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24129\Documents\GitHub\Tipping-pathways\"/>
    </mc:Choice>
  </mc:AlternateContent>
  <xr:revisionPtr revIDLastSave="0" documentId="13_ncr:1_{25FF9C28-9356-45F4-A642-A3CB854F9501}" xr6:coauthVersionLast="47" xr6:coauthVersionMax="47" xr10:uidLastSave="{00000000-0000-0000-0000-000000000000}"/>
  <bookViews>
    <workbookView xWindow="-120" yWindow="-120" windowWidth="29040" windowHeight="17640" xr2:uid="{66961CF5-5894-48DC-A2E0-40D0208FCE40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F3" i="1" l="1"/>
  <c r="AF4" i="1"/>
  <c r="AF5" i="1"/>
  <c r="AF6" i="1"/>
  <c r="AF7" i="1"/>
  <c r="AF8" i="1"/>
  <c r="AF9" i="1"/>
  <c r="AF10" i="1"/>
  <c r="AF11" i="1"/>
  <c r="AF12" i="1"/>
  <c r="AF13" i="1"/>
  <c r="AF14" i="1"/>
  <c r="AF15" i="1"/>
  <c r="AF16" i="1"/>
  <c r="AF17" i="1"/>
  <c r="AF18" i="1"/>
  <c r="AF19" i="1"/>
  <c r="AF20" i="1"/>
  <c r="AF21" i="1"/>
  <c r="AF22" i="1"/>
  <c r="AF23" i="1"/>
  <c r="AF24" i="1"/>
  <c r="AF25" i="1"/>
  <c r="AF26" i="1"/>
  <c r="AF27" i="1"/>
  <c r="AF28" i="1"/>
  <c r="AF29" i="1"/>
  <c r="AF30" i="1"/>
  <c r="AF31" i="1"/>
  <c r="AF32" i="1"/>
  <c r="AF33" i="1"/>
  <c r="AF34" i="1"/>
  <c r="AF35" i="1"/>
  <c r="AF36" i="1"/>
  <c r="AF37" i="1"/>
  <c r="AF38" i="1"/>
  <c r="AF39" i="1"/>
  <c r="AF40" i="1"/>
  <c r="AF41" i="1"/>
  <c r="AF42" i="1"/>
  <c r="AF43" i="1"/>
  <c r="AF44" i="1"/>
  <c r="AF45" i="1"/>
  <c r="AF46" i="1"/>
  <c r="AF47" i="1"/>
  <c r="AF48" i="1"/>
  <c r="AF49" i="1"/>
  <c r="AF50" i="1"/>
  <c r="AF51" i="1"/>
  <c r="AF52" i="1"/>
  <c r="AF53" i="1"/>
  <c r="AF54" i="1"/>
  <c r="AF55" i="1"/>
  <c r="AF56" i="1"/>
  <c r="AF57" i="1"/>
  <c r="AF58" i="1"/>
  <c r="AF59" i="1"/>
  <c r="AF60" i="1"/>
  <c r="AF61" i="1"/>
  <c r="AF62" i="1"/>
  <c r="AF63" i="1"/>
  <c r="AF64" i="1"/>
  <c r="AF65" i="1"/>
  <c r="AF66" i="1"/>
  <c r="AF67" i="1"/>
  <c r="AF68" i="1"/>
  <c r="AF69" i="1"/>
  <c r="AF70" i="1"/>
  <c r="AF71" i="1"/>
  <c r="AF72" i="1"/>
  <c r="AF73" i="1"/>
  <c r="AF74" i="1"/>
  <c r="AF75" i="1"/>
  <c r="AF76" i="1"/>
  <c r="AF77" i="1"/>
  <c r="AF78" i="1"/>
  <c r="AF79" i="1"/>
  <c r="AF80" i="1"/>
  <c r="AF81" i="1"/>
  <c r="AF82" i="1"/>
  <c r="AF83" i="1"/>
  <c r="AF84" i="1"/>
  <c r="AF85" i="1"/>
  <c r="AF86" i="1"/>
  <c r="AF87" i="1"/>
  <c r="AF88" i="1"/>
  <c r="AF89" i="1"/>
  <c r="AF90" i="1"/>
  <c r="AF91" i="1"/>
  <c r="AF92" i="1"/>
  <c r="AF93" i="1"/>
  <c r="AF94" i="1"/>
  <c r="AF95" i="1"/>
  <c r="AF96" i="1"/>
  <c r="AF97" i="1"/>
  <c r="AF98" i="1"/>
  <c r="AF99" i="1"/>
  <c r="AF100" i="1"/>
  <c r="AF101" i="1"/>
  <c r="AF102" i="1"/>
  <c r="AF103" i="1"/>
  <c r="AF104" i="1"/>
  <c r="AF105" i="1"/>
  <c r="AF106" i="1"/>
  <c r="AF107" i="1"/>
  <c r="AF108" i="1"/>
  <c r="AF109" i="1"/>
  <c r="AF110" i="1"/>
  <c r="AF111" i="1"/>
  <c r="AF112" i="1"/>
  <c r="AF113" i="1"/>
  <c r="AF114" i="1"/>
  <c r="AF115" i="1"/>
  <c r="AF116" i="1"/>
  <c r="AF117" i="1"/>
  <c r="AF118" i="1"/>
  <c r="AF119" i="1"/>
  <c r="AF120" i="1"/>
  <c r="AF121" i="1"/>
  <c r="AF122" i="1"/>
  <c r="AF123" i="1"/>
  <c r="AF124" i="1"/>
  <c r="AF125" i="1"/>
  <c r="AF126" i="1"/>
  <c r="AF127" i="1"/>
  <c r="AF128" i="1"/>
  <c r="AF129" i="1"/>
  <c r="AF130" i="1"/>
  <c r="AF131" i="1"/>
  <c r="AF132" i="1"/>
  <c r="AF133" i="1"/>
  <c r="AF134" i="1"/>
  <c r="AF135" i="1"/>
  <c r="AF136" i="1"/>
  <c r="AF137" i="1"/>
  <c r="AF138" i="1"/>
  <c r="AF139" i="1"/>
  <c r="AF140" i="1"/>
  <c r="AF141" i="1"/>
  <c r="AF142" i="1"/>
  <c r="AF143" i="1"/>
  <c r="AF144" i="1"/>
  <c r="AF145" i="1"/>
  <c r="AF146" i="1"/>
  <c r="AF147" i="1"/>
  <c r="AF148" i="1"/>
  <c r="AF149" i="1"/>
  <c r="AF150" i="1"/>
  <c r="AF151" i="1"/>
  <c r="AF152" i="1"/>
  <c r="AF153" i="1"/>
  <c r="AF154" i="1"/>
  <c r="AF155" i="1"/>
  <c r="AF156" i="1"/>
  <c r="AF157" i="1"/>
  <c r="AF158" i="1"/>
  <c r="AF159" i="1"/>
  <c r="AF160" i="1"/>
  <c r="AF161" i="1"/>
  <c r="AF162" i="1"/>
  <c r="AF163" i="1"/>
  <c r="AF164" i="1"/>
  <c r="AF165" i="1"/>
  <c r="AF166" i="1"/>
  <c r="AF167" i="1"/>
  <c r="AF168" i="1"/>
  <c r="AF169" i="1"/>
  <c r="AF170" i="1"/>
  <c r="AF171" i="1"/>
  <c r="AF172" i="1"/>
  <c r="AF173" i="1"/>
  <c r="AF174" i="1"/>
  <c r="AF175" i="1"/>
  <c r="AF176" i="1"/>
  <c r="AF177" i="1"/>
  <c r="AF178" i="1"/>
  <c r="AF179" i="1"/>
  <c r="AF180" i="1"/>
  <c r="AF181" i="1"/>
  <c r="AF182" i="1"/>
  <c r="AF183" i="1"/>
  <c r="AF184" i="1"/>
  <c r="AF185" i="1"/>
  <c r="AF186" i="1"/>
  <c r="AF187" i="1"/>
  <c r="AF188" i="1"/>
  <c r="AF189" i="1"/>
  <c r="AF190" i="1"/>
  <c r="AF191" i="1"/>
  <c r="AF192" i="1"/>
  <c r="AF193" i="1"/>
  <c r="AF194" i="1"/>
  <c r="AF195" i="1"/>
  <c r="AF196" i="1"/>
  <c r="AF197" i="1"/>
  <c r="AF198" i="1"/>
  <c r="AF199" i="1"/>
  <c r="AF200" i="1"/>
  <c r="AF201" i="1"/>
  <c r="AF202" i="1"/>
  <c r="AF203" i="1"/>
  <c r="AF204" i="1"/>
  <c r="AF205" i="1"/>
  <c r="AF206" i="1"/>
  <c r="AF207" i="1"/>
  <c r="AF208" i="1"/>
  <c r="AF209" i="1"/>
  <c r="AF210" i="1"/>
  <c r="AF211" i="1"/>
  <c r="AF212" i="1"/>
  <c r="AF213" i="1"/>
  <c r="AF214" i="1"/>
  <c r="AF215" i="1"/>
  <c r="AF216" i="1"/>
  <c r="AF217" i="1"/>
  <c r="AF218" i="1"/>
  <c r="AF219" i="1"/>
  <c r="AF220" i="1"/>
  <c r="AF221" i="1"/>
  <c r="AF222" i="1"/>
  <c r="AF223" i="1"/>
  <c r="AF224" i="1"/>
  <c r="AF225" i="1"/>
  <c r="AF226" i="1"/>
  <c r="AF227" i="1"/>
  <c r="AF228" i="1"/>
  <c r="AF229" i="1"/>
  <c r="AF230" i="1"/>
  <c r="AF231" i="1"/>
  <c r="AF232" i="1"/>
  <c r="AF233" i="1"/>
  <c r="AF234" i="1"/>
  <c r="AF235" i="1"/>
  <c r="AF236" i="1"/>
  <c r="AF237" i="1"/>
  <c r="AF238" i="1"/>
  <c r="AF239" i="1"/>
  <c r="AF240" i="1"/>
  <c r="AF241" i="1"/>
  <c r="AF242" i="1"/>
  <c r="AF243" i="1"/>
  <c r="AF244" i="1"/>
  <c r="AF245" i="1"/>
  <c r="AF246" i="1"/>
  <c r="AF247" i="1"/>
  <c r="AF248" i="1"/>
  <c r="AF249" i="1"/>
  <c r="AF250" i="1"/>
  <c r="AF251" i="1"/>
  <c r="AF252" i="1"/>
  <c r="AF253" i="1"/>
  <c r="AF254" i="1"/>
  <c r="AF255" i="1"/>
  <c r="AF256" i="1"/>
  <c r="AF257" i="1"/>
  <c r="AF258" i="1"/>
  <c r="AF259" i="1"/>
  <c r="AF260" i="1"/>
  <c r="AF261" i="1"/>
  <c r="AF262" i="1"/>
  <c r="AF263" i="1"/>
  <c r="AF264" i="1"/>
  <c r="AF265" i="1"/>
  <c r="AF266" i="1"/>
  <c r="AF267" i="1"/>
  <c r="AF268" i="1"/>
  <c r="AF269" i="1"/>
  <c r="AF270" i="1"/>
  <c r="AF271" i="1"/>
  <c r="AF272" i="1"/>
  <c r="AF273" i="1"/>
  <c r="AF274" i="1"/>
  <c r="AF275" i="1"/>
  <c r="AF276" i="1"/>
  <c r="AF277" i="1"/>
  <c r="AF278" i="1"/>
  <c r="AF279" i="1"/>
  <c r="AF280" i="1"/>
  <c r="AF281" i="1"/>
  <c r="AF282" i="1"/>
  <c r="AF283" i="1"/>
  <c r="AF284" i="1"/>
  <c r="AF285" i="1"/>
  <c r="AF286" i="1"/>
  <c r="AF287" i="1"/>
  <c r="AF288" i="1"/>
  <c r="AF289" i="1"/>
  <c r="AF290" i="1"/>
  <c r="AF291" i="1"/>
  <c r="AF292" i="1"/>
  <c r="AF293" i="1"/>
  <c r="AF294" i="1"/>
  <c r="AF295" i="1"/>
  <c r="AF296" i="1"/>
  <c r="AF297" i="1"/>
  <c r="AF298" i="1"/>
  <c r="AF299" i="1"/>
  <c r="AF300" i="1"/>
  <c r="AF301" i="1"/>
  <c r="AF302" i="1"/>
  <c r="AF303" i="1"/>
  <c r="AF304" i="1"/>
  <c r="AF305" i="1"/>
  <c r="AF306" i="1"/>
  <c r="AF307" i="1"/>
  <c r="AF308" i="1"/>
  <c r="AF309" i="1"/>
  <c r="AF310" i="1"/>
  <c r="AF311" i="1"/>
  <c r="AF312" i="1"/>
  <c r="AF313" i="1"/>
  <c r="AF314" i="1"/>
  <c r="AF315" i="1"/>
  <c r="AF316" i="1"/>
  <c r="AF317" i="1"/>
  <c r="AF318" i="1"/>
  <c r="AF319" i="1"/>
  <c r="AF320" i="1"/>
  <c r="AF321" i="1"/>
  <c r="AF322" i="1"/>
  <c r="AF323" i="1"/>
  <c r="AF324" i="1"/>
  <c r="AF325" i="1"/>
  <c r="AF326" i="1"/>
  <c r="AF327" i="1"/>
  <c r="AF328" i="1"/>
  <c r="AF329" i="1"/>
  <c r="AF330" i="1"/>
  <c r="AF331" i="1"/>
  <c r="AF332" i="1"/>
  <c r="AF333" i="1"/>
  <c r="AF334" i="1"/>
  <c r="AF335" i="1"/>
  <c r="AF336" i="1"/>
  <c r="AF337" i="1"/>
  <c r="AF338" i="1"/>
  <c r="AF339" i="1"/>
  <c r="AF340" i="1"/>
  <c r="AF341" i="1"/>
  <c r="AF342" i="1"/>
  <c r="AF343" i="1"/>
  <c r="AF344" i="1"/>
  <c r="AF345" i="1"/>
  <c r="AF346" i="1"/>
  <c r="AF347" i="1"/>
  <c r="AF348" i="1"/>
  <c r="AF349" i="1"/>
  <c r="AF350" i="1"/>
  <c r="AF351" i="1"/>
  <c r="AF352" i="1"/>
  <c r="AF353" i="1"/>
  <c r="AF354" i="1"/>
  <c r="AF355" i="1"/>
  <c r="AF356" i="1"/>
  <c r="AF357" i="1"/>
  <c r="AF358" i="1"/>
  <c r="AF359" i="1"/>
  <c r="AF360" i="1"/>
  <c r="AF361" i="1"/>
  <c r="AF362" i="1"/>
  <c r="AF363" i="1"/>
  <c r="AF364" i="1"/>
  <c r="AF365" i="1"/>
  <c r="AF366" i="1"/>
  <c r="AF367" i="1"/>
  <c r="AF368" i="1"/>
  <c r="AF369" i="1"/>
  <c r="AF370" i="1"/>
  <c r="AF371" i="1"/>
  <c r="AF372" i="1"/>
  <c r="AF373" i="1"/>
  <c r="AF374" i="1"/>
  <c r="AF375" i="1"/>
  <c r="AF376" i="1"/>
  <c r="AF377" i="1"/>
  <c r="AF378" i="1"/>
  <c r="AF379" i="1"/>
  <c r="AF380" i="1"/>
  <c r="AF381" i="1"/>
  <c r="AF382" i="1"/>
  <c r="AF383" i="1"/>
  <c r="AF384" i="1"/>
  <c r="AF385" i="1"/>
  <c r="AF386" i="1"/>
  <c r="AF387" i="1"/>
  <c r="AF388" i="1"/>
  <c r="AF389" i="1"/>
  <c r="AF390" i="1"/>
  <c r="AF391" i="1"/>
  <c r="AF392" i="1"/>
  <c r="AF393" i="1"/>
  <c r="AF394" i="1"/>
  <c r="AF395" i="1"/>
  <c r="AF396" i="1"/>
  <c r="AF397" i="1"/>
  <c r="AF398" i="1"/>
  <c r="AF399" i="1"/>
  <c r="AF400" i="1"/>
  <c r="AF401" i="1"/>
  <c r="AF402" i="1"/>
  <c r="AF403" i="1"/>
  <c r="AF404" i="1"/>
  <c r="AF405" i="1"/>
  <c r="AF406" i="1"/>
  <c r="AF407" i="1"/>
  <c r="AF408" i="1"/>
  <c r="AF409" i="1"/>
  <c r="AF410" i="1"/>
  <c r="AF411" i="1"/>
  <c r="AF412" i="1"/>
  <c r="AF413" i="1"/>
  <c r="AF414" i="1"/>
  <c r="AF415" i="1"/>
  <c r="AF416" i="1"/>
  <c r="AF417" i="1"/>
  <c r="AF418" i="1"/>
  <c r="AF419" i="1"/>
  <c r="AF420" i="1"/>
  <c r="AF421" i="1"/>
  <c r="AF422" i="1"/>
  <c r="AF423" i="1"/>
  <c r="AF424" i="1"/>
  <c r="AF425" i="1"/>
  <c r="AF426" i="1"/>
  <c r="AF427" i="1"/>
  <c r="AF428" i="1"/>
  <c r="AF429" i="1"/>
  <c r="AF430" i="1"/>
  <c r="AF431" i="1"/>
  <c r="AF432" i="1"/>
  <c r="AF433" i="1"/>
  <c r="AF434" i="1"/>
  <c r="AF435" i="1"/>
  <c r="AF436" i="1"/>
  <c r="AF437" i="1"/>
  <c r="AF438" i="1"/>
  <c r="AF439" i="1"/>
  <c r="AF440" i="1"/>
  <c r="AF441" i="1"/>
  <c r="AF442" i="1"/>
  <c r="AF443" i="1"/>
  <c r="AF444" i="1"/>
  <c r="AF445" i="1"/>
  <c r="AF446" i="1"/>
  <c r="AF447" i="1"/>
  <c r="AF448" i="1"/>
  <c r="AF449" i="1"/>
  <c r="AF450" i="1"/>
  <c r="AF451" i="1"/>
  <c r="AF452" i="1"/>
  <c r="AF453" i="1"/>
  <c r="AF454" i="1"/>
  <c r="AF455" i="1"/>
  <c r="AF456" i="1"/>
  <c r="AF457" i="1"/>
  <c r="AF458" i="1"/>
  <c r="AF459" i="1"/>
  <c r="AF460" i="1"/>
  <c r="AF461" i="1"/>
  <c r="AF462" i="1"/>
  <c r="AF463" i="1"/>
  <c r="AF464" i="1"/>
  <c r="AF465" i="1"/>
  <c r="AF466" i="1"/>
  <c r="AF467" i="1"/>
  <c r="AF468" i="1"/>
  <c r="AF469" i="1"/>
  <c r="AF470" i="1"/>
  <c r="AF471" i="1"/>
  <c r="AF472" i="1"/>
  <c r="AF473" i="1"/>
  <c r="AF474" i="1"/>
  <c r="AF475" i="1"/>
  <c r="AF476" i="1"/>
  <c r="AF477" i="1"/>
  <c r="AF478" i="1"/>
  <c r="AF479" i="1"/>
  <c r="AF480" i="1"/>
  <c r="AF481" i="1"/>
  <c r="AF482" i="1"/>
  <c r="AF483" i="1"/>
  <c r="AF484" i="1"/>
  <c r="AF485" i="1"/>
  <c r="AF486" i="1"/>
  <c r="AF487" i="1"/>
  <c r="AF488" i="1"/>
  <c r="AF489" i="1"/>
  <c r="AF490" i="1"/>
  <c r="AF491" i="1"/>
  <c r="AF492" i="1"/>
  <c r="AF493" i="1"/>
  <c r="AF494" i="1"/>
  <c r="AF495" i="1"/>
  <c r="AF496" i="1"/>
  <c r="AF497" i="1"/>
  <c r="AF498" i="1"/>
  <c r="AF499" i="1"/>
  <c r="AF500" i="1"/>
  <c r="AF501" i="1"/>
  <c r="AF502" i="1"/>
  <c r="AF503" i="1"/>
  <c r="AF504" i="1"/>
  <c r="AF505" i="1"/>
  <c r="AF506" i="1"/>
  <c r="AF507" i="1"/>
  <c r="AF508" i="1"/>
  <c r="AF509" i="1"/>
  <c r="AF510" i="1"/>
  <c r="AF511" i="1"/>
  <c r="AF512" i="1"/>
  <c r="AF513" i="1"/>
  <c r="AF514" i="1"/>
  <c r="AF515" i="1"/>
  <c r="AF516" i="1"/>
  <c r="AF517" i="1"/>
  <c r="AF518" i="1"/>
  <c r="AF519" i="1"/>
  <c r="AF520" i="1"/>
  <c r="AF521" i="1"/>
  <c r="AF522" i="1"/>
  <c r="AF523" i="1"/>
  <c r="AF524" i="1"/>
  <c r="AF525" i="1"/>
  <c r="AF526" i="1"/>
  <c r="AF527" i="1"/>
  <c r="AF528" i="1"/>
  <c r="AF529" i="1"/>
  <c r="AF530" i="1"/>
  <c r="AF531" i="1"/>
  <c r="AF532" i="1"/>
  <c r="AF533" i="1"/>
  <c r="AF534" i="1"/>
  <c r="AF535" i="1"/>
  <c r="AF536" i="1"/>
  <c r="AF537" i="1"/>
  <c r="AF538" i="1"/>
  <c r="AF539" i="1"/>
  <c r="AF540" i="1"/>
  <c r="AF541" i="1"/>
  <c r="AF542" i="1"/>
  <c r="AF543" i="1"/>
  <c r="AF544" i="1"/>
  <c r="AF545" i="1"/>
  <c r="AF546" i="1"/>
  <c r="AF547" i="1"/>
  <c r="AF548" i="1"/>
  <c r="AF549" i="1"/>
  <c r="AF550" i="1"/>
  <c r="AF551" i="1"/>
  <c r="AF552" i="1"/>
  <c r="AF553" i="1"/>
  <c r="AF554" i="1"/>
  <c r="AF555" i="1"/>
  <c r="AF556" i="1"/>
  <c r="AF557" i="1"/>
  <c r="AF558" i="1"/>
  <c r="AF559" i="1"/>
  <c r="AF560" i="1"/>
  <c r="AF561" i="1"/>
  <c r="AF562" i="1"/>
  <c r="AF563" i="1"/>
  <c r="AF564" i="1"/>
  <c r="AF565" i="1"/>
  <c r="AF566" i="1"/>
  <c r="AF567" i="1"/>
  <c r="AF568" i="1"/>
  <c r="AF569" i="1"/>
  <c r="AF570" i="1"/>
  <c r="AF571" i="1"/>
  <c r="AF572" i="1"/>
  <c r="AF573" i="1"/>
  <c r="AF574" i="1"/>
  <c r="AF575" i="1"/>
  <c r="AF576" i="1"/>
  <c r="AF577" i="1"/>
  <c r="AF578" i="1"/>
  <c r="AF579" i="1"/>
  <c r="AF580" i="1"/>
  <c r="AF581" i="1"/>
  <c r="AF582" i="1"/>
  <c r="AF583" i="1"/>
  <c r="AF584" i="1"/>
  <c r="AF585" i="1"/>
  <c r="AF586" i="1"/>
  <c r="AF587" i="1"/>
  <c r="AF588" i="1"/>
  <c r="AF589" i="1"/>
  <c r="AF590" i="1"/>
  <c r="AF591" i="1"/>
  <c r="AF592" i="1"/>
  <c r="AF593" i="1"/>
  <c r="AF594" i="1"/>
  <c r="AF595" i="1"/>
  <c r="AF596" i="1"/>
  <c r="AF597" i="1"/>
  <c r="AF598" i="1"/>
  <c r="AF599" i="1"/>
  <c r="AF600" i="1"/>
  <c r="AF601" i="1"/>
  <c r="AF602" i="1"/>
  <c r="AF603" i="1"/>
  <c r="AF604" i="1"/>
  <c r="AF605" i="1"/>
  <c r="AF606" i="1"/>
  <c r="AF607" i="1"/>
  <c r="AF608" i="1"/>
  <c r="AF609" i="1"/>
  <c r="AF610" i="1"/>
  <c r="AF611" i="1"/>
  <c r="AF612" i="1"/>
  <c r="AF613" i="1"/>
  <c r="AF614" i="1"/>
  <c r="AF615" i="1"/>
  <c r="AF616" i="1"/>
  <c r="AF617" i="1"/>
  <c r="AF618" i="1"/>
  <c r="AF619" i="1"/>
  <c r="AF620" i="1"/>
  <c r="AF621" i="1"/>
  <c r="AF622" i="1"/>
  <c r="AF623" i="1"/>
  <c r="AF624" i="1"/>
  <c r="AF625" i="1"/>
  <c r="AF626" i="1"/>
  <c r="AF627" i="1"/>
  <c r="AF628" i="1"/>
  <c r="AF629" i="1"/>
  <c r="AF630" i="1"/>
  <c r="AF631" i="1"/>
  <c r="AF632" i="1"/>
  <c r="AF633" i="1"/>
  <c r="AF634" i="1"/>
  <c r="AF635" i="1"/>
  <c r="AF636" i="1"/>
  <c r="AF637" i="1"/>
  <c r="AF638" i="1"/>
  <c r="AF639" i="1"/>
  <c r="AF640" i="1"/>
  <c r="AF641" i="1"/>
  <c r="AF642" i="1"/>
  <c r="AF643" i="1"/>
  <c r="AF644" i="1"/>
  <c r="AF645" i="1"/>
  <c r="AF646" i="1"/>
  <c r="AF647" i="1"/>
  <c r="AF648" i="1"/>
  <c r="AF649" i="1"/>
  <c r="AF650" i="1"/>
  <c r="AF651" i="1"/>
  <c r="AF652" i="1"/>
  <c r="AF653" i="1"/>
  <c r="AF654" i="1"/>
  <c r="AF655" i="1"/>
  <c r="AF656" i="1"/>
  <c r="AF657" i="1"/>
  <c r="AF658" i="1"/>
  <c r="AF659" i="1"/>
  <c r="AF660" i="1"/>
  <c r="AF661" i="1"/>
  <c r="AF662" i="1"/>
  <c r="AF663" i="1"/>
  <c r="AF664" i="1"/>
  <c r="AF665" i="1"/>
  <c r="AF666" i="1"/>
  <c r="AF667" i="1"/>
  <c r="AF668" i="1"/>
  <c r="AF669" i="1"/>
  <c r="AF670" i="1"/>
  <c r="AF671" i="1"/>
  <c r="AF672" i="1"/>
  <c r="AF673" i="1"/>
  <c r="AF674" i="1"/>
  <c r="AF675" i="1"/>
  <c r="AF676" i="1"/>
  <c r="AF677" i="1"/>
  <c r="AF678" i="1"/>
  <c r="AF679" i="1"/>
  <c r="AF680" i="1"/>
  <c r="AF681" i="1"/>
  <c r="AF682" i="1"/>
  <c r="AF683" i="1"/>
  <c r="AF684" i="1"/>
  <c r="AF685" i="1"/>
  <c r="AF686" i="1"/>
  <c r="AF687" i="1"/>
  <c r="AF688" i="1"/>
  <c r="AF689" i="1"/>
  <c r="AF690" i="1"/>
  <c r="AF691" i="1"/>
  <c r="AF692" i="1"/>
  <c r="AF693" i="1"/>
  <c r="AF694" i="1"/>
  <c r="AF695" i="1"/>
  <c r="AF696" i="1"/>
  <c r="AF697" i="1"/>
  <c r="AF698" i="1"/>
  <c r="AF699" i="1"/>
  <c r="AF700" i="1"/>
  <c r="AF701" i="1"/>
  <c r="AF702" i="1"/>
  <c r="AF703" i="1"/>
  <c r="AF704" i="1"/>
  <c r="AF705" i="1"/>
  <c r="AF706" i="1"/>
  <c r="AF707" i="1"/>
  <c r="AF708" i="1"/>
  <c r="AF709" i="1"/>
  <c r="AF710" i="1"/>
  <c r="AF711" i="1"/>
  <c r="AF712" i="1"/>
  <c r="AF713" i="1"/>
  <c r="AF714" i="1"/>
  <c r="AF715" i="1"/>
  <c r="AF716" i="1"/>
  <c r="AF717" i="1"/>
  <c r="AF718" i="1"/>
  <c r="AF719" i="1"/>
  <c r="AF720" i="1"/>
  <c r="AF721" i="1"/>
  <c r="AF722" i="1"/>
  <c r="AF723" i="1"/>
  <c r="AF724" i="1"/>
  <c r="AF725" i="1"/>
  <c r="AF726" i="1"/>
  <c r="AF727" i="1"/>
  <c r="AF728" i="1"/>
  <c r="AF729" i="1"/>
  <c r="AF730" i="1"/>
  <c r="AF731" i="1"/>
  <c r="AF732" i="1"/>
  <c r="AF733" i="1"/>
  <c r="AF734" i="1"/>
  <c r="AF735" i="1"/>
  <c r="AF736" i="1"/>
  <c r="AF737" i="1"/>
  <c r="AF738" i="1"/>
  <c r="AF739" i="1"/>
  <c r="AF740" i="1"/>
  <c r="AF741" i="1"/>
  <c r="AF742" i="1"/>
  <c r="AF743" i="1"/>
  <c r="AF744" i="1"/>
  <c r="AF745" i="1"/>
  <c r="AF746" i="1"/>
  <c r="AF747" i="1"/>
  <c r="AF748" i="1"/>
  <c r="AF749" i="1"/>
  <c r="AF750" i="1"/>
  <c r="AF751" i="1"/>
  <c r="AF752" i="1"/>
  <c r="AF753" i="1"/>
  <c r="AF754" i="1"/>
  <c r="AF755" i="1"/>
  <c r="AF756" i="1"/>
  <c r="AF757" i="1"/>
  <c r="AF758" i="1"/>
  <c r="AF759" i="1"/>
  <c r="AF760" i="1"/>
  <c r="AF761" i="1"/>
  <c r="AF762" i="1"/>
  <c r="AF763" i="1"/>
  <c r="AF764" i="1"/>
  <c r="AF765" i="1"/>
  <c r="AF766" i="1"/>
  <c r="AF767" i="1"/>
  <c r="AF768" i="1"/>
  <c r="AF769" i="1"/>
  <c r="AF770" i="1"/>
  <c r="AF771" i="1"/>
  <c r="AF772" i="1"/>
  <c r="AF773" i="1"/>
  <c r="AF774" i="1"/>
  <c r="AF775" i="1"/>
  <c r="AF776" i="1"/>
  <c r="AF777" i="1"/>
  <c r="AF778" i="1"/>
  <c r="AF779" i="1"/>
  <c r="AF780" i="1"/>
  <c r="AF781" i="1"/>
  <c r="AF782" i="1"/>
  <c r="AF783" i="1"/>
  <c r="AF784" i="1"/>
  <c r="AF785" i="1"/>
  <c r="AF786" i="1"/>
  <c r="AF787" i="1"/>
  <c r="AF788" i="1"/>
  <c r="AF789" i="1"/>
  <c r="AF790" i="1"/>
  <c r="AF791" i="1"/>
  <c r="AF792" i="1"/>
  <c r="AF793" i="1"/>
  <c r="AF794" i="1"/>
  <c r="AF795" i="1"/>
  <c r="AF796" i="1"/>
  <c r="AF797" i="1"/>
  <c r="AF798" i="1"/>
  <c r="AF799" i="1"/>
  <c r="AF800" i="1"/>
  <c r="AF801" i="1"/>
  <c r="AF802" i="1"/>
  <c r="AF803" i="1"/>
  <c r="AF804" i="1"/>
  <c r="AF805" i="1"/>
  <c r="AF806" i="1"/>
  <c r="AF807" i="1"/>
  <c r="AF808" i="1"/>
  <c r="AF809" i="1"/>
  <c r="AF810" i="1"/>
  <c r="AF811" i="1"/>
  <c r="AF812" i="1"/>
  <c r="AF813" i="1"/>
  <c r="AF814" i="1"/>
  <c r="AF815" i="1"/>
  <c r="AF816" i="1"/>
  <c r="AF817" i="1"/>
  <c r="AF818" i="1"/>
  <c r="AF819" i="1"/>
  <c r="AF820" i="1"/>
  <c r="AF821" i="1"/>
  <c r="AF822" i="1"/>
  <c r="AF823" i="1"/>
  <c r="AF824" i="1"/>
  <c r="AF825" i="1"/>
  <c r="AF826" i="1"/>
  <c r="AF827" i="1"/>
  <c r="AF828" i="1"/>
  <c r="AF829" i="1"/>
  <c r="AF830" i="1"/>
  <c r="AF831" i="1"/>
  <c r="AF832" i="1"/>
  <c r="AF833" i="1"/>
  <c r="AF834" i="1"/>
  <c r="AF835" i="1"/>
  <c r="AF836" i="1"/>
  <c r="AF837" i="1"/>
  <c r="AF838" i="1"/>
  <c r="AF839" i="1"/>
  <c r="AF840" i="1"/>
  <c r="AF841" i="1"/>
  <c r="AF842" i="1"/>
  <c r="AF843" i="1"/>
  <c r="AF844" i="1"/>
  <c r="AF845" i="1"/>
  <c r="AF846" i="1"/>
  <c r="AF847" i="1"/>
  <c r="AF848" i="1"/>
  <c r="AF849" i="1"/>
  <c r="AF850" i="1"/>
  <c r="AF851" i="1"/>
  <c r="AF852" i="1"/>
  <c r="AF853" i="1"/>
  <c r="AF854" i="1"/>
  <c r="AF855" i="1"/>
  <c r="AF856" i="1"/>
  <c r="AF857" i="1"/>
  <c r="AF858" i="1"/>
  <c r="AF859" i="1"/>
  <c r="AF860" i="1"/>
  <c r="AF861" i="1"/>
  <c r="AF862" i="1"/>
  <c r="AF863" i="1"/>
  <c r="AF864" i="1"/>
  <c r="AF865" i="1"/>
  <c r="AF866" i="1"/>
  <c r="AF867" i="1"/>
  <c r="AF868" i="1"/>
  <c r="AF869" i="1"/>
  <c r="AF870" i="1"/>
  <c r="AF871" i="1"/>
  <c r="AF872" i="1"/>
  <c r="AF873" i="1"/>
  <c r="AF874" i="1"/>
  <c r="AF875" i="1"/>
  <c r="AF876" i="1"/>
  <c r="AF877" i="1"/>
  <c r="AF878" i="1"/>
  <c r="AF879" i="1"/>
  <c r="AF880" i="1"/>
  <c r="AF881" i="1"/>
  <c r="AF882" i="1"/>
  <c r="AF883" i="1"/>
  <c r="AF884" i="1"/>
  <c r="AF885" i="1"/>
  <c r="AF886" i="1"/>
  <c r="AF887" i="1"/>
  <c r="AF888" i="1"/>
  <c r="AF889" i="1"/>
  <c r="AF890" i="1"/>
  <c r="AF891" i="1"/>
  <c r="AF892" i="1"/>
  <c r="AF893" i="1"/>
  <c r="AF894" i="1"/>
  <c r="AF895" i="1"/>
  <c r="AF896" i="1"/>
  <c r="AF897" i="1"/>
  <c r="AF898" i="1"/>
  <c r="AF899" i="1"/>
  <c r="AF900" i="1"/>
  <c r="AF901" i="1"/>
  <c r="AF902" i="1"/>
  <c r="AF903" i="1"/>
  <c r="AF904" i="1"/>
  <c r="AF905" i="1"/>
  <c r="AF906" i="1"/>
  <c r="AF907" i="1"/>
  <c r="AF908" i="1"/>
  <c r="AF909" i="1"/>
  <c r="AF910" i="1"/>
  <c r="AF911" i="1"/>
  <c r="AF912" i="1"/>
  <c r="AF913" i="1"/>
  <c r="AF914" i="1"/>
  <c r="AF915" i="1"/>
  <c r="AF916" i="1"/>
  <c r="AF917" i="1"/>
  <c r="AF918" i="1"/>
  <c r="AF919" i="1"/>
  <c r="AF920" i="1"/>
  <c r="AF921" i="1"/>
  <c r="AF922" i="1"/>
  <c r="AF923" i="1"/>
  <c r="AF924" i="1"/>
  <c r="AF925" i="1"/>
  <c r="AF926" i="1"/>
  <c r="AF927" i="1"/>
  <c r="AF928" i="1"/>
  <c r="AF929" i="1"/>
  <c r="AF930" i="1"/>
  <c r="AF931" i="1"/>
  <c r="AF932" i="1"/>
  <c r="AF933" i="1"/>
  <c r="AF934" i="1"/>
  <c r="AF935" i="1"/>
  <c r="AF936" i="1"/>
  <c r="AF937" i="1"/>
  <c r="AF938" i="1"/>
  <c r="AF939" i="1"/>
  <c r="AF940" i="1"/>
  <c r="AF941" i="1"/>
  <c r="AF942" i="1"/>
  <c r="AF943" i="1"/>
  <c r="AF944" i="1"/>
  <c r="AF945" i="1"/>
  <c r="AF946" i="1"/>
  <c r="AF947" i="1"/>
  <c r="AF948" i="1"/>
  <c r="AF949" i="1"/>
  <c r="AF950" i="1"/>
  <c r="AF951" i="1"/>
  <c r="AF952" i="1"/>
  <c r="AF953" i="1"/>
  <c r="AF954" i="1"/>
  <c r="AF955" i="1"/>
  <c r="AF956" i="1"/>
  <c r="AF957" i="1"/>
  <c r="AF958" i="1"/>
  <c r="AF959" i="1"/>
  <c r="AF960" i="1"/>
  <c r="AF961" i="1"/>
  <c r="AF962" i="1"/>
  <c r="AF963" i="1"/>
  <c r="AF964" i="1"/>
  <c r="AF965" i="1"/>
  <c r="AF966" i="1"/>
  <c r="AF967" i="1"/>
  <c r="AF968" i="1"/>
  <c r="AF969" i="1"/>
  <c r="AF970" i="1"/>
  <c r="AF971" i="1"/>
  <c r="AF972" i="1"/>
  <c r="AF973" i="1"/>
  <c r="AF974" i="1"/>
  <c r="AF975" i="1"/>
  <c r="AF976" i="1"/>
  <c r="AF977" i="1"/>
  <c r="AF978" i="1"/>
  <c r="AF979" i="1"/>
  <c r="AF980" i="1"/>
  <c r="AF981" i="1"/>
  <c r="AF982" i="1"/>
  <c r="AF983" i="1"/>
  <c r="AF984" i="1"/>
  <c r="AF985" i="1"/>
  <c r="AF986" i="1"/>
  <c r="AF987" i="1"/>
  <c r="AF988" i="1"/>
  <c r="AF989" i="1"/>
  <c r="AF990" i="1"/>
  <c r="AF991" i="1"/>
  <c r="AF992" i="1"/>
  <c r="AF993" i="1"/>
  <c r="AF994" i="1"/>
  <c r="AF995" i="1"/>
  <c r="AF996" i="1"/>
  <c r="AF997" i="1"/>
  <c r="AF998" i="1"/>
  <c r="AF999" i="1"/>
  <c r="AF1000" i="1"/>
  <c r="AF1001" i="1"/>
  <c r="AF1002" i="1"/>
  <c r="AF1003" i="1"/>
  <c r="AF1004" i="1"/>
  <c r="AF1005" i="1"/>
  <c r="AF1006" i="1"/>
  <c r="AF1007" i="1"/>
  <c r="AF1008" i="1"/>
  <c r="AF1009" i="1"/>
  <c r="AF1010" i="1"/>
  <c r="AF1011" i="1"/>
  <c r="AF1012" i="1"/>
  <c r="AF1013" i="1"/>
  <c r="AF1014" i="1"/>
  <c r="AF1015" i="1"/>
  <c r="AF1016" i="1"/>
  <c r="AF1017" i="1"/>
  <c r="AF1018" i="1"/>
  <c r="AF1019" i="1"/>
  <c r="AF1020" i="1"/>
  <c r="AF1021" i="1"/>
  <c r="AF1022" i="1"/>
  <c r="AF1023" i="1"/>
  <c r="AF1024" i="1"/>
  <c r="AF1025" i="1"/>
  <c r="AF1026" i="1"/>
  <c r="AF1027" i="1"/>
  <c r="AF1028" i="1"/>
  <c r="AF1029" i="1"/>
  <c r="AF1030" i="1"/>
  <c r="AF1031" i="1"/>
  <c r="AF1032" i="1"/>
  <c r="AF1033" i="1"/>
  <c r="AF1034" i="1"/>
  <c r="AF1035" i="1"/>
  <c r="AF1036" i="1"/>
  <c r="AF1037" i="1"/>
  <c r="AF1038" i="1"/>
  <c r="AF1039" i="1"/>
  <c r="AF1040" i="1"/>
  <c r="AF1041" i="1"/>
  <c r="AF1042" i="1"/>
  <c r="AF1043" i="1"/>
  <c r="AF1044" i="1"/>
  <c r="AF1045" i="1"/>
  <c r="AF1046" i="1"/>
  <c r="AF1047" i="1"/>
  <c r="AF1048" i="1"/>
  <c r="AF1049" i="1"/>
  <c r="AF1050" i="1"/>
  <c r="AF1051" i="1"/>
  <c r="AF1052" i="1"/>
  <c r="AF1053" i="1"/>
  <c r="AF1054" i="1"/>
  <c r="AF1055" i="1"/>
  <c r="AF1056" i="1"/>
  <c r="AF1057" i="1"/>
  <c r="AF1058" i="1"/>
  <c r="AF1059" i="1"/>
  <c r="AF1060" i="1"/>
  <c r="AF1061" i="1"/>
  <c r="AF1062" i="1"/>
  <c r="AF1063" i="1"/>
  <c r="AF1064" i="1"/>
  <c r="AF1065" i="1"/>
  <c r="AF1066" i="1"/>
  <c r="AF1067" i="1"/>
  <c r="AF1068" i="1"/>
  <c r="AF1069" i="1"/>
  <c r="AF1070" i="1"/>
  <c r="AF1071" i="1"/>
  <c r="AF1072" i="1"/>
  <c r="AF1073" i="1"/>
  <c r="AF1074" i="1"/>
  <c r="AF1075" i="1"/>
  <c r="AF1076" i="1"/>
  <c r="AF1077" i="1"/>
  <c r="AF1078" i="1"/>
  <c r="AF1079" i="1"/>
  <c r="AF1080" i="1"/>
  <c r="AF1081" i="1"/>
  <c r="AF1082" i="1"/>
  <c r="AF1083" i="1"/>
  <c r="AF1084" i="1"/>
  <c r="AF1085" i="1"/>
  <c r="AF1086" i="1"/>
  <c r="AF1087" i="1"/>
  <c r="AF1088" i="1"/>
  <c r="AF1089" i="1"/>
  <c r="AF1090" i="1"/>
  <c r="AF1091" i="1"/>
  <c r="AF1092" i="1"/>
  <c r="AF1093" i="1"/>
  <c r="AF1094" i="1"/>
  <c r="AF1095" i="1"/>
  <c r="AF1096" i="1"/>
  <c r="AF1097" i="1"/>
  <c r="AF1098" i="1"/>
  <c r="AF1099" i="1"/>
  <c r="AF1100" i="1"/>
  <c r="AF1101" i="1"/>
  <c r="AF1102" i="1"/>
  <c r="AF1103" i="1"/>
  <c r="AF1104" i="1"/>
  <c r="AF1105" i="1"/>
  <c r="AF1106" i="1"/>
  <c r="AF1107" i="1"/>
  <c r="AF1108" i="1"/>
  <c r="AF1109" i="1"/>
  <c r="AF1110" i="1"/>
  <c r="AF1111" i="1"/>
  <c r="AF1112" i="1"/>
  <c r="AF1113" i="1"/>
  <c r="AF1114" i="1"/>
  <c r="AF1115" i="1"/>
  <c r="AF1116" i="1"/>
  <c r="AF1117" i="1"/>
  <c r="AF1118" i="1"/>
  <c r="AF1119" i="1"/>
  <c r="AF1120" i="1"/>
  <c r="AF1121" i="1"/>
  <c r="AF1122" i="1"/>
  <c r="AF1123" i="1"/>
  <c r="AF1124" i="1"/>
  <c r="AF1125" i="1"/>
  <c r="AF1126" i="1"/>
  <c r="AF1127" i="1"/>
  <c r="AF1128" i="1"/>
  <c r="AF1129" i="1"/>
  <c r="AF1130" i="1"/>
  <c r="AF1131" i="1"/>
  <c r="AF1132" i="1"/>
  <c r="AF1133" i="1"/>
  <c r="AF1134" i="1"/>
  <c r="AF1135" i="1"/>
  <c r="AF1136" i="1"/>
  <c r="AF1137" i="1"/>
  <c r="AF1138" i="1"/>
  <c r="AF1139" i="1"/>
  <c r="AF1140" i="1"/>
  <c r="AF1141" i="1"/>
  <c r="AF1142" i="1"/>
  <c r="AF1143" i="1"/>
  <c r="AF1144" i="1"/>
  <c r="AF1145" i="1"/>
  <c r="AF1146" i="1"/>
  <c r="AF1147" i="1"/>
  <c r="AF1148" i="1"/>
  <c r="AF1149" i="1"/>
  <c r="AF1150" i="1"/>
  <c r="AF1151" i="1"/>
  <c r="AF1152" i="1"/>
  <c r="AF1153" i="1"/>
  <c r="AF1154" i="1"/>
  <c r="AF1155" i="1"/>
  <c r="AF1156" i="1"/>
  <c r="AF1157" i="1"/>
  <c r="AF1158" i="1"/>
  <c r="AF1159" i="1"/>
  <c r="AF1160" i="1"/>
  <c r="AF1161" i="1"/>
  <c r="AF1162" i="1"/>
  <c r="AF1163" i="1"/>
  <c r="AF1164" i="1"/>
  <c r="AF1165" i="1"/>
  <c r="AF1166" i="1"/>
  <c r="AF1167" i="1"/>
  <c r="AF1168" i="1"/>
  <c r="AF1169" i="1"/>
  <c r="AF1170" i="1"/>
  <c r="AF1171" i="1"/>
  <c r="AF1172" i="1"/>
  <c r="AF1173" i="1"/>
  <c r="AF1174" i="1"/>
  <c r="AF1175" i="1"/>
  <c r="AF1176" i="1"/>
  <c r="AF1177" i="1"/>
  <c r="AF1178" i="1"/>
  <c r="AF1179" i="1"/>
  <c r="AF1180" i="1"/>
  <c r="AF1181" i="1"/>
  <c r="AF1182" i="1"/>
  <c r="AF1183" i="1"/>
  <c r="AF1184" i="1"/>
  <c r="AF1185" i="1"/>
  <c r="AF1186" i="1"/>
  <c r="AF1187" i="1"/>
  <c r="AF1188" i="1"/>
  <c r="AF1189" i="1"/>
  <c r="AF1190" i="1"/>
  <c r="AF1191" i="1"/>
  <c r="AF1192" i="1"/>
  <c r="AF1193" i="1"/>
  <c r="AF1194" i="1"/>
  <c r="AF1195" i="1"/>
  <c r="AF1196" i="1"/>
  <c r="AF1197" i="1"/>
  <c r="AF1198" i="1"/>
  <c r="AF1199" i="1"/>
  <c r="AF1200" i="1"/>
  <c r="AF1201" i="1"/>
  <c r="AF1202" i="1"/>
  <c r="AF1203" i="1"/>
  <c r="AF1204" i="1"/>
  <c r="AF1205" i="1"/>
  <c r="AF1206" i="1"/>
  <c r="AF1207" i="1"/>
  <c r="AF1208" i="1"/>
  <c r="AF1209" i="1"/>
  <c r="AF1210" i="1"/>
  <c r="AF1211" i="1"/>
  <c r="AF1212" i="1"/>
  <c r="AF1213" i="1"/>
  <c r="AF1214" i="1"/>
  <c r="AF1215" i="1"/>
  <c r="AF1216" i="1"/>
  <c r="AF1217" i="1"/>
  <c r="AF1218" i="1"/>
  <c r="AF1219" i="1"/>
  <c r="AF1220" i="1"/>
  <c r="AF1221" i="1"/>
  <c r="AF1222" i="1"/>
  <c r="AF1223" i="1"/>
  <c r="AF1224" i="1"/>
  <c r="AF1225" i="1"/>
  <c r="AF1226" i="1"/>
  <c r="AF1227" i="1"/>
  <c r="AF1228" i="1"/>
  <c r="AF1229" i="1"/>
  <c r="AF1230" i="1"/>
  <c r="AF1231" i="1"/>
  <c r="AF1232" i="1"/>
  <c r="AF1233" i="1"/>
  <c r="AF1234" i="1"/>
  <c r="AF1235" i="1"/>
  <c r="AF1236" i="1"/>
  <c r="AF1237" i="1"/>
  <c r="AF1238" i="1"/>
  <c r="AF1239" i="1"/>
  <c r="AF1240" i="1"/>
  <c r="AF1241" i="1"/>
  <c r="AF1242" i="1"/>
  <c r="AF1243" i="1"/>
  <c r="AF1244" i="1"/>
  <c r="AF1245" i="1"/>
  <c r="AF1246" i="1"/>
  <c r="AF1247" i="1"/>
  <c r="AF1248" i="1"/>
  <c r="AF1249" i="1"/>
  <c r="AF1250" i="1"/>
  <c r="AF1251" i="1"/>
  <c r="AF1252" i="1"/>
  <c r="AF1253" i="1"/>
  <c r="AF1254" i="1"/>
  <c r="AF1255" i="1"/>
  <c r="AF1256" i="1"/>
  <c r="AF1257" i="1"/>
  <c r="AF1258" i="1"/>
  <c r="AF1259" i="1"/>
  <c r="AF1260" i="1"/>
  <c r="AF1261" i="1"/>
  <c r="AF1262" i="1"/>
  <c r="AF1263" i="1"/>
  <c r="AF1264" i="1"/>
  <c r="AF1265" i="1"/>
  <c r="AF1266" i="1"/>
  <c r="AF1267" i="1"/>
  <c r="AF1268" i="1"/>
  <c r="AF1269" i="1"/>
  <c r="AF1270" i="1"/>
  <c r="AF1271" i="1"/>
  <c r="AF1272" i="1"/>
  <c r="AF1273" i="1"/>
  <c r="AF1274" i="1"/>
  <c r="AF1275" i="1"/>
  <c r="AF1276" i="1"/>
  <c r="AF1277" i="1"/>
  <c r="AF1278" i="1"/>
  <c r="AF1279" i="1"/>
  <c r="AF1280" i="1"/>
  <c r="AF1281" i="1"/>
  <c r="AF1282" i="1"/>
  <c r="AF1283" i="1"/>
  <c r="AF1284" i="1"/>
  <c r="AF1285" i="1"/>
  <c r="AF1286" i="1"/>
  <c r="AF1287" i="1"/>
  <c r="AF1288" i="1"/>
  <c r="AF1289" i="1"/>
  <c r="AF1290" i="1"/>
  <c r="AF1291" i="1"/>
  <c r="AF1292" i="1"/>
  <c r="AF1293" i="1"/>
  <c r="AF1294" i="1"/>
  <c r="AF1295" i="1"/>
  <c r="AF1296" i="1"/>
  <c r="AF1297" i="1"/>
  <c r="AF1298" i="1"/>
  <c r="AF1299" i="1"/>
  <c r="AF1300" i="1"/>
  <c r="AF1301" i="1"/>
  <c r="AF1302" i="1"/>
  <c r="AF1303" i="1"/>
  <c r="AF1304" i="1"/>
  <c r="AF1305" i="1"/>
  <c r="AF1306" i="1"/>
  <c r="AF1307" i="1"/>
  <c r="AF1308" i="1"/>
  <c r="AF1309" i="1"/>
  <c r="AF1310" i="1"/>
  <c r="AF1311" i="1"/>
  <c r="AF1312" i="1"/>
  <c r="AF1313" i="1"/>
  <c r="AF1314" i="1"/>
  <c r="AF1315" i="1"/>
  <c r="AF1316" i="1"/>
  <c r="AF1317" i="1"/>
  <c r="AF1318" i="1"/>
  <c r="AF1319" i="1"/>
  <c r="AF1320" i="1"/>
  <c r="AF1321" i="1"/>
  <c r="AF1322" i="1"/>
  <c r="AF1323" i="1"/>
  <c r="AF1324" i="1"/>
  <c r="AF1325" i="1"/>
  <c r="AF1326" i="1"/>
  <c r="AF1327" i="1"/>
  <c r="AF1328" i="1"/>
  <c r="AF1329" i="1"/>
  <c r="AF1330" i="1"/>
  <c r="AF1331" i="1"/>
  <c r="AF1332" i="1"/>
  <c r="AF1333" i="1"/>
  <c r="AF1334" i="1"/>
  <c r="AF1335" i="1"/>
  <c r="AF1336" i="1"/>
  <c r="AF1337" i="1"/>
  <c r="AF1338" i="1"/>
  <c r="AF1339" i="1"/>
  <c r="AF1340" i="1"/>
  <c r="AF1341" i="1"/>
  <c r="AF1342" i="1"/>
  <c r="AF1343" i="1"/>
  <c r="AF1344" i="1"/>
  <c r="AF1345" i="1"/>
  <c r="AF1346" i="1"/>
  <c r="AF1347" i="1"/>
  <c r="AF1348" i="1"/>
  <c r="AF1349" i="1"/>
  <c r="AF1350" i="1"/>
  <c r="AF1351" i="1"/>
  <c r="AF1352" i="1"/>
  <c r="AF1353" i="1"/>
  <c r="AF1354" i="1"/>
  <c r="AF1355" i="1"/>
  <c r="AF1356" i="1"/>
  <c r="AF1357" i="1"/>
  <c r="AF1358" i="1"/>
  <c r="AF1359" i="1"/>
  <c r="AF1360" i="1"/>
  <c r="AF1361" i="1"/>
  <c r="AF1362" i="1"/>
  <c r="AF1363" i="1"/>
  <c r="AF1364" i="1"/>
  <c r="AF1365" i="1"/>
  <c r="AF1366" i="1"/>
  <c r="AF1367" i="1"/>
  <c r="AF1368" i="1"/>
  <c r="AF1369" i="1"/>
  <c r="AF1370" i="1"/>
  <c r="AF1371" i="1"/>
  <c r="AF1372" i="1"/>
  <c r="AF1373" i="1"/>
  <c r="AF1374" i="1"/>
  <c r="AF1375" i="1"/>
  <c r="AF1376" i="1"/>
  <c r="AF1377" i="1"/>
  <c r="AF1378" i="1"/>
  <c r="AF1379" i="1"/>
  <c r="AF1380" i="1"/>
  <c r="AF1381" i="1"/>
  <c r="AF1382" i="1"/>
  <c r="AF1383" i="1"/>
  <c r="AF1384" i="1"/>
  <c r="AF1385" i="1"/>
  <c r="AF1386" i="1"/>
  <c r="AF1387" i="1"/>
  <c r="AF1388" i="1"/>
  <c r="AF1389" i="1"/>
  <c r="AF1390" i="1"/>
  <c r="AF1391" i="1"/>
  <c r="AF1392" i="1"/>
  <c r="AF1393" i="1"/>
  <c r="AF1394" i="1"/>
  <c r="AF1395" i="1"/>
  <c r="AF1396" i="1"/>
  <c r="AF1397" i="1"/>
  <c r="AF1398" i="1"/>
  <c r="AF1399" i="1"/>
  <c r="AF1400" i="1"/>
  <c r="AF1401" i="1"/>
  <c r="AF1402" i="1"/>
  <c r="AF1403" i="1"/>
  <c r="AF1404" i="1"/>
  <c r="AF1405" i="1"/>
  <c r="AF1406" i="1"/>
  <c r="AF1407" i="1"/>
  <c r="AF1408" i="1"/>
  <c r="AF1409" i="1"/>
  <c r="AF1410" i="1"/>
  <c r="AF1411" i="1"/>
  <c r="AF1412" i="1"/>
  <c r="AF1413" i="1"/>
  <c r="AF1414" i="1"/>
  <c r="AF1415" i="1"/>
  <c r="AF1416" i="1"/>
  <c r="AF1417" i="1"/>
  <c r="AF1418" i="1"/>
  <c r="AF1419" i="1"/>
  <c r="AF1420" i="1"/>
  <c r="AF1421" i="1"/>
  <c r="AF1422" i="1"/>
  <c r="AF1423" i="1"/>
  <c r="AF1424" i="1"/>
  <c r="AF1425" i="1"/>
  <c r="AF1426" i="1"/>
  <c r="AF1427" i="1"/>
  <c r="AF1428" i="1"/>
  <c r="AF1429" i="1"/>
  <c r="AF1430" i="1"/>
  <c r="AF1431" i="1"/>
  <c r="AF1432" i="1"/>
  <c r="AF1433" i="1"/>
  <c r="AF1434" i="1"/>
  <c r="AF1435" i="1"/>
  <c r="AF1436" i="1"/>
  <c r="AF1437" i="1"/>
  <c r="AF1438" i="1"/>
  <c r="AF1439" i="1"/>
  <c r="AF1440" i="1"/>
  <c r="AF1441" i="1"/>
  <c r="AF1442" i="1"/>
  <c r="AF1443" i="1"/>
  <c r="AF1444" i="1"/>
  <c r="AF1445" i="1"/>
  <c r="AF1446" i="1"/>
  <c r="AF1447" i="1"/>
  <c r="AF1448" i="1"/>
  <c r="AF1449" i="1"/>
  <c r="AF1450" i="1"/>
  <c r="AF1451" i="1"/>
  <c r="AF1452" i="1"/>
  <c r="AF1453" i="1"/>
  <c r="AF1454" i="1"/>
  <c r="AF1455" i="1"/>
  <c r="AF1456" i="1"/>
  <c r="AF1457" i="1"/>
  <c r="AF1458" i="1"/>
  <c r="AF1459" i="1"/>
  <c r="AF1460" i="1"/>
  <c r="AF1461" i="1"/>
  <c r="AF1462" i="1"/>
  <c r="AF1463" i="1"/>
  <c r="AF1464" i="1"/>
  <c r="AF1465" i="1"/>
  <c r="AF1466" i="1"/>
  <c r="AF1467" i="1"/>
  <c r="AF1468" i="1"/>
  <c r="AF1469" i="1"/>
  <c r="AF1470" i="1"/>
  <c r="AF1471" i="1"/>
  <c r="AF1472" i="1"/>
  <c r="AF1473" i="1"/>
  <c r="AF1474" i="1"/>
  <c r="AF1475" i="1"/>
  <c r="AF1476" i="1"/>
  <c r="AF1477" i="1"/>
  <c r="AF1478" i="1"/>
  <c r="AF1479" i="1"/>
  <c r="AF1480" i="1"/>
  <c r="AF1481" i="1"/>
  <c r="AF1482" i="1"/>
  <c r="AF1483" i="1"/>
  <c r="AF1484" i="1"/>
  <c r="AF1485" i="1"/>
  <c r="AF1486" i="1"/>
  <c r="AF1487" i="1"/>
  <c r="AF1488" i="1"/>
  <c r="AF1489" i="1"/>
  <c r="AF1490" i="1"/>
  <c r="AF1491" i="1"/>
  <c r="AF1492" i="1"/>
  <c r="AF1493" i="1"/>
  <c r="AF1494" i="1"/>
  <c r="AF1495" i="1"/>
  <c r="AF1496" i="1"/>
  <c r="AF1497" i="1"/>
  <c r="AF1498" i="1"/>
  <c r="AF1499" i="1"/>
  <c r="AF1500" i="1"/>
  <c r="AF1501" i="1"/>
  <c r="AF1502" i="1"/>
  <c r="AF1503" i="1"/>
  <c r="AF1504" i="1"/>
  <c r="AF1505" i="1"/>
  <c r="AF1506" i="1"/>
  <c r="AF1507" i="1"/>
  <c r="AF1508" i="1"/>
  <c r="AF1509" i="1"/>
  <c r="AF1510" i="1"/>
  <c r="AF1511" i="1"/>
  <c r="AF1512" i="1"/>
  <c r="AF1513" i="1"/>
  <c r="AF1514" i="1"/>
  <c r="AF1515" i="1"/>
  <c r="AF1516" i="1"/>
  <c r="AF1517" i="1"/>
  <c r="AF1518" i="1"/>
  <c r="AF1519" i="1"/>
  <c r="AF1520" i="1"/>
  <c r="AF1521" i="1"/>
  <c r="AF1522" i="1"/>
  <c r="AF1523" i="1"/>
  <c r="AF1524" i="1"/>
  <c r="AF1525" i="1"/>
  <c r="AF1526" i="1"/>
  <c r="AF1527" i="1"/>
  <c r="AF1528" i="1"/>
  <c r="AF1529" i="1"/>
  <c r="AF1530" i="1"/>
  <c r="AF1531" i="1"/>
  <c r="AF1532" i="1"/>
  <c r="AF1533" i="1"/>
  <c r="AF1534" i="1"/>
  <c r="AF1535" i="1"/>
  <c r="AF1536" i="1"/>
  <c r="AF1537" i="1"/>
  <c r="AF1538" i="1"/>
  <c r="AF1539" i="1"/>
  <c r="AF1540" i="1"/>
  <c r="AF1541" i="1"/>
  <c r="AF1542" i="1"/>
  <c r="AF1543" i="1"/>
  <c r="AF1544" i="1"/>
  <c r="AF1545" i="1"/>
  <c r="AF1546" i="1"/>
  <c r="AF1547" i="1"/>
  <c r="AF1548" i="1"/>
  <c r="AF1549" i="1"/>
  <c r="AF1550" i="1"/>
  <c r="AF1551" i="1"/>
  <c r="AF1552" i="1"/>
  <c r="AF1553" i="1"/>
  <c r="AF1554" i="1"/>
  <c r="AF1555" i="1"/>
  <c r="AF1556" i="1"/>
  <c r="AF1557" i="1"/>
  <c r="AF1558" i="1"/>
  <c r="AF1559" i="1"/>
  <c r="AF1560" i="1"/>
  <c r="AF1561" i="1"/>
  <c r="AF1562" i="1"/>
  <c r="AF1563" i="1"/>
  <c r="AF1564" i="1"/>
  <c r="AF1565" i="1"/>
  <c r="AF1566" i="1"/>
  <c r="AF1567" i="1"/>
  <c r="AF1568" i="1"/>
  <c r="AF1569" i="1"/>
  <c r="AF1570" i="1"/>
  <c r="AF1571" i="1"/>
  <c r="AF1572" i="1"/>
  <c r="AF1573" i="1"/>
  <c r="AF1574" i="1"/>
  <c r="AF1575" i="1"/>
  <c r="AF1576" i="1"/>
  <c r="AF1577" i="1"/>
  <c r="AF1578" i="1"/>
  <c r="AF1579" i="1"/>
  <c r="AF1580" i="1"/>
  <c r="AF1581" i="1"/>
  <c r="AF1582" i="1"/>
  <c r="AF1583" i="1"/>
  <c r="AF1584" i="1"/>
  <c r="AF1585" i="1"/>
  <c r="AF1586" i="1"/>
  <c r="AF1587" i="1"/>
  <c r="AF1588" i="1"/>
  <c r="AF1589" i="1"/>
  <c r="AF1590" i="1"/>
  <c r="AF1591" i="1"/>
  <c r="AF1592" i="1"/>
  <c r="AF1593" i="1"/>
  <c r="AF1594" i="1"/>
  <c r="AF1595" i="1"/>
  <c r="AF1596" i="1"/>
  <c r="AF1597" i="1"/>
  <c r="AF1598" i="1"/>
  <c r="AF1599" i="1"/>
  <c r="AF1600" i="1"/>
  <c r="AF1601" i="1"/>
  <c r="AF1602" i="1"/>
  <c r="AF1603" i="1"/>
  <c r="AF1604" i="1"/>
  <c r="AF1605" i="1"/>
  <c r="AF1606" i="1"/>
  <c r="AF1607" i="1"/>
  <c r="AF1608" i="1"/>
  <c r="AF1609" i="1"/>
  <c r="AF1610" i="1"/>
  <c r="AF1611" i="1"/>
  <c r="AF1612" i="1"/>
  <c r="AF1613" i="1"/>
  <c r="AF1614" i="1"/>
  <c r="AF1615" i="1"/>
  <c r="AF1616" i="1"/>
  <c r="AF1617" i="1"/>
  <c r="AF1618" i="1"/>
  <c r="AF1619" i="1"/>
  <c r="AF1620" i="1"/>
  <c r="AF1621" i="1"/>
  <c r="AF1622" i="1"/>
  <c r="AF1623" i="1"/>
  <c r="AF1624" i="1"/>
  <c r="AF1625" i="1"/>
  <c r="AF1626" i="1"/>
  <c r="AF1627" i="1"/>
  <c r="AF1628" i="1"/>
  <c r="AF1629" i="1"/>
  <c r="AF1630" i="1"/>
  <c r="AF1631" i="1"/>
  <c r="AF1632" i="1"/>
  <c r="AF1633" i="1"/>
  <c r="AF1634" i="1"/>
  <c r="AF1635" i="1"/>
  <c r="AF1636" i="1"/>
  <c r="AF1637" i="1"/>
  <c r="AF1638" i="1"/>
  <c r="AF1639" i="1"/>
  <c r="AF1640" i="1"/>
  <c r="AF1641" i="1"/>
  <c r="AF1642" i="1"/>
  <c r="AF1643" i="1"/>
  <c r="AF1644" i="1"/>
  <c r="AF1645" i="1"/>
  <c r="AF1646" i="1"/>
  <c r="AF1647" i="1"/>
  <c r="AF1648" i="1"/>
  <c r="AF1649" i="1"/>
  <c r="AF1650" i="1"/>
  <c r="AF1651" i="1"/>
  <c r="AF1652" i="1"/>
  <c r="AF1653" i="1"/>
  <c r="AF1654" i="1"/>
  <c r="AF1655" i="1"/>
  <c r="AF1656" i="1"/>
  <c r="AF1657" i="1"/>
  <c r="AF1658" i="1"/>
  <c r="AF1659" i="1"/>
  <c r="AF1660" i="1"/>
  <c r="AF1661" i="1"/>
  <c r="AF1662" i="1"/>
  <c r="AF1663" i="1"/>
  <c r="AF1664" i="1"/>
  <c r="AF1665" i="1"/>
  <c r="AF1666" i="1"/>
  <c r="AF1667" i="1"/>
  <c r="AF1668" i="1"/>
  <c r="AF1669" i="1"/>
  <c r="AF1670" i="1"/>
  <c r="AF1671" i="1"/>
  <c r="AF1672" i="1"/>
  <c r="AF1673" i="1"/>
  <c r="AF1674" i="1"/>
  <c r="AF1675" i="1"/>
  <c r="AF1676" i="1"/>
  <c r="AF1677" i="1"/>
  <c r="AF1678" i="1"/>
  <c r="AF1679" i="1"/>
  <c r="AF1680" i="1"/>
  <c r="AF1681" i="1"/>
  <c r="AF1682" i="1"/>
  <c r="AF1683" i="1"/>
  <c r="AF1684" i="1"/>
  <c r="AF1685" i="1"/>
  <c r="AF1686" i="1"/>
  <c r="AF1687" i="1"/>
  <c r="AF1688" i="1"/>
  <c r="AF1689" i="1"/>
  <c r="AF1690" i="1"/>
  <c r="AF1691" i="1"/>
  <c r="AF1692" i="1"/>
  <c r="AF1693" i="1"/>
  <c r="AF1694" i="1"/>
  <c r="AF1695" i="1"/>
  <c r="AF1696" i="1"/>
  <c r="AF1697" i="1"/>
  <c r="AF1698" i="1"/>
  <c r="AF1699" i="1"/>
  <c r="AF1700" i="1"/>
  <c r="AF1701" i="1"/>
  <c r="AF1702" i="1"/>
  <c r="AF1703" i="1"/>
  <c r="AF1704" i="1"/>
  <c r="AF1705" i="1"/>
  <c r="AF1706" i="1"/>
  <c r="AF1707" i="1"/>
  <c r="AF1708" i="1"/>
  <c r="AF1709" i="1"/>
  <c r="AF1710" i="1"/>
  <c r="AF1711" i="1"/>
  <c r="AF1712" i="1"/>
  <c r="AF1713" i="1"/>
  <c r="AF1714" i="1"/>
  <c r="AF1715" i="1"/>
  <c r="AF1716" i="1"/>
  <c r="AF1717" i="1"/>
  <c r="AF1718" i="1"/>
  <c r="AF1719" i="1"/>
  <c r="AF1720" i="1"/>
  <c r="AF1721" i="1"/>
  <c r="AF1722" i="1"/>
  <c r="AF1723" i="1"/>
  <c r="AF1724" i="1"/>
  <c r="AF1725" i="1"/>
  <c r="AF1726" i="1"/>
  <c r="AF1727" i="1"/>
  <c r="AF1728" i="1"/>
  <c r="AF1729" i="1"/>
  <c r="AF1730" i="1"/>
  <c r="AF1731" i="1"/>
  <c r="AF1732" i="1"/>
  <c r="AF1733" i="1"/>
  <c r="AF1734" i="1"/>
  <c r="AF1735" i="1"/>
  <c r="AF1736" i="1"/>
  <c r="AF1737" i="1"/>
  <c r="AF1738" i="1"/>
  <c r="AF1739" i="1"/>
  <c r="AF1740" i="1"/>
  <c r="AF1741" i="1"/>
  <c r="AF1742" i="1"/>
  <c r="AF1743" i="1"/>
  <c r="AF1744" i="1"/>
  <c r="AF1745" i="1"/>
  <c r="AF1746" i="1"/>
  <c r="AF1747" i="1"/>
  <c r="AF1748" i="1"/>
  <c r="AF1749" i="1"/>
  <c r="AF1750" i="1"/>
  <c r="AF1751" i="1"/>
  <c r="AF1752" i="1"/>
  <c r="AF1753" i="1"/>
  <c r="AF1754" i="1"/>
  <c r="AF1755" i="1"/>
  <c r="AF1756" i="1"/>
  <c r="AF1757" i="1"/>
  <c r="AF1758" i="1"/>
  <c r="AF1759" i="1"/>
  <c r="AF1760" i="1"/>
  <c r="AF1761" i="1"/>
  <c r="AF1762" i="1"/>
  <c r="AF1763" i="1"/>
  <c r="AF1764" i="1"/>
  <c r="AF1765" i="1"/>
  <c r="AF1766" i="1"/>
  <c r="AF1767" i="1"/>
  <c r="AF1768" i="1"/>
  <c r="AF1769" i="1"/>
  <c r="AF1770" i="1"/>
  <c r="AF1771" i="1"/>
  <c r="AF1772" i="1"/>
  <c r="AF1773" i="1"/>
  <c r="AF1774" i="1"/>
  <c r="AF1775" i="1"/>
  <c r="AF1776" i="1"/>
  <c r="AF1777" i="1"/>
  <c r="AF1778" i="1"/>
  <c r="AF1779" i="1"/>
  <c r="AF1780" i="1"/>
  <c r="AF1781" i="1"/>
  <c r="AF1782" i="1"/>
  <c r="AF1783" i="1"/>
  <c r="AF1784" i="1"/>
  <c r="AF1785" i="1"/>
  <c r="AF1786" i="1"/>
  <c r="AF1787" i="1"/>
  <c r="AF1788" i="1"/>
  <c r="AF1789" i="1"/>
  <c r="AF1790" i="1"/>
  <c r="AF1791" i="1"/>
  <c r="AF1792" i="1"/>
  <c r="AF1793" i="1"/>
  <c r="AF1794" i="1"/>
  <c r="AF1795" i="1"/>
  <c r="AF1796" i="1"/>
  <c r="AF1797" i="1"/>
  <c r="AF1798" i="1"/>
  <c r="AF1799" i="1"/>
  <c r="AF1800" i="1"/>
  <c r="AF1801" i="1"/>
  <c r="AF1802" i="1"/>
  <c r="AF1803" i="1"/>
  <c r="AF1804" i="1"/>
  <c r="AF1805" i="1"/>
  <c r="AF1806" i="1"/>
  <c r="AF1807" i="1"/>
  <c r="AF1808" i="1"/>
  <c r="AF1809" i="1"/>
  <c r="AF1810" i="1"/>
  <c r="AF1811" i="1"/>
  <c r="AF1812" i="1"/>
  <c r="AF1813" i="1"/>
  <c r="AF1814" i="1"/>
  <c r="AF1815" i="1"/>
  <c r="AF1816" i="1"/>
  <c r="AF1817" i="1"/>
  <c r="AF1818" i="1"/>
  <c r="AF1819" i="1"/>
  <c r="AF1820" i="1"/>
  <c r="AF1821" i="1"/>
  <c r="AF1822" i="1"/>
  <c r="AF1823" i="1"/>
  <c r="AF1824" i="1"/>
  <c r="AF1825" i="1"/>
  <c r="AF1826" i="1"/>
  <c r="AF1827" i="1"/>
  <c r="AF1828" i="1"/>
  <c r="AF1829" i="1"/>
  <c r="AF1830" i="1"/>
  <c r="AF1831" i="1"/>
  <c r="AF1832" i="1"/>
  <c r="AF1833" i="1"/>
  <c r="AF1834" i="1"/>
  <c r="AF1835" i="1"/>
  <c r="AF1836" i="1"/>
  <c r="AF1837" i="1"/>
  <c r="AF1838" i="1"/>
  <c r="AF1839" i="1"/>
  <c r="AF1840" i="1"/>
  <c r="AF1841" i="1"/>
  <c r="AF1842" i="1"/>
  <c r="AF1843" i="1"/>
  <c r="AF1844" i="1"/>
  <c r="AF1845" i="1"/>
  <c r="AF1846" i="1"/>
  <c r="AF1847" i="1"/>
  <c r="AF1848" i="1"/>
  <c r="AF1849" i="1"/>
  <c r="AF1850" i="1"/>
  <c r="AF1851" i="1"/>
  <c r="AF1852" i="1"/>
  <c r="AF1853" i="1"/>
  <c r="AF1854" i="1"/>
  <c r="AF1855" i="1"/>
  <c r="AF1856" i="1"/>
  <c r="AF1857" i="1"/>
  <c r="AF1858" i="1"/>
  <c r="AF1859" i="1"/>
  <c r="AF1860" i="1"/>
  <c r="AF1861" i="1"/>
  <c r="AF1862" i="1"/>
  <c r="AF1863" i="1"/>
  <c r="AF1864" i="1"/>
  <c r="AF1865" i="1"/>
  <c r="AF1866" i="1"/>
  <c r="AF1867" i="1"/>
  <c r="AF1868" i="1"/>
  <c r="AF1869" i="1"/>
  <c r="AF1870" i="1"/>
  <c r="AF1871" i="1"/>
  <c r="AF1872" i="1"/>
  <c r="AF1873" i="1"/>
  <c r="AF1874" i="1"/>
  <c r="AF1875" i="1"/>
  <c r="AF1876" i="1"/>
  <c r="AF1877" i="1"/>
  <c r="AF1878" i="1"/>
  <c r="AF1879" i="1"/>
  <c r="AF1880" i="1"/>
  <c r="AF1881" i="1"/>
  <c r="AF1882" i="1"/>
  <c r="AF1883" i="1"/>
  <c r="AF1884" i="1"/>
  <c r="AF1885" i="1"/>
  <c r="AF1886" i="1"/>
  <c r="AF1887" i="1"/>
  <c r="AF1888" i="1"/>
  <c r="AF1889" i="1"/>
  <c r="AF1890" i="1"/>
  <c r="AF1891" i="1"/>
  <c r="AF1892" i="1"/>
  <c r="AF1893" i="1"/>
  <c r="AF1894" i="1"/>
  <c r="AF1895" i="1"/>
  <c r="AF1896" i="1"/>
  <c r="AF1897" i="1"/>
  <c r="AF1898" i="1"/>
  <c r="AF1899" i="1"/>
  <c r="AF1900" i="1"/>
  <c r="AF1901" i="1"/>
  <c r="AF1902" i="1"/>
  <c r="AF1903" i="1"/>
  <c r="AF1904" i="1"/>
  <c r="AF1905" i="1"/>
  <c r="AF1906" i="1"/>
  <c r="AF1907" i="1"/>
  <c r="AF1908" i="1"/>
  <c r="AF1909" i="1"/>
  <c r="AF1910" i="1"/>
  <c r="AF1911" i="1"/>
  <c r="AF1912" i="1"/>
  <c r="AF1913" i="1"/>
  <c r="AF1914" i="1"/>
  <c r="AF1915" i="1"/>
  <c r="AF1916" i="1"/>
  <c r="AF1917" i="1"/>
  <c r="AF1918" i="1"/>
  <c r="AF1919" i="1"/>
  <c r="AF1920" i="1"/>
  <c r="AF1921" i="1"/>
  <c r="AF1922" i="1"/>
  <c r="AF1923" i="1"/>
  <c r="AF1924" i="1"/>
  <c r="AF1925" i="1"/>
  <c r="AF1926" i="1"/>
  <c r="AF1927" i="1"/>
  <c r="AF1928" i="1"/>
  <c r="AF1929" i="1"/>
  <c r="AF1930" i="1"/>
  <c r="AF1931" i="1"/>
  <c r="AF1932" i="1"/>
  <c r="AF1933" i="1"/>
  <c r="AF1934" i="1"/>
  <c r="AF1935" i="1"/>
  <c r="AF1936" i="1"/>
  <c r="AF1937" i="1"/>
  <c r="AF1938" i="1"/>
  <c r="AF1939" i="1"/>
  <c r="AF1940" i="1"/>
  <c r="AF1941" i="1"/>
  <c r="AF1942" i="1"/>
  <c r="AF1943" i="1"/>
  <c r="AF1944" i="1"/>
  <c r="AF1945" i="1"/>
  <c r="AF1946" i="1"/>
  <c r="AF1947" i="1"/>
  <c r="AF1948" i="1"/>
  <c r="AF1949" i="1"/>
  <c r="AF1950" i="1"/>
  <c r="AF1951" i="1"/>
  <c r="AF1952" i="1"/>
  <c r="AF1953" i="1"/>
  <c r="AF1954" i="1"/>
  <c r="AF1955" i="1"/>
  <c r="AF1956" i="1"/>
  <c r="AF1957" i="1"/>
  <c r="AF1958" i="1"/>
  <c r="AF1959" i="1"/>
  <c r="AF1960" i="1"/>
  <c r="AF1961" i="1"/>
  <c r="AF1962" i="1"/>
  <c r="AF1963" i="1"/>
  <c r="AF1964" i="1"/>
  <c r="AF1965" i="1"/>
  <c r="AF1966" i="1"/>
  <c r="AF1967" i="1"/>
  <c r="AF1968" i="1"/>
  <c r="AF1969" i="1"/>
  <c r="AF1970" i="1"/>
  <c r="AF1971" i="1"/>
  <c r="AF1972" i="1"/>
  <c r="AF1973" i="1"/>
  <c r="AF1974" i="1"/>
  <c r="AF1975" i="1"/>
  <c r="AF1976" i="1"/>
  <c r="AF1977" i="1"/>
  <c r="AF1978" i="1"/>
  <c r="AF1979" i="1"/>
  <c r="AF1980" i="1"/>
  <c r="AF1981" i="1"/>
  <c r="AF1982" i="1"/>
  <c r="AF1983" i="1"/>
  <c r="AF1984" i="1"/>
  <c r="AF1985" i="1"/>
  <c r="AF1986" i="1"/>
  <c r="AF1987" i="1"/>
  <c r="AF1988" i="1"/>
  <c r="AF1989" i="1"/>
  <c r="AF1990" i="1"/>
  <c r="AF1991" i="1"/>
  <c r="AF1992" i="1"/>
  <c r="AF1993" i="1"/>
  <c r="AF1994" i="1"/>
  <c r="AF1995" i="1"/>
  <c r="AF1996" i="1"/>
  <c r="AF1997" i="1"/>
  <c r="AF1998" i="1"/>
  <c r="AF1999" i="1"/>
  <c r="AF2000" i="1"/>
  <c r="AF2001" i="1"/>
  <c r="AF2002" i="1"/>
  <c r="AF2003" i="1"/>
  <c r="AF2004" i="1"/>
  <c r="AF2005" i="1"/>
  <c r="AF2006" i="1"/>
  <c r="AF2007" i="1"/>
  <c r="AF2008" i="1"/>
  <c r="AF2009" i="1"/>
  <c r="AF2010" i="1"/>
  <c r="AF2011" i="1"/>
  <c r="AF2012" i="1"/>
  <c r="AF2013" i="1"/>
  <c r="AF2014" i="1"/>
  <c r="AF2015" i="1"/>
  <c r="AF2016" i="1"/>
  <c r="AF2017" i="1"/>
  <c r="AF2018" i="1"/>
  <c r="AF2019" i="1"/>
  <c r="AF2020" i="1"/>
  <c r="AF2021" i="1"/>
  <c r="AF2022" i="1"/>
  <c r="AF2023" i="1"/>
  <c r="AF2024" i="1"/>
  <c r="AF2025" i="1"/>
  <c r="AF2026" i="1"/>
  <c r="AF2027" i="1"/>
  <c r="AF2028" i="1"/>
  <c r="AF2029" i="1"/>
  <c r="AF2030" i="1"/>
  <c r="AF2031" i="1"/>
  <c r="AF2032" i="1"/>
  <c r="AF2033" i="1"/>
  <c r="AF2034" i="1"/>
  <c r="AF2035" i="1"/>
  <c r="AF2036" i="1"/>
  <c r="AF2037" i="1"/>
  <c r="AF2038" i="1"/>
  <c r="AF2039" i="1"/>
  <c r="AF2040" i="1"/>
  <c r="AF2041" i="1"/>
  <c r="AF2042" i="1"/>
  <c r="AF2043" i="1"/>
  <c r="AF2044" i="1"/>
  <c r="AF2045" i="1"/>
  <c r="AF2046" i="1"/>
  <c r="AF2047" i="1"/>
  <c r="AF2048" i="1"/>
  <c r="AF2049" i="1"/>
  <c r="AF2050" i="1"/>
  <c r="AF2051" i="1"/>
  <c r="AF2052" i="1"/>
  <c r="AF2053" i="1"/>
  <c r="AF2054" i="1"/>
  <c r="AF2055" i="1"/>
  <c r="AF2056" i="1"/>
  <c r="AF2057" i="1"/>
  <c r="AF2058" i="1"/>
  <c r="AF2059" i="1"/>
  <c r="AF2060" i="1"/>
  <c r="AF2061" i="1"/>
  <c r="AF2062" i="1"/>
  <c r="AF2063" i="1"/>
  <c r="AF2064" i="1"/>
  <c r="AF2065" i="1"/>
  <c r="AF2066" i="1"/>
  <c r="AF2067" i="1"/>
  <c r="AF2068" i="1"/>
  <c r="AF2069" i="1"/>
  <c r="AF2070" i="1"/>
  <c r="AF2071" i="1"/>
  <c r="AF2072" i="1"/>
  <c r="AF2073" i="1"/>
  <c r="AF2074" i="1"/>
  <c r="AF2075" i="1"/>
  <c r="AF2076" i="1"/>
  <c r="AF2077" i="1"/>
  <c r="AF2078" i="1"/>
  <c r="AF2079" i="1"/>
  <c r="AF2080" i="1"/>
  <c r="AF2081" i="1"/>
  <c r="AF2082" i="1"/>
  <c r="AF2083" i="1"/>
  <c r="AF2084" i="1"/>
  <c r="AF2085" i="1"/>
  <c r="AF2086" i="1"/>
  <c r="AF2087" i="1"/>
  <c r="AF2088" i="1"/>
  <c r="AF2089" i="1"/>
  <c r="AF2090" i="1"/>
  <c r="AF2091" i="1"/>
  <c r="AF2092" i="1"/>
  <c r="AF2093" i="1"/>
  <c r="AF2094" i="1"/>
  <c r="AF2095" i="1"/>
  <c r="AF2096" i="1"/>
  <c r="AF2097" i="1"/>
  <c r="AF2098" i="1"/>
  <c r="AF2099" i="1"/>
  <c r="AF2100" i="1"/>
  <c r="AF2101" i="1"/>
  <c r="AF2102" i="1"/>
  <c r="AF2103" i="1"/>
  <c r="AF2104" i="1"/>
  <c r="AF2105" i="1"/>
  <c r="AF2106" i="1"/>
  <c r="AF2107" i="1"/>
  <c r="AF2108" i="1"/>
  <c r="AF2109" i="1"/>
  <c r="AF2110" i="1"/>
  <c r="AF2111" i="1"/>
  <c r="AF2112" i="1"/>
  <c r="AF2113" i="1"/>
  <c r="AF2114" i="1"/>
  <c r="AF2115" i="1"/>
  <c r="AF2116" i="1"/>
  <c r="AF2117" i="1"/>
  <c r="AF2118" i="1"/>
  <c r="AF2119" i="1"/>
  <c r="AF2120" i="1"/>
  <c r="AF2121" i="1"/>
  <c r="AF2122" i="1"/>
  <c r="AF2123" i="1"/>
  <c r="AF2124" i="1"/>
  <c r="AF2125" i="1"/>
  <c r="AF2126" i="1"/>
  <c r="AF2127" i="1"/>
  <c r="AF2128" i="1"/>
  <c r="AF2129" i="1"/>
  <c r="AF2130" i="1"/>
  <c r="AF2131" i="1"/>
  <c r="AF2132" i="1"/>
  <c r="AF2133" i="1"/>
  <c r="AF2134" i="1"/>
  <c r="AF2135" i="1"/>
  <c r="AF2136" i="1"/>
  <c r="AF2137" i="1"/>
  <c r="AF2138" i="1"/>
  <c r="AF2139" i="1"/>
  <c r="AF2140" i="1"/>
  <c r="AF2141" i="1"/>
  <c r="AF2142" i="1"/>
  <c r="AF2143" i="1"/>
  <c r="AF2144" i="1"/>
  <c r="AF2145" i="1"/>
  <c r="AF2146" i="1"/>
  <c r="AF2147" i="1"/>
  <c r="AF2148" i="1"/>
  <c r="AF2149" i="1"/>
  <c r="AF2150" i="1"/>
  <c r="AF2151" i="1"/>
  <c r="AF2152" i="1"/>
  <c r="AF2153" i="1"/>
  <c r="AF2154" i="1"/>
  <c r="AF2155" i="1"/>
  <c r="AF2156" i="1"/>
  <c r="AF2157" i="1"/>
  <c r="AF2158" i="1"/>
  <c r="AF2159" i="1"/>
  <c r="AF2160" i="1"/>
  <c r="AF2161" i="1"/>
  <c r="AF2162" i="1"/>
  <c r="AF2163" i="1"/>
  <c r="AF2164" i="1"/>
  <c r="AF2165" i="1"/>
  <c r="AF2166" i="1"/>
  <c r="AF2167" i="1"/>
  <c r="AF2168" i="1"/>
  <c r="AF2169" i="1"/>
  <c r="AF2170" i="1"/>
  <c r="AF2171" i="1"/>
  <c r="AF2172" i="1"/>
  <c r="AF2173" i="1"/>
  <c r="AF2174" i="1"/>
  <c r="AF2175" i="1"/>
  <c r="AF2176" i="1"/>
  <c r="AF2177" i="1"/>
  <c r="AF2178" i="1"/>
  <c r="AF2179" i="1"/>
  <c r="AF2180" i="1"/>
  <c r="AF2181" i="1"/>
  <c r="AF2182" i="1"/>
  <c r="AF2183" i="1"/>
  <c r="AF2184" i="1"/>
  <c r="AF2185" i="1"/>
  <c r="AF2186" i="1"/>
  <c r="AF2187" i="1"/>
  <c r="AF2188" i="1"/>
  <c r="AF2189" i="1"/>
  <c r="AF2190" i="1"/>
  <c r="AF2191" i="1"/>
  <c r="AF2192" i="1"/>
  <c r="AF2193" i="1"/>
  <c r="AF2194" i="1"/>
  <c r="AF2195" i="1"/>
  <c r="AF2196" i="1"/>
  <c r="AF2197" i="1"/>
  <c r="AF2198" i="1"/>
  <c r="AF2199" i="1"/>
  <c r="AF2200" i="1"/>
  <c r="AF2201" i="1"/>
  <c r="AF2202" i="1"/>
  <c r="AF2203" i="1"/>
  <c r="AF2204" i="1"/>
  <c r="AF2205" i="1"/>
  <c r="AF2206" i="1"/>
  <c r="AF2207" i="1"/>
  <c r="AF2208" i="1"/>
  <c r="AF2209" i="1"/>
  <c r="AF2210" i="1"/>
  <c r="AF2211" i="1"/>
  <c r="AF2212" i="1"/>
  <c r="AF2213" i="1"/>
  <c r="AF2214" i="1"/>
  <c r="AF2215" i="1"/>
  <c r="AF2216" i="1"/>
  <c r="AF2217" i="1"/>
  <c r="AF2218" i="1"/>
  <c r="AF2219" i="1"/>
  <c r="AF2220" i="1"/>
  <c r="AF2221" i="1"/>
  <c r="AF2222" i="1"/>
  <c r="AF2223" i="1"/>
  <c r="AF2224" i="1"/>
  <c r="AF2225" i="1"/>
  <c r="AF2226" i="1"/>
  <c r="AF2227" i="1"/>
  <c r="AF2228" i="1"/>
  <c r="AF2229" i="1"/>
  <c r="AF2230" i="1"/>
  <c r="AF2231" i="1"/>
  <c r="AF2232" i="1"/>
  <c r="AF2233" i="1"/>
  <c r="AF2234" i="1"/>
  <c r="AF2235" i="1"/>
  <c r="AF2236" i="1"/>
  <c r="AF2237" i="1"/>
  <c r="AF2238" i="1"/>
  <c r="AF2239" i="1"/>
  <c r="AF2240" i="1"/>
  <c r="AF2241" i="1"/>
  <c r="AF2242" i="1"/>
  <c r="AF2243" i="1"/>
  <c r="AF2244" i="1"/>
  <c r="AF2245" i="1"/>
  <c r="AF2246" i="1"/>
  <c r="AF2247" i="1"/>
  <c r="AF2248" i="1"/>
  <c r="AF2249" i="1"/>
  <c r="AF2250" i="1"/>
  <c r="AF2251" i="1"/>
  <c r="AF2252" i="1"/>
  <c r="AF2253" i="1"/>
  <c r="AF2254" i="1"/>
  <c r="AF2255" i="1"/>
  <c r="AF2256" i="1"/>
  <c r="AF2257" i="1"/>
  <c r="AF2258" i="1"/>
  <c r="AF2259" i="1"/>
  <c r="AF2260" i="1"/>
  <c r="AF2261" i="1"/>
  <c r="AF2262" i="1"/>
  <c r="AF2263" i="1"/>
  <c r="AF2264" i="1"/>
  <c r="AF2265" i="1"/>
  <c r="AF2266" i="1"/>
  <c r="AF2267" i="1"/>
  <c r="AF2268" i="1"/>
  <c r="AF2269" i="1"/>
  <c r="AF2270" i="1"/>
  <c r="AF2271" i="1"/>
  <c r="AF2272" i="1"/>
  <c r="AF2273" i="1"/>
  <c r="AF2274" i="1"/>
  <c r="AF2275" i="1"/>
  <c r="AF2276" i="1"/>
  <c r="AF2277" i="1"/>
  <c r="AF2278" i="1"/>
  <c r="AF2279" i="1"/>
  <c r="AF2280" i="1"/>
  <c r="AF2281" i="1"/>
  <c r="AF2282" i="1"/>
  <c r="AF2283" i="1"/>
  <c r="AF2284" i="1"/>
  <c r="AF2285" i="1"/>
  <c r="AF2286" i="1"/>
  <c r="AF2287" i="1"/>
  <c r="AF2288" i="1"/>
  <c r="AF2289" i="1"/>
  <c r="AF2290" i="1"/>
  <c r="AF2291" i="1"/>
  <c r="AF2292" i="1"/>
  <c r="AF2293" i="1"/>
  <c r="AF2294" i="1"/>
  <c r="AF2295" i="1"/>
  <c r="AF2296" i="1"/>
  <c r="AF2297" i="1"/>
  <c r="AF2298" i="1"/>
  <c r="AF2299" i="1"/>
  <c r="AF2300" i="1"/>
  <c r="AF2301" i="1"/>
  <c r="AF2302" i="1"/>
  <c r="AF2303" i="1"/>
  <c r="AF2304" i="1"/>
  <c r="AF2305" i="1"/>
  <c r="AF2306" i="1"/>
  <c r="AF2307" i="1"/>
  <c r="AF2308" i="1"/>
  <c r="AF2309" i="1"/>
  <c r="AF2310" i="1"/>
  <c r="AF2311" i="1"/>
  <c r="AF2312" i="1"/>
  <c r="AF2313" i="1"/>
  <c r="AF2314" i="1"/>
  <c r="AF2315" i="1"/>
  <c r="AF2316" i="1"/>
  <c r="AF2317" i="1"/>
  <c r="AF2318" i="1"/>
  <c r="AF2319" i="1"/>
  <c r="AF2320" i="1"/>
  <c r="AF2321" i="1"/>
  <c r="AF2322" i="1"/>
  <c r="AF2323" i="1"/>
  <c r="AF2324" i="1"/>
  <c r="AF2325" i="1"/>
  <c r="AF2326" i="1"/>
  <c r="AF2327" i="1"/>
  <c r="AF2328" i="1"/>
  <c r="AF2329" i="1"/>
  <c r="AF2330" i="1"/>
  <c r="AF2331" i="1"/>
  <c r="AF2332" i="1"/>
  <c r="AF2333" i="1"/>
  <c r="AF2334" i="1"/>
  <c r="AF2335" i="1"/>
  <c r="AF2336" i="1"/>
  <c r="AF2337" i="1"/>
  <c r="AF2338" i="1"/>
  <c r="AF2339" i="1"/>
  <c r="AF2340" i="1"/>
  <c r="AF2341" i="1"/>
  <c r="AF2342" i="1"/>
  <c r="AF2343" i="1"/>
  <c r="AF2344" i="1"/>
  <c r="AF2345" i="1"/>
  <c r="AF2346" i="1"/>
  <c r="AF2347" i="1"/>
  <c r="AF2348" i="1"/>
  <c r="AF2349" i="1"/>
  <c r="AF2350" i="1"/>
  <c r="AF2351" i="1"/>
  <c r="AF2352" i="1"/>
  <c r="AF2353" i="1"/>
  <c r="AF2354" i="1"/>
  <c r="AF2355" i="1"/>
  <c r="AF2356" i="1"/>
  <c r="AF2357" i="1"/>
  <c r="AF2358" i="1"/>
  <c r="AF2359" i="1"/>
  <c r="AF2360" i="1"/>
  <c r="AF2361" i="1"/>
  <c r="AF2362" i="1"/>
  <c r="AF2363" i="1"/>
  <c r="AF2364" i="1"/>
  <c r="AF2365" i="1"/>
  <c r="AF2366" i="1"/>
  <c r="AF2367" i="1"/>
  <c r="AF2368" i="1"/>
  <c r="AF2369" i="1"/>
  <c r="AF2370" i="1"/>
  <c r="AF2371" i="1"/>
  <c r="AF2372" i="1"/>
  <c r="AF2373" i="1"/>
  <c r="AF2374" i="1"/>
  <c r="AF2375" i="1"/>
  <c r="AF2376" i="1"/>
  <c r="AF2377" i="1"/>
  <c r="AF2378" i="1"/>
  <c r="AF2379" i="1"/>
  <c r="AF2380" i="1"/>
  <c r="AF2381" i="1"/>
  <c r="AF2382" i="1"/>
  <c r="AF2383" i="1"/>
  <c r="AF2384" i="1"/>
  <c r="AF2385" i="1"/>
  <c r="AF2386" i="1"/>
  <c r="AF2387" i="1"/>
  <c r="AF2388" i="1"/>
  <c r="AF2389" i="1"/>
  <c r="AF2390" i="1"/>
  <c r="AF2391" i="1"/>
  <c r="AF2392" i="1"/>
  <c r="AF2393" i="1"/>
  <c r="AF2394" i="1"/>
  <c r="AF2395" i="1"/>
  <c r="AF2396" i="1"/>
  <c r="AF2397" i="1"/>
  <c r="AF2398" i="1"/>
  <c r="AF2399" i="1"/>
  <c r="AF2400" i="1"/>
  <c r="AF2401" i="1"/>
  <c r="AF2402" i="1"/>
  <c r="AF2403" i="1"/>
  <c r="AF2404" i="1"/>
  <c r="AF2405" i="1"/>
  <c r="AF2406" i="1"/>
  <c r="AF2407" i="1"/>
  <c r="AF2408" i="1"/>
  <c r="AF2409" i="1"/>
  <c r="AF2410" i="1"/>
  <c r="AF2411" i="1"/>
  <c r="AF2412" i="1"/>
  <c r="AF2413" i="1"/>
  <c r="AF2414" i="1"/>
  <c r="AF2415" i="1"/>
  <c r="AF2416" i="1"/>
  <c r="AF2417" i="1"/>
  <c r="AF2418" i="1"/>
  <c r="AF2419" i="1"/>
  <c r="AF2420" i="1"/>
  <c r="AF2421" i="1"/>
  <c r="AF2422" i="1"/>
  <c r="AF2423" i="1"/>
  <c r="AF2424" i="1"/>
  <c r="AF2425" i="1"/>
  <c r="AF2426" i="1"/>
  <c r="AF2427" i="1"/>
  <c r="AF2428" i="1"/>
  <c r="AF2429" i="1"/>
  <c r="AF2430" i="1"/>
  <c r="AF2431" i="1"/>
  <c r="AF2432" i="1"/>
  <c r="AF2433" i="1"/>
  <c r="AF2434" i="1"/>
  <c r="AF2435" i="1"/>
  <c r="AF2436" i="1"/>
  <c r="AF2437" i="1"/>
  <c r="AF2438" i="1"/>
  <c r="AF2439" i="1"/>
  <c r="AF2440" i="1"/>
  <c r="AF2441" i="1"/>
  <c r="AF2442" i="1"/>
  <c r="AF2443" i="1"/>
  <c r="AF2444" i="1"/>
  <c r="AF2445" i="1"/>
  <c r="AF2446" i="1"/>
  <c r="AF2447" i="1"/>
  <c r="AF2448" i="1"/>
  <c r="AF2449" i="1"/>
  <c r="AF2450" i="1"/>
  <c r="AF2451" i="1"/>
  <c r="AF2452" i="1"/>
  <c r="AF2453" i="1"/>
  <c r="AF2454" i="1"/>
  <c r="AF2455" i="1"/>
  <c r="AF2456" i="1"/>
  <c r="AF2457" i="1"/>
  <c r="AF2458" i="1"/>
  <c r="AF2459" i="1"/>
  <c r="AF2460" i="1"/>
  <c r="AF2461" i="1"/>
  <c r="AF2462" i="1"/>
  <c r="AF2463" i="1"/>
  <c r="AF2464" i="1"/>
  <c r="AF2465" i="1"/>
  <c r="AF2466" i="1"/>
  <c r="AF2467" i="1"/>
  <c r="AF2468" i="1"/>
  <c r="AF2469" i="1"/>
  <c r="AF2470" i="1"/>
  <c r="AF2471" i="1"/>
  <c r="AF2472" i="1"/>
  <c r="AF2473" i="1"/>
  <c r="AF2474" i="1"/>
  <c r="AF2475" i="1"/>
  <c r="AF2476" i="1"/>
  <c r="AF2477" i="1"/>
  <c r="AF2478" i="1"/>
  <c r="AF2479" i="1"/>
  <c r="AF2480" i="1"/>
  <c r="AF2481" i="1"/>
  <c r="AF2482" i="1"/>
  <c r="AF2483" i="1"/>
  <c r="AF2484" i="1"/>
  <c r="AF2485" i="1"/>
  <c r="AF2486" i="1"/>
  <c r="AF2487" i="1"/>
  <c r="AF2488" i="1"/>
  <c r="AF2489" i="1"/>
  <c r="AF2490" i="1"/>
  <c r="AF2491" i="1"/>
  <c r="AF2492" i="1"/>
  <c r="AF2493" i="1"/>
  <c r="AF2494" i="1"/>
  <c r="AF2495" i="1"/>
  <c r="AF2496" i="1"/>
  <c r="AF2497" i="1"/>
  <c r="AF2498" i="1"/>
  <c r="AF2499" i="1"/>
  <c r="AF2500" i="1"/>
  <c r="AF2501" i="1"/>
  <c r="AF2502" i="1"/>
  <c r="AF2503" i="1"/>
  <c r="AF2504" i="1"/>
  <c r="AF2505" i="1"/>
  <c r="AF2506" i="1"/>
  <c r="AF2507" i="1"/>
  <c r="AF2508" i="1"/>
  <c r="AF2509" i="1"/>
  <c r="AF2510" i="1"/>
  <c r="AF2511" i="1"/>
  <c r="AF2512" i="1"/>
  <c r="AF2513" i="1"/>
  <c r="AF2514" i="1"/>
  <c r="AF2515" i="1"/>
  <c r="AF2516" i="1"/>
  <c r="AF2517" i="1"/>
  <c r="AF2518" i="1"/>
  <c r="AF2519" i="1"/>
  <c r="AF2520" i="1"/>
  <c r="AF2521" i="1"/>
  <c r="AF2522" i="1"/>
  <c r="AF2523" i="1"/>
  <c r="AF2524" i="1"/>
  <c r="AF2525" i="1"/>
  <c r="AF2526" i="1"/>
  <c r="AF2527" i="1"/>
  <c r="AF2528" i="1"/>
  <c r="AF2529" i="1"/>
  <c r="AF2530" i="1"/>
  <c r="AF2531" i="1"/>
  <c r="AF2532" i="1"/>
  <c r="AF2533" i="1"/>
  <c r="AF2534" i="1"/>
  <c r="AF2535" i="1"/>
  <c r="AF2536" i="1"/>
  <c r="AF2537" i="1"/>
  <c r="AF2538" i="1"/>
  <c r="AF2539" i="1"/>
  <c r="AF2540" i="1"/>
  <c r="AF2541" i="1"/>
  <c r="AF2542" i="1"/>
  <c r="AF2543" i="1"/>
  <c r="AF2544" i="1"/>
  <c r="AF2545" i="1"/>
  <c r="AF2546" i="1"/>
  <c r="AF2547" i="1"/>
  <c r="AF2548" i="1"/>
  <c r="AF2549" i="1"/>
  <c r="AF2550" i="1"/>
  <c r="AF2551" i="1"/>
  <c r="AF2552" i="1"/>
  <c r="AF2553" i="1"/>
  <c r="AF2554" i="1"/>
  <c r="AF2555" i="1"/>
  <c r="AF2556" i="1"/>
  <c r="AF2557" i="1"/>
  <c r="AF2558" i="1"/>
  <c r="AF2559" i="1"/>
  <c r="AF2560" i="1"/>
  <c r="AF2561" i="1"/>
  <c r="AF2562" i="1"/>
  <c r="AF2563" i="1"/>
  <c r="AF2564" i="1"/>
  <c r="AF2565" i="1"/>
  <c r="AF2566" i="1"/>
  <c r="AF2567" i="1"/>
  <c r="AF2568" i="1"/>
  <c r="AF2569" i="1"/>
  <c r="AF2570" i="1"/>
  <c r="AF2571" i="1"/>
  <c r="AF2572" i="1"/>
  <c r="AF2573" i="1"/>
  <c r="AF2574" i="1"/>
  <c r="AF2575" i="1"/>
  <c r="AF2576" i="1"/>
  <c r="AF2577" i="1"/>
  <c r="AF2578" i="1"/>
  <c r="AF2579" i="1"/>
  <c r="AF2580" i="1"/>
  <c r="AF2581" i="1"/>
  <c r="AF2582" i="1"/>
  <c r="AF2583" i="1"/>
  <c r="AF2584" i="1"/>
  <c r="AF2585" i="1"/>
  <c r="AF2586" i="1"/>
  <c r="AF2587" i="1"/>
  <c r="AF2588" i="1"/>
  <c r="AF2589" i="1"/>
  <c r="AF2590" i="1"/>
  <c r="AF2591" i="1"/>
  <c r="AF2592" i="1"/>
  <c r="AF2593" i="1"/>
  <c r="AF2594" i="1"/>
  <c r="AF2595" i="1"/>
  <c r="AF2596" i="1"/>
  <c r="AF2597" i="1"/>
  <c r="AF2598" i="1"/>
  <c r="AF2599" i="1"/>
  <c r="AF2600" i="1"/>
  <c r="AF2601" i="1"/>
  <c r="AF2602" i="1"/>
  <c r="AF2603" i="1"/>
  <c r="AF2604" i="1"/>
  <c r="AF2605" i="1"/>
  <c r="AF2606" i="1"/>
  <c r="AF2607" i="1"/>
  <c r="AF2608" i="1"/>
  <c r="AF2609" i="1"/>
  <c r="AF2610" i="1"/>
  <c r="AF2611" i="1"/>
  <c r="AF2612" i="1"/>
  <c r="AF2613" i="1"/>
  <c r="AF2614" i="1"/>
  <c r="AF2615" i="1"/>
  <c r="AF2616" i="1"/>
  <c r="AF2617" i="1"/>
  <c r="AF2618" i="1"/>
  <c r="AF2619" i="1"/>
  <c r="AF2620" i="1"/>
  <c r="AF2621" i="1"/>
  <c r="AF2622" i="1"/>
  <c r="AF2623" i="1"/>
  <c r="AF2624" i="1"/>
  <c r="AF2625" i="1"/>
  <c r="AF2626" i="1"/>
  <c r="AF2627" i="1"/>
  <c r="AF2628" i="1"/>
  <c r="AF2629" i="1"/>
  <c r="AF2630" i="1"/>
  <c r="AF2631" i="1"/>
  <c r="AF2632" i="1"/>
  <c r="AF2633" i="1"/>
  <c r="AF2634" i="1"/>
  <c r="AF2635" i="1"/>
  <c r="AF2636" i="1"/>
  <c r="AF2637" i="1"/>
  <c r="AF2638" i="1"/>
  <c r="AF2639" i="1"/>
  <c r="AF2640" i="1"/>
  <c r="AF2641" i="1"/>
  <c r="AF2642" i="1"/>
  <c r="AF2643" i="1"/>
  <c r="AF2644" i="1"/>
  <c r="AF2645" i="1"/>
  <c r="AF2646" i="1"/>
  <c r="AF2647" i="1"/>
  <c r="AF2648" i="1"/>
  <c r="AF2649" i="1"/>
  <c r="AF2650" i="1"/>
  <c r="AF2651" i="1"/>
  <c r="AF2652" i="1"/>
  <c r="AF2653" i="1"/>
  <c r="AF2654" i="1"/>
  <c r="AF2655" i="1"/>
  <c r="AF2656" i="1"/>
  <c r="AF2657" i="1"/>
  <c r="AF2658" i="1"/>
  <c r="AF2659" i="1"/>
  <c r="AF2660" i="1"/>
  <c r="AF2661" i="1"/>
  <c r="AF2662" i="1"/>
  <c r="AF2663" i="1"/>
  <c r="AF2664" i="1"/>
  <c r="AF2665" i="1"/>
  <c r="AF2666" i="1"/>
  <c r="AF2667" i="1"/>
  <c r="AF2668" i="1"/>
  <c r="AF2669" i="1"/>
  <c r="AF2670" i="1"/>
  <c r="AF2671" i="1"/>
  <c r="AF2672" i="1"/>
  <c r="AF2673" i="1"/>
  <c r="AF2674" i="1"/>
  <c r="AF2675" i="1"/>
  <c r="AF2676" i="1"/>
  <c r="AF2677" i="1"/>
  <c r="AF2678" i="1"/>
  <c r="AF2679" i="1"/>
  <c r="AF2680" i="1"/>
  <c r="AF2681" i="1"/>
  <c r="AF2682" i="1"/>
  <c r="AF2683" i="1"/>
  <c r="AF2684" i="1"/>
  <c r="AF2685" i="1"/>
  <c r="AF2686" i="1"/>
  <c r="AF2687" i="1"/>
  <c r="AF2688" i="1"/>
  <c r="AF2689" i="1"/>
  <c r="AF2690" i="1"/>
  <c r="AF2691" i="1"/>
  <c r="AF2692" i="1"/>
  <c r="AF2693" i="1"/>
  <c r="AF2694" i="1"/>
  <c r="AF2695" i="1"/>
  <c r="AF2696" i="1"/>
  <c r="AF2697" i="1"/>
  <c r="AF2698" i="1"/>
  <c r="AF2699" i="1"/>
  <c r="AF2700" i="1"/>
  <c r="AF2701" i="1"/>
  <c r="AF2702" i="1"/>
  <c r="AF2703" i="1"/>
  <c r="AF2704" i="1"/>
  <c r="AF2705" i="1"/>
  <c r="AF2706" i="1"/>
  <c r="AF2707" i="1"/>
  <c r="AF2708" i="1"/>
  <c r="AF2709" i="1"/>
  <c r="AF2710" i="1"/>
  <c r="AF2711" i="1"/>
  <c r="AF2712" i="1"/>
  <c r="AF2713" i="1"/>
  <c r="AF2714" i="1"/>
  <c r="AF2715" i="1"/>
  <c r="AF2716" i="1"/>
  <c r="AF2717" i="1"/>
  <c r="AF2718" i="1"/>
  <c r="AF2719" i="1"/>
  <c r="AF2720" i="1"/>
  <c r="AF2721" i="1"/>
  <c r="AF2722" i="1"/>
  <c r="AF2723" i="1"/>
  <c r="AF2724" i="1"/>
  <c r="AF2725" i="1"/>
  <c r="AF2726" i="1"/>
  <c r="AF2727" i="1"/>
  <c r="AF2728" i="1"/>
  <c r="AF2729" i="1"/>
  <c r="AF2730" i="1"/>
  <c r="AF2731" i="1"/>
  <c r="AF2732" i="1"/>
  <c r="AF2733" i="1"/>
  <c r="AF2734" i="1"/>
  <c r="AF2735" i="1"/>
  <c r="AF2736" i="1"/>
  <c r="AF2737" i="1"/>
  <c r="AF2738" i="1"/>
  <c r="AF2739" i="1"/>
  <c r="AF2740" i="1"/>
  <c r="AF2741" i="1"/>
  <c r="AF2742" i="1"/>
  <c r="AF2743" i="1"/>
  <c r="AF2744" i="1"/>
  <c r="AF2745" i="1"/>
  <c r="AF2746" i="1"/>
  <c r="AF2747" i="1"/>
  <c r="AF2748" i="1"/>
  <c r="AF2749" i="1"/>
  <c r="AF2750" i="1"/>
  <c r="AF2751" i="1"/>
  <c r="AF2752" i="1"/>
  <c r="AF2753" i="1"/>
  <c r="AF2754" i="1"/>
  <c r="AF2755" i="1"/>
  <c r="AF2756" i="1"/>
  <c r="AF2757" i="1"/>
  <c r="AF2758" i="1"/>
  <c r="AF2759" i="1"/>
  <c r="AF2760" i="1"/>
  <c r="AF2761" i="1"/>
  <c r="AF2762" i="1"/>
  <c r="AF2763" i="1"/>
  <c r="AF2764" i="1"/>
  <c r="AF2765" i="1"/>
  <c r="AF2766" i="1"/>
  <c r="AF2767" i="1"/>
  <c r="AF2768" i="1"/>
  <c r="AF2769" i="1"/>
  <c r="AF2770" i="1"/>
  <c r="AF2771" i="1"/>
  <c r="AF2772" i="1"/>
  <c r="AF2773" i="1"/>
  <c r="AF2774" i="1"/>
  <c r="AF2775" i="1"/>
  <c r="AF2776" i="1"/>
  <c r="AF2777" i="1"/>
  <c r="AF2778" i="1"/>
  <c r="AF2779" i="1"/>
  <c r="AF2780" i="1"/>
  <c r="AF2781" i="1"/>
  <c r="AF2782" i="1"/>
  <c r="AF2783" i="1"/>
  <c r="AF2784" i="1"/>
  <c r="AF2785" i="1"/>
  <c r="AF2786" i="1"/>
  <c r="AF2787" i="1"/>
  <c r="AF2788" i="1"/>
  <c r="AF2789" i="1"/>
  <c r="AF2790" i="1"/>
  <c r="AF2791" i="1"/>
  <c r="AF2792" i="1"/>
  <c r="AF2793" i="1"/>
  <c r="AF2794" i="1"/>
  <c r="AF2795" i="1"/>
  <c r="AF2796" i="1"/>
  <c r="AF2797" i="1"/>
  <c r="AF2798" i="1"/>
  <c r="AF2799" i="1"/>
  <c r="AF2800" i="1"/>
  <c r="AF2801" i="1"/>
  <c r="AF2802" i="1"/>
  <c r="AF2803" i="1"/>
  <c r="AF2804" i="1"/>
  <c r="AF2805" i="1"/>
  <c r="AF2806" i="1"/>
  <c r="AF2807" i="1"/>
  <c r="AF2808" i="1"/>
  <c r="AF2809" i="1"/>
  <c r="AF2810" i="1"/>
  <c r="AF2811" i="1"/>
  <c r="AF2812" i="1"/>
  <c r="AF2813" i="1"/>
  <c r="AF2814" i="1"/>
  <c r="AF2815" i="1"/>
  <c r="AF2816" i="1"/>
  <c r="AF2817" i="1"/>
  <c r="AF2818" i="1"/>
  <c r="AF2819" i="1"/>
  <c r="AF2820" i="1"/>
  <c r="AF2821" i="1"/>
  <c r="AF2822" i="1"/>
  <c r="AF2823" i="1"/>
  <c r="AF2824" i="1"/>
  <c r="AF2825" i="1"/>
  <c r="AF2826" i="1"/>
  <c r="AF2827" i="1"/>
  <c r="AF2828" i="1"/>
  <c r="AF2829" i="1"/>
  <c r="AF2830" i="1"/>
  <c r="AF2831" i="1"/>
  <c r="AF2832" i="1"/>
  <c r="AF2833" i="1"/>
  <c r="AF2834" i="1"/>
  <c r="AF2835" i="1"/>
  <c r="AF2836" i="1"/>
  <c r="AF2837" i="1"/>
  <c r="AF2838" i="1"/>
  <c r="AF2839" i="1"/>
  <c r="AF2840" i="1"/>
  <c r="AF2841" i="1"/>
  <c r="AF2842" i="1"/>
  <c r="AF2843" i="1"/>
  <c r="AF2844" i="1"/>
  <c r="AF2845" i="1"/>
  <c r="AF2846" i="1"/>
  <c r="AF2847" i="1"/>
  <c r="AF2848" i="1"/>
  <c r="AF2849" i="1"/>
  <c r="AF2850" i="1"/>
  <c r="AF2851" i="1"/>
  <c r="AF2852" i="1"/>
  <c r="AF2853" i="1"/>
  <c r="AF2854" i="1"/>
  <c r="AF2855" i="1"/>
  <c r="AF2856" i="1"/>
  <c r="AF2857" i="1"/>
  <c r="AF2858" i="1"/>
  <c r="AF2859" i="1"/>
  <c r="AF2860" i="1"/>
  <c r="AF2861" i="1"/>
  <c r="AF2862" i="1"/>
  <c r="AF2863" i="1"/>
  <c r="AF2864" i="1"/>
  <c r="AF2865" i="1"/>
  <c r="AF2866" i="1"/>
  <c r="AF2867" i="1"/>
  <c r="AF2868" i="1"/>
  <c r="AF2869" i="1"/>
  <c r="AF2870" i="1"/>
  <c r="AF2871" i="1"/>
  <c r="AF2872" i="1"/>
  <c r="AF2873" i="1"/>
  <c r="AF2874" i="1"/>
  <c r="AF2875" i="1"/>
  <c r="AF2876" i="1"/>
  <c r="AF2877" i="1"/>
  <c r="AF2878" i="1"/>
  <c r="AF2879" i="1"/>
  <c r="AF2880" i="1"/>
  <c r="AF2881" i="1"/>
  <c r="AF2882" i="1"/>
  <c r="AF2883" i="1"/>
  <c r="AF2884" i="1"/>
  <c r="AF2885" i="1"/>
  <c r="AF2886" i="1"/>
  <c r="AF2887" i="1"/>
  <c r="AF2888" i="1"/>
  <c r="AF2889" i="1"/>
  <c r="AF2890" i="1"/>
  <c r="AF2891" i="1"/>
  <c r="AF2892" i="1"/>
  <c r="AF2893" i="1"/>
  <c r="AF2894" i="1"/>
  <c r="AF2895" i="1"/>
  <c r="AF2896" i="1"/>
  <c r="AF2897" i="1"/>
  <c r="AF2898" i="1"/>
  <c r="AF2899" i="1"/>
  <c r="AF2900" i="1"/>
  <c r="AF2901" i="1"/>
  <c r="AF2902" i="1"/>
  <c r="AF2903" i="1"/>
  <c r="AF2904" i="1"/>
  <c r="AF2905" i="1"/>
  <c r="AF2906" i="1"/>
  <c r="AF2907" i="1"/>
  <c r="AF2908" i="1"/>
  <c r="AF2909" i="1"/>
  <c r="AF2910" i="1"/>
  <c r="AF2911" i="1"/>
  <c r="AF2912" i="1"/>
  <c r="AF2913" i="1"/>
  <c r="AF2914" i="1"/>
  <c r="AF2915" i="1"/>
  <c r="AF2916" i="1"/>
  <c r="AF2917" i="1"/>
  <c r="AF2918" i="1"/>
  <c r="AF2919" i="1"/>
  <c r="AF2920" i="1"/>
  <c r="AF2921" i="1"/>
  <c r="AF2922" i="1"/>
  <c r="AF2923" i="1"/>
  <c r="AF2924" i="1"/>
  <c r="AF2925" i="1"/>
  <c r="AF2926" i="1"/>
  <c r="AF2927" i="1"/>
  <c r="AF2928" i="1"/>
  <c r="AF2929" i="1"/>
  <c r="AF2930" i="1"/>
  <c r="AF2931" i="1"/>
  <c r="AF2932" i="1"/>
  <c r="AF2933" i="1"/>
  <c r="AF2934" i="1"/>
  <c r="AF2935" i="1"/>
  <c r="AF2936" i="1"/>
  <c r="AF2937" i="1"/>
  <c r="AF2938" i="1"/>
  <c r="AF2939" i="1"/>
  <c r="AF2940" i="1"/>
  <c r="AF2941" i="1"/>
  <c r="AF2942" i="1"/>
  <c r="AF2943" i="1"/>
  <c r="AF2944" i="1"/>
  <c r="AF2945" i="1"/>
  <c r="AF2946" i="1"/>
  <c r="AF2947" i="1"/>
  <c r="AF2948" i="1"/>
  <c r="AF2949" i="1"/>
  <c r="AF2950" i="1"/>
  <c r="AF2951" i="1"/>
  <c r="AF2952" i="1"/>
  <c r="AF2953" i="1"/>
  <c r="AF2954" i="1"/>
  <c r="AF2955" i="1"/>
  <c r="AF2956" i="1"/>
  <c r="AF2957" i="1"/>
  <c r="AF2958" i="1"/>
  <c r="AF2959" i="1"/>
  <c r="AF2960" i="1"/>
  <c r="AF2961" i="1"/>
  <c r="AF2962" i="1"/>
  <c r="AF2963" i="1"/>
  <c r="AF2964" i="1"/>
  <c r="AF2965" i="1"/>
  <c r="AF2966" i="1"/>
  <c r="AF2967" i="1"/>
  <c r="AF2968" i="1"/>
  <c r="AF2969" i="1"/>
  <c r="AF2970" i="1"/>
  <c r="AF2971" i="1"/>
  <c r="AF2972" i="1"/>
  <c r="AF2973" i="1"/>
  <c r="AF2974" i="1"/>
  <c r="AF2975" i="1"/>
  <c r="AF2976" i="1"/>
  <c r="AF2977" i="1"/>
  <c r="AF2978" i="1"/>
  <c r="AF2979" i="1"/>
  <c r="AF2980" i="1"/>
  <c r="AF2981" i="1"/>
  <c r="AF2982" i="1"/>
  <c r="AF2983" i="1"/>
  <c r="AF2984" i="1"/>
  <c r="AF2985" i="1"/>
  <c r="AF2986" i="1"/>
  <c r="AF2987" i="1"/>
  <c r="AF2988" i="1"/>
  <c r="AF2989" i="1"/>
  <c r="AF2990" i="1"/>
  <c r="AF2991" i="1"/>
  <c r="AF2992" i="1"/>
  <c r="AF2993" i="1"/>
  <c r="AF2994" i="1"/>
  <c r="AF2995" i="1"/>
  <c r="AF2996" i="1"/>
  <c r="AF2997" i="1"/>
  <c r="AF2998" i="1"/>
  <c r="AF2999" i="1"/>
  <c r="AF3000" i="1"/>
  <c r="AF3001" i="1"/>
  <c r="AF3002" i="1"/>
  <c r="AF3003" i="1"/>
  <c r="AF3004" i="1"/>
  <c r="AF3005" i="1"/>
  <c r="AF3006" i="1"/>
  <c r="AF3007" i="1"/>
  <c r="AF3008" i="1"/>
  <c r="AF3009" i="1"/>
  <c r="AF3010" i="1"/>
  <c r="AF3011" i="1"/>
  <c r="AF3012" i="1"/>
  <c r="AF3013" i="1"/>
  <c r="AF3014" i="1"/>
  <c r="AF3015" i="1"/>
  <c r="AF3016" i="1"/>
  <c r="AF3017" i="1"/>
  <c r="AF3018" i="1"/>
  <c r="AF3019" i="1"/>
  <c r="AF3020" i="1"/>
  <c r="AF3021" i="1"/>
  <c r="AF3022" i="1"/>
  <c r="AF3023" i="1"/>
  <c r="AF3024" i="1"/>
  <c r="AF3025" i="1"/>
  <c r="AF3026" i="1"/>
  <c r="AF3027" i="1"/>
  <c r="AF3028" i="1"/>
  <c r="AF3029" i="1"/>
  <c r="AF3030" i="1"/>
  <c r="AF3031" i="1"/>
  <c r="AF3032" i="1"/>
  <c r="AF3033" i="1"/>
  <c r="AF3034" i="1"/>
  <c r="AF3035" i="1"/>
  <c r="AF3036" i="1"/>
  <c r="AF3037" i="1"/>
  <c r="AF3038" i="1"/>
  <c r="AF3039" i="1"/>
  <c r="AF3040" i="1"/>
  <c r="AF3041" i="1"/>
  <c r="AF3042" i="1"/>
  <c r="AF3043" i="1"/>
  <c r="AF3044" i="1"/>
  <c r="AF3045" i="1"/>
  <c r="AF3046" i="1"/>
  <c r="AF3047" i="1"/>
  <c r="AF3048" i="1"/>
  <c r="AF3049" i="1"/>
  <c r="AF3050" i="1"/>
  <c r="AF3051" i="1"/>
  <c r="AF3052" i="1"/>
  <c r="AF3053" i="1"/>
  <c r="AF3054" i="1"/>
  <c r="AF3055" i="1"/>
  <c r="AF3056" i="1"/>
  <c r="AF3057" i="1"/>
  <c r="AF3058" i="1"/>
  <c r="AF3059" i="1"/>
  <c r="AF3060" i="1"/>
  <c r="AF3061" i="1"/>
  <c r="AF3062" i="1"/>
  <c r="AF3063" i="1"/>
  <c r="AF3064" i="1"/>
  <c r="AF3065" i="1"/>
  <c r="AF3066" i="1"/>
  <c r="AF3067" i="1"/>
  <c r="AF3068" i="1"/>
  <c r="AF3069" i="1"/>
  <c r="AF3070" i="1"/>
  <c r="AF3071" i="1"/>
  <c r="AF3072" i="1"/>
  <c r="AF3073" i="1"/>
  <c r="AF3074" i="1"/>
  <c r="AF3075" i="1"/>
  <c r="AF3076" i="1"/>
  <c r="AF3077" i="1"/>
  <c r="AF3078" i="1"/>
  <c r="AF3079" i="1"/>
  <c r="AF3080" i="1"/>
  <c r="AF3081" i="1"/>
  <c r="AF3082" i="1"/>
  <c r="AF3083" i="1"/>
  <c r="AF3084" i="1"/>
  <c r="AF3085" i="1"/>
  <c r="AF3086" i="1"/>
  <c r="AF3087" i="1"/>
  <c r="AF3088" i="1"/>
  <c r="AF3089" i="1"/>
  <c r="AF3090" i="1"/>
  <c r="AF3091" i="1"/>
  <c r="AF3092" i="1"/>
  <c r="AF3093" i="1"/>
  <c r="AF3094" i="1"/>
  <c r="AF3095" i="1"/>
  <c r="AF3096" i="1"/>
  <c r="AF3097" i="1"/>
  <c r="AF3098" i="1"/>
  <c r="AF3099" i="1"/>
  <c r="AF3100" i="1"/>
  <c r="AF3101" i="1"/>
  <c r="AF3102" i="1"/>
  <c r="AF3103" i="1"/>
  <c r="AF3104" i="1"/>
  <c r="AF3105" i="1"/>
  <c r="AF3106" i="1"/>
  <c r="AF3107" i="1"/>
  <c r="AF3108" i="1"/>
  <c r="AF3109" i="1"/>
  <c r="AF3110" i="1"/>
  <c r="AF3111" i="1"/>
  <c r="AF3112" i="1"/>
  <c r="AF3113" i="1"/>
  <c r="AF3114" i="1"/>
  <c r="AF3115" i="1"/>
  <c r="AF3116" i="1"/>
  <c r="AF3117" i="1"/>
  <c r="AF3118" i="1"/>
  <c r="AF3119" i="1"/>
  <c r="AF3120" i="1"/>
  <c r="AF3121" i="1"/>
  <c r="AF3122" i="1"/>
  <c r="AF3123" i="1"/>
  <c r="AF3124" i="1"/>
  <c r="AF3125" i="1"/>
  <c r="AF3126" i="1"/>
  <c r="AF3127" i="1"/>
  <c r="AF3128" i="1"/>
  <c r="AF3129" i="1"/>
  <c r="AF3130" i="1"/>
  <c r="AF3131" i="1"/>
  <c r="AF3132" i="1"/>
  <c r="AF3133" i="1"/>
  <c r="AF3134" i="1"/>
  <c r="AF3135" i="1"/>
  <c r="AF3136" i="1"/>
  <c r="AF3137" i="1"/>
  <c r="AF3138" i="1"/>
  <c r="AF3139" i="1"/>
  <c r="AF3140" i="1"/>
  <c r="AF3141" i="1"/>
  <c r="AF3142" i="1"/>
  <c r="AF3143" i="1"/>
  <c r="AF3144" i="1"/>
  <c r="AF3145" i="1"/>
  <c r="AF3146" i="1"/>
  <c r="AF3147" i="1"/>
  <c r="AF3148" i="1"/>
  <c r="AF3149" i="1"/>
  <c r="AF3150" i="1"/>
  <c r="AF3151" i="1"/>
  <c r="AF3152" i="1"/>
  <c r="AF3153" i="1"/>
  <c r="AF3154" i="1"/>
  <c r="AF3155" i="1"/>
  <c r="AF3156" i="1"/>
  <c r="AF3157" i="1"/>
  <c r="AF3158" i="1"/>
  <c r="AF3159" i="1"/>
  <c r="AF3160" i="1"/>
  <c r="AF3161" i="1"/>
  <c r="AF3162" i="1"/>
  <c r="AF3163" i="1"/>
  <c r="AF3164" i="1"/>
  <c r="AF3165" i="1"/>
  <c r="AF3166" i="1"/>
  <c r="AF3167" i="1"/>
  <c r="AF3168" i="1"/>
  <c r="AF3169" i="1"/>
  <c r="AF3170" i="1"/>
  <c r="AF3171" i="1"/>
  <c r="AF3172" i="1"/>
  <c r="AF3173" i="1"/>
  <c r="AF3174" i="1"/>
  <c r="AF3175" i="1"/>
  <c r="AF3176" i="1"/>
  <c r="AF3177" i="1"/>
  <c r="AF3178" i="1"/>
  <c r="AF3179" i="1"/>
  <c r="AF3180" i="1"/>
  <c r="AF3181" i="1"/>
  <c r="AF3182" i="1"/>
  <c r="AF3183" i="1"/>
  <c r="AF3184" i="1"/>
  <c r="AF3185" i="1"/>
  <c r="AF3186" i="1"/>
  <c r="AF3187" i="1"/>
  <c r="AF3188" i="1"/>
  <c r="AF3189" i="1"/>
  <c r="AF3190" i="1"/>
  <c r="AF3191" i="1"/>
  <c r="AF3192" i="1"/>
  <c r="AF3193" i="1"/>
  <c r="AF3194" i="1"/>
  <c r="AF3195" i="1"/>
  <c r="AF3196" i="1"/>
  <c r="AF3197" i="1"/>
  <c r="AF3198" i="1"/>
  <c r="AF3199" i="1"/>
  <c r="AF3200" i="1"/>
  <c r="AF3201" i="1"/>
  <c r="AF3202" i="1"/>
  <c r="AF3203" i="1"/>
  <c r="AF3204" i="1"/>
  <c r="AF3205" i="1"/>
  <c r="AF3206" i="1"/>
  <c r="AF3207" i="1"/>
  <c r="AF3208" i="1"/>
  <c r="AF3209" i="1"/>
  <c r="AF3210" i="1"/>
  <c r="AF3211" i="1"/>
  <c r="AF3212" i="1"/>
  <c r="AF3213" i="1"/>
  <c r="AF3214" i="1"/>
  <c r="AF3215" i="1"/>
  <c r="AF3216" i="1"/>
  <c r="AF3217" i="1"/>
  <c r="AF3218" i="1"/>
  <c r="AF3219" i="1"/>
  <c r="AF3220" i="1"/>
  <c r="AF3221" i="1"/>
  <c r="AF3222" i="1"/>
  <c r="AF3223" i="1"/>
  <c r="AF3224" i="1"/>
  <c r="AF3225" i="1"/>
  <c r="AF3226" i="1"/>
  <c r="AF3227" i="1"/>
  <c r="AF3228" i="1"/>
  <c r="AF3229" i="1"/>
  <c r="AF3230" i="1"/>
  <c r="AF3231" i="1"/>
  <c r="AF3232" i="1"/>
  <c r="AF3233" i="1"/>
  <c r="AF3234" i="1"/>
  <c r="AF3235" i="1"/>
  <c r="AF3236" i="1"/>
  <c r="AF3237" i="1"/>
  <c r="AF3238" i="1"/>
  <c r="AF3239" i="1"/>
  <c r="AF3240" i="1"/>
  <c r="AF3241" i="1"/>
  <c r="AF3242" i="1"/>
  <c r="AF3243" i="1"/>
  <c r="AF3244" i="1"/>
  <c r="AF3245" i="1"/>
  <c r="AF3246" i="1"/>
  <c r="AF3247" i="1"/>
  <c r="AF3248" i="1"/>
  <c r="AF3249" i="1"/>
  <c r="AF3250" i="1"/>
  <c r="AF3251" i="1"/>
  <c r="AF3252" i="1"/>
  <c r="AF3253" i="1"/>
  <c r="AF3254" i="1"/>
  <c r="AF3255" i="1"/>
  <c r="AF3256" i="1"/>
  <c r="AF3257" i="1"/>
  <c r="AF3258" i="1"/>
  <c r="AF3259" i="1"/>
  <c r="AF3260" i="1"/>
  <c r="AF3261" i="1"/>
  <c r="AF3262" i="1"/>
  <c r="AF3263" i="1"/>
  <c r="AF3264" i="1"/>
  <c r="AF3265" i="1"/>
  <c r="AF3266" i="1"/>
  <c r="AF3267" i="1"/>
  <c r="AF3268" i="1"/>
  <c r="AF3269" i="1"/>
  <c r="AF3270" i="1"/>
  <c r="AF3271" i="1"/>
  <c r="AF3272" i="1"/>
  <c r="AF3273" i="1"/>
  <c r="AF3274" i="1"/>
  <c r="AF3275" i="1"/>
  <c r="AF3276" i="1"/>
  <c r="AF3277" i="1"/>
  <c r="AF3278" i="1"/>
  <c r="AF3279" i="1"/>
  <c r="AF3280" i="1"/>
  <c r="AF3281" i="1"/>
  <c r="AF3282" i="1"/>
  <c r="AF3283" i="1"/>
  <c r="AF3284" i="1"/>
  <c r="AF3285" i="1"/>
  <c r="AF3286" i="1"/>
  <c r="AF3287" i="1"/>
  <c r="AF3288" i="1"/>
  <c r="AF3289" i="1"/>
  <c r="AF3290" i="1"/>
  <c r="AF3291" i="1"/>
  <c r="AF3292" i="1"/>
  <c r="AF3293" i="1"/>
  <c r="AF3294" i="1"/>
  <c r="AF3295" i="1"/>
  <c r="AF3296" i="1"/>
  <c r="AF3297" i="1"/>
  <c r="AF3298" i="1"/>
  <c r="AF3299" i="1"/>
  <c r="AF3300" i="1"/>
  <c r="AF3301" i="1"/>
  <c r="AF3302" i="1"/>
  <c r="AF3303" i="1"/>
  <c r="AF3304" i="1"/>
  <c r="AF3305" i="1"/>
  <c r="AF3306" i="1"/>
  <c r="AF3307" i="1"/>
  <c r="AF3308" i="1"/>
  <c r="AF3309" i="1"/>
  <c r="AF3310" i="1"/>
  <c r="AF3311" i="1"/>
  <c r="AF3312" i="1"/>
  <c r="AF3313" i="1"/>
  <c r="AF3314" i="1"/>
  <c r="AF3315" i="1"/>
  <c r="AF3316" i="1"/>
  <c r="AF3317" i="1"/>
  <c r="AF3318" i="1"/>
  <c r="AF3319" i="1"/>
  <c r="AF3320" i="1"/>
  <c r="AF3321" i="1"/>
  <c r="AF3322" i="1"/>
  <c r="AF3323" i="1"/>
  <c r="AF3324" i="1"/>
  <c r="AF3325" i="1"/>
  <c r="AF3326" i="1"/>
  <c r="AF3327" i="1"/>
  <c r="AF3328" i="1"/>
  <c r="AF3329" i="1"/>
  <c r="AF3330" i="1"/>
  <c r="AF3331" i="1"/>
  <c r="AF3332" i="1"/>
  <c r="AF3333" i="1"/>
  <c r="AF3334" i="1"/>
  <c r="AF3335" i="1"/>
  <c r="AF3336" i="1"/>
  <c r="AF3337" i="1"/>
  <c r="AF3338" i="1"/>
  <c r="AF3339" i="1"/>
  <c r="AF3340" i="1"/>
  <c r="AF3341" i="1"/>
  <c r="AF3342" i="1"/>
  <c r="AF3343" i="1"/>
  <c r="AF3344" i="1"/>
  <c r="AF3345" i="1"/>
  <c r="AF3346" i="1"/>
  <c r="AF3347" i="1"/>
  <c r="AF3348" i="1"/>
  <c r="AF3349" i="1"/>
  <c r="AF3350" i="1"/>
  <c r="AF3351" i="1"/>
  <c r="AF3352" i="1"/>
  <c r="AF3353" i="1"/>
  <c r="AF3354" i="1"/>
  <c r="AF3355" i="1"/>
  <c r="AF3356" i="1"/>
  <c r="AF3357" i="1"/>
  <c r="AF3358" i="1"/>
  <c r="AF3359" i="1"/>
  <c r="AF3360" i="1"/>
  <c r="AF3361" i="1"/>
  <c r="AF3362" i="1"/>
  <c r="AF3363" i="1"/>
  <c r="AF3364" i="1"/>
  <c r="AF3365" i="1"/>
  <c r="AF3366" i="1"/>
  <c r="AF3367" i="1"/>
  <c r="AF3368" i="1"/>
  <c r="AF3369" i="1"/>
  <c r="AF3370" i="1"/>
  <c r="AF3371" i="1"/>
  <c r="AF3372" i="1"/>
  <c r="AF3373" i="1"/>
  <c r="AF3374" i="1"/>
  <c r="AF3375" i="1"/>
  <c r="AF3376" i="1"/>
  <c r="AF3377" i="1"/>
  <c r="AF3378" i="1"/>
  <c r="AF3379" i="1"/>
  <c r="AF3380" i="1"/>
  <c r="AF3381" i="1"/>
  <c r="AF3382" i="1"/>
  <c r="AF3383" i="1"/>
  <c r="AF3384" i="1"/>
  <c r="AF3385" i="1"/>
  <c r="AF3386" i="1"/>
  <c r="AF3387" i="1"/>
  <c r="AF3388" i="1"/>
  <c r="AF3389" i="1"/>
  <c r="AF3390" i="1"/>
  <c r="AF3391" i="1"/>
  <c r="AF3392" i="1"/>
  <c r="AF3393" i="1"/>
  <c r="AF3394" i="1"/>
  <c r="AF3395" i="1"/>
  <c r="AF3396" i="1"/>
  <c r="AF3397" i="1"/>
  <c r="AF3398" i="1"/>
  <c r="AF3399" i="1"/>
  <c r="AF3400" i="1"/>
  <c r="AF3401" i="1"/>
  <c r="AF3402" i="1"/>
  <c r="AF3403" i="1"/>
  <c r="AF3404" i="1"/>
  <c r="AF3405" i="1"/>
  <c r="AF3406" i="1"/>
  <c r="AF3407" i="1"/>
  <c r="AF3408" i="1"/>
  <c r="AF3409" i="1"/>
  <c r="AF3410" i="1"/>
  <c r="AF3411" i="1"/>
  <c r="AF3412" i="1"/>
  <c r="AF3413" i="1"/>
  <c r="AF3414" i="1"/>
  <c r="AF3415" i="1"/>
  <c r="AF3416" i="1"/>
  <c r="AF3417" i="1"/>
  <c r="AF3418" i="1"/>
  <c r="AF3419" i="1"/>
  <c r="AF3420" i="1"/>
  <c r="AF3421" i="1"/>
  <c r="AF3422" i="1"/>
  <c r="AF3423" i="1"/>
  <c r="AF3424" i="1"/>
  <c r="AF3425" i="1"/>
  <c r="AF3426" i="1"/>
  <c r="AF3427" i="1"/>
  <c r="AF3428" i="1"/>
  <c r="AF3429" i="1"/>
  <c r="AF3430" i="1"/>
  <c r="AF3431" i="1"/>
  <c r="AF3432" i="1"/>
  <c r="AF3433" i="1"/>
  <c r="AF3434" i="1"/>
  <c r="AF3435" i="1"/>
  <c r="AF3436" i="1"/>
  <c r="AF3437" i="1"/>
  <c r="AF3438" i="1"/>
  <c r="AF3439" i="1"/>
  <c r="AF3440" i="1"/>
  <c r="AF3441" i="1"/>
  <c r="AF3442" i="1"/>
  <c r="AF3443" i="1"/>
  <c r="AF3444" i="1"/>
  <c r="AF3445" i="1"/>
  <c r="AF3446" i="1"/>
  <c r="AF3447" i="1"/>
  <c r="AF3448" i="1"/>
  <c r="AF3449" i="1"/>
  <c r="AF3450" i="1"/>
  <c r="AF3451" i="1"/>
  <c r="AF3452" i="1"/>
  <c r="AF3453" i="1"/>
  <c r="AF3454" i="1"/>
  <c r="AF3455" i="1"/>
  <c r="AF3456" i="1"/>
  <c r="AF3457" i="1"/>
  <c r="AF3458" i="1"/>
  <c r="AF3459" i="1"/>
  <c r="AF3460" i="1"/>
  <c r="AF3461" i="1"/>
  <c r="AF3462" i="1"/>
  <c r="AF3463" i="1"/>
  <c r="AF3464" i="1"/>
  <c r="AF3465" i="1"/>
  <c r="AF3466" i="1"/>
  <c r="AF3467" i="1"/>
  <c r="AF3468" i="1"/>
  <c r="AF3469" i="1"/>
  <c r="AF3470" i="1"/>
  <c r="AF3471" i="1"/>
  <c r="AF3472" i="1"/>
  <c r="AF3473" i="1"/>
  <c r="AF3474" i="1"/>
  <c r="AF3475" i="1"/>
  <c r="AF3476" i="1"/>
  <c r="AF3477" i="1"/>
  <c r="AF3478" i="1"/>
  <c r="AF3479" i="1"/>
  <c r="AF3480" i="1"/>
  <c r="AF3481" i="1"/>
  <c r="AF3482" i="1"/>
  <c r="AF3483" i="1"/>
  <c r="AF3484" i="1"/>
  <c r="AF3485" i="1"/>
  <c r="AF3486" i="1"/>
  <c r="AF3487" i="1"/>
  <c r="AF3488" i="1"/>
  <c r="AF3489" i="1"/>
  <c r="AF3490" i="1"/>
  <c r="AF3491" i="1"/>
  <c r="AF3492" i="1"/>
  <c r="AF3493" i="1"/>
  <c r="AF3494" i="1"/>
  <c r="AF3495" i="1"/>
  <c r="AF3496" i="1"/>
  <c r="AF3497" i="1"/>
  <c r="AF3498" i="1"/>
  <c r="AF3499" i="1"/>
  <c r="AF3500" i="1"/>
  <c r="AF3501" i="1"/>
  <c r="AF3502" i="1"/>
  <c r="AF3503" i="1"/>
  <c r="AF3504" i="1"/>
  <c r="AF3505" i="1"/>
  <c r="AF3506" i="1"/>
  <c r="AF3507" i="1"/>
  <c r="AF3508" i="1"/>
  <c r="AF3509" i="1"/>
  <c r="AF3510" i="1"/>
  <c r="AF3511" i="1"/>
  <c r="AF3512" i="1"/>
  <c r="AF3513" i="1"/>
  <c r="AF3514" i="1"/>
  <c r="AF3515" i="1"/>
  <c r="AF3516" i="1"/>
  <c r="AF3517" i="1"/>
  <c r="AF3518" i="1"/>
  <c r="AF3519" i="1"/>
  <c r="AF3520" i="1"/>
  <c r="AF3521" i="1"/>
  <c r="AF3522" i="1"/>
  <c r="AF3523" i="1"/>
  <c r="AF3524" i="1"/>
  <c r="AF3525" i="1"/>
  <c r="AF3526" i="1"/>
  <c r="AF3527" i="1"/>
  <c r="AF3528" i="1"/>
  <c r="AF3529" i="1"/>
  <c r="AF3530" i="1"/>
  <c r="AF3531" i="1"/>
  <c r="AF3532" i="1"/>
  <c r="AF3533" i="1"/>
  <c r="AF3534" i="1"/>
  <c r="AF3535" i="1"/>
  <c r="AF3536" i="1"/>
  <c r="AF3537" i="1"/>
  <c r="AF3538" i="1"/>
  <c r="AF3539" i="1"/>
  <c r="AF3540" i="1"/>
  <c r="AF3541" i="1"/>
  <c r="AF3542" i="1"/>
  <c r="AF3543" i="1"/>
  <c r="AF3544" i="1"/>
  <c r="AF3545" i="1"/>
  <c r="AF3546" i="1"/>
  <c r="AF3547" i="1"/>
  <c r="AF3548" i="1"/>
  <c r="AF3549" i="1"/>
  <c r="AF3550" i="1"/>
  <c r="AF3551" i="1"/>
  <c r="AF3552" i="1"/>
  <c r="AF3553" i="1"/>
  <c r="AF3554" i="1"/>
  <c r="AF3555" i="1"/>
  <c r="AF3556" i="1"/>
  <c r="AF3557" i="1"/>
  <c r="AF3558" i="1"/>
  <c r="AF3559" i="1"/>
  <c r="AF3560" i="1"/>
  <c r="AF3561" i="1"/>
  <c r="AF3562" i="1"/>
  <c r="AF3563" i="1"/>
  <c r="AF3564" i="1"/>
  <c r="AF3565" i="1"/>
  <c r="AF3566" i="1"/>
  <c r="AF3567" i="1"/>
  <c r="AF3568" i="1"/>
  <c r="AF3569" i="1"/>
  <c r="AF3570" i="1"/>
  <c r="AF3571" i="1"/>
  <c r="AF3572" i="1"/>
  <c r="AF3573" i="1"/>
  <c r="AF3574" i="1"/>
  <c r="AF3575" i="1"/>
  <c r="AF3576" i="1"/>
  <c r="AF3577" i="1"/>
  <c r="AF3578" i="1"/>
  <c r="AF3579" i="1"/>
  <c r="AF3580" i="1"/>
  <c r="AF3581" i="1"/>
  <c r="AF3582" i="1"/>
  <c r="AF3583" i="1"/>
  <c r="AF3584" i="1"/>
  <c r="AF3585" i="1"/>
  <c r="AF3586" i="1"/>
  <c r="AF3587" i="1"/>
  <c r="AF3588" i="1"/>
  <c r="AF3589" i="1"/>
  <c r="AF3590" i="1"/>
  <c r="AF3591" i="1"/>
  <c r="AF3592" i="1"/>
  <c r="AF3593" i="1"/>
  <c r="AF3594" i="1"/>
  <c r="AF3595" i="1"/>
  <c r="AF3596" i="1"/>
  <c r="AF3597" i="1"/>
  <c r="AF3598" i="1"/>
  <c r="AF3599" i="1"/>
  <c r="AF3600" i="1"/>
  <c r="AF3601" i="1"/>
  <c r="AF3602" i="1"/>
  <c r="AF3603" i="1"/>
  <c r="AF3604" i="1"/>
  <c r="AF3605" i="1"/>
  <c r="AF3606" i="1"/>
  <c r="AF3607" i="1"/>
  <c r="AF3608" i="1"/>
  <c r="AF3609" i="1"/>
  <c r="AF3610" i="1"/>
  <c r="AF3611" i="1"/>
  <c r="AF3612" i="1"/>
  <c r="AF3613" i="1"/>
  <c r="AF3614" i="1"/>
  <c r="AF3615" i="1"/>
  <c r="AF3616" i="1"/>
  <c r="AF3617" i="1"/>
  <c r="AF3618" i="1"/>
  <c r="AF3619" i="1"/>
  <c r="AF3620" i="1"/>
  <c r="AF3621" i="1"/>
  <c r="AF3622" i="1"/>
  <c r="AF3623" i="1"/>
  <c r="AF3624" i="1"/>
  <c r="AF3625" i="1"/>
  <c r="AF3626" i="1"/>
  <c r="AF3627" i="1"/>
  <c r="AF3628" i="1"/>
  <c r="AF3629" i="1"/>
  <c r="AF3630" i="1"/>
  <c r="AF3631" i="1"/>
  <c r="AF3632" i="1"/>
  <c r="AF3633" i="1"/>
  <c r="AF3634" i="1"/>
  <c r="AF3635" i="1"/>
  <c r="AF3636" i="1"/>
  <c r="AF3637" i="1"/>
  <c r="AF3638" i="1"/>
  <c r="AF3639" i="1"/>
  <c r="AF3640" i="1"/>
  <c r="AF3641" i="1"/>
  <c r="AF3642" i="1"/>
  <c r="AF3643" i="1"/>
  <c r="AF3644" i="1"/>
  <c r="AF3645" i="1"/>
  <c r="AF3646" i="1"/>
  <c r="AF3647" i="1"/>
  <c r="AF3648" i="1"/>
  <c r="AF3649" i="1"/>
  <c r="AF3650" i="1"/>
  <c r="AF3651" i="1"/>
  <c r="AF3652" i="1"/>
  <c r="AF3653" i="1"/>
  <c r="AF3654" i="1"/>
  <c r="AF3655" i="1"/>
  <c r="AF3656" i="1"/>
  <c r="AF3657" i="1"/>
  <c r="AF3658" i="1"/>
  <c r="AF3659" i="1"/>
  <c r="AF3660" i="1"/>
  <c r="AF3661" i="1"/>
  <c r="AF3662" i="1"/>
  <c r="AF3663" i="1"/>
  <c r="AF3664" i="1"/>
  <c r="AF3665" i="1"/>
  <c r="AF3666" i="1"/>
  <c r="AF3667" i="1"/>
  <c r="AF3668" i="1"/>
  <c r="AF3669" i="1"/>
  <c r="AF3670" i="1"/>
  <c r="AF3671" i="1"/>
  <c r="AF3672" i="1"/>
  <c r="AF3673" i="1"/>
  <c r="AF3674" i="1"/>
  <c r="AF3675" i="1"/>
  <c r="AF3676" i="1"/>
  <c r="AF3677" i="1"/>
  <c r="AF3678" i="1"/>
  <c r="AF3679" i="1"/>
  <c r="AF3680" i="1"/>
  <c r="AF3681" i="1"/>
  <c r="AF3682" i="1"/>
  <c r="AF3683" i="1"/>
  <c r="AF3684" i="1"/>
  <c r="AF3685" i="1"/>
  <c r="AF3686" i="1"/>
  <c r="AF3687" i="1"/>
  <c r="AF3688" i="1"/>
  <c r="AF3689" i="1"/>
  <c r="AF3690" i="1"/>
  <c r="AF3691" i="1"/>
  <c r="AF3692" i="1"/>
  <c r="AF3693" i="1"/>
  <c r="AF3694" i="1"/>
  <c r="AF3695" i="1"/>
  <c r="AF3696" i="1"/>
  <c r="AF3697" i="1"/>
  <c r="AF3698" i="1"/>
  <c r="AF3699" i="1"/>
  <c r="AF3700" i="1"/>
  <c r="AF3701" i="1"/>
  <c r="AF3702" i="1"/>
  <c r="AF3703" i="1"/>
  <c r="AF3704" i="1"/>
  <c r="AF3705" i="1"/>
  <c r="AF3706" i="1"/>
  <c r="AF3707" i="1"/>
  <c r="AF3708" i="1"/>
  <c r="AF3709" i="1"/>
  <c r="AF3710" i="1"/>
  <c r="AF3711" i="1"/>
  <c r="AF3712" i="1"/>
  <c r="AF3713" i="1"/>
  <c r="AF3714" i="1"/>
  <c r="AF3715" i="1"/>
  <c r="AF3716" i="1"/>
  <c r="AF3717" i="1"/>
  <c r="AF3718" i="1"/>
  <c r="AF3719" i="1"/>
  <c r="AF3720" i="1"/>
  <c r="AF3721" i="1"/>
  <c r="AF3722" i="1"/>
  <c r="AF3723" i="1"/>
  <c r="AF3724" i="1"/>
  <c r="AF3725" i="1"/>
  <c r="AF3726" i="1"/>
  <c r="AF3727" i="1"/>
  <c r="AF3728" i="1"/>
  <c r="AF3729" i="1"/>
  <c r="AF3730" i="1"/>
  <c r="AF3731" i="1"/>
  <c r="AF3732" i="1"/>
  <c r="AF3733" i="1"/>
  <c r="AF3734" i="1"/>
  <c r="AF3735" i="1"/>
  <c r="AF3736" i="1"/>
  <c r="AF3737" i="1"/>
  <c r="AF3738" i="1"/>
  <c r="AF3739" i="1"/>
  <c r="AF3740" i="1"/>
  <c r="AF3741" i="1"/>
  <c r="AF3742" i="1"/>
  <c r="AF3743" i="1"/>
  <c r="AF3744" i="1"/>
  <c r="AF3745" i="1"/>
  <c r="AF3746" i="1"/>
  <c r="AF3747" i="1"/>
  <c r="AF3748" i="1"/>
  <c r="AF3749" i="1"/>
  <c r="AF3750" i="1"/>
  <c r="AF3751" i="1"/>
  <c r="AF3752" i="1"/>
  <c r="AF3753" i="1"/>
  <c r="AF3754" i="1"/>
  <c r="AF3755" i="1"/>
  <c r="AF3756" i="1"/>
  <c r="AF3757" i="1"/>
  <c r="AF3758" i="1"/>
  <c r="AF3759" i="1"/>
  <c r="AF3760" i="1"/>
  <c r="AF3761" i="1"/>
  <c r="AF3762" i="1"/>
  <c r="AF3763" i="1"/>
  <c r="AF3764" i="1"/>
  <c r="AF3765" i="1"/>
  <c r="AF3766" i="1"/>
  <c r="AF3767" i="1"/>
  <c r="AF3768" i="1"/>
  <c r="AF3769" i="1"/>
  <c r="AF3770" i="1"/>
  <c r="AF3771" i="1"/>
  <c r="AF3772" i="1"/>
  <c r="AF3773" i="1"/>
  <c r="AF3774" i="1"/>
  <c r="AF3775" i="1"/>
  <c r="AF3776" i="1"/>
  <c r="AF3777" i="1"/>
  <c r="AF3778" i="1"/>
  <c r="AF3779" i="1"/>
  <c r="AF3780" i="1"/>
  <c r="AF3781" i="1"/>
  <c r="AF3782" i="1"/>
  <c r="AF3783" i="1"/>
  <c r="AF3784" i="1"/>
  <c r="AF3785" i="1"/>
  <c r="AF3786" i="1"/>
  <c r="AF3787" i="1"/>
  <c r="AF3788" i="1"/>
  <c r="AF3789" i="1"/>
  <c r="AF3790" i="1"/>
  <c r="AF3791" i="1"/>
  <c r="AF3792" i="1"/>
  <c r="AF3793" i="1"/>
  <c r="AF3794" i="1"/>
  <c r="AF3795" i="1"/>
  <c r="AF3796" i="1"/>
  <c r="AF3797" i="1"/>
  <c r="AF3798" i="1"/>
  <c r="AF3799" i="1"/>
  <c r="AF3800" i="1"/>
  <c r="AF3801" i="1"/>
  <c r="AF3802" i="1"/>
  <c r="AF3803" i="1"/>
  <c r="AF3804" i="1"/>
  <c r="AF3805" i="1"/>
  <c r="AF3806" i="1"/>
  <c r="AF3807" i="1"/>
  <c r="AF3808" i="1"/>
  <c r="AF3809" i="1"/>
  <c r="AF3810" i="1"/>
  <c r="AF3811" i="1"/>
  <c r="AF3812" i="1"/>
  <c r="AF3813" i="1"/>
  <c r="AF3814" i="1"/>
  <c r="AF3815" i="1"/>
  <c r="AF3816" i="1"/>
  <c r="AF3817" i="1"/>
  <c r="AF3818" i="1"/>
  <c r="AF3819" i="1"/>
  <c r="AF3820" i="1"/>
  <c r="AF3821" i="1"/>
  <c r="AF3822" i="1"/>
  <c r="AF3823" i="1"/>
  <c r="AF3824" i="1"/>
  <c r="AF3825" i="1"/>
  <c r="AF3826" i="1"/>
  <c r="AF3827" i="1"/>
  <c r="AF3828" i="1"/>
  <c r="AF3829" i="1"/>
  <c r="AF3830" i="1"/>
  <c r="AF3831" i="1"/>
  <c r="AF3832" i="1"/>
  <c r="AF3833" i="1"/>
  <c r="AF3834" i="1"/>
  <c r="AF3835" i="1"/>
  <c r="AF3836" i="1"/>
  <c r="AF3837" i="1"/>
  <c r="AF3838" i="1"/>
  <c r="AF3839" i="1"/>
  <c r="AF3840" i="1"/>
  <c r="AF3841" i="1"/>
  <c r="AF3842" i="1"/>
  <c r="AF3843" i="1"/>
  <c r="AF3844" i="1"/>
  <c r="AF3845" i="1"/>
  <c r="AF3846" i="1"/>
  <c r="AF3847" i="1"/>
  <c r="AF3848" i="1"/>
  <c r="AF3849" i="1"/>
  <c r="AF3850" i="1"/>
  <c r="AF3851" i="1"/>
  <c r="AF3852" i="1"/>
  <c r="AF3853" i="1"/>
  <c r="AF3854" i="1"/>
  <c r="AF3855" i="1"/>
  <c r="AF3856" i="1"/>
  <c r="AF3857" i="1"/>
  <c r="AF3858" i="1"/>
  <c r="AF3859" i="1"/>
  <c r="AF3860" i="1"/>
  <c r="AF3861" i="1"/>
  <c r="AF3862" i="1"/>
  <c r="AF3863" i="1"/>
  <c r="AF3864" i="1"/>
  <c r="AF3865" i="1"/>
  <c r="AF3866" i="1"/>
  <c r="AF3867" i="1"/>
  <c r="AF3868" i="1"/>
  <c r="AF3869" i="1"/>
  <c r="AF3870" i="1"/>
  <c r="AF3871" i="1"/>
  <c r="AF3872" i="1"/>
  <c r="AF3873" i="1"/>
  <c r="AF3874" i="1"/>
  <c r="AF3875" i="1"/>
  <c r="AF3876" i="1"/>
  <c r="AF3877" i="1"/>
  <c r="AF3878" i="1"/>
  <c r="AF3879" i="1"/>
  <c r="AF3880" i="1"/>
  <c r="AF3881" i="1"/>
  <c r="AF3882" i="1"/>
  <c r="AF3883" i="1"/>
  <c r="AF3884" i="1"/>
  <c r="AF3885" i="1"/>
  <c r="AF3886" i="1"/>
  <c r="AF3887" i="1"/>
  <c r="AF3888" i="1"/>
  <c r="AF3889" i="1"/>
  <c r="AF3890" i="1"/>
  <c r="AF3891" i="1"/>
  <c r="AF3892" i="1"/>
  <c r="AF3893" i="1"/>
  <c r="AF3894" i="1"/>
  <c r="AF3895" i="1"/>
  <c r="AF3896" i="1"/>
  <c r="AF3897" i="1"/>
  <c r="AF3898" i="1"/>
  <c r="AF3899" i="1"/>
  <c r="AF3900" i="1"/>
  <c r="AF3901" i="1"/>
  <c r="AF3902" i="1"/>
  <c r="AF3903" i="1"/>
  <c r="AF3904" i="1"/>
  <c r="AF3905" i="1"/>
  <c r="AF3906" i="1"/>
  <c r="AF3907" i="1"/>
  <c r="AF3908" i="1"/>
  <c r="AF3909" i="1"/>
  <c r="AF3910" i="1"/>
  <c r="AF3911" i="1"/>
  <c r="AF3912" i="1"/>
  <c r="AF3913" i="1"/>
  <c r="AF3914" i="1"/>
  <c r="AF3915" i="1"/>
  <c r="AF3916" i="1"/>
  <c r="AF3917" i="1"/>
  <c r="AF3918" i="1"/>
  <c r="AF3919" i="1"/>
  <c r="AF3920" i="1"/>
  <c r="AF3921" i="1"/>
  <c r="AF3922" i="1"/>
  <c r="AF3923" i="1"/>
  <c r="AF3924" i="1"/>
  <c r="AF3925" i="1"/>
  <c r="AF3926" i="1"/>
  <c r="AF3927" i="1"/>
  <c r="AF3928" i="1"/>
  <c r="AF3929" i="1"/>
  <c r="AF3930" i="1"/>
  <c r="AF3931" i="1"/>
  <c r="AF3932" i="1"/>
  <c r="AF3933" i="1"/>
  <c r="AF3934" i="1"/>
  <c r="AF3935" i="1"/>
  <c r="AF3936" i="1"/>
  <c r="AF3937" i="1"/>
  <c r="AF3938" i="1"/>
  <c r="AF3939" i="1"/>
  <c r="AF3940" i="1"/>
  <c r="AF3941" i="1"/>
  <c r="AF3942" i="1"/>
  <c r="AF3943" i="1"/>
  <c r="AF3944" i="1"/>
  <c r="AF3945" i="1"/>
  <c r="AF3946" i="1"/>
  <c r="AF3947" i="1"/>
  <c r="AF3948" i="1"/>
  <c r="AF3949" i="1"/>
  <c r="AF3950" i="1"/>
  <c r="AF3951" i="1"/>
  <c r="AF3952" i="1"/>
  <c r="AF3953" i="1"/>
  <c r="AF3954" i="1"/>
  <c r="AF3955" i="1"/>
  <c r="AF3956" i="1"/>
  <c r="AF3957" i="1"/>
  <c r="AF3958" i="1"/>
  <c r="AF3959" i="1"/>
  <c r="AF3960" i="1"/>
  <c r="AF3961" i="1"/>
  <c r="AF3962" i="1"/>
  <c r="AF3963" i="1"/>
  <c r="AF3964" i="1"/>
  <c r="AF3965" i="1"/>
  <c r="AF3966" i="1"/>
  <c r="AF3967" i="1"/>
  <c r="AF3968" i="1"/>
  <c r="AF3969" i="1"/>
  <c r="AF3970" i="1"/>
  <c r="AF3971" i="1"/>
  <c r="AF3972" i="1"/>
  <c r="AF3973" i="1"/>
  <c r="AF3974" i="1"/>
  <c r="AF3975" i="1"/>
  <c r="AF3976" i="1"/>
  <c r="AF3977" i="1"/>
  <c r="AF3978" i="1"/>
  <c r="AF3979" i="1"/>
  <c r="AF3980" i="1"/>
  <c r="AF3981" i="1"/>
  <c r="AF3982" i="1"/>
  <c r="AF3983" i="1"/>
  <c r="AF3984" i="1"/>
  <c r="AF3985" i="1"/>
  <c r="AF3986" i="1"/>
  <c r="AF3987" i="1"/>
  <c r="AF3988" i="1"/>
  <c r="AF3989" i="1"/>
  <c r="AF3990" i="1"/>
  <c r="AF3991" i="1"/>
  <c r="AF3992" i="1"/>
  <c r="AF3993" i="1"/>
  <c r="AF3994" i="1"/>
  <c r="AF3995" i="1"/>
  <c r="AF3996" i="1"/>
  <c r="AF3997" i="1"/>
  <c r="AF3998" i="1"/>
  <c r="AF3999" i="1"/>
  <c r="AF4000" i="1"/>
  <c r="AF4001" i="1"/>
  <c r="AF4002" i="1"/>
  <c r="AF4003" i="1"/>
  <c r="AF4004" i="1"/>
  <c r="AF4005" i="1"/>
  <c r="AF4006" i="1"/>
  <c r="AF4007" i="1"/>
  <c r="AF4008" i="1"/>
  <c r="AF4009" i="1"/>
  <c r="AF4010" i="1"/>
  <c r="AF4011" i="1"/>
  <c r="AF4012" i="1"/>
  <c r="AF4013" i="1"/>
  <c r="AF4014" i="1"/>
  <c r="AF4015" i="1"/>
  <c r="AF4016" i="1"/>
  <c r="AF4017" i="1"/>
  <c r="AF4018" i="1"/>
  <c r="AF4019" i="1"/>
  <c r="AF4020" i="1"/>
  <c r="AF4021" i="1"/>
  <c r="AF4022" i="1"/>
  <c r="AF4023" i="1"/>
  <c r="AF4024" i="1"/>
  <c r="AF4025" i="1"/>
  <c r="AF4026" i="1"/>
  <c r="AF4027" i="1"/>
  <c r="AF4028" i="1"/>
  <c r="AF4029" i="1"/>
  <c r="AF4030" i="1"/>
  <c r="AF4031" i="1"/>
  <c r="AF4032" i="1"/>
  <c r="AF4033" i="1"/>
  <c r="AF4034" i="1"/>
  <c r="AF4035" i="1"/>
  <c r="AF4036" i="1"/>
  <c r="AF4037" i="1"/>
  <c r="AF4038" i="1"/>
  <c r="AF4039" i="1"/>
  <c r="AF4040" i="1"/>
  <c r="AF4041" i="1"/>
  <c r="AF4042" i="1"/>
  <c r="AF4043" i="1"/>
  <c r="AF4044" i="1"/>
  <c r="AF4045" i="1"/>
  <c r="AF4046" i="1"/>
  <c r="AF4047" i="1"/>
  <c r="AF4048" i="1"/>
  <c r="AF4049" i="1"/>
  <c r="AF4050" i="1"/>
  <c r="AF4051" i="1"/>
  <c r="AF4052" i="1"/>
  <c r="AF4053" i="1"/>
  <c r="AF4054" i="1"/>
  <c r="AF4055" i="1"/>
  <c r="AF4056" i="1"/>
  <c r="AF4057" i="1"/>
  <c r="AF4058" i="1"/>
  <c r="AF4059" i="1"/>
  <c r="AF4060" i="1"/>
  <c r="AF4061" i="1"/>
  <c r="AF4062" i="1"/>
  <c r="AF4063" i="1"/>
  <c r="AF4064" i="1"/>
  <c r="AF4065" i="1"/>
  <c r="AF4066" i="1"/>
  <c r="AF4067" i="1"/>
  <c r="AF4068" i="1"/>
  <c r="AF4069" i="1"/>
  <c r="AF4070" i="1"/>
  <c r="AF4071" i="1"/>
  <c r="AF4072" i="1"/>
  <c r="AF4073" i="1"/>
  <c r="AF4074" i="1"/>
  <c r="AF4075" i="1"/>
  <c r="AF4076" i="1"/>
  <c r="AF4077" i="1"/>
  <c r="AF4078" i="1"/>
  <c r="AF4079" i="1"/>
  <c r="AF4080" i="1"/>
  <c r="AF4081" i="1"/>
  <c r="AF4082" i="1"/>
  <c r="AF4083" i="1"/>
  <c r="AF4084" i="1"/>
  <c r="AF4085" i="1"/>
  <c r="AF4086" i="1"/>
  <c r="AF4087" i="1"/>
  <c r="AF4088" i="1"/>
  <c r="AF4089" i="1"/>
  <c r="AF4090" i="1"/>
  <c r="AF4091" i="1"/>
  <c r="AF4092" i="1"/>
  <c r="AF4093" i="1"/>
  <c r="AF4094" i="1"/>
  <c r="AF4095" i="1"/>
  <c r="AF4096" i="1"/>
  <c r="AF4097" i="1"/>
  <c r="AF4098" i="1"/>
  <c r="AF4099" i="1"/>
  <c r="AF4100" i="1"/>
  <c r="AF4101" i="1"/>
  <c r="AF4102" i="1"/>
  <c r="AF4103" i="1"/>
  <c r="AF4104" i="1"/>
  <c r="AF4105" i="1"/>
  <c r="AF4106" i="1"/>
  <c r="AF4107" i="1"/>
  <c r="AF4108" i="1"/>
  <c r="AF4109" i="1"/>
  <c r="AF4110" i="1"/>
  <c r="AF4111" i="1"/>
  <c r="AF4112" i="1"/>
  <c r="AF4113" i="1"/>
  <c r="AF4114" i="1"/>
  <c r="AF4115" i="1"/>
  <c r="AF4116" i="1"/>
  <c r="AF4117" i="1"/>
  <c r="AF4118" i="1"/>
  <c r="AF4119" i="1"/>
  <c r="AF4120" i="1"/>
  <c r="AF4121" i="1"/>
  <c r="AF4122" i="1"/>
  <c r="AF4123" i="1"/>
  <c r="AF4124" i="1"/>
  <c r="AF4125" i="1"/>
  <c r="AF4126" i="1"/>
  <c r="AF4127" i="1"/>
  <c r="AF4128" i="1"/>
  <c r="AF4129" i="1"/>
  <c r="AF4130" i="1"/>
  <c r="AF4131" i="1"/>
  <c r="AF4132" i="1"/>
  <c r="AF4133" i="1"/>
  <c r="AF4134" i="1"/>
  <c r="AF4135" i="1"/>
  <c r="AF4136" i="1"/>
  <c r="AF4137" i="1"/>
  <c r="AF4138" i="1"/>
  <c r="AF4139" i="1"/>
  <c r="AF4140" i="1"/>
  <c r="AF4141" i="1"/>
  <c r="AF4142" i="1"/>
  <c r="AF4143" i="1"/>
  <c r="AF4144" i="1"/>
  <c r="AF4145" i="1"/>
  <c r="AF4146" i="1"/>
  <c r="AF4147" i="1"/>
  <c r="AF4148" i="1"/>
  <c r="AF4149" i="1"/>
  <c r="AF4150" i="1"/>
  <c r="AF4151" i="1"/>
  <c r="AF4152" i="1"/>
  <c r="AF4153" i="1"/>
  <c r="AF4154" i="1"/>
  <c r="AF4155" i="1"/>
  <c r="AF4156" i="1"/>
  <c r="AF4157" i="1"/>
  <c r="AF4158" i="1"/>
  <c r="AF4159" i="1"/>
  <c r="AF4160" i="1"/>
  <c r="AF4161" i="1"/>
  <c r="AF4162" i="1"/>
  <c r="AF4163" i="1"/>
  <c r="AF4164" i="1"/>
  <c r="AF4165" i="1"/>
  <c r="AF4166" i="1"/>
  <c r="AF4167" i="1"/>
  <c r="AF4168" i="1"/>
  <c r="AF4169" i="1"/>
  <c r="AF4170" i="1"/>
  <c r="AF4171" i="1"/>
  <c r="AF4172" i="1"/>
  <c r="AF4173" i="1"/>
  <c r="AF4174" i="1"/>
  <c r="AF4175" i="1"/>
  <c r="AF4176" i="1"/>
  <c r="AF4177" i="1"/>
  <c r="AF4178" i="1"/>
  <c r="AF4179" i="1"/>
  <c r="AF4180" i="1"/>
  <c r="AF4181" i="1"/>
  <c r="AF4182" i="1"/>
  <c r="AF4183" i="1"/>
  <c r="AF4184" i="1"/>
  <c r="AF4185" i="1"/>
  <c r="AF4186" i="1"/>
  <c r="AF4187" i="1"/>
  <c r="AF4188" i="1"/>
  <c r="AF4189" i="1"/>
  <c r="AF4190" i="1"/>
  <c r="AF4191" i="1"/>
  <c r="AF4192" i="1"/>
  <c r="AF4193" i="1"/>
  <c r="AF4194" i="1"/>
  <c r="AF4195" i="1"/>
  <c r="AF4196" i="1"/>
  <c r="AF4197" i="1"/>
  <c r="AF4198" i="1"/>
  <c r="AF4199" i="1"/>
  <c r="AF4200" i="1"/>
  <c r="AF4201" i="1"/>
  <c r="AF4202" i="1"/>
  <c r="AF4203" i="1"/>
  <c r="AF4204" i="1"/>
  <c r="AF4205" i="1"/>
  <c r="AF4206" i="1"/>
  <c r="AF4207" i="1"/>
  <c r="AF4208" i="1"/>
  <c r="AF4209" i="1"/>
  <c r="AF4210" i="1"/>
  <c r="AF4211" i="1"/>
  <c r="AF4212" i="1"/>
  <c r="AF4213" i="1"/>
  <c r="AF4214" i="1"/>
  <c r="AF4215" i="1"/>
  <c r="AF4216" i="1"/>
  <c r="AF4217" i="1"/>
  <c r="AF4218" i="1"/>
  <c r="AF4219" i="1"/>
  <c r="AF4220" i="1"/>
  <c r="AF4221" i="1"/>
  <c r="AF4222" i="1"/>
  <c r="AF4223" i="1"/>
  <c r="AF4224" i="1"/>
  <c r="AF4225" i="1"/>
  <c r="AF4226" i="1"/>
  <c r="AF4227" i="1"/>
  <c r="AF4228" i="1"/>
  <c r="AF4229" i="1"/>
  <c r="AF4230" i="1"/>
  <c r="AF4231" i="1"/>
  <c r="AF4232" i="1"/>
  <c r="AF4233" i="1"/>
  <c r="AF4234" i="1"/>
  <c r="AF4235" i="1"/>
  <c r="AF4236" i="1"/>
  <c r="AF4237" i="1"/>
  <c r="AF4238" i="1"/>
  <c r="AF4239" i="1"/>
  <c r="AF4240" i="1"/>
  <c r="AF4241" i="1"/>
  <c r="AF4242" i="1"/>
  <c r="AF4243" i="1"/>
  <c r="AF4244" i="1"/>
  <c r="AF4245" i="1"/>
  <c r="AF4246" i="1"/>
  <c r="AF4247" i="1"/>
  <c r="AF4248" i="1"/>
  <c r="AF4249" i="1"/>
  <c r="AF4250" i="1"/>
  <c r="AF4251" i="1"/>
  <c r="AF4252" i="1"/>
  <c r="AF4253" i="1"/>
  <c r="AF4254" i="1"/>
  <c r="AF4255" i="1"/>
  <c r="AF4256" i="1"/>
  <c r="AF4257" i="1"/>
  <c r="AF4258" i="1"/>
  <c r="AF4259" i="1"/>
  <c r="AF4260" i="1"/>
  <c r="AF4261" i="1"/>
  <c r="AF4262" i="1"/>
  <c r="AF4263" i="1"/>
  <c r="AF4264" i="1"/>
  <c r="AF4265" i="1"/>
  <c r="AF4266" i="1"/>
  <c r="AF4267" i="1"/>
  <c r="AF4268" i="1"/>
  <c r="AF4269" i="1"/>
  <c r="AF4270" i="1"/>
  <c r="AF4271" i="1"/>
  <c r="AF4272" i="1"/>
  <c r="AF4273" i="1"/>
  <c r="AF4274" i="1"/>
  <c r="AF4275" i="1"/>
  <c r="AF4276" i="1"/>
  <c r="AF4277" i="1"/>
  <c r="AF4278" i="1"/>
  <c r="AF4279" i="1"/>
  <c r="AF4280" i="1"/>
  <c r="AF4281" i="1"/>
  <c r="AF4282" i="1"/>
  <c r="AF4283" i="1"/>
  <c r="AF4284" i="1"/>
  <c r="AF4285" i="1"/>
  <c r="AF4286" i="1"/>
  <c r="AF4287" i="1"/>
  <c r="AF4288" i="1"/>
  <c r="AF4289" i="1"/>
  <c r="AF4290" i="1"/>
  <c r="AF4291" i="1"/>
  <c r="AF4292" i="1"/>
  <c r="AF4293" i="1"/>
  <c r="AF4294" i="1"/>
  <c r="AF4295" i="1"/>
  <c r="AF4296" i="1"/>
  <c r="AF4297" i="1"/>
  <c r="AF4298" i="1"/>
  <c r="AF4299" i="1"/>
  <c r="AF4300" i="1"/>
  <c r="AF4301" i="1"/>
  <c r="AF4302" i="1"/>
  <c r="AF4303" i="1"/>
  <c r="AF4304" i="1"/>
  <c r="AF4305" i="1"/>
  <c r="AF4306" i="1"/>
  <c r="AF4307" i="1"/>
  <c r="AF4308" i="1"/>
  <c r="AF4309" i="1"/>
  <c r="AF4310" i="1"/>
  <c r="AF4311" i="1"/>
  <c r="AF4312" i="1"/>
  <c r="AF4313" i="1"/>
  <c r="AF4314" i="1"/>
  <c r="AF4315" i="1"/>
  <c r="AF4316" i="1"/>
  <c r="AF4317" i="1"/>
  <c r="AF4318" i="1"/>
  <c r="AF4319" i="1"/>
  <c r="AF4320" i="1"/>
  <c r="AF4321" i="1"/>
  <c r="AF4322" i="1"/>
  <c r="AF4323" i="1"/>
  <c r="AF4324" i="1"/>
  <c r="AF4325" i="1"/>
  <c r="AF4326" i="1"/>
  <c r="AF4327" i="1"/>
  <c r="AF4328" i="1"/>
  <c r="AF4329" i="1"/>
  <c r="AF4330" i="1"/>
  <c r="AF4331" i="1"/>
  <c r="AF4332" i="1"/>
  <c r="AF4333" i="1"/>
  <c r="AF4334" i="1"/>
  <c r="AF4335" i="1"/>
  <c r="AF4336" i="1"/>
  <c r="AF4337" i="1"/>
  <c r="AF4338" i="1"/>
  <c r="AF4339" i="1"/>
  <c r="AF4340" i="1"/>
  <c r="AF4341" i="1"/>
  <c r="AF4342" i="1"/>
  <c r="AF4343" i="1"/>
  <c r="AF4344" i="1"/>
  <c r="AF4345" i="1"/>
  <c r="AF4346" i="1"/>
  <c r="AF4347" i="1"/>
  <c r="AF4348" i="1"/>
  <c r="AF4349" i="1"/>
  <c r="AF4350" i="1"/>
  <c r="AF4351" i="1"/>
  <c r="AF4352" i="1"/>
  <c r="AF4353" i="1"/>
  <c r="AF4354" i="1"/>
  <c r="AF4355" i="1"/>
  <c r="AF4356" i="1"/>
  <c r="AF4357" i="1"/>
  <c r="AF4358" i="1"/>
  <c r="AF4359" i="1"/>
  <c r="AF4360" i="1"/>
  <c r="AF4361" i="1"/>
  <c r="AF4362" i="1"/>
  <c r="AF4363" i="1"/>
  <c r="AF4364" i="1"/>
  <c r="AF4365" i="1"/>
  <c r="AF4366" i="1"/>
  <c r="AF4367" i="1"/>
  <c r="AF4368" i="1"/>
  <c r="AF4369" i="1"/>
  <c r="AF4370" i="1"/>
  <c r="AF4371" i="1"/>
  <c r="AF4372" i="1"/>
  <c r="AF4373" i="1"/>
  <c r="AF4374" i="1"/>
  <c r="AF4375" i="1"/>
  <c r="AF4376" i="1"/>
  <c r="AF4377" i="1"/>
  <c r="AF4378" i="1"/>
  <c r="AF4379" i="1"/>
  <c r="AF4380" i="1"/>
  <c r="AF4381" i="1"/>
  <c r="AF4382" i="1"/>
  <c r="AF4383" i="1"/>
  <c r="AF4384" i="1"/>
  <c r="AF4385" i="1"/>
  <c r="AF4386" i="1"/>
  <c r="AF4387" i="1"/>
  <c r="AF4388" i="1"/>
  <c r="AF4389" i="1"/>
  <c r="AF4390" i="1"/>
  <c r="AF4391" i="1"/>
  <c r="AF4392" i="1"/>
  <c r="AF4393" i="1"/>
  <c r="AF4394" i="1"/>
  <c r="AF4395" i="1"/>
  <c r="AF4396" i="1"/>
  <c r="AF4397" i="1"/>
  <c r="AF4398" i="1"/>
  <c r="AF4399" i="1"/>
  <c r="AF4400" i="1"/>
  <c r="AF4401" i="1"/>
  <c r="AF4402" i="1"/>
  <c r="AF4403" i="1"/>
  <c r="AF4404" i="1"/>
  <c r="AF4405" i="1"/>
  <c r="AF4406" i="1"/>
  <c r="AF4407" i="1"/>
  <c r="AF4408" i="1"/>
  <c r="AF4409" i="1"/>
  <c r="AF4410" i="1"/>
  <c r="AF4411" i="1"/>
  <c r="AF4412" i="1"/>
  <c r="AF4413" i="1"/>
  <c r="AF4414" i="1"/>
  <c r="AF4415" i="1"/>
  <c r="AF4416" i="1"/>
  <c r="AF4417" i="1"/>
  <c r="AF4418" i="1"/>
  <c r="AF4419" i="1"/>
  <c r="AF4420" i="1"/>
  <c r="AF4421" i="1"/>
  <c r="AF4422" i="1"/>
  <c r="AF4423" i="1"/>
  <c r="AF4424" i="1"/>
  <c r="AF4425" i="1"/>
  <c r="AF4426" i="1"/>
  <c r="AF4427" i="1"/>
  <c r="AF4428" i="1"/>
  <c r="AF4429" i="1"/>
  <c r="AF4430" i="1"/>
  <c r="AF4431" i="1"/>
  <c r="AF4432" i="1"/>
  <c r="AF4433" i="1"/>
  <c r="AF4434" i="1"/>
  <c r="AF4435" i="1"/>
  <c r="AF4436" i="1"/>
  <c r="AF4437" i="1"/>
  <c r="AF4438" i="1"/>
  <c r="AF4439" i="1"/>
  <c r="AF4440" i="1"/>
  <c r="AF4441" i="1"/>
  <c r="AF4442" i="1"/>
  <c r="AF4443" i="1"/>
  <c r="AF4444" i="1"/>
  <c r="AF4445" i="1"/>
  <c r="AF4446" i="1"/>
  <c r="AF4447" i="1"/>
  <c r="AF4448" i="1"/>
  <c r="AF4449" i="1"/>
  <c r="AF4450" i="1"/>
  <c r="AF4451" i="1"/>
  <c r="AF4452" i="1"/>
  <c r="AF4453" i="1"/>
  <c r="AF4454" i="1"/>
  <c r="AF4455" i="1"/>
  <c r="AF4456" i="1"/>
  <c r="AF4457" i="1"/>
  <c r="AF4458" i="1"/>
  <c r="AF4459" i="1"/>
  <c r="AF4460" i="1"/>
  <c r="AF4461" i="1"/>
  <c r="AF4462" i="1"/>
  <c r="AF4463" i="1"/>
  <c r="AF4464" i="1"/>
  <c r="AF4465" i="1"/>
  <c r="AF4466" i="1"/>
  <c r="AF4467" i="1"/>
  <c r="AF4468" i="1"/>
  <c r="AF4469" i="1"/>
  <c r="AF4470" i="1"/>
  <c r="AF4471" i="1"/>
  <c r="AF4472" i="1"/>
  <c r="AF4473" i="1"/>
  <c r="AF4474" i="1"/>
  <c r="AF4475" i="1"/>
  <c r="AF4476" i="1"/>
  <c r="AF4477" i="1"/>
  <c r="AF4478" i="1"/>
  <c r="AF4479" i="1"/>
  <c r="AF4480" i="1"/>
  <c r="AF4481" i="1"/>
  <c r="AF4482" i="1"/>
  <c r="AF4483" i="1"/>
  <c r="AF4484" i="1"/>
  <c r="AF4485" i="1"/>
  <c r="AF4486" i="1"/>
  <c r="AF4487" i="1"/>
  <c r="AF4488" i="1"/>
  <c r="AF4489" i="1"/>
  <c r="AF4490" i="1"/>
  <c r="AF4491" i="1"/>
  <c r="AF4492" i="1"/>
  <c r="AF4493" i="1"/>
  <c r="AF4494" i="1"/>
  <c r="AF4495" i="1"/>
  <c r="AF4496" i="1"/>
  <c r="AF4497" i="1"/>
  <c r="AF4498" i="1"/>
  <c r="AF4499" i="1"/>
  <c r="AF4500" i="1"/>
  <c r="AF4501" i="1"/>
  <c r="AF4502" i="1"/>
  <c r="AF4503" i="1"/>
  <c r="AF4504" i="1"/>
  <c r="AF4505" i="1"/>
  <c r="AF4506" i="1"/>
  <c r="AF4507" i="1"/>
  <c r="AF4508" i="1"/>
  <c r="AF4509" i="1"/>
  <c r="AF4510" i="1"/>
  <c r="AF4511" i="1"/>
  <c r="AF4512" i="1"/>
  <c r="AF4513" i="1"/>
  <c r="AF4514" i="1"/>
  <c r="AF4515" i="1"/>
  <c r="AF4516" i="1"/>
  <c r="AF4517" i="1"/>
  <c r="AF4518" i="1"/>
  <c r="AF4519" i="1"/>
  <c r="AF4520" i="1"/>
  <c r="AF4521" i="1"/>
  <c r="AF4522" i="1"/>
  <c r="AF4523" i="1"/>
  <c r="AF4524" i="1"/>
  <c r="AF4525" i="1"/>
  <c r="AF4526" i="1"/>
  <c r="AF4527" i="1"/>
  <c r="AF4528" i="1"/>
  <c r="AF4529" i="1"/>
  <c r="AF4530" i="1"/>
  <c r="AF4531" i="1"/>
  <c r="AF4532" i="1"/>
  <c r="AF4533" i="1"/>
  <c r="AF4534" i="1"/>
  <c r="AF4535" i="1"/>
  <c r="AF4536" i="1"/>
  <c r="AF4537" i="1"/>
  <c r="AF4538" i="1"/>
  <c r="AF4539" i="1"/>
  <c r="AF4540" i="1"/>
  <c r="AF4541" i="1"/>
  <c r="AF4542" i="1"/>
  <c r="AF4543" i="1"/>
  <c r="AF4544" i="1"/>
  <c r="AF4545" i="1"/>
  <c r="AF4546" i="1"/>
  <c r="AF4547" i="1"/>
  <c r="AF4548" i="1"/>
  <c r="AF4549" i="1"/>
  <c r="AF4550" i="1"/>
  <c r="AF4551" i="1"/>
  <c r="AF4552" i="1"/>
  <c r="AF4553" i="1"/>
  <c r="AF4554" i="1"/>
  <c r="AF4555" i="1"/>
  <c r="AF4556" i="1"/>
  <c r="AF4557" i="1"/>
  <c r="AF4558" i="1"/>
  <c r="AF4559" i="1"/>
  <c r="AF4560" i="1"/>
  <c r="AF4561" i="1"/>
  <c r="AF4562" i="1"/>
  <c r="AF4563" i="1"/>
  <c r="AF4564" i="1"/>
  <c r="AF4565" i="1"/>
  <c r="AF4566" i="1"/>
  <c r="AF4567" i="1"/>
  <c r="AF4568" i="1"/>
  <c r="AF4569" i="1"/>
  <c r="AF4570" i="1"/>
  <c r="AF4571" i="1"/>
  <c r="AF4572" i="1"/>
  <c r="AF4573" i="1"/>
  <c r="AF4574" i="1"/>
  <c r="AF4575" i="1"/>
  <c r="AF4576" i="1"/>
  <c r="AF4577" i="1"/>
  <c r="AF4578" i="1"/>
  <c r="AF4579" i="1"/>
  <c r="AF4580" i="1"/>
  <c r="AF4581" i="1"/>
  <c r="AF4582" i="1"/>
  <c r="AF4583" i="1"/>
  <c r="AF4584" i="1"/>
  <c r="AF4585" i="1"/>
  <c r="AF4586" i="1"/>
  <c r="AF4587" i="1"/>
  <c r="AF4588" i="1"/>
  <c r="AF4589" i="1"/>
  <c r="AF4590" i="1"/>
  <c r="AF4591" i="1"/>
  <c r="AF4592" i="1"/>
  <c r="AF4593" i="1"/>
  <c r="AF4594" i="1"/>
  <c r="AF4595" i="1"/>
  <c r="AF4596" i="1"/>
  <c r="AF4597" i="1"/>
  <c r="AF4598" i="1"/>
  <c r="AF4599" i="1"/>
  <c r="AF4600" i="1"/>
  <c r="AF4601" i="1"/>
  <c r="AF4602" i="1"/>
  <c r="AF4603" i="1"/>
  <c r="AF4604" i="1"/>
  <c r="AF4605" i="1"/>
  <c r="AF4606" i="1"/>
  <c r="AF4607" i="1"/>
  <c r="AF4608" i="1"/>
  <c r="AF4609" i="1"/>
  <c r="AF4610" i="1"/>
  <c r="AF4611" i="1"/>
  <c r="AF4612" i="1"/>
  <c r="AF4613" i="1"/>
  <c r="AF4614" i="1"/>
  <c r="AF4615" i="1"/>
  <c r="AF4616" i="1"/>
  <c r="AF4617" i="1"/>
  <c r="AF4618" i="1"/>
  <c r="AF4619" i="1"/>
  <c r="AF4620" i="1"/>
  <c r="AF4621" i="1"/>
  <c r="AF4622" i="1"/>
  <c r="AF4623" i="1"/>
  <c r="AF4624" i="1"/>
  <c r="AF4625" i="1"/>
  <c r="AF4626" i="1"/>
  <c r="AF4627" i="1"/>
  <c r="AF4628" i="1"/>
  <c r="AF4629" i="1"/>
  <c r="AF4630" i="1"/>
  <c r="AF4631" i="1"/>
  <c r="AF4632" i="1"/>
  <c r="AF4633" i="1"/>
  <c r="AF4634" i="1"/>
  <c r="AF4635" i="1"/>
  <c r="AF4636" i="1"/>
  <c r="AF4637" i="1"/>
  <c r="AF4638" i="1"/>
  <c r="AF4639" i="1"/>
  <c r="AF4640" i="1"/>
  <c r="AF4641" i="1"/>
  <c r="AF4642" i="1"/>
  <c r="AF4643" i="1"/>
  <c r="AF4644" i="1"/>
  <c r="AF4645" i="1"/>
  <c r="AF4646" i="1"/>
  <c r="AF4647" i="1"/>
  <c r="AF4648" i="1"/>
  <c r="AF4649" i="1"/>
  <c r="AF4650" i="1"/>
  <c r="AF4651" i="1"/>
  <c r="AF4652" i="1"/>
  <c r="AF4653" i="1"/>
  <c r="AF4654" i="1"/>
  <c r="AF4655" i="1"/>
  <c r="AF4656" i="1"/>
  <c r="AF4657" i="1"/>
  <c r="AF4658" i="1"/>
  <c r="AF4659" i="1"/>
  <c r="AF4660" i="1"/>
  <c r="AF4661" i="1"/>
  <c r="AF4662" i="1"/>
  <c r="AF4663" i="1"/>
  <c r="AF4664" i="1"/>
  <c r="AF4665" i="1"/>
  <c r="AF4666" i="1"/>
  <c r="AF4667" i="1"/>
  <c r="AF4668" i="1"/>
  <c r="AF4669" i="1"/>
  <c r="AF4670" i="1"/>
  <c r="AF4671" i="1"/>
  <c r="AF4672" i="1"/>
  <c r="AF4673" i="1"/>
  <c r="AF4674" i="1"/>
  <c r="AF4675" i="1"/>
  <c r="AF4676" i="1"/>
  <c r="AF4677" i="1"/>
  <c r="AF4678" i="1"/>
  <c r="AF4679" i="1"/>
  <c r="AF4680" i="1"/>
  <c r="AF4681" i="1"/>
  <c r="AF4682" i="1"/>
  <c r="AF4683" i="1"/>
  <c r="AF4684" i="1"/>
  <c r="AF4685" i="1"/>
  <c r="AF4686" i="1"/>
  <c r="AF4687" i="1"/>
  <c r="AF4688" i="1"/>
  <c r="AF4689" i="1"/>
  <c r="AF4690" i="1"/>
  <c r="AF4691" i="1"/>
  <c r="AF4692" i="1"/>
  <c r="AF4693" i="1"/>
  <c r="AF4694" i="1"/>
  <c r="AF4695" i="1"/>
  <c r="AF4696" i="1"/>
  <c r="AF4697" i="1"/>
  <c r="AF4698" i="1"/>
  <c r="AF4699" i="1"/>
  <c r="AF4700" i="1"/>
  <c r="AF4701" i="1"/>
  <c r="AF4702" i="1"/>
  <c r="AF4703" i="1"/>
  <c r="AF4704" i="1"/>
  <c r="AF4705" i="1"/>
  <c r="AF4706" i="1"/>
  <c r="AF4707" i="1"/>
  <c r="AF4708" i="1"/>
  <c r="AF4709" i="1"/>
  <c r="AF4710" i="1"/>
  <c r="AF4711" i="1"/>
  <c r="AF4712" i="1"/>
  <c r="AF4713" i="1"/>
  <c r="AF4714" i="1"/>
  <c r="AF4715" i="1"/>
  <c r="AF4716" i="1"/>
  <c r="AF4717" i="1"/>
  <c r="AF4718" i="1"/>
  <c r="AF4719" i="1"/>
  <c r="AF4720" i="1"/>
  <c r="AF4721" i="1"/>
  <c r="AF4722" i="1"/>
  <c r="AF4723" i="1"/>
  <c r="AF4724" i="1"/>
  <c r="AF4725" i="1"/>
  <c r="AF4726" i="1"/>
  <c r="AF4727" i="1"/>
  <c r="AF4728" i="1"/>
  <c r="AF4729" i="1"/>
  <c r="AF4730" i="1"/>
  <c r="AF4731" i="1"/>
  <c r="AF4732" i="1"/>
  <c r="AF4733" i="1"/>
  <c r="AF4734" i="1"/>
  <c r="AF4735" i="1"/>
  <c r="AF4736" i="1"/>
  <c r="AF4737" i="1"/>
  <c r="AF4738" i="1"/>
  <c r="AF4739" i="1"/>
  <c r="AF4740" i="1"/>
  <c r="AF4741" i="1"/>
  <c r="AF4742" i="1"/>
  <c r="AF4743" i="1"/>
  <c r="AF4744" i="1"/>
  <c r="AF4745" i="1"/>
  <c r="AF4746" i="1"/>
  <c r="AF4747" i="1"/>
  <c r="AF4748" i="1"/>
  <c r="AF4749" i="1"/>
  <c r="AF4750" i="1"/>
  <c r="AF4751" i="1"/>
  <c r="AF4752" i="1"/>
  <c r="AF4753" i="1"/>
  <c r="AF4754" i="1"/>
  <c r="AF4755" i="1"/>
  <c r="AF4756" i="1"/>
  <c r="AF4757" i="1"/>
  <c r="AF4758" i="1"/>
  <c r="AF4759" i="1"/>
  <c r="AF4760" i="1"/>
  <c r="AF4761" i="1"/>
  <c r="AF4762" i="1"/>
  <c r="AF4763" i="1"/>
  <c r="AF4764" i="1"/>
  <c r="AF4765" i="1"/>
  <c r="AF4766" i="1"/>
  <c r="AF4767" i="1"/>
  <c r="AF4768" i="1"/>
  <c r="AF4769" i="1"/>
  <c r="AF4770" i="1"/>
  <c r="AF4771" i="1"/>
  <c r="AF4772" i="1"/>
  <c r="AF4773" i="1"/>
  <c r="AF4774" i="1"/>
  <c r="AF4775" i="1"/>
  <c r="AF4776" i="1"/>
  <c r="AF4777" i="1"/>
  <c r="AF4778" i="1"/>
  <c r="AF4779" i="1"/>
  <c r="AF4780" i="1"/>
  <c r="AF4781" i="1"/>
  <c r="AF4782" i="1"/>
  <c r="AF4783" i="1"/>
  <c r="AF4784" i="1"/>
  <c r="AF4785" i="1"/>
  <c r="AF4786" i="1"/>
  <c r="AF4787" i="1"/>
  <c r="AF4788" i="1"/>
  <c r="AF4789" i="1"/>
  <c r="AF4790" i="1"/>
  <c r="AF4791" i="1"/>
  <c r="AF4792" i="1"/>
  <c r="AF4793" i="1"/>
  <c r="AF4794" i="1"/>
  <c r="AF4795" i="1"/>
  <c r="AF4796" i="1"/>
  <c r="AF4797" i="1"/>
  <c r="AF4798" i="1"/>
  <c r="AF4799" i="1"/>
  <c r="AF4800" i="1"/>
  <c r="AF4801" i="1"/>
  <c r="AF4802" i="1"/>
  <c r="AF4803" i="1"/>
  <c r="AF4804" i="1"/>
  <c r="AF4805" i="1"/>
  <c r="AF4806" i="1"/>
  <c r="AF4807" i="1"/>
  <c r="AF4808" i="1"/>
  <c r="AF4809" i="1"/>
  <c r="AF4810" i="1"/>
  <c r="AF4811" i="1"/>
  <c r="AF4812" i="1"/>
  <c r="AF4813" i="1"/>
  <c r="AF4814" i="1"/>
  <c r="AF4815" i="1"/>
  <c r="AF4816" i="1"/>
  <c r="AF4817" i="1"/>
  <c r="AF4818" i="1"/>
  <c r="AF4819" i="1"/>
  <c r="AF4820" i="1"/>
  <c r="AF4821" i="1"/>
  <c r="AF4822" i="1"/>
  <c r="AF4823" i="1"/>
  <c r="AF4824" i="1"/>
  <c r="AF4825" i="1"/>
  <c r="AF4826" i="1"/>
  <c r="AF4827" i="1"/>
  <c r="AF4828" i="1"/>
  <c r="AF4829" i="1"/>
  <c r="AF4830" i="1"/>
  <c r="AF4831" i="1"/>
  <c r="AF4832" i="1"/>
  <c r="AF4833" i="1"/>
  <c r="AF4834" i="1"/>
  <c r="AF4835" i="1"/>
  <c r="AF4836" i="1"/>
  <c r="AF4837" i="1"/>
  <c r="AF4838" i="1"/>
  <c r="AF4839" i="1"/>
  <c r="AF4840" i="1"/>
  <c r="AF4841" i="1"/>
  <c r="AF4842" i="1"/>
  <c r="AF4843" i="1"/>
  <c r="AF4844" i="1"/>
  <c r="AF4845" i="1"/>
  <c r="AF4846" i="1"/>
  <c r="AF4847" i="1"/>
  <c r="AF4848" i="1"/>
  <c r="AF4849" i="1"/>
  <c r="AF4850" i="1"/>
  <c r="AF4851" i="1"/>
  <c r="AF4852" i="1"/>
  <c r="AF4853" i="1"/>
  <c r="AF4854" i="1"/>
  <c r="AF4855" i="1"/>
  <c r="AF4856" i="1"/>
  <c r="AF4857" i="1"/>
  <c r="AF4858" i="1"/>
  <c r="AF4859" i="1"/>
  <c r="AF4860" i="1"/>
  <c r="AF4861" i="1"/>
  <c r="AF4862" i="1"/>
  <c r="AF4863" i="1"/>
  <c r="AF4864" i="1"/>
  <c r="AF4865" i="1"/>
  <c r="AF4866" i="1"/>
  <c r="AF4867" i="1"/>
  <c r="AF4868" i="1"/>
  <c r="AF4869" i="1"/>
  <c r="AF4870" i="1"/>
  <c r="AF4871" i="1"/>
  <c r="AF4872" i="1"/>
  <c r="AF4873" i="1"/>
  <c r="AF4874" i="1"/>
  <c r="AF4875" i="1"/>
  <c r="AF4876" i="1"/>
  <c r="AF4877" i="1"/>
  <c r="AF4878" i="1"/>
  <c r="AF4879" i="1"/>
  <c r="AF4880" i="1"/>
  <c r="AF4881" i="1"/>
  <c r="AF4882" i="1"/>
  <c r="AF4883" i="1"/>
  <c r="AF4884" i="1"/>
  <c r="AF4885" i="1"/>
  <c r="AF4886" i="1"/>
  <c r="AF4887" i="1"/>
  <c r="AF4888" i="1"/>
  <c r="AF4889" i="1"/>
  <c r="AF4890" i="1"/>
  <c r="AF4891" i="1"/>
  <c r="AF4892" i="1"/>
  <c r="AF4893" i="1"/>
  <c r="AF4894" i="1"/>
  <c r="AF4895" i="1"/>
  <c r="AF4896" i="1"/>
  <c r="AF4897" i="1"/>
  <c r="AF4898" i="1"/>
  <c r="AF4899" i="1"/>
  <c r="AF4900" i="1"/>
  <c r="AF4901" i="1"/>
  <c r="AF4902" i="1"/>
  <c r="AF4903" i="1"/>
  <c r="AF4904" i="1"/>
  <c r="AF4905" i="1"/>
  <c r="AF4906" i="1"/>
  <c r="AF4907" i="1"/>
  <c r="AF4908" i="1"/>
  <c r="AF4909" i="1"/>
  <c r="AF4910" i="1"/>
  <c r="AF4911" i="1"/>
  <c r="AF4912" i="1"/>
  <c r="AF4913" i="1"/>
  <c r="AF4914" i="1"/>
  <c r="AF4915" i="1"/>
  <c r="AF4916" i="1"/>
  <c r="AF4917" i="1"/>
  <c r="AF4918" i="1"/>
  <c r="AF4919" i="1"/>
  <c r="AF4920" i="1"/>
  <c r="AF4921" i="1"/>
  <c r="AF4922" i="1"/>
  <c r="AF4923" i="1"/>
  <c r="AF4924" i="1"/>
  <c r="AF4925" i="1"/>
  <c r="AF4926" i="1"/>
  <c r="AF4927" i="1"/>
  <c r="AF4928" i="1"/>
  <c r="AF4929" i="1"/>
  <c r="AF4930" i="1"/>
  <c r="AF4931" i="1"/>
  <c r="AF4932" i="1"/>
  <c r="AF4933" i="1"/>
  <c r="AF4934" i="1"/>
  <c r="AF4935" i="1"/>
  <c r="AF4936" i="1"/>
  <c r="AF4937" i="1"/>
  <c r="AF4938" i="1"/>
  <c r="AF4939" i="1"/>
  <c r="AF4940" i="1"/>
  <c r="AF4941" i="1"/>
  <c r="AF4942" i="1"/>
  <c r="AF4943" i="1"/>
  <c r="AF4944" i="1"/>
  <c r="AF4945" i="1"/>
  <c r="AF4946" i="1"/>
  <c r="AF4947" i="1"/>
  <c r="AF4948" i="1"/>
  <c r="AF4949" i="1"/>
  <c r="AF4950" i="1"/>
  <c r="AF4951" i="1"/>
  <c r="AF4952" i="1"/>
  <c r="AF4953" i="1"/>
  <c r="AF4954" i="1"/>
  <c r="AF4955" i="1"/>
  <c r="AF4956" i="1"/>
  <c r="AF4957" i="1"/>
  <c r="AF4958" i="1"/>
  <c r="AF4959" i="1"/>
  <c r="AF4960" i="1"/>
  <c r="AF4961" i="1"/>
  <c r="AF4962" i="1"/>
  <c r="AF4963" i="1"/>
  <c r="AF4964" i="1"/>
  <c r="AF4965" i="1"/>
  <c r="AF4966" i="1"/>
  <c r="AF4967" i="1"/>
  <c r="AF4968" i="1"/>
  <c r="AF4969" i="1"/>
  <c r="AF4970" i="1"/>
  <c r="AF4971" i="1"/>
  <c r="AF4972" i="1"/>
  <c r="AF4973" i="1"/>
  <c r="AF4974" i="1"/>
  <c r="AF4975" i="1"/>
  <c r="AF4976" i="1"/>
  <c r="AF4977" i="1"/>
  <c r="AF4978" i="1"/>
  <c r="AF4979" i="1"/>
  <c r="AF4980" i="1"/>
  <c r="AF4981" i="1"/>
  <c r="AF4982" i="1"/>
  <c r="AF4983" i="1"/>
  <c r="AF4984" i="1"/>
  <c r="AF4985" i="1"/>
  <c r="AF4986" i="1"/>
  <c r="AF4987" i="1"/>
  <c r="AF4988" i="1"/>
  <c r="AF4989" i="1"/>
  <c r="AF4990" i="1"/>
  <c r="AF4991" i="1"/>
  <c r="AF4992" i="1"/>
  <c r="AF4993" i="1"/>
  <c r="AF4994" i="1"/>
  <c r="AF4995" i="1"/>
  <c r="AF4996" i="1"/>
  <c r="AF4997" i="1"/>
  <c r="AF4998" i="1"/>
  <c r="AF4999" i="1"/>
  <c r="AF5000" i="1"/>
  <c r="AF5001" i="1"/>
  <c r="AF5002" i="1"/>
  <c r="AF5003" i="1"/>
  <c r="AF5004" i="1"/>
  <c r="AF5005" i="1"/>
  <c r="AF5006" i="1"/>
  <c r="AF5007" i="1"/>
  <c r="AF5008" i="1"/>
  <c r="AF5009" i="1"/>
  <c r="AF5010" i="1"/>
  <c r="AF5011" i="1"/>
  <c r="AF5012" i="1"/>
  <c r="AF5013" i="1"/>
  <c r="AF5014" i="1"/>
  <c r="AF5015" i="1"/>
  <c r="AF5016" i="1"/>
  <c r="AF5017" i="1"/>
  <c r="AF5018" i="1"/>
  <c r="AF5019" i="1"/>
  <c r="AF5020" i="1"/>
  <c r="AF5021" i="1"/>
  <c r="AF5022" i="1"/>
  <c r="AF5023" i="1"/>
  <c r="AF5024" i="1"/>
  <c r="AF5025" i="1"/>
  <c r="AF5026" i="1"/>
  <c r="AF5027" i="1"/>
  <c r="AF5028" i="1"/>
  <c r="AF5029" i="1"/>
  <c r="AF5030" i="1"/>
  <c r="AF5031" i="1"/>
  <c r="AF5032" i="1"/>
  <c r="AF5033" i="1"/>
  <c r="AF5034" i="1"/>
  <c r="AF5035" i="1"/>
  <c r="AF5036" i="1"/>
  <c r="AF5037" i="1"/>
  <c r="AF5038" i="1"/>
  <c r="AF5039" i="1"/>
  <c r="AF5040" i="1"/>
  <c r="AF5041" i="1"/>
  <c r="AF5042" i="1"/>
  <c r="AF5043" i="1"/>
  <c r="AF5044" i="1"/>
  <c r="AF5045" i="1"/>
  <c r="AF5046" i="1"/>
  <c r="AF5047" i="1"/>
  <c r="AF5048" i="1"/>
  <c r="AF5049" i="1"/>
  <c r="AF5050" i="1"/>
  <c r="AF5051" i="1"/>
  <c r="AF5052" i="1"/>
  <c r="AF5053" i="1"/>
  <c r="AF5054" i="1"/>
  <c r="AF5055" i="1"/>
  <c r="AF5056" i="1"/>
  <c r="AF5057" i="1"/>
  <c r="AF5058" i="1"/>
  <c r="AF5059" i="1"/>
  <c r="AF5060" i="1"/>
  <c r="AF5061" i="1"/>
  <c r="AF5062" i="1"/>
  <c r="AF5063" i="1"/>
  <c r="AF5064" i="1"/>
  <c r="AF5065" i="1"/>
  <c r="AF5066" i="1"/>
  <c r="AF5067" i="1"/>
  <c r="AF5068" i="1"/>
  <c r="AF5069" i="1"/>
  <c r="AF5070" i="1"/>
  <c r="AF5071" i="1"/>
  <c r="AF5072" i="1"/>
  <c r="AF5073" i="1"/>
  <c r="AF5074" i="1"/>
  <c r="AF5075" i="1"/>
  <c r="AF5076" i="1"/>
  <c r="AF5077" i="1"/>
  <c r="AF5078" i="1"/>
  <c r="AF5079" i="1"/>
  <c r="AF5080" i="1"/>
  <c r="AF5081" i="1"/>
  <c r="AF5082" i="1"/>
  <c r="AF5083" i="1"/>
  <c r="AF5084" i="1"/>
  <c r="AF5085" i="1"/>
  <c r="AF5086" i="1"/>
  <c r="AF5087" i="1"/>
  <c r="AF5088" i="1"/>
  <c r="AF5089" i="1"/>
  <c r="AF5090" i="1"/>
  <c r="AF5091" i="1"/>
  <c r="AF5092" i="1"/>
  <c r="AF5093" i="1"/>
  <c r="AF5094" i="1"/>
  <c r="AF5095" i="1"/>
  <c r="AF5096" i="1"/>
  <c r="AF5097" i="1"/>
  <c r="AF5098" i="1"/>
  <c r="AF5099" i="1"/>
  <c r="AF5100" i="1"/>
  <c r="AF5101" i="1"/>
  <c r="AF5102" i="1"/>
  <c r="AF5103" i="1"/>
  <c r="AF5104" i="1"/>
  <c r="AF5105" i="1"/>
  <c r="AF5106" i="1"/>
  <c r="AF5107" i="1"/>
  <c r="AF5108" i="1"/>
  <c r="AF5109" i="1"/>
  <c r="AF5110" i="1"/>
  <c r="AF5111" i="1"/>
  <c r="AF5112" i="1"/>
  <c r="AF5113" i="1"/>
  <c r="AF5114" i="1"/>
  <c r="AF5115" i="1"/>
  <c r="AF5116" i="1"/>
  <c r="AF5117" i="1"/>
  <c r="AF5118" i="1"/>
  <c r="AF5119" i="1"/>
  <c r="AF5120" i="1"/>
  <c r="AF5121" i="1"/>
  <c r="AF5122" i="1"/>
  <c r="AF5123" i="1"/>
  <c r="AF5124" i="1"/>
  <c r="AF5125" i="1"/>
  <c r="AF5126" i="1"/>
  <c r="AF5127" i="1"/>
  <c r="AF5128" i="1"/>
  <c r="AF5129" i="1"/>
  <c r="AF5130" i="1"/>
  <c r="AF5131" i="1"/>
  <c r="AF5132" i="1"/>
  <c r="AF5133" i="1"/>
  <c r="AF5134" i="1"/>
  <c r="AF5135" i="1"/>
  <c r="AF5136" i="1"/>
  <c r="AF5137" i="1"/>
  <c r="AF5138" i="1"/>
  <c r="AF5139" i="1"/>
  <c r="AF5140" i="1"/>
  <c r="AF5141" i="1"/>
  <c r="AF5142" i="1"/>
  <c r="AF5143" i="1"/>
  <c r="AF5144" i="1"/>
  <c r="AF5145" i="1"/>
  <c r="AF5146" i="1"/>
  <c r="AF5147" i="1"/>
  <c r="AF5148" i="1"/>
  <c r="AF5149" i="1"/>
  <c r="AF5150" i="1"/>
  <c r="AF5151" i="1"/>
  <c r="AF5152" i="1"/>
  <c r="AF5153" i="1"/>
  <c r="AF5154" i="1"/>
  <c r="AF5155" i="1"/>
  <c r="AF5156" i="1"/>
  <c r="AF5157" i="1"/>
  <c r="AF5158" i="1"/>
  <c r="AF5159" i="1"/>
  <c r="AF5160" i="1"/>
  <c r="AF5161" i="1"/>
  <c r="AF5162" i="1"/>
  <c r="AF5163" i="1"/>
  <c r="AF5164" i="1"/>
  <c r="AF5165" i="1"/>
  <c r="AF5166" i="1"/>
  <c r="AF5167" i="1"/>
  <c r="AF5168" i="1"/>
  <c r="AF5169" i="1"/>
  <c r="AF5170" i="1"/>
  <c r="AF5171" i="1"/>
  <c r="AF5172" i="1"/>
  <c r="AF5173" i="1"/>
  <c r="AF5174" i="1"/>
  <c r="AF5175" i="1"/>
  <c r="AF5176" i="1"/>
  <c r="AF5177" i="1"/>
  <c r="AF5178" i="1"/>
  <c r="AF5179" i="1"/>
  <c r="AF5180" i="1"/>
  <c r="AF5181" i="1"/>
  <c r="AF5182" i="1"/>
  <c r="AF5183" i="1"/>
  <c r="AF5184" i="1"/>
  <c r="AF5185" i="1"/>
  <c r="AF5186" i="1"/>
  <c r="AF5187" i="1"/>
  <c r="AF5188" i="1"/>
  <c r="AF5189" i="1"/>
  <c r="AF5190" i="1"/>
  <c r="AF5191" i="1"/>
  <c r="AF5192" i="1"/>
  <c r="AF5193" i="1"/>
  <c r="AF5194" i="1"/>
  <c r="AF5195" i="1"/>
  <c r="AF5196" i="1"/>
  <c r="AF5197" i="1"/>
  <c r="AF5198" i="1"/>
  <c r="AF5199" i="1"/>
  <c r="AF5200" i="1"/>
  <c r="AF5201" i="1"/>
  <c r="AF5202" i="1"/>
  <c r="AF5203" i="1"/>
  <c r="AF5204" i="1"/>
  <c r="AF5205" i="1"/>
  <c r="AF5206" i="1"/>
  <c r="AF5207" i="1"/>
  <c r="AF5208" i="1"/>
  <c r="AF5209" i="1"/>
  <c r="AF5210" i="1"/>
  <c r="AF5211" i="1"/>
  <c r="AF5212" i="1"/>
  <c r="AF5213" i="1"/>
  <c r="AF5214" i="1"/>
  <c r="AF5215" i="1"/>
  <c r="AF5216" i="1"/>
  <c r="AF5217" i="1"/>
  <c r="AF5218" i="1"/>
  <c r="AF5219" i="1"/>
  <c r="AF5220" i="1"/>
  <c r="AF5221" i="1"/>
  <c r="AF5222" i="1"/>
  <c r="AF5223" i="1"/>
  <c r="AF5224" i="1"/>
  <c r="AF5225" i="1"/>
  <c r="AF5226" i="1"/>
  <c r="AF5227" i="1"/>
  <c r="AF5228" i="1"/>
  <c r="AF5229" i="1"/>
  <c r="AF5230" i="1"/>
  <c r="AF5231" i="1"/>
  <c r="AF5232" i="1"/>
  <c r="AF5233" i="1"/>
  <c r="AF5234" i="1"/>
  <c r="AF5235" i="1"/>
  <c r="AF5236" i="1"/>
  <c r="AF5237" i="1"/>
  <c r="AF5238" i="1"/>
  <c r="AF5239" i="1"/>
  <c r="AF5240" i="1"/>
  <c r="AF5241" i="1"/>
  <c r="AF5242" i="1"/>
  <c r="AF5243" i="1"/>
  <c r="AF5244" i="1"/>
  <c r="AF5245" i="1"/>
  <c r="AF5246" i="1"/>
  <c r="AF5247" i="1"/>
  <c r="AF5248" i="1"/>
  <c r="AF5249" i="1"/>
  <c r="AF5250" i="1"/>
  <c r="AF5251" i="1"/>
  <c r="AF5252" i="1"/>
  <c r="AF5253" i="1"/>
  <c r="AF5254" i="1"/>
  <c r="AF5255" i="1"/>
  <c r="AF5256" i="1"/>
  <c r="AF5257" i="1"/>
  <c r="AF5258" i="1"/>
  <c r="AF5259" i="1"/>
  <c r="AF5260" i="1"/>
  <c r="AF5261" i="1"/>
  <c r="AF5262" i="1"/>
  <c r="AF5263" i="1"/>
  <c r="AF5264" i="1"/>
  <c r="AF5265" i="1"/>
  <c r="AF5266" i="1"/>
  <c r="AF5267" i="1"/>
  <c r="AF5268" i="1"/>
  <c r="AF5269" i="1"/>
  <c r="AF5270" i="1"/>
  <c r="AF5271" i="1"/>
  <c r="AF5272" i="1"/>
  <c r="AF5273" i="1"/>
  <c r="AF5274" i="1"/>
  <c r="AF5275" i="1"/>
  <c r="AF5276" i="1"/>
  <c r="AF5277" i="1"/>
  <c r="AF5278" i="1"/>
  <c r="AF5279" i="1"/>
  <c r="AF5280" i="1"/>
  <c r="AF5281" i="1"/>
  <c r="AF5282" i="1"/>
  <c r="AF5283" i="1"/>
  <c r="AF5284" i="1"/>
  <c r="AF5285" i="1"/>
  <c r="AF5286" i="1"/>
  <c r="AF5287" i="1"/>
  <c r="AF5288" i="1"/>
  <c r="AF5289" i="1"/>
  <c r="AF5290" i="1"/>
  <c r="AF5291" i="1"/>
  <c r="AF5292" i="1"/>
  <c r="AF5293" i="1"/>
  <c r="AF5294" i="1"/>
  <c r="AF5295" i="1"/>
  <c r="AF5296" i="1"/>
  <c r="AF5297" i="1"/>
  <c r="AF5298" i="1"/>
  <c r="AF5299" i="1"/>
  <c r="AF5300" i="1"/>
  <c r="AF5301" i="1"/>
  <c r="AF5302" i="1"/>
  <c r="AF5303" i="1"/>
  <c r="AF5304" i="1"/>
  <c r="AF5305" i="1"/>
  <c r="AF5306" i="1"/>
  <c r="AF5307" i="1"/>
  <c r="AF5308" i="1"/>
  <c r="AF5309" i="1"/>
  <c r="AF5310" i="1"/>
  <c r="AF5311" i="1"/>
  <c r="AF5312" i="1"/>
  <c r="AF5313" i="1"/>
  <c r="AF5314" i="1"/>
  <c r="AF5315" i="1"/>
  <c r="AF5316" i="1"/>
  <c r="AF5317" i="1"/>
  <c r="AF5318" i="1"/>
  <c r="AF5319" i="1"/>
  <c r="AF5320" i="1"/>
  <c r="AF5321" i="1"/>
  <c r="AF5322" i="1"/>
  <c r="AF5323" i="1"/>
  <c r="AF5324" i="1"/>
  <c r="AF5325" i="1"/>
  <c r="AF5326" i="1"/>
  <c r="AF5327" i="1"/>
  <c r="AF5328" i="1"/>
  <c r="AF5329" i="1"/>
  <c r="AF5330" i="1"/>
  <c r="AF5331" i="1"/>
  <c r="AF5332" i="1"/>
  <c r="AF5333" i="1"/>
  <c r="AF5334" i="1"/>
  <c r="AF5335" i="1"/>
  <c r="AF5336" i="1"/>
  <c r="AF5337" i="1"/>
  <c r="AF5338" i="1"/>
  <c r="AF5339" i="1"/>
  <c r="AF5340" i="1"/>
  <c r="AF5341" i="1"/>
  <c r="AF5342" i="1"/>
  <c r="AF5343" i="1"/>
  <c r="AF5344" i="1"/>
  <c r="AF5345" i="1"/>
  <c r="AF5346" i="1"/>
  <c r="AF5347" i="1"/>
  <c r="AF5348" i="1"/>
  <c r="AF5349" i="1"/>
  <c r="AF5350" i="1"/>
  <c r="AF5351" i="1"/>
  <c r="AF5352" i="1"/>
  <c r="AF5353" i="1"/>
  <c r="AF5354" i="1"/>
  <c r="AF5355" i="1"/>
  <c r="AF5356" i="1"/>
  <c r="AF5357" i="1"/>
  <c r="AF5358" i="1"/>
  <c r="AF5359" i="1"/>
  <c r="AF5360" i="1"/>
  <c r="AF5361" i="1"/>
  <c r="AF5362" i="1"/>
  <c r="AF5363" i="1"/>
  <c r="AF5364" i="1"/>
  <c r="AF5365" i="1"/>
  <c r="AF5366" i="1"/>
  <c r="AF5367" i="1"/>
  <c r="AF5368" i="1"/>
  <c r="AF5369" i="1"/>
  <c r="AF5370" i="1"/>
  <c r="AF5371" i="1"/>
  <c r="AF5372" i="1"/>
  <c r="AF5373" i="1"/>
  <c r="AF5374" i="1"/>
  <c r="AF5375" i="1"/>
  <c r="AF5376" i="1"/>
  <c r="AF5377" i="1"/>
  <c r="AF5378" i="1"/>
  <c r="AF5379" i="1"/>
  <c r="AF5380" i="1"/>
  <c r="AF5381" i="1"/>
  <c r="AF5382" i="1"/>
  <c r="AF5383" i="1"/>
  <c r="AF5384" i="1"/>
  <c r="AF5385" i="1"/>
  <c r="AF5386" i="1"/>
  <c r="AF5387" i="1"/>
  <c r="AF5388" i="1"/>
  <c r="AF5389" i="1"/>
  <c r="AF5390" i="1"/>
  <c r="AF5391" i="1"/>
  <c r="AF5392" i="1"/>
  <c r="AF5393" i="1"/>
  <c r="AF5394" i="1"/>
  <c r="AF5395" i="1"/>
  <c r="AF5396" i="1"/>
  <c r="AF5397" i="1"/>
  <c r="AF5398" i="1"/>
  <c r="AF5399" i="1"/>
  <c r="AF5400" i="1"/>
  <c r="AF5401" i="1"/>
  <c r="AF5402" i="1"/>
  <c r="AF5403" i="1"/>
  <c r="AF5404" i="1"/>
  <c r="AF5405" i="1"/>
  <c r="AF5406" i="1"/>
  <c r="AF5407" i="1"/>
  <c r="AF5408" i="1"/>
  <c r="AF5409" i="1"/>
  <c r="AF5410" i="1"/>
  <c r="AF5411" i="1"/>
  <c r="AF5412" i="1"/>
  <c r="AF5413" i="1"/>
  <c r="AF5414" i="1"/>
  <c r="AF5415" i="1"/>
  <c r="AF5416" i="1"/>
  <c r="AF5417" i="1"/>
  <c r="AF5418" i="1"/>
  <c r="AF5419" i="1"/>
  <c r="AF5420" i="1"/>
  <c r="AF5421" i="1"/>
  <c r="AF5422" i="1"/>
  <c r="AF5423" i="1"/>
  <c r="AF5424" i="1"/>
  <c r="AF5425" i="1"/>
  <c r="AF5426" i="1"/>
  <c r="AF5427" i="1"/>
  <c r="AF5428" i="1"/>
  <c r="AF5429" i="1"/>
  <c r="AF5430" i="1"/>
  <c r="AF5431" i="1"/>
  <c r="AF5432" i="1"/>
  <c r="AF5433" i="1"/>
  <c r="AF5434" i="1"/>
  <c r="AF5435" i="1"/>
  <c r="AF5436" i="1"/>
  <c r="AF5437" i="1"/>
  <c r="AF5438" i="1"/>
  <c r="AF5439" i="1"/>
  <c r="AF5440" i="1"/>
  <c r="AF5441" i="1"/>
  <c r="AF5442" i="1"/>
  <c r="AF5443" i="1"/>
  <c r="AF5444" i="1"/>
  <c r="AF5445" i="1"/>
  <c r="AF5446" i="1"/>
  <c r="AF5447" i="1"/>
  <c r="AF5448" i="1"/>
  <c r="AF5449" i="1"/>
  <c r="AF5450" i="1"/>
  <c r="AF5451" i="1"/>
  <c r="AF5452" i="1"/>
  <c r="AF5453" i="1"/>
  <c r="AF5454" i="1"/>
  <c r="AF5455" i="1"/>
  <c r="AF5456" i="1"/>
  <c r="AF5457" i="1"/>
  <c r="AF5458" i="1"/>
  <c r="AF5459" i="1"/>
  <c r="AF5460" i="1"/>
  <c r="AF5461" i="1"/>
  <c r="AF5462" i="1"/>
  <c r="AF5463" i="1"/>
  <c r="AF5464" i="1"/>
  <c r="AF5465" i="1"/>
  <c r="AF5466" i="1"/>
  <c r="AF5467" i="1"/>
  <c r="AF5468" i="1"/>
  <c r="AF5469" i="1"/>
  <c r="AF5470" i="1"/>
  <c r="AF5471" i="1"/>
  <c r="AF5472" i="1"/>
  <c r="AF5473" i="1"/>
  <c r="AF5474" i="1"/>
  <c r="AF5475" i="1"/>
  <c r="AF5476" i="1"/>
  <c r="AF5477" i="1"/>
  <c r="AF5478" i="1"/>
  <c r="AF5479" i="1"/>
  <c r="AF5480" i="1"/>
  <c r="AF5481" i="1"/>
  <c r="AF5482" i="1"/>
  <c r="AF5483" i="1"/>
  <c r="AF5484" i="1"/>
  <c r="AF5485" i="1"/>
  <c r="AF5486" i="1"/>
  <c r="AF5487" i="1"/>
  <c r="AF5488" i="1"/>
  <c r="AF5489" i="1"/>
  <c r="AF5490" i="1"/>
  <c r="AF5491" i="1"/>
  <c r="AF5492" i="1"/>
  <c r="AF5493" i="1"/>
  <c r="AF5494" i="1"/>
  <c r="AF5495" i="1"/>
  <c r="AF5496" i="1"/>
  <c r="AF5497" i="1"/>
  <c r="AF5498" i="1"/>
  <c r="AF5499" i="1"/>
  <c r="AF5500" i="1"/>
  <c r="AF5501" i="1"/>
  <c r="AF5502" i="1"/>
  <c r="AF5503" i="1"/>
  <c r="AF5504" i="1"/>
  <c r="AF5505" i="1"/>
  <c r="AF5506" i="1"/>
  <c r="AF5507" i="1"/>
  <c r="AF5508" i="1"/>
  <c r="AF5509" i="1"/>
  <c r="AF5510" i="1"/>
  <c r="AF5511" i="1"/>
  <c r="AF5512" i="1"/>
  <c r="AF5513" i="1"/>
  <c r="AF5514" i="1"/>
  <c r="AF5515" i="1"/>
  <c r="AF5516" i="1"/>
  <c r="AF5517" i="1"/>
  <c r="AF5518" i="1"/>
  <c r="AF5519" i="1"/>
  <c r="AF5520" i="1"/>
  <c r="AF5521" i="1"/>
  <c r="AF5522" i="1"/>
  <c r="AF5523" i="1"/>
  <c r="AF5524" i="1"/>
  <c r="AF5525" i="1"/>
  <c r="AF5526" i="1"/>
  <c r="AF5527" i="1"/>
  <c r="AF5528" i="1"/>
  <c r="AF5529" i="1"/>
  <c r="AF5530" i="1"/>
  <c r="AF5531" i="1"/>
  <c r="AF5532" i="1"/>
  <c r="AF5533" i="1"/>
  <c r="AF5534" i="1"/>
  <c r="AF5535" i="1"/>
  <c r="AF5536" i="1"/>
  <c r="AF5537" i="1"/>
  <c r="AF5538" i="1"/>
  <c r="AF5539" i="1"/>
  <c r="AF5540" i="1"/>
  <c r="AF5541" i="1"/>
  <c r="AF5542" i="1"/>
  <c r="AF5543" i="1"/>
  <c r="AF5544" i="1"/>
  <c r="AF5545" i="1"/>
  <c r="AF5546" i="1"/>
  <c r="AF5547" i="1"/>
  <c r="AF5548" i="1"/>
  <c r="AF5549" i="1"/>
  <c r="AF5550" i="1"/>
  <c r="AF5551" i="1"/>
  <c r="AF5552" i="1"/>
  <c r="AF5553" i="1"/>
  <c r="AF5554" i="1"/>
  <c r="AF5555" i="1"/>
  <c r="AF5556" i="1"/>
  <c r="AF5557" i="1"/>
  <c r="AF5558" i="1"/>
  <c r="AF5559" i="1"/>
  <c r="AF5560" i="1"/>
  <c r="AF5561" i="1"/>
  <c r="AF5562" i="1"/>
  <c r="AF5563" i="1"/>
  <c r="AF5564" i="1"/>
  <c r="AF5565" i="1"/>
  <c r="AF5566" i="1"/>
  <c r="AF5567" i="1"/>
  <c r="AF5568" i="1"/>
  <c r="AF5569" i="1"/>
  <c r="AF5570" i="1"/>
  <c r="AF5571" i="1"/>
  <c r="AF5572" i="1"/>
  <c r="AF5573" i="1"/>
  <c r="AF5574" i="1"/>
  <c r="AF5575" i="1"/>
  <c r="AF5576" i="1"/>
  <c r="AF5577" i="1"/>
  <c r="AF5578" i="1"/>
  <c r="AF5579" i="1"/>
  <c r="AF5580" i="1"/>
  <c r="AF5581" i="1"/>
  <c r="AF5582" i="1"/>
  <c r="AF5583" i="1"/>
  <c r="AF5584" i="1"/>
  <c r="AF5585" i="1"/>
  <c r="AF5586" i="1"/>
  <c r="AF5587" i="1"/>
  <c r="AF5588" i="1"/>
  <c r="AF5589" i="1"/>
  <c r="AF5590" i="1"/>
  <c r="AF5591" i="1"/>
  <c r="AF5592" i="1"/>
  <c r="AF5593" i="1"/>
  <c r="AF5594" i="1"/>
  <c r="AF5595" i="1"/>
  <c r="AF5596" i="1"/>
  <c r="AF5597" i="1"/>
  <c r="AF5598" i="1"/>
  <c r="AF5599" i="1"/>
  <c r="AF5600" i="1"/>
  <c r="AF5601" i="1"/>
  <c r="AF5602" i="1"/>
  <c r="AF5603" i="1"/>
  <c r="AF5604" i="1"/>
  <c r="AF5605" i="1"/>
  <c r="AF5606" i="1"/>
  <c r="AF5607" i="1"/>
  <c r="AF5608" i="1"/>
  <c r="AF5609" i="1"/>
  <c r="AF5610" i="1"/>
  <c r="AF5611" i="1"/>
  <c r="AF5612" i="1"/>
  <c r="AF5613" i="1"/>
  <c r="AF5614" i="1"/>
  <c r="AF5615" i="1"/>
  <c r="AF5616" i="1"/>
  <c r="AF5617" i="1"/>
  <c r="AF5618" i="1"/>
  <c r="AF5619" i="1"/>
  <c r="AF5620" i="1"/>
  <c r="AF5621" i="1"/>
  <c r="AF5622" i="1"/>
  <c r="AF5623" i="1"/>
  <c r="AF5624" i="1"/>
  <c r="AF5625" i="1"/>
  <c r="AF5626" i="1"/>
  <c r="AF5627" i="1"/>
  <c r="AF5628" i="1"/>
  <c r="AF5629" i="1"/>
  <c r="AF5630" i="1"/>
  <c r="AF5631" i="1"/>
  <c r="AF5632" i="1"/>
  <c r="AF5633" i="1"/>
  <c r="AF5634" i="1"/>
  <c r="AF5635" i="1"/>
  <c r="AF5636" i="1"/>
  <c r="AF5637" i="1"/>
  <c r="AF5638" i="1"/>
  <c r="AF5639" i="1"/>
  <c r="AF5640" i="1"/>
  <c r="AF5641" i="1"/>
  <c r="AF5642" i="1"/>
  <c r="AF5643" i="1"/>
  <c r="AF5644" i="1"/>
  <c r="AF5645" i="1"/>
  <c r="AF5646" i="1"/>
  <c r="AF5647" i="1"/>
  <c r="AF5648" i="1"/>
  <c r="AF5649" i="1"/>
  <c r="AF5650" i="1"/>
  <c r="AF5651" i="1"/>
  <c r="AF5652" i="1"/>
  <c r="AF5653" i="1"/>
  <c r="AF5654" i="1"/>
  <c r="AF5655" i="1"/>
  <c r="AF5656" i="1"/>
  <c r="AF5657" i="1"/>
  <c r="AF5658" i="1"/>
  <c r="AF5659" i="1"/>
  <c r="AF5660" i="1"/>
  <c r="AF5661" i="1"/>
  <c r="AF5662" i="1"/>
  <c r="AF5663" i="1"/>
  <c r="AF5664" i="1"/>
  <c r="AF5665" i="1"/>
  <c r="AF5666" i="1"/>
  <c r="AF5667" i="1"/>
  <c r="AF5668" i="1"/>
  <c r="AF5669" i="1"/>
  <c r="AF5670" i="1"/>
  <c r="AF5671" i="1"/>
  <c r="AF5672" i="1"/>
  <c r="AF5673" i="1"/>
  <c r="AF5674" i="1"/>
  <c r="AF5675" i="1"/>
  <c r="AF5676" i="1"/>
  <c r="AF5677" i="1"/>
  <c r="AF5678" i="1"/>
  <c r="AF5679" i="1"/>
  <c r="AF5680" i="1"/>
  <c r="AF5681" i="1"/>
  <c r="AF5682" i="1"/>
  <c r="AF5683" i="1"/>
  <c r="AF5684" i="1"/>
  <c r="AF5685" i="1"/>
  <c r="AF5686" i="1"/>
  <c r="AF5687" i="1"/>
  <c r="AF5688" i="1"/>
  <c r="AF5689" i="1"/>
  <c r="AF5690" i="1"/>
  <c r="AF5691" i="1"/>
  <c r="AF5692" i="1"/>
  <c r="AF5693" i="1"/>
  <c r="AF5694" i="1"/>
  <c r="AF5695" i="1"/>
  <c r="AF5696" i="1"/>
  <c r="AF5697" i="1"/>
  <c r="AF5698" i="1"/>
  <c r="AF5699" i="1"/>
  <c r="AF5700" i="1"/>
  <c r="AF5701" i="1"/>
  <c r="AF5702" i="1"/>
  <c r="AF5703" i="1"/>
  <c r="AF5704" i="1"/>
  <c r="AF5705" i="1"/>
  <c r="AF5706" i="1"/>
  <c r="AF5707" i="1"/>
  <c r="AF5708" i="1"/>
  <c r="AF5709" i="1"/>
  <c r="AF5710" i="1"/>
  <c r="AF5711" i="1"/>
  <c r="AF5712" i="1"/>
  <c r="AF5713" i="1"/>
  <c r="AF5714" i="1"/>
  <c r="AF5715" i="1"/>
  <c r="AF5716" i="1"/>
  <c r="AF5717" i="1"/>
  <c r="AF5718" i="1"/>
  <c r="AF5719" i="1"/>
  <c r="AF5720" i="1"/>
  <c r="AF5721" i="1"/>
  <c r="AF5722" i="1"/>
  <c r="AF5723" i="1"/>
  <c r="AF5724" i="1"/>
  <c r="AF5725" i="1"/>
  <c r="AF5726" i="1"/>
  <c r="AF5727" i="1"/>
  <c r="AF5728" i="1"/>
  <c r="AF5729" i="1"/>
  <c r="AF5730" i="1"/>
  <c r="AF5731" i="1"/>
  <c r="AF5732" i="1"/>
  <c r="AF5733" i="1"/>
  <c r="AF5734" i="1"/>
  <c r="AF5735" i="1"/>
  <c r="AF5736" i="1"/>
  <c r="AF5737" i="1"/>
  <c r="AF5738" i="1"/>
  <c r="AF5739" i="1"/>
  <c r="AF5740" i="1"/>
  <c r="AF5741" i="1"/>
  <c r="AF5742" i="1"/>
  <c r="AF5743" i="1"/>
  <c r="AF5744" i="1"/>
  <c r="AF5745" i="1"/>
  <c r="AF5746" i="1"/>
  <c r="AF5747" i="1"/>
  <c r="AF5748" i="1"/>
  <c r="AF5749" i="1"/>
  <c r="AF5750" i="1"/>
  <c r="AF5751" i="1"/>
  <c r="AF5752" i="1"/>
  <c r="AF5753" i="1"/>
  <c r="AF5754" i="1"/>
  <c r="AF5755" i="1"/>
  <c r="AF5756" i="1"/>
  <c r="AF5757" i="1"/>
  <c r="AF5758" i="1"/>
  <c r="AF5759" i="1"/>
  <c r="AF5760" i="1"/>
  <c r="AF5761" i="1"/>
  <c r="AF5762" i="1"/>
  <c r="AF5763" i="1"/>
  <c r="AF5764" i="1"/>
  <c r="AF5765" i="1"/>
  <c r="AF5766" i="1"/>
  <c r="AF5767" i="1"/>
  <c r="AF5768" i="1"/>
  <c r="AF5769" i="1"/>
  <c r="AF5770" i="1"/>
  <c r="AF5771" i="1"/>
  <c r="AF5772" i="1"/>
  <c r="AF5773" i="1"/>
  <c r="AF5774" i="1"/>
  <c r="AF5775" i="1"/>
  <c r="AF5776" i="1"/>
  <c r="AF5777" i="1"/>
  <c r="AF5778" i="1"/>
  <c r="AF5779" i="1"/>
  <c r="AF5780" i="1"/>
  <c r="AF5781" i="1"/>
  <c r="AF5782" i="1"/>
  <c r="AF5783" i="1"/>
  <c r="AF5784" i="1"/>
  <c r="AF5785" i="1"/>
  <c r="AF5786" i="1"/>
  <c r="AF5787" i="1"/>
  <c r="AF5788" i="1"/>
  <c r="AF5789" i="1"/>
  <c r="AF5790" i="1"/>
  <c r="AF5791" i="1"/>
  <c r="AF5792" i="1"/>
  <c r="AF5793" i="1"/>
  <c r="AF5794" i="1"/>
  <c r="AF5795" i="1"/>
  <c r="AF5796" i="1"/>
  <c r="AF5797" i="1"/>
  <c r="AF5798" i="1"/>
  <c r="AF5799" i="1"/>
  <c r="AF5800" i="1"/>
  <c r="AF5801" i="1"/>
  <c r="AF5802" i="1"/>
  <c r="AF5803" i="1"/>
  <c r="AF5804" i="1"/>
  <c r="AF5805" i="1"/>
  <c r="AF5806" i="1"/>
  <c r="AF5807" i="1"/>
  <c r="AF5808" i="1"/>
  <c r="AF5809" i="1"/>
  <c r="AF5810" i="1"/>
  <c r="AF5811" i="1"/>
  <c r="AF5812" i="1"/>
  <c r="AF5813" i="1"/>
  <c r="AF5814" i="1"/>
  <c r="AF5815" i="1"/>
  <c r="AF5816" i="1"/>
  <c r="AF5817" i="1"/>
  <c r="AF5818" i="1"/>
  <c r="AF5819" i="1"/>
  <c r="AF5820" i="1"/>
  <c r="AF5821" i="1"/>
  <c r="AF5822" i="1"/>
  <c r="AF5823" i="1"/>
  <c r="AF5824" i="1"/>
  <c r="AF5825" i="1"/>
  <c r="AF5826" i="1"/>
  <c r="AF5827" i="1"/>
  <c r="AF5828" i="1"/>
  <c r="AF5829" i="1"/>
  <c r="AF5830" i="1"/>
  <c r="AF5831" i="1"/>
  <c r="AF5832" i="1"/>
  <c r="AF5833" i="1"/>
  <c r="AF5834" i="1"/>
  <c r="AF5835" i="1"/>
  <c r="AF5836" i="1"/>
  <c r="AF5837" i="1"/>
  <c r="AF5838" i="1"/>
  <c r="AF5839" i="1"/>
  <c r="AF5840" i="1"/>
  <c r="AF5841" i="1"/>
  <c r="AF5842" i="1"/>
  <c r="AF5843" i="1"/>
  <c r="AF5844" i="1"/>
  <c r="AF5845" i="1"/>
  <c r="AF5846" i="1"/>
  <c r="AF5847" i="1"/>
  <c r="AF5848" i="1"/>
  <c r="AF5849" i="1"/>
  <c r="AF5850" i="1"/>
  <c r="AF5851" i="1"/>
  <c r="AF5852" i="1"/>
  <c r="AF5853" i="1"/>
  <c r="AF5854" i="1"/>
  <c r="AF5855" i="1"/>
  <c r="AF5856" i="1"/>
  <c r="AF5857" i="1"/>
  <c r="AF5858" i="1"/>
  <c r="AF5859" i="1"/>
  <c r="AF5860" i="1"/>
  <c r="AF5861" i="1"/>
  <c r="AF5862" i="1"/>
  <c r="AF5863" i="1"/>
  <c r="AF5864" i="1"/>
  <c r="AF5865" i="1"/>
  <c r="AF5866" i="1"/>
  <c r="AF5867" i="1"/>
  <c r="AF5868" i="1"/>
  <c r="AF5869" i="1"/>
  <c r="AF5870" i="1"/>
  <c r="AF5871" i="1"/>
  <c r="AF5872" i="1"/>
  <c r="AF5873" i="1"/>
  <c r="AF5874" i="1"/>
  <c r="AF5875" i="1"/>
  <c r="AF5876" i="1"/>
  <c r="AF5877" i="1"/>
  <c r="AF5878" i="1"/>
  <c r="AF5879" i="1"/>
  <c r="AF5880" i="1"/>
  <c r="AF5881" i="1"/>
  <c r="AF5882" i="1"/>
  <c r="AF5883" i="1"/>
  <c r="AF5884" i="1"/>
  <c r="AF5885" i="1"/>
  <c r="AF5886" i="1"/>
  <c r="AF5887" i="1"/>
  <c r="AF5888" i="1"/>
  <c r="AF5889" i="1"/>
  <c r="AF5890" i="1"/>
  <c r="AF5891" i="1"/>
  <c r="AF5892" i="1"/>
  <c r="AF5893" i="1"/>
  <c r="AF5894" i="1"/>
  <c r="AF5895" i="1"/>
  <c r="AF5896" i="1"/>
  <c r="AF5897" i="1"/>
  <c r="AF5898" i="1"/>
  <c r="AF5899" i="1"/>
  <c r="AF5900" i="1"/>
  <c r="AF5901" i="1"/>
  <c r="AF5902" i="1"/>
  <c r="AF5903" i="1"/>
  <c r="AF5904" i="1"/>
  <c r="AF5905" i="1"/>
  <c r="AF5906" i="1"/>
  <c r="AF5907" i="1"/>
  <c r="AF5908" i="1"/>
  <c r="AF5909" i="1"/>
  <c r="AF5910" i="1"/>
  <c r="AF5911" i="1"/>
  <c r="AF5912" i="1"/>
  <c r="AF5913" i="1"/>
  <c r="AF5914" i="1"/>
  <c r="AF5915" i="1"/>
  <c r="AF5916" i="1"/>
  <c r="AF5917" i="1"/>
  <c r="AF5918" i="1"/>
  <c r="AF5919" i="1"/>
  <c r="AF5920" i="1"/>
  <c r="AF5921" i="1"/>
  <c r="AF5922" i="1"/>
  <c r="AF5923" i="1"/>
  <c r="AF5924" i="1"/>
  <c r="AF5925" i="1"/>
  <c r="AF5926" i="1"/>
  <c r="AF5927" i="1"/>
  <c r="AF5928" i="1"/>
  <c r="AF5929" i="1"/>
  <c r="AF5930" i="1"/>
  <c r="AF5931" i="1"/>
  <c r="AF5932" i="1"/>
  <c r="AF5933" i="1"/>
  <c r="AF5934" i="1"/>
  <c r="AF5935" i="1"/>
  <c r="AF5936" i="1"/>
  <c r="AF5937" i="1"/>
  <c r="AF5938" i="1"/>
  <c r="AF5939" i="1"/>
  <c r="AF5940" i="1"/>
  <c r="AF5941" i="1"/>
  <c r="AF5942" i="1"/>
  <c r="AF5943" i="1"/>
  <c r="AF5944" i="1"/>
  <c r="AF5945" i="1"/>
  <c r="AF5946" i="1"/>
  <c r="AF5947" i="1"/>
  <c r="AF5948" i="1"/>
  <c r="AF5949" i="1"/>
  <c r="AF5950" i="1"/>
  <c r="AF5951" i="1"/>
  <c r="AF5952" i="1"/>
  <c r="AF5953" i="1"/>
  <c r="AF5954" i="1"/>
  <c r="AF5955" i="1"/>
  <c r="AF5956" i="1"/>
  <c r="AF5957" i="1"/>
  <c r="AF5958" i="1"/>
  <c r="AF5959" i="1"/>
  <c r="AF5960" i="1"/>
  <c r="AF5961" i="1"/>
  <c r="AF5962" i="1"/>
  <c r="AF5963" i="1"/>
  <c r="AF5964" i="1"/>
  <c r="AF5965" i="1"/>
  <c r="AF5966" i="1"/>
  <c r="AF5967" i="1"/>
  <c r="AF5968" i="1"/>
  <c r="AF5969" i="1"/>
  <c r="AF5970" i="1"/>
  <c r="AF5971" i="1"/>
  <c r="AF5972" i="1"/>
  <c r="AF5973" i="1"/>
  <c r="AF5974" i="1"/>
  <c r="AF5975" i="1"/>
  <c r="AF5976" i="1"/>
  <c r="AF5977" i="1"/>
  <c r="AF5978" i="1"/>
  <c r="AF5979" i="1"/>
  <c r="AF5980" i="1"/>
  <c r="AF5981" i="1"/>
  <c r="AF5982" i="1"/>
  <c r="AF5983" i="1"/>
  <c r="AF5984" i="1"/>
  <c r="AF5985" i="1"/>
  <c r="AF5986" i="1"/>
  <c r="AF5987" i="1"/>
  <c r="AF5988" i="1"/>
  <c r="AF5989" i="1"/>
  <c r="AF5990" i="1"/>
  <c r="AF5991" i="1"/>
  <c r="AF5992" i="1"/>
  <c r="AF5993" i="1"/>
  <c r="AF5994" i="1"/>
  <c r="AF5995" i="1"/>
  <c r="AF5996" i="1"/>
  <c r="AF5997" i="1"/>
  <c r="AF5998" i="1"/>
  <c r="AF5999" i="1"/>
  <c r="AF6000" i="1"/>
  <c r="AF6001" i="1"/>
  <c r="AF6002" i="1"/>
  <c r="AF6003" i="1"/>
  <c r="AF6004" i="1"/>
  <c r="AF6005" i="1"/>
  <c r="AF6006" i="1"/>
  <c r="AF6007" i="1"/>
  <c r="AF6008" i="1"/>
  <c r="AF6009" i="1"/>
  <c r="AF6010" i="1"/>
  <c r="AF6011" i="1"/>
  <c r="AF6012" i="1"/>
  <c r="AF6013" i="1"/>
  <c r="AF6014" i="1"/>
  <c r="AF6015" i="1"/>
  <c r="AF6016" i="1"/>
  <c r="AF6017" i="1"/>
  <c r="AF6018" i="1"/>
  <c r="AF6019" i="1"/>
  <c r="AF6020" i="1"/>
  <c r="AF6021" i="1"/>
  <c r="AF6022" i="1"/>
  <c r="AF6023" i="1"/>
  <c r="AF6024" i="1"/>
  <c r="AF6025" i="1"/>
  <c r="AF6026" i="1"/>
  <c r="AF6027" i="1"/>
  <c r="AF6028" i="1"/>
  <c r="AF6029" i="1"/>
  <c r="AF6030" i="1"/>
  <c r="AF6031" i="1"/>
  <c r="AF6032" i="1"/>
  <c r="AF6033" i="1"/>
  <c r="AF6034" i="1"/>
  <c r="AF6035" i="1"/>
  <c r="AF6036" i="1"/>
  <c r="AF6037" i="1"/>
  <c r="AF6038" i="1"/>
  <c r="AF6039" i="1"/>
  <c r="AF6040" i="1"/>
  <c r="AF6041" i="1"/>
  <c r="AF6042" i="1"/>
  <c r="AF6043" i="1"/>
  <c r="AF6044" i="1"/>
  <c r="AF6045" i="1"/>
  <c r="AF6046" i="1"/>
  <c r="AF6047" i="1"/>
  <c r="AF6048" i="1"/>
  <c r="AF6049" i="1"/>
  <c r="AF6050" i="1"/>
  <c r="AF6051" i="1"/>
  <c r="AF6052" i="1"/>
  <c r="AF6053" i="1"/>
  <c r="AF6054" i="1"/>
  <c r="AF6055" i="1"/>
  <c r="AF6056" i="1"/>
  <c r="AF6057" i="1"/>
  <c r="AF6058" i="1"/>
  <c r="AF6059" i="1"/>
  <c r="AF6060" i="1"/>
  <c r="AF6061" i="1"/>
  <c r="AF6062" i="1"/>
  <c r="AF6063" i="1"/>
  <c r="AF6064" i="1"/>
  <c r="AF6065" i="1"/>
  <c r="AF6066" i="1"/>
  <c r="AF6067" i="1"/>
  <c r="AF6068" i="1"/>
  <c r="AF6069" i="1"/>
  <c r="AF6070" i="1"/>
  <c r="AF6071" i="1"/>
  <c r="AF6072" i="1"/>
  <c r="AF6073" i="1"/>
  <c r="AF6074" i="1"/>
  <c r="AF6075" i="1"/>
  <c r="AF6076" i="1"/>
  <c r="AF6077" i="1"/>
  <c r="AF6078" i="1"/>
  <c r="AF6079" i="1"/>
  <c r="AF6080" i="1"/>
  <c r="AF6081" i="1"/>
  <c r="AF6082" i="1"/>
  <c r="AF6083" i="1"/>
  <c r="AF6084" i="1"/>
  <c r="AF6085" i="1"/>
  <c r="AF6086" i="1"/>
  <c r="AF6087" i="1"/>
  <c r="AF6088" i="1"/>
  <c r="AF6089" i="1"/>
  <c r="AF6090" i="1"/>
  <c r="AF6091" i="1"/>
  <c r="AF6092" i="1"/>
  <c r="AF6093" i="1"/>
  <c r="AF6094" i="1"/>
  <c r="AF6095" i="1"/>
  <c r="AF6096" i="1"/>
  <c r="AF6097" i="1"/>
  <c r="AF6098" i="1"/>
  <c r="AF6099" i="1"/>
  <c r="AF6100" i="1"/>
  <c r="AF6101" i="1"/>
  <c r="AF6102" i="1"/>
  <c r="AF6103" i="1"/>
  <c r="AF6104" i="1"/>
  <c r="AF6105" i="1"/>
  <c r="AF6106" i="1"/>
  <c r="AF6107" i="1"/>
  <c r="AF6108" i="1"/>
  <c r="AF6109" i="1"/>
  <c r="AF6110" i="1"/>
  <c r="AF6111" i="1"/>
  <c r="AF6112" i="1"/>
  <c r="AF6113" i="1"/>
  <c r="AF6114" i="1"/>
  <c r="AF6115" i="1"/>
  <c r="AF6116" i="1"/>
  <c r="AF6117" i="1"/>
  <c r="AF6118" i="1"/>
  <c r="AF6119" i="1"/>
  <c r="AF6120" i="1"/>
  <c r="AF6121" i="1"/>
  <c r="AF6122" i="1"/>
  <c r="AF6123" i="1"/>
  <c r="AF6124" i="1"/>
  <c r="AF6125" i="1"/>
  <c r="AF6126" i="1"/>
  <c r="AF6127" i="1"/>
  <c r="AF6128" i="1"/>
  <c r="AF6129" i="1"/>
  <c r="AF6130" i="1"/>
  <c r="AF6131" i="1"/>
  <c r="AF6132" i="1"/>
  <c r="AF6133" i="1"/>
  <c r="AF6134" i="1"/>
  <c r="AF6135" i="1"/>
  <c r="AF6136" i="1"/>
  <c r="AF6137" i="1"/>
  <c r="AF6138" i="1"/>
  <c r="AF6139" i="1"/>
  <c r="AF6140" i="1"/>
  <c r="AF6141" i="1"/>
  <c r="AF6142" i="1"/>
  <c r="AF6143" i="1"/>
  <c r="AF6144" i="1"/>
  <c r="AF6145" i="1"/>
  <c r="AF6146" i="1"/>
  <c r="AF6147" i="1"/>
  <c r="AF6148" i="1"/>
  <c r="AF6149" i="1"/>
  <c r="AF6150" i="1"/>
  <c r="AF6151" i="1"/>
  <c r="AF6152" i="1"/>
  <c r="AF6153" i="1"/>
  <c r="AF6154" i="1"/>
  <c r="AF6155" i="1"/>
  <c r="AF6156" i="1"/>
  <c r="AF6157" i="1"/>
  <c r="AF6158" i="1"/>
  <c r="AF6159" i="1"/>
  <c r="AF6160" i="1"/>
  <c r="AF6161" i="1"/>
  <c r="AF6162" i="1"/>
  <c r="AF6163" i="1"/>
  <c r="AF6164" i="1"/>
  <c r="AF6165" i="1"/>
  <c r="AF6166" i="1"/>
  <c r="AF6167" i="1"/>
  <c r="AF6168" i="1"/>
  <c r="AF6169" i="1"/>
  <c r="AF6170" i="1"/>
  <c r="AF6171" i="1"/>
  <c r="AF6172" i="1"/>
  <c r="AF6173" i="1"/>
  <c r="AF6174" i="1"/>
  <c r="AF6175" i="1"/>
  <c r="AF6176" i="1"/>
  <c r="AF6177" i="1"/>
  <c r="AF6178" i="1"/>
  <c r="AF6179" i="1"/>
  <c r="AF6180" i="1"/>
  <c r="AF6181" i="1"/>
  <c r="AF6182" i="1"/>
  <c r="AF6183" i="1"/>
  <c r="AF6184" i="1"/>
  <c r="AF6185" i="1"/>
  <c r="AF6186" i="1"/>
  <c r="AF6187" i="1"/>
  <c r="AF6188" i="1"/>
  <c r="AF6189" i="1"/>
  <c r="AF6190" i="1"/>
  <c r="AF6191" i="1"/>
  <c r="AF6192" i="1"/>
  <c r="AF6193" i="1"/>
  <c r="AF6194" i="1"/>
  <c r="AF6195" i="1"/>
  <c r="AF6196" i="1"/>
  <c r="AF6197" i="1"/>
  <c r="AF6198" i="1"/>
  <c r="AF6199" i="1"/>
  <c r="AF6200" i="1"/>
  <c r="AF6201" i="1"/>
  <c r="AF6202" i="1"/>
  <c r="AF6203" i="1"/>
  <c r="AF6204" i="1"/>
  <c r="AF6205" i="1"/>
  <c r="AF6206" i="1"/>
  <c r="AF6207" i="1"/>
  <c r="AF6208" i="1"/>
  <c r="AF6209" i="1"/>
  <c r="AF6210" i="1"/>
  <c r="AF6211" i="1"/>
  <c r="AF6212" i="1"/>
  <c r="AF6213" i="1"/>
  <c r="AF6214" i="1"/>
  <c r="AF6215" i="1"/>
  <c r="AF6216" i="1"/>
  <c r="AF6217" i="1"/>
  <c r="AF6218" i="1"/>
  <c r="AF6219" i="1"/>
  <c r="AF6220" i="1"/>
  <c r="AF6221" i="1"/>
  <c r="AF6222" i="1"/>
  <c r="AF6223" i="1"/>
  <c r="AF6224" i="1"/>
  <c r="AF6225" i="1"/>
  <c r="AF6226" i="1"/>
  <c r="AF6227" i="1"/>
  <c r="AF6228" i="1"/>
  <c r="AF6229" i="1"/>
  <c r="AF6230" i="1"/>
  <c r="AF6231" i="1"/>
  <c r="AF6232" i="1"/>
  <c r="AF6233" i="1"/>
  <c r="AF6234" i="1"/>
  <c r="AF6235" i="1"/>
  <c r="AF6236" i="1"/>
  <c r="AF6237" i="1"/>
  <c r="AF6238" i="1"/>
  <c r="AF6239" i="1"/>
  <c r="AF6240" i="1"/>
  <c r="AF6241" i="1"/>
  <c r="AF6242" i="1"/>
  <c r="AF6243" i="1"/>
  <c r="AF6244" i="1"/>
  <c r="AF6245" i="1"/>
  <c r="AF6246" i="1"/>
  <c r="AF6247" i="1"/>
  <c r="AF6248" i="1"/>
  <c r="AF6249" i="1"/>
  <c r="AF6250" i="1"/>
  <c r="AF6251" i="1"/>
  <c r="AF6252" i="1"/>
  <c r="AF6253" i="1"/>
  <c r="AF6254" i="1"/>
  <c r="AF6255" i="1"/>
  <c r="AF6256" i="1"/>
  <c r="AF6257" i="1"/>
  <c r="AF6258" i="1"/>
  <c r="AF6259" i="1"/>
  <c r="AF6260" i="1"/>
  <c r="AF6261" i="1"/>
  <c r="AF6262" i="1"/>
  <c r="AF6263" i="1"/>
  <c r="AF6264" i="1"/>
  <c r="AF6265" i="1"/>
  <c r="AF6266" i="1"/>
  <c r="AF6267" i="1"/>
  <c r="AF6268" i="1"/>
  <c r="AF6269" i="1"/>
  <c r="AF6270" i="1"/>
  <c r="AF6271" i="1"/>
  <c r="AF6272" i="1"/>
  <c r="AF6273" i="1"/>
  <c r="AF6274" i="1"/>
  <c r="AF6275" i="1"/>
  <c r="AF6276" i="1"/>
  <c r="AF6277" i="1"/>
  <c r="AF6278" i="1"/>
  <c r="AF6279" i="1"/>
  <c r="AF6280" i="1"/>
  <c r="AF6281" i="1"/>
  <c r="AF6282" i="1"/>
  <c r="AF6283" i="1"/>
  <c r="AF6284" i="1"/>
  <c r="AF6285" i="1"/>
  <c r="AF6286" i="1"/>
  <c r="AF6287" i="1"/>
  <c r="AF6288" i="1"/>
  <c r="AF6289" i="1"/>
  <c r="AF6290" i="1"/>
  <c r="AF6291" i="1"/>
  <c r="AF6292" i="1"/>
  <c r="AF6293" i="1"/>
  <c r="AF6294" i="1"/>
  <c r="AF6295" i="1"/>
  <c r="AF6296" i="1"/>
  <c r="AF6297" i="1"/>
  <c r="AF6298" i="1"/>
  <c r="AF6299" i="1"/>
  <c r="AF6300" i="1"/>
  <c r="AF6301" i="1"/>
  <c r="AF6302" i="1"/>
  <c r="AF6303" i="1"/>
  <c r="AF6304" i="1"/>
  <c r="AF6305" i="1"/>
  <c r="AF6306" i="1"/>
  <c r="AF6307" i="1"/>
  <c r="AF6308" i="1"/>
  <c r="AF6309" i="1"/>
  <c r="AF6310" i="1"/>
  <c r="AF6311" i="1"/>
  <c r="AF6312" i="1"/>
  <c r="AF6313" i="1"/>
  <c r="AF6314" i="1"/>
  <c r="AF6315" i="1"/>
  <c r="AF6316" i="1"/>
  <c r="AF6317" i="1"/>
  <c r="AF6318" i="1"/>
  <c r="AF6319" i="1"/>
  <c r="AF6320" i="1"/>
  <c r="AF6321" i="1"/>
  <c r="AF6322" i="1"/>
  <c r="AF6323" i="1"/>
  <c r="AF6324" i="1"/>
  <c r="AF6325" i="1"/>
  <c r="AF6326" i="1"/>
  <c r="AF6327" i="1"/>
  <c r="AF6328" i="1"/>
  <c r="AF6329" i="1"/>
  <c r="AF6330" i="1"/>
  <c r="AF6331" i="1"/>
  <c r="AF6332" i="1"/>
  <c r="AF6333" i="1"/>
  <c r="AF6334" i="1"/>
  <c r="AF6335" i="1"/>
  <c r="AF6336" i="1"/>
  <c r="AF6337" i="1"/>
  <c r="AF6338" i="1"/>
  <c r="AF6339" i="1"/>
  <c r="AF6340" i="1"/>
  <c r="AF6341" i="1"/>
  <c r="AF6342" i="1"/>
  <c r="AF6343" i="1"/>
  <c r="AF6344" i="1"/>
  <c r="AF6345" i="1"/>
  <c r="AF6346" i="1"/>
  <c r="AF6347" i="1"/>
  <c r="AF6348" i="1"/>
  <c r="AF6349" i="1"/>
  <c r="AF6350" i="1"/>
  <c r="AF6351" i="1"/>
  <c r="AF6352" i="1"/>
  <c r="AF6353" i="1"/>
  <c r="AF6354" i="1"/>
  <c r="AF6355" i="1"/>
  <c r="AF6356" i="1"/>
  <c r="AF6357" i="1"/>
  <c r="AF6358" i="1"/>
  <c r="AF6359" i="1"/>
  <c r="AF6360" i="1"/>
  <c r="AF6361" i="1"/>
  <c r="AF6362" i="1"/>
  <c r="AF6363" i="1"/>
  <c r="AF6364" i="1"/>
  <c r="AF6365" i="1"/>
  <c r="AF6366" i="1"/>
  <c r="AF6367" i="1"/>
  <c r="AF6368" i="1"/>
  <c r="AF6369" i="1"/>
  <c r="AF6370" i="1"/>
  <c r="AF6371" i="1"/>
  <c r="AF6372" i="1"/>
  <c r="AF6373" i="1"/>
  <c r="AF6374" i="1"/>
  <c r="AF6375" i="1"/>
  <c r="AF6376" i="1"/>
  <c r="AF6377" i="1"/>
  <c r="AF6378" i="1"/>
  <c r="AF6379" i="1"/>
  <c r="AF6380" i="1"/>
  <c r="AF6381" i="1"/>
  <c r="AF6382" i="1"/>
  <c r="AF6383" i="1"/>
  <c r="AF6384" i="1"/>
  <c r="AF6385" i="1"/>
  <c r="AF6386" i="1"/>
  <c r="AF6387" i="1"/>
  <c r="AF6388" i="1"/>
  <c r="AF6389" i="1"/>
  <c r="AF6390" i="1"/>
  <c r="AF6391" i="1"/>
  <c r="AF6392" i="1"/>
  <c r="AF6393" i="1"/>
  <c r="AF6394" i="1"/>
  <c r="AF6395" i="1"/>
  <c r="AF6396" i="1"/>
  <c r="AF6397" i="1"/>
  <c r="AF6398" i="1"/>
  <c r="AF6399" i="1"/>
  <c r="AF6400" i="1"/>
  <c r="AF6401" i="1"/>
  <c r="AF6402" i="1"/>
  <c r="AF6403" i="1"/>
  <c r="AF6404" i="1"/>
  <c r="AF6405" i="1"/>
  <c r="AF6406" i="1"/>
  <c r="AF6407" i="1"/>
  <c r="AF6408" i="1"/>
  <c r="AF6409" i="1"/>
  <c r="AF6410" i="1"/>
  <c r="AF6411" i="1"/>
  <c r="AF6412" i="1"/>
  <c r="AF6413" i="1"/>
  <c r="AF6414" i="1"/>
  <c r="AF6415" i="1"/>
  <c r="AF6416" i="1"/>
  <c r="AF6417" i="1"/>
  <c r="AF6418" i="1"/>
  <c r="AF6419" i="1"/>
  <c r="AF6420" i="1"/>
  <c r="AF6421" i="1"/>
  <c r="AF6422" i="1"/>
  <c r="AF6423" i="1"/>
  <c r="AF6424" i="1"/>
  <c r="AF6425" i="1"/>
  <c r="AF6426" i="1"/>
  <c r="AF6427" i="1"/>
  <c r="AF6428" i="1"/>
  <c r="AF6429" i="1"/>
  <c r="AF6430" i="1"/>
  <c r="AF6431" i="1"/>
  <c r="AF6432" i="1"/>
  <c r="AF6433" i="1"/>
  <c r="AF6434" i="1"/>
  <c r="AF6435" i="1"/>
  <c r="AF6436" i="1"/>
  <c r="AF6437" i="1"/>
  <c r="AF6438" i="1"/>
  <c r="AF6439" i="1"/>
  <c r="AF6440" i="1"/>
  <c r="AF6441" i="1"/>
  <c r="AF6442" i="1"/>
  <c r="AF6443" i="1"/>
  <c r="AF6444" i="1"/>
  <c r="AF6445" i="1"/>
  <c r="AF6446" i="1"/>
  <c r="AF6447" i="1"/>
  <c r="AF6448" i="1"/>
  <c r="AF6449" i="1"/>
  <c r="AF6450" i="1"/>
  <c r="AF6451" i="1"/>
  <c r="AF6452" i="1"/>
  <c r="AF6453" i="1"/>
  <c r="AF6454" i="1"/>
  <c r="AF6455" i="1"/>
  <c r="AF6456" i="1"/>
  <c r="AF6457" i="1"/>
  <c r="AF6458" i="1"/>
  <c r="AF6459" i="1"/>
  <c r="AF6460" i="1"/>
  <c r="AF6461" i="1"/>
  <c r="AF6462" i="1"/>
  <c r="AF6463" i="1"/>
  <c r="AF6464" i="1"/>
  <c r="AF6465" i="1"/>
  <c r="AF6466" i="1"/>
  <c r="AF6467" i="1"/>
  <c r="AF6468" i="1"/>
  <c r="AF6469" i="1"/>
  <c r="AF6470" i="1"/>
  <c r="AF6471" i="1"/>
  <c r="AF6472" i="1"/>
  <c r="AF6473" i="1"/>
  <c r="AF6474" i="1"/>
  <c r="AF6475" i="1"/>
  <c r="AF6476" i="1"/>
  <c r="AF6477" i="1"/>
  <c r="AF6478" i="1"/>
  <c r="AF6479" i="1"/>
  <c r="AF6480" i="1"/>
  <c r="AF6481" i="1"/>
  <c r="AF6482" i="1"/>
  <c r="AF6483" i="1"/>
  <c r="AF6484" i="1"/>
  <c r="AF6485" i="1"/>
  <c r="AF6486" i="1"/>
  <c r="AF6487" i="1"/>
  <c r="AF6488" i="1"/>
  <c r="AF6489" i="1"/>
  <c r="AF6490" i="1"/>
  <c r="AF6491" i="1"/>
  <c r="AF6492" i="1"/>
  <c r="AF6493" i="1"/>
  <c r="AF6494" i="1"/>
  <c r="AF6495" i="1"/>
  <c r="AF6496" i="1"/>
  <c r="AF6497" i="1"/>
  <c r="AF6498" i="1"/>
  <c r="AF6499" i="1"/>
  <c r="AF6500" i="1"/>
  <c r="AF6501" i="1"/>
  <c r="AF6502" i="1"/>
  <c r="AF6503" i="1"/>
  <c r="AF6504" i="1"/>
  <c r="AF6505" i="1"/>
  <c r="AF6506" i="1"/>
  <c r="AF6507" i="1"/>
  <c r="AF6508" i="1"/>
  <c r="AF6509" i="1"/>
  <c r="AF6510" i="1"/>
  <c r="AF6511" i="1"/>
  <c r="AF6512" i="1"/>
  <c r="AF6513" i="1"/>
  <c r="AF6514" i="1"/>
  <c r="AF6515" i="1"/>
  <c r="AF6516" i="1"/>
  <c r="AF6517" i="1"/>
  <c r="AF6518" i="1"/>
  <c r="AF6519" i="1"/>
  <c r="AF6520" i="1"/>
  <c r="AF6521" i="1"/>
  <c r="AF6522" i="1"/>
  <c r="AF6523" i="1"/>
  <c r="AF6524" i="1"/>
  <c r="AF6525" i="1"/>
  <c r="AF6526" i="1"/>
  <c r="AF6527" i="1"/>
  <c r="AF6528" i="1"/>
  <c r="AF6529" i="1"/>
  <c r="AF6530" i="1"/>
  <c r="AF6531" i="1"/>
  <c r="AF6532" i="1"/>
  <c r="AF6533" i="1"/>
  <c r="AF6534" i="1"/>
  <c r="AF6535" i="1"/>
  <c r="AF6536" i="1"/>
  <c r="AF6537" i="1"/>
  <c r="AF6538" i="1"/>
  <c r="AF6539" i="1"/>
  <c r="AF6540" i="1"/>
  <c r="AF6541" i="1"/>
  <c r="AF6542" i="1"/>
  <c r="AF6543" i="1"/>
  <c r="AF6544" i="1"/>
  <c r="AF6545" i="1"/>
  <c r="AF6546" i="1"/>
  <c r="AF6547" i="1"/>
  <c r="AF6548" i="1"/>
  <c r="AF6549" i="1"/>
  <c r="AF6550" i="1"/>
  <c r="AF6551" i="1"/>
  <c r="AF6552" i="1"/>
  <c r="AF6553" i="1"/>
  <c r="AF6554" i="1"/>
  <c r="AF6555" i="1"/>
  <c r="AF6556" i="1"/>
  <c r="AF6557" i="1"/>
  <c r="AF6558" i="1"/>
  <c r="AF6559" i="1"/>
  <c r="AF6560" i="1"/>
  <c r="AF6561" i="1"/>
  <c r="AF6562" i="1"/>
  <c r="AF6563" i="1"/>
  <c r="AF6564" i="1"/>
  <c r="AF6565" i="1"/>
  <c r="AF6566" i="1"/>
  <c r="AF6567" i="1"/>
  <c r="AF6568" i="1"/>
  <c r="AF6569" i="1"/>
  <c r="AF6570" i="1"/>
  <c r="AF6571" i="1"/>
  <c r="AF6572" i="1"/>
  <c r="AF6573" i="1"/>
  <c r="AF6574" i="1"/>
  <c r="AF6575" i="1"/>
  <c r="AF6576" i="1"/>
  <c r="AF6577" i="1"/>
  <c r="AF6578" i="1"/>
  <c r="AF6579" i="1"/>
  <c r="AF6580" i="1"/>
  <c r="AF6581" i="1"/>
  <c r="AF6582" i="1"/>
  <c r="AF6583" i="1"/>
  <c r="AF6584" i="1"/>
  <c r="AF6585" i="1"/>
  <c r="AF6586" i="1"/>
  <c r="AF6587" i="1"/>
  <c r="AF6588" i="1"/>
  <c r="AF6589" i="1"/>
  <c r="AF6590" i="1"/>
  <c r="AF6591" i="1"/>
  <c r="AF6592" i="1"/>
  <c r="AF6593" i="1"/>
  <c r="AF6594" i="1"/>
  <c r="AF6595" i="1"/>
  <c r="AF6596" i="1"/>
  <c r="AF6597" i="1"/>
  <c r="AF6598" i="1"/>
  <c r="AF6599" i="1"/>
  <c r="AF6600" i="1"/>
  <c r="AF6601" i="1"/>
  <c r="AF6602" i="1"/>
  <c r="AF6603" i="1"/>
  <c r="AF6604" i="1"/>
  <c r="AF6605" i="1"/>
  <c r="AF6606" i="1"/>
  <c r="AF6607" i="1"/>
  <c r="AF6608" i="1"/>
  <c r="AF6609" i="1"/>
  <c r="AF6610" i="1"/>
  <c r="AF6611" i="1"/>
  <c r="AF6612" i="1"/>
  <c r="AF6613" i="1"/>
  <c r="AF6614" i="1"/>
  <c r="AF6615" i="1"/>
  <c r="AF6616" i="1"/>
  <c r="AF6617" i="1"/>
  <c r="AF6618" i="1"/>
  <c r="AF6619" i="1"/>
  <c r="AF6620" i="1"/>
  <c r="AF6621" i="1"/>
  <c r="AF6622" i="1"/>
  <c r="AF6623" i="1"/>
  <c r="AF6624" i="1"/>
  <c r="AF6625" i="1"/>
  <c r="AF6626" i="1"/>
  <c r="AF6627" i="1"/>
  <c r="AF6628" i="1"/>
  <c r="AF6629" i="1"/>
  <c r="AF6630" i="1"/>
  <c r="AF6631" i="1"/>
  <c r="AF6632" i="1"/>
  <c r="AF6633" i="1"/>
  <c r="AF6634" i="1"/>
  <c r="AF6635" i="1"/>
  <c r="AF6636" i="1"/>
  <c r="AF6637" i="1"/>
  <c r="AF6638" i="1"/>
  <c r="AF6639" i="1"/>
  <c r="AF6640" i="1"/>
  <c r="AF6641" i="1"/>
  <c r="AF6642" i="1"/>
  <c r="AF6643" i="1"/>
  <c r="AF6644" i="1"/>
  <c r="AF6645" i="1"/>
  <c r="AF6646" i="1"/>
  <c r="AF6647" i="1"/>
  <c r="AF6648" i="1"/>
  <c r="AF6649" i="1"/>
  <c r="AF6650" i="1"/>
  <c r="AF6651" i="1"/>
  <c r="AF6652" i="1"/>
  <c r="AF6653" i="1"/>
  <c r="AF6654" i="1"/>
  <c r="AF6655" i="1"/>
  <c r="AF6656" i="1"/>
  <c r="AF6657" i="1"/>
  <c r="AF6658" i="1"/>
  <c r="AF6659" i="1"/>
  <c r="AF6660" i="1"/>
  <c r="AF6661" i="1"/>
  <c r="AF6662" i="1"/>
  <c r="AF6663" i="1"/>
  <c r="AF6664" i="1"/>
  <c r="AF6665" i="1"/>
  <c r="AF6666" i="1"/>
  <c r="AF6667" i="1"/>
  <c r="AF6668" i="1"/>
  <c r="AF6669" i="1"/>
  <c r="AF6670" i="1"/>
  <c r="AF6671" i="1"/>
  <c r="AF6672" i="1"/>
  <c r="AF6673" i="1"/>
  <c r="AF6674" i="1"/>
  <c r="AF6675" i="1"/>
  <c r="AF6676" i="1"/>
  <c r="AF6677" i="1"/>
  <c r="AF6678" i="1"/>
  <c r="AF6679" i="1"/>
  <c r="AF6680" i="1"/>
  <c r="AF6681" i="1"/>
  <c r="AF6682" i="1"/>
  <c r="AF6683" i="1"/>
  <c r="AF6684" i="1"/>
  <c r="AF6685" i="1"/>
  <c r="AF6686" i="1"/>
  <c r="AF6687" i="1"/>
  <c r="AF6688" i="1"/>
  <c r="AF6689" i="1"/>
  <c r="AF6690" i="1"/>
  <c r="AF6691" i="1"/>
  <c r="AF6692" i="1"/>
  <c r="AF6693" i="1"/>
  <c r="AF6694" i="1"/>
  <c r="AF6695" i="1"/>
  <c r="AF6696" i="1"/>
  <c r="AF6697" i="1"/>
  <c r="AF6698" i="1"/>
  <c r="AF6699" i="1"/>
  <c r="AF6700" i="1"/>
  <c r="AF6701" i="1"/>
  <c r="AF6702" i="1"/>
  <c r="AF6703" i="1"/>
  <c r="AF6704" i="1"/>
  <c r="AF6705" i="1"/>
  <c r="AF6706" i="1"/>
  <c r="AF6707" i="1"/>
  <c r="AF6708" i="1"/>
  <c r="AF6709" i="1"/>
  <c r="AF6710" i="1"/>
  <c r="AF6711" i="1"/>
  <c r="AF6712" i="1"/>
  <c r="AF6713" i="1"/>
  <c r="AF6714" i="1"/>
  <c r="AF6715" i="1"/>
  <c r="AF6716" i="1"/>
  <c r="AF6717" i="1"/>
  <c r="AF6718" i="1"/>
  <c r="AF6719" i="1"/>
  <c r="AF6720" i="1"/>
  <c r="AF6721" i="1"/>
  <c r="AF6722" i="1"/>
  <c r="AF6723" i="1"/>
  <c r="AF6724" i="1"/>
  <c r="AF6725" i="1"/>
  <c r="AF6726" i="1"/>
  <c r="AF6727" i="1"/>
  <c r="AF6728" i="1"/>
  <c r="AF6729" i="1"/>
  <c r="AF6730" i="1"/>
  <c r="AF6731" i="1"/>
  <c r="AF6732" i="1"/>
  <c r="AF6733" i="1"/>
  <c r="AF6734" i="1"/>
  <c r="AF6735" i="1"/>
  <c r="AF6736" i="1"/>
  <c r="AF6737" i="1"/>
  <c r="AF6738" i="1"/>
  <c r="AF6739" i="1"/>
  <c r="AF6740" i="1"/>
  <c r="AF6741" i="1"/>
  <c r="AF6742" i="1"/>
  <c r="AF6743" i="1"/>
  <c r="AF6744" i="1"/>
  <c r="AF6745" i="1"/>
  <c r="AF6746" i="1"/>
  <c r="AF6747" i="1"/>
  <c r="AF6748" i="1"/>
  <c r="AF6749" i="1"/>
  <c r="AF6750" i="1"/>
  <c r="AF6751" i="1"/>
  <c r="AF6752" i="1"/>
  <c r="AF6753" i="1"/>
  <c r="AF6754" i="1"/>
  <c r="AF6755" i="1"/>
  <c r="AF6756" i="1"/>
  <c r="AF6757" i="1"/>
  <c r="AF6758" i="1"/>
  <c r="AF6759" i="1"/>
  <c r="AF6760" i="1"/>
  <c r="AF6761" i="1"/>
  <c r="AF6762" i="1"/>
  <c r="AF6763" i="1"/>
  <c r="AF6764" i="1"/>
  <c r="AF6765" i="1"/>
  <c r="AF6766" i="1"/>
  <c r="AF6767" i="1"/>
  <c r="AF6768" i="1"/>
  <c r="AF6769" i="1"/>
  <c r="AF6770" i="1"/>
  <c r="AF6771" i="1"/>
  <c r="AF6772" i="1"/>
  <c r="AF6773" i="1"/>
  <c r="AF6774" i="1"/>
  <c r="AF6775" i="1"/>
  <c r="AF6776" i="1"/>
  <c r="AF6777" i="1"/>
  <c r="AF6778" i="1"/>
  <c r="AF6779" i="1"/>
  <c r="AF6780" i="1"/>
  <c r="AF6781" i="1"/>
  <c r="AF6782" i="1"/>
  <c r="AF6783" i="1"/>
  <c r="AF6784" i="1"/>
  <c r="AF6785" i="1"/>
  <c r="AF6786" i="1"/>
  <c r="AF6787" i="1"/>
  <c r="AF6788" i="1"/>
  <c r="AF6789" i="1"/>
  <c r="AF6790" i="1"/>
  <c r="AF6791" i="1"/>
  <c r="AF6792" i="1"/>
  <c r="AF6793" i="1"/>
  <c r="AF6794" i="1"/>
  <c r="AF6795" i="1"/>
  <c r="AF6796" i="1"/>
  <c r="AF6797" i="1"/>
  <c r="AF6798" i="1"/>
  <c r="AF6799" i="1"/>
  <c r="AF6800" i="1"/>
  <c r="AF6801" i="1"/>
  <c r="AF6802" i="1"/>
  <c r="AF6803" i="1"/>
  <c r="AF6804" i="1"/>
  <c r="AF6805" i="1"/>
  <c r="AF6806" i="1"/>
  <c r="AF6807" i="1"/>
  <c r="AF6808" i="1"/>
  <c r="AF6809" i="1"/>
  <c r="AF6810" i="1"/>
  <c r="AF6811" i="1"/>
  <c r="AF6812" i="1"/>
  <c r="AF6813" i="1"/>
  <c r="AF6814" i="1"/>
  <c r="AF6815" i="1"/>
  <c r="AF6816" i="1"/>
  <c r="AF6817" i="1"/>
  <c r="AF6818" i="1"/>
  <c r="AF6819" i="1"/>
  <c r="AF6820" i="1"/>
  <c r="AF6821" i="1"/>
  <c r="AF6822" i="1"/>
  <c r="AF6823" i="1"/>
  <c r="AF6824" i="1"/>
  <c r="AF6825" i="1"/>
  <c r="AF6826" i="1"/>
  <c r="AF6827" i="1"/>
  <c r="AF6828" i="1"/>
  <c r="AF6829" i="1"/>
  <c r="AF6830" i="1"/>
  <c r="AF6831" i="1"/>
  <c r="AF6832" i="1"/>
  <c r="AF6833" i="1"/>
  <c r="AF6834" i="1"/>
  <c r="AF6835" i="1"/>
  <c r="AF6836" i="1"/>
  <c r="AF6837" i="1"/>
  <c r="AF6838" i="1"/>
  <c r="AF6839" i="1"/>
  <c r="AF6840" i="1"/>
  <c r="AF6841" i="1"/>
  <c r="AF6842" i="1"/>
  <c r="AF6843" i="1"/>
  <c r="AF6844" i="1"/>
  <c r="AF6845" i="1"/>
  <c r="AF6846" i="1"/>
  <c r="AF6847" i="1"/>
  <c r="AF6848" i="1"/>
  <c r="AF6849" i="1"/>
  <c r="AF6850" i="1"/>
  <c r="AF6851" i="1"/>
  <c r="AF6852" i="1"/>
  <c r="AF6853" i="1"/>
  <c r="AF6854" i="1"/>
  <c r="AF6855" i="1"/>
  <c r="AF6856" i="1"/>
  <c r="AF6857" i="1"/>
  <c r="AF6858" i="1"/>
  <c r="AF6859" i="1"/>
  <c r="AF6860" i="1"/>
  <c r="AF6861" i="1"/>
  <c r="AF6862" i="1"/>
  <c r="AF6863" i="1"/>
  <c r="AF6864" i="1"/>
  <c r="AF6865" i="1"/>
  <c r="AF6866" i="1"/>
  <c r="AF6867" i="1"/>
  <c r="AF6868" i="1"/>
  <c r="AF6869" i="1"/>
  <c r="AF6870" i="1"/>
  <c r="AF6871" i="1"/>
  <c r="AF6872" i="1"/>
  <c r="AF6873" i="1"/>
  <c r="AF6874" i="1"/>
  <c r="AF6875" i="1"/>
  <c r="AF6876" i="1"/>
  <c r="AF6877" i="1"/>
  <c r="AF6878" i="1"/>
  <c r="AF6879" i="1"/>
  <c r="AF6880" i="1"/>
  <c r="AF6881" i="1"/>
  <c r="AF6882" i="1"/>
  <c r="AF6883" i="1"/>
  <c r="AF6884" i="1"/>
  <c r="AF6885" i="1"/>
  <c r="AF6886" i="1"/>
  <c r="AF6887" i="1"/>
  <c r="AF6888" i="1"/>
  <c r="AF6889" i="1"/>
  <c r="AF6890" i="1"/>
  <c r="AF6891" i="1"/>
  <c r="AF6892" i="1"/>
  <c r="AF6893" i="1"/>
  <c r="AF6894" i="1"/>
  <c r="AF6895" i="1"/>
  <c r="AF6896" i="1"/>
  <c r="AF6897" i="1"/>
  <c r="AF6898" i="1"/>
  <c r="AF6899" i="1"/>
  <c r="AF6900" i="1"/>
  <c r="AF6901" i="1"/>
  <c r="AF6902" i="1"/>
  <c r="AF6903" i="1"/>
  <c r="AF6904" i="1"/>
  <c r="AF6905" i="1"/>
  <c r="AF6906" i="1"/>
  <c r="AF6907" i="1"/>
  <c r="AF6908" i="1"/>
  <c r="AF6909" i="1"/>
  <c r="AF6910" i="1"/>
  <c r="AF6911" i="1"/>
  <c r="AF6912" i="1"/>
  <c r="AF6913" i="1"/>
  <c r="AF6914" i="1"/>
  <c r="AF6915" i="1"/>
  <c r="AF6916" i="1"/>
  <c r="AF6917" i="1"/>
  <c r="AF6918" i="1"/>
  <c r="AF6919" i="1"/>
  <c r="AF6920" i="1"/>
  <c r="AF6921" i="1"/>
  <c r="AF6922" i="1"/>
  <c r="AF6923" i="1"/>
  <c r="AF6924" i="1"/>
  <c r="AF6925" i="1"/>
  <c r="AF6926" i="1"/>
  <c r="AF6927" i="1"/>
  <c r="AF6928" i="1"/>
  <c r="AF6929" i="1"/>
  <c r="AF6930" i="1"/>
  <c r="AF6931" i="1"/>
  <c r="AF6932" i="1"/>
  <c r="AF6933" i="1"/>
  <c r="AF6934" i="1"/>
  <c r="AF6935" i="1"/>
  <c r="AF6936" i="1"/>
  <c r="AF6937" i="1"/>
  <c r="AF6938" i="1"/>
  <c r="AF6939" i="1"/>
  <c r="AF6940" i="1"/>
  <c r="AF6941" i="1"/>
  <c r="AF6942" i="1"/>
  <c r="AF6943" i="1"/>
  <c r="AF6944" i="1"/>
  <c r="AF6945" i="1"/>
  <c r="AF6946" i="1"/>
  <c r="AF6947" i="1"/>
  <c r="AF6948" i="1"/>
  <c r="AF6949" i="1"/>
  <c r="AF6950" i="1"/>
  <c r="AF6951" i="1"/>
  <c r="AF6952" i="1"/>
  <c r="AF6953" i="1"/>
  <c r="AF6954" i="1"/>
  <c r="AF6955" i="1"/>
  <c r="AF6956" i="1"/>
  <c r="AF6957" i="1"/>
  <c r="AF6958" i="1"/>
  <c r="AF6959" i="1"/>
  <c r="AF6960" i="1"/>
  <c r="AF6961" i="1"/>
  <c r="AF6962" i="1"/>
  <c r="AF6963" i="1"/>
  <c r="AF6964" i="1"/>
  <c r="AF6965" i="1"/>
  <c r="AF6966" i="1"/>
  <c r="AF6967" i="1"/>
  <c r="AF6968" i="1"/>
  <c r="AF6969" i="1"/>
  <c r="AF6970" i="1"/>
  <c r="AF6971" i="1"/>
  <c r="AF6972" i="1"/>
  <c r="AF6973" i="1"/>
  <c r="AF6974" i="1"/>
  <c r="AF6975" i="1"/>
  <c r="AF6976" i="1"/>
  <c r="AF6977" i="1"/>
  <c r="AF6978" i="1"/>
  <c r="AF6979" i="1"/>
  <c r="AF6980" i="1"/>
  <c r="AF6981" i="1"/>
  <c r="AF6982" i="1"/>
  <c r="AF6983" i="1"/>
  <c r="AF6984" i="1"/>
  <c r="AF6985" i="1"/>
  <c r="AF6986" i="1"/>
  <c r="AF6987" i="1"/>
  <c r="AF6988" i="1"/>
  <c r="AF6989" i="1"/>
  <c r="AF6990" i="1"/>
  <c r="AF6991" i="1"/>
  <c r="AF6992" i="1"/>
  <c r="AF6993" i="1"/>
  <c r="AF6994" i="1"/>
  <c r="AF6995" i="1"/>
  <c r="AF6996" i="1"/>
  <c r="AF6997" i="1"/>
  <c r="AF6998" i="1"/>
  <c r="AF6999" i="1"/>
  <c r="AF7000" i="1"/>
  <c r="AF7001" i="1"/>
  <c r="AF7002" i="1"/>
  <c r="AF7003" i="1"/>
  <c r="AF7004" i="1"/>
  <c r="AF7005" i="1"/>
  <c r="AF7006" i="1"/>
  <c r="AF7007" i="1"/>
  <c r="AF7008" i="1"/>
  <c r="AF7009" i="1"/>
  <c r="AF7010" i="1"/>
  <c r="AF7011" i="1"/>
  <c r="AF7012" i="1"/>
  <c r="AF7013" i="1"/>
  <c r="AF7014" i="1"/>
  <c r="AF7015" i="1"/>
  <c r="AF7016" i="1"/>
  <c r="AF7017" i="1"/>
  <c r="AF7018" i="1"/>
  <c r="AF7019" i="1"/>
  <c r="AF7020" i="1"/>
  <c r="AF7021" i="1"/>
  <c r="AF7022" i="1"/>
  <c r="AF7023" i="1"/>
  <c r="AF7024" i="1"/>
  <c r="AF7025" i="1"/>
  <c r="AF7026" i="1"/>
  <c r="AF7027" i="1"/>
  <c r="AF7028" i="1"/>
  <c r="AF7029" i="1"/>
  <c r="AF7030" i="1"/>
  <c r="AF7031" i="1"/>
  <c r="AF7032" i="1"/>
  <c r="AF7033" i="1"/>
  <c r="AF7034" i="1"/>
  <c r="AF7035" i="1"/>
  <c r="AF7036" i="1"/>
  <c r="AF7037" i="1"/>
  <c r="AF7038" i="1"/>
  <c r="AF7039" i="1"/>
  <c r="AF7040" i="1"/>
  <c r="AF7041" i="1"/>
  <c r="AF7042" i="1"/>
  <c r="AF7043" i="1"/>
  <c r="AF7044" i="1"/>
  <c r="AF7045" i="1"/>
  <c r="AF7046" i="1"/>
  <c r="AF7047" i="1"/>
  <c r="AF7048" i="1"/>
  <c r="AF7049" i="1"/>
  <c r="AF7050" i="1"/>
  <c r="AF7051" i="1"/>
  <c r="AF7052" i="1"/>
  <c r="AF7053" i="1"/>
  <c r="AF7054" i="1"/>
  <c r="AF7055" i="1"/>
  <c r="AF7056" i="1"/>
  <c r="AF7057" i="1"/>
  <c r="AF7058" i="1"/>
  <c r="AF7059" i="1"/>
  <c r="AF7060" i="1"/>
  <c r="AF7061" i="1"/>
  <c r="AF7062" i="1"/>
  <c r="AF7063" i="1"/>
  <c r="AF7064" i="1"/>
  <c r="AF7065" i="1"/>
  <c r="AF7066" i="1"/>
  <c r="AF7067" i="1"/>
  <c r="AF7068" i="1"/>
  <c r="AF7069" i="1"/>
  <c r="AF7070" i="1"/>
  <c r="AF7071" i="1"/>
  <c r="AF7072" i="1"/>
  <c r="AF7073" i="1"/>
  <c r="AF7074" i="1"/>
  <c r="AF7075" i="1"/>
  <c r="AF7076" i="1"/>
  <c r="AF7077" i="1"/>
  <c r="AF7078" i="1"/>
  <c r="AF7079" i="1"/>
  <c r="AF7080" i="1"/>
  <c r="AF7081" i="1"/>
  <c r="AF7082" i="1"/>
  <c r="AF7083" i="1"/>
  <c r="AF7084" i="1"/>
  <c r="AF7085" i="1"/>
  <c r="AF7086" i="1"/>
  <c r="AF7087" i="1"/>
  <c r="AF7088" i="1"/>
  <c r="AF7089" i="1"/>
  <c r="AF7090" i="1"/>
  <c r="AF7091" i="1"/>
  <c r="AF7092" i="1"/>
  <c r="AF7093" i="1"/>
  <c r="AF7094" i="1"/>
  <c r="AF7095" i="1"/>
  <c r="AF7096" i="1"/>
  <c r="AF7097" i="1"/>
  <c r="AF7098" i="1"/>
  <c r="AF7099" i="1"/>
  <c r="AF7100" i="1"/>
  <c r="AF7101" i="1"/>
  <c r="AF7102" i="1"/>
  <c r="AF7103" i="1"/>
  <c r="AF7104" i="1"/>
  <c r="AF7105" i="1"/>
  <c r="AF7106" i="1"/>
  <c r="AF7107" i="1"/>
  <c r="AF7108" i="1"/>
  <c r="AF7109" i="1"/>
  <c r="AF7110" i="1"/>
  <c r="AF7111" i="1"/>
  <c r="AF7112" i="1"/>
  <c r="AF7113" i="1"/>
  <c r="AF7114" i="1"/>
  <c r="AF7115" i="1"/>
  <c r="AF7116" i="1"/>
  <c r="AF7117" i="1"/>
  <c r="AF7118" i="1"/>
  <c r="AF7119" i="1"/>
  <c r="AF7120" i="1"/>
  <c r="AF7121" i="1"/>
  <c r="AF7122" i="1"/>
  <c r="AF7123" i="1"/>
  <c r="AF7124" i="1"/>
  <c r="AF7125" i="1"/>
  <c r="AF7126" i="1"/>
  <c r="AF7127" i="1"/>
  <c r="AF7128" i="1"/>
  <c r="AF7129" i="1"/>
  <c r="AF7130" i="1"/>
  <c r="AF7131" i="1"/>
  <c r="AF7132" i="1"/>
  <c r="AF7133" i="1"/>
  <c r="AF7134" i="1"/>
  <c r="AF7135" i="1"/>
  <c r="AF7136" i="1"/>
  <c r="AF7137" i="1"/>
  <c r="AF7138" i="1"/>
  <c r="AF7139" i="1"/>
  <c r="AF7140" i="1"/>
  <c r="AF7141" i="1"/>
  <c r="AF7142" i="1"/>
  <c r="AF7143" i="1"/>
  <c r="AF7144" i="1"/>
  <c r="AF7145" i="1"/>
  <c r="AF7146" i="1"/>
  <c r="AF7147" i="1"/>
  <c r="AF7148" i="1"/>
  <c r="AF7149" i="1"/>
  <c r="AF7150" i="1"/>
  <c r="AF7151" i="1"/>
  <c r="AF7152" i="1"/>
  <c r="AF7153" i="1"/>
  <c r="AF7154" i="1"/>
  <c r="AF7155" i="1"/>
  <c r="AF7156" i="1"/>
  <c r="AF7157" i="1"/>
  <c r="AF7158" i="1"/>
  <c r="AF7159" i="1"/>
  <c r="AF7160" i="1"/>
  <c r="AF7161" i="1"/>
  <c r="AF7162" i="1"/>
  <c r="AF7163" i="1"/>
  <c r="AF7164" i="1"/>
  <c r="AF7165" i="1"/>
  <c r="AF7166" i="1"/>
  <c r="AF7167" i="1"/>
  <c r="AF7168" i="1"/>
  <c r="AF7169" i="1"/>
  <c r="AF7170" i="1"/>
  <c r="AF7171" i="1"/>
  <c r="AF7172" i="1"/>
  <c r="AF7173" i="1"/>
  <c r="AF7174" i="1"/>
  <c r="AF7175" i="1"/>
  <c r="AF7176" i="1"/>
  <c r="AF7177" i="1"/>
  <c r="AF7178" i="1"/>
  <c r="AF7179" i="1"/>
  <c r="AF7180" i="1"/>
  <c r="AF7181" i="1"/>
  <c r="AF7182" i="1"/>
  <c r="AF7183" i="1"/>
  <c r="AF7184" i="1"/>
  <c r="AF7185" i="1"/>
  <c r="AF7186" i="1"/>
  <c r="AF7187" i="1"/>
  <c r="AF7188" i="1"/>
  <c r="AF7189" i="1"/>
  <c r="AF7190" i="1"/>
  <c r="AF7191" i="1"/>
  <c r="AF7192" i="1"/>
  <c r="AF7193" i="1"/>
  <c r="AF7194" i="1"/>
  <c r="AF7195" i="1"/>
  <c r="AF7196" i="1"/>
  <c r="AF7197" i="1"/>
  <c r="AF7198" i="1"/>
  <c r="AF7199" i="1"/>
  <c r="AF7200" i="1"/>
  <c r="AF7201" i="1"/>
  <c r="AF7202" i="1"/>
  <c r="AF7203" i="1"/>
  <c r="AF7204" i="1"/>
  <c r="AF7205" i="1"/>
  <c r="AF7206" i="1"/>
  <c r="AF7207" i="1"/>
  <c r="AF7208" i="1"/>
  <c r="AF7209" i="1"/>
  <c r="AF7210" i="1"/>
  <c r="AF7211" i="1"/>
  <c r="AF7212" i="1"/>
  <c r="AF7213" i="1"/>
  <c r="AF7214" i="1"/>
  <c r="AF7215" i="1"/>
  <c r="AF7216" i="1"/>
  <c r="AF7217" i="1"/>
  <c r="AF7218" i="1"/>
  <c r="AF7219" i="1"/>
  <c r="AF7220" i="1"/>
  <c r="AF7221" i="1"/>
  <c r="AF7222" i="1"/>
  <c r="AF7223" i="1"/>
  <c r="AF7224" i="1"/>
  <c r="AF7225" i="1"/>
  <c r="AF7226" i="1"/>
  <c r="AF7227" i="1"/>
  <c r="AF7228" i="1"/>
  <c r="AF7229" i="1"/>
  <c r="AF7230" i="1"/>
  <c r="AF7231" i="1"/>
  <c r="AF7232" i="1"/>
  <c r="AF7233" i="1"/>
  <c r="AF7234" i="1"/>
  <c r="AF7235" i="1"/>
  <c r="AF7236" i="1"/>
  <c r="AF7237" i="1"/>
  <c r="AF7238" i="1"/>
  <c r="AF7239" i="1"/>
  <c r="AF7240" i="1"/>
  <c r="AF7241" i="1"/>
  <c r="AF7242" i="1"/>
  <c r="AF7243" i="1"/>
  <c r="AF7244" i="1"/>
  <c r="AF7245" i="1"/>
  <c r="AF7246" i="1"/>
  <c r="AF7247" i="1"/>
  <c r="AF7248" i="1"/>
  <c r="AF7249" i="1"/>
  <c r="AF7250" i="1"/>
  <c r="AF7251" i="1"/>
  <c r="AF7252" i="1"/>
  <c r="AF7253" i="1"/>
  <c r="AF7254" i="1"/>
  <c r="AF7255" i="1"/>
  <c r="AF7256" i="1"/>
  <c r="AF7257" i="1"/>
  <c r="AF7258" i="1"/>
  <c r="AF7259" i="1"/>
  <c r="AF7260" i="1"/>
  <c r="AF7261" i="1"/>
  <c r="AF7262" i="1"/>
  <c r="AF7263" i="1"/>
  <c r="AF7264" i="1"/>
  <c r="AF7265" i="1"/>
  <c r="AF7266" i="1"/>
  <c r="AF7267" i="1"/>
  <c r="AF7268" i="1"/>
  <c r="AF7269" i="1"/>
  <c r="AF7270" i="1"/>
  <c r="AF7271" i="1"/>
  <c r="AF7272" i="1"/>
  <c r="AF7273" i="1"/>
  <c r="AF7274" i="1"/>
  <c r="AF7275" i="1"/>
  <c r="AF7276" i="1"/>
  <c r="AF7277" i="1"/>
  <c r="AF7278" i="1"/>
  <c r="AF7279" i="1"/>
  <c r="AF7280" i="1"/>
  <c r="AF7281" i="1"/>
  <c r="AF7282" i="1"/>
  <c r="AF7283" i="1"/>
  <c r="AF7284" i="1"/>
  <c r="AF7285" i="1"/>
  <c r="AF7286" i="1"/>
  <c r="AF7287" i="1"/>
  <c r="AF7288" i="1"/>
  <c r="AF7289" i="1"/>
  <c r="AF7290" i="1"/>
  <c r="AF7291" i="1"/>
  <c r="AF7292" i="1"/>
  <c r="AF7293" i="1"/>
  <c r="AF7294" i="1"/>
  <c r="AF7295" i="1"/>
  <c r="AF7296" i="1"/>
  <c r="AF7297" i="1"/>
  <c r="AF7298" i="1"/>
  <c r="AF7299" i="1"/>
  <c r="AF7300" i="1"/>
  <c r="AF7301" i="1"/>
  <c r="AF7302" i="1"/>
  <c r="AF7303" i="1"/>
  <c r="AF7304" i="1"/>
  <c r="AF7305" i="1"/>
  <c r="AF7306" i="1"/>
  <c r="AF7307" i="1"/>
  <c r="AF7308" i="1"/>
  <c r="AF7309" i="1"/>
  <c r="AF7310" i="1"/>
  <c r="AF7311" i="1"/>
  <c r="AF7312" i="1"/>
  <c r="AF7313" i="1"/>
  <c r="AF7314" i="1"/>
  <c r="AF7315" i="1"/>
  <c r="AF7316" i="1"/>
  <c r="AF7317" i="1"/>
  <c r="AF7318" i="1"/>
  <c r="AF7319" i="1"/>
  <c r="AF7320" i="1"/>
  <c r="AF7321" i="1"/>
  <c r="AF7322" i="1"/>
  <c r="AF7323" i="1"/>
  <c r="AF7324" i="1"/>
  <c r="AF7325" i="1"/>
  <c r="AF7326" i="1"/>
  <c r="AF7327" i="1"/>
  <c r="AF7328" i="1"/>
  <c r="AF7329" i="1"/>
  <c r="AF7330" i="1"/>
  <c r="AF7331" i="1"/>
  <c r="AF7332" i="1"/>
  <c r="AF7333" i="1"/>
  <c r="AF7334" i="1"/>
  <c r="AF7335" i="1"/>
  <c r="AF7336" i="1"/>
  <c r="AF7337" i="1"/>
  <c r="AF7338" i="1"/>
  <c r="AF7339" i="1"/>
  <c r="AF7340" i="1"/>
  <c r="AF7341" i="1"/>
  <c r="AF7342" i="1"/>
  <c r="AF7343" i="1"/>
  <c r="AF7344" i="1"/>
  <c r="AF7345" i="1"/>
  <c r="AF7346" i="1"/>
  <c r="AF7347" i="1"/>
  <c r="AF7348" i="1"/>
  <c r="AF7349" i="1"/>
  <c r="AF7350" i="1"/>
  <c r="AF7351" i="1"/>
  <c r="AF7352" i="1"/>
  <c r="AF7353" i="1"/>
  <c r="AF7354" i="1"/>
  <c r="AF7355" i="1"/>
  <c r="AF7356" i="1"/>
  <c r="AF7357" i="1"/>
  <c r="AF7358" i="1"/>
  <c r="AF7359" i="1"/>
  <c r="AF7360" i="1"/>
  <c r="AF7361" i="1"/>
  <c r="AF7362" i="1"/>
  <c r="AF7363" i="1"/>
  <c r="AF7364" i="1"/>
  <c r="AF7365" i="1"/>
  <c r="AF7366" i="1"/>
  <c r="AF7367" i="1"/>
  <c r="AF7368" i="1"/>
  <c r="AF7369" i="1"/>
  <c r="AF7370" i="1"/>
  <c r="AF7371" i="1"/>
  <c r="AF7372" i="1"/>
  <c r="AF7373" i="1"/>
  <c r="AF7374" i="1"/>
  <c r="AF7375" i="1"/>
  <c r="AF7376" i="1"/>
  <c r="AF7377" i="1"/>
  <c r="AF7378" i="1"/>
  <c r="AF7379" i="1"/>
  <c r="AF7380" i="1"/>
  <c r="AF7381" i="1"/>
  <c r="AF7382" i="1"/>
  <c r="AF7383" i="1"/>
  <c r="AF7384" i="1"/>
  <c r="AF7385" i="1"/>
  <c r="AF7386" i="1"/>
  <c r="AF7387" i="1"/>
  <c r="AF7388" i="1"/>
  <c r="AF7389" i="1"/>
  <c r="AF7390" i="1"/>
  <c r="AF7391" i="1"/>
  <c r="AF7392" i="1"/>
  <c r="AF7393" i="1"/>
  <c r="AF7394" i="1"/>
  <c r="AF7395" i="1"/>
  <c r="AF7396" i="1"/>
  <c r="AF7397" i="1"/>
  <c r="AF7398" i="1"/>
  <c r="AF7399" i="1"/>
  <c r="AF7400" i="1"/>
  <c r="AF7401" i="1"/>
  <c r="AF7402" i="1"/>
  <c r="AF7403" i="1"/>
  <c r="AF7404" i="1"/>
  <c r="AF7405" i="1"/>
  <c r="AF7406" i="1"/>
  <c r="AF7407" i="1"/>
  <c r="AF7408" i="1"/>
  <c r="AF7409" i="1"/>
  <c r="AF7410" i="1"/>
  <c r="AF7411" i="1"/>
  <c r="AF7412" i="1"/>
  <c r="AF7413" i="1"/>
  <c r="AF7414" i="1"/>
  <c r="AF7415" i="1"/>
  <c r="AF7416" i="1"/>
  <c r="AF7417" i="1"/>
  <c r="AF7418" i="1"/>
  <c r="AF7419" i="1"/>
  <c r="AF7420" i="1"/>
  <c r="AF7421" i="1"/>
  <c r="AF7422" i="1"/>
  <c r="AF7423" i="1"/>
  <c r="AF7424" i="1"/>
  <c r="AF7425" i="1"/>
  <c r="AF7426" i="1"/>
  <c r="AF7427" i="1"/>
  <c r="AF7428" i="1"/>
  <c r="AF7429" i="1"/>
  <c r="AF7430" i="1"/>
  <c r="AF7431" i="1"/>
  <c r="AF7432" i="1"/>
  <c r="AF7433" i="1"/>
  <c r="AF7434" i="1"/>
  <c r="AF7435" i="1"/>
  <c r="AF7436" i="1"/>
  <c r="AF7437" i="1"/>
  <c r="AF7438" i="1"/>
  <c r="AF7439" i="1"/>
  <c r="AF7440" i="1"/>
  <c r="AF7441" i="1"/>
  <c r="AF7442" i="1"/>
  <c r="AF7443" i="1"/>
  <c r="AF7444" i="1"/>
  <c r="AF7445" i="1"/>
  <c r="AF7446" i="1"/>
  <c r="AF7447" i="1"/>
  <c r="AF7448" i="1"/>
  <c r="AF7449" i="1"/>
  <c r="AF7450" i="1"/>
  <c r="AF7451" i="1"/>
  <c r="AF7452" i="1"/>
  <c r="AF7453" i="1"/>
  <c r="AF7454" i="1"/>
  <c r="AF7455" i="1"/>
  <c r="AF7456" i="1"/>
  <c r="AF7457" i="1"/>
  <c r="AF7458" i="1"/>
  <c r="AF7459" i="1"/>
  <c r="AF7460" i="1"/>
  <c r="AF7461" i="1"/>
  <c r="AF7462" i="1"/>
  <c r="AF7463" i="1"/>
  <c r="AF7464" i="1"/>
  <c r="AF7465" i="1"/>
  <c r="AF7466" i="1"/>
  <c r="AF7467" i="1"/>
  <c r="AF7468" i="1"/>
  <c r="AF7469" i="1"/>
  <c r="AF7470" i="1"/>
  <c r="AF7471" i="1"/>
  <c r="AF7472" i="1"/>
  <c r="AF7473" i="1"/>
  <c r="AF7474" i="1"/>
  <c r="AF7475" i="1"/>
  <c r="AF7476" i="1"/>
  <c r="AF7477" i="1"/>
  <c r="AF7478" i="1"/>
  <c r="AF7479" i="1"/>
  <c r="AF7480" i="1"/>
  <c r="AF7481" i="1"/>
  <c r="AF7482" i="1"/>
  <c r="AF7483" i="1"/>
  <c r="AF7484" i="1"/>
  <c r="AF7485" i="1"/>
  <c r="AF7486" i="1"/>
  <c r="AF7487" i="1"/>
  <c r="AF7488" i="1"/>
  <c r="AF7489" i="1"/>
  <c r="AF7490" i="1"/>
  <c r="AF7491" i="1"/>
  <c r="AF7492" i="1"/>
  <c r="AF7493" i="1"/>
  <c r="AF7494" i="1"/>
  <c r="AF7495" i="1"/>
  <c r="AF7496" i="1"/>
  <c r="AF7497" i="1"/>
  <c r="AF7498" i="1"/>
  <c r="AF7499" i="1"/>
  <c r="AF7500" i="1"/>
  <c r="AF7501" i="1"/>
  <c r="AF7502" i="1"/>
  <c r="AF7503" i="1"/>
  <c r="AF7504" i="1"/>
  <c r="AF7505" i="1"/>
  <c r="AF7506" i="1"/>
  <c r="AF7507" i="1"/>
  <c r="AF7508" i="1"/>
  <c r="AF7509" i="1"/>
  <c r="AF7510" i="1"/>
  <c r="AF7511" i="1"/>
  <c r="AF7512" i="1"/>
  <c r="AF7513" i="1"/>
  <c r="AF7514" i="1"/>
  <c r="AF7515" i="1"/>
  <c r="AF7516" i="1"/>
  <c r="AF7517" i="1"/>
  <c r="AF7518" i="1"/>
  <c r="AF7519" i="1"/>
  <c r="AF7520" i="1"/>
  <c r="AF7521" i="1"/>
  <c r="AF7522" i="1"/>
  <c r="AF7523" i="1"/>
  <c r="AF7524" i="1"/>
  <c r="AF7525" i="1"/>
  <c r="AF7526" i="1"/>
  <c r="AF7527" i="1"/>
  <c r="AF7528" i="1"/>
  <c r="AF7529" i="1"/>
  <c r="AF7530" i="1"/>
  <c r="AF7531" i="1"/>
  <c r="AF7532" i="1"/>
  <c r="AF7533" i="1"/>
  <c r="AF7534" i="1"/>
  <c r="AF7535" i="1"/>
  <c r="AF7536" i="1"/>
  <c r="AF7537" i="1"/>
  <c r="AF7538" i="1"/>
  <c r="AF7539" i="1"/>
  <c r="AF7540" i="1"/>
  <c r="AF7541" i="1"/>
  <c r="AF7542" i="1"/>
  <c r="AF7543" i="1"/>
  <c r="AF7544" i="1"/>
  <c r="AF7545" i="1"/>
  <c r="AF7546" i="1"/>
  <c r="AF7547" i="1"/>
  <c r="AF7548" i="1"/>
  <c r="AF7549" i="1"/>
  <c r="AF7550" i="1"/>
  <c r="AF7551" i="1"/>
  <c r="AF7552" i="1"/>
  <c r="AF7553" i="1"/>
  <c r="AF7554" i="1"/>
  <c r="AF7555" i="1"/>
  <c r="AF7556" i="1"/>
  <c r="AF7557" i="1"/>
  <c r="AF7558" i="1"/>
  <c r="AF7559" i="1"/>
  <c r="AF7560" i="1"/>
  <c r="AF7561" i="1"/>
  <c r="AF7562" i="1"/>
  <c r="AF7563" i="1"/>
  <c r="AF7564" i="1"/>
  <c r="AF7565" i="1"/>
  <c r="AF7566" i="1"/>
  <c r="AF7567" i="1"/>
  <c r="AF7568" i="1"/>
  <c r="AF7569" i="1"/>
  <c r="AF7570" i="1"/>
  <c r="AF7571" i="1"/>
  <c r="AF7572" i="1"/>
  <c r="AF7573" i="1"/>
  <c r="AF7574" i="1"/>
  <c r="AF7575" i="1"/>
  <c r="AF7576" i="1"/>
  <c r="AF7577" i="1"/>
  <c r="AF7578" i="1"/>
  <c r="AF7579" i="1"/>
  <c r="AF7580" i="1"/>
  <c r="AF7581" i="1"/>
  <c r="AF7582" i="1"/>
  <c r="AF7583" i="1"/>
  <c r="AF7584" i="1"/>
  <c r="AF7585" i="1"/>
  <c r="AF7586" i="1"/>
  <c r="AF7587" i="1"/>
  <c r="AF7588" i="1"/>
  <c r="AF7589" i="1"/>
  <c r="AF7590" i="1"/>
  <c r="AF7591" i="1"/>
  <c r="AF7592" i="1"/>
  <c r="AF7593" i="1"/>
  <c r="AF7594" i="1"/>
  <c r="AF7595" i="1"/>
  <c r="AF7596" i="1"/>
  <c r="AF7597" i="1"/>
  <c r="AF7598" i="1"/>
  <c r="AF7599" i="1"/>
  <c r="AF7600" i="1"/>
  <c r="AF7601" i="1"/>
  <c r="AF7602" i="1"/>
  <c r="AF7603" i="1"/>
  <c r="AF7604" i="1"/>
  <c r="AF7605" i="1"/>
  <c r="AF7606" i="1"/>
  <c r="AF7607" i="1"/>
  <c r="AF7608" i="1"/>
  <c r="AF7609" i="1"/>
  <c r="AF7610" i="1"/>
  <c r="AF7611" i="1"/>
  <c r="AF7612" i="1"/>
  <c r="AF7613" i="1"/>
  <c r="AF7614" i="1"/>
  <c r="AF7615" i="1"/>
  <c r="AF7616" i="1"/>
  <c r="AF7617" i="1"/>
  <c r="AF7618" i="1"/>
  <c r="AF7619" i="1"/>
  <c r="AF7620" i="1"/>
  <c r="AF7621" i="1"/>
  <c r="AF7622" i="1"/>
  <c r="AF7623" i="1"/>
  <c r="AF7624" i="1"/>
  <c r="AF7625" i="1"/>
  <c r="AF7626" i="1"/>
  <c r="AF7627" i="1"/>
  <c r="AF7628" i="1"/>
  <c r="AF7629" i="1"/>
  <c r="AF7630" i="1"/>
  <c r="AF7631" i="1"/>
  <c r="AF7632" i="1"/>
  <c r="AF7633" i="1"/>
  <c r="AF7634" i="1"/>
  <c r="AF7635" i="1"/>
  <c r="AF7636" i="1"/>
  <c r="AF7637" i="1"/>
  <c r="AF7638" i="1"/>
  <c r="AF7639" i="1"/>
  <c r="AF7640" i="1"/>
  <c r="AF7641" i="1"/>
  <c r="AF7642" i="1"/>
  <c r="AF7643" i="1"/>
  <c r="AF7644" i="1"/>
  <c r="AF7645" i="1"/>
  <c r="AF7646" i="1"/>
  <c r="AF7647" i="1"/>
  <c r="AF7648" i="1"/>
  <c r="AF7649" i="1"/>
  <c r="AF7650" i="1"/>
  <c r="AF7651" i="1"/>
  <c r="AF7652" i="1"/>
  <c r="AF7653" i="1"/>
  <c r="AF7654" i="1"/>
  <c r="AF7655" i="1"/>
  <c r="AF7656" i="1"/>
  <c r="AF7657" i="1"/>
  <c r="AF7658" i="1"/>
  <c r="AF7659" i="1"/>
  <c r="AF7660" i="1"/>
  <c r="AF7661" i="1"/>
  <c r="AF7662" i="1"/>
  <c r="AF7663" i="1"/>
  <c r="AF7664" i="1"/>
  <c r="AF7665" i="1"/>
  <c r="AF7666" i="1"/>
  <c r="AF7667" i="1"/>
  <c r="AF7668" i="1"/>
  <c r="AF7669" i="1"/>
  <c r="AF7670" i="1"/>
  <c r="AF7671" i="1"/>
  <c r="AF7672" i="1"/>
  <c r="AF7673" i="1"/>
  <c r="AF7674" i="1"/>
  <c r="AF7675" i="1"/>
  <c r="AF7676" i="1"/>
  <c r="AF7677" i="1"/>
  <c r="AF7678" i="1"/>
  <c r="AF7679" i="1"/>
  <c r="AF7680" i="1"/>
  <c r="AF7681" i="1"/>
  <c r="AF7682" i="1"/>
  <c r="AF7683" i="1"/>
  <c r="AF7684" i="1"/>
  <c r="AF7685" i="1"/>
  <c r="AF7686" i="1"/>
  <c r="AF7687" i="1"/>
  <c r="AF7688" i="1"/>
  <c r="AF7689" i="1"/>
  <c r="AF7690" i="1"/>
  <c r="AF7691" i="1"/>
  <c r="AF7692" i="1"/>
  <c r="AF7693" i="1"/>
  <c r="AF7694" i="1"/>
  <c r="AF7695" i="1"/>
  <c r="AF7696" i="1"/>
  <c r="AF7697" i="1"/>
  <c r="AF7698" i="1"/>
  <c r="AF7699" i="1"/>
  <c r="AF7700" i="1"/>
  <c r="AF7701" i="1"/>
  <c r="AF7702" i="1"/>
  <c r="AF7703" i="1"/>
  <c r="AF7704" i="1"/>
  <c r="AF7705" i="1"/>
  <c r="AF7706" i="1"/>
  <c r="AF7707" i="1"/>
  <c r="AF7708" i="1"/>
  <c r="AF7709" i="1"/>
  <c r="AF7710" i="1"/>
  <c r="AF7711" i="1"/>
  <c r="AF7712" i="1"/>
  <c r="AF7713" i="1"/>
  <c r="AF7714" i="1"/>
  <c r="AF7715" i="1"/>
  <c r="AF7716" i="1"/>
  <c r="AF7717" i="1"/>
  <c r="AF7718" i="1"/>
  <c r="AF7719" i="1"/>
  <c r="AF7720" i="1"/>
  <c r="AF7721" i="1"/>
  <c r="AF7722" i="1"/>
  <c r="AF7723" i="1"/>
  <c r="AF7724" i="1"/>
  <c r="AF7725" i="1"/>
  <c r="AF7726" i="1"/>
  <c r="AF7727" i="1"/>
  <c r="AF7728" i="1"/>
  <c r="AF7729" i="1"/>
  <c r="AF7730" i="1"/>
  <c r="AF7731" i="1"/>
  <c r="AF7732" i="1"/>
  <c r="AF7733" i="1"/>
  <c r="AF7734" i="1"/>
  <c r="AF7735" i="1"/>
  <c r="AF7736" i="1"/>
  <c r="AF7737" i="1"/>
  <c r="AF7738" i="1"/>
  <c r="AF7739" i="1"/>
  <c r="AF7740" i="1"/>
  <c r="AF7741" i="1"/>
  <c r="AF7742" i="1"/>
  <c r="AF7743" i="1"/>
  <c r="AF7744" i="1"/>
  <c r="AF7745" i="1"/>
  <c r="AF7746" i="1"/>
  <c r="AF7747" i="1"/>
  <c r="AF7748" i="1"/>
  <c r="AF7749" i="1"/>
  <c r="AF7750" i="1"/>
  <c r="AF7751" i="1"/>
  <c r="AF7752" i="1"/>
  <c r="AF7753" i="1"/>
  <c r="AF7754" i="1"/>
  <c r="AF7755" i="1"/>
  <c r="AF7756" i="1"/>
  <c r="AF7757" i="1"/>
  <c r="AF7758" i="1"/>
  <c r="AF7759" i="1"/>
  <c r="AF7760" i="1"/>
  <c r="AF7761" i="1"/>
  <c r="AF7762" i="1"/>
  <c r="AF7763" i="1"/>
  <c r="AF7764" i="1"/>
  <c r="AF7765" i="1"/>
  <c r="AF7766" i="1"/>
  <c r="AF7767" i="1"/>
  <c r="AF7768" i="1"/>
  <c r="AF7769" i="1"/>
  <c r="AF7770" i="1"/>
  <c r="AF7771" i="1"/>
  <c r="AF7772" i="1"/>
  <c r="AF7773" i="1"/>
  <c r="AF7774" i="1"/>
  <c r="AF7775" i="1"/>
  <c r="AF7776" i="1"/>
  <c r="AF7777" i="1"/>
  <c r="AF7778" i="1"/>
  <c r="AF7779" i="1"/>
  <c r="AF7780" i="1"/>
  <c r="AF7781" i="1"/>
  <c r="AF7782" i="1"/>
  <c r="AF7783" i="1"/>
  <c r="AF7784" i="1"/>
  <c r="AF7785" i="1"/>
  <c r="AF7786" i="1"/>
  <c r="AF7787" i="1"/>
  <c r="AF7788" i="1"/>
  <c r="AF7789" i="1"/>
  <c r="AF7790" i="1"/>
  <c r="AF7791" i="1"/>
  <c r="AF7792" i="1"/>
  <c r="AF7793" i="1"/>
  <c r="AF7794" i="1"/>
  <c r="AF7795" i="1"/>
  <c r="AF7796" i="1"/>
  <c r="AF7797" i="1"/>
  <c r="AF7798" i="1"/>
  <c r="AF7799" i="1"/>
  <c r="AF7800" i="1"/>
  <c r="AF7801" i="1"/>
  <c r="AF7802" i="1"/>
  <c r="AF7803" i="1"/>
  <c r="AF7804" i="1"/>
  <c r="AF7805" i="1"/>
  <c r="AF7806" i="1"/>
  <c r="AF7807" i="1"/>
  <c r="AF7808" i="1"/>
  <c r="AF7809" i="1"/>
  <c r="AF7810" i="1"/>
  <c r="AF7811" i="1"/>
  <c r="AF7812" i="1"/>
  <c r="AF7813" i="1"/>
  <c r="AF7814" i="1"/>
  <c r="AF7815" i="1"/>
  <c r="AF7816" i="1"/>
  <c r="AF7817" i="1"/>
  <c r="AF7818" i="1"/>
  <c r="AF7819" i="1"/>
  <c r="AF7820" i="1"/>
  <c r="AF7821" i="1"/>
  <c r="AF7822" i="1"/>
  <c r="AF7823" i="1"/>
  <c r="AF7824" i="1"/>
  <c r="AF7825" i="1"/>
  <c r="AF7826" i="1"/>
  <c r="AF7827" i="1"/>
  <c r="AF7828" i="1"/>
  <c r="AF7829" i="1"/>
  <c r="AF7830" i="1"/>
  <c r="AF7831" i="1"/>
  <c r="AF7832" i="1"/>
  <c r="AF7833" i="1"/>
  <c r="AF7834" i="1"/>
  <c r="AF7835" i="1"/>
  <c r="AF7836" i="1"/>
  <c r="AF7837" i="1"/>
  <c r="AF7838" i="1"/>
  <c r="AF7839" i="1"/>
  <c r="AF7840" i="1"/>
  <c r="AF7841" i="1"/>
  <c r="AF7842" i="1"/>
  <c r="AF7843" i="1"/>
  <c r="AF7844" i="1"/>
  <c r="AF7845" i="1"/>
  <c r="AF7846" i="1"/>
  <c r="AF7847" i="1"/>
  <c r="AF7848" i="1"/>
  <c r="AF7849" i="1"/>
  <c r="AF7850" i="1"/>
  <c r="AF7851" i="1"/>
  <c r="AF7852" i="1"/>
  <c r="AF7853" i="1"/>
  <c r="AF7854" i="1"/>
  <c r="AF7855" i="1"/>
  <c r="AF7856" i="1"/>
  <c r="AF7857" i="1"/>
  <c r="AF7858" i="1"/>
  <c r="AF7859" i="1"/>
  <c r="AF7860" i="1"/>
  <c r="AF7861" i="1"/>
  <c r="AF7862" i="1"/>
  <c r="AF7863" i="1"/>
  <c r="AF7864" i="1"/>
  <c r="AF7865" i="1"/>
  <c r="AF7866" i="1"/>
  <c r="AF7867" i="1"/>
  <c r="AF7868" i="1"/>
  <c r="AF7869" i="1"/>
  <c r="AF7870" i="1"/>
  <c r="AF7871" i="1"/>
  <c r="AF7872" i="1"/>
  <c r="AF7873" i="1"/>
  <c r="AF7874" i="1"/>
  <c r="AF7875" i="1"/>
  <c r="AF7876" i="1"/>
  <c r="AF7877" i="1"/>
  <c r="AF7878" i="1"/>
  <c r="AF7879" i="1"/>
  <c r="AF7880" i="1"/>
  <c r="AF7881" i="1"/>
  <c r="AF7882" i="1"/>
  <c r="AF7883" i="1"/>
  <c r="AF7884" i="1"/>
  <c r="AF7885" i="1"/>
  <c r="AF7886" i="1"/>
  <c r="AF7887" i="1"/>
  <c r="AF7888" i="1"/>
  <c r="AF7889" i="1"/>
  <c r="AF7890" i="1"/>
  <c r="AF7891" i="1"/>
  <c r="AF7892" i="1"/>
  <c r="AF7893" i="1"/>
  <c r="AF7894" i="1"/>
  <c r="AF7895" i="1"/>
  <c r="AF7896" i="1"/>
  <c r="AF7897" i="1"/>
  <c r="AF7898" i="1"/>
  <c r="AF7899" i="1"/>
  <c r="AF7900" i="1"/>
  <c r="AF7901" i="1"/>
  <c r="AF7902" i="1"/>
  <c r="AF7903" i="1"/>
  <c r="AF7904" i="1"/>
  <c r="AF7905" i="1"/>
  <c r="AF7906" i="1"/>
  <c r="AF7907" i="1"/>
  <c r="AF7908" i="1"/>
  <c r="AF7909" i="1"/>
  <c r="AF7910" i="1"/>
  <c r="AF7911" i="1"/>
  <c r="AF7912" i="1"/>
  <c r="AF7913" i="1"/>
  <c r="AF7914" i="1"/>
  <c r="AF7915" i="1"/>
  <c r="AF7916" i="1"/>
  <c r="AF7917" i="1"/>
  <c r="AF7918" i="1"/>
  <c r="AF7919" i="1"/>
  <c r="AF7920" i="1"/>
  <c r="AF7921" i="1"/>
  <c r="AF7922" i="1"/>
  <c r="AF7923" i="1"/>
  <c r="AF7924" i="1"/>
  <c r="AF7925" i="1"/>
  <c r="AF7926" i="1"/>
  <c r="AF7927" i="1"/>
  <c r="AF7928" i="1"/>
  <c r="AF7929" i="1"/>
  <c r="AF7930" i="1"/>
  <c r="AF7931" i="1"/>
  <c r="AF7932" i="1"/>
  <c r="AF7933" i="1"/>
  <c r="AF7934" i="1"/>
  <c r="AF7935" i="1"/>
  <c r="AF7936" i="1"/>
  <c r="AF7937" i="1"/>
  <c r="AF7938" i="1"/>
  <c r="AF7939" i="1"/>
  <c r="AF7940" i="1"/>
  <c r="AF7941" i="1"/>
  <c r="AF7942" i="1"/>
  <c r="AF7943" i="1"/>
  <c r="AF7944" i="1"/>
  <c r="AF7945" i="1"/>
  <c r="AF7946" i="1"/>
  <c r="AF7947" i="1"/>
  <c r="AF7948" i="1"/>
  <c r="AF7949" i="1"/>
  <c r="AF7950" i="1"/>
  <c r="AF7951" i="1"/>
  <c r="AF7952" i="1"/>
  <c r="AF7953" i="1"/>
  <c r="AF7954" i="1"/>
  <c r="AF7955" i="1"/>
  <c r="AF7956" i="1"/>
  <c r="AF7957" i="1"/>
  <c r="AF7958" i="1"/>
  <c r="AF7959" i="1"/>
  <c r="AF7960" i="1"/>
  <c r="AF7961" i="1"/>
  <c r="AF7962" i="1"/>
  <c r="AF7963" i="1"/>
  <c r="AF7964" i="1"/>
  <c r="AF7965" i="1"/>
  <c r="AF7966" i="1"/>
  <c r="AF7967" i="1"/>
  <c r="AF7968" i="1"/>
  <c r="AF7969" i="1"/>
  <c r="AF7970" i="1"/>
  <c r="AF7971" i="1"/>
  <c r="AF7972" i="1"/>
  <c r="AF7973" i="1"/>
  <c r="AF7974" i="1"/>
  <c r="AF7975" i="1"/>
  <c r="AF7976" i="1"/>
  <c r="AF7977" i="1"/>
  <c r="AF7978" i="1"/>
  <c r="AF7979" i="1"/>
  <c r="AF7980" i="1"/>
  <c r="AF7981" i="1"/>
  <c r="AF7982" i="1"/>
  <c r="AF7983" i="1"/>
  <c r="AF7984" i="1"/>
  <c r="AF7985" i="1"/>
  <c r="AF7986" i="1"/>
  <c r="AF7987" i="1"/>
  <c r="AF7988" i="1"/>
  <c r="AF7989" i="1"/>
  <c r="AF7990" i="1"/>
  <c r="AF7991" i="1"/>
  <c r="AF7992" i="1"/>
  <c r="AF7993" i="1"/>
  <c r="AF7994" i="1"/>
  <c r="AF7995" i="1"/>
  <c r="AF7996" i="1"/>
  <c r="AF7997" i="1"/>
  <c r="AF7998" i="1"/>
  <c r="AF7999" i="1"/>
  <c r="AF8000" i="1"/>
  <c r="AF8001" i="1"/>
  <c r="AF8002" i="1"/>
  <c r="AF8003" i="1"/>
  <c r="AF8004" i="1"/>
  <c r="AF8005" i="1"/>
  <c r="AF8006" i="1"/>
  <c r="AF8007" i="1"/>
  <c r="AF8008" i="1"/>
  <c r="AF8009" i="1"/>
  <c r="AF8010" i="1"/>
  <c r="AF8011" i="1"/>
  <c r="AF8012" i="1"/>
  <c r="AF8013" i="1"/>
  <c r="AF8014" i="1"/>
  <c r="AF8015" i="1"/>
  <c r="AF8016" i="1"/>
  <c r="AF8017" i="1"/>
  <c r="AF8018" i="1"/>
  <c r="AF8019" i="1"/>
  <c r="AF8020" i="1"/>
  <c r="AF8021" i="1"/>
  <c r="AF8022" i="1"/>
  <c r="AF8023" i="1"/>
  <c r="AF8024" i="1"/>
  <c r="AF8025" i="1"/>
  <c r="AF8026" i="1"/>
  <c r="AF8027" i="1"/>
  <c r="AF8028" i="1"/>
  <c r="AF8029" i="1"/>
  <c r="AF8030" i="1"/>
  <c r="AF8031" i="1"/>
  <c r="AF8032" i="1"/>
  <c r="AF8033" i="1"/>
  <c r="AF8034" i="1"/>
  <c r="AF8035" i="1"/>
  <c r="AF8036" i="1"/>
  <c r="AF8037" i="1"/>
  <c r="AF8038" i="1"/>
  <c r="AF8039" i="1"/>
  <c r="AF8040" i="1"/>
  <c r="AF8041" i="1"/>
  <c r="AF8042" i="1"/>
  <c r="AF8043" i="1"/>
  <c r="AF8044" i="1"/>
  <c r="AF8045" i="1"/>
  <c r="AF8046" i="1"/>
  <c r="AF8047" i="1"/>
  <c r="AF8048" i="1"/>
  <c r="AF8049" i="1"/>
  <c r="AF8050" i="1"/>
  <c r="AF8051" i="1"/>
  <c r="AF8052" i="1"/>
  <c r="AF8053" i="1"/>
  <c r="AF8054" i="1"/>
  <c r="AF8055" i="1"/>
  <c r="AF8056" i="1"/>
  <c r="AF8057" i="1"/>
  <c r="AF8058" i="1"/>
  <c r="AF8059" i="1"/>
  <c r="AF8060" i="1"/>
  <c r="AF8061" i="1"/>
  <c r="AF8062" i="1"/>
  <c r="AF8063" i="1"/>
  <c r="AF8064" i="1"/>
  <c r="AF8065" i="1"/>
  <c r="AF8066" i="1"/>
  <c r="AF8067" i="1"/>
  <c r="AF8068" i="1"/>
  <c r="AF8069" i="1"/>
  <c r="AF8070" i="1"/>
  <c r="AF8071" i="1"/>
  <c r="AF8072" i="1"/>
  <c r="AF8073" i="1"/>
  <c r="AF8074" i="1"/>
  <c r="AF8075" i="1"/>
  <c r="AF8076" i="1"/>
  <c r="AF8077" i="1"/>
  <c r="AF8078" i="1"/>
  <c r="AF8079" i="1"/>
  <c r="AF8080" i="1"/>
  <c r="AF8081" i="1"/>
  <c r="AF8082" i="1"/>
  <c r="AF8083" i="1"/>
  <c r="AF8084" i="1"/>
  <c r="AF8085" i="1"/>
  <c r="AF8086" i="1"/>
  <c r="AF8087" i="1"/>
  <c r="AF8088" i="1"/>
  <c r="AF8089" i="1"/>
  <c r="AF8090" i="1"/>
  <c r="AF8091" i="1"/>
  <c r="AF8092" i="1"/>
  <c r="AF8093" i="1"/>
  <c r="AF8094" i="1"/>
  <c r="AF8095" i="1"/>
  <c r="AF8096" i="1"/>
  <c r="AF8097" i="1"/>
  <c r="AF8098" i="1"/>
  <c r="AF8099" i="1"/>
  <c r="AF8100" i="1"/>
  <c r="AF8101" i="1"/>
  <c r="AF8102" i="1"/>
  <c r="AF8103" i="1"/>
  <c r="AF8104" i="1"/>
  <c r="AF8105" i="1"/>
  <c r="AF8106" i="1"/>
  <c r="AF8107" i="1"/>
  <c r="AF8108" i="1"/>
  <c r="AF8109" i="1"/>
  <c r="AF8110" i="1"/>
  <c r="AF8111" i="1"/>
  <c r="AF8112" i="1"/>
  <c r="AF8113" i="1"/>
  <c r="AF8114" i="1"/>
  <c r="AF8115" i="1"/>
  <c r="AF8116" i="1"/>
  <c r="AF8117" i="1"/>
  <c r="AF8118" i="1"/>
  <c r="AF8119" i="1"/>
  <c r="AF8120" i="1"/>
  <c r="AF8121" i="1"/>
  <c r="AF8122" i="1"/>
  <c r="AF8123" i="1"/>
  <c r="AF8124" i="1"/>
  <c r="AF8125" i="1"/>
  <c r="AF8126" i="1"/>
  <c r="AF8127" i="1"/>
  <c r="AF8128" i="1"/>
  <c r="AF8129" i="1"/>
  <c r="AF8130" i="1"/>
  <c r="AF8131" i="1"/>
  <c r="AF8132" i="1"/>
  <c r="AF8133" i="1"/>
  <c r="AF8134" i="1"/>
  <c r="AF8135" i="1"/>
  <c r="AF8136" i="1"/>
  <c r="AF8137" i="1"/>
  <c r="AF8138" i="1"/>
  <c r="AF8139" i="1"/>
  <c r="AF8140" i="1"/>
  <c r="AF8141" i="1"/>
  <c r="AF8142" i="1"/>
  <c r="AF8143" i="1"/>
  <c r="AF8144" i="1"/>
  <c r="AF8145" i="1"/>
  <c r="AF8146" i="1"/>
  <c r="AF8147" i="1"/>
  <c r="AF8148" i="1"/>
  <c r="AF8149" i="1"/>
  <c r="AF8150" i="1"/>
  <c r="AF8151" i="1"/>
  <c r="AF8152" i="1"/>
  <c r="AF8153" i="1"/>
  <c r="AF8154" i="1"/>
  <c r="AF8155" i="1"/>
  <c r="AF8156" i="1"/>
  <c r="AF8157" i="1"/>
  <c r="AF8158" i="1"/>
  <c r="AF8159" i="1"/>
  <c r="AF8160" i="1"/>
  <c r="AF8161" i="1"/>
  <c r="AF8162" i="1"/>
  <c r="AF8163" i="1"/>
  <c r="AF8164" i="1"/>
  <c r="AF8165" i="1"/>
  <c r="AF8166" i="1"/>
  <c r="AF8167" i="1"/>
  <c r="AF8168" i="1"/>
  <c r="AF8169" i="1"/>
  <c r="AF8170" i="1"/>
  <c r="AF8171" i="1"/>
  <c r="AF8172" i="1"/>
  <c r="AF8173" i="1"/>
  <c r="AF8174" i="1"/>
  <c r="AF8175" i="1"/>
  <c r="AF8176" i="1"/>
  <c r="AF8177" i="1"/>
  <c r="AF8178" i="1"/>
  <c r="AF8179" i="1"/>
  <c r="AF8180" i="1"/>
  <c r="AF8181" i="1"/>
  <c r="AF8182" i="1"/>
  <c r="AF8183" i="1"/>
  <c r="AF8184" i="1"/>
  <c r="AF8185" i="1"/>
  <c r="AF8186" i="1"/>
  <c r="AF8187" i="1"/>
  <c r="AF8188" i="1"/>
  <c r="AF8189" i="1"/>
  <c r="AF8190" i="1"/>
  <c r="AF8191" i="1"/>
  <c r="AF8192" i="1"/>
  <c r="AF8193" i="1"/>
  <c r="AF8194" i="1"/>
  <c r="AF8195" i="1"/>
  <c r="AF8196" i="1"/>
  <c r="AF8197" i="1"/>
  <c r="AF8198" i="1"/>
  <c r="AF8199" i="1"/>
  <c r="AF8200" i="1"/>
  <c r="AF8201" i="1"/>
  <c r="AF8202" i="1"/>
  <c r="AF8203" i="1"/>
  <c r="AF8204" i="1"/>
  <c r="AF8205" i="1"/>
  <c r="AF8206" i="1"/>
  <c r="AF8207" i="1"/>
  <c r="AF8208" i="1"/>
  <c r="AF8209" i="1"/>
  <c r="AF8210" i="1"/>
  <c r="AF8211" i="1"/>
  <c r="AF8212" i="1"/>
  <c r="AF8213" i="1"/>
  <c r="AF8214" i="1"/>
  <c r="AF8215" i="1"/>
  <c r="AF8216" i="1"/>
  <c r="AF8217" i="1"/>
  <c r="AF8218" i="1"/>
  <c r="AF8219" i="1"/>
  <c r="AF8220" i="1"/>
  <c r="AF8221" i="1"/>
  <c r="AF8222" i="1"/>
  <c r="AF8223" i="1"/>
  <c r="AF8224" i="1"/>
  <c r="AF8225" i="1"/>
  <c r="AF8226" i="1"/>
  <c r="AF8227" i="1"/>
  <c r="AF8228" i="1"/>
  <c r="AF8229" i="1"/>
  <c r="AF8230" i="1"/>
  <c r="AF8231" i="1"/>
  <c r="AF8232" i="1"/>
  <c r="AF8233" i="1"/>
  <c r="AF8234" i="1"/>
  <c r="AF8235" i="1"/>
  <c r="AF8236" i="1"/>
  <c r="AF8237" i="1"/>
  <c r="AF8238" i="1"/>
  <c r="AF8239" i="1"/>
  <c r="AF8240" i="1"/>
  <c r="AF8241" i="1"/>
  <c r="AF8242" i="1"/>
  <c r="AF8243" i="1"/>
  <c r="AF8244" i="1"/>
  <c r="AF8245" i="1"/>
  <c r="AF8246" i="1"/>
  <c r="AF8247" i="1"/>
  <c r="AF8248" i="1"/>
  <c r="AF8249" i="1"/>
  <c r="AF8250" i="1"/>
  <c r="AF8251" i="1"/>
  <c r="AF8252" i="1"/>
  <c r="AF8253" i="1"/>
  <c r="AF8254" i="1"/>
  <c r="AF8255" i="1"/>
  <c r="AF8256" i="1"/>
  <c r="AF8257" i="1"/>
  <c r="AF8258" i="1"/>
  <c r="AF8259" i="1"/>
  <c r="AF8260" i="1"/>
  <c r="AF8261" i="1"/>
  <c r="AF8262" i="1"/>
  <c r="AF8263" i="1"/>
  <c r="AF8264" i="1"/>
  <c r="AF8265" i="1"/>
  <c r="AF8266" i="1"/>
  <c r="AF8267" i="1"/>
  <c r="AF8268" i="1"/>
  <c r="AF8269" i="1"/>
  <c r="AF8270" i="1"/>
  <c r="AF8271" i="1"/>
  <c r="AF8272" i="1"/>
  <c r="AF8273" i="1"/>
  <c r="AF8274" i="1"/>
  <c r="AF8275" i="1"/>
  <c r="AF8276" i="1"/>
  <c r="AF8277" i="1"/>
  <c r="AF8278" i="1"/>
  <c r="AF8279" i="1"/>
  <c r="AF8280" i="1"/>
  <c r="AF8281" i="1"/>
  <c r="AF8282" i="1"/>
  <c r="AF8283" i="1"/>
  <c r="AF8284" i="1"/>
  <c r="AF8285" i="1"/>
  <c r="AF8286" i="1"/>
  <c r="AF8287" i="1"/>
  <c r="AF8288" i="1"/>
  <c r="AF8289" i="1"/>
  <c r="AF8290" i="1"/>
  <c r="AF8291" i="1"/>
  <c r="AF8292" i="1"/>
  <c r="AF8293" i="1"/>
  <c r="AF8294" i="1"/>
  <c r="AF8295" i="1"/>
  <c r="AF8296" i="1"/>
  <c r="AF8297" i="1"/>
  <c r="AF8298" i="1"/>
  <c r="AF8299" i="1"/>
  <c r="AF8300" i="1"/>
  <c r="AF8301" i="1"/>
  <c r="AF8302" i="1"/>
  <c r="AF8303" i="1"/>
  <c r="AF8304" i="1"/>
  <c r="AF8305" i="1"/>
  <c r="AF8306" i="1"/>
  <c r="AF8307" i="1"/>
  <c r="AF8308" i="1"/>
  <c r="AF8309" i="1"/>
  <c r="AF8310" i="1"/>
  <c r="AF8311" i="1"/>
  <c r="AF8312" i="1"/>
  <c r="AF8313" i="1"/>
  <c r="AF8314" i="1"/>
  <c r="AF8315" i="1"/>
  <c r="AF8316" i="1"/>
  <c r="AF8317" i="1"/>
  <c r="AF8318" i="1"/>
  <c r="AF8319" i="1"/>
  <c r="AF8320" i="1"/>
  <c r="AF8321" i="1"/>
  <c r="AF8322" i="1"/>
  <c r="AF8323" i="1"/>
  <c r="AF8324" i="1"/>
  <c r="AF8325" i="1"/>
  <c r="AF8326" i="1"/>
  <c r="AF8327" i="1"/>
  <c r="AF8328" i="1"/>
  <c r="AF8329" i="1"/>
  <c r="AF8330" i="1"/>
  <c r="AF8331" i="1"/>
  <c r="AF8332" i="1"/>
  <c r="AF8333" i="1"/>
  <c r="AF8334" i="1"/>
  <c r="AF8335" i="1"/>
  <c r="AF8336" i="1"/>
  <c r="AF8337" i="1"/>
  <c r="AF8338" i="1"/>
  <c r="AF8339" i="1"/>
  <c r="AF8340" i="1"/>
  <c r="AF8341" i="1"/>
  <c r="AF8342" i="1"/>
  <c r="AF8343" i="1"/>
  <c r="AF8344" i="1"/>
  <c r="AF8345" i="1"/>
  <c r="AF8346" i="1"/>
  <c r="AF8347" i="1"/>
  <c r="AF8348" i="1"/>
  <c r="AF8349" i="1"/>
  <c r="AF8350" i="1"/>
  <c r="AF8351" i="1"/>
  <c r="AF8352" i="1"/>
  <c r="AF8353" i="1"/>
  <c r="AF8354" i="1"/>
  <c r="AF8355" i="1"/>
  <c r="AF8356" i="1"/>
  <c r="AF8357" i="1"/>
  <c r="AF8358" i="1"/>
  <c r="AF8359" i="1"/>
  <c r="AF8360" i="1"/>
  <c r="AF8361" i="1"/>
  <c r="AF8362" i="1"/>
  <c r="AF8363" i="1"/>
  <c r="AF8364" i="1"/>
  <c r="AF8365" i="1"/>
  <c r="AF8366" i="1"/>
  <c r="AF8367" i="1"/>
  <c r="AF8368" i="1"/>
  <c r="AF8369" i="1"/>
  <c r="AF8370" i="1"/>
  <c r="AF8371" i="1"/>
  <c r="AF8372" i="1"/>
  <c r="AF8373" i="1"/>
  <c r="AF8374" i="1"/>
  <c r="AF8375" i="1"/>
  <c r="AF8376" i="1"/>
  <c r="AF8377" i="1"/>
  <c r="AF8378" i="1"/>
  <c r="AF8379" i="1"/>
  <c r="AF8380" i="1"/>
  <c r="AF8381" i="1"/>
  <c r="AF8382" i="1"/>
  <c r="AF8383" i="1"/>
  <c r="AF8384" i="1"/>
  <c r="AF8385" i="1"/>
  <c r="AF8386" i="1"/>
  <c r="AF8387" i="1"/>
  <c r="AF8388" i="1"/>
  <c r="AF8389" i="1"/>
  <c r="AF8390" i="1"/>
  <c r="AF8391" i="1"/>
  <c r="AF8392" i="1"/>
  <c r="AF8393" i="1"/>
  <c r="AF8394" i="1"/>
  <c r="AF8395" i="1"/>
  <c r="AF8396" i="1"/>
  <c r="AF8397" i="1"/>
  <c r="AF8398" i="1"/>
  <c r="AF8399" i="1"/>
  <c r="AF8400" i="1"/>
  <c r="AF8401" i="1"/>
  <c r="AF8402" i="1"/>
  <c r="AF8403" i="1"/>
  <c r="AF8404" i="1"/>
  <c r="AF8405" i="1"/>
  <c r="AF8406" i="1"/>
  <c r="AF8407" i="1"/>
  <c r="AF8408" i="1"/>
  <c r="AF8409" i="1"/>
  <c r="AF8410" i="1"/>
  <c r="AF8411" i="1"/>
  <c r="AF8412" i="1"/>
  <c r="AF8413" i="1"/>
  <c r="AF8414" i="1"/>
  <c r="AF8415" i="1"/>
  <c r="AF8416" i="1"/>
  <c r="AF8417" i="1"/>
  <c r="AF8418" i="1"/>
  <c r="AF8419" i="1"/>
  <c r="AF8420" i="1"/>
  <c r="AF8421" i="1"/>
  <c r="AF8422" i="1"/>
  <c r="AF8423" i="1"/>
  <c r="AF8424" i="1"/>
  <c r="AF8425" i="1"/>
  <c r="AF8426" i="1"/>
  <c r="AF8427" i="1"/>
  <c r="AF8428" i="1"/>
  <c r="AF8429" i="1"/>
  <c r="AF8430" i="1"/>
  <c r="AF8431" i="1"/>
  <c r="AF8432" i="1"/>
  <c r="AF8433" i="1"/>
  <c r="AF8434" i="1"/>
  <c r="AF8435" i="1"/>
  <c r="AF8436" i="1"/>
  <c r="AF8437" i="1"/>
  <c r="AF8438" i="1"/>
  <c r="AF8439" i="1"/>
  <c r="AF8440" i="1"/>
  <c r="AF8441" i="1"/>
  <c r="AF8442" i="1"/>
  <c r="AF8443" i="1"/>
  <c r="AF8444" i="1"/>
  <c r="AF8445" i="1"/>
  <c r="AF8446" i="1"/>
  <c r="AF8447" i="1"/>
  <c r="AF8448" i="1"/>
  <c r="AF8449" i="1"/>
  <c r="AF8450" i="1"/>
  <c r="AF8451" i="1"/>
  <c r="AF8452" i="1"/>
  <c r="AF8453" i="1"/>
  <c r="AF8454" i="1"/>
  <c r="AF8455" i="1"/>
  <c r="AF8456" i="1"/>
  <c r="AF8457" i="1"/>
  <c r="AF8458" i="1"/>
  <c r="AF8459" i="1"/>
  <c r="AF8460" i="1"/>
  <c r="AF8461" i="1"/>
  <c r="AF8462" i="1"/>
  <c r="AF8463" i="1"/>
  <c r="AF8464" i="1"/>
  <c r="AF8465" i="1"/>
  <c r="AF8466" i="1"/>
  <c r="AF8467" i="1"/>
  <c r="AF8468" i="1"/>
  <c r="AF8469" i="1"/>
  <c r="AF8470" i="1"/>
  <c r="AF8471" i="1"/>
  <c r="AF8472" i="1"/>
  <c r="AF8473" i="1"/>
  <c r="AF8474" i="1"/>
  <c r="AF8475" i="1"/>
  <c r="AF8476" i="1"/>
  <c r="AF8477" i="1"/>
  <c r="AF8478" i="1"/>
  <c r="AF8479" i="1"/>
  <c r="AF8480" i="1"/>
  <c r="AF8481" i="1"/>
  <c r="AF8482" i="1"/>
  <c r="AF8483" i="1"/>
  <c r="AF8484" i="1"/>
  <c r="AF8485" i="1"/>
  <c r="AF8486" i="1"/>
  <c r="AF8487" i="1"/>
  <c r="AF8488" i="1"/>
  <c r="AF8489" i="1"/>
  <c r="AF8490" i="1"/>
  <c r="AF8491" i="1"/>
  <c r="AF8492" i="1"/>
  <c r="AF8493" i="1"/>
  <c r="AF8494" i="1"/>
  <c r="AF8495" i="1"/>
  <c r="AF8496" i="1"/>
  <c r="AF8497" i="1"/>
  <c r="AF8498" i="1"/>
  <c r="AF8499" i="1"/>
  <c r="AF8500" i="1"/>
  <c r="AF8501" i="1"/>
  <c r="AF8502" i="1"/>
  <c r="AF8503" i="1"/>
  <c r="AF8504" i="1"/>
  <c r="AF8505" i="1"/>
  <c r="AF8506" i="1"/>
  <c r="AF8507" i="1"/>
  <c r="AF8508" i="1"/>
  <c r="AF8509" i="1"/>
  <c r="AF8510" i="1"/>
  <c r="AF8511" i="1"/>
  <c r="AF8512" i="1"/>
  <c r="AF8513" i="1"/>
  <c r="AF8514" i="1"/>
  <c r="AF8515" i="1"/>
  <c r="AF8516" i="1"/>
  <c r="AF8517" i="1"/>
  <c r="AF8518" i="1"/>
  <c r="AF8519" i="1"/>
  <c r="AF8520" i="1"/>
  <c r="AF8521" i="1"/>
  <c r="AF8522" i="1"/>
  <c r="AF8523" i="1"/>
  <c r="AF8524" i="1"/>
  <c r="AF8525" i="1"/>
  <c r="AF8526" i="1"/>
  <c r="AF8527" i="1"/>
  <c r="AF8528" i="1"/>
  <c r="AF8529" i="1"/>
  <c r="AF8530" i="1"/>
  <c r="AF8531" i="1"/>
  <c r="AF8532" i="1"/>
  <c r="AF8533" i="1"/>
  <c r="AF8534" i="1"/>
  <c r="AF8535" i="1"/>
  <c r="AF8536" i="1"/>
  <c r="AF8537" i="1"/>
  <c r="AF8538" i="1"/>
  <c r="AF8539" i="1"/>
  <c r="AF8540" i="1"/>
  <c r="AF8541" i="1"/>
  <c r="AF8542" i="1"/>
  <c r="AF8543" i="1"/>
  <c r="AF8544" i="1"/>
  <c r="AF8545" i="1"/>
  <c r="AF8546" i="1"/>
  <c r="AF8547" i="1"/>
  <c r="AF8548" i="1"/>
  <c r="AF8549" i="1"/>
  <c r="AF8550" i="1"/>
  <c r="AF8551" i="1"/>
  <c r="AF8552" i="1"/>
  <c r="AF8553" i="1"/>
  <c r="AF8554" i="1"/>
  <c r="AF8555" i="1"/>
  <c r="AF8556" i="1"/>
  <c r="AF8557" i="1"/>
  <c r="AF8558" i="1"/>
  <c r="AF8559" i="1"/>
  <c r="AF8560" i="1"/>
  <c r="AF8561" i="1"/>
  <c r="AF8562" i="1"/>
  <c r="AF8563" i="1"/>
  <c r="AF8564" i="1"/>
  <c r="AF8565" i="1"/>
  <c r="AF8566" i="1"/>
  <c r="AF8567" i="1"/>
  <c r="AF8568" i="1"/>
  <c r="AF8569" i="1"/>
  <c r="AF8570" i="1"/>
  <c r="AF8571" i="1"/>
  <c r="AF8572" i="1"/>
  <c r="AF8573" i="1"/>
  <c r="AF8574" i="1"/>
  <c r="AF8575" i="1"/>
  <c r="AF8576" i="1"/>
  <c r="AF8577" i="1"/>
  <c r="AF8578" i="1"/>
  <c r="AF8579" i="1"/>
  <c r="AF8580" i="1"/>
  <c r="AF8581" i="1"/>
  <c r="AF8582" i="1"/>
  <c r="AF8583" i="1"/>
  <c r="AF8584" i="1"/>
  <c r="AF8585" i="1"/>
  <c r="AF8586" i="1"/>
  <c r="AF8587" i="1"/>
  <c r="AF8588" i="1"/>
  <c r="AF8589" i="1"/>
  <c r="AF8590" i="1"/>
  <c r="AF8591" i="1"/>
  <c r="AF8592" i="1"/>
  <c r="AF8593" i="1"/>
  <c r="AF8594" i="1"/>
  <c r="AF8595" i="1"/>
  <c r="AF8596" i="1"/>
  <c r="AF8597" i="1"/>
  <c r="AF8598" i="1"/>
  <c r="AF8599" i="1"/>
  <c r="AF8600" i="1"/>
  <c r="AF8601" i="1"/>
  <c r="AF8602" i="1"/>
  <c r="AF8603" i="1"/>
  <c r="AF8604" i="1"/>
  <c r="AF8605" i="1"/>
  <c r="AF8606" i="1"/>
  <c r="AF8607" i="1"/>
  <c r="AF8608" i="1"/>
  <c r="AF8609" i="1"/>
  <c r="AF8610" i="1"/>
  <c r="AF8611" i="1"/>
  <c r="AF8612" i="1"/>
  <c r="AF8613" i="1"/>
  <c r="AF8614" i="1"/>
  <c r="AF8615" i="1"/>
  <c r="AF8616" i="1"/>
  <c r="AF8617" i="1"/>
  <c r="AF8618" i="1"/>
  <c r="AF8619" i="1"/>
  <c r="AF8620" i="1"/>
  <c r="AF8621" i="1"/>
  <c r="AF8622" i="1"/>
  <c r="AF8623" i="1"/>
  <c r="AF8624" i="1"/>
  <c r="AF8625" i="1"/>
  <c r="AF8626" i="1"/>
  <c r="AF8627" i="1"/>
  <c r="AF8628" i="1"/>
  <c r="AF8629" i="1"/>
  <c r="AF8630" i="1"/>
  <c r="AF8631" i="1"/>
  <c r="AF8632" i="1"/>
  <c r="AF8633" i="1"/>
  <c r="AF8634" i="1"/>
  <c r="AF8635" i="1"/>
  <c r="AF8636" i="1"/>
  <c r="AF8637" i="1"/>
  <c r="AF8638" i="1"/>
  <c r="AF8639" i="1"/>
  <c r="AF8640" i="1"/>
  <c r="AF8641" i="1"/>
  <c r="AF8642" i="1"/>
  <c r="AF8643" i="1"/>
  <c r="AF8644" i="1"/>
  <c r="AF8645" i="1"/>
  <c r="AF8646" i="1"/>
  <c r="AF8647" i="1"/>
  <c r="AF8648" i="1"/>
  <c r="AF8649" i="1"/>
  <c r="AF8650" i="1"/>
  <c r="AF8651" i="1"/>
  <c r="AF8652" i="1"/>
  <c r="AF8653" i="1"/>
  <c r="AF8654" i="1"/>
  <c r="AF8655" i="1"/>
  <c r="AF8656" i="1"/>
  <c r="AF8657" i="1"/>
  <c r="AF8658" i="1"/>
  <c r="AF8659" i="1"/>
  <c r="AF8660" i="1"/>
  <c r="AF8661" i="1"/>
  <c r="AF8662" i="1"/>
  <c r="AF8663" i="1"/>
  <c r="AF8664" i="1"/>
  <c r="AF8665" i="1"/>
  <c r="AF8666" i="1"/>
  <c r="AF8667" i="1"/>
  <c r="AF8668" i="1"/>
  <c r="AF8669" i="1"/>
  <c r="AF8670" i="1"/>
  <c r="AF8671" i="1"/>
  <c r="AF8672" i="1"/>
  <c r="AF8673" i="1"/>
  <c r="AF8674" i="1"/>
  <c r="AF8675" i="1"/>
  <c r="AF8676" i="1"/>
  <c r="AF8677" i="1"/>
  <c r="AF8678" i="1"/>
  <c r="AF8679" i="1"/>
  <c r="AF8680" i="1"/>
  <c r="AF8681" i="1"/>
  <c r="AF8682" i="1"/>
  <c r="AF8683" i="1"/>
  <c r="AF8684" i="1"/>
  <c r="AF8685" i="1"/>
  <c r="AF8686" i="1"/>
  <c r="AF8687" i="1"/>
  <c r="AF8688" i="1"/>
  <c r="AF8689" i="1"/>
  <c r="AF8690" i="1"/>
  <c r="AF8691" i="1"/>
  <c r="AF8692" i="1"/>
  <c r="AF8693" i="1"/>
  <c r="AF8694" i="1"/>
  <c r="AF8695" i="1"/>
  <c r="AF8696" i="1"/>
  <c r="AF8697" i="1"/>
  <c r="AF8698" i="1"/>
  <c r="AF8699" i="1"/>
  <c r="AF8700" i="1"/>
  <c r="AF8701" i="1"/>
  <c r="AF8702" i="1"/>
  <c r="AF8703" i="1"/>
  <c r="AF8704" i="1"/>
  <c r="AF8705" i="1"/>
  <c r="AF8706" i="1"/>
  <c r="AF8707" i="1"/>
  <c r="AF8708" i="1"/>
  <c r="AF8709" i="1"/>
  <c r="AF8710" i="1"/>
  <c r="AF8711" i="1"/>
  <c r="AF8712" i="1"/>
  <c r="AF8713" i="1"/>
  <c r="AF8714" i="1"/>
  <c r="AF8715" i="1"/>
  <c r="AF8716" i="1"/>
  <c r="AF8717" i="1"/>
  <c r="AF8718" i="1"/>
  <c r="AF8719" i="1"/>
  <c r="AF8720" i="1"/>
  <c r="AF8721" i="1"/>
  <c r="AF8722" i="1"/>
  <c r="AF8723" i="1"/>
  <c r="AF8724" i="1"/>
  <c r="AF8725" i="1"/>
  <c r="AF8726" i="1"/>
  <c r="AF8727" i="1"/>
  <c r="AF8728" i="1"/>
  <c r="AF8729" i="1"/>
  <c r="AF8730" i="1"/>
  <c r="AF8731" i="1"/>
  <c r="AF8732" i="1"/>
  <c r="AF8733" i="1"/>
  <c r="AF8734" i="1"/>
  <c r="AF8735" i="1"/>
  <c r="AF8736" i="1"/>
  <c r="AF8737" i="1"/>
  <c r="AF8738" i="1"/>
  <c r="AF8739" i="1"/>
  <c r="AF8740" i="1"/>
  <c r="AF8741" i="1"/>
  <c r="AF8742" i="1"/>
  <c r="AF8743" i="1"/>
  <c r="AF8744" i="1"/>
  <c r="AF8745" i="1"/>
  <c r="AF8746" i="1"/>
  <c r="AF8747" i="1"/>
  <c r="AF8748" i="1"/>
  <c r="AF8749" i="1"/>
  <c r="AF8750" i="1"/>
  <c r="AF8751" i="1"/>
  <c r="AF8752" i="1"/>
  <c r="AF8753" i="1"/>
  <c r="AF8754" i="1"/>
  <c r="AF8755" i="1"/>
  <c r="AF8756" i="1"/>
  <c r="AF8757" i="1"/>
  <c r="AF8758" i="1"/>
  <c r="AF8759" i="1"/>
  <c r="AF8760" i="1"/>
  <c r="AF8761" i="1"/>
  <c r="AF8762" i="1"/>
  <c r="AF8763" i="1"/>
  <c r="AF8764" i="1"/>
  <c r="AF8765" i="1"/>
  <c r="AF8766" i="1"/>
  <c r="AF8767" i="1"/>
  <c r="AF8768" i="1"/>
  <c r="AF8769" i="1"/>
  <c r="AF8770" i="1"/>
  <c r="AF8771" i="1"/>
  <c r="AF8772" i="1"/>
  <c r="AF8773" i="1"/>
  <c r="AF8774" i="1"/>
  <c r="AF8775" i="1"/>
  <c r="AF8776" i="1"/>
  <c r="AF8777" i="1"/>
  <c r="AF8778" i="1"/>
  <c r="AF8779" i="1"/>
  <c r="AF8780" i="1"/>
  <c r="AF8781" i="1"/>
  <c r="AF8782" i="1"/>
  <c r="AF8783" i="1"/>
  <c r="AF8784" i="1"/>
  <c r="AF8785" i="1"/>
  <c r="AF8786" i="1"/>
  <c r="AF8787" i="1"/>
  <c r="AF8788" i="1"/>
  <c r="AF8789" i="1"/>
  <c r="AF8790" i="1"/>
  <c r="AF8791" i="1"/>
  <c r="AF8792" i="1"/>
  <c r="AF8793" i="1"/>
  <c r="AF8794" i="1"/>
  <c r="AF8795" i="1"/>
  <c r="AF8796" i="1"/>
  <c r="AF8797" i="1"/>
  <c r="AF8798" i="1"/>
  <c r="AF8799" i="1"/>
  <c r="AF8800" i="1"/>
  <c r="AF8801" i="1"/>
  <c r="AF8802" i="1"/>
  <c r="AF8803" i="1"/>
  <c r="AF8804" i="1"/>
  <c r="AF8805" i="1"/>
  <c r="AF8806" i="1"/>
  <c r="AF8807" i="1"/>
  <c r="AF8808" i="1"/>
  <c r="AF8809" i="1"/>
  <c r="AF8810" i="1"/>
  <c r="AF8811" i="1"/>
  <c r="AF8812" i="1"/>
  <c r="AF8813" i="1"/>
  <c r="AF8814" i="1"/>
  <c r="AF8815" i="1"/>
  <c r="AF8816" i="1"/>
  <c r="AF8817" i="1"/>
  <c r="AF8818" i="1"/>
  <c r="AF8819" i="1"/>
  <c r="AF8820" i="1"/>
  <c r="AF8821" i="1"/>
  <c r="AF8822" i="1"/>
  <c r="AF8823" i="1"/>
  <c r="AF8824" i="1"/>
  <c r="AF8825" i="1"/>
  <c r="AF8826" i="1"/>
  <c r="AF8827" i="1"/>
  <c r="AF8828" i="1"/>
  <c r="AF8829" i="1"/>
  <c r="AF8830" i="1"/>
  <c r="AF8831" i="1"/>
  <c r="AF8832" i="1"/>
  <c r="AF8833" i="1"/>
  <c r="AF8834" i="1"/>
  <c r="AF8835" i="1"/>
  <c r="AF8836" i="1"/>
  <c r="AF8837" i="1"/>
  <c r="AF8838" i="1"/>
  <c r="AF8839" i="1"/>
  <c r="AF8840" i="1"/>
  <c r="AF8841" i="1"/>
  <c r="AF8842" i="1"/>
  <c r="AF8843" i="1"/>
  <c r="AF8844" i="1"/>
  <c r="AF8845" i="1"/>
  <c r="AF8846" i="1"/>
  <c r="AF8847" i="1"/>
  <c r="AF8848" i="1"/>
  <c r="AF8849" i="1"/>
  <c r="AF8850" i="1"/>
  <c r="AF8851" i="1"/>
  <c r="AF8852" i="1"/>
  <c r="AF8853" i="1"/>
  <c r="AF8854" i="1"/>
  <c r="AF8855" i="1"/>
  <c r="AF8856" i="1"/>
  <c r="AF8857" i="1"/>
  <c r="AF8858" i="1"/>
  <c r="AF8859" i="1"/>
  <c r="AF8860" i="1"/>
  <c r="AF8861" i="1"/>
  <c r="AF8862" i="1"/>
  <c r="AF8863" i="1"/>
  <c r="AF8864" i="1"/>
  <c r="AF8865" i="1"/>
  <c r="AF8866" i="1"/>
  <c r="AF8867" i="1"/>
  <c r="AF8868" i="1"/>
  <c r="AF8869" i="1"/>
  <c r="AF8870" i="1"/>
  <c r="AF8871" i="1"/>
  <c r="AF8872" i="1"/>
  <c r="AF8873" i="1"/>
  <c r="AF8874" i="1"/>
  <c r="AF8875" i="1"/>
  <c r="AF8876" i="1"/>
  <c r="AF8877" i="1"/>
  <c r="AF8878" i="1"/>
  <c r="AF8879" i="1"/>
  <c r="AF8880" i="1"/>
  <c r="AF8881" i="1"/>
  <c r="AF8882" i="1"/>
  <c r="AF8883" i="1"/>
  <c r="AF8884" i="1"/>
  <c r="AF8885" i="1"/>
  <c r="AF8886" i="1"/>
  <c r="AF8887" i="1"/>
  <c r="AF8888" i="1"/>
  <c r="AF8889" i="1"/>
  <c r="AF8890" i="1"/>
  <c r="AF8891" i="1"/>
  <c r="AF8892" i="1"/>
  <c r="AF8893" i="1"/>
  <c r="AF8894" i="1"/>
  <c r="AF8895" i="1"/>
  <c r="AF8896" i="1"/>
  <c r="AF8897" i="1"/>
  <c r="AF8898" i="1"/>
  <c r="AF8899" i="1"/>
  <c r="AF8900" i="1"/>
  <c r="AF8901" i="1"/>
  <c r="AF8902" i="1"/>
  <c r="AF8903" i="1"/>
  <c r="AF8904" i="1"/>
  <c r="AF8905" i="1"/>
  <c r="AF8906" i="1"/>
  <c r="AF8907" i="1"/>
  <c r="AF8908" i="1"/>
  <c r="AF8909" i="1"/>
  <c r="AF8910" i="1"/>
  <c r="AF8911" i="1"/>
  <c r="AF8912" i="1"/>
  <c r="AF8913" i="1"/>
  <c r="AF8914" i="1"/>
  <c r="AF8915" i="1"/>
  <c r="AF8916" i="1"/>
  <c r="AF8917" i="1"/>
  <c r="AF8918" i="1"/>
  <c r="AF8919" i="1"/>
  <c r="AF8920" i="1"/>
  <c r="AF8921" i="1"/>
  <c r="AF8922" i="1"/>
  <c r="AF8923" i="1"/>
  <c r="AF8924" i="1"/>
  <c r="AF8925" i="1"/>
  <c r="AF8926" i="1"/>
  <c r="AF8927" i="1"/>
  <c r="AF8928" i="1"/>
  <c r="AF8929" i="1"/>
  <c r="AF8930" i="1"/>
  <c r="AF8931" i="1"/>
  <c r="AF8932" i="1"/>
  <c r="AF8933" i="1"/>
  <c r="AF8934" i="1"/>
  <c r="AF8935" i="1"/>
  <c r="AF8936" i="1"/>
  <c r="AF8937" i="1"/>
  <c r="AF8938" i="1"/>
  <c r="AF8939" i="1"/>
  <c r="AF8940" i="1"/>
  <c r="AF8941" i="1"/>
  <c r="AF8942" i="1"/>
  <c r="AF8943" i="1"/>
  <c r="AF8944" i="1"/>
  <c r="AF8945" i="1"/>
  <c r="AF8946" i="1"/>
  <c r="AF8947" i="1"/>
  <c r="AF8948" i="1"/>
  <c r="AF8949" i="1"/>
  <c r="AF8950" i="1"/>
  <c r="AF8951" i="1"/>
  <c r="AF8952" i="1"/>
  <c r="AF8953" i="1"/>
  <c r="AF8954" i="1"/>
  <c r="AF8955" i="1"/>
  <c r="AF8956" i="1"/>
  <c r="AF8957" i="1"/>
  <c r="AF8958" i="1"/>
  <c r="AF8959" i="1"/>
  <c r="AF8960" i="1"/>
  <c r="AF8961" i="1"/>
  <c r="AF8962" i="1"/>
  <c r="AF8963" i="1"/>
  <c r="AF8964" i="1"/>
  <c r="AF8965" i="1"/>
  <c r="AF8966" i="1"/>
  <c r="AF8967" i="1"/>
  <c r="AF8968" i="1"/>
  <c r="AF8969" i="1"/>
  <c r="AF8970" i="1"/>
  <c r="AF8971" i="1"/>
  <c r="AF8972" i="1"/>
  <c r="AF8973" i="1"/>
  <c r="AF8974" i="1"/>
  <c r="AF8975" i="1"/>
  <c r="AF8976" i="1"/>
  <c r="AF8977" i="1"/>
  <c r="AF8978" i="1"/>
  <c r="AF8979" i="1"/>
  <c r="AF8980" i="1"/>
  <c r="AF8981" i="1"/>
  <c r="AF8982" i="1"/>
  <c r="AF8983" i="1"/>
  <c r="AF8984" i="1"/>
  <c r="AF8985" i="1"/>
  <c r="AF8986" i="1"/>
  <c r="AF8987" i="1"/>
  <c r="AF8988" i="1"/>
  <c r="AF8989" i="1"/>
  <c r="AF8990" i="1"/>
  <c r="AF8991" i="1"/>
  <c r="AF8992" i="1"/>
  <c r="AF8993" i="1"/>
  <c r="AF8994" i="1"/>
  <c r="AF8995" i="1"/>
  <c r="AF8996" i="1"/>
  <c r="AF8997" i="1"/>
  <c r="AF8998" i="1"/>
  <c r="AF8999" i="1"/>
  <c r="AF9000" i="1"/>
  <c r="AF9001" i="1"/>
  <c r="AF9002" i="1"/>
  <c r="AF9003" i="1"/>
  <c r="AF9004" i="1"/>
  <c r="AF9005" i="1"/>
  <c r="AF9006" i="1"/>
  <c r="AF9007" i="1"/>
  <c r="AF9008" i="1"/>
  <c r="AF9009" i="1"/>
  <c r="AF9010" i="1"/>
  <c r="AF9011" i="1"/>
  <c r="AF9012" i="1"/>
  <c r="AF9013" i="1"/>
  <c r="AF9014" i="1"/>
  <c r="AF9015" i="1"/>
  <c r="AF9016" i="1"/>
  <c r="AF9017" i="1"/>
  <c r="AF9018" i="1"/>
  <c r="AF9019" i="1"/>
  <c r="AF9020" i="1"/>
  <c r="AF9021" i="1"/>
  <c r="AF9022" i="1"/>
  <c r="AF9023" i="1"/>
  <c r="AF9024" i="1"/>
  <c r="AF9025" i="1"/>
  <c r="AF9026" i="1"/>
  <c r="AF9027" i="1"/>
  <c r="AF9028" i="1"/>
  <c r="AF9029" i="1"/>
  <c r="AF9030" i="1"/>
  <c r="AF9031" i="1"/>
  <c r="AF9032" i="1"/>
  <c r="AF9033" i="1"/>
  <c r="AF9034" i="1"/>
  <c r="AF9035" i="1"/>
  <c r="AF9036" i="1"/>
  <c r="AF9037" i="1"/>
  <c r="AF9038" i="1"/>
  <c r="AF9039" i="1"/>
  <c r="AF9040" i="1"/>
  <c r="AF9041" i="1"/>
  <c r="AF9042" i="1"/>
  <c r="AF9043" i="1"/>
  <c r="AF9044" i="1"/>
  <c r="AF9045" i="1"/>
  <c r="AF9046" i="1"/>
  <c r="AF9047" i="1"/>
  <c r="AF9048" i="1"/>
  <c r="AF9049" i="1"/>
  <c r="AF9050" i="1"/>
  <c r="AF9051" i="1"/>
  <c r="AF9052" i="1"/>
  <c r="AF9053" i="1"/>
  <c r="AF9054" i="1"/>
  <c r="AF9055" i="1"/>
  <c r="AF9056" i="1"/>
  <c r="AF9057" i="1"/>
  <c r="AF9058" i="1"/>
  <c r="AF9059" i="1"/>
  <c r="AF9060" i="1"/>
  <c r="AF9061" i="1"/>
  <c r="AF9062" i="1"/>
  <c r="AF9063" i="1"/>
  <c r="AF9064" i="1"/>
  <c r="AF9065" i="1"/>
  <c r="AF9066" i="1"/>
  <c r="AF9067" i="1"/>
  <c r="AF9068" i="1"/>
  <c r="AF9069" i="1"/>
  <c r="AF9070" i="1"/>
  <c r="AF9071" i="1"/>
  <c r="AF9072" i="1"/>
  <c r="AF9073" i="1"/>
  <c r="AF9074" i="1"/>
  <c r="AF9075" i="1"/>
  <c r="AF9076" i="1"/>
  <c r="AF9077" i="1"/>
  <c r="AF9078" i="1"/>
  <c r="AF9079" i="1"/>
  <c r="AF9080" i="1"/>
  <c r="AF9081" i="1"/>
  <c r="AF9082" i="1"/>
  <c r="AF9083" i="1"/>
  <c r="AF9084" i="1"/>
  <c r="AF9085" i="1"/>
  <c r="AF9086" i="1"/>
  <c r="AF9087" i="1"/>
  <c r="AF9088" i="1"/>
  <c r="AF9089" i="1"/>
  <c r="AF9090" i="1"/>
  <c r="AF9091" i="1"/>
  <c r="AF9092" i="1"/>
  <c r="AF9093" i="1"/>
  <c r="AF9094" i="1"/>
  <c r="AF9095" i="1"/>
  <c r="AF9096" i="1"/>
  <c r="AF9097" i="1"/>
  <c r="AF9098" i="1"/>
  <c r="AF9099" i="1"/>
  <c r="AF9100" i="1"/>
  <c r="AF9101" i="1"/>
  <c r="AF9102" i="1"/>
  <c r="AF9103" i="1"/>
  <c r="AF9104" i="1"/>
  <c r="AF9105" i="1"/>
  <c r="AF9106" i="1"/>
  <c r="AF9107" i="1"/>
  <c r="AF9108" i="1"/>
  <c r="AF9109" i="1"/>
  <c r="AF9110" i="1"/>
  <c r="AF9111" i="1"/>
  <c r="AF9112" i="1"/>
  <c r="AF9113" i="1"/>
  <c r="AF9114" i="1"/>
  <c r="AF9115" i="1"/>
  <c r="AF9116" i="1"/>
  <c r="AF9117" i="1"/>
  <c r="AF9118" i="1"/>
  <c r="AF9119" i="1"/>
  <c r="AF9120" i="1"/>
  <c r="AF9121" i="1"/>
  <c r="AF9122" i="1"/>
  <c r="AF9123" i="1"/>
  <c r="AF9124" i="1"/>
  <c r="AF9125" i="1"/>
  <c r="AF9126" i="1"/>
  <c r="AF9127" i="1"/>
  <c r="AF9128" i="1"/>
  <c r="AF9129" i="1"/>
  <c r="AF9130" i="1"/>
  <c r="AF9131" i="1"/>
  <c r="AF9132" i="1"/>
  <c r="AF9133" i="1"/>
  <c r="AF9134" i="1"/>
  <c r="AF9135" i="1"/>
  <c r="AF9136" i="1"/>
  <c r="AF9137" i="1"/>
  <c r="AF9138" i="1"/>
  <c r="AF9139" i="1"/>
  <c r="AF9140" i="1"/>
  <c r="AF9141" i="1"/>
  <c r="AF9142" i="1"/>
  <c r="AF9143" i="1"/>
  <c r="AF9144" i="1"/>
  <c r="AF9145" i="1"/>
  <c r="AF9146" i="1"/>
  <c r="AF9147" i="1"/>
  <c r="AF9148" i="1"/>
  <c r="AF9149" i="1"/>
  <c r="AF9150" i="1"/>
  <c r="AF9151" i="1"/>
  <c r="AF9152" i="1"/>
  <c r="AF9153" i="1"/>
  <c r="AF9154" i="1"/>
  <c r="AF9155" i="1"/>
  <c r="AF9156" i="1"/>
  <c r="AF9157" i="1"/>
  <c r="AF9158" i="1"/>
  <c r="AF9159" i="1"/>
  <c r="AF9160" i="1"/>
  <c r="AF9161" i="1"/>
  <c r="AF9162" i="1"/>
  <c r="AF9163" i="1"/>
  <c r="AF9164" i="1"/>
  <c r="AF9165" i="1"/>
  <c r="AF9166" i="1"/>
  <c r="AF9167" i="1"/>
  <c r="AF9168" i="1"/>
  <c r="AF9169" i="1"/>
  <c r="AF9170" i="1"/>
  <c r="AF9171" i="1"/>
  <c r="AF9172" i="1"/>
  <c r="AF9173" i="1"/>
  <c r="AF9174" i="1"/>
  <c r="AF9175" i="1"/>
  <c r="AF9176" i="1"/>
  <c r="AF9177" i="1"/>
  <c r="AF9178" i="1"/>
  <c r="AF9179" i="1"/>
  <c r="AF9180" i="1"/>
  <c r="AF9181" i="1"/>
  <c r="AF9182" i="1"/>
  <c r="AF9183" i="1"/>
  <c r="AF9184" i="1"/>
  <c r="AF9185" i="1"/>
  <c r="AF9186" i="1"/>
  <c r="AF9187" i="1"/>
  <c r="AF9188" i="1"/>
  <c r="AF9189" i="1"/>
  <c r="AF9190" i="1"/>
  <c r="AF9191" i="1"/>
  <c r="AF9192" i="1"/>
  <c r="AF9193" i="1"/>
  <c r="AF9194" i="1"/>
  <c r="AF9195" i="1"/>
  <c r="AF9196" i="1"/>
  <c r="AF9197" i="1"/>
  <c r="AF9198" i="1"/>
  <c r="AF9199" i="1"/>
  <c r="AF9200" i="1"/>
  <c r="AF9201" i="1"/>
  <c r="AF9202" i="1"/>
  <c r="AF9203" i="1"/>
  <c r="AF9204" i="1"/>
  <c r="AF9205" i="1"/>
  <c r="AF9206" i="1"/>
  <c r="AF9207" i="1"/>
  <c r="AF9208" i="1"/>
  <c r="AF9209" i="1"/>
  <c r="AF9210" i="1"/>
  <c r="AF9211" i="1"/>
  <c r="AF9212" i="1"/>
  <c r="AF9213" i="1"/>
  <c r="AF9214" i="1"/>
  <c r="AF9215" i="1"/>
  <c r="AF9216" i="1"/>
  <c r="AF9217" i="1"/>
  <c r="AF9218" i="1"/>
  <c r="AF9219" i="1"/>
  <c r="AF9220" i="1"/>
  <c r="AF9221" i="1"/>
  <c r="AF9222" i="1"/>
  <c r="AF9223" i="1"/>
  <c r="AF9224" i="1"/>
  <c r="AF9225" i="1"/>
  <c r="AF9226" i="1"/>
  <c r="AF9227" i="1"/>
  <c r="AF9228" i="1"/>
  <c r="AF9229" i="1"/>
  <c r="AF9230" i="1"/>
  <c r="AF9231" i="1"/>
  <c r="AF9232" i="1"/>
  <c r="AF9233" i="1"/>
  <c r="AF9234" i="1"/>
  <c r="AF9235" i="1"/>
  <c r="AF9236" i="1"/>
  <c r="AF9237" i="1"/>
  <c r="AF9238" i="1"/>
  <c r="AF9239" i="1"/>
  <c r="AF9240" i="1"/>
  <c r="AF9241" i="1"/>
  <c r="AF9242" i="1"/>
  <c r="AF9243" i="1"/>
  <c r="AF9244" i="1"/>
  <c r="AF9245" i="1"/>
  <c r="AF9246" i="1"/>
  <c r="AF9247" i="1"/>
  <c r="AF9248" i="1"/>
  <c r="AF9249" i="1"/>
  <c r="AF9250" i="1"/>
  <c r="AF9251" i="1"/>
  <c r="AF9252" i="1"/>
  <c r="AF9253" i="1"/>
  <c r="AF9254" i="1"/>
  <c r="AF9255" i="1"/>
  <c r="AF9256" i="1"/>
  <c r="AF9257" i="1"/>
  <c r="AF9258" i="1"/>
  <c r="AF9259" i="1"/>
  <c r="AF9260" i="1"/>
  <c r="AF9261" i="1"/>
  <c r="AF9262" i="1"/>
  <c r="AF9263" i="1"/>
  <c r="AF9264" i="1"/>
  <c r="AF9265" i="1"/>
  <c r="AF9266" i="1"/>
  <c r="AF9267" i="1"/>
  <c r="AF9268" i="1"/>
  <c r="AF9269" i="1"/>
  <c r="AF9270" i="1"/>
  <c r="AF9271" i="1"/>
  <c r="AF9272" i="1"/>
  <c r="AF9273" i="1"/>
  <c r="AF9274" i="1"/>
  <c r="AF9275" i="1"/>
  <c r="AF9276" i="1"/>
  <c r="AF9277" i="1"/>
  <c r="AF9278" i="1"/>
  <c r="AF9279" i="1"/>
  <c r="AF9280" i="1"/>
  <c r="AF9281" i="1"/>
  <c r="AF9282" i="1"/>
  <c r="AF9283" i="1"/>
  <c r="AF9284" i="1"/>
  <c r="AF9285" i="1"/>
  <c r="AF9286" i="1"/>
  <c r="AF9287" i="1"/>
  <c r="AF9288" i="1"/>
  <c r="AF9289" i="1"/>
  <c r="AF9290" i="1"/>
  <c r="AF9291" i="1"/>
  <c r="AF9292" i="1"/>
  <c r="AF9293" i="1"/>
  <c r="AF9294" i="1"/>
  <c r="AF9295" i="1"/>
  <c r="AF9296" i="1"/>
  <c r="AF9297" i="1"/>
  <c r="AF9298" i="1"/>
  <c r="AF9299" i="1"/>
  <c r="AF9300" i="1"/>
  <c r="AF9301" i="1"/>
  <c r="AF9302" i="1"/>
  <c r="AF9303" i="1"/>
  <c r="AF9304" i="1"/>
  <c r="AF9305" i="1"/>
  <c r="AF9306" i="1"/>
  <c r="AF9307" i="1"/>
  <c r="AF9308" i="1"/>
  <c r="AF9309" i="1"/>
  <c r="AF9310" i="1"/>
  <c r="AF9311" i="1"/>
  <c r="AF9312" i="1"/>
  <c r="AF9313" i="1"/>
  <c r="AF9314" i="1"/>
  <c r="AF9315" i="1"/>
  <c r="AF9316" i="1"/>
  <c r="AF9317" i="1"/>
  <c r="AF9318" i="1"/>
  <c r="AF9319" i="1"/>
  <c r="AF9320" i="1"/>
  <c r="AF9321" i="1"/>
  <c r="AF9322" i="1"/>
  <c r="AF9323" i="1"/>
  <c r="AF9324" i="1"/>
  <c r="AF9325" i="1"/>
  <c r="AF9326" i="1"/>
  <c r="AF9327" i="1"/>
  <c r="AF9328" i="1"/>
  <c r="AF9329" i="1"/>
  <c r="AF9330" i="1"/>
  <c r="AF9331" i="1"/>
  <c r="AF9332" i="1"/>
  <c r="AF9333" i="1"/>
  <c r="AF9334" i="1"/>
  <c r="AF9335" i="1"/>
  <c r="AF9336" i="1"/>
  <c r="AF9337" i="1"/>
  <c r="AF9338" i="1"/>
  <c r="AF9339" i="1"/>
  <c r="AF9340" i="1"/>
  <c r="AF9341" i="1"/>
  <c r="AF9342" i="1"/>
  <c r="AF9343" i="1"/>
  <c r="AF9344" i="1"/>
  <c r="AF9345" i="1"/>
  <c r="AF9346" i="1"/>
  <c r="AF9347" i="1"/>
  <c r="AF9348" i="1"/>
  <c r="AF9349" i="1"/>
  <c r="AF9350" i="1"/>
  <c r="AF9351" i="1"/>
  <c r="AF9352" i="1"/>
  <c r="AF9353" i="1"/>
  <c r="AF9354" i="1"/>
  <c r="AF9355" i="1"/>
  <c r="AF9356" i="1"/>
  <c r="AF9357" i="1"/>
  <c r="AF9358" i="1"/>
  <c r="AF9359" i="1"/>
  <c r="AF9360" i="1"/>
  <c r="AF9361" i="1"/>
  <c r="AF9362" i="1"/>
  <c r="AF9363" i="1"/>
  <c r="AF9364" i="1"/>
  <c r="AF9365" i="1"/>
  <c r="AF9366" i="1"/>
  <c r="AF9367" i="1"/>
  <c r="AF9368" i="1"/>
  <c r="AF9369" i="1"/>
  <c r="AF9370" i="1"/>
  <c r="AF9371" i="1"/>
  <c r="AF9372" i="1"/>
  <c r="AF9373" i="1"/>
  <c r="AF9374" i="1"/>
  <c r="AF9375" i="1"/>
  <c r="AF9376" i="1"/>
  <c r="AF9377" i="1"/>
  <c r="AF9378" i="1"/>
  <c r="AF9379" i="1"/>
  <c r="AF9380" i="1"/>
  <c r="AF9381" i="1"/>
  <c r="AF9382" i="1"/>
  <c r="AF9383" i="1"/>
  <c r="AF9384" i="1"/>
  <c r="AF9385" i="1"/>
  <c r="AF9386" i="1"/>
  <c r="AF9387" i="1"/>
  <c r="AF9388" i="1"/>
  <c r="AF9389" i="1"/>
  <c r="AF9390" i="1"/>
  <c r="AF9391" i="1"/>
  <c r="AF9392" i="1"/>
  <c r="AF9393" i="1"/>
  <c r="AF9394" i="1"/>
  <c r="AF9395" i="1"/>
  <c r="AF9396" i="1"/>
  <c r="AF9397" i="1"/>
  <c r="AF9398" i="1"/>
  <c r="AF9399" i="1"/>
  <c r="AF9400" i="1"/>
  <c r="AF9401" i="1"/>
  <c r="AF9402" i="1"/>
  <c r="AF9403" i="1"/>
  <c r="AF9404" i="1"/>
  <c r="AF9405" i="1"/>
  <c r="AF9406" i="1"/>
  <c r="AF9407" i="1"/>
  <c r="AF9408" i="1"/>
  <c r="AF9409" i="1"/>
  <c r="AF9410" i="1"/>
  <c r="AF9411" i="1"/>
  <c r="AF9412" i="1"/>
  <c r="AF9413" i="1"/>
  <c r="AF9414" i="1"/>
  <c r="AF9415" i="1"/>
  <c r="AF9416" i="1"/>
  <c r="AF9417" i="1"/>
  <c r="AF9418" i="1"/>
  <c r="AF9419" i="1"/>
  <c r="AF9420" i="1"/>
  <c r="AF9421" i="1"/>
  <c r="AF9422" i="1"/>
  <c r="AF9423" i="1"/>
  <c r="AF9424" i="1"/>
  <c r="AF9425" i="1"/>
  <c r="AF9426" i="1"/>
  <c r="AF9427" i="1"/>
  <c r="AF9428" i="1"/>
  <c r="AF9429" i="1"/>
  <c r="AF9430" i="1"/>
  <c r="AF9431" i="1"/>
  <c r="AF9432" i="1"/>
  <c r="AF9433" i="1"/>
  <c r="AF9434" i="1"/>
  <c r="AF9435" i="1"/>
  <c r="AF9436" i="1"/>
  <c r="AF9437" i="1"/>
  <c r="AF9438" i="1"/>
  <c r="AF9439" i="1"/>
  <c r="AF9440" i="1"/>
  <c r="AF9441" i="1"/>
  <c r="AF9442" i="1"/>
  <c r="AF9443" i="1"/>
  <c r="AF9444" i="1"/>
  <c r="AF9445" i="1"/>
  <c r="AF9446" i="1"/>
  <c r="AF9447" i="1"/>
  <c r="AF9448" i="1"/>
  <c r="AF9449" i="1"/>
  <c r="AF9450" i="1"/>
  <c r="AF9451" i="1"/>
  <c r="AF9452" i="1"/>
  <c r="AF9453" i="1"/>
  <c r="AF9454" i="1"/>
  <c r="AF9455" i="1"/>
  <c r="AF9456" i="1"/>
  <c r="AF9457" i="1"/>
  <c r="AF9458" i="1"/>
  <c r="AF9459" i="1"/>
  <c r="AF9460" i="1"/>
  <c r="AF9461" i="1"/>
  <c r="AF9462" i="1"/>
  <c r="AF9463" i="1"/>
  <c r="AF9464" i="1"/>
  <c r="AF9465" i="1"/>
  <c r="AF9466" i="1"/>
  <c r="AF9467" i="1"/>
  <c r="AF9468" i="1"/>
  <c r="AF9469" i="1"/>
  <c r="AF9470" i="1"/>
  <c r="AF9471" i="1"/>
  <c r="AF9472" i="1"/>
  <c r="AF9473" i="1"/>
  <c r="AF9474" i="1"/>
  <c r="AF9475" i="1"/>
  <c r="AF9476" i="1"/>
  <c r="AF9477" i="1"/>
  <c r="AF9478" i="1"/>
  <c r="AF9479" i="1"/>
  <c r="AF9480" i="1"/>
  <c r="AF9481" i="1"/>
  <c r="AF9482" i="1"/>
  <c r="AF9483" i="1"/>
  <c r="AF9484" i="1"/>
  <c r="AF9485" i="1"/>
  <c r="AF9486" i="1"/>
  <c r="AF9487" i="1"/>
  <c r="AF9488" i="1"/>
  <c r="AF9489" i="1"/>
  <c r="AF9490" i="1"/>
  <c r="AF9491" i="1"/>
  <c r="AF9492" i="1"/>
  <c r="AF9493" i="1"/>
  <c r="AF9494" i="1"/>
  <c r="AF9495" i="1"/>
  <c r="AF9496" i="1"/>
  <c r="AF9497" i="1"/>
  <c r="AF9498" i="1"/>
  <c r="AF9499" i="1"/>
  <c r="AF9500" i="1"/>
  <c r="AF9501" i="1"/>
  <c r="AF9502" i="1"/>
  <c r="AF9503" i="1"/>
  <c r="AF9504" i="1"/>
  <c r="AF9505" i="1"/>
  <c r="AF9506" i="1"/>
  <c r="AF9507" i="1"/>
  <c r="AF9508" i="1"/>
  <c r="AF9509" i="1"/>
  <c r="AF9510" i="1"/>
  <c r="AF9511" i="1"/>
  <c r="AF9512" i="1"/>
  <c r="AF9513" i="1"/>
  <c r="AF9514" i="1"/>
  <c r="AF9515" i="1"/>
  <c r="AF9516" i="1"/>
  <c r="AF9517" i="1"/>
  <c r="AF9518" i="1"/>
  <c r="AF9519" i="1"/>
  <c r="AF9520" i="1"/>
  <c r="AF9521" i="1"/>
  <c r="AF9522" i="1"/>
  <c r="AF9523" i="1"/>
  <c r="AF9524" i="1"/>
  <c r="AF9525" i="1"/>
  <c r="AF9526" i="1"/>
  <c r="AF9527" i="1"/>
  <c r="AF9528" i="1"/>
  <c r="AF9529" i="1"/>
  <c r="AF9530" i="1"/>
  <c r="AF9531" i="1"/>
  <c r="AF9532" i="1"/>
  <c r="AF9533" i="1"/>
  <c r="AF9534" i="1"/>
  <c r="AF9535" i="1"/>
  <c r="AF9536" i="1"/>
  <c r="AF9537" i="1"/>
  <c r="AF9538" i="1"/>
  <c r="AF9539" i="1"/>
  <c r="AF9540" i="1"/>
  <c r="AF9541" i="1"/>
  <c r="AF9542" i="1"/>
  <c r="AF9543" i="1"/>
  <c r="AF9544" i="1"/>
  <c r="AF9545" i="1"/>
  <c r="AF9546" i="1"/>
  <c r="AF9547" i="1"/>
  <c r="AF9548" i="1"/>
  <c r="AF9549" i="1"/>
  <c r="AF9550" i="1"/>
  <c r="AF9551" i="1"/>
  <c r="AF9552" i="1"/>
  <c r="AF9553" i="1"/>
  <c r="AF9554" i="1"/>
  <c r="AF9555" i="1"/>
  <c r="AF9556" i="1"/>
  <c r="AF9557" i="1"/>
  <c r="AF9558" i="1"/>
  <c r="AF9559" i="1"/>
  <c r="AF9560" i="1"/>
  <c r="AF9561" i="1"/>
  <c r="AF9562" i="1"/>
  <c r="AF9563" i="1"/>
  <c r="AF9564" i="1"/>
  <c r="AF9565" i="1"/>
  <c r="AF9566" i="1"/>
  <c r="AF9567" i="1"/>
  <c r="AF9568" i="1"/>
  <c r="AF9569" i="1"/>
  <c r="AF9570" i="1"/>
  <c r="AF9571" i="1"/>
  <c r="AF9572" i="1"/>
  <c r="AF9573" i="1"/>
  <c r="AF9574" i="1"/>
  <c r="AF9575" i="1"/>
  <c r="AF9576" i="1"/>
  <c r="AF9577" i="1"/>
  <c r="AF9578" i="1"/>
  <c r="AF9579" i="1"/>
  <c r="AF9580" i="1"/>
  <c r="AF9581" i="1"/>
  <c r="AF9582" i="1"/>
  <c r="AF9583" i="1"/>
  <c r="AF9584" i="1"/>
  <c r="AF9585" i="1"/>
  <c r="AF9586" i="1"/>
  <c r="AF9587" i="1"/>
  <c r="AF9588" i="1"/>
  <c r="AF9589" i="1"/>
  <c r="AF9590" i="1"/>
  <c r="AF9591" i="1"/>
  <c r="AF9592" i="1"/>
  <c r="AF9593" i="1"/>
  <c r="AF9594" i="1"/>
  <c r="AF9595" i="1"/>
  <c r="AF9596" i="1"/>
  <c r="AF9597" i="1"/>
  <c r="AF9598" i="1"/>
  <c r="AF9599" i="1"/>
  <c r="AF9600" i="1"/>
  <c r="AF9601" i="1"/>
  <c r="AF9602" i="1"/>
  <c r="AF9603" i="1"/>
  <c r="AF9604" i="1"/>
  <c r="AF9605" i="1"/>
  <c r="AF9606" i="1"/>
  <c r="AF9607" i="1"/>
  <c r="AF9608" i="1"/>
  <c r="AF9609" i="1"/>
  <c r="AF9610" i="1"/>
  <c r="AF9611" i="1"/>
  <c r="AF9612" i="1"/>
  <c r="AF9613" i="1"/>
  <c r="AF9614" i="1"/>
  <c r="AF9615" i="1"/>
  <c r="AF9616" i="1"/>
  <c r="AF9617" i="1"/>
  <c r="AF9618" i="1"/>
  <c r="AF9619" i="1"/>
  <c r="AF9620" i="1"/>
  <c r="AF9621" i="1"/>
  <c r="AF9622" i="1"/>
  <c r="AF9623" i="1"/>
  <c r="AF9624" i="1"/>
  <c r="AF9625" i="1"/>
  <c r="AF9626" i="1"/>
  <c r="AF9627" i="1"/>
  <c r="AF9628" i="1"/>
  <c r="AF9629" i="1"/>
  <c r="AF9630" i="1"/>
  <c r="AF9631" i="1"/>
  <c r="AF9632" i="1"/>
  <c r="AF9633" i="1"/>
  <c r="AF9634" i="1"/>
  <c r="AF9635" i="1"/>
  <c r="AF9636" i="1"/>
  <c r="AF9637" i="1"/>
  <c r="AF9638" i="1"/>
  <c r="AF9639" i="1"/>
  <c r="AF9640" i="1"/>
  <c r="AF9641" i="1"/>
  <c r="AF9642" i="1"/>
  <c r="AF9643" i="1"/>
  <c r="AF9644" i="1"/>
  <c r="AF9645" i="1"/>
  <c r="AF9646" i="1"/>
  <c r="AF9647" i="1"/>
  <c r="AF9648" i="1"/>
  <c r="AF9649" i="1"/>
  <c r="AF9650" i="1"/>
  <c r="AF9651" i="1"/>
  <c r="AF9652" i="1"/>
  <c r="AF9653" i="1"/>
  <c r="AF9654" i="1"/>
  <c r="AF9655" i="1"/>
  <c r="AF9656" i="1"/>
  <c r="AF9657" i="1"/>
  <c r="AF9658" i="1"/>
  <c r="AF9659" i="1"/>
  <c r="AF9660" i="1"/>
  <c r="AF9661" i="1"/>
  <c r="AF9662" i="1"/>
  <c r="AF9663" i="1"/>
  <c r="AF9664" i="1"/>
  <c r="AF9665" i="1"/>
  <c r="AF9666" i="1"/>
  <c r="AF9667" i="1"/>
  <c r="AF9668" i="1"/>
  <c r="AF9669" i="1"/>
  <c r="AF9670" i="1"/>
  <c r="AF9671" i="1"/>
  <c r="AF9672" i="1"/>
  <c r="AF9673" i="1"/>
  <c r="AF9674" i="1"/>
  <c r="AF9675" i="1"/>
  <c r="AF9676" i="1"/>
  <c r="AF9677" i="1"/>
  <c r="AF9678" i="1"/>
  <c r="AF9679" i="1"/>
  <c r="AF9680" i="1"/>
  <c r="AF9681" i="1"/>
  <c r="AF9682" i="1"/>
  <c r="AF9683" i="1"/>
  <c r="AF9684" i="1"/>
  <c r="AF9685" i="1"/>
  <c r="AF9686" i="1"/>
  <c r="AF9687" i="1"/>
  <c r="AF9688" i="1"/>
  <c r="AF9689" i="1"/>
  <c r="AF9690" i="1"/>
  <c r="AF9691" i="1"/>
  <c r="AF9692" i="1"/>
  <c r="AF9693" i="1"/>
  <c r="AF9694" i="1"/>
  <c r="AF9695" i="1"/>
  <c r="AF9696" i="1"/>
  <c r="AF9697" i="1"/>
  <c r="AF9698" i="1"/>
  <c r="AF9699" i="1"/>
  <c r="AF9700" i="1"/>
  <c r="AF9701" i="1"/>
  <c r="AF9702" i="1"/>
  <c r="AF9703" i="1"/>
  <c r="AF9704" i="1"/>
  <c r="AF9705" i="1"/>
  <c r="AF9706" i="1"/>
  <c r="AF9707" i="1"/>
  <c r="AF9708" i="1"/>
  <c r="AF9709" i="1"/>
  <c r="AF9710" i="1"/>
  <c r="AF9711" i="1"/>
  <c r="AF9712" i="1"/>
  <c r="AF9713" i="1"/>
  <c r="AF9714" i="1"/>
  <c r="AF9715" i="1"/>
  <c r="AF9716" i="1"/>
  <c r="AF9717" i="1"/>
  <c r="AF9718" i="1"/>
  <c r="AF9719" i="1"/>
  <c r="AF9720" i="1"/>
  <c r="AF9721" i="1"/>
  <c r="AF9722" i="1"/>
  <c r="AF9723" i="1"/>
  <c r="AF9724" i="1"/>
  <c r="AF9725" i="1"/>
  <c r="AF9726" i="1"/>
  <c r="AF9727" i="1"/>
  <c r="AF9728" i="1"/>
  <c r="AF9729" i="1"/>
  <c r="AF9730" i="1"/>
  <c r="AF9731" i="1"/>
  <c r="AF9732" i="1"/>
  <c r="AF9733" i="1"/>
  <c r="AF9734" i="1"/>
  <c r="AF9735" i="1"/>
  <c r="AF9736" i="1"/>
  <c r="AF9737" i="1"/>
  <c r="AF9738" i="1"/>
  <c r="AF9739" i="1"/>
  <c r="AF9740" i="1"/>
  <c r="AF9741" i="1"/>
  <c r="AF9742" i="1"/>
  <c r="AF9743" i="1"/>
  <c r="AF9744" i="1"/>
  <c r="AF9745" i="1"/>
  <c r="AF9746" i="1"/>
  <c r="AF9747" i="1"/>
  <c r="AF9748" i="1"/>
  <c r="AF9749" i="1"/>
  <c r="AF9750" i="1"/>
  <c r="AF9751" i="1"/>
  <c r="AF9752" i="1"/>
  <c r="AF9753" i="1"/>
  <c r="AF9754" i="1"/>
  <c r="AF9755" i="1"/>
  <c r="AF9756" i="1"/>
  <c r="AF9757" i="1"/>
  <c r="AF9758" i="1"/>
  <c r="AF9759" i="1"/>
  <c r="AF9760" i="1"/>
  <c r="AF9761" i="1"/>
  <c r="AF9762" i="1"/>
  <c r="AF9763" i="1"/>
  <c r="AF9764" i="1"/>
  <c r="AF9765" i="1"/>
  <c r="AF9766" i="1"/>
  <c r="AF9767" i="1"/>
  <c r="AF9768" i="1"/>
  <c r="AF9769" i="1"/>
  <c r="AF9770" i="1"/>
  <c r="AF9771" i="1"/>
  <c r="AF9772" i="1"/>
  <c r="AF9773" i="1"/>
  <c r="AF9774" i="1"/>
  <c r="AF9775" i="1"/>
  <c r="AF9776" i="1"/>
  <c r="AF9777" i="1"/>
  <c r="AF9778" i="1"/>
  <c r="AF9779" i="1"/>
  <c r="AF9780" i="1"/>
  <c r="AF9781" i="1"/>
  <c r="AF9782" i="1"/>
  <c r="AF9783" i="1"/>
  <c r="AF9784" i="1"/>
  <c r="AF9785" i="1"/>
  <c r="AF9786" i="1"/>
  <c r="AF9787" i="1"/>
  <c r="AF9788" i="1"/>
  <c r="AF9789" i="1"/>
  <c r="AF9790" i="1"/>
  <c r="AF9791" i="1"/>
  <c r="AF9792" i="1"/>
  <c r="AF9793" i="1"/>
  <c r="AF9794" i="1"/>
  <c r="AF9795" i="1"/>
  <c r="AF9796" i="1"/>
  <c r="AF9797" i="1"/>
  <c r="AF9798" i="1"/>
  <c r="AF9799" i="1"/>
  <c r="AF9800" i="1"/>
  <c r="AF9801" i="1"/>
  <c r="AF9802" i="1"/>
  <c r="AF9803" i="1"/>
  <c r="AF9804" i="1"/>
  <c r="AF9805" i="1"/>
  <c r="AF9806" i="1"/>
  <c r="AF9807" i="1"/>
  <c r="AF9808" i="1"/>
  <c r="AF9809" i="1"/>
  <c r="AF9810" i="1"/>
  <c r="AF9811" i="1"/>
  <c r="AF9812" i="1"/>
  <c r="AF9813" i="1"/>
  <c r="AF9814" i="1"/>
  <c r="AF9815" i="1"/>
  <c r="AF9816" i="1"/>
  <c r="AF9817" i="1"/>
  <c r="AF9818" i="1"/>
  <c r="AF9819" i="1"/>
  <c r="AF9820" i="1"/>
  <c r="AF9821" i="1"/>
  <c r="AF9822" i="1"/>
  <c r="AF9823" i="1"/>
  <c r="AF9824" i="1"/>
  <c r="AF9825" i="1"/>
  <c r="AF9826" i="1"/>
  <c r="AF9827" i="1"/>
  <c r="AF9828" i="1"/>
  <c r="AF9829" i="1"/>
  <c r="AF9830" i="1"/>
  <c r="AF9831" i="1"/>
  <c r="AF9832" i="1"/>
  <c r="AF9833" i="1"/>
  <c r="AF9834" i="1"/>
  <c r="AF9835" i="1"/>
  <c r="AF9836" i="1"/>
  <c r="AF9837" i="1"/>
  <c r="AF9838" i="1"/>
  <c r="AF9839" i="1"/>
  <c r="AF9840" i="1"/>
  <c r="AF9841" i="1"/>
  <c r="AF9842" i="1"/>
  <c r="AF9843" i="1"/>
  <c r="AF9844" i="1"/>
  <c r="AF9845" i="1"/>
  <c r="AF9846" i="1"/>
  <c r="AF9847" i="1"/>
  <c r="AF9848" i="1"/>
  <c r="AF9849" i="1"/>
  <c r="AF9850" i="1"/>
  <c r="AF9851" i="1"/>
  <c r="AF9852" i="1"/>
  <c r="AF9853" i="1"/>
  <c r="AF9854" i="1"/>
  <c r="AF9855" i="1"/>
  <c r="AF9856" i="1"/>
  <c r="AF9857" i="1"/>
  <c r="AF9858" i="1"/>
  <c r="AF9859" i="1"/>
  <c r="AF9860" i="1"/>
  <c r="AF9861" i="1"/>
  <c r="AF9862" i="1"/>
  <c r="AF9863" i="1"/>
  <c r="AF9864" i="1"/>
  <c r="AF9865" i="1"/>
  <c r="AF9866" i="1"/>
  <c r="AF9867" i="1"/>
  <c r="AF9868" i="1"/>
  <c r="AF9869" i="1"/>
  <c r="AF9870" i="1"/>
  <c r="AF9871" i="1"/>
  <c r="AF9872" i="1"/>
  <c r="AF9873" i="1"/>
  <c r="AF9874" i="1"/>
  <c r="AF9875" i="1"/>
  <c r="AF9876" i="1"/>
  <c r="AF9877" i="1"/>
  <c r="AF9878" i="1"/>
  <c r="AF9879" i="1"/>
  <c r="AF9880" i="1"/>
  <c r="AF9881" i="1"/>
  <c r="AF9882" i="1"/>
  <c r="AF9883" i="1"/>
  <c r="AF9884" i="1"/>
  <c r="AF9885" i="1"/>
  <c r="AF9886" i="1"/>
  <c r="AF9887" i="1"/>
  <c r="AF9888" i="1"/>
  <c r="AF9889" i="1"/>
  <c r="AF9890" i="1"/>
  <c r="AF9891" i="1"/>
  <c r="AF9892" i="1"/>
  <c r="AF9893" i="1"/>
  <c r="AF9894" i="1"/>
  <c r="AF9895" i="1"/>
  <c r="AF9896" i="1"/>
  <c r="AF9897" i="1"/>
  <c r="AF9898" i="1"/>
  <c r="AF9899" i="1"/>
  <c r="AF9900" i="1"/>
  <c r="AF9901" i="1"/>
  <c r="AF9902" i="1"/>
  <c r="AF9903" i="1"/>
  <c r="AF9904" i="1"/>
  <c r="AF9905" i="1"/>
  <c r="AF9906" i="1"/>
  <c r="AF9907" i="1"/>
  <c r="AF9908" i="1"/>
  <c r="AF9909" i="1"/>
  <c r="AF9910" i="1"/>
  <c r="AF9911" i="1"/>
  <c r="AF9912" i="1"/>
  <c r="AF9913" i="1"/>
  <c r="AF9914" i="1"/>
  <c r="AF9915" i="1"/>
  <c r="AF9916" i="1"/>
  <c r="AF9917" i="1"/>
  <c r="AF9918" i="1"/>
  <c r="AF9919" i="1"/>
  <c r="AF9920" i="1"/>
  <c r="AF9921" i="1"/>
  <c r="AF9922" i="1"/>
  <c r="AF9923" i="1"/>
  <c r="AF9924" i="1"/>
  <c r="AF9925" i="1"/>
  <c r="AF9926" i="1"/>
  <c r="AF9927" i="1"/>
  <c r="AF9928" i="1"/>
  <c r="AF9929" i="1"/>
  <c r="AF9930" i="1"/>
  <c r="AF9931" i="1"/>
  <c r="AF9932" i="1"/>
  <c r="AF9933" i="1"/>
  <c r="AF9934" i="1"/>
  <c r="AF9935" i="1"/>
  <c r="AF9936" i="1"/>
  <c r="AF9937" i="1"/>
  <c r="AF9938" i="1"/>
  <c r="AF9939" i="1"/>
  <c r="AF9940" i="1"/>
  <c r="AF9941" i="1"/>
  <c r="AF9942" i="1"/>
  <c r="AF9943" i="1"/>
  <c r="AF9944" i="1"/>
  <c r="AF9945" i="1"/>
  <c r="AF9946" i="1"/>
  <c r="AF9947" i="1"/>
  <c r="AF9948" i="1"/>
  <c r="AF9949" i="1"/>
  <c r="AF9950" i="1"/>
  <c r="AF9951" i="1"/>
  <c r="AF9952" i="1"/>
  <c r="AF9953" i="1"/>
  <c r="AF9954" i="1"/>
  <c r="AF9955" i="1"/>
  <c r="AF9956" i="1"/>
  <c r="AF9957" i="1"/>
  <c r="AF9958" i="1"/>
  <c r="AF9959" i="1"/>
  <c r="AF9960" i="1"/>
  <c r="AF9961" i="1"/>
  <c r="AF9962" i="1"/>
  <c r="AF9963" i="1"/>
  <c r="AF9964" i="1"/>
  <c r="AF9965" i="1"/>
  <c r="AF9966" i="1"/>
  <c r="AF9967" i="1"/>
  <c r="AF9968" i="1"/>
  <c r="AF9969" i="1"/>
  <c r="AF9970" i="1"/>
  <c r="AF9971" i="1"/>
  <c r="AF9972" i="1"/>
  <c r="AF9973" i="1"/>
  <c r="AF9974" i="1"/>
  <c r="AF9975" i="1"/>
  <c r="AF9976" i="1"/>
  <c r="AF9977" i="1"/>
  <c r="AF9978" i="1"/>
  <c r="AF9979" i="1"/>
  <c r="AF9980" i="1"/>
  <c r="AF9981" i="1"/>
  <c r="AF9982" i="1"/>
  <c r="AF9983" i="1"/>
  <c r="AF9984" i="1"/>
  <c r="AF9985" i="1"/>
  <c r="AF9986" i="1"/>
  <c r="AF9987" i="1"/>
  <c r="AF9988" i="1"/>
  <c r="AF9989" i="1"/>
  <c r="AF9990" i="1"/>
  <c r="AF9991" i="1"/>
  <c r="AF9992" i="1"/>
  <c r="AF9993" i="1"/>
  <c r="AF9994" i="1"/>
  <c r="AF9995" i="1"/>
  <c r="AF9996" i="1"/>
  <c r="AF9997" i="1"/>
  <c r="AF9998" i="1"/>
  <c r="AF9999" i="1"/>
  <c r="AF10000" i="1"/>
  <c r="AF10001" i="1"/>
  <c r="AF10002" i="1"/>
  <c r="AF10003" i="1"/>
  <c r="AF10004" i="1"/>
  <c r="AF10005" i="1"/>
  <c r="AF10006" i="1"/>
  <c r="AF10007" i="1"/>
  <c r="AF10008" i="1"/>
  <c r="AF10009" i="1"/>
  <c r="AF10010" i="1"/>
  <c r="AF10011" i="1"/>
  <c r="AF10012" i="1"/>
  <c r="AF10013" i="1"/>
  <c r="AF10014" i="1"/>
  <c r="AF10015" i="1"/>
  <c r="AF10016" i="1"/>
  <c r="AF10017" i="1"/>
  <c r="AF10018" i="1"/>
  <c r="AF10019" i="1"/>
  <c r="AF10020" i="1"/>
  <c r="AF10021" i="1"/>
  <c r="AF10022" i="1"/>
  <c r="AF10023" i="1"/>
  <c r="AF10024" i="1"/>
  <c r="AF10025" i="1"/>
  <c r="AF10026" i="1"/>
  <c r="AF10027" i="1"/>
  <c r="AF10028" i="1"/>
  <c r="AF10029" i="1"/>
  <c r="AF10030" i="1"/>
  <c r="AF10031" i="1"/>
  <c r="AF10032" i="1"/>
  <c r="AF10033" i="1"/>
  <c r="AF10034" i="1"/>
  <c r="AF10035" i="1"/>
  <c r="AF10036" i="1"/>
  <c r="AF10037" i="1"/>
  <c r="AF10038" i="1"/>
  <c r="AF10039" i="1"/>
  <c r="AF10040" i="1"/>
  <c r="AF10041" i="1"/>
  <c r="AF10042" i="1"/>
  <c r="AF10043" i="1"/>
  <c r="AF10044" i="1"/>
  <c r="AF10045" i="1"/>
  <c r="AF10046" i="1"/>
  <c r="AF10047" i="1"/>
  <c r="AF10048" i="1"/>
  <c r="AF10049" i="1"/>
  <c r="AF10050" i="1"/>
  <c r="AF10051" i="1"/>
  <c r="AF10052" i="1"/>
  <c r="AF10053" i="1"/>
  <c r="AF10054" i="1"/>
  <c r="AF10055" i="1"/>
  <c r="AF10056" i="1"/>
  <c r="AF10057" i="1"/>
  <c r="AF10058" i="1"/>
  <c r="AF10059" i="1"/>
  <c r="AF10060" i="1"/>
  <c r="AF10061" i="1"/>
  <c r="AF10062" i="1"/>
  <c r="AF10063" i="1"/>
  <c r="AF10064" i="1"/>
  <c r="AF10065" i="1"/>
  <c r="AF10066" i="1"/>
  <c r="AF10067" i="1"/>
  <c r="AF10068" i="1"/>
  <c r="AF10069" i="1"/>
  <c r="AF10070" i="1"/>
  <c r="AF10071" i="1"/>
  <c r="AF10072" i="1"/>
  <c r="AF10073" i="1"/>
  <c r="AF10074" i="1"/>
  <c r="AF10075" i="1"/>
  <c r="AF10076" i="1"/>
  <c r="AF10077" i="1"/>
  <c r="AF10078" i="1"/>
  <c r="AF10079" i="1"/>
  <c r="AF10080" i="1"/>
  <c r="AF10081" i="1"/>
  <c r="AF10082" i="1"/>
  <c r="AF10083" i="1"/>
  <c r="AF10084" i="1"/>
  <c r="AF10085" i="1"/>
  <c r="AF10086" i="1"/>
  <c r="AF10087" i="1"/>
  <c r="AF10088" i="1"/>
  <c r="AF10089" i="1"/>
  <c r="AF10090" i="1"/>
  <c r="AF10091" i="1"/>
  <c r="AF10092" i="1"/>
  <c r="AF10093" i="1"/>
  <c r="AF10094" i="1"/>
  <c r="AF10095" i="1"/>
  <c r="AF10096" i="1"/>
  <c r="AF10097" i="1"/>
  <c r="AF10098" i="1"/>
  <c r="AF10099" i="1"/>
  <c r="AF10100" i="1"/>
  <c r="AF10101" i="1"/>
  <c r="AF10102" i="1"/>
  <c r="AF10103" i="1"/>
  <c r="AF10104" i="1"/>
  <c r="AF10105" i="1"/>
  <c r="AF10106" i="1"/>
  <c r="AF10107" i="1"/>
  <c r="AF10108" i="1"/>
  <c r="AF10109" i="1"/>
  <c r="AF10110" i="1"/>
  <c r="AF10111" i="1"/>
  <c r="AF10112" i="1"/>
  <c r="AF10113" i="1"/>
  <c r="AF10114" i="1"/>
  <c r="AF10115" i="1"/>
  <c r="AF10116" i="1"/>
  <c r="AF10117" i="1"/>
  <c r="AF10118" i="1"/>
  <c r="AF10119" i="1"/>
  <c r="AF10120" i="1"/>
  <c r="AF10121" i="1"/>
  <c r="AF10122" i="1"/>
  <c r="AF10123" i="1"/>
  <c r="AF10124" i="1"/>
  <c r="AF10125" i="1"/>
  <c r="AF10126" i="1"/>
  <c r="AF10127" i="1"/>
  <c r="AF10128" i="1"/>
  <c r="AF10129" i="1"/>
  <c r="AF10130" i="1"/>
  <c r="AF10131" i="1"/>
  <c r="AF10132" i="1"/>
  <c r="AF10133" i="1"/>
  <c r="AF10134" i="1"/>
  <c r="AF10135" i="1"/>
  <c r="AF10136" i="1"/>
  <c r="AF10137" i="1"/>
  <c r="AF10138" i="1"/>
  <c r="AF10139" i="1"/>
  <c r="AF10140" i="1"/>
  <c r="AF10141" i="1"/>
  <c r="AF10142" i="1"/>
  <c r="AF10143" i="1"/>
  <c r="AF10144" i="1"/>
  <c r="AF10145" i="1"/>
  <c r="AF10146" i="1"/>
  <c r="AF10147" i="1"/>
  <c r="AF10148" i="1"/>
  <c r="AF10149" i="1"/>
  <c r="AF10150" i="1"/>
  <c r="AF10151" i="1"/>
  <c r="AF10152" i="1"/>
  <c r="AF10153" i="1"/>
  <c r="AF10154" i="1"/>
  <c r="AF10155" i="1"/>
  <c r="AF10156" i="1"/>
  <c r="AF10157" i="1"/>
  <c r="AF10158" i="1"/>
  <c r="AF10159" i="1"/>
  <c r="AF10160" i="1"/>
  <c r="AF10161" i="1"/>
  <c r="AF10162" i="1"/>
  <c r="AF10163" i="1"/>
  <c r="AF10164" i="1"/>
  <c r="AF10165" i="1"/>
  <c r="AF10166" i="1"/>
  <c r="AF10167" i="1"/>
  <c r="AF10168" i="1"/>
  <c r="AF10169" i="1"/>
  <c r="AF10170" i="1"/>
  <c r="AF10171" i="1"/>
  <c r="AF10172" i="1"/>
  <c r="AF10173" i="1"/>
  <c r="AF10174" i="1"/>
  <c r="AF10175" i="1"/>
  <c r="AF10176" i="1"/>
  <c r="AF10177" i="1"/>
  <c r="AF10178" i="1"/>
  <c r="AF10179" i="1"/>
  <c r="AF10180" i="1"/>
  <c r="AF10181" i="1"/>
  <c r="AF10182" i="1"/>
  <c r="AF10183" i="1"/>
  <c r="AF10184" i="1"/>
  <c r="AF10185" i="1"/>
  <c r="AF10186" i="1"/>
  <c r="AF10187" i="1"/>
  <c r="AF10188" i="1"/>
  <c r="AF10189" i="1"/>
  <c r="AF10190" i="1"/>
  <c r="AF10191" i="1"/>
  <c r="AF10192" i="1"/>
  <c r="AF10193" i="1"/>
  <c r="AF10194" i="1"/>
  <c r="AF10195" i="1"/>
  <c r="AF10196" i="1"/>
  <c r="AF10197" i="1"/>
  <c r="AF10198" i="1"/>
  <c r="AF10199" i="1"/>
  <c r="AF10200" i="1"/>
  <c r="AF10201" i="1"/>
  <c r="AF10202" i="1"/>
  <c r="AF10203" i="1"/>
  <c r="AF10204" i="1"/>
  <c r="AF10205" i="1"/>
  <c r="AF10206" i="1"/>
  <c r="AF10207" i="1"/>
  <c r="AF10208" i="1"/>
  <c r="AF10209" i="1"/>
  <c r="AF10210" i="1"/>
  <c r="AF10211" i="1"/>
  <c r="AF10212" i="1"/>
  <c r="AF10213" i="1"/>
  <c r="AF10214" i="1"/>
  <c r="AF10215" i="1"/>
  <c r="AF10216" i="1"/>
  <c r="AF10217" i="1"/>
  <c r="AF10218" i="1"/>
  <c r="AF10219" i="1"/>
  <c r="AF10220" i="1"/>
  <c r="AF10221" i="1"/>
  <c r="AF10222" i="1"/>
  <c r="AF10223" i="1"/>
  <c r="AF10224" i="1"/>
  <c r="AF10225" i="1"/>
  <c r="AF10226" i="1"/>
  <c r="AF10227" i="1"/>
  <c r="AF10228" i="1"/>
  <c r="AF10229" i="1"/>
  <c r="AF10230" i="1"/>
  <c r="AF10231" i="1"/>
  <c r="AF10232" i="1"/>
  <c r="AF10233" i="1"/>
  <c r="AF10234" i="1"/>
  <c r="AF10235" i="1"/>
  <c r="AF10236" i="1"/>
  <c r="AF10237" i="1"/>
  <c r="AF10238" i="1"/>
  <c r="AF10239" i="1"/>
  <c r="AF10240" i="1"/>
  <c r="AF10241" i="1"/>
  <c r="AF10242" i="1"/>
  <c r="AF10243" i="1"/>
  <c r="AF10244" i="1"/>
  <c r="AF10245" i="1"/>
  <c r="AF10246" i="1"/>
  <c r="AF10247" i="1"/>
  <c r="AF10248" i="1"/>
  <c r="AF10249" i="1"/>
  <c r="AF10250" i="1"/>
  <c r="AF10251" i="1"/>
  <c r="AF10252" i="1"/>
  <c r="AF10253" i="1"/>
  <c r="AF10254" i="1"/>
  <c r="AF10255" i="1"/>
  <c r="AF10256" i="1"/>
  <c r="AF10257" i="1"/>
  <c r="AF10258" i="1"/>
  <c r="AF10259" i="1"/>
  <c r="AF10260" i="1"/>
  <c r="AF10261" i="1"/>
  <c r="AF10262" i="1"/>
  <c r="AF10263" i="1"/>
  <c r="AF10264" i="1"/>
  <c r="AF10265" i="1"/>
  <c r="AF10266" i="1"/>
  <c r="AF10267" i="1"/>
  <c r="AF10268" i="1"/>
  <c r="AF10269" i="1"/>
  <c r="AF10270" i="1"/>
  <c r="AF10271" i="1"/>
  <c r="AF10272" i="1"/>
  <c r="AF10273" i="1"/>
  <c r="AF10274" i="1"/>
  <c r="AF10275" i="1"/>
  <c r="AF10276" i="1"/>
  <c r="AF10277" i="1"/>
  <c r="AF10278" i="1"/>
  <c r="AF10279" i="1"/>
  <c r="AF10280" i="1"/>
  <c r="AF10281" i="1"/>
  <c r="AF10282" i="1"/>
  <c r="AF10283" i="1"/>
  <c r="AF10284" i="1"/>
  <c r="AF10285" i="1"/>
  <c r="AF10286" i="1"/>
  <c r="AF10287" i="1"/>
  <c r="AF10288" i="1"/>
  <c r="AF10289" i="1"/>
  <c r="AF10290" i="1"/>
  <c r="AF10291" i="1"/>
  <c r="AF10292" i="1"/>
  <c r="AF10293" i="1"/>
  <c r="AF10294" i="1"/>
  <c r="AF10295" i="1"/>
  <c r="AF10296" i="1"/>
  <c r="AF10297" i="1"/>
  <c r="AF10298" i="1"/>
  <c r="AF10299" i="1"/>
  <c r="AF10300" i="1"/>
  <c r="AF10301" i="1"/>
  <c r="AF10302" i="1"/>
  <c r="AF10303" i="1"/>
  <c r="AF10304" i="1"/>
  <c r="AF10305" i="1"/>
  <c r="AF10306" i="1"/>
  <c r="AF10307" i="1"/>
  <c r="AF10308" i="1"/>
  <c r="AF10309" i="1"/>
  <c r="AF10310" i="1"/>
  <c r="AF10311" i="1"/>
  <c r="AF10312" i="1"/>
  <c r="AF10313" i="1"/>
  <c r="AF10314" i="1"/>
  <c r="AF10315" i="1"/>
  <c r="AF10316" i="1"/>
  <c r="AF10317" i="1"/>
  <c r="AF10318" i="1"/>
  <c r="AF10319" i="1"/>
  <c r="AF10320" i="1"/>
  <c r="AF10321" i="1"/>
  <c r="AF10322" i="1"/>
  <c r="AF10323" i="1"/>
  <c r="AF10324" i="1"/>
  <c r="AF10325" i="1"/>
  <c r="AF10326" i="1"/>
  <c r="AF10327" i="1"/>
  <c r="AF10328" i="1"/>
  <c r="AF10329" i="1"/>
  <c r="AF10330" i="1"/>
  <c r="AF10331" i="1"/>
  <c r="AF10332" i="1"/>
  <c r="AF10333" i="1"/>
  <c r="AF10334" i="1"/>
  <c r="AF10335" i="1"/>
  <c r="AF10336" i="1"/>
  <c r="AF10337" i="1"/>
  <c r="AF10338" i="1"/>
  <c r="AF10339" i="1"/>
  <c r="AF10340" i="1"/>
  <c r="AF10341" i="1"/>
  <c r="AF10342" i="1"/>
  <c r="AF10343" i="1"/>
  <c r="AF10344" i="1"/>
  <c r="AF10345" i="1"/>
  <c r="AF10346" i="1"/>
  <c r="AF10347" i="1"/>
  <c r="AF10348" i="1"/>
  <c r="AF10349" i="1"/>
  <c r="AF10350" i="1"/>
  <c r="AF10351" i="1"/>
  <c r="AF10352" i="1"/>
  <c r="AF10353" i="1"/>
  <c r="AF10354" i="1"/>
  <c r="AF10355" i="1"/>
  <c r="AF10356" i="1"/>
  <c r="AF10357" i="1"/>
  <c r="AF10358" i="1"/>
  <c r="AF10359" i="1"/>
  <c r="AF10360" i="1"/>
  <c r="AF10361" i="1"/>
  <c r="AF10362" i="1"/>
  <c r="AF10363" i="1"/>
  <c r="AF10364" i="1"/>
  <c r="AF10365" i="1"/>
  <c r="AF10366" i="1"/>
  <c r="AF10367" i="1"/>
  <c r="AF10368" i="1"/>
  <c r="AF10369" i="1"/>
  <c r="AF10370" i="1"/>
  <c r="AF10371" i="1"/>
  <c r="AF10372" i="1"/>
  <c r="AF10373" i="1"/>
  <c r="AF10374" i="1"/>
  <c r="AF10375" i="1"/>
  <c r="AF10376" i="1"/>
  <c r="AF10377" i="1"/>
  <c r="AF10378" i="1"/>
  <c r="AF10379" i="1"/>
  <c r="AF10380" i="1"/>
  <c r="AF10381" i="1"/>
  <c r="AF10382" i="1"/>
  <c r="AF10383" i="1"/>
  <c r="AF10384" i="1"/>
  <c r="AF10385" i="1"/>
  <c r="AF10386" i="1"/>
  <c r="AF10387" i="1"/>
  <c r="AF10388" i="1"/>
  <c r="AF10389" i="1"/>
  <c r="AF10390" i="1"/>
  <c r="AF10391" i="1"/>
  <c r="AF10392" i="1"/>
  <c r="AF10393" i="1"/>
  <c r="AF10394" i="1"/>
  <c r="AF10395" i="1"/>
  <c r="AF10396" i="1"/>
  <c r="AF10397" i="1"/>
  <c r="AF10398" i="1"/>
  <c r="AF10399" i="1"/>
  <c r="AF10400" i="1"/>
  <c r="AF10401" i="1"/>
  <c r="AF10402" i="1"/>
  <c r="AF10403" i="1"/>
  <c r="AF10404" i="1"/>
  <c r="AF10405" i="1"/>
  <c r="AF10406" i="1"/>
  <c r="AF10407" i="1"/>
  <c r="AF10408" i="1"/>
  <c r="AF10409" i="1"/>
  <c r="AF10410" i="1"/>
  <c r="AF10411" i="1"/>
  <c r="AF10412" i="1"/>
  <c r="AF10413" i="1"/>
  <c r="AF10414" i="1"/>
  <c r="AF10415" i="1"/>
  <c r="AF10416" i="1"/>
  <c r="AF10417" i="1"/>
  <c r="AF10418" i="1"/>
  <c r="AF10419" i="1"/>
  <c r="AF10420" i="1"/>
  <c r="AF10421" i="1"/>
  <c r="AF10422" i="1"/>
  <c r="AF10423" i="1"/>
  <c r="AF10424" i="1"/>
  <c r="AF10425" i="1"/>
  <c r="AF10426" i="1"/>
  <c r="AF10427" i="1"/>
  <c r="AF10428" i="1"/>
  <c r="AF10429" i="1"/>
  <c r="AF10430" i="1"/>
  <c r="AF10431" i="1"/>
  <c r="AF10432" i="1"/>
  <c r="AF10433" i="1"/>
  <c r="AF10434" i="1"/>
  <c r="AF10435" i="1"/>
  <c r="AF10436" i="1"/>
  <c r="AF10437" i="1"/>
  <c r="AF10438" i="1"/>
  <c r="AF10439" i="1"/>
  <c r="AF10440" i="1"/>
  <c r="AF10441" i="1"/>
  <c r="AF10442" i="1"/>
  <c r="AF10443" i="1"/>
  <c r="AF10444" i="1"/>
  <c r="AF10445" i="1"/>
  <c r="AF10446" i="1"/>
  <c r="AF10447" i="1"/>
  <c r="AF10448" i="1"/>
  <c r="AF10449" i="1"/>
  <c r="AF10450" i="1"/>
  <c r="AF10451" i="1"/>
  <c r="AF10452" i="1"/>
  <c r="AF10453" i="1"/>
  <c r="AF10454" i="1"/>
  <c r="AF10455" i="1"/>
  <c r="AF10456" i="1"/>
  <c r="AF10457" i="1"/>
  <c r="AF10458" i="1"/>
  <c r="AF10459" i="1"/>
  <c r="AF10460" i="1"/>
  <c r="AF10461" i="1"/>
  <c r="AF10462" i="1"/>
  <c r="AF10463" i="1"/>
  <c r="AF10464" i="1"/>
  <c r="AF10465" i="1"/>
  <c r="AF10466" i="1"/>
  <c r="AF10467" i="1"/>
  <c r="AF10468" i="1"/>
  <c r="AF10469" i="1"/>
  <c r="AF10470" i="1"/>
  <c r="AF10471" i="1"/>
  <c r="AF10472" i="1"/>
  <c r="AF10473" i="1"/>
  <c r="AF10474" i="1"/>
  <c r="AF10475" i="1"/>
  <c r="AF10476" i="1"/>
  <c r="AF10477" i="1"/>
  <c r="AF10478" i="1"/>
  <c r="AF10479" i="1"/>
  <c r="AF10480" i="1"/>
  <c r="AF10481" i="1"/>
  <c r="AF10482" i="1"/>
  <c r="AF10483" i="1"/>
  <c r="AF10484" i="1"/>
  <c r="AF10485" i="1"/>
  <c r="AF10486" i="1"/>
  <c r="AF10487" i="1"/>
  <c r="AF10488" i="1"/>
  <c r="AF10489" i="1"/>
  <c r="AF10490" i="1"/>
  <c r="AF10491" i="1"/>
  <c r="AF10492" i="1"/>
  <c r="AF10493" i="1"/>
  <c r="AF10494" i="1"/>
  <c r="AF10495" i="1"/>
  <c r="AF10496" i="1"/>
  <c r="AF10497" i="1"/>
  <c r="AF10498" i="1"/>
  <c r="AF10499" i="1"/>
  <c r="AF10500" i="1"/>
  <c r="AF10501" i="1"/>
  <c r="AF10502" i="1"/>
  <c r="AF10503" i="1"/>
  <c r="AF10504" i="1"/>
  <c r="AF10505" i="1"/>
  <c r="AF10506" i="1"/>
  <c r="AF10507" i="1"/>
  <c r="AF10508" i="1"/>
  <c r="AF10509" i="1"/>
  <c r="AF10510" i="1"/>
  <c r="AF10511" i="1"/>
  <c r="AF10512" i="1"/>
  <c r="AF10513" i="1"/>
  <c r="AF10514" i="1"/>
  <c r="AF10515" i="1"/>
  <c r="AF10516" i="1"/>
  <c r="AF10517" i="1"/>
  <c r="AF10518" i="1"/>
  <c r="AF10519" i="1"/>
  <c r="AF10520" i="1"/>
  <c r="AF10521" i="1"/>
  <c r="AF10522" i="1"/>
  <c r="AF10523" i="1"/>
  <c r="AF10524" i="1"/>
  <c r="AF10525" i="1"/>
  <c r="AF10526" i="1"/>
  <c r="AF10527" i="1"/>
  <c r="AF10528" i="1"/>
  <c r="AF10529" i="1"/>
  <c r="AF10530" i="1"/>
  <c r="AF10531" i="1"/>
  <c r="AF10532" i="1"/>
  <c r="AF10533" i="1"/>
  <c r="AF10534" i="1"/>
  <c r="AF10535" i="1"/>
  <c r="AF10536" i="1"/>
  <c r="AF10537" i="1"/>
  <c r="AF10538" i="1"/>
  <c r="AF10539" i="1"/>
  <c r="AF10540" i="1"/>
  <c r="AF10541" i="1"/>
  <c r="AF10542" i="1"/>
  <c r="AF10543" i="1"/>
  <c r="AF10544" i="1"/>
  <c r="AF10545" i="1"/>
  <c r="AF10546" i="1"/>
  <c r="AF10547" i="1"/>
  <c r="AF10548" i="1"/>
  <c r="AF10549" i="1"/>
  <c r="AF10550" i="1"/>
  <c r="AF10551" i="1"/>
  <c r="AF10552" i="1"/>
  <c r="AF10553" i="1"/>
  <c r="AF10554" i="1"/>
  <c r="AF10555" i="1"/>
  <c r="AF10556" i="1"/>
  <c r="AF10557" i="1"/>
  <c r="AF10558" i="1"/>
  <c r="AF10559" i="1"/>
  <c r="AF10560" i="1"/>
  <c r="AF10561" i="1"/>
  <c r="AF10562" i="1"/>
  <c r="AF10563" i="1"/>
  <c r="AF10564" i="1"/>
  <c r="AF10565" i="1"/>
  <c r="AF10566" i="1"/>
  <c r="AF10567" i="1"/>
  <c r="AF10568" i="1"/>
  <c r="AF10569" i="1"/>
  <c r="AF10570" i="1"/>
  <c r="AF10571" i="1"/>
  <c r="AF10572" i="1"/>
  <c r="AF10573" i="1"/>
  <c r="AF10574" i="1"/>
  <c r="AF10575" i="1"/>
  <c r="AF10576" i="1"/>
  <c r="AF10577" i="1"/>
  <c r="AF10578" i="1"/>
  <c r="AF10579" i="1"/>
  <c r="AF10580" i="1"/>
  <c r="AF10581" i="1"/>
  <c r="AF10582" i="1"/>
  <c r="AF10583" i="1"/>
  <c r="AF10584" i="1"/>
  <c r="AF10585" i="1"/>
  <c r="AF10586" i="1"/>
  <c r="AF10587" i="1"/>
  <c r="AF10588" i="1"/>
  <c r="AF10589" i="1"/>
  <c r="AF10590" i="1"/>
  <c r="AF10591" i="1"/>
  <c r="AF10592" i="1"/>
  <c r="AF10593" i="1"/>
  <c r="AF10594" i="1"/>
  <c r="AF10595" i="1"/>
  <c r="AF10596" i="1"/>
  <c r="AF10597" i="1"/>
  <c r="AF10598" i="1"/>
  <c r="AF10599" i="1"/>
  <c r="AF10600" i="1"/>
  <c r="AF10601" i="1"/>
  <c r="AF10602" i="1"/>
  <c r="AF10603" i="1"/>
  <c r="AF10604" i="1"/>
  <c r="AF10605" i="1"/>
  <c r="AF10606" i="1"/>
  <c r="AF10607" i="1"/>
  <c r="AF10608" i="1"/>
  <c r="AF10609" i="1"/>
  <c r="AF10610" i="1"/>
  <c r="AF10611" i="1"/>
  <c r="AF10612" i="1"/>
  <c r="AF10613" i="1"/>
  <c r="AF10614" i="1"/>
  <c r="AF10615" i="1"/>
  <c r="AF10616" i="1"/>
  <c r="AF10617" i="1"/>
  <c r="AF10618" i="1"/>
  <c r="AF10619" i="1"/>
  <c r="AF10620" i="1"/>
  <c r="AF10621" i="1"/>
  <c r="AF10622" i="1"/>
  <c r="AF10623" i="1"/>
  <c r="AF10624" i="1"/>
  <c r="AF10625" i="1"/>
  <c r="AF10626" i="1"/>
  <c r="AF10627" i="1"/>
  <c r="AF10628" i="1"/>
  <c r="AF10629" i="1"/>
  <c r="AF10630" i="1"/>
  <c r="AF10631" i="1"/>
  <c r="AF10632" i="1"/>
  <c r="AF10633" i="1"/>
  <c r="AF10634" i="1"/>
  <c r="AF10635" i="1"/>
  <c r="AF10636" i="1"/>
  <c r="AF10637" i="1"/>
  <c r="AF10638" i="1"/>
  <c r="AF10639" i="1"/>
  <c r="AF10640" i="1"/>
  <c r="AF10641" i="1"/>
  <c r="AF10642" i="1"/>
  <c r="AF10643" i="1"/>
  <c r="AF10644" i="1"/>
  <c r="AF10645" i="1"/>
  <c r="AF10646" i="1"/>
  <c r="AF10647" i="1"/>
  <c r="AF10648" i="1"/>
  <c r="AF10649" i="1"/>
  <c r="AF10650" i="1"/>
  <c r="AF10651" i="1"/>
  <c r="AF10652" i="1"/>
  <c r="AF10653" i="1"/>
  <c r="AF10654" i="1"/>
  <c r="AF10655" i="1"/>
  <c r="AF10656" i="1"/>
  <c r="AF10657" i="1"/>
  <c r="AF10658" i="1"/>
  <c r="AF10659" i="1"/>
  <c r="AF10660" i="1"/>
  <c r="AF10661" i="1"/>
  <c r="AF10662" i="1"/>
  <c r="AF10663" i="1"/>
  <c r="AF10664" i="1"/>
  <c r="AF10665" i="1"/>
  <c r="AF10666" i="1"/>
  <c r="AF10667" i="1"/>
  <c r="AF10668" i="1"/>
  <c r="AF10669" i="1"/>
  <c r="AF10670" i="1"/>
  <c r="AF10671" i="1"/>
  <c r="AF10672" i="1"/>
  <c r="AF10673" i="1"/>
  <c r="AF10674" i="1"/>
  <c r="AF10675" i="1"/>
  <c r="AF10676" i="1"/>
  <c r="AF10677" i="1"/>
  <c r="AF10678" i="1"/>
  <c r="AF10679" i="1"/>
  <c r="AF10680" i="1"/>
  <c r="AF10681" i="1"/>
  <c r="AF10682" i="1"/>
  <c r="AF10683" i="1"/>
  <c r="AF10684" i="1"/>
  <c r="AF10685" i="1"/>
  <c r="AF10686" i="1"/>
  <c r="AF10687" i="1"/>
  <c r="AF10688" i="1"/>
  <c r="AF10689" i="1"/>
  <c r="AF10690" i="1"/>
  <c r="AF10691" i="1"/>
  <c r="AF10692" i="1"/>
  <c r="AF10693" i="1"/>
  <c r="AF10694" i="1"/>
  <c r="AF10695" i="1"/>
  <c r="AF10696" i="1"/>
  <c r="AF10697" i="1"/>
  <c r="AF10698" i="1"/>
  <c r="AF10699" i="1"/>
  <c r="AF10700" i="1"/>
  <c r="AF10701" i="1"/>
  <c r="AF10702" i="1"/>
  <c r="AF10703" i="1"/>
  <c r="AF10704" i="1"/>
  <c r="AF10705" i="1"/>
  <c r="AF10706" i="1"/>
  <c r="AF10707" i="1"/>
  <c r="AF10708" i="1"/>
  <c r="AF10709" i="1"/>
  <c r="AF10710" i="1"/>
  <c r="AF10711" i="1"/>
  <c r="AF10712" i="1"/>
  <c r="AF10713" i="1"/>
  <c r="AF10714" i="1"/>
  <c r="AF10715" i="1"/>
  <c r="AF10716" i="1"/>
  <c r="AF10717" i="1"/>
  <c r="AF10718" i="1"/>
  <c r="AF10719" i="1"/>
  <c r="AF10720" i="1"/>
  <c r="AF10721" i="1"/>
  <c r="AF10722" i="1"/>
  <c r="AF10723" i="1"/>
  <c r="AF10724" i="1"/>
  <c r="AF10725" i="1"/>
  <c r="AF10726" i="1"/>
  <c r="AF10727" i="1"/>
  <c r="AF10728" i="1"/>
  <c r="AF10729" i="1"/>
  <c r="AF10730" i="1"/>
  <c r="AF10731" i="1"/>
  <c r="AF10732" i="1"/>
  <c r="AF10733" i="1"/>
  <c r="AF10734" i="1"/>
  <c r="AF10735" i="1"/>
  <c r="AF10736" i="1"/>
  <c r="AF10737" i="1"/>
  <c r="AF10738" i="1"/>
  <c r="AF10739" i="1"/>
  <c r="AF10740" i="1"/>
  <c r="AF10741" i="1"/>
  <c r="AF10742" i="1"/>
  <c r="AF10743" i="1"/>
  <c r="AF10744" i="1"/>
  <c r="AF10745" i="1"/>
  <c r="AF10746" i="1"/>
  <c r="AF10747" i="1"/>
  <c r="AF10748" i="1"/>
  <c r="AF10749" i="1"/>
  <c r="AF10750" i="1"/>
  <c r="AF10751" i="1"/>
  <c r="AF10752" i="1"/>
  <c r="AF10753" i="1"/>
  <c r="AF10754" i="1"/>
  <c r="AF10755" i="1"/>
  <c r="AF10756" i="1"/>
  <c r="AF10757" i="1"/>
  <c r="AF10758" i="1"/>
  <c r="AF10759" i="1"/>
  <c r="AF10760" i="1"/>
  <c r="AF10761" i="1"/>
  <c r="AF10762" i="1"/>
  <c r="AF10763" i="1"/>
  <c r="AF10764" i="1"/>
  <c r="AF10765" i="1"/>
  <c r="AF10766" i="1"/>
  <c r="AF10767" i="1"/>
  <c r="AF10768" i="1"/>
  <c r="AF10769" i="1"/>
  <c r="AF10770" i="1"/>
  <c r="AF10771" i="1"/>
  <c r="AF10772" i="1"/>
  <c r="AF10773" i="1"/>
  <c r="AF10774" i="1"/>
  <c r="AF10775" i="1"/>
  <c r="AF10776" i="1"/>
  <c r="AF10777" i="1"/>
  <c r="AF10778" i="1"/>
  <c r="AF10779" i="1"/>
  <c r="AF10780" i="1"/>
  <c r="AF10781" i="1"/>
  <c r="AF10782" i="1"/>
  <c r="AF10783" i="1"/>
  <c r="AF10784" i="1"/>
  <c r="AF10785" i="1"/>
  <c r="AF10786" i="1"/>
  <c r="AF10787" i="1"/>
  <c r="AF10788" i="1"/>
  <c r="AF10789" i="1"/>
  <c r="AF10790" i="1"/>
  <c r="AF10791" i="1"/>
  <c r="AF10792" i="1"/>
  <c r="AF10793" i="1"/>
  <c r="AF10794" i="1"/>
  <c r="AF10795" i="1"/>
  <c r="AF10796" i="1"/>
  <c r="AF10797" i="1"/>
  <c r="AF10798" i="1"/>
  <c r="AF10799" i="1"/>
  <c r="AF10800" i="1"/>
  <c r="AF10801" i="1"/>
  <c r="AF10802" i="1"/>
  <c r="AF10803" i="1"/>
  <c r="AF10804" i="1"/>
  <c r="AF10805" i="1"/>
  <c r="AF10806" i="1"/>
  <c r="AF10807" i="1"/>
  <c r="AF10808" i="1"/>
  <c r="AF10809" i="1"/>
  <c r="AF10810" i="1"/>
  <c r="AF10811" i="1"/>
  <c r="AF10812" i="1"/>
  <c r="AF10813" i="1"/>
  <c r="AF10814" i="1"/>
  <c r="AF10815" i="1"/>
  <c r="AF10816" i="1"/>
  <c r="AF10817" i="1"/>
  <c r="AF10818" i="1"/>
  <c r="AF10819" i="1"/>
  <c r="AF10820" i="1"/>
  <c r="AF10821" i="1"/>
  <c r="AF10822" i="1"/>
  <c r="AF10823" i="1"/>
  <c r="AF10824" i="1"/>
  <c r="AF10825" i="1"/>
  <c r="AF10826" i="1"/>
  <c r="AF10827" i="1"/>
  <c r="AF10828" i="1"/>
  <c r="AF10829" i="1"/>
  <c r="AF10830" i="1"/>
  <c r="AF10831" i="1"/>
  <c r="AF10832" i="1"/>
  <c r="AF10833" i="1"/>
  <c r="AF10834" i="1"/>
  <c r="AF10835" i="1"/>
  <c r="AF10836" i="1"/>
  <c r="AF10837" i="1"/>
  <c r="AF10838" i="1"/>
  <c r="AF10839" i="1"/>
  <c r="AF10840" i="1"/>
  <c r="AF10841" i="1"/>
  <c r="AF10842" i="1"/>
  <c r="AF10843" i="1"/>
  <c r="AF10844" i="1"/>
  <c r="AF10845" i="1"/>
  <c r="AF10846" i="1"/>
  <c r="AF10847" i="1"/>
  <c r="AF10848" i="1"/>
  <c r="AF10849" i="1"/>
  <c r="AF10850" i="1"/>
  <c r="AF10851" i="1"/>
  <c r="AF10852" i="1"/>
  <c r="AF10853" i="1"/>
  <c r="AF10854" i="1"/>
  <c r="AF10855" i="1"/>
  <c r="AF10856" i="1"/>
  <c r="AF10857" i="1"/>
  <c r="AF10858" i="1"/>
  <c r="AF10859" i="1"/>
  <c r="AF10860" i="1"/>
  <c r="AF10861" i="1"/>
  <c r="AF10862" i="1"/>
  <c r="AF10863" i="1"/>
  <c r="AF10864" i="1"/>
  <c r="AF10865" i="1"/>
  <c r="AF10866" i="1"/>
  <c r="AF10867" i="1"/>
  <c r="AF10868" i="1"/>
  <c r="AF10869" i="1"/>
  <c r="AF10870" i="1"/>
  <c r="AF10871" i="1"/>
  <c r="AF10872" i="1"/>
  <c r="AF10873" i="1"/>
  <c r="AF10874" i="1"/>
  <c r="AF10875" i="1"/>
  <c r="AF10876" i="1"/>
  <c r="AF10877" i="1"/>
  <c r="AF10878" i="1"/>
  <c r="AF10879" i="1"/>
  <c r="AF10880" i="1"/>
  <c r="AF10881" i="1"/>
  <c r="AF10882" i="1"/>
  <c r="AF10883" i="1"/>
  <c r="AF10884" i="1"/>
  <c r="AF10885" i="1"/>
  <c r="AF10886" i="1"/>
  <c r="AF10887" i="1"/>
  <c r="AF10888" i="1"/>
  <c r="AF10889" i="1"/>
  <c r="AF10890" i="1"/>
  <c r="AF10891" i="1"/>
  <c r="AF10892" i="1"/>
  <c r="AF10893" i="1"/>
  <c r="AF10894" i="1"/>
  <c r="AF10895" i="1"/>
  <c r="AF10896" i="1"/>
  <c r="AF10897" i="1"/>
  <c r="AF10898" i="1"/>
  <c r="AF10899" i="1"/>
  <c r="AF10900" i="1"/>
  <c r="AF10901" i="1"/>
  <c r="AF10902" i="1"/>
  <c r="AF10903" i="1"/>
  <c r="AF10904" i="1"/>
  <c r="AF10905" i="1"/>
  <c r="AF10906" i="1"/>
  <c r="AF10907" i="1"/>
  <c r="AF10908" i="1"/>
  <c r="AF10909" i="1"/>
  <c r="AF10910" i="1"/>
  <c r="AF10911" i="1"/>
  <c r="AF10912" i="1"/>
  <c r="AF10913" i="1"/>
  <c r="AF10914" i="1"/>
  <c r="AF10915" i="1"/>
  <c r="AF10916" i="1"/>
  <c r="AF10917" i="1"/>
  <c r="AF10918" i="1"/>
  <c r="AF10919" i="1"/>
  <c r="AF10920" i="1"/>
  <c r="AF10921" i="1"/>
  <c r="AF10922" i="1"/>
  <c r="AF10923" i="1"/>
  <c r="AF10924" i="1"/>
  <c r="AF10925" i="1"/>
  <c r="AF10926" i="1"/>
  <c r="AF10927" i="1"/>
  <c r="AF10928" i="1"/>
  <c r="AF10929" i="1"/>
  <c r="AF10930" i="1"/>
  <c r="AF10931" i="1"/>
  <c r="AF10932" i="1"/>
  <c r="AF10933" i="1"/>
  <c r="AF10934" i="1"/>
  <c r="AF10935" i="1"/>
  <c r="AF10936" i="1"/>
  <c r="AF10937" i="1"/>
  <c r="AF10938" i="1"/>
  <c r="AF10939" i="1"/>
  <c r="AF10940" i="1"/>
  <c r="AF10941" i="1"/>
  <c r="AF10942" i="1"/>
  <c r="AF10943" i="1"/>
  <c r="AF10944" i="1"/>
  <c r="AF10945" i="1"/>
  <c r="AF10946" i="1"/>
  <c r="AF10947" i="1"/>
  <c r="AF10948" i="1"/>
  <c r="AF10949" i="1"/>
  <c r="AF10950" i="1"/>
  <c r="AF10951" i="1"/>
  <c r="AF10952" i="1"/>
  <c r="AF10953" i="1"/>
  <c r="AF10954" i="1"/>
  <c r="AF10955" i="1"/>
  <c r="AF10956" i="1"/>
  <c r="AF10957" i="1"/>
  <c r="AF10958" i="1"/>
  <c r="AF10959" i="1"/>
  <c r="AF10960" i="1"/>
  <c r="AF10961" i="1"/>
  <c r="AF10962" i="1"/>
  <c r="AF10963" i="1"/>
  <c r="AF10964" i="1"/>
  <c r="AF10965" i="1"/>
  <c r="AF10966" i="1"/>
  <c r="AF10967" i="1"/>
  <c r="AF10968" i="1"/>
  <c r="AF10969" i="1"/>
  <c r="AF10970" i="1"/>
  <c r="AF10971" i="1"/>
  <c r="AF10972" i="1"/>
  <c r="AF10973" i="1"/>
  <c r="AF10974" i="1"/>
  <c r="AF10975" i="1"/>
  <c r="AF10976" i="1"/>
  <c r="AF10977" i="1"/>
  <c r="AF10978" i="1"/>
  <c r="AF10979" i="1"/>
  <c r="AF10980" i="1"/>
  <c r="AF10981" i="1"/>
  <c r="AF10982" i="1"/>
  <c r="AF10983" i="1"/>
  <c r="AF10984" i="1"/>
  <c r="AF10985" i="1"/>
  <c r="AF10986" i="1"/>
  <c r="AF10987" i="1"/>
  <c r="AF10988" i="1"/>
  <c r="AF10989" i="1"/>
  <c r="AF10990" i="1"/>
  <c r="AF10991" i="1"/>
  <c r="AF10992" i="1"/>
  <c r="AF10993" i="1"/>
  <c r="AF10994" i="1"/>
  <c r="AF10995" i="1"/>
  <c r="AF10996" i="1"/>
  <c r="AF10997" i="1"/>
  <c r="AF10998" i="1"/>
  <c r="AF10999" i="1"/>
  <c r="AF11000" i="1"/>
  <c r="AF11001" i="1"/>
  <c r="AF11002" i="1"/>
  <c r="AF11003" i="1"/>
  <c r="AF11004" i="1"/>
  <c r="AF11005" i="1"/>
  <c r="AF11006" i="1"/>
  <c r="AF11007" i="1"/>
  <c r="AF11008" i="1"/>
  <c r="AF11009" i="1"/>
  <c r="AF11010" i="1"/>
  <c r="AF11011" i="1"/>
  <c r="AF11012" i="1"/>
  <c r="AF11013" i="1"/>
  <c r="AF11014" i="1"/>
  <c r="AF11015" i="1"/>
  <c r="AF11016" i="1"/>
  <c r="AF11017" i="1"/>
  <c r="AF11018" i="1"/>
  <c r="AF11019" i="1"/>
  <c r="AF11020" i="1"/>
  <c r="AF11021" i="1"/>
  <c r="AF11022" i="1"/>
  <c r="AF11023" i="1"/>
  <c r="AF11024" i="1"/>
  <c r="AF11025" i="1"/>
  <c r="AF11026" i="1"/>
  <c r="AF11027" i="1"/>
  <c r="AF11028" i="1"/>
  <c r="AF11029" i="1"/>
  <c r="AF11030" i="1"/>
  <c r="AF11031" i="1"/>
  <c r="AF11032" i="1"/>
  <c r="AF11033" i="1"/>
  <c r="AF11034" i="1"/>
  <c r="AF11035" i="1"/>
  <c r="AF11036" i="1"/>
  <c r="AF11037" i="1"/>
  <c r="AF11038" i="1"/>
  <c r="AF11039" i="1"/>
  <c r="AF11040" i="1"/>
  <c r="AF11041" i="1"/>
  <c r="AF11042" i="1"/>
  <c r="AF11043" i="1"/>
  <c r="AF11044" i="1"/>
  <c r="AF11045" i="1"/>
  <c r="AF11046" i="1"/>
  <c r="AF11047" i="1"/>
  <c r="AF11048" i="1"/>
  <c r="AF11049" i="1"/>
  <c r="AF11050" i="1"/>
  <c r="AF11051" i="1"/>
  <c r="AF11052" i="1"/>
  <c r="AF11053" i="1"/>
  <c r="AF11054" i="1"/>
  <c r="AF11055" i="1"/>
  <c r="AF11056" i="1"/>
  <c r="AF11057" i="1"/>
  <c r="AF11058" i="1"/>
  <c r="AF11059" i="1"/>
  <c r="AF11060" i="1"/>
  <c r="AF11061" i="1"/>
  <c r="AF11062" i="1"/>
  <c r="AF11063" i="1"/>
  <c r="AF11064" i="1"/>
  <c r="AF11065" i="1"/>
  <c r="AF11066" i="1"/>
  <c r="AF11067" i="1"/>
  <c r="AF11068" i="1"/>
  <c r="AF11069" i="1"/>
  <c r="AF11070" i="1"/>
  <c r="AF11071" i="1"/>
  <c r="AF11072" i="1"/>
  <c r="AF11073" i="1"/>
  <c r="AF11074" i="1"/>
  <c r="AF11075" i="1"/>
  <c r="AF11076" i="1"/>
  <c r="AF11077" i="1"/>
  <c r="AF11078" i="1"/>
  <c r="AF11079" i="1"/>
  <c r="AF11080" i="1"/>
  <c r="AF11081" i="1"/>
  <c r="AF11082" i="1"/>
  <c r="AF11083" i="1"/>
  <c r="AF11084" i="1"/>
  <c r="AF11085" i="1"/>
  <c r="AF11086" i="1"/>
  <c r="AF11087" i="1"/>
  <c r="AF11088" i="1"/>
  <c r="AF11089" i="1"/>
  <c r="AF11090" i="1"/>
  <c r="AF11091" i="1"/>
  <c r="AF11092" i="1"/>
  <c r="AF11093" i="1"/>
  <c r="AF11094" i="1"/>
  <c r="AF11095" i="1"/>
  <c r="AF11096" i="1"/>
  <c r="AF11097" i="1"/>
  <c r="AF11098" i="1"/>
  <c r="AF11099" i="1"/>
  <c r="AF11100" i="1"/>
  <c r="AF11101" i="1"/>
  <c r="AF11102" i="1"/>
  <c r="AF11103" i="1"/>
  <c r="AF11104" i="1"/>
  <c r="AF11105" i="1"/>
  <c r="AF11106" i="1"/>
  <c r="AF11107" i="1"/>
  <c r="AF11108" i="1"/>
  <c r="AF11109" i="1"/>
  <c r="AF11110" i="1"/>
  <c r="AF11111" i="1"/>
  <c r="AF11112" i="1"/>
  <c r="AF11113" i="1"/>
  <c r="AF11114" i="1"/>
  <c r="AF11115" i="1"/>
  <c r="AF11116" i="1"/>
  <c r="AF11117" i="1"/>
  <c r="AF11118" i="1"/>
  <c r="AF11119" i="1"/>
  <c r="AF11120" i="1"/>
  <c r="AF11121" i="1"/>
  <c r="AF11122" i="1"/>
  <c r="AF11123" i="1"/>
  <c r="AF11124" i="1"/>
  <c r="AF11125" i="1"/>
  <c r="AF11126" i="1"/>
  <c r="AF11127" i="1"/>
  <c r="AF11128" i="1"/>
  <c r="AF11129" i="1"/>
  <c r="AF11130" i="1"/>
  <c r="AF11131" i="1"/>
  <c r="AF11132" i="1"/>
  <c r="AF11133" i="1"/>
  <c r="AF11134" i="1"/>
  <c r="AF11135" i="1"/>
  <c r="AF11136" i="1"/>
  <c r="AF11137" i="1"/>
  <c r="AF11138" i="1"/>
  <c r="AF11139" i="1"/>
  <c r="AF11140" i="1"/>
  <c r="AF11141" i="1"/>
  <c r="AF11142" i="1"/>
  <c r="AF11143" i="1"/>
  <c r="AF11144" i="1"/>
  <c r="AF11145" i="1"/>
  <c r="AF11146" i="1"/>
  <c r="AF11147" i="1"/>
  <c r="AF11148" i="1"/>
  <c r="AF11149" i="1"/>
  <c r="AF11150" i="1"/>
  <c r="AF11151" i="1"/>
  <c r="AF11152" i="1"/>
  <c r="AF11153" i="1"/>
  <c r="AF11154" i="1"/>
  <c r="AF11155" i="1"/>
  <c r="AF11156" i="1"/>
  <c r="AF11157" i="1"/>
  <c r="AF11158" i="1"/>
  <c r="AF11159" i="1"/>
  <c r="AF11160" i="1"/>
  <c r="AF11161" i="1"/>
  <c r="AF11162" i="1"/>
  <c r="AF11163" i="1"/>
  <c r="AF11164" i="1"/>
  <c r="AF11165" i="1"/>
  <c r="AF11166" i="1"/>
  <c r="AF11167" i="1"/>
  <c r="AF11168" i="1"/>
  <c r="AF11169" i="1"/>
  <c r="AF11170" i="1"/>
  <c r="AF11171" i="1"/>
  <c r="AF11172" i="1"/>
  <c r="AF11173" i="1"/>
  <c r="AF11174" i="1"/>
  <c r="AF11175" i="1"/>
  <c r="AF11176" i="1"/>
  <c r="AF11177" i="1"/>
  <c r="AF11178" i="1"/>
  <c r="AF11179" i="1"/>
  <c r="AF11180" i="1"/>
  <c r="AF11181" i="1"/>
  <c r="AF11182" i="1"/>
  <c r="AF11183" i="1"/>
  <c r="AF11184" i="1"/>
  <c r="AF11185" i="1"/>
  <c r="AF11186" i="1"/>
  <c r="AF11187" i="1"/>
  <c r="AF11188" i="1"/>
  <c r="AF11189" i="1"/>
  <c r="AF11190" i="1"/>
  <c r="AF11191" i="1"/>
  <c r="AF11192" i="1"/>
  <c r="AF11193" i="1"/>
  <c r="AF11194" i="1"/>
  <c r="AF11195" i="1"/>
  <c r="AF11196" i="1"/>
  <c r="AF11197" i="1"/>
  <c r="AF11198" i="1"/>
  <c r="AF11199" i="1"/>
  <c r="AF11200" i="1"/>
  <c r="AF11201" i="1"/>
  <c r="AF11202" i="1"/>
  <c r="AF11203" i="1"/>
  <c r="AF11204" i="1"/>
  <c r="AF11205" i="1"/>
  <c r="AF11206" i="1"/>
  <c r="AF11207" i="1"/>
  <c r="AF11208" i="1"/>
  <c r="AF11209" i="1"/>
  <c r="AF11210" i="1"/>
  <c r="AF11211" i="1"/>
  <c r="AF11212" i="1"/>
  <c r="AF11213" i="1"/>
  <c r="AF11214" i="1"/>
  <c r="AF11215" i="1"/>
  <c r="AF11216" i="1"/>
  <c r="AF11217" i="1"/>
  <c r="AF11218" i="1"/>
  <c r="AF11219" i="1"/>
  <c r="AF11220" i="1"/>
  <c r="AF11221" i="1"/>
  <c r="AF11222" i="1"/>
  <c r="AF11223" i="1"/>
  <c r="AF11224" i="1"/>
  <c r="AF11225" i="1"/>
  <c r="AF11226" i="1"/>
  <c r="AF11227" i="1"/>
  <c r="AF11228" i="1"/>
  <c r="AF11229" i="1"/>
  <c r="AF11230" i="1"/>
  <c r="AF11231" i="1"/>
  <c r="AF11232" i="1"/>
  <c r="AF11233" i="1"/>
  <c r="AF11234" i="1"/>
  <c r="AF11235" i="1"/>
  <c r="AF11236" i="1"/>
  <c r="AF11237" i="1"/>
  <c r="AF11238" i="1"/>
  <c r="AF11239" i="1"/>
  <c r="AF11240" i="1"/>
  <c r="AF11241" i="1"/>
  <c r="AF11242" i="1"/>
  <c r="AF11243" i="1"/>
  <c r="AF11244" i="1"/>
  <c r="AF11245" i="1"/>
  <c r="AF11246" i="1"/>
  <c r="AF11247" i="1"/>
  <c r="AF11248" i="1"/>
  <c r="AF11249" i="1"/>
  <c r="AF11250" i="1"/>
  <c r="AF11251" i="1"/>
  <c r="AF11252" i="1"/>
  <c r="AF11253" i="1"/>
  <c r="AF11254" i="1"/>
  <c r="AF11255" i="1"/>
  <c r="AF11256" i="1"/>
  <c r="AF11257" i="1"/>
  <c r="AF11258" i="1"/>
  <c r="AF11259" i="1"/>
  <c r="AF11260" i="1"/>
  <c r="AF11261" i="1"/>
  <c r="AF11262" i="1"/>
  <c r="AF11263" i="1"/>
  <c r="AF11264" i="1"/>
  <c r="AF11265" i="1"/>
  <c r="AF11266" i="1"/>
  <c r="AF11267" i="1"/>
  <c r="AF11268" i="1"/>
  <c r="AF11269" i="1"/>
  <c r="AF11270" i="1"/>
  <c r="AF11271" i="1"/>
  <c r="AF11272" i="1"/>
  <c r="AF11273" i="1"/>
  <c r="AF11274" i="1"/>
  <c r="AF11275" i="1"/>
  <c r="AF11276" i="1"/>
  <c r="AF11277" i="1"/>
  <c r="AF11278" i="1"/>
  <c r="AF11279" i="1"/>
  <c r="AF11280" i="1"/>
  <c r="AF11281" i="1"/>
  <c r="AF11282" i="1"/>
  <c r="AF11283" i="1"/>
  <c r="AF11284" i="1"/>
  <c r="AF11285" i="1"/>
  <c r="AF11286" i="1"/>
  <c r="AF11287" i="1"/>
  <c r="AF11288" i="1"/>
  <c r="AF11289" i="1"/>
  <c r="AF11290" i="1"/>
  <c r="AF11291" i="1"/>
  <c r="AF11292" i="1"/>
  <c r="AF11293" i="1"/>
  <c r="AF11294" i="1"/>
  <c r="AF11295" i="1"/>
  <c r="AF11296" i="1"/>
  <c r="AF11297" i="1"/>
  <c r="AF11298" i="1"/>
  <c r="AF11299" i="1"/>
  <c r="AF11300" i="1"/>
  <c r="AF11301" i="1"/>
  <c r="AF11302" i="1"/>
  <c r="AF11303" i="1"/>
  <c r="AF11304" i="1"/>
  <c r="AF11305" i="1"/>
  <c r="AF11306" i="1"/>
  <c r="AF11307" i="1"/>
  <c r="AF11308" i="1"/>
  <c r="AF11309" i="1"/>
  <c r="AF11310" i="1"/>
  <c r="AF11311" i="1"/>
  <c r="AF11312" i="1"/>
  <c r="AF11313" i="1"/>
  <c r="AF11314" i="1"/>
  <c r="AF11315" i="1"/>
  <c r="AF11316" i="1"/>
  <c r="AF11317" i="1"/>
  <c r="AF11318" i="1"/>
  <c r="AF11319" i="1"/>
  <c r="AF11320" i="1"/>
  <c r="AF11321" i="1"/>
  <c r="AF11322" i="1"/>
  <c r="AF11323" i="1"/>
  <c r="AF11324" i="1"/>
  <c r="AF11325" i="1"/>
  <c r="AF11326" i="1"/>
  <c r="AF11327" i="1"/>
  <c r="AF11328" i="1"/>
  <c r="AF11329" i="1"/>
  <c r="AF11330" i="1"/>
  <c r="AF11331" i="1"/>
  <c r="AF11332" i="1"/>
  <c r="AF11333" i="1"/>
  <c r="AF11334" i="1"/>
  <c r="AF11335" i="1"/>
  <c r="AF11336" i="1"/>
  <c r="AF11337" i="1"/>
  <c r="AF11338" i="1"/>
  <c r="AF11339" i="1"/>
  <c r="AF11340" i="1"/>
  <c r="AF11341" i="1"/>
  <c r="AF11342" i="1"/>
  <c r="AF11343" i="1"/>
  <c r="AF11344" i="1"/>
  <c r="AF11345" i="1"/>
  <c r="AF11346" i="1"/>
  <c r="AF11347" i="1"/>
  <c r="AF11348" i="1"/>
  <c r="AF11349" i="1"/>
  <c r="AF11350" i="1"/>
  <c r="AF11351" i="1"/>
  <c r="AF11352" i="1"/>
  <c r="AF11353" i="1"/>
  <c r="AF11354" i="1"/>
  <c r="AF11355" i="1"/>
  <c r="AF11356" i="1"/>
  <c r="AF11357" i="1"/>
  <c r="AF11358" i="1"/>
  <c r="AF11359" i="1"/>
  <c r="AF11360" i="1"/>
  <c r="AF11361" i="1"/>
  <c r="AF11362" i="1"/>
  <c r="AF11363" i="1"/>
  <c r="AF11364" i="1"/>
  <c r="AF11365" i="1"/>
  <c r="AF11366" i="1"/>
  <c r="AF11367" i="1"/>
  <c r="AF11368" i="1"/>
  <c r="AF11369" i="1"/>
  <c r="AF11370" i="1"/>
  <c r="AF11371" i="1"/>
  <c r="AF11372" i="1"/>
  <c r="AF11373" i="1"/>
  <c r="AF11374" i="1"/>
  <c r="AF11375" i="1"/>
  <c r="AF11376" i="1"/>
  <c r="AF11377" i="1"/>
  <c r="AF11378" i="1"/>
  <c r="AF11379" i="1"/>
  <c r="AF11380" i="1"/>
  <c r="AF11381" i="1"/>
  <c r="AF11382" i="1"/>
  <c r="AF11383" i="1"/>
  <c r="AF11384" i="1"/>
  <c r="AF11385" i="1"/>
  <c r="AF11386" i="1"/>
  <c r="AF11387" i="1"/>
  <c r="AF11388" i="1"/>
  <c r="AF11389" i="1"/>
  <c r="AF11390" i="1"/>
  <c r="AF11391" i="1"/>
  <c r="AF11392" i="1"/>
  <c r="AF11393" i="1"/>
  <c r="AF11394" i="1"/>
  <c r="AF11395" i="1"/>
  <c r="AF11396" i="1"/>
  <c r="AF11397" i="1"/>
  <c r="AF11398" i="1"/>
  <c r="AF11399" i="1"/>
  <c r="AF11400" i="1"/>
  <c r="AF11401" i="1"/>
  <c r="AF11402" i="1"/>
  <c r="AF11403" i="1"/>
  <c r="AF11404" i="1"/>
  <c r="AF11405" i="1"/>
  <c r="AF11406" i="1"/>
  <c r="AF11407" i="1"/>
  <c r="AF11408" i="1"/>
  <c r="AF11409" i="1"/>
  <c r="AF11410" i="1"/>
  <c r="AF11411" i="1"/>
  <c r="AF11412" i="1"/>
  <c r="AF11413" i="1"/>
  <c r="AF11414" i="1"/>
  <c r="AF11415" i="1"/>
  <c r="AF11416" i="1"/>
  <c r="AF11417" i="1"/>
  <c r="AF11418" i="1"/>
  <c r="AF11419" i="1"/>
  <c r="AF11420" i="1"/>
  <c r="AF11421" i="1"/>
  <c r="AF11422" i="1"/>
  <c r="AF11423" i="1"/>
  <c r="AF11424" i="1"/>
  <c r="AF11425" i="1"/>
  <c r="AF11426" i="1"/>
  <c r="AF11427" i="1"/>
  <c r="AF11428" i="1"/>
  <c r="AF11429" i="1"/>
  <c r="AF11430" i="1"/>
  <c r="AF11431" i="1"/>
  <c r="AF11432" i="1"/>
  <c r="AF11433" i="1"/>
  <c r="AF11434" i="1"/>
  <c r="AF11435" i="1"/>
  <c r="AF11436" i="1"/>
  <c r="AF11437" i="1"/>
  <c r="AF11438" i="1"/>
  <c r="AF11439" i="1"/>
  <c r="AF11440" i="1"/>
  <c r="AF11441" i="1"/>
  <c r="AF11442" i="1"/>
  <c r="AF11443" i="1"/>
  <c r="AF11444" i="1"/>
  <c r="AF11445" i="1"/>
  <c r="AF11446" i="1"/>
  <c r="AF11447" i="1"/>
  <c r="AF11448" i="1"/>
  <c r="AF11449" i="1"/>
  <c r="AF11450" i="1"/>
  <c r="AF11451" i="1"/>
  <c r="AF11452" i="1"/>
  <c r="AF11453" i="1"/>
  <c r="AF11454" i="1"/>
  <c r="AF11455" i="1"/>
  <c r="AF11456" i="1"/>
  <c r="AF11457" i="1"/>
  <c r="AF11458" i="1"/>
  <c r="AF11459" i="1"/>
  <c r="AF11460" i="1"/>
  <c r="AF11461" i="1"/>
  <c r="AF11462" i="1"/>
  <c r="AF11463" i="1"/>
  <c r="AF11464" i="1"/>
  <c r="AF11465" i="1"/>
  <c r="AF11466" i="1"/>
  <c r="AF11467" i="1"/>
  <c r="AF11468" i="1"/>
  <c r="AF11469" i="1"/>
  <c r="AF11470" i="1"/>
  <c r="AF11471" i="1"/>
  <c r="AF11472" i="1"/>
  <c r="AF11473" i="1"/>
  <c r="AF11474" i="1"/>
  <c r="AF11475" i="1"/>
  <c r="AF11476" i="1"/>
  <c r="AF11477" i="1"/>
  <c r="AF11478" i="1"/>
  <c r="AF11479" i="1"/>
  <c r="AF11480" i="1"/>
  <c r="AF11481" i="1"/>
  <c r="AF11482" i="1"/>
  <c r="AF11483" i="1"/>
  <c r="AF11484" i="1"/>
  <c r="AF11485" i="1"/>
  <c r="AF11486" i="1"/>
  <c r="AF11487" i="1"/>
  <c r="AF11488" i="1"/>
  <c r="AF11489" i="1"/>
  <c r="AF11490" i="1"/>
  <c r="AF11491" i="1"/>
  <c r="AF11492" i="1"/>
  <c r="AF11493" i="1"/>
  <c r="AF11494" i="1"/>
  <c r="AF11495" i="1"/>
  <c r="AF11496" i="1"/>
  <c r="AF11497" i="1"/>
  <c r="AF11498" i="1"/>
  <c r="AF11499" i="1"/>
  <c r="AF11500" i="1"/>
  <c r="AF11501" i="1"/>
  <c r="AF11502" i="1"/>
  <c r="AF11503" i="1"/>
  <c r="AF11504" i="1"/>
  <c r="AF11505" i="1"/>
  <c r="AF11506" i="1"/>
  <c r="AF11507" i="1"/>
  <c r="AF11508" i="1"/>
  <c r="AF11509" i="1"/>
  <c r="AF11510" i="1"/>
  <c r="AF11511" i="1"/>
  <c r="AF11512" i="1"/>
  <c r="AF11513" i="1"/>
  <c r="AF11514" i="1"/>
  <c r="AF11515" i="1"/>
  <c r="AF11516" i="1"/>
  <c r="AF11517" i="1"/>
  <c r="AF11518" i="1"/>
  <c r="AF11519" i="1"/>
  <c r="AF11520" i="1"/>
  <c r="AF11521" i="1"/>
  <c r="AF11522" i="1"/>
  <c r="AF11523" i="1"/>
  <c r="AF11524" i="1"/>
  <c r="AF11525" i="1"/>
  <c r="AF11526" i="1"/>
  <c r="AF11527" i="1"/>
  <c r="AF11528" i="1"/>
  <c r="AF11529" i="1"/>
  <c r="AF11530" i="1"/>
  <c r="AF11531" i="1"/>
  <c r="AF11532" i="1"/>
  <c r="AF11533" i="1"/>
  <c r="AF11534" i="1"/>
  <c r="AF11535" i="1"/>
  <c r="AF11536" i="1"/>
  <c r="AF11537" i="1"/>
  <c r="AF11538" i="1"/>
  <c r="AF11539" i="1"/>
  <c r="AF11540" i="1"/>
  <c r="AF11541" i="1"/>
  <c r="AF11542" i="1"/>
  <c r="AF11543" i="1"/>
  <c r="AF11544" i="1"/>
  <c r="AF11545" i="1"/>
  <c r="AF11546" i="1"/>
  <c r="AF11547" i="1"/>
  <c r="AF11548" i="1"/>
  <c r="AF11549" i="1"/>
  <c r="AF11550" i="1"/>
  <c r="AF11551" i="1"/>
  <c r="AF11552" i="1"/>
  <c r="AF11553" i="1"/>
  <c r="AF11554" i="1"/>
  <c r="AF11555" i="1"/>
  <c r="AF11556" i="1"/>
  <c r="AF11557" i="1"/>
  <c r="AF11558" i="1"/>
  <c r="AF11559" i="1"/>
  <c r="AF11560" i="1"/>
  <c r="AF11561" i="1"/>
  <c r="AF11562" i="1"/>
  <c r="AF11563" i="1"/>
  <c r="AF11564" i="1"/>
  <c r="AF11565" i="1"/>
  <c r="AF11566" i="1"/>
  <c r="AF11567" i="1"/>
  <c r="AF11568" i="1"/>
  <c r="AF11569" i="1"/>
  <c r="AF11570" i="1"/>
  <c r="AF11571" i="1"/>
  <c r="AF11572" i="1"/>
  <c r="AF11573" i="1"/>
  <c r="AF11574" i="1"/>
  <c r="AF11575" i="1"/>
  <c r="AF11576" i="1"/>
  <c r="AF11577" i="1"/>
  <c r="AF11578" i="1"/>
  <c r="AF11579" i="1"/>
  <c r="AF11580" i="1"/>
  <c r="AF11581" i="1"/>
  <c r="AF11582" i="1"/>
  <c r="AF11583" i="1"/>
  <c r="AF11584" i="1"/>
  <c r="AF11585" i="1"/>
  <c r="AF11586" i="1"/>
  <c r="AF11587" i="1"/>
  <c r="AF11588" i="1"/>
  <c r="AF11589" i="1"/>
  <c r="AF11590" i="1"/>
  <c r="AF11591" i="1"/>
  <c r="AF11592" i="1"/>
  <c r="AF11593" i="1"/>
  <c r="AF11594" i="1"/>
  <c r="AF11595" i="1"/>
  <c r="AF11596" i="1"/>
  <c r="AF11597" i="1"/>
  <c r="AF11598" i="1"/>
  <c r="AF11599" i="1"/>
  <c r="AF11600" i="1"/>
  <c r="AF11601" i="1"/>
  <c r="AF11602" i="1"/>
  <c r="AF11603" i="1"/>
  <c r="AF11604" i="1"/>
  <c r="AF11605" i="1"/>
  <c r="AF11606" i="1"/>
  <c r="AF11607" i="1"/>
  <c r="AF11608" i="1"/>
  <c r="AF11609" i="1"/>
  <c r="AF11610" i="1"/>
  <c r="AF11611" i="1"/>
  <c r="AF11612" i="1"/>
  <c r="AF11613" i="1"/>
  <c r="AF11614" i="1"/>
  <c r="AF11615" i="1"/>
  <c r="AF11616" i="1"/>
  <c r="AF11617" i="1"/>
  <c r="AF11618" i="1"/>
  <c r="AF11619" i="1"/>
  <c r="AF11620" i="1"/>
  <c r="AF11621" i="1"/>
  <c r="AF11622" i="1"/>
  <c r="AF11623" i="1"/>
  <c r="AF11624" i="1"/>
  <c r="AF11625" i="1"/>
  <c r="AF11626" i="1"/>
  <c r="AF11627" i="1"/>
  <c r="AF11628" i="1"/>
  <c r="AF11629" i="1"/>
  <c r="AF11630" i="1"/>
  <c r="AF11631" i="1"/>
  <c r="AF11632" i="1"/>
  <c r="AF11633" i="1"/>
  <c r="AF11634" i="1"/>
  <c r="AF11635" i="1"/>
  <c r="AF11636" i="1"/>
  <c r="AF11637" i="1"/>
  <c r="AF11638" i="1"/>
  <c r="AF11639" i="1"/>
  <c r="AF11640" i="1"/>
  <c r="AF11641" i="1"/>
  <c r="AF11642" i="1"/>
  <c r="AF11643" i="1"/>
  <c r="AF11644" i="1"/>
  <c r="AF11645" i="1"/>
  <c r="AF11646" i="1"/>
  <c r="AF11647" i="1"/>
  <c r="AF11648" i="1"/>
  <c r="AF11649" i="1"/>
  <c r="AF11650" i="1"/>
  <c r="AF11651" i="1"/>
  <c r="AF11652" i="1"/>
  <c r="AF11653" i="1"/>
  <c r="AF11654" i="1"/>
  <c r="AF11655" i="1"/>
  <c r="AF11656" i="1"/>
  <c r="AF11657" i="1"/>
  <c r="AF11658" i="1"/>
  <c r="AF11659" i="1"/>
  <c r="AF11660" i="1"/>
  <c r="AF11661" i="1"/>
  <c r="AF11662" i="1"/>
  <c r="AF11663" i="1"/>
  <c r="AF11664" i="1"/>
  <c r="AF11665" i="1"/>
  <c r="AF11666" i="1"/>
  <c r="AF11667" i="1"/>
  <c r="AF11668" i="1"/>
  <c r="AF11669" i="1"/>
  <c r="AF11670" i="1"/>
  <c r="AF11671" i="1"/>
  <c r="AF11672" i="1"/>
  <c r="AF11673" i="1"/>
  <c r="AF11674" i="1"/>
  <c r="AF11675" i="1"/>
  <c r="AF11676" i="1"/>
  <c r="AF11677" i="1"/>
  <c r="AF11678" i="1"/>
  <c r="AF11679" i="1"/>
  <c r="AF11680" i="1"/>
  <c r="AF11681" i="1"/>
  <c r="AF11682" i="1"/>
  <c r="AF11683" i="1"/>
  <c r="AF11684" i="1"/>
  <c r="AF11685" i="1"/>
  <c r="AF11686" i="1"/>
  <c r="AF11687" i="1"/>
  <c r="AF11688" i="1"/>
  <c r="AF11689" i="1"/>
  <c r="AF11690" i="1"/>
  <c r="AF11691" i="1"/>
  <c r="AF11692" i="1"/>
  <c r="AF11693" i="1"/>
  <c r="AF11694" i="1"/>
  <c r="AF11695" i="1"/>
  <c r="AF11696" i="1"/>
  <c r="AF11697" i="1"/>
  <c r="AF11698" i="1"/>
  <c r="AF11699" i="1"/>
  <c r="AF11700" i="1"/>
  <c r="AF11701" i="1"/>
  <c r="AF11702" i="1"/>
  <c r="AF11703" i="1"/>
  <c r="AF11704" i="1"/>
  <c r="AF11705" i="1"/>
  <c r="AF11706" i="1"/>
  <c r="AF11707" i="1"/>
  <c r="AF11708" i="1"/>
  <c r="AF11709" i="1"/>
  <c r="AF11710" i="1"/>
  <c r="AF11711" i="1"/>
  <c r="AF11712" i="1"/>
  <c r="AF11713" i="1"/>
  <c r="AF11714" i="1"/>
  <c r="AF11715" i="1"/>
  <c r="AF11716" i="1"/>
  <c r="AF11717" i="1"/>
  <c r="AF11718" i="1"/>
  <c r="AF11719" i="1"/>
  <c r="AF11720" i="1"/>
  <c r="AF11721" i="1"/>
  <c r="AF11722" i="1"/>
  <c r="AF11723" i="1"/>
  <c r="AF11724" i="1"/>
  <c r="AF11725" i="1"/>
  <c r="AF11726" i="1"/>
  <c r="AF11727" i="1"/>
  <c r="AF11728" i="1"/>
  <c r="AF11729" i="1"/>
  <c r="AF11730" i="1"/>
  <c r="AF11731" i="1"/>
  <c r="AF11732" i="1"/>
  <c r="AF11733" i="1"/>
  <c r="AF11734" i="1"/>
  <c r="AF11735" i="1"/>
  <c r="AF11736" i="1"/>
  <c r="AF11737" i="1"/>
  <c r="AF11738" i="1"/>
  <c r="AF11739" i="1"/>
  <c r="AF11740" i="1"/>
  <c r="AF11741" i="1"/>
  <c r="AF11742" i="1"/>
  <c r="AF11743" i="1"/>
  <c r="AF11744" i="1"/>
  <c r="AF11745" i="1"/>
  <c r="AF11746" i="1"/>
  <c r="AF11747" i="1"/>
  <c r="AF11748" i="1"/>
  <c r="AF11749" i="1"/>
  <c r="AF11750" i="1"/>
  <c r="AF11751" i="1"/>
  <c r="AF11752" i="1"/>
  <c r="AF11753" i="1"/>
  <c r="AF11754" i="1"/>
  <c r="AF11755" i="1"/>
  <c r="AF11756" i="1"/>
  <c r="AF11757" i="1"/>
  <c r="AF11758" i="1"/>
  <c r="AF11759" i="1"/>
  <c r="AF11760" i="1"/>
  <c r="AF11761" i="1"/>
  <c r="AF11762" i="1"/>
  <c r="AF11763" i="1"/>
  <c r="AF11764" i="1"/>
  <c r="AF11765" i="1"/>
  <c r="AF11766" i="1"/>
  <c r="AF11767" i="1"/>
  <c r="AF11768" i="1"/>
  <c r="AF11769" i="1"/>
  <c r="AF11770" i="1"/>
  <c r="AF11771" i="1"/>
  <c r="AF11772" i="1"/>
  <c r="AF11773" i="1"/>
  <c r="AF11774" i="1"/>
  <c r="AF11775" i="1"/>
  <c r="AF11776" i="1"/>
  <c r="AF11777" i="1"/>
  <c r="AF11778" i="1"/>
  <c r="AF11779" i="1"/>
  <c r="AF11780" i="1"/>
  <c r="AF11781" i="1"/>
  <c r="AF11782" i="1"/>
  <c r="AF11783" i="1"/>
  <c r="AF11784" i="1"/>
  <c r="AF11785" i="1"/>
  <c r="AF11786" i="1"/>
  <c r="AF11787" i="1"/>
  <c r="AF11788" i="1"/>
  <c r="AF11789" i="1"/>
  <c r="AF11790" i="1"/>
  <c r="AF11791" i="1"/>
  <c r="AF11792" i="1"/>
  <c r="AF11793" i="1"/>
  <c r="AF11794" i="1"/>
  <c r="AF11795" i="1"/>
  <c r="AF11796" i="1"/>
  <c r="AF11797" i="1"/>
  <c r="AF11798" i="1"/>
  <c r="AF11799" i="1"/>
  <c r="AF11800" i="1"/>
  <c r="AF11801" i="1"/>
  <c r="AF11802" i="1"/>
  <c r="AF11803" i="1"/>
  <c r="AF11804" i="1"/>
  <c r="AF11805" i="1"/>
  <c r="AF11806" i="1"/>
  <c r="AF11807" i="1"/>
  <c r="AF11808" i="1"/>
  <c r="AF11809" i="1"/>
  <c r="AF11810" i="1"/>
  <c r="AF11811" i="1"/>
  <c r="AF11812" i="1"/>
  <c r="AF11813" i="1"/>
  <c r="AF11814" i="1"/>
  <c r="AF11815" i="1"/>
  <c r="AF11816" i="1"/>
  <c r="AF11817" i="1"/>
  <c r="AF11818" i="1"/>
  <c r="AF11819" i="1"/>
  <c r="AF11820" i="1"/>
  <c r="AF11821" i="1"/>
  <c r="AF11822" i="1"/>
  <c r="AF11823" i="1"/>
  <c r="AF11824" i="1"/>
  <c r="AF11825" i="1"/>
  <c r="AF11826" i="1"/>
  <c r="AF11827" i="1"/>
  <c r="AF11828" i="1"/>
  <c r="AF11829" i="1"/>
  <c r="AF11830" i="1"/>
  <c r="AF11831" i="1"/>
  <c r="AF11832" i="1"/>
  <c r="AF11833" i="1"/>
  <c r="AF11834" i="1"/>
  <c r="AF11835" i="1"/>
  <c r="AF11836" i="1"/>
  <c r="AF11837" i="1"/>
  <c r="AF11838" i="1"/>
  <c r="AF11839" i="1"/>
  <c r="AF11840" i="1"/>
  <c r="AF11841" i="1"/>
  <c r="AF11842" i="1"/>
  <c r="AF11843" i="1"/>
  <c r="AF11844" i="1"/>
  <c r="AF11845" i="1"/>
  <c r="AF11846" i="1"/>
  <c r="AF11847" i="1"/>
  <c r="AF11848" i="1"/>
  <c r="AF11849" i="1"/>
  <c r="AF11850" i="1"/>
  <c r="AF11851" i="1"/>
  <c r="AF11852" i="1"/>
  <c r="AF11853" i="1"/>
  <c r="AF11854" i="1"/>
  <c r="AF11855" i="1"/>
  <c r="AF11856" i="1"/>
  <c r="AF11857" i="1"/>
  <c r="AF11858" i="1"/>
  <c r="AF11859" i="1"/>
  <c r="AF11860" i="1"/>
  <c r="AF11861" i="1"/>
  <c r="AF11862" i="1"/>
  <c r="AF11863" i="1"/>
  <c r="AF11864" i="1"/>
  <c r="AF11865" i="1"/>
  <c r="AF11866" i="1"/>
  <c r="AF11867" i="1"/>
  <c r="AF11868" i="1"/>
  <c r="AF11869" i="1"/>
  <c r="AF11870" i="1"/>
  <c r="AF11871" i="1"/>
  <c r="AF11872" i="1"/>
  <c r="AF11873" i="1"/>
  <c r="AF11874" i="1"/>
  <c r="AF11875" i="1"/>
  <c r="AF11876" i="1"/>
  <c r="AF11877" i="1"/>
  <c r="AF11878" i="1"/>
  <c r="AF11879" i="1"/>
  <c r="AF11880" i="1"/>
  <c r="AF11881" i="1"/>
  <c r="AF11882" i="1"/>
  <c r="AF11883" i="1"/>
  <c r="AF11884" i="1"/>
  <c r="AF11885" i="1"/>
  <c r="AF11886" i="1"/>
  <c r="AF11887" i="1"/>
  <c r="AF11888" i="1"/>
  <c r="AF11889" i="1"/>
  <c r="AF11890" i="1"/>
  <c r="AF11891" i="1"/>
  <c r="AF11892" i="1"/>
  <c r="AF11893" i="1"/>
  <c r="AF11894" i="1"/>
  <c r="AF11895" i="1"/>
  <c r="AF11896" i="1"/>
  <c r="AF11897" i="1"/>
  <c r="AF11898" i="1"/>
  <c r="AF11899" i="1"/>
  <c r="AF11900" i="1"/>
  <c r="AF11901" i="1"/>
  <c r="AF11902" i="1"/>
  <c r="AF11903" i="1"/>
  <c r="AF11904" i="1"/>
  <c r="AF11905" i="1"/>
  <c r="AF11906" i="1"/>
  <c r="AF11907" i="1"/>
  <c r="AF11908" i="1"/>
  <c r="AF11909" i="1"/>
  <c r="AF11910" i="1"/>
  <c r="AF11911" i="1"/>
  <c r="AF11912" i="1"/>
  <c r="AF11913" i="1"/>
  <c r="AF11914" i="1"/>
  <c r="AF11915" i="1"/>
  <c r="AF11916" i="1"/>
  <c r="AF11917" i="1"/>
  <c r="AF11918" i="1"/>
  <c r="AF11919" i="1"/>
  <c r="AF11920" i="1"/>
  <c r="AF11921" i="1"/>
  <c r="AF11922" i="1"/>
  <c r="AF11923" i="1"/>
  <c r="AF11924" i="1"/>
  <c r="AF11925" i="1"/>
  <c r="AF11926" i="1"/>
  <c r="AF11927" i="1"/>
  <c r="AF11928" i="1"/>
  <c r="AF11929" i="1"/>
  <c r="AF11930" i="1"/>
  <c r="AF11931" i="1"/>
  <c r="AF11932" i="1"/>
  <c r="AF11933" i="1"/>
  <c r="AF11934" i="1"/>
  <c r="AF11935" i="1"/>
  <c r="AF11936" i="1"/>
  <c r="AF11937" i="1"/>
  <c r="AF11938" i="1"/>
  <c r="AF11939" i="1"/>
  <c r="AF11940" i="1"/>
  <c r="AF11941" i="1"/>
  <c r="AF11942" i="1"/>
  <c r="AF11943" i="1"/>
  <c r="AF11944" i="1"/>
  <c r="AF11945" i="1"/>
  <c r="AF11946" i="1"/>
  <c r="AF11947" i="1"/>
  <c r="AF11948" i="1"/>
  <c r="AF11949" i="1"/>
  <c r="AF11950" i="1"/>
  <c r="AF11951" i="1"/>
  <c r="AF11952" i="1"/>
  <c r="AF11953" i="1"/>
  <c r="AF11954" i="1"/>
  <c r="AF11955" i="1"/>
  <c r="AF11956" i="1"/>
  <c r="AF11957" i="1"/>
  <c r="AF11958" i="1"/>
  <c r="AF11959" i="1"/>
  <c r="AF11960" i="1"/>
  <c r="AF11961" i="1"/>
  <c r="AF11962" i="1"/>
  <c r="AF11963" i="1"/>
  <c r="AF11964" i="1"/>
  <c r="AF11965" i="1"/>
  <c r="AF11966" i="1"/>
  <c r="AF11967" i="1"/>
  <c r="AF11968" i="1"/>
  <c r="AF11969" i="1"/>
  <c r="AF11970" i="1"/>
  <c r="AF11971" i="1"/>
  <c r="AF11972" i="1"/>
  <c r="AF11973" i="1"/>
  <c r="AF11974" i="1"/>
  <c r="AF11975" i="1"/>
  <c r="AF11976" i="1"/>
  <c r="AF11977" i="1"/>
  <c r="AF11978" i="1"/>
  <c r="AF11979" i="1"/>
  <c r="AF11980" i="1"/>
  <c r="AF11981" i="1"/>
  <c r="AF11982" i="1"/>
  <c r="AF11983" i="1"/>
  <c r="AF11984" i="1"/>
  <c r="AF11985" i="1"/>
  <c r="AF11986" i="1"/>
  <c r="AF11987" i="1"/>
  <c r="AF11988" i="1"/>
  <c r="AF11989" i="1"/>
  <c r="AF11990" i="1"/>
  <c r="AF11991" i="1"/>
  <c r="AF11992" i="1"/>
  <c r="AF11993" i="1"/>
  <c r="AF11994" i="1"/>
  <c r="AF11995" i="1"/>
  <c r="AF11996" i="1"/>
  <c r="AF11997" i="1"/>
  <c r="AF11998" i="1"/>
  <c r="AF11999" i="1"/>
  <c r="AF12000" i="1"/>
  <c r="AF12001" i="1"/>
  <c r="AF12002" i="1"/>
  <c r="AF12003" i="1"/>
  <c r="AF12004" i="1"/>
  <c r="AF12005" i="1"/>
  <c r="AF12006" i="1"/>
  <c r="AF12007" i="1"/>
  <c r="AF12008" i="1"/>
  <c r="AF12009" i="1"/>
  <c r="AF12010" i="1"/>
  <c r="AF12011" i="1"/>
  <c r="AF12012" i="1"/>
  <c r="AF12013" i="1"/>
  <c r="AF12014" i="1"/>
  <c r="AF12015" i="1"/>
  <c r="AF12016" i="1"/>
  <c r="AF12017" i="1"/>
  <c r="AF12018" i="1"/>
  <c r="AF12019" i="1"/>
  <c r="AF12020" i="1"/>
  <c r="AF12021" i="1"/>
  <c r="AF12022" i="1"/>
  <c r="AF12023" i="1"/>
  <c r="AF12024" i="1"/>
  <c r="AF12025" i="1"/>
  <c r="AF12026" i="1"/>
  <c r="AF12027" i="1"/>
  <c r="AF12028" i="1"/>
  <c r="AF12029" i="1"/>
  <c r="AF12030" i="1"/>
  <c r="AF12031" i="1"/>
  <c r="AF12032" i="1"/>
  <c r="AF12033" i="1"/>
  <c r="AF12034" i="1"/>
  <c r="AF12035" i="1"/>
  <c r="AF12036" i="1"/>
  <c r="AF12037" i="1"/>
  <c r="AF12038" i="1"/>
  <c r="AF12039" i="1"/>
  <c r="AF12040" i="1"/>
  <c r="AF12041" i="1"/>
  <c r="AF12042" i="1"/>
  <c r="AF12043" i="1"/>
  <c r="AF12044" i="1"/>
  <c r="AF12045" i="1"/>
  <c r="AF12046" i="1"/>
  <c r="AF12047" i="1"/>
  <c r="AF12048" i="1"/>
  <c r="AF12049" i="1"/>
  <c r="AF12050" i="1"/>
  <c r="AF12051" i="1"/>
  <c r="AF12052" i="1"/>
  <c r="AF12053" i="1"/>
  <c r="AF12054" i="1"/>
  <c r="AF12055" i="1"/>
  <c r="AF12056" i="1"/>
  <c r="AF12057" i="1"/>
  <c r="AF12058" i="1"/>
  <c r="AF12059" i="1"/>
  <c r="AF12060" i="1"/>
  <c r="AF12061" i="1"/>
  <c r="AF12062" i="1"/>
  <c r="AF12063" i="1"/>
  <c r="AF12064" i="1"/>
  <c r="AF12065" i="1"/>
  <c r="AF12066" i="1"/>
  <c r="AF12067" i="1"/>
  <c r="AF12068" i="1"/>
  <c r="AF12069" i="1"/>
  <c r="AF12070" i="1"/>
  <c r="AF12071" i="1"/>
  <c r="AF12072" i="1"/>
  <c r="AF12073" i="1"/>
  <c r="AF12074" i="1"/>
  <c r="AF12075" i="1"/>
  <c r="AF12076" i="1"/>
  <c r="AF12077" i="1"/>
  <c r="AF12078" i="1"/>
  <c r="AF12079" i="1"/>
  <c r="AF12080" i="1"/>
  <c r="AF12081" i="1"/>
  <c r="AF12082" i="1"/>
  <c r="AF12083" i="1"/>
  <c r="AF12084" i="1"/>
  <c r="AF12085" i="1"/>
  <c r="AF12086" i="1"/>
  <c r="AF12087" i="1"/>
  <c r="AF12088" i="1"/>
  <c r="AF12089" i="1"/>
  <c r="AF12090" i="1"/>
  <c r="AF12091" i="1"/>
  <c r="AF12092" i="1"/>
  <c r="AF12093" i="1"/>
  <c r="AF12094" i="1"/>
  <c r="AF12095" i="1"/>
  <c r="AF12096" i="1"/>
  <c r="AF12097" i="1"/>
  <c r="AF12098" i="1"/>
  <c r="AF12099" i="1"/>
  <c r="AF12100" i="1"/>
  <c r="AF12101" i="1"/>
  <c r="AF12102" i="1"/>
  <c r="AF12103" i="1"/>
  <c r="AF12104" i="1"/>
  <c r="AF12105" i="1"/>
  <c r="AF12106" i="1"/>
  <c r="AF12107" i="1"/>
  <c r="AF12108" i="1"/>
  <c r="AF12109" i="1"/>
  <c r="AF12110" i="1"/>
  <c r="AF12111" i="1"/>
  <c r="AF12112" i="1"/>
  <c r="AF12113" i="1"/>
  <c r="AF12114" i="1"/>
  <c r="AF12115" i="1"/>
  <c r="AF12116" i="1"/>
  <c r="AF12117" i="1"/>
  <c r="AF12118" i="1"/>
  <c r="AF12119" i="1"/>
  <c r="AF12120" i="1"/>
  <c r="AF12121" i="1"/>
  <c r="AF12122" i="1"/>
  <c r="AF12123" i="1"/>
  <c r="AF12124" i="1"/>
  <c r="AF12125" i="1"/>
  <c r="AF12126" i="1"/>
  <c r="AF12127" i="1"/>
  <c r="AF12128" i="1"/>
  <c r="AF12129" i="1"/>
  <c r="AF12130" i="1"/>
  <c r="AF12131" i="1"/>
  <c r="AF12132" i="1"/>
  <c r="AF12133" i="1"/>
  <c r="AF12134" i="1"/>
  <c r="AF12135" i="1"/>
  <c r="AF12136" i="1"/>
  <c r="AF12137" i="1"/>
  <c r="AF12138" i="1"/>
  <c r="AF12139" i="1"/>
  <c r="AF12140" i="1"/>
  <c r="AF12141" i="1"/>
  <c r="AF12142" i="1"/>
  <c r="AF12143" i="1"/>
  <c r="AF12144" i="1"/>
  <c r="AF12145" i="1"/>
  <c r="AF12146" i="1"/>
  <c r="AF12147" i="1"/>
  <c r="AF12148" i="1"/>
  <c r="AF12149" i="1"/>
  <c r="AF12150" i="1"/>
  <c r="AF12151" i="1"/>
  <c r="AF12152" i="1"/>
  <c r="AF12153" i="1"/>
  <c r="AF12154" i="1"/>
  <c r="AF12155" i="1"/>
  <c r="AF12156" i="1"/>
  <c r="AF12157" i="1"/>
  <c r="AF12158" i="1"/>
  <c r="AF12159" i="1"/>
  <c r="AF12160" i="1"/>
  <c r="AF12161" i="1"/>
  <c r="AF12162" i="1"/>
  <c r="AF12163" i="1"/>
  <c r="AF12164" i="1"/>
  <c r="AF12165" i="1"/>
  <c r="AF12166" i="1"/>
  <c r="AF12167" i="1"/>
  <c r="AF12168" i="1"/>
  <c r="AF12169" i="1"/>
  <c r="AF12170" i="1"/>
  <c r="AF12171" i="1"/>
  <c r="AF12172" i="1"/>
  <c r="AF12173" i="1"/>
  <c r="AF12174" i="1"/>
  <c r="AF12175" i="1"/>
  <c r="AF12176" i="1"/>
  <c r="AF12177" i="1"/>
  <c r="AF12178" i="1"/>
  <c r="AF12179" i="1"/>
  <c r="AF12180" i="1"/>
  <c r="AF12181" i="1"/>
  <c r="AF12182" i="1"/>
  <c r="AF12183" i="1"/>
  <c r="AF12184" i="1"/>
  <c r="AF12185" i="1"/>
  <c r="AF12186" i="1"/>
  <c r="AF12187" i="1"/>
  <c r="AF12188" i="1"/>
  <c r="AF12189" i="1"/>
  <c r="AF12190" i="1"/>
  <c r="AF12191" i="1"/>
  <c r="AF12192" i="1"/>
  <c r="AF12193" i="1"/>
  <c r="AF12194" i="1"/>
  <c r="AF12195" i="1"/>
  <c r="AF12196" i="1"/>
  <c r="AF12197" i="1"/>
  <c r="AF12198" i="1"/>
  <c r="AF12199" i="1"/>
  <c r="AF12200" i="1"/>
  <c r="AF12201" i="1"/>
  <c r="AF12202" i="1"/>
  <c r="AF12203" i="1"/>
  <c r="AF12204" i="1"/>
  <c r="AF12205" i="1"/>
  <c r="AF12206" i="1"/>
  <c r="AF12207" i="1"/>
  <c r="AF12208" i="1"/>
  <c r="AF12209" i="1"/>
  <c r="AF12210" i="1"/>
  <c r="AF12211" i="1"/>
  <c r="AF12212" i="1"/>
  <c r="AF12213" i="1"/>
  <c r="AF12214" i="1"/>
  <c r="AF12215" i="1"/>
  <c r="AF12216" i="1"/>
  <c r="AF12217" i="1"/>
  <c r="AF12218" i="1"/>
  <c r="AF12219" i="1"/>
  <c r="AF12220" i="1"/>
  <c r="AF12221" i="1"/>
  <c r="AF12222" i="1"/>
  <c r="AF12223" i="1"/>
  <c r="AF12224" i="1"/>
  <c r="AF12225" i="1"/>
  <c r="AF12226" i="1"/>
  <c r="AF12227" i="1"/>
  <c r="AF12228" i="1"/>
  <c r="AF12229" i="1"/>
  <c r="AF12230" i="1"/>
  <c r="AF12231" i="1"/>
  <c r="AF12232" i="1"/>
  <c r="AF12233" i="1"/>
  <c r="AF12234" i="1"/>
  <c r="AF12235" i="1"/>
  <c r="AF12236" i="1"/>
  <c r="AF12237" i="1"/>
  <c r="AF12238" i="1"/>
  <c r="AF12239" i="1"/>
  <c r="AF12240" i="1"/>
  <c r="AF12241" i="1"/>
  <c r="AF12242" i="1"/>
  <c r="AF12243" i="1"/>
  <c r="AF12244" i="1"/>
  <c r="AF12245" i="1"/>
  <c r="AF12246" i="1"/>
  <c r="AF12247" i="1"/>
  <c r="AF12248" i="1"/>
  <c r="AF12249" i="1"/>
  <c r="AF12250" i="1"/>
  <c r="AF12251" i="1"/>
  <c r="AF12252" i="1"/>
  <c r="AF12253" i="1"/>
  <c r="AF12254" i="1"/>
  <c r="AF12255" i="1"/>
  <c r="AF12256" i="1"/>
  <c r="AF12257" i="1"/>
  <c r="AF12258" i="1"/>
  <c r="AF12259" i="1"/>
  <c r="AF12260" i="1"/>
  <c r="AF12261" i="1"/>
  <c r="AF12262" i="1"/>
  <c r="AF12263" i="1"/>
  <c r="AF12264" i="1"/>
  <c r="AF12265" i="1"/>
  <c r="AF12266" i="1"/>
  <c r="AF12267" i="1"/>
  <c r="AF12268" i="1"/>
  <c r="AF12269" i="1"/>
  <c r="AF12270" i="1"/>
  <c r="AF12271" i="1"/>
  <c r="AF12272" i="1"/>
  <c r="AF12273" i="1"/>
  <c r="AF12274" i="1"/>
  <c r="AF12275" i="1"/>
  <c r="AF12276" i="1"/>
  <c r="AF12277" i="1"/>
  <c r="AF12278" i="1"/>
  <c r="AF12279" i="1"/>
  <c r="AF12280" i="1"/>
  <c r="AF12281" i="1"/>
  <c r="AF12282" i="1"/>
  <c r="AF12283" i="1"/>
  <c r="AF12284" i="1"/>
  <c r="AF12285" i="1"/>
  <c r="AF12286" i="1"/>
  <c r="AF12287" i="1"/>
  <c r="AF12288" i="1"/>
  <c r="AF12289" i="1"/>
  <c r="AF12290" i="1"/>
  <c r="AF12291" i="1"/>
  <c r="AF12292" i="1"/>
  <c r="AF12293" i="1"/>
  <c r="AF12294" i="1"/>
  <c r="AF12295" i="1"/>
  <c r="AF12296" i="1"/>
  <c r="AF12297" i="1"/>
  <c r="AF12298" i="1"/>
  <c r="AF12299" i="1"/>
  <c r="AF12300" i="1"/>
  <c r="AF12301" i="1"/>
  <c r="AF12302" i="1"/>
  <c r="AF12303" i="1"/>
  <c r="AF12304" i="1"/>
  <c r="AF12305" i="1"/>
  <c r="AF12306" i="1"/>
  <c r="AF12307" i="1"/>
  <c r="AF12308" i="1"/>
  <c r="AF12309" i="1"/>
  <c r="AF12310" i="1"/>
  <c r="AF12311" i="1"/>
  <c r="AF12312" i="1"/>
  <c r="AF12313" i="1"/>
  <c r="AF12314" i="1"/>
  <c r="AF12315" i="1"/>
  <c r="AF12316" i="1"/>
  <c r="AF12317" i="1"/>
  <c r="AF12318" i="1"/>
  <c r="AF12319" i="1"/>
  <c r="AF12320" i="1"/>
  <c r="AF12321" i="1"/>
  <c r="AF12322" i="1"/>
  <c r="AF12323" i="1"/>
  <c r="AF12324" i="1"/>
  <c r="AF12325" i="1"/>
  <c r="AF12326" i="1"/>
  <c r="AF12327" i="1"/>
  <c r="AF12328" i="1"/>
  <c r="AF12329" i="1"/>
  <c r="AF12330" i="1"/>
  <c r="AF12331" i="1"/>
  <c r="AF12332" i="1"/>
  <c r="AF12333" i="1"/>
  <c r="AF12334" i="1"/>
  <c r="AF12335" i="1"/>
  <c r="AF12336" i="1"/>
  <c r="AF12337" i="1"/>
  <c r="AF12338" i="1"/>
  <c r="AF12339" i="1"/>
  <c r="AF12340" i="1"/>
  <c r="AF12341" i="1"/>
  <c r="AF12342" i="1"/>
  <c r="AF12343" i="1"/>
  <c r="AF12344" i="1"/>
  <c r="AF12345" i="1"/>
  <c r="AF12346" i="1"/>
  <c r="AF12347" i="1"/>
  <c r="AF12348" i="1"/>
  <c r="AF12349" i="1"/>
  <c r="AF12350" i="1"/>
  <c r="AF12351" i="1"/>
  <c r="AF12352" i="1"/>
  <c r="AF12353" i="1"/>
  <c r="AF12354" i="1"/>
  <c r="AF12355" i="1"/>
  <c r="AF12356" i="1"/>
  <c r="AF12357" i="1"/>
  <c r="AF12358" i="1"/>
  <c r="AF12359" i="1"/>
  <c r="AF12360" i="1"/>
  <c r="AF12361" i="1"/>
  <c r="AF12362" i="1"/>
  <c r="AF12363" i="1"/>
  <c r="AF12364" i="1"/>
  <c r="AF12365" i="1"/>
  <c r="AF12366" i="1"/>
  <c r="AF12367" i="1"/>
  <c r="AF12368" i="1"/>
  <c r="AF12369" i="1"/>
  <c r="AF12370" i="1"/>
  <c r="AF12371" i="1"/>
  <c r="AF12372" i="1"/>
  <c r="AF12373" i="1"/>
  <c r="AF12374" i="1"/>
  <c r="AF12375" i="1"/>
  <c r="AF12376" i="1"/>
  <c r="AF12377" i="1"/>
  <c r="AF12378" i="1"/>
  <c r="AF12379" i="1"/>
  <c r="AF12380" i="1"/>
  <c r="AF12381" i="1"/>
  <c r="AF12382" i="1"/>
  <c r="AF12383" i="1"/>
  <c r="AF12384" i="1"/>
  <c r="AF12385" i="1"/>
  <c r="AF12386" i="1"/>
  <c r="AF12387" i="1"/>
  <c r="AF12388" i="1"/>
  <c r="AF12389" i="1"/>
  <c r="AF12390" i="1"/>
  <c r="AF12391" i="1"/>
  <c r="AF12392" i="1"/>
  <c r="AF12393" i="1"/>
  <c r="AF12394" i="1"/>
  <c r="AF12395" i="1"/>
  <c r="AF12396" i="1"/>
  <c r="AF12397" i="1"/>
  <c r="AF12398" i="1"/>
  <c r="AF12399" i="1"/>
  <c r="AF12400" i="1"/>
  <c r="AF12401" i="1"/>
  <c r="AF12402" i="1"/>
  <c r="AF12403" i="1"/>
  <c r="AF12404" i="1"/>
  <c r="AF12405" i="1"/>
  <c r="AF12406" i="1"/>
  <c r="AF12407" i="1"/>
  <c r="AF12408" i="1"/>
  <c r="AF12409" i="1"/>
  <c r="AF12410" i="1"/>
  <c r="AF12411" i="1"/>
  <c r="AF12412" i="1"/>
  <c r="AF12413" i="1"/>
  <c r="AF12414" i="1"/>
  <c r="AF12415" i="1"/>
  <c r="AF12416" i="1"/>
  <c r="AF12417" i="1"/>
  <c r="AF12418" i="1"/>
  <c r="AF12419" i="1"/>
  <c r="AF12420" i="1"/>
  <c r="AF12421" i="1"/>
  <c r="AF12422" i="1"/>
  <c r="AF12423" i="1"/>
  <c r="AF12424" i="1"/>
  <c r="AF12425" i="1"/>
  <c r="AF12426" i="1"/>
  <c r="AF12427" i="1"/>
  <c r="AF12428" i="1"/>
  <c r="AF12429" i="1"/>
  <c r="AF12430" i="1"/>
  <c r="AF12431" i="1"/>
  <c r="AF12432" i="1"/>
  <c r="AF12433" i="1"/>
  <c r="AF12434" i="1"/>
  <c r="AF12435" i="1"/>
  <c r="AF12436" i="1"/>
  <c r="AF12437" i="1"/>
  <c r="AF12438" i="1"/>
  <c r="AF12439" i="1"/>
  <c r="AF12440" i="1"/>
  <c r="AF12441" i="1"/>
  <c r="AF12442" i="1"/>
  <c r="AF12443" i="1"/>
  <c r="AF12444" i="1"/>
  <c r="AF12445" i="1"/>
  <c r="AF12446" i="1"/>
  <c r="AF12447" i="1"/>
  <c r="AF12448" i="1"/>
  <c r="AF12449" i="1"/>
  <c r="AF12450" i="1"/>
  <c r="AF12451" i="1"/>
  <c r="AF12452" i="1"/>
  <c r="AF12453" i="1"/>
  <c r="AF12454" i="1"/>
  <c r="AF12455" i="1"/>
  <c r="AF12456" i="1"/>
  <c r="AF12457" i="1"/>
  <c r="AF12458" i="1"/>
  <c r="AF12459" i="1"/>
  <c r="AF12460" i="1"/>
  <c r="AF12461" i="1"/>
  <c r="AF12462" i="1"/>
  <c r="AF12463" i="1"/>
  <c r="AF12464" i="1"/>
  <c r="AF12465" i="1"/>
  <c r="AF12466" i="1"/>
  <c r="AF12467" i="1"/>
  <c r="AF12468" i="1"/>
  <c r="AF12469" i="1"/>
  <c r="AF12470" i="1"/>
  <c r="AF12471" i="1"/>
  <c r="AF12472" i="1"/>
  <c r="AF12473" i="1"/>
  <c r="AF12474" i="1"/>
  <c r="AF12475" i="1"/>
  <c r="AF12476" i="1"/>
  <c r="AF12477" i="1"/>
  <c r="AF12478" i="1"/>
  <c r="AF12479" i="1"/>
  <c r="AF12480" i="1"/>
  <c r="AF12481" i="1"/>
  <c r="AF12482" i="1"/>
  <c r="AF12483" i="1"/>
  <c r="AF12484" i="1"/>
  <c r="AF12485" i="1"/>
  <c r="AF12486" i="1"/>
  <c r="AF12487" i="1"/>
  <c r="AF12488" i="1"/>
  <c r="AF12489" i="1"/>
  <c r="AF12490" i="1"/>
  <c r="AF12491" i="1"/>
  <c r="AF12492" i="1"/>
  <c r="AF12493" i="1"/>
  <c r="AF12494" i="1"/>
  <c r="AF12495" i="1"/>
  <c r="AF12496" i="1"/>
  <c r="AF12497" i="1"/>
  <c r="AF12498" i="1"/>
  <c r="AF12499" i="1"/>
  <c r="AF12500" i="1"/>
  <c r="AF12501" i="1"/>
  <c r="AF12502" i="1"/>
  <c r="AF12503" i="1"/>
  <c r="AF12504" i="1"/>
  <c r="AF12505" i="1"/>
  <c r="AF12506" i="1"/>
  <c r="AF12507" i="1"/>
  <c r="AF12508" i="1"/>
  <c r="AF12509" i="1"/>
  <c r="AF12510" i="1"/>
  <c r="AF12511" i="1"/>
  <c r="AF12512" i="1"/>
  <c r="AF12513" i="1"/>
  <c r="AF12514" i="1"/>
  <c r="AF12515" i="1"/>
  <c r="AF12516" i="1"/>
  <c r="AF12517" i="1"/>
  <c r="AF12518" i="1"/>
  <c r="AF12519" i="1"/>
  <c r="AF12520" i="1"/>
  <c r="AF12521" i="1"/>
  <c r="AF12522" i="1"/>
  <c r="AF12523" i="1"/>
  <c r="AF12524" i="1"/>
  <c r="AF12525" i="1"/>
  <c r="AF12526" i="1"/>
  <c r="AF12527" i="1"/>
  <c r="AF12528" i="1"/>
  <c r="AF12529" i="1"/>
  <c r="AF12530" i="1"/>
  <c r="AF12531" i="1"/>
  <c r="AF12532" i="1"/>
  <c r="AF12533" i="1"/>
  <c r="AF12534" i="1"/>
  <c r="AF12535" i="1"/>
  <c r="AF12536" i="1"/>
  <c r="AF12537" i="1"/>
  <c r="AF12538" i="1"/>
  <c r="AF12539" i="1"/>
  <c r="AF12540" i="1"/>
  <c r="AF12541" i="1"/>
  <c r="AF12542" i="1"/>
  <c r="AF12543" i="1"/>
  <c r="AF12544" i="1"/>
  <c r="AF12545" i="1"/>
  <c r="AF12546" i="1"/>
  <c r="AF12547" i="1"/>
  <c r="AF12548" i="1"/>
  <c r="AF12549" i="1"/>
  <c r="AF12550" i="1"/>
  <c r="AF12551" i="1"/>
  <c r="AF12552" i="1"/>
  <c r="AF12553" i="1"/>
  <c r="AF12554" i="1"/>
  <c r="AF12555" i="1"/>
  <c r="AF12556" i="1"/>
  <c r="AF12557" i="1"/>
  <c r="AF12558" i="1"/>
  <c r="AF12559" i="1"/>
  <c r="AF12560" i="1"/>
  <c r="AF12561" i="1"/>
  <c r="AF12562" i="1"/>
  <c r="AF12563" i="1"/>
  <c r="AF12564" i="1"/>
  <c r="AF12565" i="1"/>
  <c r="AF12566" i="1"/>
  <c r="AF12567" i="1"/>
  <c r="AF12568" i="1"/>
  <c r="AF12569" i="1"/>
  <c r="AF12570" i="1"/>
  <c r="AF12571" i="1"/>
  <c r="AF12572" i="1"/>
  <c r="AF12573" i="1"/>
  <c r="AF12574" i="1"/>
  <c r="AF12575" i="1"/>
  <c r="AF12576" i="1"/>
  <c r="AF12577" i="1"/>
  <c r="AF12578" i="1"/>
  <c r="AF12579" i="1"/>
  <c r="AF12580" i="1"/>
  <c r="AF12581" i="1"/>
  <c r="AF12582" i="1"/>
  <c r="AF12583" i="1"/>
  <c r="AF12584" i="1"/>
  <c r="AF12585" i="1"/>
  <c r="AF12586" i="1"/>
  <c r="AF12587" i="1"/>
  <c r="AF12588" i="1"/>
  <c r="AF12589" i="1"/>
  <c r="AF12590" i="1"/>
  <c r="AF12591" i="1"/>
  <c r="AF12592" i="1"/>
  <c r="AF12593" i="1"/>
  <c r="AF12594" i="1"/>
  <c r="AF12595" i="1"/>
  <c r="AF12596" i="1"/>
  <c r="AF12597" i="1"/>
  <c r="AF12598" i="1"/>
  <c r="AF12599" i="1"/>
  <c r="AF12600" i="1"/>
  <c r="AF12601" i="1"/>
  <c r="AF12602" i="1"/>
  <c r="AF12603" i="1"/>
  <c r="AF12604" i="1"/>
  <c r="AF12605" i="1"/>
  <c r="AF12606" i="1"/>
  <c r="AF12607" i="1"/>
  <c r="AF12608" i="1"/>
  <c r="AF12609" i="1"/>
  <c r="AF12610" i="1"/>
  <c r="AF12611" i="1"/>
  <c r="AF12612" i="1"/>
  <c r="AF12613" i="1"/>
  <c r="AF12614" i="1"/>
  <c r="AF12615" i="1"/>
  <c r="AF12616" i="1"/>
  <c r="AF12617" i="1"/>
  <c r="AF12618" i="1"/>
  <c r="AF12619" i="1"/>
  <c r="AF12620" i="1"/>
  <c r="AF12621" i="1"/>
  <c r="AF12622" i="1"/>
  <c r="AF12623" i="1"/>
  <c r="AF12624" i="1"/>
  <c r="AF12625" i="1"/>
  <c r="AF12626" i="1"/>
  <c r="AF12627" i="1"/>
  <c r="AF12628" i="1"/>
  <c r="AF12629" i="1"/>
  <c r="AF12630" i="1"/>
  <c r="AF12631" i="1"/>
  <c r="AF12632" i="1"/>
  <c r="AF12633" i="1"/>
  <c r="AF12634" i="1"/>
  <c r="AF12635" i="1"/>
  <c r="AF12636" i="1"/>
  <c r="AF12637" i="1"/>
  <c r="AF12638" i="1"/>
  <c r="AF12639" i="1"/>
  <c r="AF12640" i="1"/>
  <c r="AF12641" i="1"/>
  <c r="AF12642" i="1"/>
  <c r="AF12643" i="1"/>
  <c r="AF12644" i="1"/>
  <c r="AF12645" i="1"/>
  <c r="AF12646" i="1"/>
  <c r="AF12647" i="1"/>
  <c r="AF12648" i="1"/>
  <c r="AF12649" i="1"/>
  <c r="AF12650" i="1"/>
  <c r="AF12651" i="1"/>
  <c r="AF12652" i="1"/>
  <c r="AF12653" i="1"/>
  <c r="AF12654" i="1"/>
  <c r="AF12655" i="1"/>
  <c r="AF12656" i="1"/>
  <c r="AF12657" i="1"/>
  <c r="AF12658" i="1"/>
  <c r="AF12659" i="1"/>
  <c r="AF12660" i="1"/>
  <c r="AF12661" i="1"/>
  <c r="AF12662" i="1"/>
  <c r="AF12663" i="1"/>
  <c r="AF12664" i="1"/>
  <c r="AF12665" i="1"/>
  <c r="AF12666" i="1"/>
  <c r="AF12667" i="1"/>
  <c r="AF12668" i="1"/>
  <c r="AF12669" i="1"/>
  <c r="AF12670" i="1"/>
  <c r="AF12671" i="1"/>
  <c r="AF12672" i="1"/>
  <c r="AF12673" i="1"/>
  <c r="AF12674" i="1"/>
  <c r="AF12675" i="1"/>
  <c r="AF12676" i="1"/>
  <c r="AF12677" i="1"/>
  <c r="AF12678" i="1"/>
  <c r="AF12679" i="1"/>
  <c r="AF12680" i="1"/>
  <c r="AF12681" i="1"/>
  <c r="AF12682" i="1"/>
  <c r="AF12683" i="1"/>
  <c r="AF12684" i="1"/>
  <c r="AF12685" i="1"/>
  <c r="AF12686" i="1"/>
  <c r="AF12687" i="1"/>
  <c r="AF12688" i="1"/>
  <c r="AF12689" i="1"/>
  <c r="AF12690" i="1"/>
  <c r="AF12691" i="1"/>
  <c r="AF12692" i="1"/>
  <c r="AF12693" i="1"/>
  <c r="AF12694" i="1"/>
  <c r="AF12695" i="1"/>
  <c r="AF12696" i="1"/>
  <c r="AF12697" i="1"/>
  <c r="AF12698" i="1"/>
  <c r="AF12699" i="1"/>
  <c r="AF12700" i="1"/>
  <c r="AF12701" i="1"/>
  <c r="AF12702" i="1"/>
  <c r="AF12703" i="1"/>
  <c r="AF12704" i="1"/>
  <c r="AF12705" i="1"/>
  <c r="AF12706" i="1"/>
  <c r="AF12707" i="1"/>
  <c r="AF12708" i="1"/>
  <c r="AF12709" i="1"/>
  <c r="AF12710" i="1"/>
  <c r="AF12711" i="1"/>
  <c r="AF12712" i="1"/>
  <c r="AF12713" i="1"/>
  <c r="AF12714" i="1"/>
  <c r="AF12715" i="1"/>
  <c r="AF12716" i="1"/>
  <c r="AF12717" i="1"/>
  <c r="AF12718" i="1"/>
  <c r="AF12719" i="1"/>
  <c r="AF12720" i="1"/>
  <c r="AF12721" i="1"/>
  <c r="AF12722" i="1"/>
  <c r="AF12723" i="1"/>
  <c r="AF12724" i="1"/>
  <c r="AF12725" i="1"/>
  <c r="AF12726" i="1"/>
  <c r="AF12727" i="1"/>
  <c r="AF12728" i="1"/>
  <c r="AF12729" i="1"/>
  <c r="AF12730" i="1"/>
  <c r="AF12731" i="1"/>
  <c r="AF12732" i="1"/>
  <c r="AF12733" i="1"/>
  <c r="AF12734" i="1"/>
  <c r="AF12735" i="1"/>
  <c r="AF12736" i="1"/>
  <c r="AF12737" i="1"/>
  <c r="AF12738" i="1"/>
  <c r="AF12739" i="1"/>
  <c r="AF12740" i="1"/>
  <c r="AF12741" i="1"/>
  <c r="AF12742" i="1"/>
  <c r="AF12743" i="1"/>
  <c r="AF12744" i="1"/>
  <c r="AF12745" i="1"/>
  <c r="AF12746" i="1"/>
  <c r="AF12747" i="1"/>
  <c r="AF12748" i="1"/>
  <c r="AF12749" i="1"/>
  <c r="AF12750" i="1"/>
  <c r="AF12751" i="1"/>
  <c r="AF12752" i="1"/>
  <c r="AF12753" i="1"/>
  <c r="AF12754" i="1"/>
  <c r="AF12755" i="1"/>
  <c r="AF12756" i="1"/>
  <c r="AF12757" i="1"/>
  <c r="AF12758" i="1"/>
  <c r="AF12759" i="1"/>
  <c r="AF12760" i="1"/>
  <c r="AF12761" i="1"/>
  <c r="AF12762" i="1"/>
  <c r="AF12763" i="1"/>
  <c r="AF12764" i="1"/>
  <c r="AF12765" i="1"/>
  <c r="AF12766" i="1"/>
  <c r="AF12767" i="1"/>
  <c r="AF12768" i="1"/>
  <c r="AF12769" i="1"/>
  <c r="AF12770" i="1"/>
  <c r="AF12771" i="1"/>
  <c r="AF12772" i="1"/>
  <c r="AF12773" i="1"/>
  <c r="AF12774" i="1"/>
  <c r="AF12775" i="1"/>
  <c r="AF12776" i="1"/>
  <c r="AF12777" i="1"/>
  <c r="AF12778" i="1"/>
  <c r="AF12779" i="1"/>
  <c r="AF12780" i="1"/>
  <c r="AF12781" i="1"/>
  <c r="AF12782" i="1"/>
  <c r="AF12783" i="1"/>
  <c r="AF12784" i="1"/>
  <c r="AF12785" i="1"/>
  <c r="AF12786" i="1"/>
  <c r="AF12787" i="1"/>
  <c r="AF12788" i="1"/>
  <c r="AF12789" i="1"/>
  <c r="AF12790" i="1"/>
  <c r="AF12791" i="1"/>
  <c r="AF12792" i="1"/>
  <c r="AF12793" i="1"/>
  <c r="AF12794" i="1"/>
  <c r="AF12795" i="1"/>
  <c r="AF12796" i="1"/>
  <c r="AF12797" i="1"/>
  <c r="AF12798" i="1"/>
  <c r="AF12799" i="1"/>
  <c r="AF12800" i="1"/>
  <c r="AF12801" i="1"/>
  <c r="AF12802" i="1"/>
  <c r="AF12803" i="1"/>
  <c r="AF12804" i="1"/>
  <c r="AF12805" i="1"/>
  <c r="AF12806" i="1"/>
  <c r="AF12807" i="1"/>
  <c r="AF12808" i="1"/>
  <c r="AF12809" i="1"/>
  <c r="AF12810" i="1"/>
  <c r="AF12811" i="1"/>
  <c r="AF12812" i="1"/>
  <c r="AF12813" i="1"/>
  <c r="AF12814" i="1"/>
  <c r="AF12815" i="1"/>
  <c r="AF12816" i="1"/>
  <c r="AF12817" i="1"/>
  <c r="AF12818" i="1"/>
  <c r="AF12819" i="1"/>
  <c r="AF12820" i="1"/>
  <c r="AF12821" i="1"/>
  <c r="AF12822" i="1"/>
  <c r="AF12823" i="1"/>
  <c r="AF12824" i="1"/>
  <c r="AF12825" i="1"/>
  <c r="AF12826" i="1"/>
  <c r="AF12827" i="1"/>
  <c r="AF12828" i="1"/>
  <c r="AF12829" i="1"/>
  <c r="AF12830" i="1"/>
  <c r="AF12831" i="1"/>
  <c r="AF12832" i="1"/>
  <c r="AF12833" i="1"/>
  <c r="AF12834" i="1"/>
  <c r="AF12835" i="1"/>
  <c r="AF12836" i="1"/>
  <c r="AF12837" i="1"/>
  <c r="AF12838" i="1"/>
  <c r="AF12839" i="1"/>
  <c r="AF12840" i="1"/>
  <c r="AF12841" i="1"/>
  <c r="AF12842" i="1"/>
  <c r="AF12843" i="1"/>
  <c r="AF12844" i="1"/>
  <c r="AF12845" i="1"/>
  <c r="AF12846" i="1"/>
  <c r="AF12847" i="1"/>
  <c r="AF12848" i="1"/>
  <c r="AF12849" i="1"/>
  <c r="AF12850" i="1"/>
  <c r="AF12851" i="1"/>
  <c r="AF12852" i="1"/>
  <c r="AF12853" i="1"/>
  <c r="AF12854" i="1"/>
  <c r="AF12855" i="1"/>
  <c r="AF12856" i="1"/>
  <c r="AF12857" i="1"/>
  <c r="AF12858" i="1"/>
  <c r="AF12859" i="1"/>
  <c r="AF12860" i="1"/>
  <c r="AF12861" i="1"/>
  <c r="AF12862" i="1"/>
  <c r="AF12863" i="1"/>
  <c r="AF12864" i="1"/>
  <c r="AF12865" i="1"/>
  <c r="AF12866" i="1"/>
  <c r="AF12867" i="1"/>
  <c r="AF12868" i="1"/>
  <c r="AF12869" i="1"/>
  <c r="AF12870" i="1"/>
  <c r="AF12871" i="1"/>
  <c r="AF12872" i="1"/>
  <c r="AF12873" i="1"/>
  <c r="AF12874" i="1"/>
  <c r="AF12875" i="1"/>
  <c r="AF12876" i="1"/>
  <c r="AF12877" i="1"/>
  <c r="AF12878" i="1"/>
  <c r="AF12879" i="1"/>
  <c r="AF12880" i="1"/>
  <c r="AF12881" i="1"/>
  <c r="AF12882" i="1"/>
  <c r="AF12883" i="1"/>
  <c r="AF12884" i="1"/>
  <c r="AF12885" i="1"/>
  <c r="AF12886" i="1"/>
  <c r="AF12887" i="1"/>
  <c r="AF12888" i="1"/>
  <c r="AF12889" i="1"/>
  <c r="AF12890" i="1"/>
  <c r="AF12891" i="1"/>
  <c r="AF12892" i="1"/>
  <c r="AF12893" i="1"/>
  <c r="AF12894" i="1"/>
  <c r="AF12895" i="1"/>
  <c r="AF12896" i="1"/>
  <c r="AF12897" i="1"/>
  <c r="AF12898" i="1"/>
  <c r="AF12899" i="1"/>
  <c r="AF12900" i="1"/>
  <c r="AF12901" i="1"/>
  <c r="AF12902" i="1"/>
  <c r="AF12903" i="1"/>
  <c r="AF12904" i="1"/>
  <c r="AF12905" i="1"/>
  <c r="AF12906" i="1"/>
  <c r="AF12907" i="1"/>
  <c r="AF12908" i="1"/>
  <c r="AF12909" i="1"/>
  <c r="AF12910" i="1"/>
  <c r="AF12911" i="1"/>
  <c r="AF12912" i="1"/>
  <c r="AF12913" i="1"/>
  <c r="AF12914" i="1"/>
  <c r="AF12915" i="1"/>
  <c r="AF12916" i="1"/>
  <c r="AF12917" i="1"/>
  <c r="AF12918" i="1"/>
  <c r="AF12919" i="1"/>
  <c r="AF12920" i="1"/>
  <c r="AF12921" i="1"/>
  <c r="AF12922" i="1"/>
  <c r="AF12923" i="1"/>
  <c r="AF12924" i="1"/>
  <c r="AF12925" i="1"/>
  <c r="AF12926" i="1"/>
  <c r="AF12927" i="1"/>
  <c r="AF12928" i="1"/>
  <c r="AF12929" i="1"/>
  <c r="AF12930" i="1"/>
  <c r="AF12931" i="1"/>
  <c r="AF12932" i="1"/>
  <c r="AF12933" i="1"/>
  <c r="AF12934" i="1"/>
  <c r="AF12935" i="1"/>
  <c r="AF12936" i="1"/>
  <c r="AF12937" i="1"/>
  <c r="AF12938" i="1"/>
  <c r="AF12939" i="1"/>
  <c r="AF12940" i="1"/>
  <c r="AF12941" i="1"/>
  <c r="AF12942" i="1"/>
  <c r="AF12943" i="1"/>
  <c r="AF12944" i="1"/>
  <c r="AF12945" i="1"/>
  <c r="AF12946" i="1"/>
  <c r="AF12947" i="1"/>
  <c r="AF12948" i="1"/>
  <c r="AF12949" i="1"/>
  <c r="AF12950" i="1"/>
  <c r="AF12951" i="1"/>
  <c r="AF12952" i="1"/>
  <c r="AF12953" i="1"/>
  <c r="AF12954" i="1"/>
  <c r="AF12955" i="1"/>
  <c r="AF12956" i="1"/>
  <c r="AF12957" i="1"/>
  <c r="AF12958" i="1"/>
  <c r="AF12959" i="1"/>
  <c r="AF12960" i="1"/>
  <c r="AF12961" i="1"/>
  <c r="AF12962" i="1"/>
  <c r="AF12963" i="1"/>
  <c r="AF12964" i="1"/>
  <c r="AF12965" i="1"/>
  <c r="AF12966" i="1"/>
  <c r="AF12967" i="1"/>
  <c r="AF12968" i="1"/>
  <c r="AF12969" i="1"/>
  <c r="AF12970" i="1"/>
  <c r="AF12971" i="1"/>
  <c r="AF12972" i="1"/>
  <c r="AF12973" i="1"/>
  <c r="AF12974" i="1"/>
  <c r="AF12975" i="1"/>
  <c r="AF12976" i="1"/>
  <c r="AF12977" i="1"/>
  <c r="AF12978" i="1"/>
  <c r="AF12979" i="1"/>
  <c r="AF12980" i="1"/>
  <c r="AF12981" i="1"/>
  <c r="AF12982" i="1"/>
  <c r="AF12983" i="1"/>
  <c r="AF12984" i="1"/>
  <c r="AF12985" i="1"/>
  <c r="AF12986" i="1"/>
  <c r="AF12987" i="1"/>
  <c r="AF12988" i="1"/>
  <c r="AF12989" i="1"/>
  <c r="AF12990" i="1"/>
  <c r="AF12991" i="1"/>
  <c r="AF12992" i="1"/>
  <c r="AF12993" i="1"/>
  <c r="AF12994" i="1"/>
  <c r="AF12995" i="1"/>
  <c r="AF12996" i="1"/>
  <c r="AF12997" i="1"/>
  <c r="AF12998" i="1"/>
  <c r="AF12999" i="1"/>
  <c r="AF13000" i="1"/>
  <c r="AF13001" i="1"/>
  <c r="AF13002" i="1"/>
  <c r="AF13003" i="1"/>
  <c r="AF13004" i="1"/>
  <c r="AF13005" i="1"/>
  <c r="AF13006" i="1"/>
  <c r="AF13007" i="1"/>
  <c r="AF13008" i="1"/>
  <c r="AF13009" i="1"/>
  <c r="AF13010" i="1"/>
  <c r="AF13011" i="1"/>
  <c r="AF13012" i="1"/>
  <c r="AF13013" i="1"/>
  <c r="AF13014" i="1"/>
  <c r="AF13015" i="1"/>
  <c r="AF13016" i="1"/>
  <c r="AF13017" i="1"/>
  <c r="AF13018" i="1"/>
  <c r="AF13019" i="1"/>
  <c r="AF13020" i="1"/>
  <c r="AF13021" i="1"/>
  <c r="AF13022" i="1"/>
  <c r="AF13023" i="1"/>
  <c r="AF13024" i="1"/>
  <c r="AF13025" i="1"/>
  <c r="AF13026" i="1"/>
  <c r="AF13027" i="1"/>
  <c r="AF13028" i="1"/>
  <c r="AF13029" i="1"/>
  <c r="AF13030" i="1"/>
  <c r="AF13031" i="1"/>
  <c r="AF13032" i="1"/>
  <c r="AF13033" i="1"/>
  <c r="AF13034" i="1"/>
  <c r="AF13035" i="1"/>
  <c r="AF13036" i="1"/>
  <c r="AF13037" i="1"/>
  <c r="AF13038" i="1"/>
  <c r="AF13039" i="1"/>
  <c r="AF13040" i="1"/>
  <c r="AF13041" i="1"/>
  <c r="AF13042" i="1"/>
  <c r="AF13043" i="1"/>
  <c r="AF13044" i="1"/>
  <c r="AF13045" i="1"/>
  <c r="AF13046" i="1"/>
  <c r="AF13047" i="1"/>
  <c r="AF13048" i="1"/>
  <c r="AF13049" i="1"/>
  <c r="AF13050" i="1"/>
  <c r="AF13051" i="1"/>
  <c r="AF13052" i="1"/>
  <c r="AF13053" i="1"/>
  <c r="AF13054" i="1"/>
  <c r="AF13055" i="1"/>
  <c r="AF13056" i="1"/>
  <c r="AF13057" i="1"/>
  <c r="AF13058" i="1"/>
  <c r="AF13059" i="1"/>
  <c r="AF13060" i="1"/>
  <c r="AF13061" i="1"/>
  <c r="AF13062" i="1"/>
  <c r="AF13063" i="1"/>
  <c r="AF13064" i="1"/>
  <c r="AF13065" i="1"/>
  <c r="AF13066" i="1"/>
  <c r="AF13067" i="1"/>
  <c r="AF13068" i="1"/>
  <c r="AF13069" i="1"/>
  <c r="AF13070" i="1"/>
  <c r="AF13071" i="1"/>
  <c r="AF13072" i="1"/>
  <c r="AF13073" i="1"/>
  <c r="AF13074" i="1"/>
  <c r="AF13075" i="1"/>
  <c r="AF13076" i="1"/>
  <c r="AF13077" i="1"/>
  <c r="AF13078" i="1"/>
  <c r="AF13079" i="1"/>
  <c r="AF13080" i="1"/>
  <c r="AF13081" i="1"/>
  <c r="AF13082" i="1"/>
  <c r="AF13083" i="1"/>
  <c r="AF13084" i="1"/>
  <c r="AF13085" i="1"/>
  <c r="AF13086" i="1"/>
  <c r="AF13087" i="1"/>
  <c r="AF13088" i="1"/>
  <c r="AF13089" i="1"/>
  <c r="AF13090" i="1"/>
  <c r="AF13091" i="1"/>
  <c r="AF13092" i="1"/>
  <c r="AF13093" i="1"/>
  <c r="AF13094" i="1"/>
  <c r="AF13095" i="1"/>
  <c r="AF13096" i="1"/>
  <c r="AF13097" i="1"/>
  <c r="AF13098" i="1"/>
  <c r="AF13099" i="1"/>
  <c r="AF13100" i="1"/>
  <c r="AF13101" i="1"/>
  <c r="AF13102" i="1"/>
  <c r="AF13103" i="1"/>
  <c r="AF13104" i="1"/>
  <c r="AF13105" i="1"/>
  <c r="AF13106" i="1"/>
  <c r="AF13107" i="1"/>
  <c r="AF13108" i="1"/>
  <c r="AF13109" i="1"/>
  <c r="AF13110" i="1"/>
  <c r="AF13111" i="1"/>
  <c r="AF13112" i="1"/>
  <c r="AF13113" i="1"/>
  <c r="AF13114" i="1"/>
  <c r="AF13115" i="1"/>
  <c r="AF13116" i="1"/>
  <c r="AF13117" i="1"/>
  <c r="AF13118" i="1"/>
  <c r="AF13119" i="1"/>
  <c r="AF13120" i="1"/>
  <c r="AF13121" i="1"/>
  <c r="AF13122" i="1"/>
  <c r="AF13123" i="1"/>
  <c r="AF13124" i="1"/>
  <c r="AF13125" i="1"/>
  <c r="AF13126" i="1"/>
  <c r="AF13127" i="1"/>
  <c r="AF13128" i="1"/>
  <c r="AF13129" i="1"/>
  <c r="AF13130" i="1"/>
  <c r="AF13131" i="1"/>
  <c r="AF13132" i="1"/>
  <c r="AF13133" i="1"/>
  <c r="AF13134" i="1"/>
  <c r="AF13135" i="1"/>
  <c r="AF13136" i="1"/>
  <c r="AF13137" i="1"/>
  <c r="AF13138" i="1"/>
  <c r="AF13139" i="1"/>
  <c r="AF13140" i="1"/>
  <c r="AF13141" i="1"/>
  <c r="AF13142" i="1"/>
  <c r="AF13143" i="1"/>
  <c r="AF13144" i="1"/>
  <c r="AF13145" i="1"/>
  <c r="AF13146" i="1"/>
  <c r="AF13147" i="1"/>
  <c r="AF13148" i="1"/>
  <c r="AF13149" i="1"/>
  <c r="AF13150" i="1"/>
  <c r="AF13151" i="1"/>
  <c r="AF13152" i="1"/>
  <c r="AF13153" i="1"/>
  <c r="AF13154" i="1"/>
  <c r="AF13155" i="1"/>
  <c r="AF13156" i="1"/>
  <c r="AF13157" i="1"/>
  <c r="AF13158" i="1"/>
  <c r="AF13159" i="1"/>
  <c r="AF13160" i="1"/>
  <c r="AF13161" i="1"/>
  <c r="AF13162" i="1"/>
  <c r="AF13163" i="1"/>
  <c r="AF13164" i="1"/>
  <c r="AF13165" i="1"/>
  <c r="AF13166" i="1"/>
  <c r="AF13167" i="1"/>
  <c r="AF13168" i="1"/>
  <c r="AF13169" i="1"/>
  <c r="AF13170" i="1"/>
  <c r="AF13171" i="1"/>
  <c r="AF13172" i="1"/>
  <c r="AF13173" i="1"/>
  <c r="AF13174" i="1"/>
  <c r="AF13175" i="1"/>
  <c r="AF13176" i="1"/>
  <c r="AF13177" i="1"/>
  <c r="AF13178" i="1"/>
  <c r="AF13179" i="1"/>
  <c r="AF13180" i="1"/>
  <c r="AF13181" i="1"/>
  <c r="AF13182" i="1"/>
  <c r="AF13183" i="1"/>
  <c r="AF13184" i="1"/>
  <c r="AF13185" i="1"/>
  <c r="AF13186" i="1"/>
  <c r="AF13187" i="1"/>
  <c r="AF13188" i="1"/>
  <c r="AF13189" i="1"/>
  <c r="AF13190" i="1"/>
  <c r="AF13191" i="1"/>
  <c r="AF13192" i="1"/>
  <c r="AF13193" i="1"/>
  <c r="AF13194" i="1"/>
  <c r="AF13195" i="1"/>
  <c r="AF13196" i="1"/>
  <c r="AF13197" i="1"/>
  <c r="AF13198" i="1"/>
  <c r="AF13199" i="1"/>
  <c r="AF13200" i="1"/>
  <c r="AF13201" i="1"/>
  <c r="AF13202" i="1"/>
  <c r="AF13203" i="1"/>
  <c r="AF13204" i="1"/>
  <c r="AF13205" i="1"/>
  <c r="AF13206" i="1"/>
  <c r="AF13207" i="1"/>
  <c r="AF13208" i="1"/>
  <c r="AF13209" i="1"/>
  <c r="AF13210" i="1"/>
  <c r="AF13211" i="1"/>
  <c r="AF13212" i="1"/>
  <c r="AF13213" i="1"/>
  <c r="AF13214" i="1"/>
  <c r="AF13215" i="1"/>
  <c r="AF13216" i="1"/>
  <c r="AF13217" i="1"/>
  <c r="AF13218" i="1"/>
  <c r="AF13219" i="1"/>
  <c r="AF13220" i="1"/>
  <c r="AF13221" i="1"/>
  <c r="AF13222" i="1"/>
  <c r="AF13223" i="1"/>
  <c r="AF13224" i="1"/>
  <c r="AF13225" i="1"/>
  <c r="AF13226" i="1"/>
  <c r="AF13227" i="1"/>
  <c r="AF13228" i="1"/>
  <c r="AF13229" i="1"/>
  <c r="AF13230" i="1"/>
  <c r="AF13231" i="1"/>
  <c r="AF13232" i="1"/>
  <c r="AF13233" i="1"/>
  <c r="AF13234" i="1"/>
  <c r="AF13235" i="1"/>
  <c r="AF13236" i="1"/>
  <c r="AF13237" i="1"/>
  <c r="AF13238" i="1"/>
  <c r="AF13239" i="1"/>
  <c r="AF13240" i="1"/>
  <c r="AF13241" i="1"/>
  <c r="AF13242" i="1"/>
  <c r="AF13243" i="1"/>
  <c r="AF13244" i="1"/>
  <c r="AF13245" i="1"/>
  <c r="AF13246" i="1"/>
  <c r="AF13247" i="1"/>
  <c r="AF13248" i="1"/>
  <c r="AF13249" i="1"/>
  <c r="AF13250" i="1"/>
  <c r="AF13251" i="1"/>
  <c r="AF13252" i="1"/>
  <c r="AF13253" i="1"/>
  <c r="AF13254" i="1"/>
  <c r="AF13255" i="1"/>
  <c r="AF13256" i="1"/>
  <c r="AF13257" i="1"/>
  <c r="AF13258" i="1"/>
  <c r="AF13259" i="1"/>
  <c r="AF13260" i="1"/>
  <c r="AF13261" i="1"/>
  <c r="AF13262" i="1"/>
  <c r="AF13263" i="1"/>
  <c r="AF13264" i="1"/>
  <c r="AF13265" i="1"/>
  <c r="AF13266" i="1"/>
  <c r="AF13267" i="1"/>
  <c r="AF13268" i="1"/>
  <c r="AF13269" i="1"/>
  <c r="AF13270" i="1"/>
  <c r="AF13271" i="1"/>
  <c r="AF13272" i="1"/>
  <c r="AF13273" i="1"/>
  <c r="AF13274" i="1"/>
  <c r="AF13275" i="1"/>
  <c r="AF13276" i="1"/>
  <c r="AF13277" i="1"/>
  <c r="AF13278" i="1"/>
  <c r="AF13279" i="1"/>
  <c r="AF13280" i="1"/>
  <c r="AF13281" i="1"/>
  <c r="AF13282" i="1"/>
  <c r="AF13283" i="1"/>
  <c r="AF13284" i="1"/>
  <c r="AF13285" i="1"/>
  <c r="AF13286" i="1"/>
  <c r="AF13287" i="1"/>
  <c r="AF13288" i="1"/>
  <c r="AF13289" i="1"/>
  <c r="AF13290" i="1"/>
  <c r="AF13291" i="1"/>
  <c r="AF13292" i="1"/>
  <c r="AF13293" i="1"/>
  <c r="AF13294" i="1"/>
  <c r="AF13295" i="1"/>
  <c r="AF13296" i="1"/>
  <c r="AF13297" i="1"/>
  <c r="AF13298" i="1"/>
  <c r="AF13299" i="1"/>
  <c r="AF13300" i="1"/>
  <c r="AF13301" i="1"/>
  <c r="AF13302" i="1"/>
  <c r="AF13303" i="1"/>
  <c r="AF13304" i="1"/>
  <c r="AF13305" i="1"/>
  <c r="AF13306" i="1"/>
  <c r="AF13307" i="1"/>
  <c r="AF13308" i="1"/>
  <c r="AF13309" i="1"/>
  <c r="AF13310" i="1"/>
  <c r="AF13311" i="1"/>
  <c r="AF13312" i="1"/>
  <c r="AF13313" i="1"/>
  <c r="AF13314" i="1"/>
  <c r="AF13315" i="1"/>
  <c r="AF13316" i="1"/>
  <c r="AF13317" i="1"/>
  <c r="AF13318" i="1"/>
  <c r="AF13319" i="1"/>
  <c r="AF13320" i="1"/>
  <c r="AF13321" i="1"/>
  <c r="AF13322" i="1"/>
  <c r="AF13323" i="1"/>
  <c r="AF13324" i="1"/>
  <c r="AF13325" i="1"/>
  <c r="AF13326" i="1"/>
  <c r="AF13327" i="1"/>
  <c r="AF13328" i="1"/>
  <c r="AF13329" i="1"/>
  <c r="AF13330" i="1"/>
  <c r="AF13331" i="1"/>
  <c r="AF13332" i="1"/>
  <c r="AF13333" i="1"/>
  <c r="AF13334" i="1"/>
  <c r="AF13335" i="1"/>
  <c r="AF13336" i="1"/>
  <c r="AF13337" i="1"/>
  <c r="AF13338" i="1"/>
  <c r="AF13339" i="1"/>
  <c r="AF13340" i="1"/>
  <c r="AF13341" i="1"/>
  <c r="AF13342" i="1"/>
  <c r="AF13343" i="1"/>
  <c r="AF13344" i="1"/>
  <c r="AF13345" i="1"/>
  <c r="AF13346" i="1"/>
  <c r="AF13347" i="1"/>
  <c r="AF13348" i="1"/>
  <c r="AF13349" i="1"/>
  <c r="AF13350" i="1"/>
  <c r="AF13351" i="1"/>
  <c r="AF13352" i="1"/>
  <c r="AF13353" i="1"/>
  <c r="AF13354" i="1"/>
  <c r="AF13355" i="1"/>
  <c r="AF13356" i="1"/>
  <c r="AF13357" i="1"/>
  <c r="AF13358" i="1"/>
  <c r="AF13359" i="1"/>
  <c r="AF13360" i="1"/>
  <c r="AF13361" i="1"/>
  <c r="AF13362" i="1"/>
  <c r="AF13363" i="1"/>
  <c r="AF13364" i="1"/>
  <c r="AF13365" i="1"/>
  <c r="AF13366" i="1"/>
  <c r="AF13367" i="1"/>
  <c r="AF13368" i="1"/>
  <c r="AF13369" i="1"/>
  <c r="AF13370" i="1"/>
  <c r="AF13371" i="1"/>
  <c r="AF13372" i="1"/>
  <c r="AF13373" i="1"/>
  <c r="AF13374" i="1"/>
  <c r="AF13375" i="1"/>
  <c r="AF13376" i="1"/>
  <c r="AF13377" i="1"/>
  <c r="AF13378" i="1"/>
  <c r="AF13379" i="1"/>
  <c r="AF13380" i="1"/>
  <c r="AF13381" i="1"/>
  <c r="AF13382" i="1"/>
  <c r="AF13383" i="1"/>
  <c r="AF13384" i="1"/>
  <c r="AF13385" i="1"/>
  <c r="AF13386" i="1"/>
  <c r="AF13387" i="1"/>
  <c r="AF13388" i="1"/>
  <c r="AF13389" i="1"/>
  <c r="AF13390" i="1"/>
  <c r="AF13391" i="1"/>
  <c r="AF13392" i="1"/>
  <c r="AF13393" i="1"/>
  <c r="AF13394" i="1"/>
  <c r="AF13395" i="1"/>
  <c r="AF13396" i="1"/>
  <c r="AF13397" i="1"/>
  <c r="AF13398" i="1"/>
  <c r="AF13399" i="1"/>
  <c r="AF13400" i="1"/>
  <c r="AF13401" i="1"/>
  <c r="AF13402" i="1"/>
  <c r="AF13403" i="1"/>
  <c r="AF13404" i="1"/>
  <c r="AF13405" i="1"/>
  <c r="AF13406" i="1"/>
  <c r="AF13407" i="1"/>
  <c r="AF13408" i="1"/>
  <c r="AF13409" i="1"/>
  <c r="AF13410" i="1"/>
  <c r="AF13411" i="1"/>
  <c r="AF13412" i="1"/>
  <c r="AF13413" i="1"/>
  <c r="AF13414" i="1"/>
  <c r="AF13415" i="1"/>
  <c r="AF13416" i="1"/>
  <c r="AF13417" i="1"/>
  <c r="AF13418" i="1"/>
  <c r="AF13419" i="1"/>
  <c r="AF13420" i="1"/>
  <c r="AF13421" i="1"/>
  <c r="AF13422" i="1"/>
  <c r="AF13423" i="1"/>
  <c r="AF13424" i="1"/>
  <c r="AF13425" i="1"/>
  <c r="AF13426" i="1"/>
  <c r="AF13427" i="1"/>
  <c r="AF13428" i="1"/>
  <c r="AF13429" i="1"/>
  <c r="AF13430" i="1"/>
  <c r="AF13431" i="1"/>
  <c r="AF13432" i="1"/>
  <c r="AF13433" i="1"/>
  <c r="AF13434" i="1"/>
  <c r="AF13435" i="1"/>
  <c r="AF13436" i="1"/>
  <c r="AF13437" i="1"/>
  <c r="AF13438" i="1"/>
  <c r="AF13439" i="1"/>
  <c r="AF13440" i="1"/>
  <c r="AF13441" i="1"/>
  <c r="AF13442" i="1"/>
  <c r="AF13443" i="1"/>
  <c r="AF13444" i="1"/>
  <c r="AF13445" i="1"/>
  <c r="AF13446" i="1"/>
  <c r="AF13447" i="1"/>
  <c r="AF13448" i="1"/>
  <c r="AF13449" i="1"/>
  <c r="AF13450" i="1"/>
  <c r="AF13451" i="1"/>
  <c r="AF13452" i="1"/>
  <c r="AF13453" i="1"/>
  <c r="AF13454" i="1"/>
  <c r="AF13455" i="1"/>
  <c r="AF13456" i="1"/>
  <c r="AF13457" i="1"/>
  <c r="AF13458" i="1"/>
  <c r="AF13459" i="1"/>
  <c r="AF13460" i="1"/>
  <c r="AF13461" i="1"/>
  <c r="AF13462" i="1"/>
  <c r="AF13463" i="1"/>
  <c r="AF13464" i="1"/>
  <c r="AF13465" i="1"/>
  <c r="AF13466" i="1"/>
  <c r="AF13467" i="1"/>
  <c r="AF13468" i="1"/>
  <c r="AF13469" i="1"/>
  <c r="AF13470" i="1"/>
  <c r="AF13471" i="1"/>
  <c r="AF13472" i="1"/>
  <c r="AF13473" i="1"/>
  <c r="AF13474" i="1"/>
  <c r="AF13475" i="1"/>
  <c r="AF13476" i="1"/>
  <c r="AF13477" i="1"/>
  <c r="AF13478" i="1"/>
  <c r="AF13479" i="1"/>
  <c r="AF13480" i="1"/>
  <c r="AF13481" i="1"/>
  <c r="AF13482" i="1"/>
  <c r="AF13483" i="1"/>
  <c r="AF13484" i="1"/>
  <c r="AF13485" i="1"/>
  <c r="AF13486" i="1"/>
  <c r="AF13487" i="1"/>
  <c r="AF13488" i="1"/>
  <c r="AF13489" i="1"/>
  <c r="AF13490" i="1"/>
  <c r="AF13491" i="1"/>
  <c r="AF13492" i="1"/>
  <c r="AF13493" i="1"/>
  <c r="AF13494" i="1"/>
  <c r="AF13495" i="1"/>
  <c r="AF13496" i="1"/>
  <c r="AF13497" i="1"/>
  <c r="AF13498" i="1"/>
  <c r="AF13499" i="1"/>
  <c r="AF13500" i="1"/>
  <c r="AF13501" i="1"/>
  <c r="AF13502" i="1"/>
  <c r="AF13503" i="1"/>
  <c r="AF13504" i="1"/>
  <c r="AF13505" i="1"/>
  <c r="AF13506" i="1"/>
  <c r="AF13507" i="1"/>
  <c r="AF13508" i="1"/>
  <c r="AF13509" i="1"/>
  <c r="AF13510" i="1"/>
  <c r="AF13511" i="1"/>
  <c r="AF13512" i="1"/>
  <c r="AF13513" i="1"/>
  <c r="AF13514" i="1"/>
  <c r="AF13515" i="1"/>
  <c r="AF13516" i="1"/>
  <c r="AF13517" i="1"/>
  <c r="AF13518" i="1"/>
  <c r="AF13519" i="1"/>
  <c r="AF13520" i="1"/>
  <c r="AF13521" i="1"/>
  <c r="AF13522" i="1"/>
  <c r="AF13523" i="1"/>
  <c r="AF13524" i="1"/>
  <c r="AF13525" i="1"/>
  <c r="AF13526" i="1"/>
  <c r="AF13527" i="1"/>
  <c r="AF13528" i="1"/>
  <c r="AF13529" i="1"/>
  <c r="AF13530" i="1"/>
  <c r="AF13531" i="1"/>
  <c r="AF13532" i="1"/>
  <c r="AF13533" i="1"/>
  <c r="AF13534" i="1"/>
  <c r="AF13535" i="1"/>
  <c r="AF13536" i="1"/>
  <c r="AF13537" i="1"/>
  <c r="AF13538" i="1"/>
  <c r="AF13539" i="1"/>
  <c r="AF13540" i="1"/>
  <c r="AF13541" i="1"/>
  <c r="AF13542" i="1"/>
  <c r="AF13543" i="1"/>
  <c r="AF13544" i="1"/>
  <c r="AF13545" i="1"/>
  <c r="AF13546" i="1"/>
  <c r="AF13547" i="1"/>
  <c r="AF13548" i="1"/>
  <c r="AF13549" i="1"/>
  <c r="AF13550" i="1"/>
  <c r="AF13551" i="1"/>
  <c r="AF13552" i="1"/>
  <c r="AF13553" i="1"/>
  <c r="AF13554" i="1"/>
  <c r="AF13555" i="1"/>
  <c r="AF13556" i="1"/>
  <c r="AF13557" i="1"/>
  <c r="AF13558" i="1"/>
  <c r="AF13559" i="1"/>
  <c r="AF13560" i="1"/>
  <c r="AF13561" i="1"/>
  <c r="AF13562" i="1"/>
  <c r="AF13563" i="1"/>
  <c r="AF13564" i="1"/>
  <c r="AF13565" i="1"/>
  <c r="AF13566" i="1"/>
  <c r="AF13567" i="1"/>
  <c r="AF13568" i="1"/>
  <c r="AF13569" i="1"/>
  <c r="AF13570" i="1"/>
  <c r="AF13571" i="1"/>
  <c r="AF13572" i="1"/>
  <c r="AF13573" i="1"/>
  <c r="AF13574" i="1"/>
  <c r="AF13575" i="1"/>
  <c r="AF13576" i="1"/>
  <c r="AF13577" i="1"/>
  <c r="AF13578" i="1"/>
  <c r="AF13579" i="1"/>
  <c r="AF13580" i="1"/>
  <c r="AF13581" i="1"/>
  <c r="AF13582" i="1"/>
  <c r="AF13583" i="1"/>
  <c r="AF13584" i="1"/>
  <c r="AF13585" i="1"/>
  <c r="AF13586" i="1"/>
  <c r="AF13587" i="1"/>
  <c r="AF13588" i="1"/>
  <c r="AF13589" i="1"/>
  <c r="AF13590" i="1"/>
  <c r="AF13591" i="1"/>
  <c r="AF13592" i="1"/>
  <c r="AF13593" i="1"/>
  <c r="AF13594" i="1"/>
  <c r="AF13595" i="1"/>
  <c r="AF13596" i="1"/>
  <c r="AF13597" i="1"/>
  <c r="AF13598" i="1"/>
  <c r="AF13599" i="1"/>
  <c r="AF13600" i="1"/>
  <c r="AF13601" i="1"/>
  <c r="AF13602" i="1"/>
  <c r="AF13603" i="1"/>
  <c r="AF13604" i="1"/>
  <c r="AF13605" i="1"/>
  <c r="AF13606" i="1"/>
  <c r="AF13607" i="1"/>
  <c r="AF13608" i="1"/>
  <c r="AF13609" i="1"/>
  <c r="AF13610" i="1"/>
  <c r="AF13611" i="1"/>
  <c r="AF13612" i="1"/>
  <c r="AF13613" i="1"/>
  <c r="AF13614" i="1"/>
  <c r="AF13615" i="1"/>
  <c r="AF13616" i="1"/>
  <c r="AF13617" i="1"/>
  <c r="AF13618" i="1"/>
  <c r="AF13619" i="1"/>
  <c r="AF13620" i="1"/>
  <c r="AF13621" i="1"/>
  <c r="AF13622" i="1"/>
  <c r="AF13623" i="1"/>
  <c r="AF13624" i="1"/>
  <c r="AF13625" i="1"/>
  <c r="AF13626" i="1"/>
  <c r="AF13627" i="1"/>
  <c r="AF13628" i="1"/>
  <c r="AF13629" i="1"/>
  <c r="AF13630" i="1"/>
  <c r="AF13631" i="1"/>
  <c r="AF13632" i="1"/>
  <c r="AF13633" i="1"/>
  <c r="AF13634" i="1"/>
  <c r="AF13635" i="1"/>
  <c r="AF13636" i="1"/>
  <c r="AF13637" i="1"/>
  <c r="AF13638" i="1"/>
  <c r="AF13639" i="1"/>
  <c r="AF13640" i="1"/>
  <c r="AF13641" i="1"/>
  <c r="AF13642" i="1"/>
  <c r="AF13643" i="1"/>
  <c r="AF13644" i="1"/>
  <c r="AF13645" i="1"/>
  <c r="AF13646" i="1"/>
  <c r="AF13647" i="1"/>
  <c r="AF13648" i="1"/>
  <c r="AF13649" i="1"/>
  <c r="AF13650" i="1"/>
  <c r="AF13651" i="1"/>
  <c r="AF13652" i="1"/>
  <c r="AF13653" i="1"/>
  <c r="AF13654" i="1"/>
  <c r="AF13655" i="1"/>
  <c r="AF13656" i="1"/>
  <c r="AF13657" i="1"/>
  <c r="AF13658" i="1"/>
  <c r="AF13659" i="1"/>
  <c r="AF13660" i="1"/>
  <c r="AF13661" i="1"/>
  <c r="AF13662" i="1"/>
  <c r="AF13663" i="1"/>
  <c r="AF13664" i="1"/>
  <c r="AF13665" i="1"/>
  <c r="AF13666" i="1"/>
  <c r="AF13667" i="1"/>
  <c r="AF13668" i="1"/>
  <c r="AF13669" i="1"/>
  <c r="AF13670" i="1"/>
  <c r="AF13671" i="1"/>
  <c r="AF13672" i="1"/>
  <c r="AF13673" i="1"/>
  <c r="AF13674" i="1"/>
  <c r="AF13675" i="1"/>
  <c r="AF13676" i="1"/>
  <c r="AF13677" i="1"/>
  <c r="AF13678" i="1"/>
  <c r="AF13679" i="1"/>
  <c r="AF13680" i="1"/>
  <c r="AF13681" i="1"/>
  <c r="AF13682" i="1"/>
  <c r="AF13683" i="1"/>
  <c r="AF13684" i="1"/>
  <c r="AF13685" i="1"/>
  <c r="AF13686" i="1"/>
  <c r="AF13687" i="1"/>
  <c r="AF13688" i="1"/>
  <c r="AF13689" i="1"/>
  <c r="AF13690" i="1"/>
  <c r="AF13691" i="1"/>
  <c r="AF13692" i="1"/>
  <c r="AF13693" i="1"/>
  <c r="AF13694" i="1"/>
  <c r="AF13695" i="1"/>
  <c r="AF13696" i="1"/>
  <c r="AF13697" i="1"/>
  <c r="AF13698" i="1"/>
  <c r="AF13699" i="1"/>
  <c r="AF13700" i="1"/>
  <c r="AF13701" i="1"/>
  <c r="AF13702" i="1"/>
  <c r="AF13703" i="1"/>
  <c r="AF13704" i="1"/>
  <c r="AF13705" i="1"/>
  <c r="AF13706" i="1"/>
  <c r="AF13707" i="1"/>
  <c r="AF13708" i="1"/>
  <c r="AF13709" i="1"/>
  <c r="AF13710" i="1"/>
  <c r="AF13711" i="1"/>
  <c r="AF13712" i="1"/>
  <c r="AF13713" i="1"/>
  <c r="AF13714" i="1"/>
  <c r="AF13715" i="1"/>
  <c r="AF13716" i="1"/>
  <c r="AF13717" i="1"/>
  <c r="AF13718" i="1"/>
  <c r="AF13719" i="1"/>
  <c r="AF13720" i="1"/>
  <c r="AF13721" i="1"/>
  <c r="AF13722" i="1"/>
  <c r="AF13723" i="1"/>
  <c r="AF13724" i="1"/>
  <c r="AF13725" i="1"/>
  <c r="AF13726" i="1"/>
  <c r="AF13727" i="1"/>
  <c r="AF13728" i="1"/>
  <c r="AF13729" i="1"/>
  <c r="AF13730" i="1"/>
  <c r="AF13731" i="1"/>
  <c r="AF13732" i="1"/>
  <c r="AF13733" i="1"/>
  <c r="AF13734" i="1"/>
  <c r="AF13735" i="1"/>
  <c r="AF13736" i="1"/>
  <c r="AF13737" i="1"/>
  <c r="AF13738" i="1"/>
  <c r="AF13739" i="1"/>
  <c r="AF13740" i="1"/>
  <c r="AF13741" i="1"/>
  <c r="AF13742" i="1"/>
  <c r="AF13743" i="1"/>
  <c r="AF13744" i="1"/>
  <c r="AF13745" i="1"/>
  <c r="AF13746" i="1"/>
  <c r="AF13747" i="1"/>
  <c r="AF13748" i="1"/>
  <c r="AF13749" i="1"/>
  <c r="AF13750" i="1"/>
  <c r="AF13751" i="1"/>
  <c r="AF13752" i="1"/>
  <c r="AF13753" i="1"/>
  <c r="AF13754" i="1"/>
  <c r="AF13755" i="1"/>
  <c r="AF13756" i="1"/>
  <c r="AF13757" i="1"/>
  <c r="AF13758" i="1"/>
  <c r="AF13759" i="1"/>
  <c r="AF13760" i="1"/>
  <c r="AF13761" i="1"/>
  <c r="AF13762" i="1"/>
  <c r="AF13763" i="1"/>
  <c r="AF13764" i="1"/>
  <c r="AF13765" i="1"/>
  <c r="AF13766" i="1"/>
  <c r="AF13767" i="1"/>
  <c r="AF13768" i="1"/>
  <c r="AF13769" i="1"/>
  <c r="AF13770" i="1"/>
  <c r="AF13771" i="1"/>
  <c r="AF13772" i="1"/>
  <c r="AF13773" i="1"/>
  <c r="AF13774" i="1"/>
  <c r="AF13775" i="1"/>
  <c r="AF13776" i="1"/>
  <c r="AF13777" i="1"/>
  <c r="AF13778" i="1"/>
  <c r="AF13779" i="1"/>
  <c r="AF13780" i="1"/>
  <c r="AF13781" i="1"/>
  <c r="AF13782" i="1"/>
  <c r="AF13783" i="1"/>
  <c r="AF13784" i="1"/>
  <c r="AF13785" i="1"/>
  <c r="AF13786" i="1"/>
  <c r="AF13787" i="1"/>
  <c r="AF13788" i="1"/>
  <c r="AF13789" i="1"/>
  <c r="AF13790" i="1"/>
  <c r="AF13791" i="1"/>
  <c r="AF13792" i="1"/>
  <c r="AF13793" i="1"/>
  <c r="AF13794" i="1"/>
  <c r="AF13795" i="1"/>
  <c r="AF13796" i="1"/>
  <c r="AF13797" i="1"/>
  <c r="AF13798" i="1"/>
  <c r="AF13799" i="1"/>
  <c r="AF13800" i="1"/>
  <c r="AF13801" i="1"/>
  <c r="AF13802" i="1"/>
  <c r="AF13803" i="1"/>
  <c r="AF13804" i="1"/>
  <c r="AF13805" i="1"/>
  <c r="AF13806" i="1"/>
  <c r="AF13807" i="1"/>
  <c r="AF13808" i="1"/>
  <c r="AF13809" i="1"/>
  <c r="AF13810" i="1"/>
  <c r="AF13811" i="1"/>
  <c r="AF13812" i="1"/>
  <c r="AF13813" i="1"/>
  <c r="AF13814" i="1"/>
  <c r="AF13815" i="1"/>
  <c r="AF13816" i="1"/>
  <c r="AF13817" i="1"/>
  <c r="AF13818" i="1"/>
  <c r="AF13819" i="1"/>
  <c r="AF13820" i="1"/>
  <c r="AF13821" i="1"/>
  <c r="AF13822" i="1"/>
  <c r="AF13823" i="1"/>
  <c r="AF13824" i="1"/>
  <c r="AF13825" i="1"/>
  <c r="AF13826" i="1"/>
  <c r="AF13827" i="1"/>
  <c r="AF13828" i="1"/>
  <c r="AF13829" i="1"/>
  <c r="AF13830" i="1"/>
  <c r="AF13831" i="1"/>
  <c r="AF13832" i="1"/>
  <c r="AF13833" i="1"/>
  <c r="AF13834" i="1"/>
  <c r="AF13835" i="1"/>
  <c r="AF13836" i="1"/>
  <c r="AF13837" i="1"/>
  <c r="AF13838" i="1"/>
  <c r="AF13839" i="1"/>
  <c r="AF13840" i="1"/>
  <c r="AF13841" i="1"/>
  <c r="AF13842" i="1"/>
  <c r="AF13843" i="1"/>
  <c r="AF13844" i="1"/>
  <c r="AF13845" i="1"/>
  <c r="AF13846" i="1"/>
  <c r="AF13847" i="1"/>
  <c r="AF13848" i="1"/>
  <c r="AF13849" i="1"/>
  <c r="AF13850" i="1"/>
  <c r="AF13851" i="1"/>
  <c r="AF13852" i="1"/>
  <c r="AF13853" i="1"/>
  <c r="AF13854" i="1"/>
  <c r="AF13855" i="1"/>
  <c r="AF13856" i="1"/>
  <c r="AF13857" i="1"/>
  <c r="AF13858" i="1"/>
  <c r="AF13859" i="1"/>
  <c r="AF13860" i="1"/>
  <c r="AF13861" i="1"/>
  <c r="AF13862" i="1"/>
  <c r="AF13863" i="1"/>
  <c r="AF13864" i="1"/>
  <c r="AF13865" i="1"/>
  <c r="AF13866" i="1"/>
  <c r="AF13867" i="1"/>
  <c r="AF13868" i="1"/>
  <c r="AF13869" i="1"/>
  <c r="AF13870" i="1"/>
  <c r="AF13871" i="1"/>
  <c r="AF13872" i="1"/>
  <c r="AF13873" i="1"/>
  <c r="AF13874" i="1"/>
  <c r="AF13875" i="1"/>
  <c r="AF13876" i="1"/>
  <c r="AF13877" i="1"/>
  <c r="AF13878" i="1"/>
  <c r="AF13879" i="1"/>
  <c r="AF13880" i="1"/>
  <c r="AF13881" i="1"/>
  <c r="AF13882" i="1"/>
  <c r="AF13883" i="1"/>
  <c r="AF13884" i="1"/>
  <c r="AF13885" i="1"/>
  <c r="AF13886" i="1"/>
  <c r="AF13887" i="1"/>
  <c r="AF13888" i="1"/>
  <c r="AF13889" i="1"/>
  <c r="AF13890" i="1"/>
  <c r="AF13891" i="1"/>
  <c r="AF13892" i="1"/>
  <c r="AF13893" i="1"/>
  <c r="AF13894" i="1"/>
  <c r="AF13895" i="1"/>
  <c r="AF13896" i="1"/>
  <c r="AF13897" i="1"/>
  <c r="AF13898" i="1"/>
  <c r="AF13899" i="1"/>
  <c r="AF13900" i="1"/>
  <c r="AF13901" i="1"/>
  <c r="AF13902" i="1"/>
  <c r="AF13903" i="1"/>
  <c r="AF13904" i="1"/>
  <c r="AF13905" i="1"/>
  <c r="AF13906" i="1"/>
  <c r="AF13907" i="1"/>
  <c r="AF13908" i="1"/>
  <c r="AF13909" i="1"/>
  <c r="AF13910" i="1"/>
  <c r="AF13911" i="1"/>
  <c r="AF13912" i="1"/>
  <c r="AF13913" i="1"/>
  <c r="AF13914" i="1"/>
  <c r="AF13915" i="1"/>
  <c r="AF13916" i="1"/>
  <c r="AF13917" i="1"/>
  <c r="AF13918" i="1"/>
  <c r="AF13919" i="1"/>
  <c r="AF13920" i="1"/>
  <c r="AF13921" i="1"/>
  <c r="AF13922" i="1"/>
  <c r="AF13923" i="1"/>
  <c r="AF13924" i="1"/>
  <c r="AF13925" i="1"/>
  <c r="AF13926" i="1"/>
  <c r="AF13927" i="1"/>
  <c r="AF13928" i="1"/>
  <c r="AF13929" i="1"/>
  <c r="AF13930" i="1"/>
  <c r="AF13931" i="1"/>
  <c r="AF13932" i="1"/>
  <c r="AF13933" i="1"/>
  <c r="AF13934" i="1"/>
  <c r="AF13935" i="1"/>
  <c r="AF13936" i="1"/>
  <c r="AF13937" i="1"/>
  <c r="AF13938" i="1"/>
  <c r="AF13939" i="1"/>
  <c r="AF13940" i="1"/>
  <c r="AF13941" i="1"/>
  <c r="AF13942" i="1"/>
  <c r="AF13943" i="1"/>
  <c r="AF13944" i="1"/>
  <c r="AF13945" i="1"/>
  <c r="AF13946" i="1"/>
  <c r="AF13947" i="1"/>
  <c r="AF13948" i="1"/>
  <c r="AF13949" i="1"/>
  <c r="AF13950" i="1"/>
  <c r="AF13951" i="1"/>
  <c r="AF13952" i="1"/>
  <c r="AF13953" i="1"/>
  <c r="AF13954" i="1"/>
  <c r="AF13955" i="1"/>
  <c r="AF13956" i="1"/>
  <c r="AF13957" i="1"/>
  <c r="AF13958" i="1"/>
  <c r="AF13959" i="1"/>
  <c r="AF13960" i="1"/>
  <c r="AF13961" i="1"/>
  <c r="AF13962" i="1"/>
  <c r="AF13963" i="1"/>
  <c r="AF13964" i="1"/>
  <c r="AF13965" i="1"/>
  <c r="AF13966" i="1"/>
  <c r="AF13967" i="1"/>
  <c r="AF13968" i="1"/>
  <c r="AF13969" i="1"/>
  <c r="AF13970" i="1"/>
  <c r="AF13971" i="1"/>
  <c r="AF13972" i="1"/>
  <c r="AF13973" i="1"/>
  <c r="AF13974" i="1"/>
  <c r="AF13975" i="1"/>
  <c r="AF13976" i="1"/>
  <c r="AF13977" i="1"/>
  <c r="AF13978" i="1"/>
  <c r="AF13979" i="1"/>
  <c r="AF13980" i="1"/>
  <c r="AF13981" i="1"/>
  <c r="AF13982" i="1"/>
  <c r="AF13983" i="1"/>
  <c r="AF13984" i="1"/>
  <c r="AF13985" i="1"/>
  <c r="AF13986" i="1"/>
  <c r="AF13987" i="1"/>
  <c r="AF13988" i="1"/>
  <c r="AF13989" i="1"/>
  <c r="AF13990" i="1"/>
  <c r="AF13991" i="1"/>
  <c r="AF13992" i="1"/>
  <c r="AF13993" i="1"/>
  <c r="AF13994" i="1"/>
  <c r="AF13995" i="1"/>
  <c r="AF13996" i="1"/>
  <c r="AF13997" i="1"/>
  <c r="AF13998" i="1"/>
  <c r="AF13999" i="1"/>
  <c r="AF14000" i="1"/>
  <c r="AF14001" i="1"/>
  <c r="AF14002" i="1"/>
  <c r="AF14003" i="1"/>
  <c r="AF14004" i="1"/>
  <c r="AF14005" i="1"/>
  <c r="AF14006" i="1"/>
  <c r="AF14007" i="1"/>
  <c r="AF14008" i="1"/>
  <c r="AF14009" i="1"/>
  <c r="AF14010" i="1"/>
  <c r="AF14011" i="1"/>
  <c r="AF14012" i="1"/>
  <c r="AF14013" i="1"/>
  <c r="AF14014" i="1"/>
  <c r="AF14015" i="1"/>
  <c r="AF14016" i="1"/>
  <c r="AF14017" i="1"/>
  <c r="AF14018" i="1"/>
  <c r="AF14019" i="1"/>
  <c r="AF14020" i="1"/>
  <c r="AF14021" i="1"/>
  <c r="AF14022" i="1"/>
  <c r="AF14023" i="1"/>
  <c r="AF14024" i="1"/>
  <c r="AF14025" i="1"/>
  <c r="AF14026" i="1"/>
  <c r="AF14027" i="1"/>
  <c r="AF14028" i="1"/>
  <c r="AF14029" i="1"/>
  <c r="AF14030" i="1"/>
  <c r="AF14031" i="1"/>
  <c r="AF14032" i="1"/>
  <c r="AF14033" i="1"/>
  <c r="AF14034" i="1"/>
  <c r="AF14035" i="1"/>
  <c r="AF14036" i="1"/>
  <c r="AF14037" i="1"/>
  <c r="AF14038" i="1"/>
  <c r="AF14039" i="1"/>
  <c r="AF14040" i="1"/>
  <c r="AF14041" i="1"/>
  <c r="AF14042" i="1"/>
  <c r="AF14043" i="1"/>
  <c r="AF14044" i="1"/>
  <c r="AF14045" i="1"/>
  <c r="AF14046" i="1"/>
  <c r="AF14047" i="1"/>
  <c r="AF14048" i="1"/>
  <c r="AF14049" i="1"/>
  <c r="AF14050" i="1"/>
  <c r="AF14051" i="1"/>
  <c r="AF14052" i="1"/>
  <c r="AF14053" i="1"/>
  <c r="AF14054" i="1"/>
  <c r="AF14055" i="1"/>
  <c r="AF14056" i="1"/>
  <c r="AF14057" i="1"/>
  <c r="AF14058" i="1"/>
  <c r="AF14059" i="1"/>
  <c r="AF14060" i="1"/>
  <c r="AF14061" i="1"/>
  <c r="AF14062" i="1"/>
  <c r="AF14063" i="1"/>
  <c r="AF14064" i="1"/>
  <c r="AF14065" i="1"/>
  <c r="AF14066" i="1"/>
  <c r="AF14067" i="1"/>
  <c r="AF14068" i="1"/>
  <c r="AF14069" i="1"/>
  <c r="AF14070" i="1"/>
  <c r="AF14071" i="1"/>
  <c r="AF14072" i="1"/>
  <c r="AF14073" i="1"/>
  <c r="AF14074" i="1"/>
  <c r="AF14075" i="1"/>
  <c r="AF14076" i="1"/>
  <c r="AF14077" i="1"/>
  <c r="AF14078" i="1"/>
  <c r="AF14079" i="1"/>
  <c r="AF14080" i="1"/>
  <c r="AF14081" i="1"/>
  <c r="AF14082" i="1"/>
  <c r="AF14083" i="1"/>
  <c r="AF14084" i="1"/>
  <c r="AF14085" i="1"/>
  <c r="AF14086" i="1"/>
  <c r="AF14087" i="1"/>
  <c r="AF14088" i="1"/>
  <c r="AF14089" i="1"/>
  <c r="AF14090" i="1"/>
  <c r="AF14091" i="1"/>
  <c r="AF14092" i="1"/>
  <c r="AF14093" i="1"/>
  <c r="AF14094" i="1"/>
  <c r="AF14095" i="1"/>
  <c r="AF14096" i="1"/>
  <c r="AF14097" i="1"/>
  <c r="AF14098" i="1"/>
  <c r="AF14099" i="1"/>
  <c r="AF14100" i="1"/>
  <c r="AF14101" i="1"/>
  <c r="AF14102" i="1"/>
  <c r="AF14103" i="1"/>
  <c r="AF14104" i="1"/>
  <c r="AF14105" i="1"/>
  <c r="AF14106" i="1"/>
  <c r="AF14107" i="1"/>
  <c r="AF14108" i="1"/>
  <c r="AF14109" i="1"/>
  <c r="AF14110" i="1"/>
  <c r="AF14111" i="1"/>
  <c r="AF14112" i="1"/>
  <c r="AF14113" i="1"/>
  <c r="AF14114" i="1"/>
  <c r="AF14115" i="1"/>
  <c r="AF14116" i="1"/>
  <c r="AF14117" i="1"/>
  <c r="AF14118" i="1"/>
  <c r="AF14119" i="1"/>
  <c r="AF14120" i="1"/>
  <c r="AF14121" i="1"/>
  <c r="AF14122" i="1"/>
  <c r="AF14123" i="1"/>
  <c r="AF14124" i="1"/>
  <c r="AF14125" i="1"/>
  <c r="AF14126" i="1"/>
  <c r="AF14127" i="1"/>
  <c r="AF14128" i="1"/>
  <c r="AF14129" i="1"/>
  <c r="AF14130" i="1"/>
  <c r="AF14131" i="1"/>
  <c r="AF14132" i="1"/>
  <c r="AF14133" i="1"/>
  <c r="AF14134" i="1"/>
  <c r="AF14135" i="1"/>
  <c r="AF14136" i="1"/>
  <c r="AF14137" i="1"/>
  <c r="AF14138" i="1"/>
  <c r="AF14139" i="1"/>
  <c r="AF14140" i="1"/>
  <c r="AF14141" i="1"/>
  <c r="AF14142" i="1"/>
  <c r="AF14143" i="1"/>
  <c r="AF14144" i="1"/>
  <c r="AF14145" i="1"/>
  <c r="AF14146" i="1"/>
  <c r="AF14147" i="1"/>
  <c r="AF14148" i="1"/>
  <c r="AF14149" i="1"/>
  <c r="AF14150" i="1"/>
  <c r="AF14151" i="1"/>
  <c r="AF14152" i="1"/>
  <c r="AF14153" i="1"/>
  <c r="AF14154" i="1"/>
  <c r="AF14155" i="1"/>
  <c r="AF14156" i="1"/>
  <c r="AF14157" i="1"/>
  <c r="AF14158" i="1"/>
  <c r="AF14159" i="1"/>
  <c r="AF14160" i="1"/>
  <c r="AF14161" i="1"/>
  <c r="AF14162" i="1"/>
  <c r="AF14163" i="1"/>
  <c r="AF14164" i="1"/>
  <c r="AF14165" i="1"/>
  <c r="AF14166" i="1"/>
  <c r="AF14167" i="1"/>
  <c r="AF14168" i="1"/>
  <c r="AF14169" i="1"/>
  <c r="AF14170" i="1"/>
  <c r="AF14171" i="1"/>
  <c r="AF14172" i="1"/>
  <c r="AF14173" i="1"/>
  <c r="AF14174" i="1"/>
  <c r="AF14175" i="1"/>
  <c r="AF14176" i="1"/>
  <c r="AF14177" i="1"/>
  <c r="AF14178" i="1"/>
  <c r="AF14179" i="1"/>
  <c r="AF14180" i="1"/>
  <c r="AF14181" i="1"/>
  <c r="AF14182" i="1"/>
  <c r="AF14183" i="1"/>
  <c r="AF14184" i="1"/>
  <c r="AF14185" i="1"/>
  <c r="AF14186" i="1"/>
  <c r="AF14187" i="1"/>
  <c r="AF14188" i="1"/>
  <c r="AF14189" i="1"/>
  <c r="AF14190" i="1"/>
  <c r="AF14191" i="1"/>
  <c r="AF14192" i="1"/>
  <c r="AF14193" i="1"/>
  <c r="AF14194" i="1"/>
  <c r="AF14195" i="1"/>
  <c r="AF14196" i="1"/>
  <c r="AF14197" i="1"/>
  <c r="AF14198" i="1"/>
  <c r="AF14199" i="1"/>
  <c r="AF14200" i="1"/>
  <c r="AF14201" i="1"/>
  <c r="AF14202" i="1"/>
  <c r="AF14203" i="1"/>
  <c r="AF14204" i="1"/>
  <c r="AF14205" i="1"/>
  <c r="AF14206" i="1"/>
  <c r="AF14207" i="1"/>
  <c r="AF14208" i="1"/>
  <c r="AF14209" i="1"/>
  <c r="AF14210" i="1"/>
  <c r="AF14211" i="1"/>
  <c r="AF14212" i="1"/>
  <c r="AF14213" i="1"/>
  <c r="AF14214" i="1"/>
  <c r="AF14215" i="1"/>
  <c r="AF14216" i="1"/>
  <c r="AF14217" i="1"/>
  <c r="AF14218" i="1"/>
  <c r="AF14219" i="1"/>
  <c r="AF14220" i="1"/>
  <c r="AF14221" i="1"/>
  <c r="AF14222" i="1"/>
  <c r="AF14223" i="1"/>
  <c r="AF14224" i="1"/>
  <c r="AF14225" i="1"/>
  <c r="AF14226" i="1"/>
  <c r="AF14227" i="1"/>
  <c r="AF14228" i="1"/>
  <c r="AF14229" i="1"/>
  <c r="AF14230" i="1"/>
  <c r="AF14231" i="1"/>
  <c r="AF14232" i="1"/>
  <c r="AF14233" i="1"/>
  <c r="AF14234" i="1"/>
  <c r="AF14235" i="1"/>
  <c r="AF14236" i="1"/>
  <c r="AF14237" i="1"/>
  <c r="AF14238" i="1"/>
  <c r="AF14239" i="1"/>
  <c r="AF14240" i="1"/>
  <c r="AF14241" i="1"/>
  <c r="AF14242" i="1"/>
  <c r="AF14243" i="1"/>
  <c r="AF14244" i="1"/>
  <c r="AF14245" i="1"/>
  <c r="AF14246" i="1"/>
  <c r="AF14247" i="1"/>
  <c r="AF14248" i="1"/>
  <c r="AF14249" i="1"/>
  <c r="AF14250" i="1"/>
  <c r="AF14251" i="1"/>
  <c r="AF14252" i="1"/>
  <c r="AF14253" i="1"/>
  <c r="AF14254" i="1"/>
  <c r="AF14255" i="1"/>
  <c r="AF14256" i="1"/>
  <c r="AF14257" i="1"/>
  <c r="AF14258" i="1"/>
  <c r="AF14259" i="1"/>
  <c r="AF14260" i="1"/>
  <c r="AF14261" i="1"/>
  <c r="AF14262" i="1"/>
  <c r="AF14263" i="1"/>
  <c r="AF14264" i="1"/>
  <c r="AF14265" i="1"/>
  <c r="AF14266" i="1"/>
  <c r="AF14267" i="1"/>
  <c r="AF14268" i="1"/>
  <c r="AF14269" i="1"/>
  <c r="AF14270" i="1"/>
  <c r="AF14271" i="1"/>
  <c r="AF14272" i="1"/>
  <c r="AF14273" i="1"/>
  <c r="AF14274" i="1"/>
  <c r="AF14275" i="1"/>
  <c r="AF14276" i="1"/>
  <c r="AF14277" i="1"/>
  <c r="AF14278" i="1"/>
  <c r="AF14279" i="1"/>
  <c r="AF14280" i="1"/>
  <c r="AF14281" i="1"/>
  <c r="AF14282" i="1"/>
  <c r="AF14283" i="1"/>
  <c r="AF14284" i="1"/>
  <c r="AF14285" i="1"/>
  <c r="AF14286" i="1"/>
  <c r="AF14287" i="1"/>
  <c r="AF14288" i="1"/>
  <c r="AF14289" i="1"/>
  <c r="AF14290" i="1"/>
  <c r="AF14291" i="1"/>
  <c r="AF14292" i="1"/>
  <c r="AF14293" i="1"/>
  <c r="AF14294" i="1"/>
  <c r="AF14295" i="1"/>
  <c r="AF14296" i="1"/>
  <c r="AF14297" i="1"/>
  <c r="AF14298" i="1"/>
  <c r="AF14299" i="1"/>
  <c r="AF14300" i="1"/>
  <c r="AF14301" i="1"/>
  <c r="AF14302" i="1"/>
  <c r="AF14303" i="1"/>
  <c r="AF14304" i="1"/>
  <c r="AF14305" i="1"/>
  <c r="AF14306" i="1"/>
  <c r="AF14307" i="1"/>
  <c r="AF14308" i="1"/>
  <c r="AF14309" i="1"/>
  <c r="AF14310" i="1"/>
  <c r="AF14311" i="1"/>
  <c r="AF14312" i="1"/>
  <c r="AF14313" i="1"/>
  <c r="AF14314" i="1"/>
  <c r="AF14315" i="1"/>
  <c r="AF14316" i="1"/>
  <c r="AF14317" i="1"/>
  <c r="AF14318" i="1"/>
  <c r="AF14319" i="1"/>
  <c r="AF14320" i="1"/>
  <c r="AF14321" i="1"/>
  <c r="AF14322" i="1"/>
  <c r="AF14323" i="1"/>
  <c r="AF14324" i="1"/>
  <c r="AF14325" i="1"/>
  <c r="AF14326" i="1"/>
  <c r="AF14327" i="1"/>
  <c r="AF14328" i="1"/>
  <c r="AF14329" i="1"/>
  <c r="AF14330" i="1"/>
  <c r="AF14331" i="1"/>
  <c r="AF14332" i="1"/>
  <c r="AF14333" i="1"/>
  <c r="AF14334" i="1"/>
  <c r="AF14335" i="1"/>
  <c r="AF14336" i="1"/>
  <c r="AF14337" i="1"/>
  <c r="AF14338" i="1"/>
  <c r="AF14339" i="1"/>
  <c r="AF14340" i="1"/>
  <c r="AF14341" i="1"/>
  <c r="AF14342" i="1"/>
  <c r="AF14343" i="1"/>
  <c r="AF14344" i="1"/>
  <c r="AF14345" i="1"/>
  <c r="AF14346" i="1"/>
  <c r="AF14347" i="1"/>
  <c r="AF14348" i="1"/>
  <c r="AF14349" i="1"/>
  <c r="AF14350" i="1"/>
  <c r="AF14351" i="1"/>
  <c r="AF14352" i="1"/>
  <c r="AF14353" i="1"/>
  <c r="AF14354" i="1"/>
  <c r="AF14355" i="1"/>
  <c r="AF14356" i="1"/>
  <c r="AF14357" i="1"/>
  <c r="AF14358" i="1"/>
  <c r="AF14359" i="1"/>
  <c r="AF14360" i="1"/>
  <c r="AF14361" i="1"/>
  <c r="AF14362" i="1"/>
  <c r="AF14363" i="1"/>
  <c r="AF14364" i="1"/>
  <c r="AF14365" i="1"/>
  <c r="AF14366" i="1"/>
  <c r="AF14367" i="1"/>
  <c r="AF14368" i="1"/>
  <c r="AF14369" i="1"/>
  <c r="AF14370" i="1"/>
  <c r="AF14371" i="1"/>
  <c r="AF14372" i="1"/>
  <c r="AF14373" i="1"/>
  <c r="AF14374" i="1"/>
  <c r="AF14375" i="1"/>
  <c r="AF14376" i="1"/>
  <c r="AF14377" i="1"/>
  <c r="AF14378" i="1"/>
  <c r="AF14379" i="1"/>
  <c r="AF14380" i="1"/>
  <c r="AF14381" i="1"/>
  <c r="AF14382" i="1"/>
  <c r="AF14383" i="1"/>
  <c r="AF14384" i="1"/>
  <c r="AF14385" i="1"/>
  <c r="AF14386" i="1"/>
  <c r="AF14387" i="1"/>
  <c r="AF14388" i="1"/>
  <c r="AF14389" i="1"/>
  <c r="AF14390" i="1"/>
  <c r="AF14391" i="1"/>
  <c r="AF14392" i="1"/>
  <c r="AF14393" i="1"/>
  <c r="AF14394" i="1"/>
  <c r="AF14395" i="1"/>
  <c r="AF14396" i="1"/>
  <c r="AF14397" i="1"/>
  <c r="AF14398" i="1"/>
  <c r="AF14399" i="1"/>
  <c r="AF14400" i="1"/>
  <c r="AF14401" i="1"/>
  <c r="AF14402" i="1"/>
  <c r="AF14403" i="1"/>
  <c r="AF14404" i="1"/>
  <c r="AF14405" i="1"/>
  <c r="AF14406" i="1"/>
  <c r="AF14407" i="1"/>
  <c r="AF14408" i="1"/>
  <c r="AF14409" i="1"/>
  <c r="AF14410" i="1"/>
  <c r="AF14411" i="1"/>
  <c r="AF14412" i="1"/>
  <c r="AF14413" i="1"/>
  <c r="AF14414" i="1"/>
  <c r="AF14415" i="1"/>
  <c r="AF14416" i="1"/>
  <c r="AF14417" i="1"/>
  <c r="AF14418" i="1"/>
  <c r="AF14419" i="1"/>
  <c r="AF14420" i="1"/>
  <c r="AF14421" i="1"/>
  <c r="AF14422" i="1"/>
  <c r="AF14423" i="1"/>
  <c r="AF14424" i="1"/>
  <c r="AF14425" i="1"/>
  <c r="AF14426" i="1"/>
  <c r="AF14427" i="1"/>
  <c r="AF14428" i="1"/>
  <c r="AF14429" i="1"/>
  <c r="AF14430" i="1"/>
  <c r="AF14431" i="1"/>
  <c r="AF14432" i="1"/>
  <c r="AF14433" i="1"/>
  <c r="AF14434" i="1"/>
  <c r="AF14435" i="1"/>
  <c r="AF14436" i="1"/>
  <c r="AF14437" i="1"/>
  <c r="AF14438" i="1"/>
  <c r="AF14439" i="1"/>
  <c r="AF14440" i="1"/>
  <c r="AF14441" i="1"/>
  <c r="AF14442" i="1"/>
  <c r="AF14443" i="1"/>
  <c r="AF14444" i="1"/>
  <c r="AF14445" i="1"/>
  <c r="AF14446" i="1"/>
  <c r="AF14447" i="1"/>
  <c r="AF14448" i="1"/>
  <c r="AF14449" i="1"/>
  <c r="AF14450" i="1"/>
  <c r="AF14451" i="1"/>
  <c r="AF14452" i="1"/>
  <c r="AF14453" i="1"/>
  <c r="AF14454" i="1"/>
  <c r="AF14455" i="1"/>
  <c r="AF14456" i="1"/>
  <c r="AF14457" i="1"/>
  <c r="AF14458" i="1"/>
  <c r="AF14459" i="1"/>
  <c r="AF14460" i="1"/>
  <c r="AF14461" i="1"/>
  <c r="AF14462" i="1"/>
  <c r="AF14463" i="1"/>
  <c r="AF14464" i="1"/>
  <c r="AF14465" i="1"/>
  <c r="AF14466" i="1"/>
  <c r="AF14467" i="1"/>
  <c r="AF14468" i="1"/>
  <c r="AF14469" i="1"/>
  <c r="AF14470" i="1"/>
  <c r="AF14471" i="1"/>
  <c r="AF14472" i="1"/>
  <c r="AF14473" i="1"/>
  <c r="AF14474" i="1"/>
  <c r="AF14475" i="1"/>
  <c r="AF14476" i="1"/>
  <c r="AF14477" i="1"/>
  <c r="AF14478" i="1"/>
  <c r="AF14479" i="1"/>
  <c r="AF14480" i="1"/>
  <c r="AF14481" i="1"/>
  <c r="AF14482" i="1"/>
  <c r="AF14483" i="1"/>
  <c r="AF14484" i="1"/>
  <c r="AF14485" i="1"/>
  <c r="AF14486" i="1"/>
  <c r="AF14487" i="1"/>
  <c r="AF14488" i="1"/>
  <c r="AF14489" i="1"/>
  <c r="AF14490" i="1"/>
  <c r="AF14491" i="1"/>
  <c r="AF14492" i="1"/>
  <c r="AF14493" i="1"/>
  <c r="AF14494" i="1"/>
  <c r="AF14495" i="1"/>
  <c r="AF14496" i="1"/>
  <c r="AF14497" i="1"/>
  <c r="AF14498" i="1"/>
  <c r="AF14499" i="1"/>
  <c r="AF14500" i="1"/>
  <c r="AF14501" i="1"/>
  <c r="AF14502" i="1"/>
  <c r="AF14503" i="1"/>
  <c r="AF14504" i="1"/>
  <c r="AF14505" i="1"/>
  <c r="AF14506" i="1"/>
  <c r="AF14507" i="1"/>
  <c r="AF14508" i="1"/>
  <c r="AF14509" i="1"/>
  <c r="AF14510" i="1"/>
  <c r="AF14511" i="1"/>
  <c r="AF14512" i="1"/>
  <c r="AF14513" i="1"/>
  <c r="AF14514" i="1"/>
  <c r="AF14515" i="1"/>
  <c r="AF14516" i="1"/>
  <c r="AF14517" i="1"/>
  <c r="AF14518" i="1"/>
  <c r="AF14519" i="1"/>
  <c r="AF14520" i="1"/>
  <c r="AF14521" i="1"/>
  <c r="AF14522" i="1"/>
  <c r="AF14523" i="1"/>
  <c r="AF14524" i="1"/>
  <c r="AF14525" i="1"/>
  <c r="AF14526" i="1"/>
  <c r="AF14527" i="1"/>
  <c r="AF14528" i="1"/>
  <c r="AF14529" i="1"/>
  <c r="AF14530" i="1"/>
  <c r="AF14531" i="1"/>
  <c r="AF14532" i="1"/>
  <c r="AF14533" i="1"/>
  <c r="AF14534" i="1"/>
  <c r="AF14535" i="1"/>
  <c r="AF14536" i="1"/>
  <c r="AF14537" i="1"/>
  <c r="AF14538" i="1"/>
  <c r="AF14539" i="1"/>
  <c r="AF14540" i="1"/>
  <c r="AF14541" i="1"/>
  <c r="AF14542" i="1"/>
  <c r="AF14543" i="1"/>
  <c r="AF14544" i="1"/>
  <c r="AF14545" i="1"/>
  <c r="AF14546" i="1"/>
  <c r="AF14547" i="1"/>
  <c r="AF14548" i="1"/>
  <c r="AF14549" i="1"/>
  <c r="AF14550" i="1"/>
  <c r="AF14551" i="1"/>
  <c r="AF14552" i="1"/>
  <c r="AF14553" i="1"/>
  <c r="AF14554" i="1"/>
  <c r="AF14555" i="1"/>
  <c r="AF14556" i="1"/>
  <c r="AF14557" i="1"/>
  <c r="AF14558" i="1"/>
  <c r="AF14559" i="1"/>
  <c r="AF14560" i="1"/>
  <c r="AF14561" i="1"/>
  <c r="AF14562" i="1"/>
  <c r="AF14563" i="1"/>
  <c r="AF14564" i="1"/>
  <c r="AF14565" i="1"/>
  <c r="AF14566" i="1"/>
  <c r="AF14567" i="1"/>
  <c r="AF14568" i="1"/>
  <c r="AF14569" i="1"/>
  <c r="AF14570" i="1"/>
  <c r="AF14571" i="1"/>
  <c r="AF14572" i="1"/>
  <c r="AF14573" i="1"/>
  <c r="AF14574" i="1"/>
  <c r="AF14575" i="1"/>
  <c r="AF14576" i="1"/>
  <c r="AF14577" i="1"/>
  <c r="AF14578" i="1"/>
  <c r="AF14579" i="1"/>
  <c r="AF14580" i="1"/>
  <c r="AF14581" i="1"/>
  <c r="AF14582" i="1"/>
  <c r="AF14583" i="1"/>
  <c r="AF14584" i="1"/>
  <c r="AF14585" i="1"/>
  <c r="AF14586" i="1"/>
  <c r="AF14587" i="1"/>
  <c r="AF14588" i="1"/>
  <c r="AF14589" i="1"/>
  <c r="AF14590" i="1"/>
  <c r="AF14591" i="1"/>
  <c r="AF14592" i="1"/>
  <c r="AF14593" i="1"/>
  <c r="AF14594" i="1"/>
  <c r="AF14595" i="1"/>
  <c r="AF14596" i="1"/>
  <c r="AF14597" i="1"/>
  <c r="AF14598" i="1"/>
  <c r="AF14599" i="1"/>
  <c r="AF14600" i="1"/>
  <c r="AF14601" i="1"/>
  <c r="AF14602" i="1"/>
  <c r="AF14603" i="1"/>
  <c r="AF14604" i="1"/>
  <c r="AF14605" i="1"/>
  <c r="AF14606" i="1"/>
  <c r="AF14607" i="1"/>
  <c r="AF14608" i="1"/>
  <c r="AF14609" i="1"/>
  <c r="AF14610" i="1"/>
  <c r="AF14611" i="1"/>
  <c r="AF14612" i="1"/>
  <c r="AF14613" i="1"/>
  <c r="AF14614" i="1"/>
  <c r="AF14615" i="1"/>
  <c r="AF14616" i="1"/>
  <c r="AF14617" i="1"/>
  <c r="AF14618" i="1"/>
  <c r="AF14619" i="1"/>
  <c r="AF14620" i="1"/>
  <c r="AF14621" i="1"/>
  <c r="AF14622" i="1"/>
  <c r="AF14623" i="1"/>
  <c r="AF14624" i="1"/>
  <c r="AF14625" i="1"/>
  <c r="AF14626" i="1"/>
  <c r="AF14627" i="1"/>
  <c r="AF14628" i="1"/>
  <c r="AF14629" i="1"/>
  <c r="AF14630" i="1"/>
  <c r="AF14631" i="1"/>
  <c r="AF14632" i="1"/>
  <c r="AF14633" i="1"/>
  <c r="AF14634" i="1"/>
  <c r="AF14635" i="1"/>
  <c r="AF14636" i="1"/>
  <c r="AF14637" i="1"/>
  <c r="AF14638" i="1"/>
  <c r="AF14639" i="1"/>
  <c r="AF14640" i="1"/>
  <c r="AF14641" i="1"/>
  <c r="AF14642" i="1"/>
  <c r="AF14643" i="1"/>
  <c r="AF14644" i="1"/>
  <c r="AF14645" i="1"/>
  <c r="AF14646" i="1"/>
  <c r="AF14647" i="1"/>
  <c r="AF14648" i="1"/>
  <c r="AF14649" i="1"/>
  <c r="AF14650" i="1"/>
  <c r="AF14651" i="1"/>
  <c r="AF14652" i="1"/>
  <c r="AF14653" i="1"/>
  <c r="AF14654" i="1"/>
  <c r="AF14655" i="1"/>
  <c r="AF14656" i="1"/>
  <c r="AF14657" i="1"/>
  <c r="AF14658" i="1"/>
  <c r="AF14659" i="1"/>
  <c r="AF14660" i="1"/>
  <c r="AF14661" i="1"/>
  <c r="AF14662" i="1"/>
  <c r="AF14663" i="1"/>
  <c r="AF14664" i="1"/>
  <c r="AF14665" i="1"/>
  <c r="AF14666" i="1"/>
  <c r="AF14667" i="1"/>
  <c r="AF14668" i="1"/>
  <c r="AF14669" i="1"/>
  <c r="AF14670" i="1"/>
  <c r="AF14671" i="1"/>
  <c r="AF14672" i="1"/>
  <c r="AF14673" i="1"/>
  <c r="AF14674" i="1"/>
  <c r="AF14675" i="1"/>
  <c r="AF14676" i="1"/>
  <c r="AF14677" i="1"/>
  <c r="AF14678" i="1"/>
  <c r="AF14679" i="1"/>
  <c r="AF14680" i="1"/>
  <c r="AF14681" i="1"/>
  <c r="AF14682" i="1"/>
  <c r="AF14683" i="1"/>
  <c r="AF14684" i="1"/>
  <c r="AF14685" i="1"/>
  <c r="AF14686" i="1"/>
  <c r="AF14687" i="1"/>
  <c r="AF14688" i="1"/>
  <c r="AF14689" i="1"/>
  <c r="AF14690" i="1"/>
  <c r="AF14691" i="1"/>
  <c r="AF14692" i="1"/>
  <c r="AF14693" i="1"/>
  <c r="AF14694" i="1"/>
  <c r="AF14695" i="1"/>
  <c r="AF14696" i="1"/>
  <c r="AF14697" i="1"/>
  <c r="AF14698" i="1"/>
  <c r="AF14699" i="1"/>
  <c r="AF14700" i="1"/>
  <c r="AF14701" i="1"/>
  <c r="AF14702" i="1"/>
  <c r="AF14703" i="1"/>
  <c r="AF14704" i="1"/>
  <c r="AF14705" i="1"/>
  <c r="AF14706" i="1"/>
  <c r="AF14707" i="1"/>
  <c r="AF14708" i="1"/>
  <c r="AF14709" i="1"/>
  <c r="AF14710" i="1"/>
  <c r="AF14711" i="1"/>
  <c r="AF14712" i="1"/>
  <c r="AF14713" i="1"/>
  <c r="AF14714" i="1"/>
  <c r="AF14715" i="1"/>
  <c r="AF14716" i="1"/>
  <c r="AF14717" i="1"/>
  <c r="AF14718" i="1"/>
  <c r="AF14719" i="1"/>
  <c r="AF14720" i="1"/>
  <c r="AF14721" i="1"/>
  <c r="AF14722" i="1"/>
  <c r="AF14723" i="1"/>
  <c r="AF14724" i="1"/>
  <c r="AF14725" i="1"/>
  <c r="AF14726" i="1"/>
  <c r="AF14727" i="1"/>
  <c r="AF14728" i="1"/>
  <c r="AF14729" i="1"/>
  <c r="AF14730" i="1"/>
  <c r="AF14731" i="1"/>
  <c r="AF14732" i="1"/>
  <c r="AF14733" i="1"/>
  <c r="AF14734" i="1"/>
  <c r="AF14735" i="1"/>
  <c r="AF14736" i="1"/>
  <c r="AF14737" i="1"/>
  <c r="AF14738" i="1"/>
  <c r="AF14739" i="1"/>
  <c r="AF14740" i="1"/>
  <c r="AF14741" i="1"/>
  <c r="AF14742" i="1"/>
  <c r="AF14743" i="1"/>
  <c r="AF14744" i="1"/>
  <c r="AF14745" i="1"/>
  <c r="AF14746" i="1"/>
  <c r="AF14747" i="1"/>
  <c r="AF14748" i="1"/>
  <c r="AF14749" i="1"/>
  <c r="AF14750" i="1"/>
  <c r="AF14751" i="1"/>
  <c r="AF14752" i="1"/>
  <c r="AF14753" i="1"/>
  <c r="AF14754" i="1"/>
  <c r="AF14755" i="1"/>
  <c r="AF14756" i="1"/>
  <c r="AF14757" i="1"/>
  <c r="AF14758" i="1"/>
  <c r="AF14759" i="1"/>
  <c r="AF14760" i="1"/>
  <c r="AF14761" i="1"/>
  <c r="AF14762" i="1"/>
  <c r="AF14763" i="1"/>
  <c r="AF14764" i="1"/>
  <c r="AF14765" i="1"/>
  <c r="AF14766" i="1"/>
  <c r="AF14767" i="1"/>
  <c r="AF14768" i="1"/>
  <c r="AF14769" i="1"/>
  <c r="AF14770" i="1"/>
  <c r="AF14771" i="1"/>
  <c r="AF14772" i="1"/>
  <c r="AF14773" i="1"/>
  <c r="AF14774" i="1"/>
  <c r="AF14775" i="1"/>
  <c r="AF14776" i="1"/>
  <c r="AF14777" i="1"/>
  <c r="AF14778" i="1"/>
  <c r="AF14779" i="1"/>
  <c r="AF14780" i="1"/>
  <c r="AF14781" i="1"/>
  <c r="AF14782" i="1"/>
  <c r="AF14783" i="1"/>
  <c r="AF14784" i="1"/>
  <c r="AF14785" i="1"/>
  <c r="AF14786" i="1"/>
  <c r="AF14787" i="1"/>
  <c r="AF14788" i="1"/>
  <c r="AF14789" i="1"/>
  <c r="AF14790" i="1"/>
  <c r="AF14791" i="1"/>
  <c r="AF14792" i="1"/>
  <c r="AF14793" i="1"/>
  <c r="AF14794" i="1"/>
  <c r="AF14795" i="1"/>
  <c r="AF14796" i="1"/>
  <c r="AF14797" i="1"/>
  <c r="AF14798" i="1"/>
  <c r="AF14799" i="1"/>
  <c r="AF14800" i="1"/>
  <c r="AF14801" i="1"/>
  <c r="AF14802" i="1"/>
  <c r="AF14803" i="1"/>
  <c r="AF14804" i="1"/>
  <c r="AF14805" i="1"/>
  <c r="AF14806" i="1"/>
  <c r="AF14807" i="1"/>
  <c r="AF14808" i="1"/>
  <c r="AF14809" i="1"/>
  <c r="AF14810" i="1"/>
  <c r="AF14811" i="1"/>
  <c r="AF14812" i="1"/>
  <c r="AF14813" i="1"/>
  <c r="AF14814" i="1"/>
  <c r="AF14815" i="1"/>
  <c r="AF14816" i="1"/>
  <c r="AF14817" i="1"/>
  <c r="AF14818" i="1"/>
  <c r="AF14819" i="1"/>
  <c r="AF14820" i="1"/>
  <c r="AF14821" i="1"/>
  <c r="AF14822" i="1"/>
  <c r="AF14823" i="1"/>
  <c r="AF14824" i="1"/>
  <c r="AF14825" i="1"/>
  <c r="AF14826" i="1"/>
  <c r="AF14827" i="1"/>
  <c r="AF14828" i="1"/>
  <c r="AF14829" i="1"/>
  <c r="AF14830" i="1"/>
  <c r="AF14831" i="1"/>
  <c r="AF14832" i="1"/>
  <c r="AF14833" i="1"/>
  <c r="AF14834" i="1"/>
  <c r="AF14835" i="1"/>
  <c r="AF14836" i="1"/>
  <c r="AF14837" i="1"/>
  <c r="AF14838" i="1"/>
  <c r="AF14839" i="1"/>
  <c r="AF14840" i="1"/>
  <c r="AF14841" i="1"/>
  <c r="AF14842" i="1"/>
  <c r="AF14843" i="1"/>
  <c r="AF14844" i="1"/>
  <c r="AF14845" i="1"/>
  <c r="AF14846" i="1"/>
  <c r="AF14847" i="1"/>
  <c r="AF14848" i="1"/>
  <c r="AF14849" i="1"/>
  <c r="AF14850" i="1"/>
  <c r="AF14851" i="1"/>
  <c r="AF14852" i="1"/>
  <c r="AF14853" i="1"/>
  <c r="AF14854" i="1"/>
  <c r="AF14855" i="1"/>
  <c r="AF14856" i="1"/>
  <c r="AF14857" i="1"/>
  <c r="AF14858" i="1"/>
  <c r="AF14859" i="1"/>
  <c r="AF14860" i="1"/>
  <c r="AF14861" i="1"/>
  <c r="AF14862" i="1"/>
  <c r="AF14863" i="1"/>
  <c r="AF14864" i="1"/>
  <c r="AF14865" i="1"/>
  <c r="AF14866" i="1"/>
  <c r="AF14867" i="1"/>
  <c r="AF14868" i="1"/>
  <c r="AF14869" i="1"/>
  <c r="AF14870" i="1"/>
  <c r="AF14871" i="1"/>
  <c r="AF14872" i="1"/>
  <c r="AF14873" i="1"/>
  <c r="AF14874" i="1"/>
  <c r="AF14875" i="1"/>
  <c r="AF14876" i="1"/>
  <c r="AF14877" i="1"/>
  <c r="AF14878" i="1"/>
  <c r="AF14879" i="1"/>
  <c r="AF14880" i="1"/>
  <c r="AF14881" i="1"/>
  <c r="AF14882" i="1"/>
  <c r="AF14883" i="1"/>
  <c r="AF14884" i="1"/>
  <c r="AF14885" i="1"/>
  <c r="AF14886" i="1"/>
  <c r="AF14887" i="1"/>
  <c r="AF14888" i="1"/>
  <c r="AF14889" i="1"/>
  <c r="AF14890" i="1"/>
  <c r="AF14891" i="1"/>
  <c r="AF14892" i="1"/>
  <c r="AF14893" i="1"/>
  <c r="AF14894" i="1"/>
  <c r="AF14895" i="1"/>
  <c r="AF14896" i="1"/>
  <c r="AF14897" i="1"/>
  <c r="AF14898" i="1"/>
  <c r="AF14899" i="1"/>
  <c r="AF14900" i="1"/>
  <c r="AF14901" i="1"/>
  <c r="AF14902" i="1"/>
  <c r="AF14903" i="1"/>
  <c r="AF14904" i="1"/>
  <c r="AF14905" i="1"/>
  <c r="AF14906" i="1"/>
  <c r="AF14907" i="1"/>
  <c r="AF14908" i="1"/>
  <c r="AF14909" i="1"/>
  <c r="AF14910" i="1"/>
  <c r="AF14911" i="1"/>
  <c r="AF14912" i="1"/>
  <c r="AF14913" i="1"/>
  <c r="AF14914" i="1"/>
  <c r="AF14915" i="1"/>
  <c r="AF14916" i="1"/>
  <c r="AF14917" i="1"/>
  <c r="AF14918" i="1"/>
  <c r="AF14919" i="1"/>
  <c r="AF14920" i="1"/>
  <c r="AF14921" i="1"/>
  <c r="AF14922" i="1"/>
  <c r="AF14923" i="1"/>
  <c r="AF14924" i="1"/>
  <c r="AF14925" i="1"/>
  <c r="AF14926" i="1"/>
  <c r="AF14927" i="1"/>
  <c r="AF14928" i="1"/>
  <c r="AF14929" i="1"/>
  <c r="AF14930" i="1"/>
  <c r="AF14931" i="1"/>
  <c r="AF14932" i="1"/>
  <c r="AF14933" i="1"/>
  <c r="AF14934" i="1"/>
  <c r="AF14935" i="1"/>
  <c r="AF14936" i="1"/>
  <c r="AF14937" i="1"/>
  <c r="AF14938" i="1"/>
  <c r="AF14939" i="1"/>
  <c r="AF14940" i="1"/>
  <c r="AF14941" i="1"/>
  <c r="AF14942" i="1"/>
  <c r="AF14943" i="1"/>
  <c r="AF14944" i="1"/>
  <c r="AF14945" i="1"/>
  <c r="AF14946" i="1"/>
  <c r="AF14947" i="1"/>
  <c r="AF14948" i="1"/>
  <c r="AF14949" i="1"/>
  <c r="AF14950" i="1"/>
  <c r="AF14951" i="1"/>
  <c r="AF14952" i="1"/>
  <c r="AF14953" i="1"/>
  <c r="AF14954" i="1"/>
  <c r="AF14955" i="1"/>
  <c r="AF14956" i="1"/>
  <c r="AF14957" i="1"/>
  <c r="AF14958" i="1"/>
  <c r="AF14959" i="1"/>
  <c r="AF14960" i="1"/>
  <c r="AF14961" i="1"/>
  <c r="AF14962" i="1"/>
  <c r="AF14963" i="1"/>
  <c r="AF14964" i="1"/>
  <c r="AF14965" i="1"/>
  <c r="AF14966" i="1"/>
  <c r="AF14967" i="1"/>
  <c r="AF14968" i="1"/>
  <c r="AF14969" i="1"/>
  <c r="AF14970" i="1"/>
  <c r="AF14971" i="1"/>
  <c r="AF14972" i="1"/>
  <c r="AF14973" i="1"/>
  <c r="AF14974" i="1"/>
  <c r="AF14975" i="1"/>
  <c r="AF14976" i="1"/>
  <c r="AF14977" i="1"/>
  <c r="AF14978" i="1"/>
  <c r="AF14979" i="1"/>
  <c r="AF14980" i="1"/>
  <c r="AF14981" i="1"/>
  <c r="AF14982" i="1"/>
  <c r="AF14983" i="1"/>
  <c r="AF14984" i="1"/>
  <c r="AF14985" i="1"/>
  <c r="AF14986" i="1"/>
  <c r="AF14987" i="1"/>
  <c r="AF14988" i="1"/>
  <c r="AF14989" i="1"/>
  <c r="AF14990" i="1"/>
  <c r="AF14991" i="1"/>
  <c r="AF14992" i="1"/>
  <c r="AF14993" i="1"/>
  <c r="AF14994" i="1"/>
  <c r="AF14995" i="1"/>
  <c r="AF14996" i="1"/>
  <c r="AF14997" i="1"/>
  <c r="AF14998" i="1"/>
  <c r="AF14999" i="1"/>
  <c r="AF15000" i="1"/>
  <c r="AF15001" i="1"/>
  <c r="AF15002" i="1"/>
  <c r="AF15003" i="1"/>
  <c r="AF15004" i="1"/>
  <c r="AF15005" i="1"/>
  <c r="AF15006" i="1"/>
  <c r="AF15007" i="1"/>
  <c r="AF15008" i="1"/>
  <c r="AF15009" i="1"/>
  <c r="AF15010" i="1"/>
  <c r="AF15011" i="1"/>
  <c r="AF15012" i="1"/>
  <c r="AF15013" i="1"/>
  <c r="AF15014" i="1"/>
  <c r="AF15015" i="1"/>
  <c r="AF15016" i="1"/>
  <c r="AF15017" i="1"/>
  <c r="AF15018" i="1"/>
  <c r="AF15019" i="1"/>
  <c r="AF15020" i="1"/>
  <c r="AF15021" i="1"/>
  <c r="AF15022" i="1"/>
  <c r="AF15023" i="1"/>
  <c r="AF15024" i="1"/>
  <c r="AF15025" i="1"/>
  <c r="AF15026" i="1"/>
  <c r="AF15027" i="1"/>
  <c r="AF15028" i="1"/>
  <c r="AF15029" i="1"/>
  <c r="AF15030" i="1"/>
  <c r="AF15031" i="1"/>
  <c r="AF15032" i="1"/>
  <c r="AF15033" i="1"/>
  <c r="AF15034" i="1"/>
  <c r="AF15035" i="1"/>
  <c r="AF15036" i="1"/>
  <c r="AF15037" i="1"/>
  <c r="AF15038" i="1"/>
  <c r="AF15039" i="1"/>
  <c r="AF15040" i="1"/>
  <c r="AF15041" i="1"/>
  <c r="AF15042" i="1"/>
  <c r="AF15043" i="1"/>
  <c r="AF15044" i="1"/>
  <c r="AF15045" i="1"/>
  <c r="AF15046" i="1"/>
  <c r="AF15047" i="1"/>
  <c r="AF15048" i="1"/>
  <c r="AF15049" i="1"/>
  <c r="AF15050" i="1"/>
  <c r="AF15051" i="1"/>
  <c r="AF15052" i="1"/>
  <c r="AF15053" i="1"/>
  <c r="AF15054" i="1"/>
  <c r="AF15055" i="1"/>
  <c r="AF15056" i="1"/>
  <c r="AF15057" i="1"/>
  <c r="AF15058" i="1"/>
  <c r="AF15059" i="1"/>
  <c r="AF15060" i="1"/>
  <c r="AF15061" i="1"/>
  <c r="AF15062" i="1"/>
  <c r="AF15063" i="1"/>
  <c r="AF15064" i="1"/>
  <c r="AF15065" i="1"/>
  <c r="AF15066" i="1"/>
  <c r="AF15067" i="1"/>
  <c r="AF15068" i="1"/>
  <c r="AF15069" i="1"/>
  <c r="AF15070" i="1"/>
  <c r="AF15071" i="1"/>
  <c r="AF15072" i="1"/>
  <c r="AF15073" i="1"/>
  <c r="AF15074" i="1"/>
  <c r="AF15075" i="1"/>
  <c r="AF15076" i="1"/>
  <c r="AF15077" i="1"/>
  <c r="AF15078" i="1"/>
  <c r="AF15079" i="1"/>
  <c r="AF15080" i="1"/>
  <c r="AF15081" i="1"/>
  <c r="AF15082" i="1"/>
  <c r="AF15083" i="1"/>
  <c r="AF15084" i="1"/>
  <c r="AF15085" i="1"/>
  <c r="AF15086" i="1"/>
  <c r="AF15087" i="1"/>
  <c r="AF15088" i="1"/>
  <c r="AF15089" i="1"/>
  <c r="AF15090" i="1"/>
  <c r="AF15091" i="1"/>
  <c r="AF15092" i="1"/>
  <c r="AF15093" i="1"/>
  <c r="AF15094" i="1"/>
  <c r="AF15095" i="1"/>
  <c r="AF15096" i="1"/>
  <c r="AF15097" i="1"/>
  <c r="AF15098" i="1"/>
  <c r="AF15099" i="1"/>
  <c r="AF15100" i="1"/>
  <c r="AF15101" i="1"/>
  <c r="AF15102" i="1"/>
  <c r="AF15103" i="1"/>
  <c r="AF15104" i="1"/>
  <c r="AF15105" i="1"/>
  <c r="AF15106" i="1"/>
  <c r="AF15107" i="1"/>
  <c r="AF15108" i="1"/>
  <c r="AF15109" i="1"/>
  <c r="AF15110" i="1"/>
  <c r="AF15111" i="1"/>
  <c r="AF15112" i="1"/>
  <c r="AF15113" i="1"/>
  <c r="AF15114" i="1"/>
  <c r="AF15115" i="1"/>
  <c r="AF15116" i="1"/>
  <c r="AF15117" i="1"/>
  <c r="AF15118" i="1"/>
  <c r="AF15119" i="1"/>
  <c r="AF15120" i="1"/>
  <c r="AF15121" i="1"/>
  <c r="AF15122" i="1"/>
  <c r="AF15123" i="1"/>
  <c r="AF15124" i="1"/>
  <c r="AF15125" i="1"/>
  <c r="AF15126" i="1"/>
  <c r="AF15127" i="1"/>
  <c r="AF15128" i="1"/>
  <c r="AF15129" i="1"/>
  <c r="AF15130" i="1"/>
  <c r="AF15131" i="1"/>
  <c r="AF15132" i="1"/>
  <c r="AF15133" i="1"/>
  <c r="AF15134" i="1"/>
  <c r="AF15135" i="1"/>
  <c r="AF15136" i="1"/>
  <c r="AF15137" i="1"/>
  <c r="AF15138" i="1"/>
  <c r="AF15139" i="1"/>
  <c r="AF15140" i="1"/>
  <c r="AF15141" i="1"/>
  <c r="AF15142" i="1"/>
  <c r="AF15143" i="1"/>
  <c r="AF15144" i="1"/>
  <c r="AF15145" i="1"/>
  <c r="AF15146" i="1"/>
  <c r="AF15147" i="1"/>
  <c r="AF15148" i="1"/>
  <c r="AF15149" i="1"/>
  <c r="AF15150" i="1"/>
  <c r="AF15151" i="1"/>
  <c r="AF15152" i="1"/>
  <c r="AF15153" i="1"/>
  <c r="AF15154" i="1"/>
  <c r="AF15155" i="1"/>
  <c r="AF15156" i="1"/>
  <c r="AF15157" i="1"/>
  <c r="AF15158" i="1"/>
  <c r="AF15159" i="1"/>
  <c r="AF15160" i="1"/>
  <c r="AF15161" i="1"/>
  <c r="AF15162" i="1"/>
  <c r="AF15163" i="1"/>
  <c r="AF15164" i="1"/>
  <c r="AF15165" i="1"/>
  <c r="AF15166" i="1"/>
  <c r="AF15167" i="1"/>
  <c r="AF15168" i="1"/>
  <c r="AF15169" i="1"/>
  <c r="AF15170" i="1"/>
  <c r="AF15171" i="1"/>
  <c r="AF15172" i="1"/>
  <c r="AF15173" i="1"/>
  <c r="AF15174" i="1"/>
  <c r="AF15175" i="1"/>
  <c r="AF15176" i="1"/>
  <c r="AF15177" i="1"/>
  <c r="AF15178" i="1"/>
  <c r="AF15179" i="1"/>
  <c r="AF15180" i="1"/>
  <c r="AF15181" i="1"/>
  <c r="AF15182" i="1"/>
  <c r="AF15183" i="1"/>
  <c r="AF15184" i="1"/>
  <c r="AF15185" i="1"/>
  <c r="AF15186" i="1"/>
  <c r="AF15187" i="1"/>
  <c r="AF15188" i="1"/>
  <c r="AF15189" i="1"/>
  <c r="AF15190" i="1"/>
  <c r="AF15191" i="1"/>
  <c r="AF15192" i="1"/>
  <c r="AF15193" i="1"/>
  <c r="AF15194" i="1"/>
  <c r="AF15195" i="1"/>
  <c r="AF15196" i="1"/>
  <c r="AF15197" i="1"/>
  <c r="AF15198" i="1"/>
  <c r="AF15199" i="1"/>
  <c r="AF15200" i="1"/>
  <c r="AF15201" i="1"/>
  <c r="AF15202" i="1"/>
  <c r="AF15203" i="1"/>
  <c r="AF15204" i="1"/>
  <c r="AF15205" i="1"/>
  <c r="AF15206" i="1"/>
  <c r="AF15207" i="1"/>
  <c r="AF15208" i="1"/>
  <c r="AF15209" i="1"/>
  <c r="AF15210" i="1"/>
  <c r="AF15211" i="1"/>
  <c r="AF15212" i="1"/>
  <c r="AF15213" i="1"/>
  <c r="AF15214" i="1"/>
  <c r="AF15215" i="1"/>
  <c r="AF15216" i="1"/>
  <c r="AF15217" i="1"/>
  <c r="AF15218" i="1"/>
  <c r="AF15219" i="1"/>
  <c r="AF15220" i="1"/>
  <c r="AF15221" i="1"/>
  <c r="AF15222" i="1"/>
  <c r="AF15223" i="1"/>
  <c r="AF15224" i="1"/>
  <c r="AF15225" i="1"/>
  <c r="AF15226" i="1"/>
  <c r="AF15227" i="1"/>
  <c r="AF15228" i="1"/>
  <c r="AF15229" i="1"/>
  <c r="AF15230" i="1"/>
  <c r="AF15231" i="1"/>
  <c r="AF15232" i="1"/>
  <c r="AF15233" i="1"/>
  <c r="AF15234" i="1"/>
  <c r="AF15235" i="1"/>
  <c r="AF15236" i="1"/>
  <c r="AF15237" i="1"/>
  <c r="AF15238" i="1"/>
  <c r="AF15239" i="1"/>
  <c r="AF15240" i="1"/>
  <c r="AF15241" i="1"/>
  <c r="AF15242" i="1"/>
  <c r="AF15243" i="1"/>
  <c r="AF15244" i="1"/>
  <c r="AF15245" i="1"/>
  <c r="AF15246" i="1"/>
  <c r="AF15247" i="1"/>
  <c r="AF15248" i="1"/>
  <c r="AF15249" i="1"/>
  <c r="AF15250" i="1"/>
  <c r="AF15251" i="1"/>
  <c r="AF15252" i="1"/>
  <c r="AF15253" i="1"/>
  <c r="AF15254" i="1"/>
  <c r="AF15255" i="1"/>
  <c r="AF15256" i="1"/>
  <c r="AF15257" i="1"/>
  <c r="AF15258" i="1"/>
  <c r="AF15259" i="1"/>
  <c r="AF15260" i="1"/>
  <c r="AF15261" i="1"/>
  <c r="AF15262" i="1"/>
  <c r="AF15263" i="1"/>
  <c r="AF15264" i="1"/>
  <c r="AF15265" i="1"/>
  <c r="AF15266" i="1"/>
  <c r="AF15267" i="1"/>
  <c r="AF15268" i="1"/>
  <c r="AF15269" i="1"/>
  <c r="AF15270" i="1"/>
  <c r="AF15271" i="1"/>
  <c r="AF15272" i="1"/>
  <c r="AF15273" i="1"/>
  <c r="AF15274" i="1"/>
  <c r="AF15275" i="1"/>
  <c r="AF15276" i="1"/>
  <c r="AF15277" i="1"/>
  <c r="AF15278" i="1"/>
  <c r="AF15279" i="1"/>
  <c r="AF15280" i="1"/>
  <c r="AF15281" i="1"/>
  <c r="AF15282" i="1"/>
  <c r="AF15283" i="1"/>
  <c r="AF15284" i="1"/>
  <c r="AF15285" i="1"/>
  <c r="AF15286" i="1"/>
  <c r="AF15287" i="1"/>
  <c r="AF15288" i="1"/>
  <c r="AF15289" i="1"/>
  <c r="AF15290" i="1"/>
  <c r="AF15291" i="1"/>
  <c r="AF15292" i="1"/>
  <c r="AF15293" i="1"/>
  <c r="AF15294" i="1"/>
  <c r="AF15295" i="1"/>
  <c r="AF15296" i="1"/>
  <c r="AF15297" i="1"/>
  <c r="AF15298" i="1"/>
  <c r="AF15299" i="1"/>
  <c r="AF15300" i="1"/>
  <c r="AF15301" i="1"/>
  <c r="AF15302" i="1"/>
  <c r="AF15303" i="1"/>
  <c r="AF15304" i="1"/>
  <c r="AF15305" i="1"/>
  <c r="AF15306" i="1"/>
  <c r="AF15307" i="1"/>
  <c r="AF15308" i="1"/>
  <c r="AF15309" i="1"/>
  <c r="AF15310" i="1"/>
  <c r="AF15311" i="1"/>
  <c r="AF15312" i="1"/>
  <c r="AF15313" i="1"/>
  <c r="AF15314" i="1"/>
  <c r="AF15315" i="1"/>
  <c r="AF15316" i="1"/>
  <c r="AF15317" i="1"/>
  <c r="AF15318" i="1"/>
  <c r="AF15319" i="1"/>
  <c r="AF15320" i="1"/>
  <c r="AF15321" i="1"/>
  <c r="AF15322" i="1"/>
  <c r="AF15323" i="1"/>
  <c r="AF15324" i="1"/>
  <c r="AF15325" i="1"/>
  <c r="AF15326" i="1"/>
  <c r="AF15327" i="1"/>
  <c r="AF15328" i="1"/>
  <c r="AF15329" i="1"/>
  <c r="AF15330" i="1"/>
  <c r="AF15331" i="1"/>
  <c r="AF15332" i="1"/>
  <c r="AF15333" i="1"/>
  <c r="AF15334" i="1"/>
  <c r="AF15335" i="1"/>
  <c r="AF15336" i="1"/>
  <c r="AF15337" i="1"/>
  <c r="AF15338" i="1"/>
  <c r="AF15339" i="1"/>
  <c r="AF15340" i="1"/>
  <c r="AF15341" i="1"/>
  <c r="AF15342" i="1"/>
  <c r="AF15343" i="1"/>
  <c r="AF15344" i="1"/>
  <c r="AF15345" i="1"/>
  <c r="AF15346" i="1"/>
  <c r="AF15347" i="1"/>
  <c r="AF15348" i="1"/>
  <c r="AF15349" i="1"/>
  <c r="AF15350" i="1"/>
  <c r="AF15351" i="1"/>
  <c r="AF15352" i="1"/>
  <c r="AF15353" i="1"/>
  <c r="AF15354" i="1"/>
  <c r="AF15355" i="1"/>
  <c r="AF15356" i="1"/>
  <c r="AF15357" i="1"/>
  <c r="AF15358" i="1"/>
  <c r="AF15359" i="1"/>
  <c r="AF15360" i="1"/>
  <c r="AF15361" i="1"/>
  <c r="AF15362" i="1"/>
  <c r="AF15363" i="1"/>
  <c r="AF15364" i="1"/>
  <c r="AF15365" i="1"/>
  <c r="AF15366" i="1"/>
  <c r="AF15367" i="1"/>
  <c r="AF15368" i="1"/>
  <c r="AF15369" i="1"/>
  <c r="AF15370" i="1"/>
  <c r="AF15371" i="1"/>
  <c r="AF15372" i="1"/>
  <c r="AF15373" i="1"/>
  <c r="AF15374" i="1"/>
  <c r="AF15375" i="1"/>
  <c r="AF15376" i="1"/>
  <c r="AF15377" i="1"/>
  <c r="AF15378" i="1"/>
  <c r="AF15379" i="1"/>
  <c r="AF15380" i="1"/>
  <c r="AF15381" i="1"/>
  <c r="AF15382" i="1"/>
  <c r="AF15383" i="1"/>
  <c r="AF15384" i="1"/>
  <c r="AF15385" i="1"/>
  <c r="AF15386" i="1"/>
  <c r="AF15387" i="1"/>
  <c r="AF15388" i="1"/>
  <c r="AF15389" i="1"/>
  <c r="AF15390" i="1"/>
  <c r="AF15391" i="1"/>
  <c r="AF15392" i="1"/>
  <c r="AF15393" i="1"/>
  <c r="AF15394" i="1"/>
  <c r="AF15395" i="1"/>
  <c r="AF15396" i="1"/>
  <c r="AF15397" i="1"/>
  <c r="AF15398" i="1"/>
  <c r="AF15399" i="1"/>
  <c r="AF15400" i="1"/>
  <c r="AF15401" i="1"/>
  <c r="AF15402" i="1"/>
  <c r="AF15403" i="1"/>
  <c r="AF15404" i="1"/>
  <c r="AF15405" i="1"/>
  <c r="AF15406" i="1"/>
  <c r="AF15407" i="1"/>
  <c r="AF15408" i="1"/>
  <c r="AF15409" i="1"/>
  <c r="AF15410" i="1"/>
  <c r="AF15411" i="1"/>
  <c r="AF15412" i="1"/>
  <c r="AF15413" i="1"/>
  <c r="AF15414" i="1"/>
  <c r="AF15415" i="1"/>
  <c r="AF15416" i="1"/>
  <c r="AF15417" i="1"/>
  <c r="AF15418" i="1"/>
  <c r="AF15419" i="1"/>
  <c r="AF15420" i="1"/>
  <c r="AF15421" i="1"/>
  <c r="AF15422" i="1"/>
  <c r="AF15423" i="1"/>
  <c r="AF15424" i="1"/>
  <c r="AF15425" i="1"/>
  <c r="AF15426" i="1"/>
  <c r="AF15427" i="1"/>
  <c r="AF15428" i="1"/>
  <c r="AF15429" i="1"/>
  <c r="AF15430" i="1"/>
  <c r="AF15431" i="1"/>
  <c r="AF15432" i="1"/>
  <c r="AF15433" i="1"/>
  <c r="AF15434" i="1"/>
  <c r="AF15435" i="1"/>
  <c r="AF15436" i="1"/>
  <c r="AF15437" i="1"/>
  <c r="AF15438" i="1"/>
  <c r="AF15439" i="1"/>
  <c r="AF15440" i="1"/>
  <c r="AF15441" i="1"/>
  <c r="AF15442" i="1"/>
  <c r="AF15443" i="1"/>
  <c r="AF15444" i="1"/>
  <c r="AF15445" i="1"/>
  <c r="AF15446" i="1"/>
  <c r="AF15447" i="1"/>
  <c r="AF15448" i="1"/>
  <c r="AF15449" i="1"/>
  <c r="AF15450" i="1"/>
  <c r="AF15451" i="1"/>
  <c r="AF15452" i="1"/>
  <c r="AF15453" i="1"/>
  <c r="AF15454" i="1"/>
  <c r="AF15455" i="1"/>
  <c r="AF15456" i="1"/>
  <c r="AF15457" i="1"/>
  <c r="AF15458" i="1"/>
  <c r="AF15459" i="1"/>
  <c r="AF15460" i="1"/>
  <c r="AF15461" i="1"/>
  <c r="AF15462" i="1"/>
  <c r="AF15463" i="1"/>
  <c r="AF15464" i="1"/>
  <c r="AF15465" i="1"/>
  <c r="AF15466" i="1"/>
  <c r="AF15467" i="1"/>
  <c r="AF15468" i="1"/>
  <c r="AF15469" i="1"/>
  <c r="AF15470" i="1"/>
  <c r="AF15471" i="1"/>
  <c r="AF15472" i="1"/>
  <c r="AF15473" i="1"/>
  <c r="AF15474" i="1"/>
  <c r="AF15475" i="1"/>
  <c r="AF15476" i="1"/>
  <c r="AF15477" i="1"/>
  <c r="AF15478" i="1"/>
  <c r="AF15479" i="1"/>
  <c r="AF15480" i="1"/>
  <c r="AF15481" i="1"/>
  <c r="AF15482" i="1"/>
  <c r="AF15483" i="1"/>
  <c r="AF15484" i="1"/>
  <c r="AF15485" i="1"/>
  <c r="AF15486" i="1"/>
  <c r="AF15487" i="1"/>
  <c r="AF15488" i="1"/>
  <c r="AF15489" i="1"/>
  <c r="AF15490" i="1"/>
  <c r="AF15491" i="1"/>
  <c r="AF15492" i="1"/>
  <c r="AF15493" i="1"/>
  <c r="AF15494" i="1"/>
  <c r="AF15495" i="1"/>
  <c r="AF15496" i="1"/>
  <c r="AF15497" i="1"/>
  <c r="AF15498" i="1"/>
  <c r="AF15499" i="1"/>
  <c r="AF15500" i="1"/>
  <c r="AF15501" i="1"/>
  <c r="AF15502" i="1"/>
  <c r="AF15503" i="1"/>
  <c r="AF15504" i="1"/>
  <c r="AF15505" i="1"/>
  <c r="AF15506" i="1"/>
  <c r="AF15507" i="1"/>
  <c r="AF15508" i="1"/>
  <c r="AF15509" i="1"/>
  <c r="AF15510" i="1"/>
  <c r="AF15511" i="1"/>
  <c r="AF15512" i="1"/>
  <c r="AF15513" i="1"/>
  <c r="AF15514" i="1"/>
  <c r="AF15515" i="1"/>
  <c r="AF15516" i="1"/>
  <c r="AF15517" i="1"/>
  <c r="AF15518" i="1"/>
  <c r="AF15519" i="1"/>
  <c r="AF15520" i="1"/>
  <c r="AF15521" i="1"/>
  <c r="AF15522" i="1"/>
  <c r="AF15523" i="1"/>
  <c r="AF15524" i="1"/>
  <c r="AF15525" i="1"/>
  <c r="AF15526" i="1"/>
  <c r="AF15527" i="1"/>
  <c r="AF15528" i="1"/>
  <c r="AF15529" i="1"/>
  <c r="AF15530" i="1"/>
  <c r="AF15531" i="1"/>
  <c r="AF15532" i="1"/>
  <c r="AF15533" i="1"/>
  <c r="AF15534" i="1"/>
  <c r="AF15535" i="1"/>
  <c r="AF15536" i="1"/>
  <c r="AF15537" i="1"/>
  <c r="AF15538" i="1"/>
  <c r="AF15539" i="1"/>
  <c r="AF15540" i="1"/>
  <c r="AF15541" i="1"/>
  <c r="AF15542" i="1"/>
  <c r="AF15543" i="1"/>
  <c r="AF15544" i="1"/>
  <c r="AF15545" i="1"/>
  <c r="AF15546" i="1"/>
  <c r="AF15547" i="1"/>
  <c r="AF15548" i="1"/>
  <c r="AF15549" i="1"/>
  <c r="AF15550" i="1"/>
  <c r="AF15551" i="1"/>
  <c r="AF15552" i="1"/>
  <c r="AF15553" i="1"/>
  <c r="AF15554" i="1"/>
  <c r="AF15555" i="1"/>
  <c r="AF15556" i="1"/>
  <c r="AF15557" i="1"/>
  <c r="AF15558" i="1"/>
  <c r="AF15559" i="1"/>
  <c r="AF15560" i="1"/>
  <c r="AF15561" i="1"/>
  <c r="AF15562" i="1"/>
  <c r="AF15563" i="1"/>
  <c r="AF15564" i="1"/>
  <c r="AF15565" i="1"/>
  <c r="AF15566" i="1"/>
  <c r="AF15567" i="1"/>
  <c r="AF15568" i="1"/>
  <c r="AF15569" i="1"/>
  <c r="AF15570" i="1"/>
  <c r="AF15571" i="1"/>
  <c r="AF15572" i="1"/>
  <c r="AF15573" i="1"/>
  <c r="AF15574" i="1"/>
  <c r="AF15575" i="1"/>
  <c r="AF15576" i="1"/>
  <c r="AF15577" i="1"/>
  <c r="AF15578" i="1"/>
  <c r="AF15579" i="1"/>
  <c r="AF15580" i="1"/>
  <c r="AF15581" i="1"/>
  <c r="AF15582" i="1"/>
  <c r="AF15583" i="1"/>
  <c r="AF15584" i="1"/>
  <c r="AF15585" i="1"/>
  <c r="AF15586" i="1"/>
  <c r="AF15587" i="1"/>
  <c r="AF15588" i="1"/>
  <c r="AF15589" i="1"/>
  <c r="AF15590" i="1"/>
  <c r="AF15591" i="1"/>
  <c r="AF15592" i="1"/>
  <c r="AF15593" i="1"/>
  <c r="AF15594" i="1"/>
  <c r="AF15595" i="1"/>
  <c r="AF15596" i="1"/>
  <c r="AF15597" i="1"/>
  <c r="AF15598" i="1"/>
  <c r="AF15599" i="1"/>
  <c r="AF15600" i="1"/>
  <c r="AF15601" i="1"/>
  <c r="AF15602" i="1"/>
  <c r="AF15603" i="1"/>
  <c r="AF15604" i="1"/>
  <c r="AF15605" i="1"/>
  <c r="AF15606" i="1"/>
  <c r="AF15607" i="1"/>
  <c r="AF15608" i="1"/>
  <c r="AF15609" i="1"/>
  <c r="AF15610" i="1"/>
  <c r="AF15611" i="1"/>
  <c r="AF15612" i="1"/>
  <c r="AF15613" i="1"/>
  <c r="AF15614" i="1"/>
  <c r="AF15615" i="1"/>
  <c r="AF15616" i="1"/>
  <c r="AF15617" i="1"/>
  <c r="AF15618" i="1"/>
  <c r="AF15619" i="1"/>
  <c r="AF15620" i="1"/>
  <c r="AF15621" i="1"/>
  <c r="AF15622" i="1"/>
  <c r="AF15623" i="1"/>
  <c r="AF15624" i="1"/>
  <c r="AF15625" i="1"/>
  <c r="AF15626" i="1"/>
  <c r="AF15627" i="1"/>
  <c r="AF15628" i="1"/>
  <c r="AF15629" i="1"/>
  <c r="AF15630" i="1"/>
  <c r="AF15631" i="1"/>
  <c r="AF15632" i="1"/>
  <c r="AF15633" i="1"/>
  <c r="AF15634" i="1"/>
  <c r="AF15635" i="1"/>
  <c r="AF15636" i="1"/>
  <c r="AF15637" i="1"/>
  <c r="AF15638" i="1"/>
  <c r="AF15639" i="1"/>
  <c r="AF15640" i="1"/>
  <c r="AF15641" i="1"/>
  <c r="AF15642" i="1"/>
  <c r="AF15643" i="1"/>
  <c r="AF15644" i="1"/>
  <c r="AF15645" i="1"/>
  <c r="AF15646" i="1"/>
  <c r="AF15647" i="1"/>
  <c r="AF15648" i="1"/>
  <c r="AF15649" i="1"/>
  <c r="AF15650" i="1"/>
  <c r="AF15651" i="1"/>
  <c r="AF15652" i="1"/>
  <c r="AF15653" i="1"/>
  <c r="AF15654" i="1"/>
  <c r="AF15655" i="1"/>
  <c r="AF15656" i="1"/>
  <c r="AF15657" i="1"/>
  <c r="AF15658" i="1"/>
  <c r="AF15659" i="1"/>
  <c r="AF15660" i="1"/>
  <c r="AF15661" i="1"/>
  <c r="AF15662" i="1"/>
  <c r="AF15663" i="1"/>
  <c r="AF15664" i="1"/>
  <c r="AF15665" i="1"/>
  <c r="AF15666" i="1"/>
  <c r="AF15667" i="1"/>
  <c r="AF15668" i="1"/>
  <c r="AF15669" i="1"/>
  <c r="AF15670" i="1"/>
  <c r="AF15671" i="1"/>
  <c r="AF15672" i="1"/>
  <c r="AF15673" i="1"/>
  <c r="AF15674" i="1"/>
  <c r="AF15675" i="1"/>
  <c r="AF15676" i="1"/>
  <c r="AF15677" i="1"/>
  <c r="AF15678" i="1"/>
  <c r="AF15679" i="1"/>
  <c r="AF15680" i="1"/>
  <c r="AF15681" i="1"/>
  <c r="AF15682" i="1"/>
  <c r="AF15683" i="1"/>
  <c r="AF15684" i="1"/>
  <c r="AF15685" i="1"/>
  <c r="AF15686" i="1"/>
  <c r="AF15687" i="1"/>
  <c r="AF15688" i="1"/>
  <c r="AF15689" i="1"/>
  <c r="AF15690" i="1"/>
  <c r="AF15691" i="1"/>
  <c r="AF15692" i="1"/>
  <c r="AF15693" i="1"/>
  <c r="AF15694" i="1"/>
  <c r="AF15695" i="1"/>
  <c r="AF15696" i="1"/>
  <c r="AF15697" i="1"/>
  <c r="AF15698" i="1"/>
  <c r="AF15699" i="1"/>
  <c r="AF15700" i="1"/>
  <c r="AF15701" i="1"/>
  <c r="AF15702" i="1"/>
  <c r="AF15703" i="1"/>
  <c r="AF15704" i="1"/>
  <c r="AF15705" i="1"/>
  <c r="AF15706" i="1"/>
  <c r="AF15707" i="1"/>
  <c r="AF15708" i="1"/>
  <c r="AF15709" i="1"/>
  <c r="AF15710" i="1"/>
  <c r="AF15711" i="1"/>
  <c r="AF15712" i="1"/>
  <c r="AF15713" i="1"/>
  <c r="AF15714" i="1"/>
  <c r="AF15715" i="1"/>
  <c r="AF15716" i="1"/>
  <c r="AF15717" i="1"/>
  <c r="AF15718" i="1"/>
  <c r="AF15719" i="1"/>
  <c r="AF15720" i="1"/>
  <c r="AF15721" i="1"/>
  <c r="AF15722" i="1"/>
  <c r="AF15723" i="1"/>
  <c r="AF15724" i="1"/>
  <c r="AF15725" i="1"/>
  <c r="AF15726" i="1"/>
  <c r="AF15727" i="1"/>
  <c r="AF15728" i="1"/>
  <c r="AF15729" i="1"/>
  <c r="AF15730" i="1"/>
  <c r="AF15731" i="1"/>
  <c r="AF15732" i="1"/>
  <c r="AF15733" i="1"/>
  <c r="AF15734" i="1"/>
  <c r="AF15735" i="1"/>
  <c r="AF15736" i="1"/>
  <c r="AF15737" i="1"/>
  <c r="AF15738" i="1"/>
  <c r="AF15739" i="1"/>
  <c r="AF15740" i="1"/>
  <c r="AF15741" i="1"/>
  <c r="AF15742" i="1"/>
  <c r="AF15743" i="1"/>
  <c r="AF15744" i="1"/>
  <c r="AF15745" i="1"/>
  <c r="AF15746" i="1"/>
  <c r="AF15747" i="1"/>
  <c r="AF15748" i="1"/>
  <c r="AF15749" i="1"/>
  <c r="AF15750" i="1"/>
  <c r="AF15751" i="1"/>
  <c r="AF15752" i="1"/>
  <c r="AF15753" i="1"/>
  <c r="AF15754" i="1"/>
  <c r="AF15755" i="1"/>
  <c r="AF15756" i="1"/>
  <c r="AF15757" i="1"/>
  <c r="AF15758" i="1"/>
  <c r="AF15759" i="1"/>
  <c r="AF15760" i="1"/>
  <c r="AF15761" i="1"/>
  <c r="AF15762" i="1"/>
  <c r="AF15763" i="1"/>
  <c r="AF15764" i="1"/>
  <c r="AF15765" i="1"/>
  <c r="AF15766" i="1"/>
  <c r="AF15767" i="1"/>
  <c r="AF15768" i="1"/>
  <c r="AF15769" i="1"/>
  <c r="AF15770" i="1"/>
  <c r="AF15771" i="1"/>
  <c r="AF15772" i="1"/>
  <c r="AF15773" i="1"/>
  <c r="AF15774" i="1"/>
  <c r="AF15775" i="1"/>
  <c r="AF15776" i="1"/>
  <c r="AF15777" i="1"/>
  <c r="AF15778" i="1"/>
  <c r="AF15779" i="1"/>
  <c r="AF15780" i="1"/>
  <c r="AF15781" i="1"/>
  <c r="AF15782" i="1"/>
  <c r="AF15783" i="1"/>
  <c r="AF15784" i="1"/>
  <c r="AF15785" i="1"/>
  <c r="AF15786" i="1"/>
  <c r="AF15787" i="1"/>
  <c r="AF15788" i="1"/>
  <c r="AF15789" i="1"/>
  <c r="AF15790" i="1"/>
  <c r="AF15791" i="1"/>
  <c r="AF15792" i="1"/>
  <c r="AF15793" i="1"/>
  <c r="AF15794" i="1"/>
  <c r="AF15795" i="1"/>
  <c r="AF15796" i="1"/>
  <c r="AF15797" i="1"/>
  <c r="AF15798" i="1"/>
  <c r="AF15799" i="1"/>
  <c r="AF15800" i="1"/>
  <c r="AF15801" i="1"/>
  <c r="AF15802" i="1"/>
  <c r="AF15803" i="1"/>
  <c r="AF15804" i="1"/>
  <c r="AF15805" i="1"/>
  <c r="AF15806" i="1"/>
  <c r="AF15807" i="1"/>
  <c r="AF15808" i="1"/>
  <c r="AF15809" i="1"/>
  <c r="AF15810" i="1"/>
  <c r="AF15811" i="1"/>
  <c r="AF15812" i="1"/>
  <c r="AF15813" i="1"/>
  <c r="AF15814" i="1"/>
  <c r="AF15815" i="1"/>
  <c r="AF15816" i="1"/>
  <c r="AF15817" i="1"/>
  <c r="AF15818" i="1"/>
  <c r="AF15819" i="1"/>
  <c r="AF15820" i="1"/>
  <c r="AF15821" i="1"/>
  <c r="AF15822" i="1"/>
  <c r="AF15823" i="1"/>
  <c r="AF15824" i="1"/>
  <c r="AF15825" i="1"/>
  <c r="AF15826" i="1"/>
  <c r="AF15827" i="1"/>
  <c r="AF15828" i="1"/>
  <c r="AF15829" i="1"/>
  <c r="AF15830" i="1"/>
  <c r="AF15831" i="1"/>
  <c r="AF15832" i="1"/>
  <c r="AF15833" i="1"/>
  <c r="AF15834" i="1"/>
  <c r="AF15835" i="1"/>
  <c r="AF15836" i="1"/>
  <c r="AF15837" i="1"/>
  <c r="AF15838" i="1"/>
  <c r="AF15839" i="1"/>
  <c r="AF15840" i="1"/>
  <c r="AF15841" i="1"/>
  <c r="AF15842" i="1"/>
  <c r="AF15843" i="1"/>
  <c r="AF15844" i="1"/>
  <c r="AF15845" i="1"/>
  <c r="AF15846" i="1"/>
  <c r="AF15847" i="1"/>
  <c r="AF15848" i="1"/>
  <c r="AF15849" i="1"/>
  <c r="AF15850" i="1"/>
  <c r="AF15851" i="1"/>
  <c r="AF15852" i="1"/>
  <c r="AF15853" i="1"/>
  <c r="AF15854" i="1"/>
  <c r="AF15855" i="1"/>
  <c r="AF15856" i="1"/>
  <c r="AF15857" i="1"/>
  <c r="AF15858" i="1"/>
  <c r="AF15859" i="1"/>
  <c r="AF15860" i="1"/>
  <c r="AF15861" i="1"/>
  <c r="AF15862" i="1"/>
  <c r="AF15863" i="1"/>
  <c r="AF15864" i="1"/>
  <c r="AF15865" i="1"/>
  <c r="AF15866" i="1"/>
  <c r="AF15867" i="1"/>
  <c r="AF15868" i="1"/>
  <c r="AF15869" i="1"/>
  <c r="AF15870" i="1"/>
  <c r="AF15871" i="1"/>
  <c r="AF15872" i="1"/>
  <c r="AF15873" i="1"/>
  <c r="AF15874" i="1"/>
  <c r="AF15875" i="1"/>
  <c r="AF15876" i="1"/>
  <c r="AF15877" i="1"/>
  <c r="AF15878" i="1"/>
  <c r="AF15879" i="1"/>
  <c r="AF15880" i="1"/>
  <c r="AF15881" i="1"/>
  <c r="AF15882" i="1"/>
  <c r="AF15883" i="1"/>
  <c r="AF15884" i="1"/>
  <c r="AF15885" i="1"/>
  <c r="AF15886" i="1"/>
  <c r="AF15887" i="1"/>
  <c r="AF15888" i="1"/>
  <c r="AF15889" i="1"/>
  <c r="AF15890" i="1"/>
  <c r="AF15891" i="1"/>
  <c r="AF15892" i="1"/>
  <c r="AF15893" i="1"/>
  <c r="AF15894" i="1"/>
  <c r="AF15895" i="1"/>
  <c r="AF15896" i="1"/>
  <c r="AF15897" i="1"/>
  <c r="AF15898" i="1"/>
  <c r="AF15899" i="1"/>
  <c r="AF15900" i="1"/>
  <c r="AF15901" i="1"/>
  <c r="AF15902" i="1"/>
  <c r="AF15903" i="1"/>
  <c r="AF15904" i="1"/>
  <c r="AF15905" i="1"/>
  <c r="AF15906" i="1"/>
  <c r="AF15907" i="1"/>
  <c r="AF15908" i="1"/>
  <c r="AF15909" i="1"/>
  <c r="AF15910" i="1"/>
  <c r="AF15911" i="1"/>
  <c r="AF15912" i="1"/>
  <c r="AF15913" i="1"/>
  <c r="AF15914" i="1"/>
  <c r="AF15915" i="1"/>
  <c r="AF15916" i="1"/>
  <c r="AF15917" i="1"/>
  <c r="AF15918" i="1"/>
  <c r="AF15919" i="1"/>
  <c r="AF15920" i="1"/>
  <c r="AF15921" i="1"/>
  <c r="AF15922" i="1"/>
  <c r="AF15923" i="1"/>
  <c r="AF15924" i="1"/>
  <c r="AF15925" i="1"/>
  <c r="AF15926" i="1"/>
  <c r="AF15927" i="1"/>
  <c r="AF15928" i="1"/>
  <c r="AF15929" i="1"/>
  <c r="AF15930" i="1"/>
  <c r="AF15931" i="1"/>
  <c r="AF15932" i="1"/>
  <c r="AF15933" i="1"/>
  <c r="AF15934" i="1"/>
  <c r="AF15935" i="1"/>
  <c r="AF15936" i="1"/>
  <c r="AF15937" i="1"/>
  <c r="AF15938" i="1"/>
  <c r="AF15939" i="1"/>
  <c r="AF15940" i="1"/>
  <c r="AF15941" i="1"/>
  <c r="AF15942" i="1"/>
  <c r="AF15943" i="1"/>
  <c r="AF15944" i="1"/>
  <c r="AF15945" i="1"/>
  <c r="AF15946" i="1"/>
  <c r="AF15947" i="1"/>
  <c r="AF15948" i="1"/>
  <c r="AF15949" i="1"/>
  <c r="AF15950" i="1"/>
  <c r="AF15951" i="1"/>
  <c r="AF15952" i="1"/>
  <c r="AF15953" i="1"/>
  <c r="AF15954" i="1"/>
  <c r="AF15955" i="1"/>
  <c r="AF15956" i="1"/>
  <c r="AF15957" i="1"/>
  <c r="AF15958" i="1"/>
  <c r="AF15959" i="1"/>
  <c r="AF15960" i="1"/>
  <c r="AF15961" i="1"/>
  <c r="AF15962" i="1"/>
  <c r="AF15963" i="1"/>
  <c r="AF15964" i="1"/>
  <c r="AF15965" i="1"/>
  <c r="AF15966" i="1"/>
  <c r="AF15967" i="1"/>
  <c r="AF15968" i="1"/>
  <c r="AF15969" i="1"/>
  <c r="AF15970" i="1"/>
  <c r="AF15971" i="1"/>
  <c r="AF15972" i="1"/>
  <c r="AF15973" i="1"/>
  <c r="AF15974" i="1"/>
  <c r="AF15975" i="1"/>
  <c r="AF15976" i="1"/>
  <c r="AF15977" i="1"/>
  <c r="AF15978" i="1"/>
  <c r="AF15979" i="1"/>
  <c r="AF15980" i="1"/>
  <c r="AF15981" i="1"/>
  <c r="AF15982" i="1"/>
  <c r="AF15983" i="1"/>
  <c r="AF15984" i="1"/>
  <c r="AF15985" i="1"/>
  <c r="AF15986" i="1"/>
  <c r="AF15987" i="1"/>
  <c r="AF15988" i="1"/>
  <c r="AF15989" i="1"/>
  <c r="AF15990" i="1"/>
  <c r="AF15991" i="1"/>
  <c r="AF15992" i="1"/>
  <c r="AF15993" i="1"/>
  <c r="AF15994" i="1"/>
  <c r="AF15995" i="1"/>
  <c r="AF15996" i="1"/>
  <c r="AF15997" i="1"/>
  <c r="AF15998" i="1"/>
  <c r="AF15999" i="1"/>
  <c r="AF16000" i="1"/>
  <c r="AF16001" i="1"/>
  <c r="AF16002" i="1"/>
  <c r="AF16003" i="1"/>
  <c r="AF16004" i="1"/>
  <c r="AF16005" i="1"/>
  <c r="AF16006" i="1"/>
  <c r="AF16007" i="1"/>
  <c r="AF16008" i="1"/>
  <c r="AF16009" i="1"/>
  <c r="AF16010" i="1"/>
  <c r="AF16011" i="1"/>
  <c r="AF16012" i="1"/>
  <c r="AF16013" i="1"/>
  <c r="AF16014" i="1"/>
  <c r="AF16015" i="1"/>
  <c r="AF16016" i="1"/>
  <c r="AF16017" i="1"/>
  <c r="AF16018" i="1"/>
  <c r="AF16019" i="1"/>
  <c r="AF16020" i="1"/>
  <c r="AF16021" i="1"/>
  <c r="AF16022" i="1"/>
  <c r="AF16023" i="1"/>
  <c r="AF16024" i="1"/>
  <c r="AF16025" i="1"/>
  <c r="AF16026" i="1"/>
  <c r="AF16027" i="1"/>
  <c r="AF16028" i="1"/>
  <c r="AF16029" i="1"/>
  <c r="AF16030" i="1"/>
  <c r="AF16031" i="1"/>
  <c r="AF16032" i="1"/>
  <c r="AF16033" i="1"/>
  <c r="AF16034" i="1"/>
  <c r="AF16035" i="1"/>
  <c r="AF16036" i="1"/>
  <c r="AF16037" i="1"/>
  <c r="AF16038" i="1"/>
  <c r="AF16039" i="1"/>
  <c r="AF16040" i="1"/>
  <c r="AF16041" i="1"/>
  <c r="AF16042" i="1"/>
  <c r="AF16043" i="1"/>
  <c r="AF16044" i="1"/>
  <c r="AF16045" i="1"/>
  <c r="AF16046" i="1"/>
  <c r="AF16047" i="1"/>
  <c r="AF16048" i="1"/>
  <c r="AF16049" i="1"/>
  <c r="AF16050" i="1"/>
  <c r="AF16051" i="1"/>
  <c r="AF16052" i="1"/>
  <c r="AF16053" i="1"/>
  <c r="AF16054" i="1"/>
  <c r="AF16055" i="1"/>
  <c r="AF16056" i="1"/>
  <c r="AF16057" i="1"/>
  <c r="AF16058" i="1"/>
  <c r="AF16059" i="1"/>
  <c r="AF16060" i="1"/>
  <c r="AF16061" i="1"/>
  <c r="AF16062" i="1"/>
  <c r="AF16063" i="1"/>
  <c r="AF16064" i="1"/>
  <c r="AF16065" i="1"/>
  <c r="AF16066" i="1"/>
  <c r="AF16067" i="1"/>
  <c r="AF16068" i="1"/>
  <c r="AF16069" i="1"/>
  <c r="AF16070" i="1"/>
  <c r="AF16071" i="1"/>
  <c r="AF16072" i="1"/>
  <c r="AF16073" i="1"/>
  <c r="AF16074" i="1"/>
  <c r="AF16075" i="1"/>
  <c r="AF16076" i="1"/>
  <c r="AF16077" i="1"/>
  <c r="AF16078" i="1"/>
  <c r="AF16079" i="1"/>
  <c r="AF16080" i="1"/>
  <c r="AF16081" i="1"/>
  <c r="AF16082" i="1"/>
  <c r="AF16083" i="1"/>
  <c r="AF16084" i="1"/>
  <c r="AF16085" i="1"/>
  <c r="AF16086" i="1"/>
  <c r="AF16087" i="1"/>
  <c r="AF16088" i="1"/>
  <c r="AF16089" i="1"/>
  <c r="AF16090" i="1"/>
  <c r="AF16091" i="1"/>
  <c r="AF16092" i="1"/>
  <c r="AF16093" i="1"/>
  <c r="AF16094" i="1"/>
  <c r="AF16095" i="1"/>
  <c r="AF16096" i="1"/>
  <c r="AF16097" i="1"/>
  <c r="AF16098" i="1"/>
  <c r="AF16099" i="1"/>
  <c r="AF16100" i="1"/>
  <c r="AF16101" i="1"/>
  <c r="AF16102" i="1"/>
  <c r="AF16103" i="1"/>
  <c r="AF16104" i="1"/>
  <c r="AF16105" i="1"/>
  <c r="AF16106" i="1"/>
  <c r="AF16107" i="1"/>
  <c r="AF16108" i="1"/>
  <c r="AF16109" i="1"/>
  <c r="AF16110" i="1"/>
  <c r="AF16111" i="1"/>
  <c r="AF16112" i="1"/>
  <c r="AF16113" i="1"/>
  <c r="AF16114" i="1"/>
  <c r="AF16115" i="1"/>
  <c r="AF16116" i="1"/>
  <c r="AF16117" i="1"/>
  <c r="AF16118" i="1"/>
  <c r="AF16119" i="1"/>
  <c r="AF16120" i="1"/>
  <c r="AF16121" i="1"/>
  <c r="AF16122" i="1"/>
  <c r="AF16123" i="1"/>
  <c r="AF16124" i="1"/>
  <c r="AF16125" i="1"/>
  <c r="AF16126" i="1"/>
  <c r="AF16127" i="1"/>
  <c r="AF16128" i="1"/>
  <c r="AF16129" i="1"/>
  <c r="AF16130" i="1"/>
  <c r="AF16131" i="1"/>
  <c r="AF16132" i="1"/>
  <c r="AF16133" i="1"/>
  <c r="AF16134" i="1"/>
  <c r="AF16135" i="1"/>
  <c r="AF16136" i="1"/>
  <c r="AF16137" i="1"/>
  <c r="AF16138" i="1"/>
  <c r="AF16139" i="1"/>
  <c r="AF16140" i="1"/>
  <c r="AF16141" i="1"/>
  <c r="AF16142" i="1"/>
  <c r="AF16143" i="1"/>
  <c r="AF16144" i="1"/>
  <c r="AF16145" i="1"/>
  <c r="AF16146" i="1"/>
  <c r="AF16147" i="1"/>
  <c r="AF16148" i="1"/>
  <c r="AF16149" i="1"/>
  <c r="AF16150" i="1"/>
  <c r="AF16151" i="1"/>
  <c r="AF16152" i="1"/>
  <c r="AF16153" i="1"/>
  <c r="AF16154" i="1"/>
  <c r="AF16155" i="1"/>
  <c r="AF16156" i="1"/>
  <c r="AF16157" i="1"/>
  <c r="AF16158" i="1"/>
  <c r="AF16159" i="1"/>
  <c r="AF16160" i="1"/>
  <c r="AF16161" i="1"/>
  <c r="AF16162" i="1"/>
  <c r="AF16163" i="1"/>
  <c r="AF16164" i="1"/>
  <c r="AF16165" i="1"/>
  <c r="AF16166" i="1"/>
  <c r="AF16167" i="1"/>
  <c r="AF16168" i="1"/>
  <c r="AF16169" i="1"/>
  <c r="AF16170" i="1"/>
  <c r="AF16171" i="1"/>
  <c r="AF16172" i="1"/>
  <c r="AF16173" i="1"/>
  <c r="AF16174" i="1"/>
  <c r="AF16175" i="1"/>
  <c r="AF16176" i="1"/>
  <c r="AF16177" i="1"/>
  <c r="AF16178" i="1"/>
  <c r="AF16179" i="1"/>
  <c r="AF16180" i="1"/>
  <c r="AF16181" i="1"/>
  <c r="AF16182" i="1"/>
  <c r="AF16183" i="1"/>
  <c r="AF16184" i="1"/>
  <c r="AF16185" i="1"/>
  <c r="AF16186" i="1"/>
  <c r="AF16187" i="1"/>
  <c r="AF16188" i="1"/>
  <c r="AF16189" i="1"/>
  <c r="AF16190" i="1"/>
  <c r="AF16191" i="1"/>
  <c r="AF16192" i="1"/>
  <c r="AF16193" i="1"/>
  <c r="AF16194" i="1"/>
  <c r="AF16195" i="1"/>
  <c r="AF16196" i="1"/>
  <c r="AF16197" i="1"/>
  <c r="AF16198" i="1"/>
  <c r="AF16199" i="1"/>
  <c r="AF16200" i="1"/>
  <c r="AF16201" i="1"/>
  <c r="AF16202" i="1"/>
  <c r="AF16203" i="1"/>
  <c r="AF16204" i="1"/>
  <c r="AF16205" i="1"/>
  <c r="AF16206" i="1"/>
  <c r="AF16207" i="1"/>
  <c r="AF16208" i="1"/>
  <c r="AF16209" i="1"/>
  <c r="AF16210" i="1"/>
  <c r="AF16211" i="1"/>
  <c r="AF16212" i="1"/>
  <c r="AF16213" i="1"/>
  <c r="AF16214" i="1"/>
  <c r="AF16215" i="1"/>
  <c r="AF16216" i="1"/>
  <c r="AF16217" i="1"/>
  <c r="AF16218" i="1"/>
  <c r="AF16219" i="1"/>
  <c r="AF16220" i="1"/>
  <c r="AF16221" i="1"/>
  <c r="AF16222" i="1"/>
  <c r="AF16223" i="1"/>
  <c r="AF16224" i="1"/>
  <c r="AF16225" i="1"/>
  <c r="AF16226" i="1"/>
  <c r="AF16227" i="1"/>
  <c r="AF16228" i="1"/>
  <c r="AF16229" i="1"/>
  <c r="AF16230" i="1"/>
  <c r="AF16231" i="1"/>
  <c r="AF16232" i="1"/>
  <c r="AF16233" i="1"/>
  <c r="AF16234" i="1"/>
  <c r="AF16235" i="1"/>
  <c r="AF16236" i="1"/>
  <c r="AF16237" i="1"/>
  <c r="AF16238" i="1"/>
  <c r="AF16239" i="1"/>
  <c r="AF16240" i="1"/>
  <c r="AF16241" i="1"/>
  <c r="AF16242" i="1"/>
  <c r="AF16243" i="1"/>
  <c r="AF16244" i="1"/>
  <c r="AF16245" i="1"/>
  <c r="AF16246" i="1"/>
  <c r="AF16247" i="1"/>
  <c r="AF16248" i="1"/>
  <c r="AF16249" i="1"/>
  <c r="AF16250" i="1"/>
  <c r="AF16251" i="1"/>
  <c r="AF16252" i="1"/>
  <c r="AF16253" i="1"/>
  <c r="AF16254" i="1"/>
  <c r="AF16255" i="1"/>
  <c r="AF16256" i="1"/>
  <c r="AF16257" i="1"/>
  <c r="AF16258" i="1"/>
  <c r="AF16259" i="1"/>
  <c r="AF16260" i="1"/>
  <c r="AF16261" i="1"/>
  <c r="AF16262" i="1"/>
  <c r="AF16263" i="1"/>
  <c r="AF16264" i="1"/>
  <c r="AF16265" i="1"/>
  <c r="AF16266" i="1"/>
  <c r="AF16267" i="1"/>
  <c r="AF16268" i="1"/>
  <c r="AF16269" i="1"/>
  <c r="AF16270" i="1"/>
  <c r="AF16271" i="1"/>
  <c r="AF16272" i="1"/>
  <c r="AF16273" i="1"/>
  <c r="AF16274" i="1"/>
  <c r="AF16275" i="1"/>
  <c r="AF16276" i="1"/>
  <c r="AF16277" i="1"/>
  <c r="AF16278" i="1"/>
  <c r="AF16279" i="1"/>
  <c r="AF16280" i="1"/>
  <c r="AF16281" i="1"/>
  <c r="AF16282" i="1"/>
  <c r="AF16283" i="1"/>
  <c r="AF16284" i="1"/>
  <c r="AF16285" i="1"/>
  <c r="AF16286" i="1"/>
  <c r="AF16287" i="1"/>
  <c r="AF16288" i="1"/>
  <c r="AF16289" i="1"/>
  <c r="AF16290" i="1"/>
  <c r="AF16291" i="1"/>
  <c r="AF16292" i="1"/>
  <c r="AF16293" i="1"/>
  <c r="AF16294" i="1"/>
  <c r="AF16295" i="1"/>
  <c r="AF16296" i="1"/>
  <c r="AF16297" i="1"/>
  <c r="AF16298" i="1"/>
  <c r="AF16299" i="1"/>
  <c r="AF16300" i="1"/>
  <c r="AF16301" i="1"/>
  <c r="AF16302" i="1"/>
  <c r="AF16303" i="1"/>
  <c r="AF16304" i="1"/>
  <c r="AF16305" i="1"/>
  <c r="AF16306" i="1"/>
  <c r="AF16307" i="1"/>
  <c r="AF16308" i="1"/>
  <c r="AF16309" i="1"/>
  <c r="AF16310" i="1"/>
  <c r="AF16311" i="1"/>
  <c r="AF16312" i="1"/>
  <c r="AF16313" i="1"/>
  <c r="AF16314" i="1"/>
  <c r="AF16315" i="1"/>
  <c r="AF16316" i="1"/>
  <c r="AF16317" i="1"/>
  <c r="AF16318" i="1"/>
  <c r="AF16319" i="1"/>
  <c r="AF16320" i="1"/>
  <c r="AF16321" i="1"/>
  <c r="AF16322" i="1"/>
  <c r="AF16323" i="1"/>
  <c r="AF16324" i="1"/>
  <c r="AF16325" i="1"/>
  <c r="AF16326" i="1"/>
  <c r="AF16327" i="1"/>
  <c r="AF16328" i="1"/>
  <c r="AF16329" i="1"/>
  <c r="AF16330" i="1"/>
  <c r="AF16331" i="1"/>
  <c r="AF16332" i="1"/>
  <c r="AF16333" i="1"/>
  <c r="AF16334" i="1"/>
  <c r="AF16335" i="1"/>
  <c r="AF16336" i="1"/>
  <c r="AF16337" i="1"/>
  <c r="AF16338" i="1"/>
  <c r="AF16339" i="1"/>
  <c r="AF16340" i="1"/>
  <c r="AF16341" i="1"/>
  <c r="AF16342" i="1"/>
  <c r="AF16343" i="1"/>
  <c r="AF16344" i="1"/>
  <c r="AF16345" i="1"/>
  <c r="AF16346" i="1"/>
  <c r="AF16347" i="1"/>
  <c r="AF16348" i="1"/>
  <c r="AF16349" i="1"/>
  <c r="AF16350" i="1"/>
  <c r="AF16351" i="1"/>
  <c r="AF16352" i="1"/>
  <c r="AF16353" i="1"/>
  <c r="AF16354" i="1"/>
  <c r="AF16355" i="1"/>
  <c r="AF16356" i="1"/>
  <c r="AF16357" i="1"/>
  <c r="AF16358" i="1"/>
  <c r="AF16359" i="1"/>
  <c r="AF16360" i="1"/>
  <c r="AF16361" i="1"/>
  <c r="AF16362" i="1"/>
  <c r="AF16363" i="1"/>
  <c r="AF16364" i="1"/>
  <c r="AF16365" i="1"/>
  <c r="AF16366" i="1"/>
  <c r="AF16367" i="1"/>
  <c r="AF16368" i="1"/>
  <c r="AF16369" i="1"/>
  <c r="AF16370" i="1"/>
  <c r="AF16371" i="1"/>
  <c r="AF16372" i="1"/>
  <c r="AF16373" i="1"/>
  <c r="AF16374" i="1"/>
  <c r="AF16375" i="1"/>
  <c r="AF16376" i="1"/>
  <c r="AF16377" i="1"/>
  <c r="AF16378" i="1"/>
  <c r="AF16379" i="1"/>
  <c r="AF16380" i="1"/>
  <c r="AF16381" i="1"/>
  <c r="AF16382" i="1"/>
  <c r="AF16383" i="1"/>
  <c r="AF16384" i="1"/>
  <c r="AF16385" i="1"/>
  <c r="AF16386" i="1"/>
  <c r="AF16387" i="1"/>
  <c r="AF16388" i="1"/>
  <c r="AF16389" i="1"/>
  <c r="AF16390" i="1"/>
  <c r="AF16391" i="1"/>
  <c r="AF16392" i="1"/>
  <c r="AF16393" i="1"/>
  <c r="AF16394" i="1"/>
  <c r="AF16395" i="1"/>
  <c r="AF16396" i="1"/>
  <c r="AF16397" i="1"/>
  <c r="AF16398" i="1"/>
  <c r="AF16399" i="1"/>
  <c r="AF16400" i="1"/>
  <c r="AF16401" i="1"/>
  <c r="AF16402" i="1"/>
  <c r="AF16403" i="1"/>
  <c r="AF16404" i="1"/>
  <c r="AF16405" i="1"/>
  <c r="AF16406" i="1"/>
  <c r="AF16407" i="1"/>
  <c r="AF16408" i="1"/>
  <c r="AF16409" i="1"/>
  <c r="AF16410" i="1"/>
  <c r="AF16411" i="1"/>
  <c r="AF16412" i="1"/>
  <c r="AF16413" i="1"/>
  <c r="AF16414" i="1"/>
  <c r="AF16415" i="1"/>
  <c r="AF16416" i="1"/>
  <c r="AF16417" i="1"/>
  <c r="AF16418" i="1"/>
  <c r="AF16419" i="1"/>
  <c r="AF16420" i="1"/>
  <c r="AF16421" i="1"/>
  <c r="AF16422" i="1"/>
  <c r="AF16423" i="1"/>
  <c r="AF16424" i="1"/>
  <c r="AF16425" i="1"/>
  <c r="AF16426" i="1"/>
  <c r="AF16427" i="1"/>
  <c r="AF16428" i="1"/>
  <c r="AF16429" i="1"/>
  <c r="AF16430" i="1"/>
  <c r="AF16431" i="1"/>
  <c r="AF16432" i="1"/>
  <c r="AF16433" i="1"/>
  <c r="AF16434" i="1"/>
  <c r="AF16435" i="1"/>
  <c r="AF16436" i="1"/>
  <c r="AF16437" i="1"/>
  <c r="AF16438" i="1"/>
  <c r="AF16439" i="1"/>
  <c r="AF16440" i="1"/>
  <c r="AF16441" i="1"/>
  <c r="AF16442" i="1"/>
  <c r="AF16443" i="1"/>
  <c r="AF16444" i="1"/>
  <c r="AF16445" i="1"/>
  <c r="AF16446" i="1"/>
  <c r="AF16447" i="1"/>
  <c r="AF16448" i="1"/>
  <c r="AF16449" i="1"/>
  <c r="AF16450" i="1"/>
  <c r="AF16451" i="1"/>
  <c r="AF16452" i="1"/>
  <c r="AF16453" i="1"/>
  <c r="AF16454" i="1"/>
  <c r="AF16455" i="1"/>
  <c r="AF16456" i="1"/>
  <c r="AF16457" i="1"/>
  <c r="AF16458" i="1"/>
  <c r="AF16459" i="1"/>
  <c r="AF16460" i="1"/>
  <c r="AF16461" i="1"/>
  <c r="AF16462" i="1"/>
  <c r="AF16463" i="1"/>
  <c r="AF16464" i="1"/>
  <c r="AF16465" i="1"/>
  <c r="AF16466" i="1"/>
  <c r="AF16467" i="1"/>
  <c r="AF16468" i="1"/>
  <c r="AF16469" i="1"/>
  <c r="AF16470" i="1"/>
  <c r="AF16471" i="1"/>
  <c r="AF16472" i="1"/>
  <c r="AF16473" i="1"/>
  <c r="AF16474" i="1"/>
  <c r="AF16475" i="1"/>
  <c r="AF16476" i="1"/>
  <c r="AF16477" i="1"/>
  <c r="AF16478" i="1"/>
  <c r="AF16479" i="1"/>
  <c r="AF16480" i="1"/>
  <c r="AF16481" i="1"/>
  <c r="AF16482" i="1"/>
  <c r="AF16483" i="1"/>
  <c r="AF16484" i="1"/>
  <c r="AF16485" i="1"/>
  <c r="AF16486" i="1"/>
  <c r="AF16487" i="1"/>
  <c r="AF16488" i="1"/>
  <c r="AF16489" i="1"/>
  <c r="AF16490" i="1"/>
  <c r="AF16491" i="1"/>
  <c r="AF16492" i="1"/>
  <c r="AF16493" i="1"/>
  <c r="AF16494" i="1"/>
  <c r="AF16495" i="1"/>
  <c r="AF16496" i="1"/>
  <c r="AF16497" i="1"/>
  <c r="AF16498" i="1"/>
  <c r="AF16499" i="1"/>
  <c r="AF16500" i="1"/>
  <c r="AF16501" i="1"/>
  <c r="AF16502" i="1"/>
  <c r="AF16503" i="1"/>
  <c r="AF16504" i="1"/>
  <c r="AF16505" i="1"/>
  <c r="AF16506" i="1"/>
  <c r="AF16507" i="1"/>
  <c r="AF16508" i="1"/>
  <c r="AF16509" i="1"/>
  <c r="AF16510" i="1"/>
  <c r="AF16511" i="1"/>
  <c r="AF16512" i="1"/>
  <c r="AF16513" i="1"/>
  <c r="AF16514" i="1"/>
  <c r="AF16515" i="1"/>
  <c r="AF16516" i="1"/>
  <c r="AF16517" i="1"/>
  <c r="AF16518" i="1"/>
  <c r="AF16519" i="1"/>
  <c r="AF16520" i="1"/>
  <c r="AF16521" i="1"/>
  <c r="AF16522" i="1"/>
  <c r="AF16523" i="1"/>
  <c r="AF16524" i="1"/>
  <c r="AF16525" i="1"/>
  <c r="AF16526" i="1"/>
  <c r="AF16527" i="1"/>
  <c r="AF16528" i="1"/>
  <c r="AF16529" i="1"/>
  <c r="AF16530" i="1"/>
  <c r="AF16531" i="1"/>
  <c r="AF16532" i="1"/>
  <c r="AF16533" i="1"/>
  <c r="AF16534" i="1"/>
  <c r="AF16535" i="1"/>
  <c r="AF16536" i="1"/>
  <c r="AF16537" i="1"/>
  <c r="AF16538" i="1"/>
  <c r="AF16539" i="1"/>
  <c r="AF16540" i="1"/>
  <c r="AF16541" i="1"/>
  <c r="AF16542" i="1"/>
  <c r="AF16543" i="1"/>
  <c r="AF16544" i="1"/>
  <c r="AF16545" i="1"/>
  <c r="AF16546" i="1"/>
  <c r="AF16547" i="1"/>
  <c r="AF16548" i="1"/>
  <c r="AF16549" i="1"/>
  <c r="AF16550" i="1"/>
  <c r="AF16551" i="1"/>
  <c r="AF16552" i="1"/>
  <c r="AF16553" i="1"/>
  <c r="AF16554" i="1"/>
  <c r="AF16555" i="1"/>
  <c r="AF16556" i="1"/>
  <c r="AF16557" i="1"/>
  <c r="AF16558" i="1"/>
  <c r="AF16559" i="1"/>
  <c r="AF16560" i="1"/>
  <c r="AF16561" i="1"/>
  <c r="AF16562" i="1"/>
  <c r="AF16563" i="1"/>
  <c r="AF16564" i="1"/>
  <c r="AF16565" i="1"/>
  <c r="AF16566" i="1"/>
  <c r="AF16567" i="1"/>
  <c r="AF16568" i="1"/>
  <c r="AF16569" i="1"/>
  <c r="AF16570" i="1"/>
  <c r="AF16571" i="1"/>
  <c r="AF16572" i="1"/>
  <c r="AF16573" i="1"/>
  <c r="AF16574" i="1"/>
  <c r="AF16575" i="1"/>
  <c r="AF16576" i="1"/>
  <c r="AF16577" i="1"/>
  <c r="AF16578" i="1"/>
  <c r="AF16579" i="1"/>
  <c r="AF16580" i="1"/>
  <c r="AF16581" i="1"/>
  <c r="AF16582" i="1"/>
  <c r="AF16583" i="1"/>
  <c r="AF16584" i="1"/>
  <c r="AF16585" i="1"/>
  <c r="AF16586" i="1"/>
  <c r="AF16587" i="1"/>
  <c r="AF16588" i="1"/>
  <c r="AF16589" i="1"/>
  <c r="AF16590" i="1"/>
  <c r="AF16591" i="1"/>
  <c r="AF16592" i="1"/>
  <c r="AF16593" i="1"/>
  <c r="AF16594" i="1"/>
  <c r="AF16595" i="1"/>
  <c r="AF16596" i="1"/>
  <c r="AF16597" i="1"/>
  <c r="AF16598" i="1"/>
  <c r="AF16599" i="1"/>
  <c r="AF16600" i="1"/>
  <c r="AF16601" i="1"/>
  <c r="AF16602" i="1"/>
  <c r="AF16603" i="1"/>
  <c r="AF16604" i="1"/>
  <c r="AF16605" i="1"/>
  <c r="AF16606" i="1"/>
  <c r="AF16607" i="1"/>
  <c r="AF16608" i="1"/>
  <c r="AF16609" i="1"/>
  <c r="AF16610" i="1"/>
  <c r="AF16611" i="1"/>
  <c r="AF16612" i="1"/>
  <c r="AF16613" i="1"/>
  <c r="AF16614" i="1"/>
  <c r="AF16615" i="1"/>
  <c r="AF16616" i="1"/>
  <c r="AF16617" i="1"/>
  <c r="AF16618" i="1"/>
  <c r="AF16619" i="1"/>
  <c r="AF16620" i="1"/>
  <c r="AF16621" i="1"/>
  <c r="AF16622" i="1"/>
  <c r="AF16623" i="1"/>
  <c r="AF16624" i="1"/>
  <c r="AF16625" i="1"/>
  <c r="AF16626" i="1"/>
  <c r="AF16627" i="1"/>
  <c r="AF16628" i="1"/>
  <c r="AF16629" i="1"/>
  <c r="AF16630" i="1"/>
  <c r="AF16631" i="1"/>
  <c r="AF16632" i="1"/>
  <c r="AF16633" i="1"/>
  <c r="AF16634" i="1"/>
  <c r="AF16635" i="1"/>
  <c r="AF16636" i="1"/>
  <c r="AF16637" i="1"/>
  <c r="AF16638" i="1"/>
  <c r="AF16639" i="1"/>
  <c r="AF16640" i="1"/>
  <c r="AF16641" i="1"/>
  <c r="AF16642" i="1"/>
  <c r="AF16643" i="1"/>
  <c r="AF16644" i="1"/>
  <c r="AF16645" i="1"/>
  <c r="AF16646" i="1"/>
  <c r="AF16647" i="1"/>
  <c r="AF16648" i="1"/>
  <c r="AF16649" i="1"/>
  <c r="AF16650" i="1"/>
  <c r="AF16651" i="1"/>
  <c r="AF16652" i="1"/>
  <c r="AF16653" i="1"/>
  <c r="AF16654" i="1"/>
  <c r="AF16655" i="1"/>
  <c r="AF16656" i="1"/>
  <c r="AF16657" i="1"/>
  <c r="AF16658" i="1"/>
  <c r="AF16659" i="1"/>
  <c r="AF16660" i="1"/>
  <c r="AF16661" i="1"/>
  <c r="AF16662" i="1"/>
  <c r="AF16663" i="1"/>
  <c r="AF16664" i="1"/>
  <c r="AF16665" i="1"/>
  <c r="AF16666" i="1"/>
  <c r="AF16667" i="1"/>
  <c r="AF16668" i="1"/>
  <c r="AF16669" i="1"/>
  <c r="AF16670" i="1"/>
  <c r="AF16671" i="1"/>
  <c r="AF16672" i="1"/>
  <c r="AF16673" i="1"/>
  <c r="AF16674" i="1"/>
  <c r="AF16675" i="1"/>
  <c r="AF16676" i="1"/>
  <c r="AF16677" i="1"/>
  <c r="AF16678" i="1"/>
  <c r="AF16679" i="1"/>
  <c r="AF16680" i="1"/>
  <c r="AF16681" i="1"/>
  <c r="AF16682" i="1"/>
  <c r="AF16683" i="1"/>
  <c r="AF16684" i="1"/>
  <c r="AF16685" i="1"/>
  <c r="AF16686" i="1"/>
  <c r="AF16687" i="1"/>
  <c r="AF16688" i="1"/>
  <c r="AF16689" i="1"/>
  <c r="AF16690" i="1"/>
  <c r="AF16691" i="1"/>
  <c r="AF16692" i="1"/>
  <c r="AF16693" i="1"/>
  <c r="AF16694" i="1"/>
  <c r="AF16695" i="1"/>
  <c r="AF16696" i="1"/>
  <c r="AF16697" i="1"/>
  <c r="AF16698" i="1"/>
  <c r="AF16699" i="1"/>
  <c r="AF16700" i="1"/>
  <c r="AF16701" i="1"/>
  <c r="AF16702" i="1"/>
  <c r="AF16703" i="1"/>
  <c r="AF16704" i="1"/>
  <c r="AF16705" i="1"/>
  <c r="AF16706" i="1"/>
  <c r="AF16707" i="1"/>
  <c r="AF16708" i="1"/>
  <c r="AF16709" i="1"/>
  <c r="AF16710" i="1"/>
  <c r="AF16711" i="1"/>
  <c r="AF16712" i="1"/>
  <c r="AF16713" i="1"/>
  <c r="AF16714" i="1"/>
  <c r="AF16715" i="1"/>
  <c r="AF16716" i="1"/>
  <c r="AF16717" i="1"/>
  <c r="AF16718" i="1"/>
  <c r="AF16719" i="1"/>
  <c r="AF16720" i="1"/>
  <c r="AF16721" i="1"/>
  <c r="AF16722" i="1"/>
  <c r="AF16723" i="1"/>
  <c r="AF16724" i="1"/>
  <c r="AF16725" i="1"/>
  <c r="AF16726" i="1"/>
  <c r="AF16727" i="1"/>
  <c r="AF16728" i="1"/>
  <c r="AF16729" i="1"/>
  <c r="AF16730" i="1"/>
  <c r="AF16731" i="1"/>
  <c r="AF16732" i="1"/>
  <c r="AF16733" i="1"/>
  <c r="AF16734" i="1"/>
  <c r="AF16735" i="1"/>
  <c r="AF16736" i="1"/>
  <c r="AF16737" i="1"/>
  <c r="AF16738" i="1"/>
  <c r="AF16739" i="1"/>
  <c r="AF16740" i="1"/>
  <c r="AF16741" i="1"/>
  <c r="AF16742" i="1"/>
  <c r="AF16743" i="1"/>
  <c r="AF16744" i="1"/>
  <c r="AF16745" i="1"/>
  <c r="AF16746" i="1"/>
  <c r="AF16747" i="1"/>
  <c r="AF16748" i="1"/>
  <c r="AF16749" i="1"/>
  <c r="AF16750" i="1"/>
  <c r="AF16751" i="1"/>
  <c r="AF16752" i="1"/>
  <c r="AF16753" i="1"/>
  <c r="AF16754" i="1"/>
  <c r="AF16755" i="1"/>
  <c r="AF16756" i="1"/>
  <c r="AF16757" i="1"/>
  <c r="AF16758" i="1"/>
  <c r="AF16759" i="1"/>
  <c r="AF16760" i="1"/>
  <c r="AF16761" i="1"/>
  <c r="AF16762" i="1"/>
  <c r="AF16763" i="1"/>
  <c r="AF16764" i="1"/>
  <c r="AF16765" i="1"/>
  <c r="AF16766" i="1"/>
  <c r="AF16767" i="1"/>
  <c r="AF16768" i="1"/>
  <c r="AF16769" i="1"/>
  <c r="AF16770" i="1"/>
  <c r="AF16771" i="1"/>
  <c r="AF16772" i="1"/>
  <c r="AF16773" i="1"/>
  <c r="AF16774" i="1"/>
  <c r="AF16775" i="1"/>
  <c r="AF16776" i="1"/>
  <c r="AF16777" i="1"/>
  <c r="AF16778" i="1"/>
  <c r="AF16779" i="1"/>
  <c r="AF16780" i="1"/>
  <c r="AF16781" i="1"/>
  <c r="AF16782" i="1"/>
  <c r="AF16783" i="1"/>
  <c r="AF16784" i="1"/>
  <c r="AF16785" i="1"/>
  <c r="AF16786" i="1"/>
  <c r="AF16787" i="1"/>
  <c r="AF16788" i="1"/>
  <c r="AF16789" i="1"/>
  <c r="AF16790" i="1"/>
  <c r="AF16791" i="1"/>
  <c r="AF16792" i="1"/>
  <c r="AF16793" i="1"/>
  <c r="AF16794" i="1"/>
  <c r="AF16795" i="1"/>
  <c r="AF16796" i="1"/>
  <c r="AF16797" i="1"/>
  <c r="AF16798" i="1"/>
  <c r="AF16799" i="1"/>
  <c r="AF16800" i="1"/>
  <c r="AF16801" i="1"/>
  <c r="AF16802" i="1"/>
  <c r="AF16803" i="1"/>
  <c r="AF16804" i="1"/>
  <c r="AF16805" i="1"/>
  <c r="AF16806" i="1"/>
  <c r="AF16807" i="1"/>
  <c r="AF16808" i="1"/>
  <c r="AF16809" i="1"/>
  <c r="AF16810" i="1"/>
  <c r="AF16811" i="1"/>
  <c r="AF16812" i="1"/>
  <c r="AF16813" i="1"/>
  <c r="AF16814" i="1"/>
  <c r="AF16815" i="1"/>
  <c r="AF16816" i="1"/>
  <c r="AF16817" i="1"/>
  <c r="AF16818" i="1"/>
  <c r="AF16819" i="1"/>
  <c r="AF16820" i="1"/>
  <c r="AF16821" i="1"/>
  <c r="AF16822" i="1"/>
  <c r="AF16823" i="1"/>
  <c r="AF16824" i="1"/>
  <c r="AF16825" i="1"/>
  <c r="AF16826" i="1"/>
  <c r="AF16827" i="1"/>
  <c r="AF16828" i="1"/>
  <c r="AF16829" i="1"/>
  <c r="AF16830" i="1"/>
  <c r="AF16831" i="1"/>
  <c r="AF16832" i="1"/>
  <c r="AF16833" i="1"/>
  <c r="AF16834" i="1"/>
  <c r="AF16835" i="1"/>
  <c r="AF16836" i="1"/>
  <c r="AF16837" i="1"/>
  <c r="AF16838" i="1"/>
  <c r="AF16839" i="1"/>
  <c r="AF16840" i="1"/>
  <c r="AF16841" i="1"/>
  <c r="AF16842" i="1"/>
  <c r="AF16843" i="1"/>
  <c r="AF16844" i="1"/>
  <c r="AF16845" i="1"/>
  <c r="AF16846" i="1"/>
  <c r="AF16847" i="1"/>
  <c r="AF16848" i="1"/>
  <c r="AF16849" i="1"/>
  <c r="AF16850" i="1"/>
  <c r="AF16851" i="1"/>
  <c r="AF16852" i="1"/>
  <c r="AF16853" i="1"/>
  <c r="AF16854" i="1"/>
  <c r="AF16855" i="1"/>
  <c r="AF16856" i="1"/>
  <c r="AF16857" i="1"/>
  <c r="AF16858" i="1"/>
  <c r="AF16859" i="1"/>
  <c r="AF16860" i="1"/>
  <c r="AF16861" i="1"/>
  <c r="AF16862" i="1"/>
  <c r="AF16863" i="1"/>
  <c r="AF16864" i="1"/>
  <c r="AF16865" i="1"/>
  <c r="AF16866" i="1"/>
  <c r="AF16867" i="1"/>
  <c r="AF16868" i="1"/>
  <c r="AF16869" i="1"/>
  <c r="AF16870" i="1"/>
  <c r="AF16871" i="1"/>
  <c r="AF16872" i="1"/>
  <c r="AF16873" i="1"/>
  <c r="AF16874" i="1"/>
  <c r="AF16875" i="1"/>
  <c r="AF16876" i="1"/>
  <c r="AF16877" i="1"/>
  <c r="AF16878" i="1"/>
  <c r="AF16879" i="1"/>
  <c r="AF16880" i="1"/>
  <c r="AF16881" i="1"/>
  <c r="AF16882" i="1"/>
  <c r="AF16883" i="1"/>
  <c r="AF16884" i="1"/>
  <c r="AF16885" i="1"/>
  <c r="AF16886" i="1"/>
  <c r="AF16887" i="1"/>
  <c r="AF16888" i="1"/>
  <c r="AF16889" i="1"/>
  <c r="AF16890" i="1"/>
  <c r="AF16891" i="1"/>
  <c r="AF16892" i="1"/>
  <c r="AF16893" i="1"/>
  <c r="AF16894" i="1"/>
  <c r="AF16895" i="1"/>
  <c r="AF16896" i="1"/>
  <c r="AF16897" i="1"/>
  <c r="AF16898" i="1"/>
  <c r="AF16899" i="1"/>
  <c r="AF16900" i="1"/>
  <c r="AF16901" i="1"/>
  <c r="AF16902" i="1"/>
  <c r="AF16903" i="1"/>
  <c r="AF16904" i="1"/>
  <c r="AF16905" i="1"/>
  <c r="AF16906" i="1"/>
  <c r="AF16907" i="1"/>
  <c r="AF16908" i="1"/>
  <c r="AF16909" i="1"/>
  <c r="AF16910" i="1"/>
  <c r="AF16911" i="1"/>
  <c r="AF16912" i="1"/>
  <c r="AF16913" i="1"/>
  <c r="AF16914" i="1"/>
  <c r="AF16915" i="1"/>
  <c r="AF16916" i="1"/>
  <c r="AF16917" i="1"/>
  <c r="AF16918" i="1"/>
  <c r="AF16919" i="1"/>
  <c r="AF16920" i="1"/>
  <c r="AF16921" i="1"/>
  <c r="AF16922" i="1"/>
  <c r="AF16923" i="1"/>
  <c r="AF16924" i="1"/>
  <c r="AF16925" i="1"/>
  <c r="AF16926" i="1"/>
  <c r="AF16927" i="1"/>
  <c r="AF16928" i="1"/>
  <c r="AF16929" i="1"/>
  <c r="AF16930" i="1"/>
  <c r="AF16931" i="1"/>
  <c r="AF16932" i="1"/>
  <c r="AF16933" i="1"/>
  <c r="AF16934" i="1"/>
  <c r="AF16935" i="1"/>
  <c r="AF16936" i="1"/>
  <c r="AF16937" i="1"/>
  <c r="AF16938" i="1"/>
  <c r="AF16939" i="1"/>
  <c r="AF16940" i="1"/>
  <c r="AF16941" i="1"/>
  <c r="AF16942" i="1"/>
  <c r="AF16943" i="1"/>
  <c r="AF16944" i="1"/>
  <c r="AF16945" i="1"/>
  <c r="AF16946" i="1"/>
  <c r="AF16947" i="1"/>
  <c r="AF16948" i="1"/>
  <c r="AF16949" i="1"/>
  <c r="AF16950" i="1"/>
  <c r="AF16951" i="1"/>
  <c r="AF16952" i="1"/>
  <c r="AF16953" i="1"/>
  <c r="AF16954" i="1"/>
  <c r="AF16955" i="1"/>
  <c r="AF16956" i="1"/>
  <c r="AF16957" i="1"/>
  <c r="AF16958" i="1"/>
  <c r="AF16959" i="1"/>
  <c r="AF16960" i="1"/>
  <c r="AF16961" i="1"/>
  <c r="AF16962" i="1"/>
  <c r="AF16963" i="1"/>
  <c r="AF16964" i="1"/>
  <c r="AF16965" i="1"/>
  <c r="AF16966" i="1"/>
  <c r="AF16967" i="1"/>
  <c r="AF16968" i="1"/>
  <c r="AF16969" i="1"/>
  <c r="AF16970" i="1"/>
  <c r="AF16971" i="1"/>
  <c r="AF16972" i="1"/>
  <c r="AF16973" i="1"/>
  <c r="AF16974" i="1"/>
  <c r="AF16975" i="1"/>
  <c r="AF16976" i="1"/>
  <c r="AF16977" i="1"/>
  <c r="AF16978" i="1"/>
  <c r="AF16979" i="1"/>
  <c r="AF16980" i="1"/>
  <c r="AF16981" i="1"/>
  <c r="AF16982" i="1"/>
  <c r="AF16983" i="1"/>
  <c r="AF16984" i="1"/>
  <c r="AF16985" i="1"/>
  <c r="AF16986" i="1"/>
  <c r="AF16987" i="1"/>
  <c r="AF16988" i="1"/>
  <c r="AF16989" i="1"/>
  <c r="AF16990" i="1"/>
  <c r="AF16991" i="1"/>
  <c r="AF16992" i="1"/>
  <c r="AF16993" i="1"/>
  <c r="AF16994" i="1"/>
  <c r="AF16995" i="1"/>
  <c r="AF16996" i="1"/>
  <c r="AF16997" i="1"/>
  <c r="AF16998" i="1"/>
  <c r="AF16999" i="1"/>
  <c r="AF17000" i="1"/>
  <c r="AF17001" i="1"/>
  <c r="AF17002" i="1"/>
  <c r="AF17003" i="1"/>
  <c r="AF17004" i="1"/>
  <c r="AF17005" i="1"/>
  <c r="AF17006" i="1"/>
  <c r="AF17007" i="1"/>
  <c r="AF17008" i="1"/>
  <c r="AF17009" i="1"/>
  <c r="AF17010" i="1"/>
  <c r="AF17011" i="1"/>
  <c r="AF17012" i="1"/>
  <c r="AF17013" i="1"/>
  <c r="AF17014" i="1"/>
  <c r="AF17015" i="1"/>
  <c r="AF17016" i="1"/>
  <c r="AF17017" i="1"/>
  <c r="AF17018" i="1"/>
  <c r="AF17019" i="1"/>
  <c r="AF17020" i="1"/>
  <c r="AF17021" i="1"/>
  <c r="AF17022" i="1"/>
  <c r="AF17023" i="1"/>
  <c r="AF17024" i="1"/>
  <c r="AF17025" i="1"/>
  <c r="AF17026" i="1"/>
  <c r="AF17027" i="1"/>
  <c r="AF17028" i="1"/>
  <c r="AF17029" i="1"/>
  <c r="AF17030" i="1"/>
  <c r="AF17031" i="1"/>
  <c r="AF17032" i="1"/>
  <c r="AF17033" i="1"/>
  <c r="AF17034" i="1"/>
  <c r="AF17035" i="1"/>
  <c r="AF17036" i="1"/>
  <c r="AF17037" i="1"/>
  <c r="AF17038" i="1"/>
  <c r="AF17039" i="1"/>
  <c r="AF17040" i="1"/>
  <c r="AF17041" i="1"/>
  <c r="AF17042" i="1"/>
  <c r="AF17043" i="1"/>
  <c r="AF17044" i="1"/>
  <c r="AF17045" i="1"/>
  <c r="AF17046" i="1"/>
  <c r="AF17047" i="1"/>
  <c r="AF17048" i="1"/>
  <c r="AF17049" i="1"/>
  <c r="AF17050" i="1"/>
  <c r="AF17051" i="1"/>
  <c r="AF17052" i="1"/>
  <c r="AF17053" i="1"/>
  <c r="AF17054" i="1"/>
  <c r="AF17055" i="1"/>
  <c r="AF17056" i="1"/>
  <c r="AF17057" i="1"/>
  <c r="AF17058" i="1"/>
  <c r="AF17059" i="1"/>
  <c r="AF17060" i="1"/>
  <c r="AF17061" i="1"/>
  <c r="AF17062" i="1"/>
  <c r="AF17063" i="1"/>
  <c r="AF17064" i="1"/>
  <c r="AF17065" i="1"/>
  <c r="AF17066" i="1"/>
  <c r="AF17067" i="1"/>
  <c r="AF17068" i="1"/>
  <c r="AF17069" i="1"/>
  <c r="AF17070" i="1"/>
  <c r="AF17071" i="1"/>
  <c r="AF17072" i="1"/>
  <c r="AF17073" i="1"/>
  <c r="AF17074" i="1"/>
  <c r="AF17075" i="1"/>
  <c r="AF17076" i="1"/>
  <c r="AF17077" i="1"/>
  <c r="AF17078" i="1"/>
  <c r="AF17079" i="1"/>
  <c r="AF17080" i="1"/>
  <c r="AF17081" i="1"/>
  <c r="AF17082" i="1"/>
  <c r="AF17083" i="1"/>
  <c r="AF17084" i="1"/>
  <c r="AF17085" i="1"/>
  <c r="AF17086" i="1"/>
  <c r="AF17087" i="1"/>
  <c r="AF17088" i="1"/>
  <c r="AF17089" i="1"/>
  <c r="AF17090" i="1"/>
  <c r="AF17091" i="1"/>
  <c r="AF17092" i="1"/>
  <c r="AF17093" i="1"/>
  <c r="AF17094" i="1"/>
  <c r="AF17095" i="1"/>
  <c r="AF17096" i="1"/>
  <c r="AF17097" i="1"/>
  <c r="AF17098" i="1"/>
  <c r="AF17099" i="1"/>
  <c r="AF17100" i="1"/>
  <c r="AF17101" i="1"/>
  <c r="AF17102" i="1"/>
  <c r="AF17103" i="1"/>
  <c r="AF17104" i="1"/>
  <c r="AF17105" i="1"/>
  <c r="AF17106" i="1"/>
  <c r="AF17107" i="1"/>
  <c r="AF17108" i="1"/>
  <c r="AF17109" i="1"/>
  <c r="AF17110" i="1"/>
  <c r="AF17111" i="1"/>
  <c r="AF17112" i="1"/>
  <c r="AF17113" i="1"/>
  <c r="AF17114" i="1"/>
  <c r="AF17115" i="1"/>
  <c r="AF17116" i="1"/>
  <c r="AF17117" i="1"/>
  <c r="AF17118" i="1"/>
  <c r="AF17119" i="1"/>
  <c r="AF17120" i="1"/>
  <c r="AF17121" i="1"/>
  <c r="AF17122" i="1"/>
  <c r="AF17123" i="1"/>
  <c r="AF17124" i="1"/>
  <c r="AF17125" i="1"/>
  <c r="AF17126" i="1"/>
  <c r="AF17127" i="1"/>
  <c r="AF17128" i="1"/>
  <c r="AF17129" i="1"/>
  <c r="AF17130" i="1"/>
  <c r="AF17131" i="1"/>
  <c r="AF17132" i="1"/>
  <c r="AF17133" i="1"/>
  <c r="AF17134" i="1"/>
  <c r="AF17135" i="1"/>
  <c r="AF17136" i="1"/>
  <c r="AF17137" i="1"/>
  <c r="AF17138" i="1"/>
  <c r="AF17139" i="1"/>
  <c r="AF17140" i="1"/>
  <c r="AF17141" i="1"/>
  <c r="AF17142" i="1"/>
  <c r="AF17143" i="1"/>
  <c r="AF17144" i="1"/>
  <c r="AF17145" i="1"/>
  <c r="AF17146" i="1"/>
  <c r="AF17147" i="1"/>
  <c r="AF17148" i="1"/>
  <c r="AF17149" i="1"/>
  <c r="AF17150" i="1"/>
  <c r="AF17151" i="1"/>
  <c r="AF17152" i="1"/>
  <c r="AF17153" i="1"/>
  <c r="AF17154" i="1"/>
  <c r="AF17155" i="1"/>
  <c r="AF17156" i="1"/>
  <c r="AF17157" i="1"/>
  <c r="AF17158" i="1"/>
  <c r="AF17159" i="1"/>
  <c r="AF17160" i="1"/>
  <c r="AF17161" i="1"/>
  <c r="AF17162" i="1"/>
  <c r="AF17163" i="1"/>
  <c r="AF17164" i="1"/>
  <c r="AF17165" i="1"/>
  <c r="AF17166" i="1"/>
  <c r="AF17167" i="1"/>
  <c r="AF17168" i="1"/>
  <c r="AF17169" i="1"/>
  <c r="AF17170" i="1"/>
  <c r="AF17171" i="1"/>
  <c r="AF17172" i="1"/>
  <c r="AF17173" i="1"/>
  <c r="AF17174" i="1"/>
  <c r="AF17175" i="1"/>
  <c r="AF17176" i="1"/>
  <c r="AF17177" i="1"/>
  <c r="AF17178" i="1"/>
  <c r="AF17179" i="1"/>
  <c r="AF17180" i="1"/>
  <c r="AF17181" i="1"/>
  <c r="AF17182" i="1"/>
  <c r="AF17183" i="1"/>
  <c r="AF17184" i="1"/>
  <c r="AF17185" i="1"/>
  <c r="AF17186" i="1"/>
  <c r="AF17187" i="1"/>
  <c r="AF17188" i="1"/>
  <c r="AF17189" i="1"/>
  <c r="AF17190" i="1"/>
  <c r="AF17191" i="1"/>
  <c r="AF17192" i="1"/>
  <c r="AF17193" i="1"/>
  <c r="AF17194" i="1"/>
  <c r="AF17195" i="1"/>
  <c r="AF17196" i="1"/>
  <c r="AF17197" i="1"/>
  <c r="AF17198" i="1"/>
  <c r="AF17199" i="1"/>
  <c r="AF17200" i="1"/>
  <c r="AF17201" i="1"/>
  <c r="AF17202" i="1"/>
  <c r="AF17203" i="1"/>
  <c r="AF17204" i="1"/>
  <c r="AF17205" i="1"/>
  <c r="AF17206" i="1"/>
  <c r="AF17207" i="1"/>
  <c r="AF17208" i="1"/>
  <c r="AF17209" i="1"/>
  <c r="AF17210" i="1"/>
  <c r="AF17211" i="1"/>
  <c r="AF17212" i="1"/>
  <c r="AF17213" i="1"/>
  <c r="AF17214" i="1"/>
  <c r="AF17215" i="1"/>
  <c r="AF17216" i="1"/>
  <c r="AF17217" i="1"/>
  <c r="AF17218" i="1"/>
  <c r="AF17219" i="1"/>
  <c r="AF17220" i="1"/>
  <c r="AF17221" i="1"/>
  <c r="AF17222" i="1"/>
  <c r="AF17223" i="1"/>
  <c r="AF17224" i="1"/>
  <c r="AF17225" i="1"/>
  <c r="AF17226" i="1"/>
  <c r="AF17227" i="1"/>
  <c r="AF17228" i="1"/>
  <c r="AF17229" i="1"/>
  <c r="AF17230" i="1"/>
  <c r="AF17231" i="1"/>
  <c r="AF17232" i="1"/>
  <c r="AF17233" i="1"/>
  <c r="AF17234" i="1"/>
  <c r="AF17235" i="1"/>
  <c r="AF17236" i="1"/>
  <c r="AF17237" i="1"/>
  <c r="AF17238" i="1"/>
  <c r="AF17239" i="1"/>
  <c r="AF17240" i="1"/>
  <c r="AF17241" i="1"/>
  <c r="AF17242" i="1"/>
  <c r="AF17243" i="1"/>
  <c r="AF17244" i="1"/>
  <c r="AF17245" i="1"/>
  <c r="AF17246" i="1"/>
  <c r="AF17247" i="1"/>
  <c r="AF17248" i="1"/>
  <c r="AF17249" i="1"/>
  <c r="AF17250" i="1"/>
  <c r="AF17251" i="1"/>
  <c r="AF17252" i="1"/>
  <c r="AF17253" i="1"/>
  <c r="AF17254" i="1"/>
  <c r="AF17255" i="1"/>
  <c r="AF17256" i="1"/>
  <c r="AF17257" i="1"/>
  <c r="AF17258" i="1"/>
  <c r="AF17259" i="1"/>
  <c r="AF17260" i="1"/>
  <c r="AF17261" i="1"/>
  <c r="AF17262" i="1"/>
  <c r="AF17263" i="1"/>
  <c r="AF17264" i="1"/>
  <c r="AF17265" i="1"/>
  <c r="AF17266" i="1"/>
  <c r="AF17267" i="1"/>
  <c r="AF17268" i="1"/>
  <c r="AF17269" i="1"/>
  <c r="AF17270" i="1"/>
  <c r="AF17271" i="1"/>
  <c r="AF17272" i="1"/>
  <c r="AF17273" i="1"/>
  <c r="AF17274" i="1"/>
  <c r="AF17275" i="1"/>
  <c r="AF17276" i="1"/>
  <c r="AF17277" i="1"/>
  <c r="AF17278" i="1"/>
  <c r="AF17279" i="1"/>
  <c r="AF17280" i="1"/>
  <c r="AF17281" i="1"/>
  <c r="AF17282" i="1"/>
  <c r="AF17283" i="1"/>
  <c r="AF17284" i="1"/>
  <c r="AF17285" i="1"/>
  <c r="AF17286" i="1"/>
  <c r="AF17287" i="1"/>
  <c r="AF17288" i="1"/>
  <c r="AF17289" i="1"/>
  <c r="AF17290" i="1"/>
  <c r="AF17291" i="1"/>
  <c r="AF17292" i="1"/>
  <c r="AF17293" i="1"/>
  <c r="AF17294" i="1"/>
  <c r="AF17295" i="1"/>
  <c r="AF17296" i="1"/>
  <c r="AF17297" i="1"/>
  <c r="AF17298" i="1"/>
  <c r="AF17299" i="1"/>
  <c r="AF17300" i="1"/>
  <c r="AF17301" i="1"/>
  <c r="AF17302" i="1"/>
  <c r="AF17303" i="1"/>
  <c r="AF17304" i="1"/>
  <c r="AF17305" i="1"/>
  <c r="AF17306" i="1"/>
  <c r="AF17307" i="1"/>
  <c r="AF17308" i="1"/>
  <c r="AF17309" i="1"/>
  <c r="AF17310" i="1"/>
  <c r="AF17311" i="1"/>
  <c r="AF17312" i="1"/>
  <c r="AF17313" i="1"/>
  <c r="AF17314" i="1"/>
  <c r="AF17315" i="1"/>
  <c r="AF17316" i="1"/>
  <c r="AF17317" i="1"/>
  <c r="AF17318" i="1"/>
  <c r="AF17319" i="1"/>
  <c r="AF17320" i="1"/>
  <c r="AF17321" i="1"/>
  <c r="AF17322" i="1"/>
  <c r="AF17323" i="1"/>
  <c r="AF17324" i="1"/>
  <c r="AF17325" i="1"/>
  <c r="AF17326" i="1"/>
  <c r="AF17327" i="1"/>
  <c r="AF17328" i="1"/>
  <c r="AF17329" i="1"/>
  <c r="AF17330" i="1"/>
  <c r="AF17331" i="1"/>
  <c r="AF17332" i="1"/>
  <c r="AF17333" i="1"/>
  <c r="AF17334" i="1"/>
  <c r="AF17335" i="1"/>
  <c r="AF17336" i="1"/>
  <c r="AF17337" i="1"/>
  <c r="AF17338" i="1"/>
  <c r="AF17339" i="1"/>
  <c r="AF17340" i="1"/>
  <c r="AF17341" i="1"/>
  <c r="AF17342" i="1"/>
  <c r="AF17343" i="1"/>
  <c r="AF17344" i="1"/>
  <c r="AF17345" i="1"/>
  <c r="AF17346" i="1"/>
  <c r="AF17347" i="1"/>
  <c r="AF17348" i="1"/>
  <c r="AF17349" i="1"/>
  <c r="AF17350" i="1"/>
  <c r="AF17351" i="1"/>
  <c r="AF17352" i="1"/>
  <c r="AF17353" i="1"/>
  <c r="AF17354" i="1"/>
  <c r="AF17355" i="1"/>
  <c r="AF17356" i="1"/>
  <c r="AF17357" i="1"/>
  <c r="AF17358" i="1"/>
  <c r="AF17359" i="1"/>
  <c r="AF17360" i="1"/>
  <c r="AF17361" i="1"/>
  <c r="AF17362" i="1"/>
  <c r="AF17363" i="1"/>
  <c r="AF17364" i="1"/>
  <c r="AF17365" i="1"/>
  <c r="AF17366" i="1"/>
  <c r="AF17367" i="1"/>
  <c r="AF17368" i="1"/>
  <c r="AF17369" i="1"/>
  <c r="AF17370" i="1"/>
  <c r="AF17371" i="1"/>
  <c r="AF17372" i="1"/>
  <c r="AF17373" i="1"/>
  <c r="AF17374" i="1"/>
  <c r="AF17375" i="1"/>
  <c r="AF17376" i="1"/>
  <c r="AF17377" i="1"/>
  <c r="AF17378" i="1"/>
  <c r="AF17379" i="1"/>
  <c r="AF17380" i="1"/>
  <c r="AF17381" i="1"/>
  <c r="AF17382" i="1"/>
  <c r="AF17383" i="1"/>
  <c r="AF17384" i="1"/>
  <c r="AF17385" i="1"/>
  <c r="AF17386" i="1"/>
  <c r="AF17387" i="1"/>
  <c r="AF17388" i="1"/>
  <c r="AF17389" i="1"/>
  <c r="AF17390" i="1"/>
  <c r="AF17391" i="1"/>
  <c r="AF17392" i="1"/>
  <c r="AF17393" i="1"/>
  <c r="AF17394" i="1"/>
  <c r="AF17395" i="1"/>
  <c r="AF17396" i="1"/>
  <c r="AF17397" i="1"/>
  <c r="AF17398" i="1"/>
  <c r="AF17399" i="1"/>
  <c r="AF17400" i="1"/>
  <c r="AF17401" i="1"/>
  <c r="AF17402" i="1"/>
  <c r="AF17403" i="1"/>
  <c r="AF17404" i="1"/>
  <c r="AF17405" i="1"/>
  <c r="AF17406" i="1"/>
  <c r="AF17407" i="1"/>
  <c r="AF17408" i="1"/>
  <c r="AF17409" i="1"/>
  <c r="AF17410" i="1"/>
  <c r="AF17411" i="1"/>
  <c r="AF17412" i="1"/>
  <c r="AF17413" i="1"/>
  <c r="AF17414" i="1"/>
  <c r="AF17415" i="1"/>
  <c r="AF17416" i="1"/>
  <c r="AF17417" i="1"/>
  <c r="AF17418" i="1"/>
  <c r="AF17419" i="1"/>
  <c r="AF17420" i="1"/>
  <c r="AF17421" i="1"/>
  <c r="AF17422" i="1"/>
  <c r="AF17423" i="1"/>
  <c r="AF17424" i="1"/>
  <c r="AF17425" i="1"/>
  <c r="AF17426" i="1"/>
  <c r="AF17427" i="1"/>
  <c r="AF17428" i="1"/>
  <c r="AF17429" i="1"/>
  <c r="AF17430" i="1"/>
  <c r="AF17431" i="1"/>
  <c r="AF17432" i="1"/>
  <c r="AF17433" i="1"/>
  <c r="AF17434" i="1"/>
  <c r="AF17435" i="1"/>
  <c r="AF17436" i="1"/>
  <c r="AF17437" i="1"/>
  <c r="AF17438" i="1"/>
  <c r="AF17439" i="1"/>
  <c r="AF17440" i="1"/>
  <c r="AF17441" i="1"/>
  <c r="AF17442" i="1"/>
  <c r="AF17443" i="1"/>
  <c r="AF17444" i="1"/>
  <c r="AF17445" i="1"/>
  <c r="AF17446" i="1"/>
  <c r="AF17447" i="1"/>
  <c r="AF17448" i="1"/>
  <c r="AF17449" i="1"/>
  <c r="AF17450" i="1"/>
  <c r="AF17451" i="1"/>
  <c r="AF17452" i="1"/>
  <c r="AF17453" i="1"/>
  <c r="AF17454" i="1"/>
  <c r="AF17455" i="1"/>
  <c r="AF17456" i="1"/>
  <c r="AF17457" i="1"/>
  <c r="AF17458" i="1"/>
  <c r="AF17459" i="1"/>
  <c r="AF17460" i="1"/>
  <c r="AF17461" i="1"/>
  <c r="AF17462" i="1"/>
  <c r="AF17463" i="1"/>
  <c r="AF17464" i="1"/>
  <c r="AF17465" i="1"/>
  <c r="AF17466" i="1"/>
  <c r="AF17467" i="1"/>
  <c r="AF17468" i="1"/>
  <c r="AF17469" i="1"/>
  <c r="AF17470" i="1"/>
  <c r="AF17471" i="1"/>
  <c r="AF17472" i="1"/>
  <c r="AF17473" i="1"/>
  <c r="AF17474" i="1"/>
  <c r="AF17475" i="1"/>
  <c r="AF17476" i="1"/>
  <c r="AF17477" i="1"/>
  <c r="AF17478" i="1"/>
  <c r="AF17479" i="1"/>
  <c r="AF17480" i="1"/>
  <c r="AF17481" i="1"/>
  <c r="AF17482" i="1"/>
  <c r="AF17483" i="1"/>
  <c r="AF17484" i="1"/>
  <c r="AF17485" i="1"/>
  <c r="AF17486" i="1"/>
  <c r="AF17487" i="1"/>
  <c r="AF17488" i="1"/>
  <c r="AF17489" i="1"/>
  <c r="AF17490" i="1"/>
  <c r="AF17491" i="1"/>
  <c r="AF17492" i="1"/>
  <c r="AF17493" i="1"/>
  <c r="AF17494" i="1"/>
  <c r="AF17495" i="1"/>
  <c r="AF17496" i="1"/>
  <c r="AF17497" i="1"/>
  <c r="AF17498" i="1"/>
  <c r="AF17499" i="1"/>
  <c r="AF17500" i="1"/>
  <c r="AF17501" i="1"/>
  <c r="AF17502" i="1"/>
  <c r="AF17503" i="1"/>
  <c r="AF17504" i="1"/>
  <c r="AF17505" i="1"/>
  <c r="AF17506" i="1"/>
  <c r="AF17507" i="1"/>
  <c r="AF17508" i="1"/>
  <c r="AF17509" i="1"/>
  <c r="AF17510" i="1"/>
  <c r="AF17511" i="1"/>
  <c r="AF17512" i="1"/>
  <c r="AF17513" i="1"/>
  <c r="AF17514" i="1"/>
  <c r="AF17515" i="1"/>
  <c r="AF17516" i="1"/>
  <c r="AF17517" i="1"/>
  <c r="AF17518" i="1"/>
  <c r="AF17519" i="1"/>
  <c r="AF17520" i="1"/>
  <c r="AF17521" i="1"/>
  <c r="AF17522" i="1"/>
  <c r="AF17523" i="1"/>
  <c r="AF17524" i="1"/>
  <c r="AF17525" i="1"/>
  <c r="AF17526" i="1"/>
  <c r="AF17527" i="1"/>
  <c r="AF17528" i="1"/>
  <c r="AF17529" i="1"/>
  <c r="AF17530" i="1"/>
  <c r="AF17531" i="1"/>
  <c r="AF17532" i="1"/>
  <c r="AF17533" i="1"/>
  <c r="AF17534" i="1"/>
  <c r="AF17535" i="1"/>
  <c r="AF17536" i="1"/>
  <c r="AF17537" i="1"/>
  <c r="AF17538" i="1"/>
  <c r="AF17539" i="1"/>
  <c r="AF17540" i="1"/>
  <c r="AF17541" i="1"/>
  <c r="AF17542" i="1"/>
  <c r="AF17543" i="1"/>
  <c r="AF17544" i="1"/>
  <c r="AF17545" i="1"/>
  <c r="AF17546" i="1"/>
  <c r="AF17547" i="1"/>
  <c r="AF17548" i="1"/>
  <c r="AF17549" i="1"/>
  <c r="AF17550" i="1"/>
  <c r="AF17551" i="1"/>
  <c r="AF17552" i="1"/>
  <c r="AF17553" i="1"/>
  <c r="AF17554" i="1"/>
  <c r="AF17555" i="1"/>
  <c r="AF17556" i="1"/>
  <c r="AF17557" i="1"/>
  <c r="AF17558" i="1"/>
  <c r="AF17559" i="1"/>
  <c r="AF17560" i="1"/>
  <c r="AF17561" i="1"/>
  <c r="AF17562" i="1"/>
  <c r="AF17563" i="1"/>
  <c r="AF17564" i="1"/>
  <c r="AF17565" i="1"/>
  <c r="AF17566" i="1"/>
  <c r="AF17567" i="1"/>
  <c r="AF17568" i="1"/>
  <c r="AF17569" i="1"/>
  <c r="AF17570" i="1"/>
  <c r="AF17571" i="1"/>
  <c r="AF17572" i="1"/>
  <c r="AF17573" i="1"/>
  <c r="AF17574" i="1"/>
  <c r="AF17575" i="1"/>
  <c r="AF17576" i="1"/>
  <c r="AF17577" i="1"/>
  <c r="AF17578" i="1"/>
  <c r="AF17579" i="1"/>
  <c r="AF17580" i="1"/>
  <c r="AF17581" i="1"/>
  <c r="AF17582" i="1"/>
  <c r="AF17583" i="1"/>
  <c r="AF17584" i="1"/>
  <c r="AF17585" i="1"/>
  <c r="AF17586" i="1"/>
  <c r="AF17587" i="1"/>
  <c r="AF17588" i="1"/>
  <c r="AF17589" i="1"/>
  <c r="AF17590" i="1"/>
  <c r="AF17591" i="1"/>
  <c r="AF17592" i="1"/>
  <c r="AF17593" i="1"/>
  <c r="AF17594" i="1"/>
  <c r="AF17595" i="1"/>
  <c r="AF17596" i="1"/>
  <c r="AF17597" i="1"/>
  <c r="AF17598" i="1"/>
  <c r="AF17599" i="1"/>
  <c r="AF17600" i="1"/>
  <c r="AF17601" i="1"/>
  <c r="AF17602" i="1"/>
  <c r="AF17603" i="1"/>
  <c r="AF17604" i="1"/>
  <c r="AF17605" i="1"/>
  <c r="AF17606" i="1"/>
  <c r="AF17607" i="1"/>
  <c r="AF17608" i="1"/>
  <c r="AF17609" i="1"/>
  <c r="AF17610" i="1"/>
  <c r="AF17611" i="1"/>
  <c r="AF17612" i="1"/>
  <c r="AF17613" i="1"/>
  <c r="AF17614" i="1"/>
  <c r="AF17615" i="1"/>
  <c r="AF17616" i="1"/>
  <c r="AF17617" i="1"/>
  <c r="AF17618" i="1"/>
  <c r="AF17619" i="1"/>
  <c r="AF17620" i="1"/>
  <c r="AF17621" i="1"/>
  <c r="AF17622" i="1"/>
  <c r="AF17623" i="1"/>
  <c r="AF17624" i="1"/>
  <c r="AF17625" i="1"/>
  <c r="AF17626" i="1"/>
  <c r="AF17627" i="1"/>
  <c r="AF17628" i="1"/>
  <c r="AF17629" i="1"/>
  <c r="AF17630" i="1"/>
  <c r="AF17631" i="1"/>
  <c r="AF17632" i="1"/>
  <c r="AF17633" i="1"/>
  <c r="AF17634" i="1"/>
  <c r="AF17635" i="1"/>
  <c r="AF17636" i="1"/>
  <c r="AF17637" i="1"/>
  <c r="AF17638" i="1"/>
  <c r="AF17639" i="1"/>
  <c r="AF17640" i="1"/>
  <c r="AF17641" i="1"/>
  <c r="AF17642" i="1"/>
  <c r="AF17643" i="1"/>
  <c r="AF17644" i="1"/>
  <c r="AF17645" i="1"/>
  <c r="AF17646" i="1"/>
  <c r="AF17647" i="1"/>
  <c r="AF17648" i="1"/>
  <c r="AF17649" i="1"/>
  <c r="AF17650" i="1"/>
  <c r="AF17651" i="1"/>
  <c r="AF17652" i="1"/>
  <c r="AF17653" i="1"/>
  <c r="AF17654" i="1"/>
  <c r="AF17655" i="1"/>
  <c r="AF17656" i="1"/>
  <c r="AF17657" i="1"/>
  <c r="AF17658" i="1"/>
  <c r="AF17659" i="1"/>
  <c r="AF17660" i="1"/>
  <c r="AF17661" i="1"/>
  <c r="AF17662" i="1"/>
  <c r="AF17663" i="1"/>
  <c r="AF17664" i="1"/>
  <c r="AF17665" i="1"/>
  <c r="AF17666" i="1"/>
  <c r="AF17667" i="1"/>
  <c r="AF17668" i="1"/>
  <c r="AF17669" i="1"/>
  <c r="AF17670" i="1"/>
  <c r="AF17671" i="1"/>
  <c r="AF17672" i="1"/>
  <c r="AF17673" i="1"/>
  <c r="AF17674" i="1"/>
  <c r="AF17675" i="1"/>
  <c r="AF17676" i="1"/>
  <c r="AF17677" i="1"/>
  <c r="AF17678" i="1"/>
  <c r="AF17679" i="1"/>
  <c r="AF17680" i="1"/>
  <c r="AF17681" i="1"/>
  <c r="AF17682" i="1"/>
  <c r="AF17683" i="1"/>
  <c r="AF17684" i="1"/>
  <c r="AF17685" i="1"/>
  <c r="AF17686" i="1"/>
  <c r="AF17687" i="1"/>
  <c r="AF17688" i="1"/>
  <c r="AF17689" i="1"/>
  <c r="AF17690" i="1"/>
  <c r="AF17691" i="1"/>
  <c r="AF17692" i="1"/>
  <c r="AF17693" i="1"/>
  <c r="AF17694" i="1"/>
  <c r="AF17695" i="1"/>
  <c r="AF17696" i="1"/>
  <c r="AF17697" i="1"/>
  <c r="AF17698" i="1"/>
  <c r="AF17699" i="1"/>
  <c r="AF17700" i="1"/>
  <c r="AF17701" i="1"/>
  <c r="AF17702" i="1"/>
  <c r="AF17703" i="1"/>
  <c r="AF17704" i="1"/>
  <c r="AF17705" i="1"/>
  <c r="AF17706" i="1"/>
  <c r="AF17707" i="1"/>
  <c r="AF17708" i="1"/>
  <c r="AF17709" i="1"/>
  <c r="AF17710" i="1"/>
  <c r="AF17711" i="1"/>
  <c r="AF17712" i="1"/>
  <c r="AF17713" i="1"/>
  <c r="AF17714" i="1"/>
  <c r="AF17715" i="1"/>
  <c r="AF17716" i="1"/>
  <c r="AF17717" i="1"/>
  <c r="AF17718" i="1"/>
  <c r="AF17719" i="1"/>
  <c r="AF17720" i="1"/>
  <c r="AF17721" i="1"/>
  <c r="AF17722" i="1"/>
  <c r="AF17723" i="1"/>
  <c r="AF17724" i="1"/>
  <c r="AF17725" i="1"/>
  <c r="AF17726" i="1"/>
  <c r="AF17727" i="1"/>
  <c r="AF17728" i="1"/>
  <c r="AF17729" i="1"/>
  <c r="AF17730" i="1"/>
  <c r="AF17731" i="1"/>
  <c r="AF17732" i="1"/>
  <c r="AF17733" i="1"/>
  <c r="AF17734" i="1"/>
  <c r="AF17735" i="1"/>
  <c r="AF17736" i="1"/>
  <c r="AF17737" i="1"/>
  <c r="AF17738" i="1"/>
  <c r="AF17739" i="1"/>
  <c r="AF17740" i="1"/>
  <c r="AF17741" i="1"/>
  <c r="AF17742" i="1"/>
  <c r="AF17743" i="1"/>
  <c r="AF17744" i="1"/>
  <c r="AF17745" i="1"/>
  <c r="AF17746" i="1"/>
  <c r="AF17747" i="1"/>
  <c r="AF17748" i="1"/>
  <c r="AF17749" i="1"/>
  <c r="AF17750" i="1"/>
  <c r="AF17751" i="1"/>
  <c r="AF17752" i="1"/>
  <c r="AF17753" i="1"/>
  <c r="AF17754" i="1"/>
  <c r="AF17755" i="1"/>
  <c r="AF17756" i="1"/>
  <c r="AF17757" i="1"/>
  <c r="AF17758" i="1"/>
  <c r="AF17759" i="1"/>
  <c r="AF17760" i="1"/>
  <c r="AF17761" i="1"/>
  <c r="AF17762" i="1"/>
  <c r="AF17763" i="1"/>
  <c r="AF17764" i="1"/>
  <c r="AF17765" i="1"/>
  <c r="AF17766" i="1"/>
  <c r="AF17767" i="1"/>
  <c r="AF17768" i="1"/>
  <c r="AF17769" i="1"/>
  <c r="AF17770" i="1"/>
  <c r="AF17771" i="1"/>
  <c r="AF17772" i="1"/>
  <c r="AF17773" i="1"/>
  <c r="AF17774" i="1"/>
  <c r="AF17775" i="1"/>
  <c r="AF17776" i="1"/>
  <c r="AF17777" i="1"/>
  <c r="AF17778" i="1"/>
  <c r="AF17779" i="1"/>
  <c r="AF17780" i="1"/>
  <c r="AF17781" i="1"/>
  <c r="AF17782" i="1"/>
  <c r="AF17783" i="1"/>
  <c r="AF17784" i="1"/>
  <c r="AF17785" i="1"/>
  <c r="AF17786" i="1"/>
  <c r="AF17787" i="1"/>
  <c r="AF17788" i="1"/>
  <c r="AF17789" i="1"/>
  <c r="AF17790" i="1"/>
  <c r="AF17791" i="1"/>
  <c r="AF17792" i="1"/>
  <c r="AF17793" i="1"/>
  <c r="AF17794" i="1"/>
  <c r="AF17795" i="1"/>
  <c r="AF17796" i="1"/>
  <c r="AF17797" i="1"/>
  <c r="AF17798" i="1"/>
  <c r="AF17799" i="1"/>
  <c r="AF17800" i="1"/>
  <c r="AF17801" i="1"/>
  <c r="AF17802" i="1"/>
  <c r="AF17803" i="1"/>
  <c r="AF17804" i="1"/>
  <c r="AF17805" i="1"/>
  <c r="AF17806" i="1"/>
  <c r="AF17807" i="1"/>
  <c r="AF17808" i="1"/>
  <c r="AF17809" i="1"/>
  <c r="AF17810" i="1"/>
  <c r="AF17811" i="1"/>
  <c r="AF17812" i="1"/>
  <c r="AF17813" i="1"/>
  <c r="AF17814" i="1"/>
  <c r="AF17815" i="1"/>
  <c r="AF17816" i="1"/>
  <c r="AF17817" i="1"/>
  <c r="AF17818" i="1"/>
  <c r="AF17819" i="1"/>
  <c r="AF17820" i="1"/>
  <c r="AF17821" i="1"/>
  <c r="AF17822" i="1"/>
  <c r="AF17823" i="1"/>
  <c r="AF17824" i="1"/>
  <c r="AF17825" i="1"/>
  <c r="AF17826" i="1"/>
  <c r="AF17827" i="1"/>
  <c r="AF17828" i="1"/>
  <c r="AF17829" i="1"/>
  <c r="AF17830" i="1"/>
  <c r="AF17831" i="1"/>
  <c r="AF17832" i="1"/>
  <c r="AF17833" i="1"/>
  <c r="AF17834" i="1"/>
  <c r="AF17835" i="1"/>
  <c r="AF17836" i="1"/>
  <c r="AF17837" i="1"/>
  <c r="AF17838" i="1"/>
  <c r="AF17839" i="1"/>
  <c r="AF17840" i="1"/>
  <c r="AF17841" i="1"/>
  <c r="AF17842" i="1"/>
  <c r="AF17843" i="1"/>
  <c r="AF17844" i="1"/>
  <c r="AF17845" i="1"/>
  <c r="AF17846" i="1"/>
  <c r="AF17847" i="1"/>
  <c r="AF17848" i="1"/>
  <c r="AF17849" i="1"/>
  <c r="AF17850" i="1"/>
  <c r="AF17851" i="1"/>
  <c r="AF17852" i="1"/>
  <c r="AF17853" i="1"/>
  <c r="AF17854" i="1"/>
  <c r="AF17855" i="1"/>
  <c r="AF17856" i="1"/>
  <c r="AF17857" i="1"/>
  <c r="AF17858" i="1"/>
  <c r="AF17859" i="1"/>
  <c r="AF17860" i="1"/>
  <c r="AF17861" i="1"/>
  <c r="AF17862" i="1"/>
  <c r="AF17863" i="1"/>
  <c r="AF17864" i="1"/>
  <c r="AF17865" i="1"/>
  <c r="AF17866" i="1"/>
  <c r="AF17867" i="1"/>
  <c r="AF17868" i="1"/>
  <c r="AF17869" i="1"/>
  <c r="AF17870" i="1"/>
  <c r="AF17871" i="1"/>
  <c r="AF17872" i="1"/>
  <c r="AF17873" i="1"/>
  <c r="AF17874" i="1"/>
  <c r="AF17875" i="1"/>
  <c r="AF17876" i="1"/>
  <c r="AF17877" i="1"/>
  <c r="AF17878" i="1"/>
  <c r="AF17879" i="1"/>
  <c r="AF17880" i="1"/>
  <c r="AF17881" i="1"/>
  <c r="AF17882" i="1"/>
  <c r="AF17883" i="1"/>
  <c r="AF17884" i="1"/>
  <c r="AF17885" i="1"/>
  <c r="AF17886" i="1"/>
  <c r="AF17887" i="1"/>
  <c r="AF17888" i="1"/>
  <c r="AF17889" i="1"/>
  <c r="AF17890" i="1"/>
  <c r="AF17891" i="1"/>
  <c r="AF17892" i="1"/>
  <c r="AF17893" i="1"/>
  <c r="AF17894" i="1"/>
  <c r="AF17895" i="1"/>
  <c r="AF17896" i="1"/>
  <c r="AF17897" i="1"/>
  <c r="AF17898" i="1"/>
  <c r="AF17899" i="1"/>
  <c r="AF17900" i="1"/>
  <c r="AF17901" i="1"/>
  <c r="AF17902" i="1"/>
  <c r="AF17903" i="1"/>
  <c r="AF17904" i="1"/>
  <c r="AF17905" i="1"/>
  <c r="AF17906" i="1"/>
  <c r="AF17907" i="1"/>
  <c r="AF17908" i="1"/>
  <c r="AF17909" i="1"/>
  <c r="AF17910" i="1"/>
  <c r="AF17911" i="1"/>
  <c r="AF17912" i="1"/>
  <c r="AF17913" i="1"/>
  <c r="AF17914" i="1"/>
  <c r="AF17915" i="1"/>
  <c r="AF17916" i="1"/>
  <c r="AF17917" i="1"/>
  <c r="AF17918" i="1"/>
  <c r="AF17919" i="1"/>
  <c r="AF17920" i="1"/>
  <c r="AF17921" i="1"/>
  <c r="AF17922" i="1"/>
  <c r="AF17923" i="1"/>
  <c r="AF17924" i="1"/>
  <c r="AF17925" i="1"/>
  <c r="AF17926" i="1"/>
  <c r="AF17927" i="1"/>
  <c r="AF17928" i="1"/>
  <c r="AF17929" i="1"/>
  <c r="AF17930" i="1"/>
  <c r="AF17931" i="1"/>
  <c r="AF17932" i="1"/>
  <c r="AF17933" i="1"/>
  <c r="AF17934" i="1"/>
  <c r="AF17935" i="1"/>
  <c r="AF17936" i="1"/>
  <c r="AF17937" i="1"/>
  <c r="AF17938" i="1"/>
  <c r="AF17939" i="1"/>
  <c r="AF17940" i="1"/>
  <c r="AF17941" i="1"/>
  <c r="AF17942" i="1"/>
  <c r="AF17943" i="1"/>
  <c r="AF17944" i="1"/>
  <c r="AF17945" i="1"/>
  <c r="AF17946" i="1"/>
  <c r="AF17947" i="1"/>
  <c r="AF17948" i="1"/>
  <c r="AF17949" i="1"/>
  <c r="AF17950" i="1"/>
  <c r="AF17951" i="1"/>
  <c r="AF17952" i="1"/>
  <c r="AF17953" i="1"/>
  <c r="AF17954" i="1"/>
  <c r="AF17955" i="1"/>
  <c r="AF17956" i="1"/>
  <c r="AF17957" i="1"/>
  <c r="AF17958" i="1"/>
  <c r="AF17959" i="1"/>
  <c r="AF17960" i="1"/>
  <c r="AF17961" i="1"/>
  <c r="AF17962" i="1"/>
  <c r="AF17963" i="1"/>
  <c r="AF17964" i="1"/>
  <c r="AF17965" i="1"/>
  <c r="AF17966" i="1"/>
  <c r="AF17967" i="1"/>
  <c r="AF17968" i="1"/>
  <c r="AF17969" i="1"/>
  <c r="AF17970" i="1"/>
  <c r="AF17971" i="1"/>
  <c r="AF17972" i="1"/>
  <c r="AF17973" i="1"/>
  <c r="AF17974" i="1"/>
  <c r="AF17975" i="1"/>
  <c r="AF17976" i="1"/>
  <c r="AF17977" i="1"/>
  <c r="AF17978" i="1"/>
  <c r="AF17979" i="1"/>
  <c r="AF17980" i="1"/>
  <c r="AF17981" i="1"/>
  <c r="AF17982" i="1"/>
  <c r="AF17983" i="1"/>
  <c r="AF17984" i="1"/>
  <c r="AF17985" i="1"/>
  <c r="AF17986" i="1"/>
  <c r="AF17987" i="1"/>
  <c r="AF17988" i="1"/>
  <c r="AF17989" i="1"/>
  <c r="AF17990" i="1"/>
  <c r="AF17991" i="1"/>
  <c r="AF17992" i="1"/>
  <c r="AF17993" i="1"/>
  <c r="AF17994" i="1"/>
  <c r="AF17995" i="1"/>
  <c r="AF17996" i="1"/>
  <c r="AF17997" i="1"/>
  <c r="AF17998" i="1"/>
  <c r="AF17999" i="1"/>
  <c r="AF18000" i="1"/>
  <c r="AF18001" i="1"/>
  <c r="AF18002" i="1"/>
  <c r="AF18003" i="1"/>
  <c r="AF18004" i="1"/>
  <c r="AF18005" i="1"/>
  <c r="AF18006" i="1"/>
  <c r="AF18007" i="1"/>
  <c r="AF18008" i="1"/>
  <c r="AF18009" i="1"/>
  <c r="AF18010" i="1"/>
  <c r="AF18011" i="1"/>
  <c r="AF18012" i="1"/>
  <c r="AF18013" i="1"/>
  <c r="AF18014" i="1"/>
  <c r="AF18015" i="1"/>
  <c r="AF18016" i="1"/>
  <c r="AF18017" i="1"/>
  <c r="AF18018" i="1"/>
  <c r="AF18019" i="1"/>
  <c r="AF18020" i="1"/>
  <c r="AF18021" i="1"/>
  <c r="AF18022" i="1"/>
  <c r="AF18023" i="1"/>
  <c r="AF18024" i="1"/>
  <c r="AF18025" i="1"/>
  <c r="AF18026" i="1"/>
  <c r="AF18027" i="1"/>
  <c r="AF18028" i="1"/>
  <c r="AF18029" i="1"/>
  <c r="AF18030" i="1"/>
  <c r="AF18031" i="1"/>
  <c r="AF18032" i="1"/>
  <c r="AF18033" i="1"/>
  <c r="AF18034" i="1"/>
  <c r="AF18035" i="1"/>
  <c r="AF18036" i="1"/>
  <c r="AF18037" i="1"/>
  <c r="AF18038" i="1"/>
  <c r="AF18039" i="1"/>
  <c r="AF18040" i="1"/>
  <c r="AF18041" i="1"/>
  <c r="AF18042" i="1"/>
  <c r="AF18043" i="1"/>
  <c r="AF18044" i="1"/>
  <c r="AF18045" i="1"/>
  <c r="AF18046" i="1"/>
  <c r="AF18047" i="1"/>
  <c r="AF18048" i="1"/>
  <c r="AF18049" i="1"/>
  <c r="AF18050" i="1"/>
  <c r="AF18051" i="1"/>
  <c r="AF18052" i="1"/>
  <c r="AF18053" i="1"/>
  <c r="AF18054" i="1"/>
  <c r="AF18055" i="1"/>
  <c r="AF18056" i="1"/>
  <c r="AF18057" i="1"/>
  <c r="AF18058" i="1"/>
  <c r="AF18059" i="1"/>
  <c r="AF18060" i="1"/>
  <c r="AF18061" i="1"/>
  <c r="AF18062" i="1"/>
  <c r="AF18063" i="1"/>
  <c r="AF18064" i="1"/>
  <c r="AF18065" i="1"/>
  <c r="AF18066" i="1"/>
  <c r="AF18067" i="1"/>
  <c r="AF18068" i="1"/>
  <c r="AF18069" i="1"/>
  <c r="AF18070" i="1"/>
  <c r="AF18071" i="1"/>
  <c r="AF18072" i="1"/>
  <c r="AF18073" i="1"/>
  <c r="AF18074" i="1"/>
  <c r="AF18075" i="1"/>
  <c r="AF18076" i="1"/>
  <c r="AF18077" i="1"/>
  <c r="AF18078" i="1"/>
  <c r="AF18079" i="1"/>
  <c r="AF18080" i="1"/>
  <c r="AF18081" i="1"/>
  <c r="AF18082" i="1"/>
  <c r="AF18083" i="1"/>
  <c r="AF18084" i="1"/>
  <c r="AF18085" i="1"/>
  <c r="AF18086" i="1"/>
  <c r="AF18087" i="1"/>
  <c r="AF18088" i="1"/>
  <c r="AF18089" i="1"/>
  <c r="AF18090" i="1"/>
  <c r="AF18091" i="1"/>
  <c r="AF18092" i="1"/>
  <c r="AF18093" i="1"/>
  <c r="AF18094" i="1"/>
  <c r="AF18095" i="1"/>
  <c r="AF18096" i="1"/>
  <c r="AF18097" i="1"/>
  <c r="AF18098" i="1"/>
  <c r="AF18099" i="1"/>
  <c r="AF18100" i="1"/>
  <c r="AF18101" i="1"/>
  <c r="AF18102" i="1"/>
  <c r="AF18103" i="1"/>
  <c r="AF18104" i="1"/>
  <c r="AF18105" i="1"/>
  <c r="AF18106" i="1"/>
  <c r="AF18107" i="1"/>
  <c r="AF18108" i="1"/>
  <c r="AF18109" i="1"/>
  <c r="AF18110" i="1"/>
  <c r="AF18111" i="1"/>
  <c r="AF18112" i="1"/>
  <c r="AF18113" i="1"/>
  <c r="AF18114" i="1"/>
  <c r="AF18115" i="1"/>
  <c r="AF18116" i="1"/>
  <c r="AF18117" i="1"/>
  <c r="AF18118" i="1"/>
  <c r="AF18119" i="1"/>
  <c r="AF18120" i="1"/>
  <c r="AF18121" i="1"/>
  <c r="AF18122" i="1"/>
  <c r="AF18123" i="1"/>
  <c r="AF18124" i="1"/>
  <c r="AF18125" i="1"/>
  <c r="AF18126" i="1"/>
  <c r="AF18127" i="1"/>
  <c r="AF18128" i="1"/>
  <c r="AF18129" i="1"/>
  <c r="AF18130" i="1"/>
  <c r="AF18131" i="1"/>
  <c r="AF18132" i="1"/>
  <c r="AF18133" i="1"/>
  <c r="AF18134" i="1"/>
  <c r="AF18135" i="1"/>
  <c r="AF18136" i="1"/>
  <c r="AF18137" i="1"/>
  <c r="AF18138" i="1"/>
  <c r="AF18139" i="1"/>
  <c r="AF18140" i="1"/>
  <c r="AF18141" i="1"/>
  <c r="AF18142" i="1"/>
  <c r="AF18143" i="1"/>
  <c r="AF18144" i="1"/>
  <c r="AF18145" i="1"/>
  <c r="AF18146" i="1"/>
  <c r="AF18147" i="1"/>
  <c r="AF18148" i="1"/>
  <c r="AF18149" i="1"/>
  <c r="AF18150" i="1"/>
  <c r="AF18151" i="1"/>
  <c r="AF18152" i="1"/>
  <c r="AF18153" i="1"/>
  <c r="AF18154" i="1"/>
  <c r="AF18155" i="1"/>
  <c r="AF18156" i="1"/>
  <c r="AF18157" i="1"/>
  <c r="AF18158" i="1"/>
  <c r="AF18159" i="1"/>
  <c r="AF18160" i="1"/>
  <c r="AF18161" i="1"/>
  <c r="AF18162" i="1"/>
  <c r="AF18163" i="1"/>
  <c r="AF18164" i="1"/>
  <c r="AF18165" i="1"/>
  <c r="AF18166" i="1"/>
  <c r="AF18167" i="1"/>
  <c r="AF18168" i="1"/>
  <c r="AF18169" i="1"/>
  <c r="AF18170" i="1"/>
  <c r="AF18171" i="1"/>
  <c r="AF18172" i="1"/>
  <c r="AF18173" i="1"/>
  <c r="AF18174" i="1"/>
  <c r="AF18175" i="1"/>
  <c r="AF18176" i="1"/>
  <c r="AF18177" i="1"/>
  <c r="AF18178" i="1"/>
  <c r="AF18179" i="1"/>
  <c r="AF18180" i="1"/>
  <c r="AF18181" i="1"/>
  <c r="AF18182" i="1"/>
  <c r="AF18183" i="1"/>
  <c r="AF18184" i="1"/>
  <c r="AF18185" i="1"/>
  <c r="AF18186" i="1"/>
  <c r="AF18187" i="1"/>
  <c r="AF18188" i="1"/>
  <c r="AF18189" i="1"/>
  <c r="AF18190" i="1"/>
  <c r="AF18191" i="1"/>
  <c r="AF18192" i="1"/>
  <c r="AF18193" i="1"/>
  <c r="AF18194" i="1"/>
  <c r="AF18195" i="1"/>
  <c r="AF18196" i="1"/>
  <c r="AF18197" i="1"/>
  <c r="AF18198" i="1"/>
  <c r="AF18199" i="1"/>
  <c r="AF18200" i="1"/>
  <c r="AF18201" i="1"/>
  <c r="AF18202" i="1"/>
  <c r="AF18203" i="1"/>
  <c r="AF18204" i="1"/>
  <c r="AF18205" i="1"/>
  <c r="AF18206" i="1"/>
  <c r="AF18207" i="1"/>
  <c r="AF18208" i="1"/>
  <c r="AF18209" i="1"/>
  <c r="AF18210" i="1"/>
  <c r="AF18211" i="1"/>
  <c r="AF18212" i="1"/>
  <c r="AF18213" i="1"/>
  <c r="AF18214" i="1"/>
  <c r="AF18215" i="1"/>
  <c r="AF18216" i="1"/>
  <c r="AF18217" i="1"/>
  <c r="AF18218" i="1"/>
  <c r="AF18219" i="1"/>
  <c r="AF18220" i="1"/>
  <c r="AF18221" i="1"/>
  <c r="AF18222" i="1"/>
  <c r="AF18223" i="1"/>
  <c r="AF18224" i="1"/>
  <c r="AF18225" i="1"/>
  <c r="AF18226" i="1"/>
  <c r="AF18227" i="1"/>
  <c r="AF18228" i="1"/>
  <c r="AF18229" i="1"/>
  <c r="AF18230" i="1"/>
  <c r="AF18231" i="1"/>
  <c r="AF18232" i="1"/>
  <c r="AF18233" i="1"/>
  <c r="AF18234" i="1"/>
  <c r="AF18235" i="1"/>
  <c r="AF18236" i="1"/>
  <c r="AF18237" i="1"/>
  <c r="AF18238" i="1"/>
  <c r="AF18239" i="1"/>
  <c r="AF18240" i="1"/>
  <c r="AF18241" i="1"/>
  <c r="AF18242" i="1"/>
  <c r="AF18243" i="1"/>
  <c r="AF18244" i="1"/>
  <c r="AF18245" i="1"/>
  <c r="AF18246" i="1"/>
  <c r="AF18247" i="1"/>
  <c r="AF18248" i="1"/>
  <c r="AF18249" i="1"/>
  <c r="AF18250" i="1"/>
  <c r="AF18251" i="1"/>
  <c r="AF18252" i="1"/>
  <c r="AF18253" i="1"/>
  <c r="AF18254" i="1"/>
  <c r="AF18255" i="1"/>
  <c r="AF18256" i="1"/>
  <c r="AF18257" i="1"/>
  <c r="AF18258" i="1"/>
  <c r="AF18259" i="1"/>
  <c r="AF18260" i="1"/>
  <c r="AF18261" i="1"/>
  <c r="AF18262" i="1"/>
  <c r="AF18263" i="1"/>
  <c r="AF18264" i="1"/>
  <c r="AF18265" i="1"/>
  <c r="AF18266" i="1"/>
  <c r="AF18267" i="1"/>
  <c r="AF18268" i="1"/>
  <c r="AF18269" i="1"/>
  <c r="AF18270" i="1"/>
  <c r="AF18271" i="1"/>
  <c r="AF18272" i="1"/>
  <c r="AF18273" i="1"/>
  <c r="AF18274" i="1"/>
  <c r="AF18275" i="1"/>
  <c r="AF18276" i="1"/>
  <c r="AF18277" i="1"/>
  <c r="AF18278" i="1"/>
  <c r="AF18279" i="1"/>
  <c r="AF18280" i="1"/>
  <c r="AF18281" i="1"/>
  <c r="AF18282" i="1"/>
  <c r="AF18283" i="1"/>
  <c r="AF18284" i="1"/>
  <c r="AF18285" i="1"/>
  <c r="AF18286" i="1"/>
  <c r="AF18287" i="1"/>
  <c r="AF18288" i="1"/>
  <c r="AF18289" i="1"/>
  <c r="AF18290" i="1"/>
  <c r="AF18291" i="1"/>
  <c r="AF18292" i="1"/>
  <c r="AF18293" i="1"/>
  <c r="AF18294" i="1"/>
  <c r="AF18295" i="1"/>
  <c r="AF18296" i="1"/>
  <c r="AF18297" i="1"/>
  <c r="AF18298" i="1"/>
  <c r="AF18299" i="1"/>
  <c r="AF18300" i="1"/>
  <c r="AF18301" i="1"/>
  <c r="AF18302" i="1"/>
  <c r="AF18303" i="1"/>
  <c r="AF18304" i="1"/>
  <c r="AF18305" i="1"/>
  <c r="AF18306" i="1"/>
  <c r="AF18307" i="1"/>
  <c r="AF18308" i="1"/>
  <c r="AF18309" i="1"/>
  <c r="AF18310" i="1"/>
  <c r="AF18311" i="1"/>
  <c r="AF18312" i="1"/>
  <c r="AF18313" i="1"/>
  <c r="AF18314" i="1"/>
  <c r="AF18315" i="1"/>
  <c r="AF18316" i="1"/>
  <c r="AF18317" i="1"/>
  <c r="AF18318" i="1"/>
  <c r="AF18319" i="1"/>
  <c r="AF18320" i="1"/>
  <c r="AF18321" i="1"/>
  <c r="AF18322" i="1"/>
  <c r="AF18323" i="1"/>
  <c r="AF18324" i="1"/>
  <c r="AF18325" i="1"/>
  <c r="AF18326" i="1"/>
  <c r="AF18327" i="1"/>
  <c r="AF18328" i="1"/>
  <c r="AF18329" i="1"/>
  <c r="AF18330" i="1"/>
  <c r="AF18331" i="1"/>
  <c r="AF18332" i="1"/>
  <c r="AF18333" i="1"/>
  <c r="AF18334" i="1"/>
  <c r="AF18335" i="1"/>
  <c r="AF18336" i="1"/>
  <c r="AF18337" i="1"/>
  <c r="AF18338" i="1"/>
  <c r="AF18339" i="1"/>
  <c r="AF18340" i="1"/>
  <c r="AF18341" i="1"/>
  <c r="AF18342" i="1"/>
  <c r="AF18343" i="1"/>
  <c r="AF18344" i="1"/>
  <c r="AF18345" i="1"/>
  <c r="AF18346" i="1"/>
  <c r="AF18347" i="1"/>
  <c r="AF18348" i="1"/>
  <c r="AF18349" i="1"/>
  <c r="AF18350" i="1"/>
  <c r="AF18351" i="1"/>
  <c r="AF18352" i="1"/>
  <c r="AF18353" i="1"/>
  <c r="AF18354" i="1"/>
  <c r="AF18355" i="1"/>
  <c r="AF18356" i="1"/>
  <c r="AF18357" i="1"/>
  <c r="AF18358" i="1"/>
  <c r="AF18359" i="1"/>
  <c r="AF18360" i="1"/>
  <c r="AF18361" i="1"/>
  <c r="AF18362" i="1"/>
  <c r="AF18363" i="1"/>
  <c r="AF18364" i="1"/>
  <c r="AF18365" i="1"/>
  <c r="AF18366" i="1"/>
  <c r="AF18367" i="1"/>
  <c r="AF18368" i="1"/>
  <c r="AF18369" i="1"/>
  <c r="AF18370" i="1"/>
  <c r="AF18371" i="1"/>
  <c r="AF18372" i="1"/>
  <c r="AF18373" i="1"/>
  <c r="AF18374" i="1"/>
  <c r="AF18375" i="1"/>
  <c r="AF18376" i="1"/>
  <c r="AF18377" i="1"/>
  <c r="AF18378" i="1"/>
  <c r="AF18379" i="1"/>
  <c r="AF18380" i="1"/>
  <c r="AF18381" i="1"/>
  <c r="AF18382" i="1"/>
  <c r="AF18383" i="1"/>
  <c r="AF18384" i="1"/>
  <c r="AF18385" i="1"/>
  <c r="AF18386" i="1"/>
  <c r="AF18387" i="1"/>
  <c r="AF18388" i="1"/>
  <c r="AF18389" i="1"/>
  <c r="AF18390" i="1"/>
  <c r="AF18391" i="1"/>
  <c r="AF18392" i="1"/>
  <c r="AF18393" i="1"/>
  <c r="AF18394" i="1"/>
  <c r="AF18395" i="1"/>
  <c r="AF18396" i="1"/>
  <c r="AF18397" i="1"/>
  <c r="AF18398" i="1"/>
  <c r="AF18399" i="1"/>
  <c r="AF18400" i="1"/>
  <c r="AF18401" i="1"/>
  <c r="AF18402" i="1"/>
  <c r="AF18403" i="1"/>
  <c r="AF18404" i="1"/>
  <c r="AF18405" i="1"/>
  <c r="AF18406" i="1"/>
  <c r="AF18407" i="1"/>
  <c r="AF18408" i="1"/>
  <c r="AF18409" i="1"/>
  <c r="AF18410" i="1"/>
  <c r="AF18411" i="1"/>
  <c r="AF18412" i="1"/>
  <c r="AF18413" i="1"/>
  <c r="AF18414" i="1"/>
  <c r="AF18415" i="1"/>
  <c r="AF18416" i="1"/>
  <c r="AF18417" i="1"/>
  <c r="AF18418" i="1"/>
  <c r="AF18419" i="1"/>
  <c r="AF18420" i="1"/>
  <c r="AF18421" i="1"/>
  <c r="AF18422" i="1"/>
  <c r="AF18423" i="1"/>
  <c r="AF18424" i="1"/>
  <c r="AF18425" i="1"/>
  <c r="AF18426" i="1"/>
  <c r="AF18427" i="1"/>
  <c r="AF18428" i="1"/>
  <c r="AF18429" i="1"/>
  <c r="AF18430" i="1"/>
  <c r="AF18431" i="1"/>
  <c r="AF18432" i="1"/>
  <c r="AF18433" i="1"/>
  <c r="AF18434" i="1"/>
  <c r="AF18435" i="1"/>
  <c r="AF18436" i="1"/>
  <c r="AF18437" i="1"/>
  <c r="AF18438" i="1"/>
  <c r="AF18439" i="1"/>
  <c r="AF18440" i="1"/>
  <c r="AF18441" i="1"/>
  <c r="AF18442" i="1"/>
  <c r="AF18443" i="1"/>
  <c r="AF18444" i="1"/>
  <c r="AF18445" i="1"/>
  <c r="AF18446" i="1"/>
  <c r="AF18447" i="1"/>
  <c r="AF18448" i="1"/>
  <c r="AF18449" i="1"/>
  <c r="AF18450" i="1"/>
  <c r="AF18451" i="1"/>
  <c r="AF18452" i="1"/>
  <c r="AF18453" i="1"/>
  <c r="AF18454" i="1"/>
  <c r="AF18455" i="1"/>
  <c r="AF18456" i="1"/>
  <c r="AF18457" i="1"/>
  <c r="AF18458" i="1"/>
  <c r="AF18459" i="1"/>
  <c r="AF18460" i="1"/>
  <c r="AF18461" i="1"/>
  <c r="AF18462" i="1"/>
  <c r="AF18463" i="1"/>
  <c r="AF18464" i="1"/>
  <c r="AF18465" i="1"/>
  <c r="AF18466" i="1"/>
  <c r="AF18467" i="1"/>
  <c r="AF18468" i="1"/>
  <c r="AF18469" i="1"/>
  <c r="AF18470" i="1"/>
  <c r="AF18471" i="1"/>
  <c r="AF18472" i="1"/>
  <c r="AF18473" i="1"/>
  <c r="AF18474" i="1"/>
  <c r="AF18475" i="1"/>
  <c r="AF18476" i="1"/>
  <c r="AF18477" i="1"/>
  <c r="AF18478" i="1"/>
  <c r="AF18479" i="1"/>
  <c r="AF18480" i="1"/>
  <c r="AF18481" i="1"/>
  <c r="AF18482" i="1"/>
  <c r="AF18483" i="1"/>
  <c r="AF18484" i="1"/>
  <c r="AF18485" i="1"/>
  <c r="AF18486" i="1"/>
  <c r="AF18487" i="1"/>
  <c r="AF18488" i="1"/>
  <c r="AF18489" i="1"/>
  <c r="AF18490" i="1"/>
  <c r="AF18491" i="1"/>
  <c r="AF18492" i="1"/>
  <c r="AF18493" i="1"/>
  <c r="AF18494" i="1"/>
  <c r="AF18495" i="1"/>
  <c r="AF18496" i="1"/>
  <c r="AF18497" i="1"/>
  <c r="AF18498" i="1"/>
  <c r="AF18499" i="1"/>
  <c r="AF18500" i="1"/>
  <c r="AF18501" i="1"/>
  <c r="AF18502" i="1"/>
  <c r="AF18503" i="1"/>
  <c r="AF18504" i="1"/>
  <c r="AF18505" i="1"/>
  <c r="AF18506" i="1"/>
  <c r="AF18507" i="1"/>
  <c r="AF18508" i="1"/>
  <c r="AF18509" i="1"/>
  <c r="AF18510" i="1"/>
  <c r="AF18511" i="1"/>
  <c r="AF18512" i="1"/>
  <c r="AF18513" i="1"/>
  <c r="AF18514" i="1"/>
  <c r="AF18515" i="1"/>
  <c r="AF18516" i="1"/>
  <c r="AF18517" i="1"/>
  <c r="AF18518" i="1"/>
  <c r="AF18519" i="1"/>
  <c r="AF18520" i="1"/>
  <c r="AF18521" i="1"/>
  <c r="AF18522" i="1"/>
  <c r="AF18523" i="1"/>
  <c r="AF18524" i="1"/>
  <c r="AF18525" i="1"/>
  <c r="AF18526" i="1"/>
  <c r="AF18527" i="1"/>
  <c r="AF18528" i="1"/>
  <c r="AF18529" i="1"/>
  <c r="AF18530" i="1"/>
  <c r="AF18531" i="1"/>
  <c r="AF18532" i="1"/>
  <c r="AF18533" i="1"/>
  <c r="AF18534" i="1"/>
  <c r="AF18535" i="1"/>
  <c r="AF18536" i="1"/>
  <c r="AF18537" i="1"/>
  <c r="AF18538" i="1"/>
  <c r="AF18539" i="1"/>
  <c r="AF18540" i="1"/>
  <c r="AF18541" i="1"/>
  <c r="AF18542" i="1"/>
  <c r="AF18543" i="1"/>
  <c r="AF18544" i="1"/>
  <c r="AF18545" i="1"/>
  <c r="AF18546" i="1"/>
  <c r="AF18547" i="1"/>
  <c r="AF18548" i="1"/>
  <c r="AF18549" i="1"/>
  <c r="AF18550" i="1"/>
  <c r="AF18551" i="1"/>
  <c r="AF18552" i="1"/>
  <c r="AF18553" i="1"/>
  <c r="AF18554" i="1"/>
  <c r="AF18555" i="1"/>
  <c r="AF18556" i="1"/>
  <c r="AF18557" i="1"/>
  <c r="AF18558" i="1"/>
  <c r="AF18559" i="1"/>
  <c r="AF18560" i="1"/>
  <c r="AF18561" i="1"/>
  <c r="AF18562" i="1"/>
  <c r="AF18563" i="1"/>
  <c r="AF18564" i="1"/>
  <c r="AF18565" i="1"/>
  <c r="AF18566" i="1"/>
  <c r="AF18567" i="1"/>
  <c r="AF18568" i="1"/>
  <c r="AF18569" i="1"/>
  <c r="AF18570" i="1"/>
  <c r="AF18571" i="1"/>
  <c r="AF18572" i="1"/>
  <c r="AF18573" i="1"/>
  <c r="AF18574" i="1"/>
  <c r="AF18575" i="1"/>
  <c r="AF18576" i="1"/>
  <c r="AF18577" i="1"/>
  <c r="AF18578" i="1"/>
  <c r="AF18579" i="1"/>
  <c r="AF18580" i="1"/>
  <c r="AF18581" i="1"/>
  <c r="AF18582" i="1"/>
  <c r="AF18583" i="1"/>
  <c r="AF18584" i="1"/>
  <c r="AF18585" i="1"/>
  <c r="AF18586" i="1"/>
  <c r="AF18587" i="1"/>
  <c r="AF18588" i="1"/>
  <c r="AF18589" i="1"/>
  <c r="AF18590" i="1"/>
  <c r="AF18591" i="1"/>
  <c r="AF18592" i="1"/>
  <c r="AF18593" i="1"/>
  <c r="AF18594" i="1"/>
  <c r="AF18595" i="1"/>
  <c r="AF18596" i="1"/>
  <c r="AF18597" i="1"/>
  <c r="AF18598" i="1"/>
  <c r="AF18599" i="1"/>
  <c r="AF18600" i="1"/>
  <c r="AF18601" i="1"/>
  <c r="AF18602" i="1"/>
  <c r="AF18603" i="1"/>
  <c r="AF18604" i="1"/>
  <c r="AF18605" i="1"/>
  <c r="AF18606" i="1"/>
  <c r="AF18607" i="1"/>
  <c r="AF18608" i="1"/>
  <c r="AF18609" i="1"/>
  <c r="AF18610" i="1"/>
  <c r="AF18611" i="1"/>
  <c r="AF18612" i="1"/>
  <c r="AF18613" i="1"/>
  <c r="AF18614" i="1"/>
  <c r="AF18615" i="1"/>
  <c r="AF18616" i="1"/>
  <c r="AF18617" i="1"/>
  <c r="AF18618" i="1"/>
  <c r="AF18619" i="1"/>
  <c r="AF18620" i="1"/>
  <c r="AF18621" i="1"/>
  <c r="AF18622" i="1"/>
  <c r="AF18623" i="1"/>
  <c r="AF18624" i="1"/>
  <c r="AF18625" i="1"/>
  <c r="AF18626" i="1"/>
  <c r="AF18627" i="1"/>
  <c r="AF18628" i="1"/>
  <c r="AF18629" i="1"/>
  <c r="AF18630" i="1"/>
  <c r="AF18631" i="1"/>
  <c r="AF18632" i="1"/>
  <c r="AF18633" i="1"/>
  <c r="AF18634" i="1"/>
  <c r="AF18635" i="1"/>
  <c r="AF18636" i="1"/>
  <c r="AF18637" i="1"/>
  <c r="AF18638" i="1"/>
  <c r="AF18639" i="1"/>
  <c r="AF18640" i="1"/>
  <c r="AF18641" i="1"/>
  <c r="AF18642" i="1"/>
  <c r="AF18643" i="1"/>
  <c r="AF18644" i="1"/>
  <c r="AF18645" i="1"/>
  <c r="AF18646" i="1"/>
  <c r="AF18647" i="1"/>
  <c r="AF18648" i="1"/>
  <c r="AF18649" i="1"/>
  <c r="AF18650" i="1"/>
  <c r="AF18651" i="1"/>
  <c r="AF18652" i="1"/>
  <c r="AF18653" i="1"/>
  <c r="AF18654" i="1"/>
  <c r="AF18655" i="1"/>
  <c r="AF18656" i="1"/>
  <c r="AF18657" i="1"/>
  <c r="AF18658" i="1"/>
  <c r="AF18659" i="1"/>
  <c r="AF18660" i="1"/>
  <c r="AF18661" i="1"/>
  <c r="AF18662" i="1"/>
  <c r="AF18663" i="1"/>
  <c r="AF18664" i="1"/>
  <c r="AF18665" i="1"/>
  <c r="AF18666" i="1"/>
  <c r="AF18667" i="1"/>
  <c r="AF18668" i="1"/>
  <c r="AF18669" i="1"/>
  <c r="AF18670" i="1"/>
  <c r="AF18671" i="1"/>
  <c r="AF18672" i="1"/>
  <c r="AF18673" i="1"/>
  <c r="AF18674" i="1"/>
  <c r="AF18675" i="1"/>
  <c r="AF18676" i="1"/>
  <c r="AF18677" i="1"/>
  <c r="AF18678" i="1"/>
  <c r="AF18679" i="1"/>
  <c r="AF18680" i="1"/>
  <c r="AF18681" i="1"/>
  <c r="AF18682" i="1"/>
  <c r="AF18683" i="1"/>
  <c r="AF18684" i="1"/>
  <c r="AF18685" i="1"/>
  <c r="AF18686" i="1"/>
  <c r="AF18687" i="1"/>
  <c r="AF18688" i="1"/>
  <c r="AF18689" i="1"/>
  <c r="AF18690" i="1"/>
  <c r="AF18691" i="1"/>
  <c r="AF18692" i="1"/>
  <c r="AF18693" i="1"/>
  <c r="AF18694" i="1"/>
  <c r="AF18695" i="1"/>
  <c r="AF18696" i="1"/>
  <c r="AF18697" i="1"/>
  <c r="AF18698" i="1"/>
  <c r="AF18699" i="1"/>
  <c r="AF18700" i="1"/>
  <c r="AF18701" i="1"/>
  <c r="AF18702" i="1"/>
  <c r="AF18703" i="1"/>
  <c r="AF18704" i="1"/>
  <c r="AF18705" i="1"/>
  <c r="AF18706" i="1"/>
  <c r="AF18707" i="1"/>
  <c r="AF18708" i="1"/>
  <c r="AF18709" i="1"/>
  <c r="AF18710" i="1"/>
  <c r="AF18711" i="1"/>
  <c r="AF18712" i="1"/>
  <c r="AF18713" i="1"/>
  <c r="AF18714" i="1"/>
  <c r="AF18715" i="1"/>
  <c r="AF18716" i="1"/>
  <c r="AF18717" i="1"/>
  <c r="AF18718" i="1"/>
  <c r="AF18719" i="1"/>
  <c r="AF18720" i="1"/>
  <c r="AF18721" i="1"/>
  <c r="AF18722" i="1"/>
  <c r="AF18723" i="1"/>
  <c r="AF18724" i="1"/>
  <c r="AF18725" i="1"/>
  <c r="AF18726" i="1"/>
  <c r="AF18727" i="1"/>
  <c r="AF18728" i="1"/>
  <c r="AF18729" i="1"/>
  <c r="AF18730" i="1"/>
  <c r="AF18731" i="1"/>
  <c r="AF18732" i="1"/>
  <c r="AF18733" i="1"/>
  <c r="AF18734" i="1"/>
  <c r="AF18735" i="1"/>
  <c r="AF18736" i="1"/>
  <c r="AF18737" i="1"/>
  <c r="AF18738" i="1"/>
  <c r="AF18739" i="1"/>
  <c r="AF18740" i="1"/>
  <c r="AF18741" i="1"/>
  <c r="AF18742" i="1"/>
  <c r="AF18743" i="1"/>
  <c r="AF18744" i="1"/>
  <c r="AF18745" i="1"/>
  <c r="AF18746" i="1"/>
  <c r="AF18747" i="1"/>
  <c r="AF18748" i="1"/>
  <c r="AF18749" i="1"/>
  <c r="AF18750" i="1"/>
  <c r="AF18751" i="1"/>
  <c r="AF18752" i="1"/>
  <c r="AF18753" i="1"/>
  <c r="AF18754" i="1"/>
  <c r="AF18755" i="1"/>
  <c r="AF18756" i="1"/>
  <c r="AF18757" i="1"/>
  <c r="AF18758" i="1"/>
  <c r="AF18759" i="1"/>
  <c r="AF18760" i="1"/>
  <c r="AF18761" i="1"/>
  <c r="AF18762" i="1"/>
  <c r="AF18763" i="1"/>
  <c r="AF18764" i="1"/>
  <c r="AF18765" i="1"/>
  <c r="AF18766" i="1"/>
  <c r="AF18767" i="1"/>
  <c r="AF18768" i="1"/>
  <c r="AF18769" i="1"/>
  <c r="AF18770" i="1"/>
  <c r="AF18771" i="1"/>
  <c r="AF18772" i="1"/>
  <c r="AF18773" i="1"/>
  <c r="AF18774" i="1"/>
  <c r="AF18775" i="1"/>
  <c r="AF18776" i="1"/>
  <c r="AF18777" i="1"/>
  <c r="AF18778" i="1"/>
  <c r="AF18779" i="1"/>
  <c r="AF18780" i="1"/>
  <c r="AF18781" i="1"/>
  <c r="AF18782" i="1"/>
  <c r="AF18783" i="1"/>
  <c r="AF18784" i="1"/>
  <c r="AF18785" i="1"/>
  <c r="AF18786" i="1"/>
  <c r="AF18787" i="1"/>
  <c r="AF18788" i="1"/>
  <c r="AF18789" i="1"/>
  <c r="AF18790" i="1"/>
  <c r="AF18791" i="1"/>
  <c r="AF18792" i="1"/>
  <c r="AF18793" i="1"/>
  <c r="AF18794" i="1"/>
  <c r="AF18795" i="1"/>
  <c r="AF18796" i="1"/>
  <c r="AF18797" i="1"/>
  <c r="AF18798" i="1"/>
  <c r="AF18799" i="1"/>
  <c r="AF18800" i="1"/>
  <c r="AF18801" i="1"/>
  <c r="AF18802" i="1"/>
  <c r="AF18803" i="1"/>
  <c r="AF18804" i="1"/>
  <c r="AF18805" i="1"/>
  <c r="AF18806" i="1"/>
  <c r="AF18807" i="1"/>
  <c r="AF18808" i="1"/>
  <c r="AF18809" i="1"/>
  <c r="AF18810" i="1"/>
  <c r="AF18811" i="1"/>
  <c r="AF18812" i="1"/>
  <c r="AF18813" i="1"/>
  <c r="AF18814" i="1"/>
  <c r="AF18815" i="1"/>
  <c r="AF18816" i="1"/>
  <c r="AF18817" i="1"/>
  <c r="AF18818" i="1"/>
  <c r="AF18819" i="1"/>
  <c r="AF18820" i="1"/>
  <c r="AF18821" i="1"/>
  <c r="AF18822" i="1"/>
  <c r="AF18823" i="1"/>
  <c r="AF18824" i="1"/>
  <c r="AF18825" i="1"/>
  <c r="AF18826" i="1"/>
  <c r="AF18827" i="1"/>
  <c r="AF18828" i="1"/>
  <c r="AF18829" i="1"/>
  <c r="AF18830" i="1"/>
  <c r="AF18831" i="1"/>
  <c r="AF18832" i="1"/>
  <c r="AF18833" i="1"/>
  <c r="AF18834" i="1"/>
  <c r="AF18835" i="1"/>
  <c r="AF18836" i="1"/>
  <c r="AF18837" i="1"/>
  <c r="AF18838" i="1"/>
  <c r="AF18839" i="1"/>
  <c r="AF18840" i="1"/>
  <c r="AF18841" i="1"/>
  <c r="AF18842" i="1"/>
  <c r="AF18843" i="1"/>
  <c r="AF18844" i="1"/>
  <c r="AF18845" i="1"/>
  <c r="AF18846" i="1"/>
  <c r="AF18847" i="1"/>
  <c r="AF18848" i="1"/>
  <c r="AF18849" i="1"/>
  <c r="AF18850" i="1"/>
  <c r="AF18851" i="1"/>
  <c r="AF18852" i="1"/>
  <c r="AF18853" i="1"/>
  <c r="AF18854" i="1"/>
  <c r="AF18855" i="1"/>
  <c r="AF18856" i="1"/>
  <c r="AF18857" i="1"/>
  <c r="AF18858" i="1"/>
  <c r="AF18859" i="1"/>
  <c r="AF18860" i="1"/>
  <c r="AF18861" i="1"/>
  <c r="AF18862" i="1"/>
  <c r="AF18863" i="1"/>
  <c r="AF18864" i="1"/>
  <c r="AF18865" i="1"/>
  <c r="AF18866" i="1"/>
  <c r="AF18867" i="1"/>
  <c r="AF18868" i="1"/>
  <c r="AF18869" i="1"/>
  <c r="AF18870" i="1"/>
  <c r="AF18871" i="1"/>
  <c r="AF18872" i="1"/>
  <c r="AF18873" i="1"/>
  <c r="AF18874" i="1"/>
  <c r="AF18875" i="1"/>
  <c r="AF18876" i="1"/>
  <c r="AF18877" i="1"/>
  <c r="AF18878" i="1"/>
  <c r="AF18879" i="1"/>
  <c r="AF18880" i="1"/>
  <c r="AF18881" i="1"/>
  <c r="AF18882" i="1"/>
  <c r="AF18883" i="1"/>
  <c r="AF18884" i="1"/>
  <c r="AF18885" i="1"/>
  <c r="AF18886" i="1"/>
  <c r="AF18887" i="1"/>
  <c r="AF18888" i="1"/>
  <c r="AF18889" i="1"/>
  <c r="AF18890" i="1"/>
  <c r="AF18891" i="1"/>
  <c r="AF18892" i="1"/>
  <c r="AF18893" i="1"/>
  <c r="AF18894" i="1"/>
  <c r="AF18895" i="1"/>
  <c r="AF18896" i="1"/>
  <c r="AF18897" i="1"/>
  <c r="AF18898" i="1"/>
  <c r="AF18899" i="1"/>
  <c r="AF18900" i="1"/>
  <c r="AF18901" i="1"/>
  <c r="AF18902" i="1"/>
  <c r="AF18903" i="1"/>
  <c r="AF18904" i="1"/>
  <c r="AF18905" i="1"/>
  <c r="AF18906" i="1"/>
  <c r="AF18907" i="1"/>
  <c r="AF18908" i="1"/>
  <c r="AF18909" i="1"/>
  <c r="AF18910" i="1"/>
  <c r="AF18911" i="1"/>
  <c r="AF18912" i="1"/>
  <c r="AF18913" i="1"/>
  <c r="AF18914" i="1"/>
  <c r="AF18915" i="1"/>
  <c r="AF18916" i="1"/>
  <c r="AF18917" i="1"/>
  <c r="AF18918" i="1"/>
  <c r="AF18919" i="1"/>
  <c r="AF18920" i="1"/>
  <c r="AF18921" i="1"/>
  <c r="AF18922" i="1"/>
  <c r="AF18923" i="1"/>
  <c r="AF18924" i="1"/>
  <c r="AF18925" i="1"/>
  <c r="AF18926" i="1"/>
  <c r="AF18927" i="1"/>
  <c r="AF18928" i="1"/>
  <c r="AF18929" i="1"/>
  <c r="AF18930" i="1"/>
  <c r="AF18931" i="1"/>
  <c r="AF18932" i="1"/>
  <c r="AF18933" i="1"/>
  <c r="AF18934" i="1"/>
  <c r="AF18935" i="1"/>
  <c r="AF18936" i="1"/>
  <c r="AF18937" i="1"/>
  <c r="AF18938" i="1"/>
  <c r="AF18939" i="1"/>
  <c r="AF18940" i="1"/>
  <c r="AF18941" i="1"/>
  <c r="AF18942" i="1"/>
  <c r="AF18943" i="1"/>
  <c r="AF18944" i="1"/>
  <c r="AF18945" i="1"/>
  <c r="AF18946" i="1"/>
  <c r="AF18947" i="1"/>
  <c r="AF18948" i="1"/>
  <c r="AF18949" i="1"/>
  <c r="AF18950" i="1"/>
  <c r="AF18951" i="1"/>
  <c r="AF18952" i="1"/>
  <c r="AF18953" i="1"/>
  <c r="AF18954" i="1"/>
  <c r="AF18955" i="1"/>
  <c r="AF18956" i="1"/>
  <c r="AF18957" i="1"/>
  <c r="AF18958" i="1"/>
  <c r="AF18959" i="1"/>
  <c r="AF18960" i="1"/>
  <c r="AF18961" i="1"/>
  <c r="AF18962" i="1"/>
  <c r="AF18963" i="1"/>
  <c r="AF18964" i="1"/>
  <c r="AF18965" i="1"/>
  <c r="AF18966" i="1"/>
  <c r="AF18967" i="1"/>
  <c r="AF18968" i="1"/>
  <c r="AF18969" i="1"/>
  <c r="AF18970" i="1"/>
  <c r="AF18971" i="1"/>
  <c r="AF18972" i="1"/>
  <c r="AF18973" i="1"/>
  <c r="AF18974" i="1"/>
  <c r="AF18975" i="1"/>
  <c r="AF18976" i="1"/>
  <c r="AF18977" i="1"/>
  <c r="AF18978" i="1"/>
  <c r="AF18979" i="1"/>
  <c r="AF18980" i="1"/>
  <c r="AF18981" i="1"/>
  <c r="AF18982" i="1"/>
  <c r="AF18983" i="1"/>
  <c r="AF18984" i="1"/>
  <c r="AF18985" i="1"/>
  <c r="AF18986" i="1"/>
  <c r="AF18987" i="1"/>
  <c r="AF18988" i="1"/>
  <c r="AF18989" i="1"/>
  <c r="AF18990" i="1"/>
  <c r="AF18991" i="1"/>
  <c r="AF18992" i="1"/>
  <c r="AF18993" i="1"/>
  <c r="AF18994" i="1"/>
  <c r="AF18995" i="1"/>
  <c r="AF18996" i="1"/>
  <c r="AF18997" i="1"/>
  <c r="AF18998" i="1"/>
  <c r="AF18999" i="1"/>
  <c r="AF19000" i="1"/>
  <c r="AF19001" i="1"/>
  <c r="AF19002" i="1"/>
  <c r="AF19003" i="1"/>
  <c r="AF19004" i="1"/>
  <c r="AF19005" i="1"/>
  <c r="AF19006" i="1"/>
  <c r="AF19007" i="1"/>
  <c r="AF19008" i="1"/>
  <c r="AF19009" i="1"/>
  <c r="AF19010" i="1"/>
  <c r="AF19011" i="1"/>
  <c r="AF19012" i="1"/>
  <c r="AF19013" i="1"/>
  <c r="AF19014" i="1"/>
  <c r="AF19015" i="1"/>
  <c r="AF19016" i="1"/>
  <c r="AF19017" i="1"/>
  <c r="AF19018" i="1"/>
  <c r="AF19019" i="1"/>
  <c r="AF19020" i="1"/>
  <c r="AF19021" i="1"/>
  <c r="AF19022" i="1"/>
  <c r="AF19023" i="1"/>
  <c r="AF19024" i="1"/>
  <c r="AF19025" i="1"/>
  <c r="AF19026" i="1"/>
  <c r="AF19027" i="1"/>
  <c r="AF19028" i="1"/>
  <c r="AF19029" i="1"/>
  <c r="AF19030" i="1"/>
  <c r="AF19031" i="1"/>
  <c r="AF19032" i="1"/>
  <c r="AF19033" i="1"/>
  <c r="AF19034" i="1"/>
  <c r="AF19035" i="1"/>
  <c r="AF19036" i="1"/>
  <c r="AF19037" i="1"/>
  <c r="AF19038" i="1"/>
  <c r="AF19039" i="1"/>
  <c r="AF19040" i="1"/>
  <c r="AF19041" i="1"/>
  <c r="AF19042" i="1"/>
  <c r="AF19043" i="1"/>
  <c r="AF19044" i="1"/>
  <c r="AF19045" i="1"/>
  <c r="AF19046" i="1"/>
  <c r="AF19047" i="1"/>
  <c r="AF19048" i="1"/>
  <c r="AF19049" i="1"/>
  <c r="AF19050" i="1"/>
  <c r="AF19051" i="1"/>
  <c r="AF19052" i="1"/>
  <c r="AF19053" i="1"/>
  <c r="AF19054" i="1"/>
  <c r="AF19055" i="1"/>
  <c r="AF19056" i="1"/>
  <c r="AF19057" i="1"/>
  <c r="AF19058" i="1"/>
  <c r="AF19059" i="1"/>
  <c r="AF19060" i="1"/>
  <c r="AF19061" i="1"/>
  <c r="AF19062" i="1"/>
  <c r="AF19063" i="1"/>
  <c r="AF19064" i="1"/>
  <c r="AF19065" i="1"/>
  <c r="AF19066" i="1"/>
  <c r="AF19067" i="1"/>
  <c r="AF19068" i="1"/>
  <c r="AF19069" i="1"/>
  <c r="AF19070" i="1"/>
  <c r="AF19071" i="1"/>
  <c r="AF19072" i="1"/>
  <c r="AF19073" i="1"/>
  <c r="AF19074" i="1"/>
  <c r="AF19075" i="1"/>
  <c r="AF19076" i="1"/>
  <c r="AF19077" i="1"/>
  <c r="AF19078" i="1"/>
  <c r="AF19079" i="1"/>
  <c r="AF19080" i="1"/>
  <c r="AF19081" i="1"/>
  <c r="AF19082" i="1"/>
  <c r="AF19083" i="1"/>
  <c r="AF19084" i="1"/>
  <c r="AF19085" i="1"/>
  <c r="AF19086" i="1"/>
  <c r="AF19087" i="1"/>
  <c r="AF19088" i="1"/>
  <c r="AF19089" i="1"/>
  <c r="AF19090" i="1"/>
  <c r="AF19091" i="1"/>
  <c r="AF19092" i="1"/>
  <c r="AF19093" i="1"/>
  <c r="AF19094" i="1"/>
  <c r="AF19095" i="1"/>
  <c r="AF19096" i="1"/>
  <c r="AF19097" i="1"/>
  <c r="AF19098" i="1"/>
  <c r="AF19099" i="1"/>
  <c r="AF19100" i="1"/>
  <c r="AF19101" i="1"/>
  <c r="AF19102" i="1"/>
  <c r="AF19103" i="1"/>
  <c r="AF19104" i="1"/>
  <c r="AF19105" i="1"/>
  <c r="AF19106" i="1"/>
  <c r="AF19107" i="1"/>
  <c r="AF19108" i="1"/>
  <c r="AF19109" i="1"/>
  <c r="AF19110" i="1"/>
  <c r="AF19111" i="1"/>
  <c r="AF19112" i="1"/>
  <c r="AF19113" i="1"/>
  <c r="AF19114" i="1"/>
  <c r="AF19115" i="1"/>
  <c r="AF19116" i="1"/>
  <c r="AF19117" i="1"/>
  <c r="AF19118" i="1"/>
  <c r="AF19119" i="1"/>
  <c r="AF19120" i="1"/>
  <c r="AF19121" i="1"/>
  <c r="AF19122" i="1"/>
  <c r="AF19123" i="1"/>
  <c r="AF19124" i="1"/>
  <c r="AF19125" i="1"/>
  <c r="AF19126" i="1"/>
  <c r="AF19127" i="1"/>
  <c r="AF19128" i="1"/>
  <c r="AF19129" i="1"/>
  <c r="AF19130" i="1"/>
  <c r="AF19131" i="1"/>
  <c r="AF19132" i="1"/>
  <c r="AF19133" i="1"/>
  <c r="AF19134" i="1"/>
  <c r="AF19135" i="1"/>
  <c r="AF19136" i="1"/>
  <c r="AF19137" i="1"/>
  <c r="AF19138" i="1"/>
  <c r="AF19139" i="1"/>
  <c r="AF19140" i="1"/>
  <c r="AF19141" i="1"/>
  <c r="AF19142" i="1"/>
  <c r="AF19143" i="1"/>
  <c r="AF19144" i="1"/>
  <c r="AF19145" i="1"/>
  <c r="AF19146" i="1"/>
  <c r="AF19147" i="1"/>
  <c r="AF19148" i="1"/>
  <c r="AF19149" i="1"/>
  <c r="AF19150" i="1"/>
  <c r="AF19151" i="1"/>
  <c r="AF19152" i="1"/>
  <c r="AF19153" i="1"/>
  <c r="AF19154" i="1"/>
  <c r="AF19155" i="1"/>
  <c r="AF19156" i="1"/>
  <c r="AF19157" i="1"/>
  <c r="AF19158" i="1"/>
  <c r="AF19159" i="1"/>
  <c r="AF19160" i="1"/>
  <c r="AF19161" i="1"/>
  <c r="AF19162" i="1"/>
  <c r="AF19163" i="1"/>
  <c r="AF19164" i="1"/>
  <c r="AF19165" i="1"/>
  <c r="AF19166" i="1"/>
  <c r="AF19167" i="1"/>
  <c r="AF19168" i="1"/>
  <c r="AF19169" i="1"/>
  <c r="AF19170" i="1"/>
  <c r="AF19171" i="1"/>
  <c r="AF19172" i="1"/>
  <c r="AF19173" i="1"/>
  <c r="AF19174" i="1"/>
  <c r="AF19175" i="1"/>
  <c r="AF19176" i="1"/>
  <c r="AF19177" i="1"/>
  <c r="AF19178" i="1"/>
  <c r="AF19179" i="1"/>
  <c r="AF19180" i="1"/>
  <c r="AF19181" i="1"/>
  <c r="AF19182" i="1"/>
  <c r="AF19183" i="1"/>
  <c r="AF19184" i="1"/>
  <c r="AF19185" i="1"/>
  <c r="AF19186" i="1"/>
  <c r="AF19187" i="1"/>
  <c r="AF19188" i="1"/>
  <c r="AF19189" i="1"/>
  <c r="AF19190" i="1"/>
  <c r="AF19191" i="1"/>
  <c r="AF19192" i="1"/>
  <c r="AF19193" i="1"/>
  <c r="AF19194" i="1"/>
  <c r="AF19195" i="1"/>
  <c r="AF19196" i="1"/>
  <c r="AF19197" i="1"/>
  <c r="AF19198" i="1"/>
  <c r="AF19199" i="1"/>
  <c r="AF19200" i="1"/>
  <c r="AF19201" i="1"/>
  <c r="AF19202" i="1"/>
  <c r="AF19203" i="1"/>
  <c r="AF19204" i="1"/>
  <c r="AF19205" i="1"/>
  <c r="AF19206" i="1"/>
  <c r="AF19207" i="1"/>
  <c r="AF19208" i="1"/>
  <c r="AF19209" i="1"/>
  <c r="AF19210" i="1"/>
  <c r="AF19211" i="1"/>
  <c r="AF19212" i="1"/>
  <c r="AF19213" i="1"/>
  <c r="AF19214" i="1"/>
  <c r="AF19215" i="1"/>
  <c r="AF19216" i="1"/>
  <c r="AF19217" i="1"/>
  <c r="AF19218" i="1"/>
  <c r="AF19219" i="1"/>
  <c r="AF19220" i="1"/>
  <c r="AF19221" i="1"/>
  <c r="AF19222" i="1"/>
  <c r="AF19223" i="1"/>
  <c r="AF19224" i="1"/>
  <c r="AF19225" i="1"/>
  <c r="AF19226" i="1"/>
  <c r="AF19227" i="1"/>
  <c r="AF19228" i="1"/>
  <c r="AF19229" i="1"/>
  <c r="AF19230" i="1"/>
  <c r="AF19231" i="1"/>
  <c r="AF19232" i="1"/>
  <c r="AF19233" i="1"/>
  <c r="AF19234" i="1"/>
  <c r="AF19235" i="1"/>
  <c r="AF19236" i="1"/>
  <c r="AF19237" i="1"/>
  <c r="AF19238" i="1"/>
  <c r="AF19239" i="1"/>
  <c r="AF19240" i="1"/>
  <c r="AF19241" i="1"/>
  <c r="AF19242" i="1"/>
  <c r="AF19243" i="1"/>
  <c r="AF19244" i="1"/>
  <c r="AF19245" i="1"/>
  <c r="AF19246" i="1"/>
  <c r="AF19247" i="1"/>
  <c r="AF19248" i="1"/>
  <c r="AF19249" i="1"/>
  <c r="AF19250" i="1"/>
  <c r="AF19251" i="1"/>
  <c r="AF19252" i="1"/>
  <c r="AF19253" i="1"/>
  <c r="AF19254" i="1"/>
  <c r="AF19255" i="1"/>
  <c r="AF19256" i="1"/>
  <c r="AF19257" i="1"/>
  <c r="AF19258" i="1"/>
  <c r="AF19259" i="1"/>
  <c r="AF19260" i="1"/>
  <c r="AF19261" i="1"/>
  <c r="AF19262" i="1"/>
  <c r="AF19263" i="1"/>
  <c r="AF19264" i="1"/>
  <c r="AF19265" i="1"/>
  <c r="AF19266" i="1"/>
  <c r="AF19267" i="1"/>
  <c r="AF19268" i="1"/>
  <c r="AF19269" i="1"/>
  <c r="AF19270" i="1"/>
  <c r="AF19271" i="1"/>
  <c r="AF19272" i="1"/>
  <c r="AF19273" i="1"/>
  <c r="AF19274" i="1"/>
  <c r="AF19275" i="1"/>
  <c r="AF19276" i="1"/>
  <c r="AF19277" i="1"/>
  <c r="AF19278" i="1"/>
  <c r="AF19279" i="1"/>
  <c r="AF19280" i="1"/>
  <c r="AF19281" i="1"/>
  <c r="AF19282" i="1"/>
  <c r="AF19283" i="1"/>
  <c r="AF19284" i="1"/>
  <c r="AF19285" i="1"/>
  <c r="AF19286" i="1"/>
  <c r="AF19287" i="1"/>
  <c r="AF19288" i="1"/>
  <c r="AF19289" i="1"/>
  <c r="AF19290" i="1"/>
  <c r="AF19291" i="1"/>
  <c r="AF19292" i="1"/>
  <c r="AF19293" i="1"/>
  <c r="AF19294" i="1"/>
  <c r="AF19295" i="1"/>
  <c r="AF19296" i="1"/>
  <c r="AF19297" i="1"/>
  <c r="AF19298" i="1"/>
  <c r="AF19299" i="1"/>
  <c r="AF19300" i="1"/>
  <c r="AF19301" i="1"/>
  <c r="AF19302" i="1"/>
  <c r="AF19303" i="1"/>
  <c r="AF19304" i="1"/>
  <c r="AF19305" i="1"/>
  <c r="AF19306" i="1"/>
  <c r="AF19307" i="1"/>
  <c r="AF19308" i="1"/>
  <c r="AF19309" i="1"/>
  <c r="AF19310" i="1"/>
  <c r="AF19311" i="1"/>
  <c r="AF19312" i="1"/>
  <c r="AF19313" i="1"/>
  <c r="AF19314" i="1"/>
  <c r="AF19315" i="1"/>
  <c r="AF19316" i="1"/>
  <c r="AF19317" i="1"/>
  <c r="AF19318" i="1"/>
  <c r="AF19319" i="1"/>
  <c r="AF19320" i="1"/>
  <c r="AF19321" i="1"/>
  <c r="AF19322" i="1"/>
  <c r="AF19323" i="1"/>
  <c r="AF19324" i="1"/>
  <c r="AF19325" i="1"/>
  <c r="AF19326" i="1"/>
  <c r="AF19327" i="1"/>
  <c r="AF19328" i="1"/>
  <c r="AF19329" i="1"/>
  <c r="AF19330" i="1"/>
  <c r="AF19331" i="1"/>
  <c r="AF19332" i="1"/>
  <c r="AF19333" i="1"/>
  <c r="AF19334" i="1"/>
  <c r="AF19335" i="1"/>
  <c r="AF19336" i="1"/>
  <c r="AF19337" i="1"/>
  <c r="AF19338" i="1"/>
  <c r="AF19339" i="1"/>
  <c r="AF19340" i="1"/>
  <c r="AF19341" i="1"/>
  <c r="AF19342" i="1"/>
  <c r="AF19343" i="1"/>
  <c r="AF19344" i="1"/>
  <c r="AF19345" i="1"/>
  <c r="AF19346" i="1"/>
  <c r="AF19347" i="1"/>
  <c r="AF19348" i="1"/>
  <c r="AF19349" i="1"/>
  <c r="AF19350" i="1"/>
  <c r="AF19351" i="1"/>
  <c r="AF19352" i="1"/>
  <c r="AF19353" i="1"/>
  <c r="AF19354" i="1"/>
  <c r="AF19355" i="1"/>
  <c r="AF19356" i="1"/>
  <c r="AF19357" i="1"/>
  <c r="AF19358" i="1"/>
  <c r="AF19359" i="1"/>
  <c r="AF19360" i="1"/>
  <c r="AF19361" i="1"/>
  <c r="AF19362" i="1"/>
  <c r="AF19363" i="1"/>
  <c r="AF19364" i="1"/>
  <c r="AF19365" i="1"/>
  <c r="AF19366" i="1"/>
  <c r="AF19367" i="1"/>
  <c r="AF19368" i="1"/>
  <c r="AF19369" i="1"/>
  <c r="AF19370" i="1"/>
  <c r="AF19371" i="1"/>
  <c r="AF19372" i="1"/>
  <c r="AF19373" i="1"/>
  <c r="AF19374" i="1"/>
  <c r="AF19375" i="1"/>
  <c r="AF19376" i="1"/>
  <c r="AF19377" i="1"/>
  <c r="AF19378" i="1"/>
  <c r="AF19379" i="1"/>
  <c r="AF19380" i="1"/>
  <c r="AF19381" i="1"/>
  <c r="AF19382" i="1"/>
  <c r="AF19383" i="1"/>
  <c r="AF19384" i="1"/>
  <c r="AF19385" i="1"/>
  <c r="AF19386" i="1"/>
  <c r="AF19387" i="1"/>
  <c r="AF19388" i="1"/>
  <c r="AF19389" i="1"/>
  <c r="AF19390" i="1"/>
  <c r="AF19391" i="1"/>
  <c r="AF19392" i="1"/>
  <c r="AF19393" i="1"/>
  <c r="AF19394" i="1"/>
  <c r="AF19395" i="1"/>
  <c r="AF19396" i="1"/>
  <c r="AF19397" i="1"/>
  <c r="AF19398" i="1"/>
  <c r="AF19399" i="1"/>
  <c r="AF19400" i="1"/>
  <c r="AF19401" i="1"/>
  <c r="AF19402" i="1"/>
  <c r="AF19403" i="1"/>
  <c r="AF19404" i="1"/>
  <c r="AF19405" i="1"/>
  <c r="AF19406" i="1"/>
  <c r="AF19407" i="1"/>
  <c r="AF19408" i="1"/>
  <c r="AF19409" i="1"/>
  <c r="AF19410" i="1"/>
  <c r="AF19411" i="1"/>
  <c r="AF19412" i="1"/>
  <c r="AF19413" i="1"/>
  <c r="AF19414" i="1"/>
  <c r="AF19415" i="1"/>
  <c r="AF19416" i="1"/>
  <c r="AF19417" i="1"/>
  <c r="AF19418" i="1"/>
  <c r="AF19419" i="1"/>
  <c r="AF19420" i="1"/>
  <c r="AF19421" i="1"/>
  <c r="AF19422" i="1"/>
  <c r="AF19423" i="1"/>
  <c r="AF19424" i="1"/>
  <c r="AF19425" i="1"/>
  <c r="AF19426" i="1"/>
  <c r="AF19427" i="1"/>
  <c r="AF19428" i="1"/>
  <c r="AF19429" i="1"/>
  <c r="AF19430" i="1"/>
  <c r="AF19431" i="1"/>
  <c r="AF19432" i="1"/>
  <c r="AF19433" i="1"/>
  <c r="AF19434" i="1"/>
  <c r="AF19435" i="1"/>
  <c r="AF19436" i="1"/>
  <c r="AF19437" i="1"/>
  <c r="AF19438" i="1"/>
  <c r="AF19439" i="1"/>
  <c r="AF19440" i="1"/>
  <c r="AF19441" i="1"/>
  <c r="AF19442" i="1"/>
  <c r="AF19443" i="1"/>
  <c r="AF19444" i="1"/>
  <c r="AF19445" i="1"/>
  <c r="AF19446" i="1"/>
  <c r="AF19447" i="1"/>
  <c r="AF19448" i="1"/>
  <c r="AF19449" i="1"/>
  <c r="AF19450" i="1"/>
  <c r="AF19451" i="1"/>
  <c r="AF19452" i="1"/>
  <c r="AF19453" i="1"/>
  <c r="AF19454" i="1"/>
  <c r="AF19455" i="1"/>
  <c r="AF19456" i="1"/>
  <c r="AF19457" i="1"/>
  <c r="AF19458" i="1"/>
  <c r="AF19459" i="1"/>
  <c r="AF19460" i="1"/>
  <c r="AF19461" i="1"/>
  <c r="AF19462" i="1"/>
  <c r="AF19463" i="1"/>
  <c r="AF19464" i="1"/>
  <c r="AF19465" i="1"/>
  <c r="AF19466" i="1"/>
  <c r="AF19467" i="1"/>
  <c r="AF19468" i="1"/>
  <c r="AF19469" i="1"/>
  <c r="AF19470" i="1"/>
  <c r="AF19471" i="1"/>
  <c r="AF19472" i="1"/>
  <c r="AF19473" i="1"/>
  <c r="AF19474" i="1"/>
  <c r="AF19475" i="1"/>
  <c r="AF19476" i="1"/>
  <c r="AF19477" i="1"/>
  <c r="AF19478" i="1"/>
  <c r="AF19479" i="1"/>
  <c r="AF19480" i="1"/>
  <c r="AF19481" i="1"/>
  <c r="AF19482" i="1"/>
  <c r="AF19483" i="1"/>
  <c r="AF19484" i="1"/>
  <c r="AF19485" i="1"/>
  <c r="AF19486" i="1"/>
  <c r="AF19487" i="1"/>
  <c r="AF19488" i="1"/>
  <c r="AF19489" i="1"/>
  <c r="AF19490" i="1"/>
  <c r="AF19491" i="1"/>
  <c r="AF19492" i="1"/>
  <c r="AF19493" i="1"/>
  <c r="AF19494" i="1"/>
  <c r="AF19495" i="1"/>
  <c r="AF19496" i="1"/>
  <c r="AF19497" i="1"/>
  <c r="AF19498" i="1"/>
  <c r="AF19499" i="1"/>
  <c r="AF19500" i="1"/>
  <c r="AF19501" i="1"/>
  <c r="AF19502" i="1"/>
  <c r="AF19503" i="1"/>
  <c r="AF19504" i="1"/>
  <c r="AF19505" i="1"/>
  <c r="AF19506" i="1"/>
  <c r="AF19507" i="1"/>
  <c r="AF19508" i="1"/>
  <c r="AF19509" i="1"/>
  <c r="AF19510" i="1"/>
  <c r="AF19511" i="1"/>
  <c r="AF19512" i="1"/>
  <c r="AF19513" i="1"/>
  <c r="AF19514" i="1"/>
  <c r="AF19515" i="1"/>
  <c r="AF19516" i="1"/>
  <c r="AF19517" i="1"/>
  <c r="AF19518" i="1"/>
  <c r="AF19519" i="1"/>
  <c r="AF19520" i="1"/>
  <c r="AF19521" i="1"/>
  <c r="AF19522" i="1"/>
  <c r="AF19523" i="1"/>
  <c r="AF19524" i="1"/>
  <c r="AF19525" i="1"/>
  <c r="AF19526" i="1"/>
  <c r="AF19527" i="1"/>
  <c r="AF19528" i="1"/>
  <c r="AF19529" i="1"/>
  <c r="AF19530" i="1"/>
  <c r="AF19531" i="1"/>
  <c r="AF19532" i="1"/>
  <c r="AF19533" i="1"/>
  <c r="AF19534" i="1"/>
  <c r="AF19535" i="1"/>
  <c r="AF19536" i="1"/>
  <c r="AF19537" i="1"/>
  <c r="AF19538" i="1"/>
  <c r="AF19539" i="1"/>
  <c r="AF19540" i="1"/>
  <c r="AF19541" i="1"/>
  <c r="AF19542" i="1"/>
  <c r="AF19543" i="1"/>
  <c r="AF19544" i="1"/>
  <c r="AF19545" i="1"/>
  <c r="AF19546" i="1"/>
  <c r="AF19547" i="1"/>
  <c r="AF19548" i="1"/>
  <c r="AF19549" i="1"/>
  <c r="AF19550" i="1"/>
  <c r="AF19551" i="1"/>
  <c r="AF19552" i="1"/>
  <c r="AF19553" i="1"/>
  <c r="AF19554" i="1"/>
  <c r="AF19555" i="1"/>
  <c r="AF19556" i="1"/>
  <c r="AF19557" i="1"/>
  <c r="AF19558" i="1"/>
  <c r="AF19559" i="1"/>
  <c r="AF19560" i="1"/>
  <c r="AF19561" i="1"/>
  <c r="AF19562" i="1"/>
  <c r="AF19563" i="1"/>
  <c r="AF19564" i="1"/>
  <c r="AF19565" i="1"/>
  <c r="AF19566" i="1"/>
  <c r="AF19567" i="1"/>
  <c r="AF19568" i="1"/>
  <c r="AF19569" i="1"/>
  <c r="AF19570" i="1"/>
  <c r="AF19571" i="1"/>
  <c r="AF19572" i="1"/>
  <c r="AF19573" i="1"/>
  <c r="AF19574" i="1"/>
  <c r="AF19575" i="1"/>
  <c r="AF19576" i="1"/>
  <c r="AF19577" i="1"/>
  <c r="AF19578" i="1"/>
  <c r="AF19579" i="1"/>
  <c r="AF19580" i="1"/>
  <c r="AF19581" i="1"/>
  <c r="AF19582" i="1"/>
  <c r="AF19583" i="1"/>
  <c r="AF19584" i="1"/>
  <c r="AF19585" i="1"/>
  <c r="AF19586" i="1"/>
  <c r="AF19587" i="1"/>
  <c r="AF19588" i="1"/>
  <c r="AF19589" i="1"/>
  <c r="AF19590" i="1"/>
  <c r="AF19591" i="1"/>
  <c r="AF19592" i="1"/>
  <c r="AF19593" i="1"/>
  <c r="AF19594" i="1"/>
  <c r="AF19595" i="1"/>
  <c r="AF19596" i="1"/>
  <c r="AF19597" i="1"/>
  <c r="AF19598" i="1"/>
  <c r="AF19599" i="1"/>
  <c r="AF19600" i="1"/>
  <c r="AF19601" i="1"/>
  <c r="AF19602" i="1"/>
  <c r="AF19603" i="1"/>
  <c r="AF19604" i="1"/>
  <c r="AF19605" i="1"/>
  <c r="AF19606" i="1"/>
  <c r="AF19607" i="1"/>
  <c r="AF19608" i="1"/>
  <c r="AF19609" i="1"/>
  <c r="AF19610" i="1"/>
  <c r="AF19611" i="1"/>
  <c r="AF19612" i="1"/>
  <c r="AF19613" i="1"/>
  <c r="AF19614" i="1"/>
  <c r="AF19615" i="1"/>
  <c r="AF19616" i="1"/>
  <c r="AF19617" i="1"/>
  <c r="AF19618" i="1"/>
  <c r="AF19619" i="1"/>
  <c r="AF19620" i="1"/>
  <c r="AF19621" i="1"/>
  <c r="AF19622" i="1"/>
  <c r="AF19623" i="1"/>
  <c r="AF19624" i="1"/>
  <c r="AF19625" i="1"/>
  <c r="AF19626" i="1"/>
  <c r="AF19627" i="1"/>
  <c r="AF19628" i="1"/>
  <c r="AF19629" i="1"/>
  <c r="AF19630" i="1"/>
  <c r="AF19631" i="1"/>
  <c r="AF19632" i="1"/>
  <c r="AF19633" i="1"/>
  <c r="AF19634" i="1"/>
  <c r="AF19635" i="1"/>
  <c r="AF19636" i="1"/>
  <c r="AF19637" i="1"/>
  <c r="AF19638" i="1"/>
  <c r="AF19639" i="1"/>
  <c r="AF19640" i="1"/>
  <c r="AF19641" i="1"/>
  <c r="AF19642" i="1"/>
  <c r="AF19643" i="1"/>
  <c r="AF19644" i="1"/>
  <c r="AF19645" i="1"/>
  <c r="AF19646" i="1"/>
  <c r="AF19647" i="1"/>
  <c r="AF19648" i="1"/>
  <c r="AF19649" i="1"/>
  <c r="AF19650" i="1"/>
  <c r="AF19651" i="1"/>
  <c r="AF19652" i="1"/>
  <c r="AF19653" i="1"/>
  <c r="AF19654" i="1"/>
  <c r="AF19655" i="1"/>
  <c r="AF19656" i="1"/>
  <c r="AF19657" i="1"/>
  <c r="AF19658" i="1"/>
  <c r="AF19659" i="1"/>
  <c r="AF19660" i="1"/>
  <c r="AF19661" i="1"/>
  <c r="AF19662" i="1"/>
  <c r="AF19663" i="1"/>
  <c r="AF19664" i="1"/>
  <c r="AF19665" i="1"/>
  <c r="AF19666" i="1"/>
  <c r="AF19667" i="1"/>
  <c r="AF19668" i="1"/>
  <c r="AF19669" i="1"/>
  <c r="AF19670" i="1"/>
  <c r="AF19671" i="1"/>
  <c r="AF19672" i="1"/>
  <c r="AF19673" i="1"/>
  <c r="AF19674" i="1"/>
  <c r="AF19675" i="1"/>
  <c r="AF19676" i="1"/>
  <c r="AF19677" i="1"/>
  <c r="AF19678" i="1"/>
  <c r="AF19679" i="1"/>
  <c r="AF19680" i="1"/>
  <c r="AF19681" i="1"/>
  <c r="AF19682" i="1"/>
  <c r="AF19683" i="1"/>
  <c r="AF19684" i="1"/>
  <c r="AF19685" i="1"/>
  <c r="AF19686" i="1"/>
  <c r="AF19687" i="1"/>
  <c r="AF19688" i="1"/>
  <c r="AF19689" i="1"/>
  <c r="AF19690" i="1"/>
  <c r="AF19691" i="1"/>
  <c r="AF19692" i="1"/>
  <c r="AF19693" i="1"/>
  <c r="AF19694" i="1"/>
  <c r="AF19695" i="1"/>
  <c r="AF19696" i="1"/>
  <c r="AF19697" i="1"/>
  <c r="AF19698" i="1"/>
  <c r="AF19699" i="1"/>
  <c r="AF19700" i="1"/>
  <c r="AF19701" i="1"/>
  <c r="AF19702" i="1"/>
  <c r="AF19703" i="1"/>
  <c r="AF19704" i="1"/>
  <c r="AF19705" i="1"/>
  <c r="AF19706" i="1"/>
  <c r="AF19707" i="1"/>
  <c r="AF19708" i="1"/>
  <c r="AF19709" i="1"/>
  <c r="AF19710" i="1"/>
  <c r="AF19711" i="1"/>
  <c r="AF19712" i="1"/>
  <c r="AF19713" i="1"/>
  <c r="AF19714" i="1"/>
  <c r="AF19715" i="1"/>
  <c r="AF19716" i="1"/>
  <c r="AF19717" i="1"/>
  <c r="AF19718" i="1"/>
  <c r="AF19719" i="1"/>
  <c r="AF19720" i="1"/>
  <c r="AF19721" i="1"/>
  <c r="AF19722" i="1"/>
  <c r="AF19723" i="1"/>
  <c r="AF19724" i="1"/>
  <c r="AF19725" i="1"/>
  <c r="AF19726" i="1"/>
  <c r="AF19727" i="1"/>
  <c r="AF19728" i="1"/>
  <c r="AF19729" i="1"/>
  <c r="AF19730" i="1"/>
  <c r="AF19731" i="1"/>
  <c r="AF19732" i="1"/>
  <c r="AF19733" i="1"/>
  <c r="AF19734" i="1"/>
  <c r="AF19735" i="1"/>
  <c r="AF19736" i="1"/>
  <c r="AF19737" i="1"/>
  <c r="AF19738" i="1"/>
  <c r="AF19739" i="1"/>
  <c r="AF19740" i="1"/>
  <c r="AF19741" i="1"/>
  <c r="AF19742" i="1"/>
  <c r="AF19743" i="1"/>
  <c r="AF19744" i="1"/>
  <c r="AF19745" i="1"/>
  <c r="AF19746" i="1"/>
  <c r="AF19747" i="1"/>
  <c r="AF19748" i="1"/>
  <c r="AF19749" i="1"/>
  <c r="AF19750" i="1"/>
  <c r="AF19751" i="1"/>
  <c r="AF19752" i="1"/>
  <c r="AF19753" i="1"/>
  <c r="AF19754" i="1"/>
  <c r="AF19755" i="1"/>
  <c r="AF19756" i="1"/>
  <c r="AF19757" i="1"/>
  <c r="AF19758" i="1"/>
  <c r="AF19759" i="1"/>
  <c r="AF19760" i="1"/>
  <c r="AF19761" i="1"/>
  <c r="AF19762" i="1"/>
  <c r="AF19763" i="1"/>
  <c r="AF19764" i="1"/>
  <c r="AF19765" i="1"/>
  <c r="AF19766" i="1"/>
  <c r="AF19767" i="1"/>
  <c r="AF19768" i="1"/>
  <c r="AF19769" i="1"/>
  <c r="AF19770" i="1"/>
  <c r="AF19771" i="1"/>
  <c r="AF19772" i="1"/>
  <c r="AF19773" i="1"/>
  <c r="AF19774" i="1"/>
  <c r="AF19775" i="1"/>
  <c r="AF19776" i="1"/>
  <c r="AF19777" i="1"/>
  <c r="AF19778" i="1"/>
  <c r="AF19779" i="1"/>
  <c r="AF19780" i="1"/>
  <c r="AF19781" i="1"/>
  <c r="AF19782" i="1"/>
  <c r="AF19783" i="1"/>
  <c r="AF19784" i="1"/>
  <c r="AF19785" i="1"/>
  <c r="AF19786" i="1"/>
  <c r="AF19787" i="1"/>
  <c r="AF19788" i="1"/>
  <c r="AF19789" i="1"/>
  <c r="AF19790" i="1"/>
  <c r="AF19791" i="1"/>
  <c r="AF19792" i="1"/>
  <c r="AF19793" i="1"/>
  <c r="AF19794" i="1"/>
  <c r="AF19795" i="1"/>
  <c r="AF19796" i="1"/>
  <c r="AF19797" i="1"/>
  <c r="AF19798" i="1"/>
  <c r="AF19799" i="1"/>
  <c r="AF19800" i="1"/>
  <c r="AF19801" i="1"/>
  <c r="AF19802" i="1"/>
  <c r="AF19803" i="1"/>
  <c r="AF19804" i="1"/>
  <c r="AF19805" i="1"/>
  <c r="AF19806" i="1"/>
  <c r="AF19807" i="1"/>
  <c r="AF19808" i="1"/>
  <c r="AF19809" i="1"/>
  <c r="AF19810" i="1"/>
  <c r="AF19811" i="1"/>
  <c r="AF19812" i="1"/>
  <c r="AF19813" i="1"/>
  <c r="AF19814" i="1"/>
  <c r="AF19815" i="1"/>
  <c r="AF19816" i="1"/>
  <c r="AF19817" i="1"/>
  <c r="AF19818" i="1"/>
  <c r="AF19819" i="1"/>
  <c r="AF19820" i="1"/>
  <c r="AF19821" i="1"/>
  <c r="AF19822" i="1"/>
  <c r="AF19823" i="1"/>
  <c r="AF19824" i="1"/>
  <c r="AF19825" i="1"/>
  <c r="AF19826" i="1"/>
  <c r="AF19827" i="1"/>
  <c r="AF19828" i="1"/>
  <c r="AF19829" i="1"/>
  <c r="AF19830" i="1"/>
  <c r="AF19831" i="1"/>
  <c r="AF19832" i="1"/>
  <c r="AF19833" i="1"/>
  <c r="AF19834" i="1"/>
  <c r="AF19835" i="1"/>
  <c r="AF19836" i="1"/>
  <c r="AF19837" i="1"/>
  <c r="AF19838" i="1"/>
  <c r="AF19839" i="1"/>
  <c r="AF19840" i="1"/>
  <c r="AF19841" i="1"/>
  <c r="AF19842" i="1"/>
  <c r="AF19843" i="1"/>
  <c r="AF19844" i="1"/>
  <c r="AF19845" i="1"/>
  <c r="AF19846" i="1"/>
  <c r="AF19847" i="1"/>
  <c r="AF19848" i="1"/>
  <c r="AF19849" i="1"/>
  <c r="AF19850" i="1"/>
  <c r="AF19851" i="1"/>
  <c r="AF19852" i="1"/>
  <c r="AF19853" i="1"/>
  <c r="AF19854" i="1"/>
  <c r="AF19855" i="1"/>
  <c r="AF19856" i="1"/>
  <c r="AF19857" i="1"/>
  <c r="AF19858" i="1"/>
  <c r="AF19859" i="1"/>
  <c r="AF19860" i="1"/>
  <c r="AF19861" i="1"/>
  <c r="AF19862" i="1"/>
  <c r="AF19863" i="1"/>
  <c r="AF19864" i="1"/>
  <c r="AF19865" i="1"/>
  <c r="AF19866" i="1"/>
  <c r="AF19867" i="1"/>
  <c r="AF19868" i="1"/>
  <c r="AF19869" i="1"/>
  <c r="AF19870" i="1"/>
  <c r="AF19871" i="1"/>
  <c r="AF19872" i="1"/>
  <c r="AF19873" i="1"/>
  <c r="AF19874" i="1"/>
  <c r="AF19875" i="1"/>
  <c r="AF19876" i="1"/>
  <c r="AF19877" i="1"/>
  <c r="AF19878" i="1"/>
  <c r="AF19879" i="1"/>
  <c r="AF19880" i="1"/>
  <c r="AF19881" i="1"/>
  <c r="AF19882" i="1"/>
  <c r="AF19883" i="1"/>
  <c r="AF19884" i="1"/>
  <c r="AF19885" i="1"/>
  <c r="AF19886" i="1"/>
  <c r="AF19887" i="1"/>
  <c r="AF19888" i="1"/>
  <c r="AF19889" i="1"/>
  <c r="AF19890" i="1"/>
  <c r="AF19891" i="1"/>
  <c r="AF19892" i="1"/>
  <c r="AF19893" i="1"/>
  <c r="AF19894" i="1"/>
  <c r="AF19895" i="1"/>
  <c r="AF19896" i="1"/>
  <c r="AF19897" i="1"/>
  <c r="AF19898" i="1"/>
  <c r="AF19899" i="1"/>
  <c r="AF19900" i="1"/>
  <c r="AF19901" i="1"/>
  <c r="AF19902" i="1"/>
  <c r="AF19903" i="1"/>
  <c r="AF19904" i="1"/>
  <c r="AF19905" i="1"/>
  <c r="AF19906" i="1"/>
  <c r="AF19907" i="1"/>
  <c r="AF19908" i="1"/>
  <c r="AF19909" i="1"/>
  <c r="AF19910" i="1"/>
  <c r="AF19911" i="1"/>
  <c r="AF19912" i="1"/>
  <c r="AF19913" i="1"/>
  <c r="AF19914" i="1"/>
  <c r="AF19915" i="1"/>
  <c r="AF19916" i="1"/>
  <c r="AF19917" i="1"/>
  <c r="AF19918" i="1"/>
  <c r="AF19919" i="1"/>
  <c r="AF19920" i="1"/>
  <c r="AF19921" i="1"/>
  <c r="AF19922" i="1"/>
  <c r="AF19923" i="1"/>
  <c r="AF19924" i="1"/>
  <c r="AF19925" i="1"/>
  <c r="AF19926" i="1"/>
  <c r="AF19927" i="1"/>
  <c r="AF19928" i="1"/>
  <c r="AF19929" i="1"/>
  <c r="AF19930" i="1"/>
  <c r="AF19931" i="1"/>
  <c r="AF19932" i="1"/>
  <c r="AF19933" i="1"/>
  <c r="AF19934" i="1"/>
  <c r="AF19935" i="1"/>
  <c r="AF19936" i="1"/>
  <c r="AF19937" i="1"/>
  <c r="AF19938" i="1"/>
  <c r="AF19939" i="1"/>
  <c r="AF19940" i="1"/>
  <c r="AF19941" i="1"/>
  <c r="AF19942" i="1"/>
  <c r="AF19943" i="1"/>
  <c r="AF19944" i="1"/>
  <c r="AF19945" i="1"/>
  <c r="AF19946" i="1"/>
  <c r="AF19947" i="1"/>
  <c r="AF19948" i="1"/>
  <c r="AF19949" i="1"/>
  <c r="AF19950" i="1"/>
  <c r="AF19951" i="1"/>
  <c r="AF19952" i="1"/>
  <c r="AF19953" i="1"/>
  <c r="AF19954" i="1"/>
  <c r="AF19955" i="1"/>
  <c r="AF19956" i="1"/>
  <c r="AF19957" i="1"/>
  <c r="AF19958" i="1"/>
  <c r="AF19959" i="1"/>
  <c r="AF19960" i="1"/>
  <c r="AF19961" i="1"/>
  <c r="AF19962" i="1"/>
  <c r="AF19963" i="1"/>
  <c r="AF19964" i="1"/>
  <c r="AF19965" i="1"/>
  <c r="AF19966" i="1"/>
  <c r="AF19967" i="1"/>
  <c r="AF19968" i="1"/>
  <c r="AF19969" i="1"/>
  <c r="AF19970" i="1"/>
  <c r="AF19971" i="1"/>
  <c r="AF19972" i="1"/>
  <c r="AF19973" i="1"/>
  <c r="AF19974" i="1"/>
  <c r="AF19975" i="1"/>
  <c r="AF19976" i="1"/>
  <c r="AF19977" i="1"/>
  <c r="AF19978" i="1"/>
  <c r="AF19979" i="1"/>
  <c r="AF19980" i="1"/>
  <c r="AF19981" i="1"/>
  <c r="AF19982" i="1"/>
  <c r="AF19983" i="1"/>
  <c r="AF19984" i="1"/>
  <c r="AF19985" i="1"/>
  <c r="AF19986" i="1"/>
  <c r="AF19987" i="1"/>
  <c r="AF19988" i="1"/>
  <c r="AF19989" i="1"/>
  <c r="AF19990" i="1"/>
  <c r="AF19991" i="1"/>
  <c r="AF19992" i="1"/>
  <c r="AF19993" i="1"/>
  <c r="AF19994" i="1"/>
  <c r="AF19995" i="1"/>
  <c r="AF19996" i="1"/>
  <c r="AF19997" i="1"/>
  <c r="AF19998" i="1"/>
  <c r="AF19999" i="1"/>
  <c r="AF20000" i="1"/>
  <c r="AF20001" i="1"/>
  <c r="AF20002" i="1"/>
  <c r="AF20003" i="1"/>
  <c r="AF20004" i="1"/>
  <c r="AF20005" i="1"/>
  <c r="AF20006" i="1"/>
  <c r="AF20007" i="1"/>
  <c r="AF20008" i="1"/>
  <c r="AF20009" i="1"/>
  <c r="AF20010" i="1"/>
  <c r="AF20011" i="1"/>
  <c r="AF20012" i="1"/>
  <c r="AF20013" i="1"/>
  <c r="AF20014" i="1"/>
  <c r="AF20015" i="1"/>
  <c r="AF20016" i="1"/>
  <c r="AF20017" i="1"/>
  <c r="AF20018" i="1"/>
  <c r="AF20019" i="1"/>
  <c r="AF20020" i="1"/>
  <c r="AF20021" i="1"/>
  <c r="AF20022" i="1"/>
  <c r="AF20023" i="1"/>
  <c r="AF20024" i="1"/>
  <c r="AF20025" i="1"/>
  <c r="AF20026" i="1"/>
  <c r="AF20027" i="1"/>
  <c r="AF20028" i="1"/>
  <c r="AF20029" i="1"/>
  <c r="AF20030" i="1"/>
  <c r="AF20031" i="1"/>
  <c r="AF20032" i="1"/>
  <c r="AF20033" i="1"/>
  <c r="AF20034" i="1"/>
  <c r="AF20035" i="1"/>
  <c r="AF20036" i="1"/>
  <c r="AF20037" i="1"/>
  <c r="AF20038" i="1"/>
  <c r="AF20039" i="1"/>
  <c r="AF20040" i="1"/>
  <c r="AF20041" i="1"/>
  <c r="AF20042" i="1"/>
  <c r="AF20043" i="1"/>
  <c r="AF20044" i="1"/>
  <c r="AF20045" i="1"/>
  <c r="AF20046" i="1"/>
  <c r="AF20047" i="1"/>
  <c r="AF20048" i="1"/>
  <c r="AF20049" i="1"/>
  <c r="AF20050" i="1"/>
  <c r="AF20051" i="1"/>
  <c r="AF20052" i="1"/>
  <c r="AF20053" i="1"/>
  <c r="AF20054" i="1"/>
  <c r="AF20055" i="1"/>
  <c r="AF20056" i="1"/>
  <c r="AF20057" i="1"/>
  <c r="AF20058" i="1"/>
  <c r="AF20059" i="1"/>
  <c r="AF20060" i="1"/>
  <c r="AF20061" i="1"/>
  <c r="AF20062" i="1"/>
  <c r="AF20063" i="1"/>
  <c r="AF20064" i="1"/>
  <c r="AF20065" i="1"/>
  <c r="AF20066" i="1"/>
  <c r="AF20067" i="1"/>
  <c r="AF20068" i="1"/>
  <c r="AF20069" i="1"/>
  <c r="AF20070" i="1"/>
  <c r="AF20071" i="1"/>
  <c r="AF20072" i="1"/>
  <c r="AF20073" i="1"/>
  <c r="AF20074" i="1"/>
  <c r="AF20075" i="1"/>
  <c r="AF20076" i="1"/>
  <c r="AF20077" i="1"/>
  <c r="AF20078" i="1"/>
  <c r="AF20079" i="1"/>
  <c r="AF20080" i="1"/>
  <c r="AF20081" i="1"/>
  <c r="AF20082" i="1"/>
  <c r="AF20083" i="1"/>
  <c r="AF20084" i="1"/>
  <c r="AF20085" i="1"/>
  <c r="AF20086" i="1"/>
  <c r="AF20087" i="1"/>
  <c r="AF20088" i="1"/>
  <c r="AF20089" i="1"/>
  <c r="AF20090" i="1"/>
  <c r="AF20091" i="1"/>
  <c r="AF20092" i="1"/>
  <c r="AF20093" i="1"/>
  <c r="AF20094" i="1"/>
  <c r="AF20095" i="1"/>
  <c r="AF20096" i="1"/>
  <c r="AF20097" i="1"/>
  <c r="AF20098" i="1"/>
  <c r="AF20099" i="1"/>
  <c r="AF20100" i="1"/>
  <c r="AF20101" i="1"/>
  <c r="AF20102" i="1"/>
  <c r="AF20103" i="1"/>
  <c r="AF20104" i="1"/>
  <c r="AF20105" i="1"/>
  <c r="AF20106" i="1"/>
  <c r="AF20107" i="1"/>
  <c r="AF20108" i="1"/>
  <c r="AF20109" i="1"/>
  <c r="AF20110" i="1"/>
  <c r="AF20111" i="1"/>
  <c r="AF20112" i="1"/>
  <c r="AF20113" i="1"/>
  <c r="AF20114" i="1"/>
  <c r="AF20115" i="1"/>
  <c r="AF20116" i="1"/>
  <c r="AF20117" i="1"/>
  <c r="AF20118" i="1"/>
  <c r="AF20119" i="1"/>
  <c r="AF20120" i="1"/>
  <c r="AF20121" i="1"/>
  <c r="AF20122" i="1"/>
  <c r="AF20123" i="1"/>
  <c r="AF20124" i="1"/>
  <c r="AF20125" i="1"/>
  <c r="AF20126" i="1"/>
  <c r="AF20127" i="1"/>
  <c r="AF20128" i="1"/>
  <c r="AF20129" i="1"/>
  <c r="AF20130" i="1"/>
  <c r="AF20131" i="1"/>
  <c r="AF20132" i="1"/>
  <c r="AF20133" i="1"/>
  <c r="AF20134" i="1"/>
  <c r="AF20135" i="1"/>
  <c r="AF20136" i="1"/>
  <c r="AF20137" i="1"/>
  <c r="AF20138" i="1"/>
  <c r="AF20139" i="1"/>
  <c r="AF20140" i="1"/>
  <c r="AF20141" i="1"/>
  <c r="AF20142" i="1"/>
  <c r="AF20143" i="1"/>
  <c r="AF20144" i="1"/>
  <c r="AF20145" i="1"/>
  <c r="AF20146" i="1"/>
  <c r="AF20147" i="1"/>
  <c r="AF20148" i="1"/>
  <c r="AF20149" i="1"/>
  <c r="AF20150" i="1"/>
  <c r="AF20151" i="1"/>
  <c r="AF20152" i="1"/>
  <c r="AF20153" i="1"/>
  <c r="AF20154" i="1"/>
  <c r="AF20155" i="1"/>
  <c r="AF20156" i="1"/>
  <c r="AF20157" i="1"/>
  <c r="AF20158" i="1"/>
  <c r="AF20159" i="1"/>
  <c r="AF20160" i="1"/>
  <c r="AF20161" i="1"/>
  <c r="AF20162" i="1"/>
  <c r="AF20163" i="1"/>
  <c r="AF20164" i="1"/>
  <c r="AF20165" i="1"/>
  <c r="AF20166" i="1"/>
  <c r="AF20167" i="1"/>
  <c r="AF20168" i="1"/>
  <c r="AF20169" i="1"/>
  <c r="AF20170" i="1"/>
  <c r="AF20171" i="1"/>
  <c r="AF20172" i="1"/>
  <c r="AF20173" i="1"/>
  <c r="AF20174" i="1"/>
  <c r="AF20175" i="1"/>
  <c r="AF20176" i="1"/>
  <c r="AF20177" i="1"/>
  <c r="AF20178" i="1"/>
  <c r="AF20179" i="1"/>
  <c r="AF20180" i="1"/>
  <c r="AF20181" i="1"/>
  <c r="AF20182" i="1"/>
  <c r="AF20183" i="1"/>
  <c r="AF20184" i="1"/>
  <c r="AF20185" i="1"/>
  <c r="AF20186" i="1"/>
  <c r="AF20187" i="1"/>
  <c r="AF20188" i="1"/>
  <c r="AF20189" i="1"/>
  <c r="AF20190" i="1"/>
  <c r="AF20191" i="1"/>
  <c r="AF20192" i="1"/>
  <c r="AF20193" i="1"/>
  <c r="AF20194" i="1"/>
  <c r="AF20195" i="1"/>
  <c r="AF20196" i="1"/>
  <c r="AF20197" i="1"/>
  <c r="AF20198" i="1"/>
  <c r="AF20199" i="1"/>
  <c r="AF20200" i="1"/>
  <c r="AF20201" i="1"/>
  <c r="AF20202" i="1"/>
  <c r="AF20203" i="1"/>
  <c r="AF20204" i="1"/>
  <c r="AF20205" i="1"/>
  <c r="AF20206" i="1"/>
  <c r="AF20207" i="1"/>
  <c r="AF20208" i="1"/>
  <c r="AF20209" i="1"/>
  <c r="AF20210" i="1"/>
  <c r="AF20211" i="1"/>
  <c r="AF20212" i="1"/>
  <c r="AF20213" i="1"/>
  <c r="AF20214" i="1"/>
  <c r="AF20215" i="1"/>
  <c r="AF20216" i="1"/>
  <c r="AF20217" i="1"/>
  <c r="AF20218" i="1"/>
  <c r="AF20219" i="1"/>
  <c r="AF20220" i="1"/>
  <c r="AF20221" i="1"/>
  <c r="AF20222" i="1"/>
  <c r="AF20223" i="1"/>
  <c r="AF20224" i="1"/>
  <c r="AF20225" i="1"/>
  <c r="AF20226" i="1"/>
  <c r="AF20227" i="1"/>
  <c r="AF20228" i="1"/>
  <c r="AF20229" i="1"/>
  <c r="AF20230" i="1"/>
  <c r="AF20231" i="1"/>
  <c r="AF20232" i="1"/>
  <c r="AF20233" i="1"/>
  <c r="AF20234" i="1"/>
  <c r="AF20235" i="1"/>
  <c r="AF20236" i="1"/>
  <c r="AF20237" i="1"/>
  <c r="AF20238" i="1"/>
  <c r="AF20239" i="1"/>
  <c r="AF20240" i="1"/>
  <c r="AF20241" i="1"/>
  <c r="AF20242" i="1"/>
  <c r="AF20243" i="1"/>
  <c r="AF20244" i="1"/>
  <c r="AF20245" i="1"/>
  <c r="AF20246" i="1"/>
  <c r="AF20247" i="1"/>
  <c r="AF20248" i="1"/>
  <c r="AF20249" i="1"/>
  <c r="AF20250" i="1"/>
  <c r="AF20251" i="1"/>
  <c r="AF20252" i="1"/>
  <c r="AF20253" i="1"/>
  <c r="AF20254" i="1"/>
  <c r="AF20255" i="1"/>
  <c r="AF20256" i="1"/>
  <c r="AF20257" i="1"/>
  <c r="AF20258" i="1"/>
  <c r="AF20259" i="1"/>
  <c r="AF20260" i="1"/>
  <c r="AF20261" i="1"/>
  <c r="AF20262" i="1"/>
  <c r="AF20263" i="1"/>
  <c r="AF20264" i="1"/>
  <c r="AF20265" i="1"/>
  <c r="AF20266" i="1"/>
  <c r="AF20267" i="1"/>
  <c r="AF20268" i="1"/>
  <c r="AF20269" i="1"/>
  <c r="AF20270" i="1"/>
  <c r="AF20271" i="1"/>
  <c r="AF20272" i="1"/>
  <c r="AF20273" i="1"/>
  <c r="AF20274" i="1"/>
  <c r="AF20275" i="1"/>
  <c r="AF20276" i="1"/>
  <c r="AF20277" i="1"/>
  <c r="AF20278" i="1"/>
  <c r="AF20279" i="1"/>
  <c r="AF20280" i="1"/>
  <c r="AF20281" i="1"/>
  <c r="AF20282" i="1"/>
  <c r="AF20283" i="1"/>
  <c r="AF20284" i="1"/>
  <c r="AF20285" i="1"/>
  <c r="AF20286" i="1"/>
  <c r="AF20287" i="1"/>
  <c r="AF20288" i="1"/>
  <c r="AF20289" i="1"/>
  <c r="AF20290" i="1"/>
  <c r="AF20291" i="1"/>
  <c r="AF20292" i="1"/>
  <c r="AF20293" i="1"/>
  <c r="AF20294" i="1"/>
  <c r="AF20295" i="1"/>
  <c r="AF20296" i="1"/>
  <c r="AF20297" i="1"/>
  <c r="AF20298" i="1"/>
  <c r="AF20299" i="1"/>
  <c r="AF20300" i="1"/>
  <c r="AF20301" i="1"/>
  <c r="AF20302" i="1"/>
  <c r="AF20303" i="1"/>
  <c r="AF20304" i="1"/>
  <c r="AF20305" i="1"/>
  <c r="AF20306" i="1"/>
  <c r="AF20307" i="1"/>
  <c r="AF20308" i="1"/>
  <c r="AF20309" i="1"/>
  <c r="AF20310" i="1"/>
  <c r="AF20311" i="1"/>
  <c r="AF20312" i="1"/>
  <c r="AF20313" i="1"/>
  <c r="AF20314" i="1"/>
  <c r="AF20315" i="1"/>
  <c r="AF20316" i="1"/>
  <c r="AF20317" i="1"/>
  <c r="AF20318" i="1"/>
  <c r="AF20319" i="1"/>
  <c r="AF20320" i="1"/>
  <c r="AF20321" i="1"/>
  <c r="AF20322" i="1"/>
  <c r="AF20323" i="1"/>
  <c r="AF20324" i="1"/>
  <c r="AF20325" i="1"/>
  <c r="AF20326" i="1"/>
  <c r="AF20327" i="1"/>
  <c r="AF20328" i="1"/>
  <c r="AF20329" i="1"/>
  <c r="AF20330" i="1"/>
  <c r="AF20331" i="1"/>
  <c r="AF20332" i="1"/>
  <c r="AF20333" i="1"/>
  <c r="AF20334" i="1"/>
  <c r="AF20335" i="1"/>
  <c r="AF20336" i="1"/>
  <c r="AF20337" i="1"/>
  <c r="AF20338" i="1"/>
  <c r="AF20339" i="1"/>
  <c r="AF20340" i="1"/>
  <c r="AF20341" i="1"/>
  <c r="AF20342" i="1"/>
  <c r="AF20343" i="1"/>
  <c r="AF20344" i="1"/>
  <c r="AF20345" i="1"/>
  <c r="AF20346" i="1"/>
  <c r="AF20347" i="1"/>
  <c r="AF20348" i="1"/>
  <c r="AF20349" i="1"/>
  <c r="AF20350" i="1"/>
  <c r="AF20351" i="1"/>
  <c r="AF20352" i="1"/>
  <c r="AF20353" i="1"/>
  <c r="AF20354" i="1"/>
  <c r="AF20355" i="1"/>
  <c r="AF20356" i="1"/>
  <c r="AF20357" i="1"/>
  <c r="AF20358" i="1"/>
  <c r="AF20359" i="1"/>
  <c r="AF20360" i="1"/>
  <c r="AF20361" i="1"/>
  <c r="AF20362" i="1"/>
  <c r="AF20363" i="1"/>
  <c r="AF20364" i="1"/>
  <c r="AF20365" i="1"/>
  <c r="AF20366" i="1"/>
  <c r="AF20367" i="1"/>
  <c r="AF20368" i="1"/>
  <c r="AF20369" i="1"/>
  <c r="AF20370" i="1"/>
  <c r="AF20371" i="1"/>
  <c r="AF20372" i="1"/>
  <c r="AF20373" i="1"/>
  <c r="AF20374" i="1"/>
  <c r="AF20375" i="1"/>
  <c r="AF20376" i="1"/>
  <c r="AF20377" i="1"/>
  <c r="AF20378" i="1"/>
  <c r="AF20379" i="1"/>
  <c r="AF20380" i="1"/>
  <c r="AF20381" i="1"/>
  <c r="AF20382" i="1"/>
  <c r="AF20383" i="1"/>
  <c r="AF20384" i="1"/>
  <c r="AF20385" i="1"/>
  <c r="AF20386" i="1"/>
  <c r="AF20387" i="1"/>
  <c r="AF20388" i="1"/>
  <c r="AF20389" i="1"/>
  <c r="AF20390" i="1"/>
  <c r="AF20391" i="1"/>
  <c r="AF20392" i="1"/>
  <c r="AF20393" i="1"/>
  <c r="AF20394" i="1"/>
  <c r="AF20395" i="1"/>
  <c r="AF20396" i="1"/>
  <c r="AF20397" i="1"/>
  <c r="AF20398" i="1"/>
  <c r="AF20399" i="1"/>
  <c r="AF20400" i="1"/>
  <c r="AF20401" i="1"/>
  <c r="AF20402" i="1"/>
  <c r="AF20403" i="1"/>
  <c r="AF20404" i="1"/>
  <c r="AF20405" i="1"/>
  <c r="AF20406" i="1"/>
  <c r="AF20407" i="1"/>
  <c r="AF20408" i="1"/>
  <c r="AF20409" i="1"/>
  <c r="AF20410" i="1"/>
  <c r="AF20411" i="1"/>
  <c r="AF20412" i="1"/>
  <c r="AF20413" i="1"/>
  <c r="AF20414" i="1"/>
  <c r="AF20415" i="1"/>
  <c r="AF20416" i="1"/>
  <c r="AF20417" i="1"/>
  <c r="AF20418" i="1"/>
  <c r="AF20419" i="1"/>
  <c r="AF20420" i="1"/>
  <c r="AF20421" i="1"/>
  <c r="AF20422" i="1"/>
  <c r="AF20423" i="1"/>
  <c r="AF20424" i="1"/>
  <c r="AF20425" i="1"/>
  <c r="AF20426" i="1"/>
  <c r="AF20427" i="1"/>
  <c r="AF20428" i="1"/>
  <c r="AF20429" i="1"/>
  <c r="AF20430" i="1"/>
  <c r="AF20431" i="1"/>
  <c r="AF20432" i="1"/>
  <c r="AF20433" i="1"/>
  <c r="AF20434" i="1"/>
  <c r="AF20435" i="1"/>
  <c r="AF20436" i="1"/>
  <c r="AF20437" i="1"/>
  <c r="AF20438" i="1"/>
  <c r="AF20439" i="1"/>
  <c r="AF20440" i="1"/>
  <c r="AF20441" i="1"/>
  <c r="AF20442" i="1"/>
  <c r="AF20443" i="1"/>
  <c r="AF20444" i="1"/>
  <c r="AF20445" i="1"/>
  <c r="AF20446" i="1"/>
  <c r="AF20447" i="1"/>
  <c r="AF20448" i="1"/>
  <c r="AF20449" i="1"/>
  <c r="AF20450" i="1"/>
  <c r="AF20451" i="1"/>
  <c r="AF20452" i="1"/>
  <c r="AF20453" i="1"/>
  <c r="AF20454" i="1"/>
  <c r="AF20455" i="1"/>
  <c r="AF20456" i="1"/>
  <c r="AF20457" i="1"/>
  <c r="AF20458" i="1"/>
  <c r="AF20459" i="1"/>
  <c r="AF20460" i="1"/>
  <c r="AF20461" i="1"/>
  <c r="AF20462" i="1"/>
  <c r="AF20463" i="1"/>
  <c r="AF20464" i="1"/>
  <c r="AF20465" i="1"/>
  <c r="AF20466" i="1"/>
  <c r="AF20467" i="1"/>
  <c r="AF20468" i="1"/>
  <c r="AF20469" i="1"/>
  <c r="AF20470" i="1"/>
  <c r="AF20471" i="1"/>
  <c r="AF20472" i="1"/>
  <c r="AF20473" i="1"/>
  <c r="AF20474" i="1"/>
  <c r="AF20475" i="1"/>
  <c r="AF20476" i="1"/>
  <c r="AF20477" i="1"/>
  <c r="AF20478" i="1"/>
  <c r="AF20479" i="1"/>
  <c r="AF20480" i="1"/>
  <c r="AF20481" i="1"/>
  <c r="AF20482" i="1"/>
  <c r="AF20483" i="1"/>
  <c r="AF20484" i="1"/>
  <c r="AF20485" i="1"/>
  <c r="AF20486" i="1"/>
  <c r="AF20487" i="1"/>
  <c r="AF20488" i="1"/>
  <c r="AF20489" i="1"/>
  <c r="AF20490" i="1"/>
  <c r="AF20491" i="1"/>
  <c r="AF20492" i="1"/>
  <c r="AF20493" i="1"/>
  <c r="AF20494" i="1"/>
  <c r="AF20495" i="1"/>
  <c r="AF20496" i="1"/>
  <c r="AF20497" i="1"/>
  <c r="AF20498" i="1"/>
  <c r="AF20499" i="1"/>
  <c r="AF20500" i="1"/>
  <c r="AF20501" i="1"/>
  <c r="AF20502" i="1"/>
  <c r="AF20503" i="1"/>
  <c r="AF20504" i="1"/>
  <c r="AF20505" i="1"/>
  <c r="AF20506" i="1"/>
  <c r="AF20507" i="1"/>
  <c r="AF20508" i="1"/>
  <c r="AF20509" i="1"/>
  <c r="AF20510" i="1"/>
  <c r="AF20511" i="1"/>
  <c r="AF20512" i="1"/>
  <c r="AF20513" i="1"/>
  <c r="AF20514" i="1"/>
  <c r="AF20515" i="1"/>
  <c r="AF20516" i="1"/>
  <c r="AF20517" i="1"/>
  <c r="AF20518" i="1"/>
  <c r="AF20519" i="1"/>
  <c r="AF20520" i="1"/>
  <c r="AF20521" i="1"/>
  <c r="AF20522" i="1"/>
  <c r="AF20523" i="1"/>
  <c r="AF20524" i="1"/>
  <c r="AF20525" i="1"/>
  <c r="AF20526" i="1"/>
  <c r="AF20527" i="1"/>
  <c r="AF20528" i="1"/>
  <c r="AF20529" i="1"/>
  <c r="AF20530" i="1"/>
  <c r="AF20531" i="1"/>
  <c r="AF20532" i="1"/>
  <c r="AF20533" i="1"/>
  <c r="AF20534" i="1"/>
  <c r="AF20535" i="1"/>
  <c r="AF20536" i="1"/>
  <c r="AF20537" i="1"/>
  <c r="AF20538" i="1"/>
  <c r="AF20539" i="1"/>
  <c r="AF20540" i="1"/>
  <c r="AF20541" i="1"/>
  <c r="AF20542" i="1"/>
  <c r="AF20543" i="1"/>
  <c r="AF20544" i="1"/>
  <c r="AF20545" i="1"/>
  <c r="AF20546" i="1"/>
  <c r="AF20547" i="1"/>
  <c r="AF20548" i="1"/>
  <c r="AF20549" i="1"/>
  <c r="AF20550" i="1"/>
  <c r="AF20551" i="1"/>
  <c r="AF20552" i="1"/>
  <c r="AF20553" i="1"/>
  <c r="AF20554" i="1"/>
  <c r="AF20555" i="1"/>
  <c r="AF20556" i="1"/>
  <c r="AF20557" i="1"/>
  <c r="AF20558" i="1"/>
  <c r="AF20559" i="1"/>
  <c r="AF20560" i="1"/>
  <c r="AF20561" i="1"/>
  <c r="AF20562" i="1"/>
  <c r="AF20563" i="1"/>
  <c r="AF20564" i="1"/>
  <c r="AF20565" i="1"/>
  <c r="AF20566" i="1"/>
  <c r="AF20567" i="1"/>
  <c r="AF20568" i="1"/>
  <c r="AF20569" i="1"/>
  <c r="AF20570" i="1"/>
  <c r="AF20571" i="1"/>
  <c r="AF20572" i="1"/>
  <c r="AF20573" i="1"/>
  <c r="AF20574" i="1"/>
  <c r="AF20575" i="1"/>
  <c r="AF20576" i="1"/>
  <c r="AF20577" i="1"/>
  <c r="AF20578" i="1"/>
  <c r="AF20579" i="1"/>
  <c r="AF20580" i="1"/>
  <c r="AF20581" i="1"/>
  <c r="AF20582" i="1"/>
  <c r="AF20583" i="1"/>
  <c r="AF20584" i="1"/>
  <c r="AF20585" i="1"/>
  <c r="AF20586" i="1"/>
  <c r="AF20587" i="1"/>
  <c r="AF20588" i="1"/>
  <c r="AF20589" i="1"/>
  <c r="AF20590" i="1"/>
  <c r="AF20591" i="1"/>
  <c r="AF20592" i="1"/>
  <c r="AF20593" i="1"/>
  <c r="AF20594" i="1"/>
  <c r="AF20595" i="1"/>
  <c r="AF20596" i="1"/>
  <c r="AF20597" i="1"/>
  <c r="AF20598" i="1"/>
  <c r="AF20599" i="1"/>
  <c r="AF20600" i="1"/>
  <c r="AF20601" i="1"/>
  <c r="AF20602" i="1"/>
  <c r="AF20603" i="1"/>
  <c r="AF20604" i="1"/>
  <c r="AF20605" i="1"/>
  <c r="AF20606" i="1"/>
  <c r="AF20607" i="1"/>
  <c r="AF20608" i="1"/>
  <c r="AF20609" i="1"/>
  <c r="AF20610" i="1"/>
  <c r="AF20611" i="1"/>
  <c r="AF20612" i="1"/>
  <c r="AF20613" i="1"/>
  <c r="AF20614" i="1"/>
  <c r="AF20615" i="1"/>
  <c r="AF20616" i="1"/>
  <c r="AF20617" i="1"/>
  <c r="AF20618" i="1"/>
  <c r="AF20619" i="1"/>
  <c r="AF20620" i="1"/>
  <c r="AF20621" i="1"/>
  <c r="AF20622" i="1"/>
  <c r="AF20623" i="1"/>
  <c r="AF20624" i="1"/>
  <c r="AF20625" i="1"/>
  <c r="AF20626" i="1"/>
  <c r="AF20627" i="1"/>
  <c r="AF20628" i="1"/>
  <c r="AF20629" i="1"/>
  <c r="AF20630" i="1"/>
  <c r="AF20631" i="1"/>
  <c r="AF20632" i="1"/>
  <c r="AF20633" i="1"/>
  <c r="AF20634" i="1"/>
  <c r="AF20635" i="1"/>
  <c r="AF20636" i="1"/>
  <c r="AF20637" i="1"/>
  <c r="AF20638" i="1"/>
  <c r="AF20639" i="1"/>
  <c r="AF20640" i="1"/>
  <c r="AF20641" i="1"/>
  <c r="AF20642" i="1"/>
  <c r="AF20643" i="1"/>
  <c r="AF20644" i="1"/>
  <c r="AF20645" i="1"/>
  <c r="AF20646" i="1"/>
  <c r="AF20647" i="1"/>
  <c r="AF20648" i="1"/>
  <c r="AF20649" i="1"/>
  <c r="AF20650" i="1"/>
  <c r="AF20651" i="1"/>
  <c r="AF20652" i="1"/>
  <c r="AF20653" i="1"/>
  <c r="AF20654" i="1"/>
  <c r="AF20655" i="1"/>
  <c r="AF20656" i="1"/>
  <c r="AF20657" i="1"/>
  <c r="AF20658" i="1"/>
  <c r="AF20659" i="1"/>
  <c r="AF20660" i="1"/>
  <c r="AF20661" i="1"/>
  <c r="AF20662" i="1"/>
  <c r="AF20663" i="1"/>
  <c r="AF20664" i="1"/>
  <c r="AF20665" i="1"/>
  <c r="AF20666" i="1"/>
  <c r="AF20667" i="1"/>
  <c r="AF20668" i="1"/>
  <c r="AF20669" i="1"/>
  <c r="AF20670" i="1"/>
  <c r="AF20671" i="1"/>
  <c r="AF20672" i="1"/>
  <c r="AF20673" i="1"/>
  <c r="AF20674" i="1"/>
  <c r="AF20675" i="1"/>
  <c r="AF20676" i="1"/>
  <c r="AF20677" i="1"/>
  <c r="AF20678" i="1"/>
  <c r="AF20679" i="1"/>
  <c r="AF20680" i="1"/>
  <c r="AF20681" i="1"/>
  <c r="AF20682" i="1"/>
  <c r="AF20683" i="1"/>
  <c r="AF20684" i="1"/>
  <c r="AF20685" i="1"/>
  <c r="AF20686" i="1"/>
  <c r="AF20687" i="1"/>
  <c r="AF20688" i="1"/>
  <c r="AF20689" i="1"/>
  <c r="AF20690" i="1"/>
  <c r="AF20691" i="1"/>
  <c r="AF20692" i="1"/>
  <c r="AF20693" i="1"/>
  <c r="AF20694" i="1"/>
  <c r="AF20695" i="1"/>
  <c r="AF20696" i="1"/>
  <c r="AF20697" i="1"/>
  <c r="AF20698" i="1"/>
  <c r="AF20699" i="1"/>
  <c r="AF20700" i="1"/>
  <c r="AF20701" i="1"/>
  <c r="AF20702" i="1"/>
  <c r="AF20703" i="1"/>
  <c r="AF20704" i="1"/>
  <c r="AF20705" i="1"/>
  <c r="AF20706" i="1"/>
  <c r="AF20707" i="1"/>
  <c r="AF20708" i="1"/>
  <c r="AF20709" i="1"/>
  <c r="AF20710" i="1"/>
  <c r="AF20711" i="1"/>
  <c r="AF20712" i="1"/>
  <c r="AF20713" i="1"/>
  <c r="AF20714" i="1"/>
  <c r="AF20715" i="1"/>
  <c r="AF20716" i="1"/>
  <c r="AF20717" i="1"/>
  <c r="AF20718" i="1"/>
  <c r="AF20719" i="1"/>
  <c r="AF20720" i="1"/>
  <c r="AF20721" i="1"/>
  <c r="AF20722" i="1"/>
  <c r="AF20723" i="1"/>
  <c r="AF20724" i="1"/>
  <c r="AF20725" i="1"/>
  <c r="AF20726" i="1"/>
  <c r="AF20727" i="1"/>
  <c r="AF20728" i="1"/>
  <c r="AF20729" i="1"/>
  <c r="AF20730" i="1"/>
  <c r="AF20731" i="1"/>
  <c r="AF20732" i="1"/>
  <c r="AF20733" i="1"/>
  <c r="AF20734" i="1"/>
  <c r="AF20735" i="1"/>
  <c r="AF20736" i="1"/>
  <c r="AF20737" i="1"/>
  <c r="AF20738" i="1"/>
  <c r="AF20739" i="1"/>
  <c r="AF20740" i="1"/>
  <c r="AF20741" i="1"/>
  <c r="AF20742" i="1"/>
  <c r="AF20743" i="1"/>
  <c r="AF20744" i="1"/>
  <c r="AF20745" i="1"/>
  <c r="AF20746" i="1"/>
  <c r="AF20747" i="1"/>
  <c r="AF20748" i="1"/>
  <c r="AF20749" i="1"/>
  <c r="AF20750" i="1"/>
  <c r="AF20751" i="1"/>
  <c r="AF20752" i="1"/>
  <c r="AF20753" i="1"/>
  <c r="AF20754" i="1"/>
  <c r="AF20755" i="1"/>
  <c r="AF20756" i="1"/>
  <c r="AF20757" i="1"/>
  <c r="AF20758" i="1"/>
  <c r="AF20759" i="1"/>
  <c r="AF20760" i="1"/>
  <c r="AF20761" i="1"/>
  <c r="AF20762" i="1"/>
  <c r="AF20763" i="1"/>
  <c r="AF20764" i="1"/>
  <c r="AF20765" i="1"/>
  <c r="AF20766" i="1"/>
  <c r="AF20767" i="1"/>
  <c r="AF20768" i="1"/>
  <c r="AF20769" i="1"/>
  <c r="AF20770" i="1"/>
  <c r="AF20771" i="1"/>
  <c r="AF20772" i="1"/>
  <c r="AF20773" i="1"/>
  <c r="AF20774" i="1"/>
  <c r="AF20775" i="1"/>
  <c r="AF20776" i="1"/>
  <c r="AF20777" i="1"/>
  <c r="AF20778" i="1"/>
  <c r="AF20779" i="1"/>
  <c r="AF20780" i="1"/>
  <c r="AF20781" i="1"/>
  <c r="AF20782" i="1"/>
  <c r="AF20783" i="1"/>
  <c r="AF20784" i="1"/>
  <c r="AF20785" i="1"/>
  <c r="AF20786" i="1"/>
  <c r="AF20787" i="1"/>
  <c r="AF20788" i="1"/>
  <c r="AF20789" i="1"/>
  <c r="AF20790" i="1"/>
  <c r="AF20791" i="1"/>
  <c r="AF20792" i="1"/>
  <c r="AF20793" i="1"/>
  <c r="AF20794" i="1"/>
  <c r="AF20795" i="1"/>
  <c r="AF20796" i="1"/>
  <c r="AF20797" i="1"/>
  <c r="AF20798" i="1"/>
  <c r="AF20799" i="1"/>
  <c r="AF20800" i="1"/>
  <c r="AF20801" i="1"/>
  <c r="AF20802" i="1"/>
  <c r="AF20803" i="1"/>
  <c r="AF20804" i="1"/>
  <c r="AF20805" i="1"/>
  <c r="AF20806" i="1"/>
  <c r="AF20807" i="1"/>
  <c r="AF20808" i="1"/>
  <c r="AF20809" i="1"/>
  <c r="AF20810" i="1"/>
  <c r="AF20811" i="1"/>
  <c r="AF20812" i="1"/>
  <c r="AF20813" i="1"/>
  <c r="AF20814" i="1"/>
  <c r="AF20815" i="1"/>
  <c r="AF20816" i="1"/>
  <c r="AF20817" i="1"/>
  <c r="AF20818" i="1"/>
  <c r="AF20819" i="1"/>
  <c r="AF20820" i="1"/>
  <c r="AF20821" i="1"/>
  <c r="AF20822" i="1"/>
  <c r="AF20823" i="1"/>
  <c r="AF20824" i="1"/>
  <c r="AF20825" i="1"/>
  <c r="AF20826" i="1"/>
  <c r="AF20827" i="1"/>
  <c r="AF20828" i="1"/>
  <c r="AF20829" i="1"/>
  <c r="AF20830" i="1"/>
  <c r="AF20831" i="1"/>
  <c r="AF20832" i="1"/>
  <c r="AF20833" i="1"/>
  <c r="AF20834" i="1"/>
  <c r="AF20835" i="1"/>
  <c r="AF20836" i="1"/>
  <c r="AF20837" i="1"/>
  <c r="AF20838" i="1"/>
  <c r="AF20839" i="1"/>
  <c r="AF20840" i="1"/>
  <c r="AF20841" i="1"/>
  <c r="AF20842" i="1"/>
  <c r="AF20843" i="1"/>
  <c r="AF20844" i="1"/>
  <c r="AF20845" i="1"/>
  <c r="AF20846" i="1"/>
  <c r="AF20847" i="1"/>
  <c r="AF20848" i="1"/>
  <c r="AF20849" i="1"/>
  <c r="AF20850" i="1"/>
  <c r="AF20851" i="1"/>
  <c r="AF20852" i="1"/>
  <c r="AF20853" i="1"/>
  <c r="AF20854" i="1"/>
  <c r="AF20855" i="1"/>
  <c r="AF20856" i="1"/>
  <c r="AF20857" i="1"/>
  <c r="AF20858" i="1"/>
  <c r="AF20859" i="1"/>
  <c r="AF20860" i="1"/>
  <c r="AF20861" i="1"/>
  <c r="AF20862" i="1"/>
  <c r="AF20863" i="1"/>
  <c r="AF20864" i="1"/>
  <c r="AF20865" i="1"/>
  <c r="AF20866" i="1"/>
  <c r="AF20867" i="1"/>
  <c r="AF20868" i="1"/>
  <c r="AF20869" i="1"/>
  <c r="AF20870" i="1"/>
  <c r="AF20871" i="1"/>
  <c r="AF20872" i="1"/>
  <c r="AF20873" i="1"/>
  <c r="AF20874" i="1"/>
  <c r="AF20875" i="1"/>
  <c r="AF20876" i="1"/>
  <c r="AF20877" i="1"/>
  <c r="AF20878" i="1"/>
  <c r="AF20879" i="1"/>
  <c r="AF20880" i="1"/>
  <c r="AF20881" i="1"/>
  <c r="AF20882" i="1"/>
  <c r="AF20883" i="1"/>
  <c r="AF20884" i="1"/>
  <c r="AF20885" i="1"/>
  <c r="AF20886" i="1"/>
  <c r="AF20887" i="1"/>
  <c r="AF20888" i="1"/>
  <c r="AF20889" i="1"/>
  <c r="AF20890" i="1"/>
  <c r="AF20891" i="1"/>
  <c r="AF20892" i="1"/>
  <c r="AF20893" i="1"/>
  <c r="AF20894" i="1"/>
  <c r="AF20895" i="1"/>
  <c r="AF20896" i="1"/>
  <c r="AF20897" i="1"/>
  <c r="AF20898" i="1"/>
  <c r="AF20899" i="1"/>
  <c r="AF20900" i="1"/>
  <c r="AF20901" i="1"/>
  <c r="AF20902" i="1"/>
  <c r="AF20903" i="1"/>
  <c r="AF20904" i="1"/>
  <c r="AF20905" i="1"/>
  <c r="AF20906" i="1"/>
  <c r="AF20907" i="1"/>
  <c r="AF20908" i="1"/>
  <c r="AF20909" i="1"/>
  <c r="AF20910" i="1"/>
  <c r="AF20911" i="1"/>
  <c r="AF20912" i="1"/>
  <c r="AF20913" i="1"/>
  <c r="AF20914" i="1"/>
  <c r="AF20915" i="1"/>
  <c r="AF20916" i="1"/>
  <c r="AF20917" i="1"/>
  <c r="AF20918" i="1"/>
  <c r="AF20919" i="1"/>
  <c r="AF20920" i="1"/>
  <c r="AF20921" i="1"/>
  <c r="AF20922" i="1"/>
  <c r="AF20923" i="1"/>
  <c r="AF20924" i="1"/>
  <c r="AF20925" i="1"/>
  <c r="AF20926" i="1"/>
  <c r="AF20927" i="1"/>
  <c r="AF20928" i="1"/>
  <c r="AF20929" i="1"/>
  <c r="AF20930" i="1"/>
  <c r="AF20931" i="1"/>
  <c r="AF20932" i="1"/>
  <c r="AF20933" i="1"/>
  <c r="AF20934" i="1"/>
  <c r="AF20935" i="1"/>
  <c r="AF20936" i="1"/>
  <c r="AF20937" i="1"/>
  <c r="AF20938" i="1"/>
  <c r="AF20939" i="1"/>
  <c r="AF20940" i="1"/>
  <c r="AF20941" i="1"/>
  <c r="AF20942" i="1"/>
  <c r="AF20943" i="1"/>
  <c r="AF20944" i="1"/>
  <c r="AF20945" i="1"/>
  <c r="AF20946" i="1"/>
  <c r="AF20947" i="1"/>
  <c r="AF20948" i="1"/>
  <c r="AF20949" i="1"/>
  <c r="AF20950" i="1"/>
  <c r="AF20951" i="1"/>
  <c r="AF20952" i="1"/>
  <c r="AF20953" i="1"/>
  <c r="AF20954" i="1"/>
  <c r="AF20955" i="1"/>
  <c r="AF20956" i="1"/>
  <c r="AF20957" i="1"/>
  <c r="AF20958" i="1"/>
  <c r="AF20959" i="1"/>
  <c r="AF20960" i="1"/>
  <c r="AF20961" i="1"/>
  <c r="AF20962" i="1"/>
  <c r="AF20963" i="1"/>
  <c r="AF20964" i="1"/>
  <c r="AF20965" i="1"/>
  <c r="AF20966" i="1"/>
  <c r="AF20967" i="1"/>
  <c r="AF20968" i="1"/>
  <c r="AF20969" i="1"/>
  <c r="AF20970" i="1"/>
  <c r="AF20971" i="1"/>
  <c r="AF20972" i="1"/>
  <c r="AF20973" i="1"/>
  <c r="AF20974" i="1"/>
  <c r="AF20975" i="1"/>
  <c r="AF20976" i="1"/>
  <c r="AF20977" i="1"/>
  <c r="AF20978" i="1"/>
  <c r="AF20979" i="1"/>
  <c r="AF20980" i="1"/>
  <c r="AF20981" i="1"/>
  <c r="AF20982" i="1"/>
  <c r="AF20983" i="1"/>
  <c r="AF20984" i="1"/>
  <c r="AF20985" i="1"/>
  <c r="AF20986" i="1"/>
  <c r="AF20987" i="1"/>
  <c r="AF20988" i="1"/>
  <c r="AF20989" i="1"/>
  <c r="AF20990" i="1"/>
  <c r="AF20991" i="1"/>
  <c r="AF20992" i="1"/>
  <c r="AF20993" i="1"/>
  <c r="AF20994" i="1"/>
  <c r="AF20995" i="1"/>
  <c r="AF20996" i="1"/>
  <c r="AF20997" i="1"/>
  <c r="AF20998" i="1"/>
  <c r="AF20999" i="1"/>
  <c r="AF21000" i="1"/>
  <c r="AF21001" i="1"/>
  <c r="AF21002" i="1"/>
  <c r="AF21003" i="1"/>
  <c r="AF21004" i="1"/>
  <c r="AF21005" i="1"/>
  <c r="AF21006" i="1"/>
  <c r="AF21007" i="1"/>
  <c r="AF21008" i="1"/>
  <c r="AF21009" i="1"/>
  <c r="AF21010" i="1"/>
  <c r="AF21011" i="1"/>
  <c r="AF21012" i="1"/>
  <c r="AF21013" i="1"/>
  <c r="AF21014" i="1"/>
  <c r="AF21015" i="1"/>
  <c r="AF21016" i="1"/>
  <c r="AF21017" i="1"/>
  <c r="AF21018" i="1"/>
  <c r="AF21019" i="1"/>
  <c r="AF21020" i="1"/>
  <c r="AF21021" i="1"/>
  <c r="AF21022" i="1"/>
  <c r="AF21023" i="1"/>
  <c r="AF21024" i="1"/>
  <c r="AF21025" i="1"/>
  <c r="AF21026" i="1"/>
  <c r="AF21027" i="1"/>
  <c r="AF21028" i="1"/>
  <c r="AF21029" i="1"/>
  <c r="AF21030" i="1"/>
  <c r="AF21031" i="1"/>
  <c r="AF21032" i="1"/>
  <c r="AF21033" i="1"/>
  <c r="AF21034" i="1"/>
  <c r="AF21035" i="1"/>
  <c r="AF21036" i="1"/>
  <c r="AF21037" i="1"/>
  <c r="AF21038" i="1"/>
  <c r="AF21039" i="1"/>
  <c r="AF21040" i="1"/>
  <c r="AF21041" i="1"/>
  <c r="AF21042" i="1"/>
  <c r="AF21043" i="1"/>
  <c r="AF21044" i="1"/>
  <c r="AF21045" i="1"/>
  <c r="AF21046" i="1"/>
  <c r="AF21047" i="1"/>
  <c r="AF21048" i="1"/>
  <c r="AF21049" i="1"/>
  <c r="AF21050" i="1"/>
  <c r="AF21051" i="1"/>
  <c r="AF21052" i="1"/>
  <c r="AF21053" i="1"/>
  <c r="AF21054" i="1"/>
  <c r="AF21055" i="1"/>
  <c r="AF21056" i="1"/>
  <c r="AF21057" i="1"/>
  <c r="AF21058" i="1"/>
  <c r="AF21059" i="1"/>
  <c r="AF21060" i="1"/>
  <c r="AF21061" i="1"/>
  <c r="AF21062" i="1"/>
  <c r="AF21063" i="1"/>
  <c r="AF21064" i="1"/>
  <c r="AF21065" i="1"/>
  <c r="AF21066" i="1"/>
  <c r="AF21067" i="1"/>
  <c r="AF21068" i="1"/>
  <c r="AF21069" i="1"/>
  <c r="AF21070" i="1"/>
  <c r="AF21071" i="1"/>
  <c r="AF21072" i="1"/>
  <c r="AF21073" i="1"/>
  <c r="AF21074" i="1"/>
  <c r="AF21075" i="1"/>
  <c r="AF21076" i="1"/>
  <c r="AF21077" i="1"/>
  <c r="AF21078" i="1"/>
  <c r="AF21079" i="1"/>
  <c r="AF21080" i="1"/>
  <c r="AF21081" i="1"/>
  <c r="AF21082" i="1"/>
  <c r="AF21083" i="1"/>
  <c r="AF21084" i="1"/>
  <c r="AF21085" i="1"/>
  <c r="AF21086" i="1"/>
  <c r="AF21087" i="1"/>
  <c r="AF21088" i="1"/>
  <c r="AF21089" i="1"/>
  <c r="AF21090" i="1"/>
  <c r="AF21091" i="1"/>
  <c r="AF21092" i="1"/>
  <c r="AF21093" i="1"/>
  <c r="AF21094" i="1"/>
  <c r="AF21095" i="1"/>
  <c r="AF21096" i="1"/>
  <c r="AF21097" i="1"/>
  <c r="AF21098" i="1"/>
  <c r="AF21099" i="1"/>
  <c r="AF21100" i="1"/>
  <c r="AF21101" i="1"/>
  <c r="AF21102" i="1"/>
  <c r="AF21103" i="1"/>
  <c r="AF21104" i="1"/>
  <c r="AF21105" i="1"/>
  <c r="AF21106" i="1"/>
  <c r="AF21107" i="1"/>
  <c r="AF21108" i="1"/>
  <c r="AF21109" i="1"/>
  <c r="AF21110" i="1"/>
  <c r="AF21111" i="1"/>
  <c r="AF21112" i="1"/>
  <c r="AF21113" i="1"/>
  <c r="AF21114" i="1"/>
  <c r="AF21115" i="1"/>
  <c r="AF21116" i="1"/>
  <c r="AF21117" i="1"/>
  <c r="AF21118" i="1"/>
  <c r="AF21119" i="1"/>
  <c r="AF21120" i="1"/>
  <c r="AF21121" i="1"/>
  <c r="AF21122" i="1"/>
  <c r="AF21123" i="1"/>
  <c r="AF21124" i="1"/>
  <c r="AF21125" i="1"/>
  <c r="AF21126" i="1"/>
  <c r="AF21127" i="1"/>
  <c r="AF21128" i="1"/>
  <c r="AF21129" i="1"/>
  <c r="AF21130" i="1"/>
  <c r="AF21131" i="1"/>
  <c r="AF21132" i="1"/>
  <c r="AF21133" i="1"/>
  <c r="AF21134" i="1"/>
  <c r="AF21135" i="1"/>
  <c r="AF21136" i="1"/>
  <c r="AF21137" i="1"/>
  <c r="AF21138" i="1"/>
  <c r="AF21139" i="1"/>
  <c r="AF21140" i="1"/>
  <c r="AF21141" i="1"/>
  <c r="AF21142" i="1"/>
  <c r="AF21143" i="1"/>
  <c r="AF21144" i="1"/>
  <c r="AF21145" i="1"/>
  <c r="AF21146" i="1"/>
  <c r="AF21147" i="1"/>
  <c r="AF21148" i="1"/>
  <c r="AF21149" i="1"/>
  <c r="AF21150" i="1"/>
  <c r="AF21151" i="1"/>
  <c r="AF21152" i="1"/>
  <c r="AF21153" i="1"/>
  <c r="AF21154" i="1"/>
  <c r="AF21155" i="1"/>
  <c r="AF21156" i="1"/>
  <c r="AF21157" i="1"/>
  <c r="AF21158" i="1"/>
  <c r="AF21159" i="1"/>
  <c r="AF21160" i="1"/>
  <c r="AF21161" i="1"/>
  <c r="AF21162" i="1"/>
  <c r="AF21163" i="1"/>
  <c r="AF21164" i="1"/>
  <c r="AF21165" i="1"/>
  <c r="AF21166" i="1"/>
  <c r="AF21167" i="1"/>
  <c r="AF21168" i="1"/>
  <c r="AF21169" i="1"/>
  <c r="AF21170" i="1"/>
  <c r="AF21171" i="1"/>
  <c r="AF21172" i="1"/>
  <c r="AF21173" i="1"/>
  <c r="AF21174" i="1"/>
  <c r="AF21175" i="1"/>
  <c r="AF21176" i="1"/>
  <c r="AF21177" i="1"/>
  <c r="AF21178" i="1"/>
  <c r="AF21179" i="1"/>
  <c r="AF21180" i="1"/>
  <c r="AF21181" i="1"/>
  <c r="AF21182" i="1"/>
  <c r="AF21183" i="1"/>
  <c r="AF21184" i="1"/>
  <c r="AF21185" i="1"/>
  <c r="AF21186" i="1"/>
  <c r="AF21187" i="1"/>
  <c r="AF21188" i="1"/>
  <c r="AF21189" i="1"/>
  <c r="AF21190" i="1"/>
  <c r="AF21191" i="1"/>
  <c r="AF21192" i="1"/>
  <c r="AF21193" i="1"/>
  <c r="AF21194" i="1"/>
  <c r="AF21195" i="1"/>
  <c r="AF21196" i="1"/>
  <c r="AF21197" i="1"/>
  <c r="AF21198" i="1"/>
  <c r="AF21199" i="1"/>
  <c r="AF21200" i="1"/>
  <c r="AF21201" i="1"/>
  <c r="AF21202" i="1"/>
  <c r="AF21203" i="1"/>
  <c r="AF21204" i="1"/>
  <c r="AF21205" i="1"/>
  <c r="AF21206" i="1"/>
  <c r="AF21207" i="1"/>
  <c r="AF21208" i="1"/>
  <c r="AF21209" i="1"/>
  <c r="AF21210" i="1"/>
  <c r="AF21211" i="1"/>
  <c r="AF21212" i="1"/>
  <c r="AF21213" i="1"/>
  <c r="AF21214" i="1"/>
  <c r="AF21215" i="1"/>
  <c r="AF21216" i="1"/>
  <c r="AF21217" i="1"/>
  <c r="AF21218" i="1"/>
  <c r="AF21219" i="1"/>
  <c r="AF21220" i="1"/>
  <c r="AF21221" i="1"/>
  <c r="AF21222" i="1"/>
  <c r="AF21223" i="1"/>
  <c r="AF21224" i="1"/>
  <c r="AF21225" i="1"/>
  <c r="AF21226" i="1"/>
  <c r="AF21227" i="1"/>
  <c r="AF21228" i="1"/>
  <c r="AF21229" i="1"/>
  <c r="AF21230" i="1"/>
  <c r="AF21231" i="1"/>
  <c r="AF21232" i="1"/>
  <c r="AF21233" i="1"/>
  <c r="AF21234" i="1"/>
  <c r="AF21235" i="1"/>
  <c r="AF21236" i="1"/>
  <c r="AF21237" i="1"/>
  <c r="AF21238" i="1"/>
  <c r="AF21239" i="1"/>
  <c r="AF21240" i="1"/>
  <c r="AF21241" i="1"/>
  <c r="AF21242" i="1"/>
  <c r="AF21243" i="1"/>
  <c r="AF21244" i="1"/>
  <c r="AF21245" i="1"/>
  <c r="AF21246" i="1"/>
  <c r="AF21247" i="1"/>
  <c r="AF21248" i="1"/>
  <c r="AF21249" i="1"/>
  <c r="AF21250" i="1"/>
  <c r="AF21251" i="1"/>
  <c r="AF21252" i="1"/>
  <c r="AF21253" i="1"/>
  <c r="AF21254" i="1"/>
  <c r="AF21255" i="1"/>
  <c r="AF21256" i="1"/>
  <c r="AF21257" i="1"/>
  <c r="AF21258" i="1"/>
  <c r="AF21259" i="1"/>
  <c r="AF21260" i="1"/>
  <c r="AF21261" i="1"/>
  <c r="AF21262" i="1"/>
  <c r="AF21263" i="1"/>
  <c r="AF21264" i="1"/>
  <c r="AF21265" i="1"/>
  <c r="AF21266" i="1"/>
  <c r="AF21267" i="1"/>
  <c r="AF21268" i="1"/>
  <c r="AF21269" i="1"/>
  <c r="AF21270" i="1"/>
  <c r="AF21271" i="1"/>
  <c r="AF21272" i="1"/>
  <c r="AF21273" i="1"/>
  <c r="AF21274" i="1"/>
  <c r="AF21275" i="1"/>
  <c r="AF21276" i="1"/>
  <c r="AF21277" i="1"/>
  <c r="AF21278" i="1"/>
  <c r="AF21279" i="1"/>
  <c r="AF21280" i="1"/>
  <c r="AF21281" i="1"/>
  <c r="AF21282" i="1"/>
  <c r="AF21283" i="1"/>
  <c r="AF21284" i="1"/>
  <c r="AF21285" i="1"/>
  <c r="AF21286" i="1"/>
  <c r="AF21287" i="1"/>
  <c r="AF21288" i="1"/>
  <c r="AF21289" i="1"/>
  <c r="AF21290" i="1"/>
  <c r="AF21291" i="1"/>
  <c r="AF21292" i="1"/>
  <c r="AF21293" i="1"/>
  <c r="AF21294" i="1"/>
  <c r="AF21295" i="1"/>
  <c r="AF21296" i="1"/>
  <c r="AF21297" i="1"/>
  <c r="AF21298" i="1"/>
  <c r="AF21299" i="1"/>
  <c r="AF21300" i="1"/>
  <c r="AF21301" i="1"/>
  <c r="AF21302" i="1"/>
  <c r="AF21303" i="1"/>
  <c r="AF21304" i="1"/>
  <c r="AF21305" i="1"/>
  <c r="AF21306" i="1"/>
  <c r="AF21307" i="1"/>
  <c r="AF21308" i="1"/>
  <c r="AF21309" i="1"/>
  <c r="AF21310" i="1"/>
  <c r="AF21311" i="1"/>
  <c r="AF21312" i="1"/>
  <c r="AF21313" i="1"/>
  <c r="AF21314" i="1"/>
  <c r="AF21315" i="1"/>
  <c r="AF21316" i="1"/>
  <c r="AF21317" i="1"/>
  <c r="AF21318" i="1"/>
  <c r="AF21319" i="1"/>
  <c r="AF21320" i="1"/>
  <c r="AF21321" i="1"/>
  <c r="AF21322" i="1"/>
  <c r="AF21323" i="1"/>
  <c r="AF21324" i="1"/>
  <c r="AF21325" i="1"/>
  <c r="AF21326" i="1"/>
  <c r="AF21327" i="1"/>
  <c r="AF21328" i="1"/>
  <c r="AF21329" i="1"/>
  <c r="AF21330" i="1"/>
  <c r="AF21331" i="1"/>
  <c r="AF21332" i="1"/>
  <c r="AF21333" i="1"/>
  <c r="AF21334" i="1"/>
  <c r="AF21335" i="1"/>
  <c r="AF21336" i="1"/>
  <c r="AF21337" i="1"/>
  <c r="AF21338" i="1"/>
  <c r="AF21339" i="1"/>
  <c r="AF21340" i="1"/>
  <c r="AF21341" i="1"/>
  <c r="AF21342" i="1"/>
  <c r="AF21343" i="1"/>
  <c r="AF21344" i="1"/>
  <c r="AF21345" i="1"/>
  <c r="AF21346" i="1"/>
  <c r="AF21347" i="1"/>
  <c r="AF21348" i="1"/>
  <c r="AF21349" i="1"/>
  <c r="AF21350" i="1"/>
  <c r="AF21351" i="1"/>
  <c r="AF21352" i="1"/>
  <c r="AF21353" i="1"/>
  <c r="AF21354" i="1"/>
  <c r="AF21355" i="1"/>
  <c r="AF21356" i="1"/>
  <c r="AF21357" i="1"/>
  <c r="AF21358" i="1"/>
  <c r="AF21359" i="1"/>
  <c r="AF21360" i="1"/>
  <c r="AF21361" i="1"/>
  <c r="AF21362" i="1"/>
  <c r="AF21363" i="1"/>
  <c r="AF21364" i="1"/>
  <c r="AF21365" i="1"/>
  <c r="AF21366" i="1"/>
  <c r="AF21367" i="1"/>
  <c r="AF21368" i="1"/>
  <c r="AF21369" i="1"/>
  <c r="AF21370" i="1"/>
  <c r="AF21371" i="1"/>
  <c r="AF21372" i="1"/>
  <c r="AF21373" i="1"/>
  <c r="AF21374" i="1"/>
  <c r="AF21375" i="1"/>
  <c r="AF21376" i="1"/>
  <c r="AF21377" i="1"/>
  <c r="AF21378" i="1"/>
  <c r="AF21379" i="1"/>
  <c r="AF21380" i="1"/>
  <c r="AF21381" i="1"/>
  <c r="AF21382" i="1"/>
  <c r="AF21383" i="1"/>
  <c r="AF21384" i="1"/>
  <c r="AF21385" i="1"/>
  <c r="AF21386" i="1"/>
  <c r="AF21387" i="1"/>
  <c r="AF21388" i="1"/>
  <c r="AF21389" i="1"/>
  <c r="AF21390" i="1"/>
  <c r="AF21391" i="1"/>
  <c r="AF21392" i="1"/>
  <c r="AF21393" i="1"/>
  <c r="AF21394" i="1"/>
  <c r="AF21395" i="1"/>
  <c r="AF21396" i="1"/>
  <c r="AF21397" i="1"/>
  <c r="AF21398" i="1"/>
  <c r="AF21399" i="1"/>
  <c r="AF21400" i="1"/>
  <c r="AF21401" i="1"/>
  <c r="AF21402" i="1"/>
  <c r="AF21403" i="1"/>
  <c r="AF21404" i="1"/>
  <c r="AF21405" i="1"/>
  <c r="AF21406" i="1"/>
  <c r="AF21407" i="1"/>
  <c r="AF21408" i="1"/>
  <c r="AF21409" i="1"/>
  <c r="AF21410" i="1"/>
  <c r="AF21411" i="1"/>
  <c r="AF21412" i="1"/>
  <c r="AF21413" i="1"/>
  <c r="AF21414" i="1"/>
  <c r="AF21415" i="1"/>
  <c r="AF21416" i="1"/>
  <c r="AF21417" i="1"/>
  <c r="AF21418" i="1"/>
  <c r="AF21419" i="1"/>
  <c r="AF21420" i="1"/>
  <c r="AF21421" i="1"/>
  <c r="AF21422" i="1"/>
  <c r="AF21423" i="1"/>
  <c r="AF21424" i="1"/>
  <c r="AF21425" i="1"/>
  <c r="AF21426" i="1"/>
  <c r="AF21427" i="1"/>
  <c r="AF21428" i="1"/>
  <c r="AF21429" i="1"/>
  <c r="AF21430" i="1"/>
  <c r="AF21431" i="1"/>
  <c r="AF21432" i="1"/>
  <c r="AF21433" i="1"/>
  <c r="AF21434" i="1"/>
  <c r="AF21435" i="1"/>
  <c r="AF21436" i="1"/>
  <c r="AF21437" i="1"/>
  <c r="AF21438" i="1"/>
  <c r="AF21439" i="1"/>
  <c r="AF21440" i="1"/>
  <c r="AF21441" i="1"/>
  <c r="AF21442" i="1"/>
  <c r="AF21443" i="1"/>
  <c r="AF21444" i="1"/>
  <c r="AF21445" i="1"/>
  <c r="AF21446" i="1"/>
  <c r="AF21447" i="1"/>
  <c r="AF21448" i="1"/>
  <c r="AF21449" i="1"/>
  <c r="AF21450" i="1"/>
  <c r="AF21451" i="1"/>
  <c r="AF21452" i="1"/>
  <c r="AF21453" i="1"/>
  <c r="AF21454" i="1"/>
  <c r="AF21455" i="1"/>
  <c r="AF21456" i="1"/>
  <c r="AF21457" i="1"/>
  <c r="AF21458" i="1"/>
  <c r="AF21459" i="1"/>
  <c r="AF21460" i="1"/>
  <c r="AF21461" i="1"/>
  <c r="AF21462" i="1"/>
  <c r="AF21463" i="1"/>
  <c r="AF21464" i="1"/>
  <c r="AF21465" i="1"/>
  <c r="AF21466" i="1"/>
  <c r="AF21467" i="1"/>
  <c r="AF21468" i="1"/>
  <c r="AF21469" i="1"/>
  <c r="AF21470" i="1"/>
  <c r="AF21471" i="1"/>
  <c r="AF21472" i="1"/>
  <c r="AF21473" i="1"/>
  <c r="AF21474" i="1"/>
  <c r="AF21475" i="1"/>
  <c r="AF21476" i="1"/>
  <c r="AF21477" i="1"/>
  <c r="AF21478" i="1"/>
  <c r="AF21479" i="1"/>
  <c r="AF21480" i="1"/>
  <c r="AF21481" i="1"/>
  <c r="AF21482" i="1"/>
  <c r="AF21483" i="1"/>
  <c r="AF21484" i="1"/>
  <c r="AF21485" i="1"/>
  <c r="AF21486" i="1"/>
  <c r="AF21487" i="1"/>
  <c r="AF21488" i="1"/>
  <c r="AF21489" i="1"/>
  <c r="AF21490" i="1"/>
  <c r="AF21491" i="1"/>
  <c r="AF21492" i="1"/>
  <c r="AF21493" i="1"/>
  <c r="AF21494" i="1"/>
  <c r="AF21495" i="1"/>
  <c r="AF21496" i="1"/>
  <c r="AF21497" i="1"/>
  <c r="AF21498" i="1"/>
  <c r="AF21499" i="1"/>
  <c r="AF21500" i="1"/>
  <c r="AF21501" i="1"/>
  <c r="AF21502" i="1"/>
  <c r="AF21503" i="1"/>
  <c r="AF21504" i="1"/>
  <c r="AF21505" i="1"/>
  <c r="AF21506" i="1"/>
  <c r="AF21507" i="1"/>
  <c r="AF21508" i="1"/>
  <c r="AF21509" i="1"/>
  <c r="AF21510" i="1"/>
  <c r="AF21511" i="1"/>
  <c r="AF21512" i="1"/>
  <c r="AF21513" i="1"/>
  <c r="AF21514" i="1"/>
  <c r="AF21515" i="1"/>
  <c r="AF21516" i="1"/>
  <c r="AF21517" i="1"/>
  <c r="AF21518" i="1"/>
  <c r="AF21519" i="1"/>
  <c r="AF21520" i="1"/>
  <c r="AF21521" i="1"/>
  <c r="AF21522" i="1"/>
  <c r="AF21523" i="1"/>
  <c r="AF21524" i="1"/>
  <c r="AF21525" i="1"/>
  <c r="AF21526" i="1"/>
  <c r="AF21527" i="1"/>
  <c r="AF21528" i="1"/>
  <c r="AF21529" i="1"/>
  <c r="AF21530" i="1"/>
  <c r="AF21531" i="1"/>
  <c r="AF21532" i="1"/>
  <c r="AF21533" i="1"/>
  <c r="AF21534" i="1"/>
  <c r="AF21535" i="1"/>
  <c r="AF21536" i="1"/>
  <c r="AF21537" i="1"/>
  <c r="AF21538" i="1"/>
  <c r="AF21539" i="1"/>
  <c r="AF21540" i="1"/>
  <c r="AF21541" i="1"/>
  <c r="AF21542" i="1"/>
  <c r="AF21543" i="1"/>
  <c r="AF21544" i="1"/>
  <c r="AF21545" i="1"/>
  <c r="AF21546" i="1"/>
  <c r="AF21547" i="1"/>
  <c r="AF21548" i="1"/>
  <c r="AF21549" i="1"/>
  <c r="AF21550" i="1"/>
  <c r="AF21551" i="1"/>
  <c r="AF21552" i="1"/>
  <c r="AF21553" i="1"/>
  <c r="AF21554" i="1"/>
  <c r="AF21555" i="1"/>
  <c r="AF21556" i="1"/>
  <c r="AF21557" i="1"/>
  <c r="AF21558" i="1"/>
  <c r="AF21559" i="1"/>
  <c r="AF21560" i="1"/>
  <c r="AF21561" i="1"/>
  <c r="AF21562" i="1"/>
  <c r="AF21563" i="1"/>
  <c r="AF21564" i="1"/>
  <c r="AF21565" i="1"/>
  <c r="AF21566" i="1"/>
  <c r="AF21567" i="1"/>
  <c r="AF21568" i="1"/>
  <c r="AF21569" i="1"/>
  <c r="AF21570" i="1"/>
  <c r="AF21571" i="1"/>
  <c r="AF21572" i="1"/>
  <c r="AF21573" i="1"/>
  <c r="AF21574" i="1"/>
  <c r="AF21575" i="1"/>
  <c r="AF21576" i="1"/>
  <c r="AF21577" i="1"/>
  <c r="AF21578" i="1"/>
  <c r="AF21579" i="1"/>
  <c r="AF21580" i="1"/>
  <c r="AF21581" i="1"/>
  <c r="AF21582" i="1"/>
  <c r="AF21583" i="1"/>
  <c r="AF21584" i="1"/>
  <c r="AF21585" i="1"/>
  <c r="AF21586" i="1"/>
  <c r="AF21587" i="1"/>
  <c r="AF21588" i="1"/>
  <c r="AF21589" i="1"/>
  <c r="AF21590" i="1"/>
  <c r="AF21591" i="1"/>
  <c r="AF21592" i="1"/>
  <c r="AF21593" i="1"/>
  <c r="AF21594" i="1"/>
  <c r="AF21595" i="1"/>
  <c r="AF21596" i="1"/>
  <c r="AF21597" i="1"/>
  <c r="AF21598" i="1"/>
  <c r="AF21599" i="1"/>
  <c r="AF21600" i="1"/>
  <c r="AF21601" i="1"/>
  <c r="AF21602" i="1"/>
  <c r="AF21603" i="1"/>
  <c r="AF21604" i="1"/>
  <c r="AF21605" i="1"/>
  <c r="AF21606" i="1"/>
  <c r="AF21607" i="1"/>
  <c r="AF21608" i="1"/>
  <c r="AF21609" i="1"/>
  <c r="AF21610" i="1"/>
  <c r="AF21611" i="1"/>
  <c r="AF21612" i="1"/>
  <c r="AF21613" i="1"/>
  <c r="AF21614" i="1"/>
  <c r="AF21615" i="1"/>
  <c r="AF21616" i="1"/>
  <c r="AF21617" i="1"/>
  <c r="AF21618" i="1"/>
  <c r="AF21619" i="1"/>
  <c r="AF21620" i="1"/>
  <c r="AF21621" i="1"/>
  <c r="AF21622" i="1"/>
  <c r="AF21623" i="1"/>
  <c r="AF21624" i="1"/>
  <c r="AF21625" i="1"/>
  <c r="AF21626" i="1"/>
  <c r="AF21627" i="1"/>
  <c r="AF21628" i="1"/>
  <c r="AF21629" i="1"/>
  <c r="AF21630" i="1"/>
  <c r="AF21631" i="1"/>
  <c r="AF21632" i="1"/>
  <c r="AF21633" i="1"/>
  <c r="AF21634" i="1"/>
  <c r="AF21635" i="1"/>
  <c r="AF21636" i="1"/>
  <c r="AF21637" i="1"/>
  <c r="AF21638" i="1"/>
  <c r="AF21639" i="1"/>
  <c r="AF21640" i="1"/>
  <c r="AF21641" i="1"/>
  <c r="AF21642" i="1"/>
  <c r="AF21643" i="1"/>
  <c r="AF21644" i="1"/>
  <c r="AF21645" i="1"/>
  <c r="AF21646" i="1"/>
  <c r="AF21647" i="1"/>
  <c r="AF21648" i="1"/>
  <c r="AF21649" i="1"/>
  <c r="AF21650" i="1"/>
  <c r="AF21651" i="1"/>
  <c r="AF21652" i="1"/>
  <c r="AF21653" i="1"/>
  <c r="AF21654" i="1"/>
  <c r="AF21655" i="1"/>
  <c r="AF21656" i="1"/>
  <c r="AF21657" i="1"/>
  <c r="AF21658" i="1"/>
  <c r="AF21659" i="1"/>
  <c r="AF21660" i="1"/>
  <c r="AF21661" i="1"/>
  <c r="AF21662" i="1"/>
  <c r="AF21663" i="1"/>
  <c r="AF21664" i="1"/>
  <c r="AF21665" i="1"/>
  <c r="AF21666" i="1"/>
  <c r="AF21667" i="1"/>
  <c r="AF21668" i="1"/>
  <c r="AF21669" i="1"/>
  <c r="AF21670" i="1"/>
  <c r="AF21671" i="1"/>
  <c r="AF21672" i="1"/>
  <c r="AF21673" i="1"/>
  <c r="AF21674" i="1"/>
  <c r="AF21675" i="1"/>
  <c r="AF21676" i="1"/>
  <c r="AF21677" i="1"/>
  <c r="AF21678" i="1"/>
  <c r="AF21679" i="1"/>
  <c r="AF21680" i="1"/>
  <c r="AF21681" i="1"/>
  <c r="AF21682" i="1"/>
  <c r="AF21683" i="1"/>
  <c r="AF21684" i="1"/>
  <c r="AF21685" i="1"/>
  <c r="AF21686" i="1"/>
  <c r="AF21687" i="1"/>
  <c r="AF21688" i="1"/>
  <c r="AF21689" i="1"/>
  <c r="AF21690" i="1"/>
  <c r="AF21691" i="1"/>
  <c r="AF21692" i="1"/>
  <c r="AF21693" i="1"/>
  <c r="AF21694" i="1"/>
  <c r="AF21695" i="1"/>
  <c r="AF21696" i="1"/>
  <c r="AF21697" i="1"/>
  <c r="AF21698" i="1"/>
  <c r="AF21699" i="1"/>
  <c r="AF21700" i="1"/>
  <c r="AF21701" i="1"/>
  <c r="AF21702" i="1"/>
  <c r="AF21703" i="1"/>
  <c r="AF21704" i="1"/>
  <c r="AF21705" i="1"/>
  <c r="AF21706" i="1"/>
  <c r="AF21707" i="1"/>
  <c r="AF21708" i="1"/>
  <c r="AF21709" i="1"/>
  <c r="AF21710" i="1"/>
  <c r="AF21711" i="1"/>
  <c r="AF21712" i="1"/>
  <c r="AF21713" i="1"/>
  <c r="AF21714" i="1"/>
  <c r="AF21715" i="1"/>
  <c r="AF21716" i="1"/>
  <c r="AF21717" i="1"/>
  <c r="AF21718" i="1"/>
  <c r="AF21719" i="1"/>
  <c r="AF21720" i="1"/>
  <c r="AF21721" i="1"/>
  <c r="AF21722" i="1"/>
  <c r="AF21723" i="1"/>
  <c r="AF21724" i="1"/>
  <c r="AF21725" i="1"/>
  <c r="AF21726" i="1"/>
  <c r="AF21727" i="1"/>
  <c r="AF21728" i="1"/>
  <c r="AF21729" i="1"/>
  <c r="AF21730" i="1"/>
  <c r="AF21731" i="1"/>
  <c r="AF21732" i="1"/>
  <c r="AF21733" i="1"/>
  <c r="AF21734" i="1"/>
  <c r="AF21735" i="1"/>
  <c r="AF21736" i="1"/>
  <c r="AF21737" i="1"/>
  <c r="AF21738" i="1"/>
  <c r="AF21739" i="1"/>
  <c r="AF21740" i="1"/>
  <c r="AF21741" i="1"/>
  <c r="AF21742" i="1"/>
  <c r="AF21743" i="1"/>
  <c r="AF21744" i="1"/>
  <c r="AF21745" i="1"/>
  <c r="AF21746" i="1"/>
  <c r="AF21747" i="1"/>
  <c r="AF21748" i="1"/>
  <c r="AF21749" i="1"/>
  <c r="AF21750" i="1"/>
  <c r="AF21751" i="1"/>
  <c r="AF21752" i="1"/>
  <c r="AF21753" i="1"/>
  <c r="AF21754" i="1"/>
  <c r="AF21755" i="1"/>
  <c r="AF21756" i="1"/>
  <c r="AF21757" i="1"/>
  <c r="AF21758" i="1"/>
  <c r="AF21759" i="1"/>
  <c r="AF21760" i="1"/>
  <c r="AF21761" i="1"/>
  <c r="AF21762" i="1"/>
  <c r="AF21763" i="1"/>
  <c r="AF21764" i="1"/>
  <c r="AF21765" i="1"/>
  <c r="AF21766" i="1"/>
  <c r="AF21767" i="1"/>
  <c r="AF21768" i="1"/>
  <c r="AF21769" i="1"/>
  <c r="AF21770" i="1"/>
  <c r="AF21771" i="1"/>
  <c r="AF21772" i="1"/>
  <c r="AF21773" i="1"/>
  <c r="AF21774" i="1"/>
  <c r="AF21775" i="1"/>
  <c r="AF21776" i="1"/>
  <c r="AF21777" i="1"/>
  <c r="AF21778" i="1"/>
  <c r="AF21779" i="1"/>
  <c r="AF21780" i="1"/>
  <c r="AF21781" i="1"/>
  <c r="AF21782" i="1"/>
  <c r="AF21783" i="1"/>
  <c r="AF21784" i="1"/>
  <c r="AF21785" i="1"/>
  <c r="AF21786" i="1"/>
  <c r="AF21787" i="1"/>
  <c r="AF21788" i="1"/>
  <c r="AF21789" i="1"/>
  <c r="AF21790" i="1"/>
  <c r="AF21791" i="1"/>
  <c r="AF21792" i="1"/>
  <c r="AF21793" i="1"/>
  <c r="AF21794" i="1"/>
  <c r="AF21795" i="1"/>
  <c r="AF21796" i="1"/>
  <c r="AF21797" i="1"/>
  <c r="AF21798" i="1"/>
  <c r="AF21799" i="1"/>
  <c r="AF21800" i="1"/>
  <c r="AF21801" i="1"/>
  <c r="AF21802" i="1"/>
  <c r="AF21803" i="1"/>
  <c r="AF21804" i="1"/>
  <c r="AF21805" i="1"/>
  <c r="AF21806" i="1"/>
  <c r="AF21807" i="1"/>
  <c r="AF21808" i="1"/>
  <c r="AF21809" i="1"/>
  <c r="AF21810" i="1"/>
  <c r="AF21811" i="1"/>
  <c r="AF21812" i="1"/>
  <c r="AF21813" i="1"/>
  <c r="AF21814" i="1"/>
  <c r="AF21815" i="1"/>
  <c r="AF21816" i="1"/>
  <c r="AF21817" i="1"/>
  <c r="AF21818" i="1"/>
  <c r="AF21819" i="1"/>
  <c r="AF21820" i="1"/>
  <c r="AF21821" i="1"/>
  <c r="AF21822" i="1"/>
  <c r="AF21823" i="1"/>
  <c r="AF21824" i="1"/>
  <c r="AF21825" i="1"/>
  <c r="AF21826" i="1"/>
  <c r="AF21827" i="1"/>
  <c r="AF21828" i="1"/>
  <c r="AF21829" i="1"/>
  <c r="AF21830" i="1"/>
  <c r="AF21831" i="1"/>
  <c r="AF21832" i="1"/>
  <c r="AF21833" i="1"/>
  <c r="AF21834" i="1"/>
  <c r="AF21835" i="1"/>
  <c r="AF21836" i="1"/>
  <c r="AF21837" i="1"/>
  <c r="AF21838" i="1"/>
  <c r="AF21839" i="1"/>
  <c r="AF21840" i="1"/>
  <c r="AF21841" i="1"/>
  <c r="AF21842" i="1"/>
  <c r="AF21843" i="1"/>
  <c r="AF21844" i="1"/>
  <c r="AF21845" i="1"/>
  <c r="AF21846" i="1"/>
  <c r="AF21847" i="1"/>
  <c r="AF21848" i="1"/>
  <c r="AF21849" i="1"/>
  <c r="AF21850" i="1"/>
  <c r="AF21851" i="1"/>
  <c r="AF21852" i="1"/>
  <c r="AF21853" i="1"/>
  <c r="AF21854" i="1"/>
  <c r="AF21855" i="1"/>
  <c r="AF21856" i="1"/>
  <c r="AF21857" i="1"/>
  <c r="AF21858" i="1"/>
  <c r="AF21859" i="1"/>
  <c r="AF21860" i="1"/>
  <c r="AF21861" i="1"/>
  <c r="AF21862" i="1"/>
  <c r="AF21863" i="1"/>
  <c r="AF21864" i="1"/>
  <c r="AF21865" i="1"/>
  <c r="AF21866" i="1"/>
  <c r="AF21867" i="1"/>
  <c r="AF21868" i="1"/>
  <c r="AF21869" i="1"/>
  <c r="AF21870" i="1"/>
  <c r="AF21871" i="1"/>
  <c r="AF21872" i="1"/>
  <c r="AF21873" i="1"/>
  <c r="AF21874" i="1"/>
  <c r="AF21875" i="1"/>
  <c r="AF21876" i="1"/>
  <c r="AF21877" i="1"/>
  <c r="AF21878" i="1"/>
  <c r="AF21879" i="1"/>
  <c r="AF21880" i="1"/>
  <c r="AF21881" i="1"/>
  <c r="AF21882" i="1"/>
  <c r="AF21883" i="1"/>
  <c r="AF21884" i="1"/>
  <c r="AF21885" i="1"/>
  <c r="AF21886" i="1"/>
  <c r="AF21887" i="1"/>
  <c r="AF21888" i="1"/>
  <c r="AF21889" i="1"/>
  <c r="AF21890" i="1"/>
  <c r="AF21891" i="1"/>
  <c r="AF21892" i="1"/>
  <c r="AF21893" i="1"/>
  <c r="AF21894" i="1"/>
  <c r="AF21895" i="1"/>
  <c r="AF21896" i="1"/>
  <c r="AF21897" i="1"/>
  <c r="AF21898" i="1"/>
  <c r="AF21899" i="1"/>
  <c r="AF21900" i="1"/>
  <c r="AF21901" i="1"/>
  <c r="AF21902" i="1"/>
  <c r="AF21903" i="1"/>
  <c r="AF21904" i="1"/>
  <c r="AF21905" i="1"/>
  <c r="AF21906" i="1"/>
  <c r="AF21907" i="1"/>
  <c r="AF21908" i="1"/>
  <c r="AF21909" i="1"/>
  <c r="AF21910" i="1"/>
  <c r="AF21911" i="1"/>
  <c r="AF21912" i="1"/>
  <c r="AF21913" i="1"/>
  <c r="AF21914" i="1"/>
  <c r="AF21915" i="1"/>
  <c r="AF21916" i="1"/>
  <c r="AF21917" i="1"/>
  <c r="AF21918" i="1"/>
  <c r="AF21919" i="1"/>
  <c r="AF21920" i="1"/>
  <c r="AF21921" i="1"/>
  <c r="AF21922" i="1"/>
  <c r="AF21923" i="1"/>
  <c r="AF21924" i="1"/>
  <c r="AF21925" i="1"/>
  <c r="AF21926" i="1"/>
  <c r="AF21927" i="1"/>
  <c r="AF21928" i="1"/>
  <c r="AF21929" i="1"/>
  <c r="AF21930" i="1"/>
  <c r="AF21931" i="1"/>
  <c r="AF21932" i="1"/>
  <c r="AF21933" i="1"/>
  <c r="AF21934" i="1"/>
  <c r="AF21935" i="1"/>
  <c r="AF21936" i="1"/>
  <c r="AF21937" i="1"/>
  <c r="AF21938" i="1"/>
  <c r="AF21939" i="1"/>
  <c r="AF21940" i="1"/>
  <c r="AF21941" i="1"/>
  <c r="AF21942" i="1"/>
  <c r="AF21943" i="1"/>
  <c r="AF21944" i="1"/>
  <c r="AF21945" i="1"/>
  <c r="AF21946" i="1"/>
  <c r="AF21947" i="1"/>
  <c r="AF21948" i="1"/>
  <c r="AF21949" i="1"/>
  <c r="AF21950" i="1"/>
  <c r="AF21951" i="1"/>
  <c r="AF21952" i="1"/>
  <c r="AF21953" i="1"/>
  <c r="AF21954" i="1"/>
  <c r="AF21955" i="1"/>
  <c r="AF21956" i="1"/>
  <c r="AF21957" i="1"/>
  <c r="AF21958" i="1"/>
  <c r="AF21959" i="1"/>
  <c r="AF21960" i="1"/>
  <c r="AF21961" i="1"/>
  <c r="AF21962" i="1"/>
  <c r="AF21963" i="1"/>
  <c r="AF21964" i="1"/>
  <c r="AF21965" i="1"/>
  <c r="AF21966" i="1"/>
  <c r="AF21967" i="1"/>
  <c r="AF21968" i="1"/>
  <c r="AF21969" i="1"/>
  <c r="AF21970" i="1"/>
  <c r="AF21971" i="1"/>
  <c r="AF21972" i="1"/>
  <c r="AF21973" i="1"/>
  <c r="AF21974" i="1"/>
  <c r="AF21975" i="1"/>
  <c r="AF21976" i="1"/>
  <c r="AF21977" i="1"/>
  <c r="AF21978" i="1"/>
  <c r="AF21979" i="1"/>
  <c r="AF21980" i="1"/>
  <c r="AF21981" i="1"/>
  <c r="AF21982" i="1"/>
  <c r="AF21983" i="1"/>
  <c r="AF21984" i="1"/>
  <c r="AF21985" i="1"/>
  <c r="AF21986" i="1"/>
  <c r="AF21987" i="1"/>
  <c r="AF21988" i="1"/>
  <c r="AF21989" i="1"/>
  <c r="AF21990" i="1"/>
  <c r="AF21991" i="1"/>
  <c r="AF21992" i="1"/>
  <c r="AF21993" i="1"/>
  <c r="AF21994" i="1"/>
  <c r="AF21995" i="1"/>
  <c r="AF21996" i="1"/>
  <c r="AF21997" i="1"/>
  <c r="AF21998" i="1"/>
  <c r="AF21999" i="1"/>
  <c r="AF22000" i="1"/>
  <c r="AF22001" i="1"/>
  <c r="AF22002" i="1"/>
  <c r="AF22003" i="1"/>
  <c r="AF22004" i="1"/>
  <c r="AF22005" i="1"/>
  <c r="AF22006" i="1"/>
  <c r="AF22007" i="1"/>
  <c r="AF22008" i="1"/>
  <c r="AF22009" i="1"/>
  <c r="AF22010" i="1"/>
  <c r="AF22011" i="1"/>
  <c r="AF22012" i="1"/>
  <c r="AF22013" i="1"/>
  <c r="AF22014" i="1"/>
  <c r="AF22015" i="1"/>
  <c r="AF22016" i="1"/>
  <c r="AF22017" i="1"/>
  <c r="AF22018" i="1"/>
  <c r="AF22019" i="1"/>
  <c r="AF22020" i="1"/>
  <c r="AF22021" i="1"/>
  <c r="AF22022" i="1"/>
  <c r="AF22023" i="1"/>
  <c r="AF22024" i="1"/>
  <c r="AF22025" i="1"/>
  <c r="AF22026" i="1"/>
  <c r="AF22027" i="1"/>
  <c r="AF22028" i="1"/>
  <c r="AF22029" i="1"/>
  <c r="AF22030" i="1"/>
  <c r="AF22031" i="1"/>
  <c r="AF22032" i="1"/>
  <c r="AF22033" i="1"/>
  <c r="AF22034" i="1"/>
  <c r="AF22035" i="1"/>
  <c r="AF22036" i="1"/>
  <c r="AF22037" i="1"/>
  <c r="AF22038" i="1"/>
  <c r="AF22039" i="1"/>
  <c r="AF22040" i="1"/>
  <c r="AF22041" i="1"/>
  <c r="AF22042" i="1"/>
  <c r="AF22043" i="1"/>
  <c r="AF22044" i="1"/>
  <c r="AF22045" i="1"/>
  <c r="AF22046" i="1"/>
  <c r="AF22047" i="1"/>
  <c r="AF22048" i="1"/>
  <c r="AF22049" i="1"/>
  <c r="AF22050" i="1"/>
  <c r="AF22051" i="1"/>
  <c r="AF22052" i="1"/>
  <c r="AF22053" i="1"/>
  <c r="AF22054" i="1"/>
  <c r="AF22055" i="1"/>
  <c r="AF22056" i="1"/>
  <c r="AF22057" i="1"/>
  <c r="AF22058" i="1"/>
  <c r="AF22059" i="1"/>
  <c r="AF22060" i="1"/>
  <c r="AF22061" i="1"/>
  <c r="AF22062" i="1"/>
  <c r="AF22063" i="1"/>
  <c r="AF22064" i="1"/>
  <c r="AF22065" i="1"/>
  <c r="AF22066" i="1"/>
  <c r="AF22067" i="1"/>
  <c r="AF22068" i="1"/>
  <c r="AF22069" i="1"/>
  <c r="AF22070" i="1"/>
  <c r="AF22071" i="1"/>
  <c r="AF22072" i="1"/>
  <c r="AF22073" i="1"/>
  <c r="AF22074" i="1"/>
  <c r="AF22075" i="1"/>
  <c r="AF22076" i="1"/>
  <c r="AF22077" i="1"/>
  <c r="AF22078" i="1"/>
  <c r="AF22079" i="1"/>
  <c r="AF22080" i="1"/>
  <c r="AF22081" i="1"/>
  <c r="AF22082" i="1"/>
  <c r="AF22083" i="1"/>
  <c r="AF22084" i="1"/>
  <c r="AF22085" i="1"/>
  <c r="AF22086" i="1"/>
  <c r="AF22087" i="1"/>
  <c r="AF22088" i="1"/>
  <c r="AF22089" i="1"/>
  <c r="AF22090" i="1"/>
  <c r="AF22091" i="1"/>
  <c r="AF22092" i="1"/>
  <c r="AF22093" i="1"/>
  <c r="AF22094" i="1"/>
  <c r="AF22095" i="1"/>
  <c r="AF22096" i="1"/>
  <c r="AF22097" i="1"/>
  <c r="AF22098" i="1"/>
  <c r="AF22099" i="1"/>
  <c r="AF22100" i="1"/>
  <c r="AF22101" i="1"/>
  <c r="AF22102" i="1"/>
  <c r="AF22103" i="1"/>
  <c r="AF22104" i="1"/>
  <c r="AF22105" i="1"/>
  <c r="AF22106" i="1"/>
  <c r="AF22107" i="1"/>
  <c r="AF22108" i="1"/>
  <c r="AF22109" i="1"/>
  <c r="AF22110" i="1"/>
  <c r="AF22111" i="1"/>
  <c r="AF22112" i="1"/>
  <c r="AF22113" i="1"/>
  <c r="AF22114" i="1"/>
  <c r="AF22115" i="1"/>
  <c r="AF22116" i="1"/>
  <c r="AF22117" i="1"/>
  <c r="AF22118" i="1"/>
  <c r="AF22119" i="1"/>
  <c r="AF22120" i="1"/>
  <c r="AF22121" i="1"/>
  <c r="AF22122" i="1"/>
  <c r="AF22123" i="1"/>
  <c r="AF22124" i="1"/>
  <c r="AF22125" i="1"/>
  <c r="AF22126" i="1"/>
  <c r="AF22127" i="1"/>
  <c r="AF22128" i="1"/>
  <c r="AF22129" i="1"/>
  <c r="AF22130" i="1"/>
  <c r="AF22131" i="1"/>
  <c r="AF22132" i="1"/>
  <c r="AF22133" i="1"/>
  <c r="AF22134" i="1"/>
  <c r="AF22135" i="1"/>
  <c r="AF22136" i="1"/>
  <c r="AF22137" i="1"/>
  <c r="AF22138" i="1"/>
  <c r="AF22139" i="1"/>
  <c r="AF22140" i="1"/>
  <c r="AF22141" i="1"/>
  <c r="AF22142" i="1"/>
  <c r="AF22143" i="1"/>
  <c r="AF22144" i="1"/>
  <c r="AF22145" i="1"/>
  <c r="AF22146" i="1"/>
  <c r="AF22147" i="1"/>
  <c r="AF22148" i="1"/>
  <c r="AF22149" i="1"/>
  <c r="AF22150" i="1"/>
  <c r="AF22151" i="1"/>
  <c r="AF22152" i="1"/>
  <c r="AF22153" i="1"/>
  <c r="AF22154" i="1"/>
  <c r="AF22155" i="1"/>
  <c r="AF22156" i="1"/>
  <c r="AF22157" i="1"/>
  <c r="AF22158" i="1"/>
  <c r="AF22159" i="1"/>
  <c r="AF22160" i="1"/>
  <c r="AF22161" i="1"/>
  <c r="AF22162" i="1"/>
  <c r="AF22163" i="1"/>
  <c r="AF22164" i="1"/>
  <c r="AF22165" i="1"/>
  <c r="AF22166" i="1"/>
  <c r="AF22167" i="1"/>
  <c r="AF22168" i="1"/>
  <c r="AF22169" i="1"/>
  <c r="AF22170" i="1"/>
  <c r="AF22171" i="1"/>
  <c r="AF22172" i="1"/>
  <c r="AF22173" i="1"/>
  <c r="AF22174" i="1"/>
  <c r="AF22175" i="1"/>
  <c r="AF22176" i="1"/>
  <c r="AF22177" i="1"/>
  <c r="AF22178" i="1"/>
  <c r="AF22179" i="1"/>
  <c r="AF22180" i="1"/>
  <c r="AF22181" i="1"/>
  <c r="AF22182" i="1"/>
  <c r="AF22183" i="1"/>
  <c r="AF22184" i="1"/>
  <c r="AF22185" i="1"/>
  <c r="AF22186" i="1"/>
  <c r="AF22187" i="1"/>
  <c r="AF22188" i="1"/>
  <c r="AF22189" i="1"/>
  <c r="AF22190" i="1"/>
  <c r="AF22191" i="1"/>
  <c r="AF22192" i="1"/>
  <c r="AF22193" i="1"/>
  <c r="AF22194" i="1"/>
  <c r="AF22195" i="1"/>
  <c r="AF22196" i="1"/>
  <c r="AF22197" i="1"/>
  <c r="AF22198" i="1"/>
  <c r="AF22199" i="1"/>
  <c r="AF22200" i="1"/>
  <c r="AF22201" i="1"/>
  <c r="AF22202" i="1"/>
  <c r="AF22203" i="1"/>
  <c r="AF22204" i="1"/>
  <c r="AF22205" i="1"/>
  <c r="AF22206" i="1"/>
  <c r="AF22207" i="1"/>
  <c r="AF22208" i="1"/>
  <c r="AF22209" i="1"/>
  <c r="AF22210" i="1"/>
  <c r="AF22211" i="1"/>
  <c r="AF22212" i="1"/>
  <c r="AF22213" i="1"/>
  <c r="AF22214" i="1"/>
  <c r="AF22215" i="1"/>
  <c r="AF22216" i="1"/>
  <c r="AF22217" i="1"/>
  <c r="AF22218" i="1"/>
  <c r="AF22219" i="1"/>
  <c r="AF22220" i="1"/>
  <c r="AF22221" i="1"/>
  <c r="AF22222" i="1"/>
  <c r="AF22223" i="1"/>
  <c r="AF22224" i="1"/>
  <c r="AF22225" i="1"/>
  <c r="AF22226" i="1"/>
  <c r="AF22227" i="1"/>
  <c r="AF22228" i="1"/>
  <c r="AF22229" i="1"/>
  <c r="AF22230" i="1"/>
  <c r="AF22231" i="1"/>
  <c r="AF22232" i="1"/>
  <c r="AF22233" i="1"/>
  <c r="AF22234" i="1"/>
  <c r="AF22235" i="1"/>
  <c r="AF22236" i="1"/>
  <c r="AF22237" i="1"/>
  <c r="AF22238" i="1"/>
  <c r="AF22239" i="1"/>
  <c r="AF22240" i="1"/>
  <c r="AF22241" i="1"/>
  <c r="AF22242" i="1"/>
  <c r="AF22243" i="1"/>
  <c r="AF22244" i="1"/>
  <c r="AF22245" i="1"/>
  <c r="AF22246" i="1"/>
  <c r="AF22247" i="1"/>
  <c r="AF22248" i="1"/>
  <c r="AF22249" i="1"/>
  <c r="AF22250" i="1"/>
  <c r="AF22251" i="1"/>
  <c r="AF22252" i="1"/>
  <c r="AF22253" i="1"/>
  <c r="AF22254" i="1"/>
  <c r="AF22255" i="1"/>
  <c r="AF22256" i="1"/>
  <c r="AF22257" i="1"/>
  <c r="AF22258" i="1"/>
  <c r="AF22259" i="1"/>
  <c r="AF22260" i="1"/>
  <c r="AF22261" i="1"/>
  <c r="AF22262" i="1"/>
  <c r="AF22263" i="1"/>
  <c r="AF22264" i="1"/>
  <c r="AF22265" i="1"/>
  <c r="AF22266" i="1"/>
  <c r="AF22267" i="1"/>
  <c r="AF22268" i="1"/>
  <c r="AF22269" i="1"/>
  <c r="AF22270" i="1"/>
  <c r="AF22271" i="1"/>
  <c r="AF22272" i="1"/>
  <c r="AF22273" i="1"/>
  <c r="AF22274" i="1"/>
  <c r="AF22275" i="1"/>
  <c r="AF22276" i="1"/>
  <c r="AF22277" i="1"/>
  <c r="AF22278" i="1"/>
  <c r="AF22279" i="1"/>
  <c r="AF22280" i="1"/>
  <c r="AF22281" i="1"/>
  <c r="AF22282" i="1"/>
  <c r="AF22283" i="1"/>
  <c r="AF22284" i="1"/>
  <c r="AF22285" i="1"/>
  <c r="AF22286" i="1"/>
  <c r="AF22287" i="1"/>
  <c r="AF22288" i="1"/>
  <c r="AF22289" i="1"/>
  <c r="AF22290" i="1"/>
  <c r="AF22291" i="1"/>
  <c r="AF22292" i="1"/>
  <c r="AF22293" i="1"/>
  <c r="AF22294" i="1"/>
  <c r="AF22295" i="1"/>
  <c r="AF22296" i="1"/>
  <c r="AF22297" i="1"/>
  <c r="AF22298" i="1"/>
  <c r="AF22299" i="1"/>
  <c r="AF22300" i="1"/>
  <c r="AF22301" i="1"/>
  <c r="AF22302" i="1"/>
  <c r="AF22303" i="1"/>
  <c r="AF22304" i="1"/>
  <c r="AF22305" i="1"/>
  <c r="AF22306" i="1"/>
  <c r="AF22307" i="1"/>
  <c r="AF22308" i="1"/>
  <c r="AF22309" i="1"/>
  <c r="AF22310" i="1"/>
  <c r="AF22311" i="1"/>
  <c r="AF22312" i="1"/>
  <c r="AF22313" i="1"/>
  <c r="AF22314" i="1"/>
  <c r="AF22315" i="1"/>
  <c r="AF22316" i="1"/>
  <c r="AF22317" i="1"/>
  <c r="AF22318" i="1"/>
  <c r="AF22319" i="1"/>
  <c r="AF22320" i="1"/>
  <c r="AF22321" i="1"/>
  <c r="AF22322" i="1"/>
  <c r="AF22323" i="1"/>
  <c r="AF22324" i="1"/>
  <c r="AF22325" i="1"/>
  <c r="AF22326" i="1"/>
  <c r="AF22327" i="1"/>
  <c r="AF22328" i="1"/>
  <c r="AF22329" i="1"/>
  <c r="AF22330" i="1"/>
  <c r="AF22331" i="1"/>
  <c r="AF22332" i="1"/>
  <c r="AF22333" i="1"/>
  <c r="AF22334" i="1"/>
  <c r="AF22335" i="1"/>
  <c r="AF22336" i="1"/>
  <c r="AF22337" i="1"/>
  <c r="AF22338" i="1"/>
  <c r="AF22339" i="1"/>
  <c r="AF22340" i="1"/>
  <c r="AF22341" i="1"/>
  <c r="AF22342" i="1"/>
  <c r="AF22343" i="1"/>
  <c r="AF22344" i="1"/>
  <c r="AF22345" i="1"/>
  <c r="AF22346" i="1"/>
  <c r="AF22347" i="1"/>
  <c r="AF22348" i="1"/>
  <c r="AF22349" i="1"/>
  <c r="AF22350" i="1"/>
  <c r="AF22351" i="1"/>
  <c r="AF22352" i="1"/>
  <c r="AF22353" i="1"/>
  <c r="AF22354" i="1"/>
  <c r="AF22355" i="1"/>
  <c r="AF22356" i="1"/>
  <c r="AF22357" i="1"/>
  <c r="AF22358" i="1"/>
  <c r="AF22359" i="1"/>
  <c r="AF22360" i="1"/>
  <c r="AF22361" i="1"/>
  <c r="AF22362" i="1"/>
  <c r="AF22363" i="1"/>
  <c r="AF22364" i="1"/>
  <c r="AF22365" i="1"/>
  <c r="AF22366" i="1"/>
  <c r="AF22367" i="1"/>
  <c r="AF22368" i="1"/>
  <c r="AF22369" i="1"/>
  <c r="AF22370" i="1"/>
  <c r="AF22371" i="1"/>
  <c r="AF22372" i="1"/>
  <c r="AF22373" i="1"/>
  <c r="AF22374" i="1"/>
  <c r="AF22375" i="1"/>
  <c r="AF22376" i="1"/>
  <c r="AF22377" i="1"/>
  <c r="AF22378" i="1"/>
  <c r="AF22379" i="1"/>
  <c r="AF22380" i="1"/>
  <c r="AF22381" i="1"/>
  <c r="AF22382" i="1"/>
  <c r="AF22383" i="1"/>
  <c r="AF22384" i="1"/>
  <c r="AF22385" i="1"/>
  <c r="AF22386" i="1"/>
  <c r="AF22387" i="1"/>
  <c r="AF22388" i="1"/>
  <c r="AF22389" i="1"/>
  <c r="AF22390" i="1"/>
  <c r="AF22391" i="1"/>
  <c r="AF22392" i="1"/>
  <c r="AF22393" i="1"/>
  <c r="AF22394" i="1"/>
  <c r="AF22395" i="1"/>
  <c r="AF22396" i="1"/>
  <c r="AF22397" i="1"/>
  <c r="AF22398" i="1"/>
  <c r="AF22399" i="1"/>
  <c r="AF22400" i="1"/>
  <c r="AF22401" i="1"/>
  <c r="AF22402" i="1"/>
  <c r="AF22403" i="1"/>
  <c r="AF22404" i="1"/>
  <c r="AF22405" i="1"/>
  <c r="AF22406" i="1"/>
  <c r="AF22407" i="1"/>
  <c r="AF22408" i="1"/>
  <c r="AF22409" i="1"/>
  <c r="AF22410" i="1"/>
  <c r="AF22411" i="1"/>
  <c r="AF22412" i="1"/>
  <c r="AF22413" i="1"/>
  <c r="AF22414" i="1"/>
  <c r="AF22415" i="1"/>
  <c r="AF22416" i="1"/>
  <c r="AF22417" i="1"/>
  <c r="AF22418" i="1"/>
  <c r="AF22419" i="1"/>
  <c r="AF22420" i="1"/>
  <c r="AF22421" i="1"/>
  <c r="AF22422" i="1"/>
  <c r="AF22423" i="1"/>
  <c r="AF22424" i="1"/>
  <c r="AF22425" i="1"/>
  <c r="AF22426" i="1"/>
  <c r="AF22427" i="1"/>
  <c r="AF22428" i="1"/>
  <c r="AF22429" i="1"/>
  <c r="AF22430" i="1"/>
  <c r="AF22431" i="1"/>
  <c r="AF22432" i="1"/>
  <c r="AF22433" i="1"/>
  <c r="AF22434" i="1"/>
  <c r="AF22435" i="1"/>
  <c r="AF22436" i="1"/>
  <c r="AF22437" i="1"/>
  <c r="AF22438" i="1"/>
  <c r="AF22439" i="1"/>
  <c r="AF22440" i="1"/>
  <c r="AF22441" i="1"/>
  <c r="AF22442" i="1"/>
  <c r="AF22443" i="1"/>
  <c r="AF22444" i="1"/>
  <c r="AF22445" i="1"/>
  <c r="AF22446" i="1"/>
  <c r="AF22447" i="1"/>
  <c r="AF22448" i="1"/>
  <c r="AF22449" i="1"/>
  <c r="AF22450" i="1"/>
  <c r="AF22451" i="1"/>
  <c r="AF22452" i="1"/>
  <c r="AF22453" i="1"/>
  <c r="AF22454" i="1"/>
  <c r="AF22455" i="1"/>
  <c r="AF22456" i="1"/>
  <c r="AF22457" i="1"/>
  <c r="AF22458" i="1"/>
  <c r="AF22459" i="1"/>
  <c r="AF22460" i="1"/>
  <c r="AF22461" i="1"/>
  <c r="AF22462" i="1"/>
  <c r="AF22463" i="1"/>
  <c r="AF22464" i="1"/>
  <c r="AF22465" i="1"/>
  <c r="AF22466" i="1"/>
  <c r="AF22467" i="1"/>
  <c r="AF22468" i="1"/>
  <c r="AF22469" i="1"/>
  <c r="AF22470" i="1"/>
  <c r="AF22471" i="1"/>
  <c r="AF22472" i="1"/>
  <c r="AF22473" i="1"/>
  <c r="AF22474" i="1"/>
  <c r="AF22475" i="1"/>
  <c r="AF22476" i="1"/>
  <c r="AF22477" i="1"/>
  <c r="AF22478" i="1"/>
  <c r="AF22479" i="1"/>
  <c r="AF22480" i="1"/>
  <c r="AF22481" i="1"/>
  <c r="AF22482" i="1"/>
  <c r="AF22483" i="1"/>
  <c r="AF22484" i="1"/>
  <c r="AF22485" i="1"/>
  <c r="AF22486" i="1"/>
  <c r="AF22487" i="1"/>
  <c r="AF22488" i="1"/>
  <c r="AF22489" i="1"/>
  <c r="AF22490" i="1"/>
  <c r="AF22491" i="1"/>
  <c r="AF22492" i="1"/>
  <c r="AF22493" i="1"/>
  <c r="AF22494" i="1"/>
  <c r="AF22495" i="1"/>
  <c r="AF22496" i="1"/>
  <c r="AF22497" i="1"/>
  <c r="AF22498" i="1"/>
  <c r="AF22499" i="1"/>
  <c r="AF22500" i="1"/>
  <c r="AF22501" i="1"/>
  <c r="AF22502" i="1"/>
  <c r="AF22503" i="1"/>
  <c r="AF22504" i="1"/>
  <c r="AF22505" i="1"/>
  <c r="AF22506" i="1"/>
  <c r="AF22507" i="1"/>
  <c r="AF22508" i="1"/>
  <c r="AF22509" i="1"/>
  <c r="AF22510" i="1"/>
  <c r="AF22511" i="1"/>
  <c r="AF22512" i="1"/>
  <c r="AF22513" i="1"/>
  <c r="AF22514" i="1"/>
  <c r="AF22515" i="1"/>
  <c r="AF22516" i="1"/>
  <c r="AF22517" i="1"/>
  <c r="AF22518" i="1"/>
  <c r="AF22519" i="1"/>
  <c r="AF22520" i="1"/>
  <c r="AF22521" i="1"/>
  <c r="AF22522" i="1"/>
  <c r="AF22523" i="1"/>
  <c r="AF22524" i="1"/>
  <c r="AF22525" i="1"/>
  <c r="AF22526" i="1"/>
  <c r="AF22527" i="1"/>
  <c r="AF22528" i="1"/>
  <c r="AF22529" i="1"/>
  <c r="AF22530" i="1"/>
  <c r="AF22531" i="1"/>
  <c r="AF22532" i="1"/>
  <c r="AF22533" i="1"/>
  <c r="AF22534" i="1"/>
  <c r="AF22535" i="1"/>
  <c r="AF22536" i="1"/>
  <c r="AF22537" i="1"/>
  <c r="AF22538" i="1"/>
  <c r="AF22539" i="1"/>
  <c r="AF22540" i="1"/>
  <c r="AF22541" i="1"/>
  <c r="AF22542" i="1"/>
  <c r="AF22543" i="1"/>
  <c r="AF22544" i="1"/>
  <c r="AF22545" i="1"/>
  <c r="AF22546" i="1"/>
  <c r="AF22547" i="1"/>
  <c r="AF22548" i="1"/>
  <c r="AF22549" i="1"/>
  <c r="AF22550" i="1"/>
  <c r="AF22551" i="1"/>
  <c r="AF22552" i="1"/>
  <c r="AF22553" i="1"/>
  <c r="AF22554" i="1"/>
  <c r="AF22555" i="1"/>
  <c r="AF22556" i="1"/>
  <c r="AF22557" i="1"/>
  <c r="AF22558" i="1"/>
  <c r="AF22559" i="1"/>
  <c r="AF22560" i="1"/>
  <c r="AF22561" i="1"/>
  <c r="AF22562" i="1"/>
  <c r="AF22563" i="1"/>
  <c r="AF22564" i="1"/>
  <c r="AF22565" i="1"/>
  <c r="AF22566" i="1"/>
  <c r="AF22567" i="1"/>
  <c r="AF22568" i="1"/>
  <c r="AF22569" i="1"/>
  <c r="AF22570" i="1"/>
  <c r="AF22571" i="1"/>
  <c r="AF22572" i="1"/>
  <c r="AF22573" i="1"/>
  <c r="AF22574" i="1"/>
  <c r="AF22575" i="1"/>
  <c r="AF22576" i="1"/>
  <c r="AF22577" i="1"/>
  <c r="AF22578" i="1"/>
  <c r="AF22579" i="1"/>
  <c r="AF22580" i="1"/>
  <c r="AF22581" i="1"/>
  <c r="AF22582" i="1"/>
  <c r="AF22583" i="1"/>
  <c r="AF22584" i="1"/>
  <c r="AF22585" i="1"/>
  <c r="AF22586" i="1"/>
  <c r="AF22587" i="1"/>
  <c r="AF22588" i="1"/>
  <c r="AF22589" i="1"/>
  <c r="AF22590" i="1"/>
  <c r="AF22591" i="1"/>
  <c r="AF22592" i="1"/>
  <c r="AF22593" i="1"/>
  <c r="AF22594" i="1"/>
  <c r="AF22595" i="1"/>
  <c r="AF22596" i="1"/>
  <c r="AF22597" i="1"/>
  <c r="AF22598" i="1"/>
  <c r="AF22599" i="1"/>
  <c r="AF22600" i="1"/>
  <c r="AF22601" i="1"/>
  <c r="AF22602" i="1"/>
  <c r="AF22603" i="1"/>
  <c r="AF22604" i="1"/>
  <c r="AF22605" i="1"/>
  <c r="AF22606" i="1"/>
  <c r="AF22607" i="1"/>
  <c r="AF22608" i="1"/>
  <c r="AF22609" i="1"/>
  <c r="AF22610" i="1"/>
  <c r="AF22611" i="1"/>
  <c r="AF22612" i="1"/>
  <c r="AF22613" i="1"/>
  <c r="AF22614" i="1"/>
  <c r="AF22615" i="1"/>
  <c r="AF22616" i="1"/>
  <c r="AF22617" i="1"/>
  <c r="AF22618" i="1"/>
  <c r="AF22619" i="1"/>
  <c r="AF22620" i="1"/>
  <c r="AF22621" i="1"/>
  <c r="AF22622" i="1"/>
  <c r="AF22623" i="1"/>
  <c r="AF22624" i="1"/>
  <c r="AF22625" i="1"/>
  <c r="AF22626" i="1"/>
  <c r="AF22627" i="1"/>
  <c r="AF22628" i="1"/>
  <c r="AF22629" i="1"/>
  <c r="AF22630" i="1"/>
  <c r="AF22631" i="1"/>
  <c r="AF22632" i="1"/>
  <c r="AF22633" i="1"/>
  <c r="AF22634" i="1"/>
  <c r="AF22635" i="1"/>
  <c r="AF22636" i="1"/>
  <c r="AF22637" i="1"/>
  <c r="AF22638" i="1"/>
  <c r="AF22639" i="1"/>
  <c r="AF22640" i="1"/>
  <c r="AF22641" i="1"/>
  <c r="AF22642" i="1"/>
  <c r="AF22643" i="1"/>
  <c r="AF22644" i="1"/>
  <c r="AF22645" i="1"/>
  <c r="AF22646" i="1"/>
  <c r="AF22647" i="1"/>
  <c r="AF22648" i="1"/>
  <c r="AF22649" i="1"/>
  <c r="AF22650" i="1"/>
  <c r="AF22651" i="1"/>
  <c r="AF22652" i="1"/>
  <c r="AF22653" i="1"/>
  <c r="AF22654" i="1"/>
  <c r="AF22655" i="1"/>
  <c r="AF22656" i="1"/>
  <c r="AF22657" i="1"/>
  <c r="AF22658" i="1"/>
  <c r="AF22659" i="1"/>
  <c r="AF22660" i="1"/>
  <c r="AF22661" i="1"/>
  <c r="AF22662" i="1"/>
  <c r="AF22663" i="1"/>
  <c r="AF22664" i="1"/>
  <c r="AF22665" i="1"/>
  <c r="AF22666" i="1"/>
  <c r="AF22667" i="1"/>
  <c r="AF22668" i="1"/>
  <c r="AF22669" i="1"/>
  <c r="AF22670" i="1"/>
  <c r="AF22671" i="1"/>
  <c r="AF22672" i="1"/>
  <c r="AF22673" i="1"/>
  <c r="AF22674" i="1"/>
  <c r="AF22675" i="1"/>
  <c r="AF22676" i="1"/>
  <c r="AF22677" i="1"/>
  <c r="AF22678" i="1"/>
  <c r="AF22679" i="1"/>
  <c r="AF22680" i="1"/>
  <c r="AF22681" i="1"/>
  <c r="AF22682" i="1"/>
  <c r="AF22683" i="1"/>
  <c r="AF22684" i="1"/>
  <c r="AF22685" i="1"/>
  <c r="AF22686" i="1"/>
  <c r="AF22687" i="1"/>
  <c r="AF22688" i="1"/>
  <c r="AF22689" i="1"/>
  <c r="AF22690" i="1"/>
  <c r="AF22691" i="1"/>
  <c r="AF22692" i="1"/>
  <c r="AF22693" i="1"/>
  <c r="AF22694" i="1"/>
  <c r="AF22695" i="1"/>
  <c r="AF22696" i="1"/>
  <c r="AF22697" i="1"/>
  <c r="AF22698" i="1"/>
  <c r="AF22699" i="1"/>
  <c r="AF22700" i="1"/>
  <c r="AF22701" i="1"/>
  <c r="AF22702" i="1"/>
  <c r="AF22703" i="1"/>
  <c r="AF22704" i="1"/>
  <c r="AF22705" i="1"/>
  <c r="AF22706" i="1"/>
  <c r="AF22707" i="1"/>
  <c r="AF22708" i="1"/>
  <c r="AF22709" i="1"/>
  <c r="AF22710" i="1"/>
  <c r="AF22711" i="1"/>
  <c r="AF22712" i="1"/>
  <c r="AF22713" i="1"/>
  <c r="AF22714" i="1"/>
  <c r="AF22715" i="1"/>
  <c r="AF22716" i="1"/>
  <c r="AF22717" i="1"/>
  <c r="AF22718" i="1"/>
  <c r="AF22719" i="1"/>
  <c r="AF22720" i="1"/>
  <c r="AF22721" i="1"/>
  <c r="AF22722" i="1"/>
  <c r="AF22723" i="1"/>
  <c r="AF22724" i="1"/>
  <c r="AF22725" i="1"/>
  <c r="AF22726" i="1"/>
  <c r="AF22727" i="1"/>
  <c r="AF22728" i="1"/>
  <c r="AF22729" i="1"/>
  <c r="AF22730" i="1"/>
  <c r="AF22731" i="1"/>
  <c r="AF22732" i="1"/>
  <c r="AF22733" i="1"/>
  <c r="AF22734" i="1"/>
  <c r="AF22735" i="1"/>
  <c r="AF22736" i="1"/>
  <c r="AF22737" i="1"/>
  <c r="AF22738" i="1"/>
  <c r="AF22739" i="1"/>
  <c r="AF22740" i="1"/>
  <c r="AF22741" i="1"/>
  <c r="AF22742" i="1"/>
  <c r="AF22743" i="1"/>
  <c r="AF22744" i="1"/>
  <c r="AF22745" i="1"/>
  <c r="AF22746" i="1"/>
  <c r="AF22747" i="1"/>
  <c r="AF22748" i="1"/>
  <c r="AF22749" i="1"/>
  <c r="AF22750" i="1"/>
  <c r="AF22751" i="1"/>
  <c r="AF22752" i="1"/>
  <c r="AF22753" i="1"/>
  <c r="AF22754" i="1"/>
  <c r="AF22755" i="1"/>
  <c r="AF22756" i="1"/>
  <c r="AF22757" i="1"/>
  <c r="AF22758" i="1"/>
  <c r="AF22759" i="1"/>
  <c r="AF22760" i="1"/>
  <c r="AF22761" i="1"/>
  <c r="AF22762" i="1"/>
  <c r="AF22763" i="1"/>
  <c r="AF22764" i="1"/>
  <c r="AF22765" i="1"/>
  <c r="AF22766" i="1"/>
  <c r="AF22767" i="1"/>
  <c r="AF22768" i="1"/>
  <c r="AF22769" i="1"/>
  <c r="AF22770" i="1"/>
  <c r="AF22771" i="1"/>
  <c r="AF22772" i="1"/>
  <c r="AF22773" i="1"/>
  <c r="AF22774" i="1"/>
  <c r="AF22775" i="1"/>
  <c r="AF22776" i="1"/>
  <c r="AF22777" i="1"/>
  <c r="AF22778" i="1"/>
  <c r="AF22779" i="1"/>
  <c r="AF22780" i="1"/>
  <c r="AF22781" i="1"/>
  <c r="AF22782" i="1"/>
  <c r="AF22783" i="1"/>
  <c r="AF22784" i="1"/>
  <c r="AF22785" i="1"/>
  <c r="AF22786" i="1"/>
  <c r="AF22787" i="1"/>
  <c r="AF22788" i="1"/>
  <c r="AF22789" i="1"/>
  <c r="AF22790" i="1"/>
  <c r="AF22791" i="1"/>
  <c r="AF22792" i="1"/>
  <c r="AF22793" i="1"/>
  <c r="AF22794" i="1"/>
  <c r="AF22795" i="1"/>
  <c r="AF22796" i="1"/>
  <c r="AF22797" i="1"/>
  <c r="AF22798" i="1"/>
  <c r="AF22799" i="1"/>
  <c r="AF22800" i="1"/>
  <c r="AF22801" i="1"/>
  <c r="AF22802" i="1"/>
  <c r="AF22803" i="1"/>
  <c r="AF22804" i="1"/>
  <c r="AF22805" i="1"/>
  <c r="AF22806" i="1"/>
  <c r="AF22807" i="1"/>
  <c r="AF22808" i="1"/>
  <c r="AF22809" i="1"/>
  <c r="AF22810" i="1"/>
  <c r="AF22811" i="1"/>
  <c r="AF22812" i="1"/>
  <c r="AF22813" i="1"/>
  <c r="AF22814" i="1"/>
  <c r="AF22815" i="1"/>
  <c r="AF22816" i="1"/>
  <c r="AF22817" i="1"/>
  <c r="AF22818" i="1"/>
  <c r="AF22819" i="1"/>
  <c r="AF22820" i="1"/>
  <c r="AF22821" i="1"/>
  <c r="AF22822" i="1"/>
  <c r="AF22823" i="1"/>
  <c r="AF22824" i="1"/>
  <c r="AF22825" i="1"/>
  <c r="AF22826" i="1"/>
  <c r="AF22827" i="1"/>
  <c r="AF22828" i="1"/>
  <c r="AF22829" i="1"/>
  <c r="AF22830" i="1"/>
  <c r="AF22831" i="1"/>
  <c r="AF22832" i="1"/>
  <c r="AF22833" i="1"/>
  <c r="AF22834" i="1"/>
  <c r="AF22835" i="1"/>
  <c r="AF22836" i="1"/>
  <c r="AF22837" i="1"/>
  <c r="AF22838" i="1"/>
  <c r="AF22839" i="1"/>
  <c r="AF22840" i="1"/>
  <c r="AF22841" i="1"/>
  <c r="AF22842" i="1"/>
  <c r="AF22843" i="1"/>
  <c r="AF22844" i="1"/>
  <c r="AF22845" i="1"/>
  <c r="AF22846" i="1"/>
  <c r="AF22847" i="1"/>
  <c r="AF22848" i="1"/>
  <c r="AF22849" i="1"/>
  <c r="AF22850" i="1"/>
  <c r="AF22851" i="1"/>
  <c r="AF22852" i="1"/>
  <c r="AF22853" i="1"/>
  <c r="AF22854" i="1"/>
  <c r="AF22855" i="1"/>
  <c r="AF22856" i="1"/>
  <c r="AF22857" i="1"/>
  <c r="AF22858" i="1"/>
  <c r="AF22859" i="1"/>
  <c r="AF22860" i="1"/>
  <c r="AF22861" i="1"/>
  <c r="AF22862" i="1"/>
  <c r="AF22863" i="1"/>
  <c r="AF22864" i="1"/>
  <c r="AF22865" i="1"/>
  <c r="AF22866" i="1"/>
  <c r="AF22867" i="1"/>
  <c r="AF22868" i="1"/>
  <c r="AF22869" i="1"/>
  <c r="AF22870" i="1"/>
  <c r="AF22871" i="1"/>
  <c r="AF22872" i="1"/>
  <c r="AF22873" i="1"/>
  <c r="AF22874" i="1"/>
  <c r="AF22875" i="1"/>
  <c r="AF22876" i="1"/>
  <c r="AF22877" i="1"/>
  <c r="AF22878" i="1"/>
  <c r="AF22879" i="1"/>
  <c r="AF22880" i="1"/>
  <c r="AF22881" i="1"/>
  <c r="AF22882" i="1"/>
  <c r="AF22883" i="1"/>
  <c r="AF22884" i="1"/>
  <c r="AF22885" i="1"/>
  <c r="AF22886" i="1"/>
  <c r="AF22887" i="1"/>
  <c r="AF22888" i="1"/>
  <c r="AF22889" i="1"/>
  <c r="AF22890" i="1"/>
  <c r="AF22891" i="1"/>
  <c r="AF22892" i="1"/>
  <c r="AF22893" i="1"/>
  <c r="AF22894" i="1"/>
  <c r="AF22895" i="1"/>
  <c r="AF22896" i="1"/>
  <c r="AF22897" i="1"/>
  <c r="AF22898" i="1"/>
  <c r="AF22899" i="1"/>
  <c r="AF22900" i="1"/>
  <c r="AF22901" i="1"/>
  <c r="AF22902" i="1"/>
  <c r="AF22903" i="1"/>
  <c r="AF22904" i="1"/>
  <c r="AF22905" i="1"/>
  <c r="AF22906" i="1"/>
  <c r="AF22907" i="1"/>
  <c r="AF22908" i="1"/>
  <c r="AF22909" i="1"/>
  <c r="AF22910" i="1"/>
  <c r="AF22911" i="1"/>
  <c r="AF22912" i="1"/>
  <c r="AF22913" i="1"/>
  <c r="AF22914" i="1"/>
  <c r="AF22915" i="1"/>
  <c r="AF22916" i="1"/>
  <c r="AF22917" i="1"/>
  <c r="AF22918" i="1"/>
  <c r="AF22919" i="1"/>
  <c r="AF22920" i="1"/>
  <c r="AF22921" i="1"/>
  <c r="AF22922" i="1"/>
  <c r="AF22923" i="1"/>
  <c r="AF22924" i="1"/>
  <c r="AF22925" i="1"/>
  <c r="AF22926" i="1"/>
  <c r="AF22927" i="1"/>
  <c r="AF22928" i="1"/>
  <c r="AF22929" i="1"/>
  <c r="AF22930" i="1"/>
  <c r="AF22931" i="1"/>
  <c r="AF22932" i="1"/>
  <c r="AF22933" i="1"/>
  <c r="AF22934" i="1"/>
  <c r="AF22935" i="1"/>
  <c r="AF22936" i="1"/>
  <c r="AF22937" i="1"/>
  <c r="AF22938" i="1"/>
  <c r="AF22939" i="1"/>
  <c r="AF22940" i="1"/>
  <c r="AF22941" i="1"/>
  <c r="AF22942" i="1"/>
  <c r="AF22943" i="1"/>
  <c r="AF22944" i="1"/>
  <c r="AF22945" i="1"/>
  <c r="AF22946" i="1"/>
  <c r="AF22947" i="1"/>
  <c r="AF22948" i="1"/>
  <c r="AF22949" i="1"/>
  <c r="AF22950" i="1"/>
  <c r="AF22951" i="1"/>
  <c r="AF22952" i="1"/>
  <c r="AF22953" i="1"/>
  <c r="AF22954" i="1"/>
  <c r="AF22955" i="1"/>
  <c r="AF22956" i="1"/>
  <c r="AF22957" i="1"/>
  <c r="AF22958" i="1"/>
  <c r="AF22959" i="1"/>
  <c r="AF22960" i="1"/>
  <c r="AF22961" i="1"/>
  <c r="AF22962" i="1"/>
  <c r="AF22963" i="1"/>
  <c r="AF22964" i="1"/>
  <c r="AF22965" i="1"/>
  <c r="AF22966" i="1"/>
  <c r="AF22967" i="1"/>
  <c r="AF22968" i="1"/>
  <c r="AF22969" i="1"/>
  <c r="AF22970" i="1"/>
  <c r="AF22971" i="1"/>
  <c r="AF22972" i="1"/>
  <c r="AF22973" i="1"/>
  <c r="AF22974" i="1"/>
  <c r="AF22975" i="1"/>
  <c r="AF22976" i="1"/>
  <c r="AF22977" i="1"/>
  <c r="AF22978" i="1"/>
  <c r="AF22979" i="1"/>
  <c r="AF22980" i="1"/>
  <c r="AF22981" i="1"/>
  <c r="AF22982" i="1"/>
  <c r="AF22983" i="1"/>
  <c r="AF22984" i="1"/>
  <c r="AF22985" i="1"/>
  <c r="AF22986" i="1"/>
  <c r="AF22987" i="1"/>
  <c r="AF22988" i="1"/>
  <c r="AF22989" i="1"/>
  <c r="AF22990" i="1"/>
  <c r="AF22991" i="1"/>
  <c r="AF22992" i="1"/>
  <c r="AF22993" i="1"/>
  <c r="AF22994" i="1"/>
  <c r="AF22995" i="1"/>
  <c r="AF22996" i="1"/>
  <c r="AF22997" i="1"/>
  <c r="AF22998" i="1"/>
  <c r="AF22999" i="1"/>
  <c r="AF23000" i="1"/>
  <c r="AF23001" i="1"/>
  <c r="AF23002" i="1"/>
  <c r="AF23003" i="1"/>
  <c r="AF23004" i="1"/>
  <c r="AF23005" i="1"/>
  <c r="AF23006" i="1"/>
  <c r="AF23007" i="1"/>
  <c r="AF23008" i="1"/>
  <c r="AF23009" i="1"/>
  <c r="AF23010" i="1"/>
  <c r="AF23011" i="1"/>
  <c r="AF23012" i="1"/>
  <c r="AF23013" i="1"/>
  <c r="AF23014" i="1"/>
  <c r="AF23015" i="1"/>
  <c r="AF23016" i="1"/>
  <c r="AF23017" i="1"/>
  <c r="AF23018" i="1"/>
  <c r="AF23019" i="1"/>
  <c r="AF23020" i="1"/>
  <c r="AF23021" i="1"/>
  <c r="AF23022" i="1"/>
  <c r="AF23023" i="1"/>
  <c r="AF23024" i="1"/>
  <c r="AF23025" i="1"/>
  <c r="AF23026" i="1"/>
  <c r="AF23027" i="1"/>
  <c r="AF23028" i="1"/>
  <c r="AF23029" i="1"/>
  <c r="AF23030" i="1"/>
  <c r="AF23031" i="1"/>
  <c r="AF23032" i="1"/>
  <c r="AF23033" i="1"/>
  <c r="AF23034" i="1"/>
  <c r="AF23035" i="1"/>
  <c r="AF23036" i="1"/>
  <c r="AF23037" i="1"/>
  <c r="AF23038" i="1"/>
  <c r="AF23039" i="1"/>
  <c r="AF23040" i="1"/>
  <c r="AF23041" i="1"/>
  <c r="AF23042" i="1"/>
  <c r="AF23043" i="1"/>
  <c r="AF23044" i="1"/>
  <c r="AF23045" i="1"/>
  <c r="AF23046" i="1"/>
  <c r="AF23047" i="1"/>
  <c r="AF23048" i="1"/>
  <c r="AF23049" i="1"/>
  <c r="AF23050" i="1"/>
  <c r="AF23051" i="1"/>
  <c r="AF23052" i="1"/>
  <c r="AF23053" i="1"/>
  <c r="AF23054" i="1"/>
  <c r="AF23055" i="1"/>
  <c r="AF23056" i="1"/>
  <c r="AF23057" i="1"/>
  <c r="AF23058" i="1"/>
  <c r="AF23059" i="1"/>
  <c r="AF23060" i="1"/>
  <c r="AF23061" i="1"/>
  <c r="AF23062" i="1"/>
  <c r="AF23063" i="1"/>
  <c r="AF23064" i="1"/>
  <c r="AF23065" i="1"/>
  <c r="AF23066" i="1"/>
  <c r="AF23067" i="1"/>
  <c r="AF23068" i="1"/>
  <c r="AF23069" i="1"/>
  <c r="AF23070" i="1"/>
  <c r="AF23071" i="1"/>
  <c r="AF23072" i="1"/>
  <c r="AF23073" i="1"/>
  <c r="AF23074" i="1"/>
  <c r="AF23075" i="1"/>
  <c r="AF23076" i="1"/>
  <c r="AF23077" i="1"/>
  <c r="AF23078" i="1"/>
  <c r="AF23079" i="1"/>
  <c r="AF23080" i="1"/>
  <c r="AF23081" i="1"/>
  <c r="AF23082" i="1"/>
  <c r="AF23083" i="1"/>
  <c r="AF23084" i="1"/>
  <c r="AF23085" i="1"/>
  <c r="AF23086" i="1"/>
  <c r="AF23087" i="1"/>
  <c r="AF23088" i="1"/>
  <c r="AF23089" i="1"/>
  <c r="AF23090" i="1"/>
  <c r="AF23091" i="1"/>
  <c r="AF23092" i="1"/>
  <c r="AF23093" i="1"/>
  <c r="AF23094" i="1"/>
  <c r="AF23095" i="1"/>
  <c r="AF23096" i="1"/>
  <c r="AF23097" i="1"/>
  <c r="AF23098" i="1"/>
  <c r="AF23099" i="1"/>
  <c r="AF23100" i="1"/>
  <c r="AF23101" i="1"/>
  <c r="AF23102" i="1"/>
  <c r="AF23103" i="1"/>
  <c r="AF23104" i="1"/>
  <c r="AF23105" i="1"/>
  <c r="AF23106" i="1"/>
  <c r="AF23107" i="1"/>
  <c r="AF23108" i="1"/>
  <c r="AF23109" i="1"/>
  <c r="AF23110" i="1"/>
  <c r="AF23111" i="1"/>
  <c r="AF23112" i="1"/>
  <c r="AF23113" i="1"/>
  <c r="AF23114" i="1"/>
  <c r="AF23115" i="1"/>
  <c r="AF23116" i="1"/>
  <c r="AF23117" i="1"/>
  <c r="AF23118" i="1"/>
  <c r="AF23119" i="1"/>
  <c r="AF23120" i="1"/>
  <c r="AF23121" i="1"/>
  <c r="AF23122" i="1"/>
  <c r="AF23123" i="1"/>
  <c r="AF23124" i="1"/>
  <c r="AF23125" i="1"/>
  <c r="AF23126" i="1"/>
  <c r="AF23127" i="1"/>
  <c r="AF23128" i="1"/>
  <c r="AF23129" i="1"/>
  <c r="AF23130" i="1"/>
  <c r="AF23131" i="1"/>
  <c r="AF23132" i="1"/>
  <c r="AF23133" i="1"/>
  <c r="AF23134" i="1"/>
  <c r="AF23135" i="1"/>
  <c r="AF23136" i="1"/>
  <c r="AF23137" i="1"/>
  <c r="AF23138" i="1"/>
  <c r="AF23139" i="1"/>
  <c r="AF23140" i="1"/>
  <c r="AF23141" i="1"/>
  <c r="AF23142" i="1"/>
  <c r="AF23143" i="1"/>
  <c r="AF23144" i="1"/>
  <c r="AF23145" i="1"/>
  <c r="AF23146" i="1"/>
  <c r="AF23147" i="1"/>
  <c r="AF23148" i="1"/>
  <c r="AF23149" i="1"/>
  <c r="AF23150" i="1"/>
  <c r="AF23151" i="1"/>
  <c r="AF23152" i="1"/>
  <c r="AF23153" i="1"/>
  <c r="AF23154" i="1"/>
  <c r="AF23155" i="1"/>
  <c r="AF23156" i="1"/>
  <c r="AF23157" i="1"/>
  <c r="AF23158" i="1"/>
  <c r="AF23159" i="1"/>
  <c r="AF23160" i="1"/>
  <c r="AF23161" i="1"/>
  <c r="AF23162" i="1"/>
  <c r="AF23163" i="1"/>
  <c r="AF23164" i="1"/>
  <c r="AF23165" i="1"/>
  <c r="AF23166" i="1"/>
  <c r="AF23167" i="1"/>
  <c r="AF23168" i="1"/>
  <c r="AF23169" i="1"/>
  <c r="AF23170" i="1"/>
  <c r="AF23171" i="1"/>
  <c r="AF23172" i="1"/>
  <c r="AF23173" i="1"/>
  <c r="AF23174" i="1"/>
  <c r="AF23175" i="1"/>
  <c r="AF23176" i="1"/>
  <c r="AF23177" i="1"/>
  <c r="AF23178" i="1"/>
  <c r="AF23179" i="1"/>
  <c r="AF23180" i="1"/>
  <c r="AF23181" i="1"/>
  <c r="AF23182" i="1"/>
  <c r="AF23183" i="1"/>
  <c r="AF23184" i="1"/>
  <c r="AF23185" i="1"/>
  <c r="AF23186" i="1"/>
  <c r="AF23187" i="1"/>
  <c r="AF23188" i="1"/>
  <c r="AF23189" i="1"/>
  <c r="AF23190" i="1"/>
  <c r="AF23191" i="1"/>
  <c r="AF23192" i="1"/>
  <c r="AF23193" i="1"/>
  <c r="AF23194" i="1"/>
  <c r="AF23195" i="1"/>
  <c r="AF23196" i="1"/>
  <c r="AF23197" i="1"/>
  <c r="AF23198" i="1"/>
  <c r="AF23199" i="1"/>
  <c r="AF23200" i="1"/>
  <c r="AF23201" i="1"/>
  <c r="AF23202" i="1"/>
  <c r="AF23203" i="1"/>
  <c r="AF23204" i="1"/>
  <c r="AF23205" i="1"/>
  <c r="AF23206" i="1"/>
  <c r="AF23207" i="1"/>
  <c r="AF23208" i="1"/>
  <c r="AF23209" i="1"/>
  <c r="AF23210" i="1"/>
  <c r="AF23211" i="1"/>
  <c r="AF23212" i="1"/>
  <c r="AF23213" i="1"/>
  <c r="AF23214" i="1"/>
  <c r="AF23215" i="1"/>
  <c r="AF23216" i="1"/>
  <c r="AF23217" i="1"/>
  <c r="AF23218" i="1"/>
  <c r="AF23219" i="1"/>
  <c r="AF23220" i="1"/>
  <c r="AF23221" i="1"/>
  <c r="AF23222" i="1"/>
  <c r="AF23223" i="1"/>
  <c r="AF23224" i="1"/>
  <c r="AF23225" i="1"/>
  <c r="AF23226" i="1"/>
  <c r="AF23227" i="1"/>
  <c r="AF23228" i="1"/>
  <c r="AF23229" i="1"/>
  <c r="AF23230" i="1"/>
  <c r="AF23231" i="1"/>
  <c r="AF23232" i="1"/>
  <c r="AF23233" i="1"/>
  <c r="AF23234" i="1"/>
  <c r="AF23235" i="1"/>
  <c r="AF23236" i="1"/>
  <c r="AF23237" i="1"/>
  <c r="AF23238" i="1"/>
  <c r="AF23239" i="1"/>
  <c r="AF23240" i="1"/>
  <c r="AF23241" i="1"/>
  <c r="AF23242" i="1"/>
  <c r="AF23243" i="1"/>
  <c r="AF23244" i="1"/>
  <c r="AF23245" i="1"/>
  <c r="AF23246" i="1"/>
  <c r="AF23247" i="1"/>
  <c r="AF23248" i="1"/>
  <c r="AF23249" i="1"/>
  <c r="AF23250" i="1"/>
  <c r="AF23251" i="1"/>
  <c r="AF23252" i="1"/>
  <c r="AF23253" i="1"/>
  <c r="AF23254" i="1"/>
  <c r="AF23255" i="1"/>
  <c r="AF23256" i="1"/>
  <c r="AF23257" i="1"/>
  <c r="AF23258" i="1"/>
  <c r="AF23259" i="1"/>
  <c r="AF23260" i="1"/>
  <c r="AF23261" i="1"/>
  <c r="AF23262" i="1"/>
  <c r="AF23263" i="1"/>
  <c r="AF23264" i="1"/>
  <c r="AF23265" i="1"/>
  <c r="AF23266" i="1"/>
  <c r="AF23267" i="1"/>
  <c r="AF23268" i="1"/>
  <c r="AF23269" i="1"/>
  <c r="AF23270" i="1"/>
  <c r="AF23271" i="1"/>
  <c r="AF23272" i="1"/>
  <c r="AF23273" i="1"/>
  <c r="AF23274" i="1"/>
  <c r="AF23275" i="1"/>
  <c r="AF23276" i="1"/>
  <c r="AF23277" i="1"/>
  <c r="AF23278" i="1"/>
  <c r="AF23279" i="1"/>
  <c r="AF23280" i="1"/>
  <c r="AF23281" i="1"/>
  <c r="AF23282" i="1"/>
  <c r="AF23283" i="1"/>
  <c r="AF23284" i="1"/>
  <c r="AF23285" i="1"/>
  <c r="AF23286" i="1"/>
  <c r="AF23287" i="1"/>
  <c r="AF23288" i="1"/>
  <c r="AF23289" i="1"/>
  <c r="AF23290" i="1"/>
  <c r="AF23291" i="1"/>
  <c r="AF23292" i="1"/>
  <c r="AF23293" i="1"/>
  <c r="AF23294" i="1"/>
  <c r="AF23295" i="1"/>
  <c r="AF23296" i="1"/>
  <c r="AF23297" i="1"/>
  <c r="AF23298" i="1"/>
  <c r="AF23299" i="1"/>
  <c r="AF23300" i="1"/>
  <c r="AF23301" i="1"/>
  <c r="AF23302" i="1"/>
  <c r="AF23303" i="1"/>
  <c r="AF23304" i="1"/>
  <c r="AF23305" i="1"/>
  <c r="AF23306" i="1"/>
  <c r="AF23307" i="1"/>
  <c r="AF23308" i="1"/>
  <c r="AF23309" i="1"/>
  <c r="AF23310" i="1"/>
  <c r="AF23311" i="1"/>
  <c r="AF23312" i="1"/>
  <c r="AF23313" i="1"/>
  <c r="AF23314" i="1"/>
  <c r="AF23315" i="1"/>
  <c r="AF23316" i="1"/>
  <c r="AF23317" i="1"/>
  <c r="AF23318" i="1"/>
  <c r="AF23319" i="1"/>
  <c r="AF23320" i="1"/>
  <c r="AF23321" i="1"/>
  <c r="AF23322" i="1"/>
  <c r="AF23323" i="1"/>
  <c r="AF23324" i="1"/>
  <c r="AF23325" i="1"/>
  <c r="AF23326" i="1"/>
  <c r="AF23327" i="1"/>
  <c r="AF23328" i="1"/>
  <c r="AF23329" i="1"/>
  <c r="AF23330" i="1"/>
  <c r="AF23331" i="1"/>
  <c r="AF23332" i="1"/>
  <c r="AF23333" i="1"/>
  <c r="AF23334" i="1"/>
  <c r="AF23335" i="1"/>
  <c r="AF23336" i="1"/>
  <c r="AF23337" i="1"/>
  <c r="AF23338" i="1"/>
  <c r="AF23339" i="1"/>
  <c r="AF23340" i="1"/>
  <c r="AF23341" i="1"/>
  <c r="AF23342" i="1"/>
  <c r="AF23343" i="1"/>
  <c r="AF23344" i="1"/>
  <c r="AF23345" i="1"/>
  <c r="AF23346" i="1"/>
  <c r="AF23347" i="1"/>
  <c r="AF23348" i="1"/>
  <c r="AF23349" i="1"/>
  <c r="AF23350" i="1"/>
  <c r="AF23351" i="1"/>
  <c r="AF23352" i="1"/>
  <c r="AF23353" i="1"/>
  <c r="AF23354" i="1"/>
  <c r="AF23355" i="1"/>
  <c r="AF23356" i="1"/>
  <c r="AF23357" i="1"/>
  <c r="AF23358" i="1"/>
  <c r="AF23359" i="1"/>
  <c r="AF23360" i="1"/>
  <c r="AF23361" i="1"/>
  <c r="AF23362" i="1"/>
  <c r="AF23363" i="1"/>
  <c r="AF23364" i="1"/>
  <c r="AF23365" i="1"/>
  <c r="AF23366" i="1"/>
  <c r="AF23367" i="1"/>
  <c r="AF23368" i="1"/>
  <c r="AF23369" i="1"/>
  <c r="AF23370" i="1"/>
  <c r="AF23371" i="1"/>
  <c r="AF23372" i="1"/>
  <c r="AF23373" i="1"/>
  <c r="AF23374" i="1"/>
  <c r="AF23375" i="1"/>
  <c r="AF23376" i="1"/>
  <c r="AF23377" i="1"/>
  <c r="AF23378" i="1"/>
  <c r="AF23379" i="1"/>
  <c r="AF23380" i="1"/>
  <c r="AF23381" i="1"/>
  <c r="AF23382" i="1"/>
  <c r="AF23383" i="1"/>
  <c r="AF23384" i="1"/>
  <c r="AF23385" i="1"/>
  <c r="AF23386" i="1"/>
  <c r="AF23387" i="1"/>
  <c r="AF23388" i="1"/>
  <c r="AF23389" i="1"/>
  <c r="AF23390" i="1"/>
  <c r="AF23391" i="1"/>
  <c r="AF23392" i="1"/>
  <c r="AF23393" i="1"/>
  <c r="AF23394" i="1"/>
  <c r="AF23395" i="1"/>
  <c r="AF23396" i="1"/>
  <c r="AF23397" i="1"/>
  <c r="AF23398" i="1"/>
  <c r="AF23399" i="1"/>
  <c r="AF23400" i="1"/>
  <c r="AF23401" i="1"/>
  <c r="AF23402" i="1"/>
  <c r="AF23403" i="1"/>
  <c r="AF23404" i="1"/>
  <c r="AF23405" i="1"/>
  <c r="AF23406" i="1"/>
  <c r="AF23407" i="1"/>
  <c r="AF23408" i="1"/>
  <c r="AF23409" i="1"/>
  <c r="AF23410" i="1"/>
  <c r="AF23411" i="1"/>
  <c r="AF23412" i="1"/>
  <c r="AF23413" i="1"/>
  <c r="AF23414" i="1"/>
  <c r="AF23415" i="1"/>
  <c r="AF23416" i="1"/>
  <c r="AF23417" i="1"/>
  <c r="AF23418" i="1"/>
  <c r="AF23419" i="1"/>
  <c r="AF23420" i="1"/>
  <c r="AF23421" i="1"/>
  <c r="AF23422" i="1"/>
  <c r="AF23423" i="1"/>
  <c r="AF23424" i="1"/>
  <c r="AF23425" i="1"/>
  <c r="AF23426" i="1"/>
  <c r="AF23427" i="1"/>
  <c r="AF23428" i="1"/>
  <c r="AF23429" i="1"/>
  <c r="AF23430" i="1"/>
  <c r="AF23431" i="1"/>
  <c r="AF23432" i="1"/>
  <c r="AF23433" i="1"/>
  <c r="AF23434" i="1"/>
  <c r="AF23435" i="1"/>
  <c r="AF23436" i="1"/>
  <c r="AF23437" i="1"/>
  <c r="AF23438" i="1"/>
  <c r="AF23439" i="1"/>
  <c r="AF23440" i="1"/>
  <c r="AF23441" i="1"/>
  <c r="AF23442" i="1"/>
  <c r="AF23443" i="1"/>
  <c r="AF23444" i="1"/>
  <c r="AF23445" i="1"/>
  <c r="AF23446" i="1"/>
  <c r="AF23447" i="1"/>
  <c r="AF23448" i="1"/>
  <c r="AF23449" i="1"/>
  <c r="AF23450" i="1"/>
  <c r="AF23451" i="1"/>
  <c r="AF23452" i="1"/>
  <c r="AF23453" i="1"/>
  <c r="AF23454" i="1"/>
  <c r="AF23455" i="1"/>
  <c r="AF23456" i="1"/>
  <c r="AF23457" i="1"/>
  <c r="AF23458" i="1"/>
  <c r="AF23459" i="1"/>
  <c r="AF23460" i="1"/>
  <c r="AF23461" i="1"/>
  <c r="AF23462" i="1"/>
  <c r="AF23463" i="1"/>
  <c r="AF23464" i="1"/>
  <c r="AF23465" i="1"/>
  <c r="AF23466" i="1"/>
  <c r="AF23467" i="1"/>
  <c r="AF23468" i="1"/>
  <c r="AF23469" i="1"/>
  <c r="AF23470" i="1"/>
  <c r="AF23471" i="1"/>
  <c r="AF23472" i="1"/>
  <c r="AF23473" i="1"/>
  <c r="AF23474" i="1"/>
  <c r="AF23475" i="1"/>
  <c r="AF23476" i="1"/>
  <c r="AF23477" i="1"/>
  <c r="AF23478" i="1"/>
  <c r="AF23479" i="1"/>
  <c r="AF23480" i="1"/>
  <c r="AF23481" i="1"/>
  <c r="AF23482" i="1"/>
  <c r="AF23483" i="1"/>
  <c r="AF23484" i="1"/>
  <c r="AF23485" i="1"/>
  <c r="AF23486" i="1"/>
  <c r="AF23487" i="1"/>
  <c r="AF23488" i="1"/>
  <c r="AF23489" i="1"/>
  <c r="AF23490" i="1"/>
  <c r="AF23491" i="1"/>
  <c r="AF23492" i="1"/>
  <c r="AF23493" i="1"/>
  <c r="AF23494" i="1"/>
  <c r="AF23495" i="1"/>
  <c r="AF23496" i="1"/>
  <c r="AF23497" i="1"/>
  <c r="AF23498" i="1"/>
  <c r="AF23499" i="1"/>
  <c r="AF23500" i="1"/>
  <c r="AF23501" i="1"/>
  <c r="AF23502" i="1"/>
  <c r="AF23503" i="1"/>
  <c r="AF23504" i="1"/>
  <c r="AF23505" i="1"/>
  <c r="AF23506" i="1"/>
  <c r="AF23507" i="1"/>
  <c r="AF23508" i="1"/>
  <c r="AF23509" i="1"/>
  <c r="AF23510" i="1"/>
  <c r="AF23511" i="1"/>
  <c r="AF23512" i="1"/>
  <c r="AF23513" i="1"/>
  <c r="AF23514" i="1"/>
  <c r="AF23515" i="1"/>
  <c r="AF23516" i="1"/>
  <c r="AF23517" i="1"/>
  <c r="AF23518" i="1"/>
  <c r="AF23519" i="1"/>
  <c r="AF23520" i="1"/>
  <c r="AF23521" i="1"/>
  <c r="AF23522" i="1"/>
  <c r="AF23523" i="1"/>
  <c r="AF23524" i="1"/>
  <c r="AF23525" i="1"/>
  <c r="AF23526" i="1"/>
  <c r="AF23527" i="1"/>
  <c r="AF23528" i="1"/>
  <c r="AF23529" i="1"/>
  <c r="AF23530" i="1"/>
  <c r="AF23531" i="1"/>
  <c r="AF23532" i="1"/>
  <c r="AF23533" i="1"/>
  <c r="AF23534" i="1"/>
  <c r="AF23535" i="1"/>
  <c r="AF23536" i="1"/>
  <c r="AF23537" i="1"/>
  <c r="AF23538" i="1"/>
  <c r="AF23539" i="1"/>
  <c r="AF23540" i="1"/>
  <c r="AF23541" i="1"/>
  <c r="AF23542" i="1"/>
  <c r="AF23543" i="1"/>
  <c r="AF23544" i="1"/>
  <c r="AF23545" i="1"/>
  <c r="AF23546" i="1"/>
  <c r="AF23547" i="1"/>
  <c r="AF23548" i="1"/>
  <c r="AF23549" i="1"/>
  <c r="AF23550" i="1"/>
  <c r="AF23551" i="1"/>
  <c r="AF23552" i="1"/>
  <c r="AF23553" i="1"/>
  <c r="AF23554" i="1"/>
  <c r="AF23555" i="1"/>
  <c r="AF23556" i="1"/>
  <c r="AF23557" i="1"/>
  <c r="AF23558" i="1"/>
  <c r="AF23559" i="1"/>
  <c r="AF23560" i="1"/>
  <c r="AF23561" i="1"/>
  <c r="AF23562" i="1"/>
  <c r="AF23563" i="1"/>
  <c r="AF23564" i="1"/>
  <c r="AF23565" i="1"/>
  <c r="AF23566" i="1"/>
  <c r="AF23567" i="1"/>
  <c r="AF23568" i="1"/>
  <c r="AF23569" i="1"/>
  <c r="AF23570" i="1"/>
  <c r="AF23571" i="1"/>
  <c r="AF23572" i="1"/>
  <c r="AF23573" i="1"/>
  <c r="AF23574" i="1"/>
  <c r="AF23575" i="1"/>
  <c r="AF23576" i="1"/>
  <c r="AF23577" i="1"/>
  <c r="AF23578" i="1"/>
  <c r="AF23579" i="1"/>
  <c r="AF23580" i="1"/>
  <c r="AF23581" i="1"/>
  <c r="AF23582" i="1"/>
  <c r="AF23583" i="1"/>
  <c r="AF23584" i="1"/>
  <c r="AF23585" i="1"/>
  <c r="AF23586" i="1"/>
  <c r="AF23587" i="1"/>
  <c r="AF23588" i="1"/>
  <c r="AF23589" i="1"/>
  <c r="AF23590" i="1"/>
  <c r="AF23591" i="1"/>
  <c r="AF23592" i="1"/>
  <c r="AF23593" i="1"/>
  <c r="AF23594" i="1"/>
  <c r="AF23595" i="1"/>
  <c r="AF23596" i="1"/>
  <c r="AF23597" i="1"/>
  <c r="AF23598" i="1"/>
  <c r="AF23599" i="1"/>
  <c r="AF23600" i="1"/>
  <c r="AF23601" i="1"/>
  <c r="AF23602" i="1"/>
  <c r="AF23603" i="1"/>
  <c r="AF23604" i="1"/>
  <c r="AF23605" i="1"/>
  <c r="AF23606" i="1"/>
  <c r="AF23607" i="1"/>
  <c r="AF23608" i="1"/>
  <c r="AF23609" i="1"/>
  <c r="AF23610" i="1"/>
  <c r="AF23611" i="1"/>
  <c r="AF23612" i="1"/>
  <c r="AF23613" i="1"/>
  <c r="AF23614" i="1"/>
  <c r="AF23615" i="1"/>
  <c r="AF23616" i="1"/>
  <c r="AF23617" i="1"/>
  <c r="AF23618" i="1"/>
  <c r="AF23619" i="1"/>
  <c r="AF23620" i="1"/>
  <c r="AF23621" i="1"/>
  <c r="AF23622" i="1"/>
  <c r="AF23623" i="1"/>
  <c r="AF23624" i="1"/>
  <c r="AF23625" i="1"/>
  <c r="AF23626" i="1"/>
  <c r="AF23627" i="1"/>
  <c r="AF23628" i="1"/>
  <c r="AF23629" i="1"/>
  <c r="AF23630" i="1"/>
  <c r="AF23631" i="1"/>
  <c r="AF23632" i="1"/>
  <c r="AF23633" i="1"/>
  <c r="AF23634" i="1"/>
  <c r="AF23635" i="1"/>
  <c r="AF23636" i="1"/>
  <c r="AF23637" i="1"/>
  <c r="AF23638" i="1"/>
  <c r="AF23639" i="1"/>
  <c r="AF23640" i="1"/>
  <c r="AF23641" i="1"/>
  <c r="AF23642" i="1"/>
  <c r="AF23643" i="1"/>
  <c r="AF23644" i="1"/>
  <c r="AF23645" i="1"/>
  <c r="AF23646" i="1"/>
  <c r="AF23647" i="1"/>
  <c r="AF23648" i="1"/>
  <c r="AF23649" i="1"/>
  <c r="AF23650" i="1"/>
  <c r="AF23651" i="1"/>
  <c r="AF23652" i="1"/>
  <c r="AF23653" i="1"/>
  <c r="AF23654" i="1"/>
  <c r="AF23655" i="1"/>
  <c r="AF23656" i="1"/>
  <c r="AF23657" i="1"/>
  <c r="AF23658" i="1"/>
  <c r="AF23659" i="1"/>
  <c r="AF23660" i="1"/>
  <c r="AF23661" i="1"/>
  <c r="AF23662" i="1"/>
  <c r="AF23663" i="1"/>
  <c r="AF23664" i="1"/>
  <c r="AF23665" i="1"/>
  <c r="AF23666" i="1"/>
  <c r="AF23667" i="1"/>
  <c r="AF23668" i="1"/>
  <c r="AF23669" i="1"/>
  <c r="AF23670" i="1"/>
  <c r="AF23671" i="1"/>
  <c r="AF23672" i="1"/>
  <c r="AF23673" i="1"/>
  <c r="AF23674" i="1"/>
  <c r="AF23675" i="1"/>
  <c r="AF23676" i="1"/>
  <c r="AF23677" i="1"/>
  <c r="AF23678" i="1"/>
  <c r="AF23679" i="1"/>
  <c r="AF23680" i="1"/>
  <c r="AF23681" i="1"/>
  <c r="AF23682" i="1"/>
  <c r="AF23683" i="1"/>
  <c r="AF23684" i="1"/>
  <c r="AF23685" i="1"/>
  <c r="AF23686" i="1"/>
  <c r="AF23687" i="1"/>
  <c r="AF23688" i="1"/>
  <c r="AF23689" i="1"/>
  <c r="AF23690" i="1"/>
  <c r="AF23691" i="1"/>
  <c r="AF23692" i="1"/>
  <c r="AF23693" i="1"/>
  <c r="AF23694" i="1"/>
  <c r="AF23695" i="1"/>
  <c r="AF23696" i="1"/>
  <c r="AF23697" i="1"/>
  <c r="AF23698" i="1"/>
  <c r="AF23699" i="1"/>
  <c r="AF23700" i="1"/>
  <c r="AF23701" i="1"/>
  <c r="AF23702" i="1"/>
  <c r="AF23703" i="1"/>
  <c r="AF23704" i="1"/>
  <c r="AF23705" i="1"/>
  <c r="AF23706" i="1"/>
  <c r="AF23707" i="1"/>
  <c r="AF23708" i="1"/>
  <c r="AF23709" i="1"/>
  <c r="AF23710" i="1"/>
  <c r="AF23711" i="1"/>
  <c r="AF23712" i="1"/>
  <c r="AF23713" i="1"/>
  <c r="AF23714" i="1"/>
  <c r="AF23715" i="1"/>
  <c r="AF23716" i="1"/>
  <c r="AF23717" i="1"/>
  <c r="AF23718" i="1"/>
  <c r="AF23719" i="1"/>
  <c r="AF23720" i="1"/>
  <c r="AF23721" i="1"/>
  <c r="AF23722" i="1"/>
  <c r="AF23723" i="1"/>
  <c r="AF23724" i="1"/>
  <c r="AF23725" i="1"/>
  <c r="AF23726" i="1"/>
  <c r="AF23727" i="1"/>
  <c r="AF23728" i="1"/>
  <c r="AF23729" i="1"/>
  <c r="AF23730" i="1"/>
  <c r="AF23731" i="1"/>
  <c r="AF23732" i="1"/>
  <c r="AF23733" i="1"/>
  <c r="AF23734" i="1"/>
  <c r="AF23735" i="1"/>
  <c r="AF23736" i="1"/>
  <c r="AF23737" i="1"/>
  <c r="AF23738" i="1"/>
  <c r="AF23739" i="1"/>
  <c r="AF23740" i="1"/>
  <c r="AF23741" i="1"/>
  <c r="AF23742" i="1"/>
  <c r="AF23743" i="1"/>
  <c r="AF23744" i="1"/>
  <c r="AF23745" i="1"/>
  <c r="AF23746" i="1"/>
  <c r="AF23747" i="1"/>
  <c r="AF23748" i="1"/>
  <c r="AF23749" i="1"/>
  <c r="AF23750" i="1"/>
  <c r="AF23751" i="1"/>
  <c r="AF23752" i="1"/>
  <c r="AF23753" i="1"/>
  <c r="AF23754" i="1"/>
  <c r="AF23755" i="1"/>
  <c r="AF23756" i="1"/>
  <c r="AF23757" i="1"/>
  <c r="AF23758" i="1"/>
  <c r="AF23759" i="1"/>
  <c r="AF23760" i="1"/>
  <c r="AF23761" i="1"/>
  <c r="AF23762" i="1"/>
  <c r="AF23763" i="1"/>
  <c r="AF23764" i="1"/>
  <c r="AF23765" i="1"/>
  <c r="AF23766" i="1"/>
  <c r="AF23767" i="1"/>
  <c r="AF23768" i="1"/>
  <c r="AF23769" i="1"/>
  <c r="AF23770" i="1"/>
  <c r="AF23771" i="1"/>
  <c r="AF23772" i="1"/>
  <c r="AF23773" i="1"/>
  <c r="AF23774" i="1"/>
  <c r="AF23775" i="1"/>
  <c r="AF23776" i="1"/>
  <c r="AF23777" i="1"/>
  <c r="AF23778" i="1"/>
  <c r="AF23779" i="1"/>
  <c r="AF23780" i="1"/>
  <c r="AF23781" i="1"/>
  <c r="AF23782" i="1"/>
  <c r="AF23783" i="1"/>
  <c r="AF23784" i="1"/>
  <c r="AF23785" i="1"/>
  <c r="AF23786" i="1"/>
  <c r="AF23787" i="1"/>
  <c r="AF23788" i="1"/>
  <c r="AF23789" i="1"/>
  <c r="AF23790" i="1"/>
  <c r="AF23791" i="1"/>
  <c r="AF23792" i="1"/>
  <c r="AF23793" i="1"/>
  <c r="AF23794" i="1"/>
  <c r="AF23795" i="1"/>
  <c r="AF23796" i="1"/>
  <c r="AF23797" i="1"/>
  <c r="AF23798" i="1"/>
  <c r="AF23799" i="1"/>
  <c r="AF23800" i="1"/>
  <c r="AF23801" i="1"/>
  <c r="AF23802" i="1"/>
  <c r="AF23803" i="1"/>
  <c r="AF23804" i="1"/>
  <c r="AF23805" i="1"/>
  <c r="AF23806" i="1"/>
  <c r="AF23807" i="1"/>
  <c r="AF23808" i="1"/>
  <c r="AF23809" i="1"/>
  <c r="AF23810" i="1"/>
  <c r="AF23811" i="1"/>
  <c r="AF23812" i="1"/>
  <c r="AF23813" i="1"/>
  <c r="AF23814" i="1"/>
  <c r="AF23815" i="1"/>
  <c r="AF23816" i="1"/>
  <c r="AF23817" i="1"/>
  <c r="AF23818" i="1"/>
  <c r="AF23819" i="1"/>
  <c r="AF23820" i="1"/>
  <c r="AF23821" i="1"/>
  <c r="AF23822" i="1"/>
  <c r="AF23823" i="1"/>
  <c r="AF23824" i="1"/>
  <c r="AF23825" i="1"/>
  <c r="AF23826" i="1"/>
  <c r="AF23827" i="1"/>
  <c r="AF23828" i="1"/>
  <c r="AF23829" i="1"/>
  <c r="AF23830" i="1"/>
  <c r="AF23831" i="1"/>
  <c r="AF23832" i="1"/>
  <c r="AF23833" i="1"/>
  <c r="AF23834" i="1"/>
  <c r="AF23835" i="1"/>
  <c r="AF23836" i="1"/>
  <c r="AF23837" i="1"/>
  <c r="AF23838" i="1"/>
  <c r="AF23839" i="1"/>
  <c r="AF23840" i="1"/>
  <c r="AF23841" i="1"/>
  <c r="AF23842" i="1"/>
  <c r="AF23843" i="1"/>
  <c r="AF23844" i="1"/>
  <c r="AF23845" i="1"/>
  <c r="AF23846" i="1"/>
  <c r="AF23847" i="1"/>
  <c r="AF23848" i="1"/>
  <c r="AF23849" i="1"/>
  <c r="AF23850" i="1"/>
  <c r="AF23851" i="1"/>
  <c r="AF23852" i="1"/>
  <c r="AF23853" i="1"/>
  <c r="AF23854" i="1"/>
  <c r="AF23855" i="1"/>
  <c r="AF23856" i="1"/>
  <c r="AF23857" i="1"/>
  <c r="AF23858" i="1"/>
  <c r="AF23859" i="1"/>
  <c r="AF23860" i="1"/>
  <c r="AF23861" i="1"/>
  <c r="AF23862" i="1"/>
  <c r="AF23863" i="1"/>
  <c r="AF23864" i="1"/>
  <c r="AF23865" i="1"/>
  <c r="AF23866" i="1"/>
  <c r="AF23867" i="1"/>
  <c r="AF23868" i="1"/>
  <c r="AF23869" i="1"/>
  <c r="AF23870" i="1"/>
  <c r="AF23871" i="1"/>
  <c r="AF23872" i="1"/>
  <c r="AF23873" i="1"/>
  <c r="AF23874" i="1"/>
  <c r="AF23875" i="1"/>
  <c r="AF23876" i="1"/>
  <c r="AF23877" i="1"/>
  <c r="AF23878" i="1"/>
  <c r="AF23879" i="1"/>
  <c r="AF23880" i="1"/>
  <c r="AF23881" i="1"/>
  <c r="AF23882" i="1"/>
  <c r="AF23883" i="1"/>
  <c r="AF23884" i="1"/>
  <c r="AF23885" i="1"/>
  <c r="AF23886" i="1"/>
  <c r="AF23887" i="1"/>
  <c r="AF23888" i="1"/>
  <c r="AF23889" i="1"/>
  <c r="AF23890" i="1"/>
  <c r="AF23891" i="1"/>
  <c r="AF23892" i="1"/>
  <c r="AF23893" i="1"/>
  <c r="AF23894" i="1"/>
  <c r="AF23895" i="1"/>
  <c r="AF23896" i="1"/>
  <c r="AF23897" i="1"/>
  <c r="AF23898" i="1"/>
  <c r="AF23899" i="1"/>
  <c r="AF23900" i="1"/>
  <c r="AF23901" i="1"/>
  <c r="AF23902" i="1"/>
  <c r="AF23903" i="1"/>
  <c r="AF23904" i="1"/>
  <c r="AF23905" i="1"/>
  <c r="AF23906" i="1"/>
  <c r="AF23907" i="1"/>
  <c r="AF23908" i="1"/>
  <c r="AF23909" i="1"/>
  <c r="AF23910" i="1"/>
  <c r="AF23911" i="1"/>
  <c r="AF23912" i="1"/>
  <c r="AF23913" i="1"/>
  <c r="AF23914" i="1"/>
  <c r="AF23915" i="1"/>
  <c r="AF23916" i="1"/>
  <c r="AF23917" i="1"/>
  <c r="AF23918" i="1"/>
  <c r="AF23919" i="1"/>
  <c r="AF23920" i="1"/>
  <c r="AF23921" i="1"/>
  <c r="AF23922" i="1"/>
  <c r="AF23923" i="1"/>
  <c r="AF23924" i="1"/>
  <c r="AF23925" i="1"/>
  <c r="AF23926" i="1"/>
  <c r="AF23927" i="1"/>
  <c r="AF23928" i="1"/>
  <c r="AF23929" i="1"/>
  <c r="AF23930" i="1"/>
  <c r="AF23931" i="1"/>
  <c r="AF23932" i="1"/>
  <c r="AF23933" i="1"/>
  <c r="AF23934" i="1"/>
  <c r="AF23935" i="1"/>
  <c r="AF23936" i="1"/>
  <c r="AF23937" i="1"/>
  <c r="AF23938" i="1"/>
  <c r="AF23939" i="1"/>
  <c r="AF23940" i="1"/>
  <c r="AF23941" i="1"/>
  <c r="AF23942" i="1"/>
  <c r="AF23943" i="1"/>
  <c r="AF23944" i="1"/>
  <c r="AF23945" i="1"/>
  <c r="AF23946" i="1"/>
  <c r="AF23947" i="1"/>
  <c r="AF23948" i="1"/>
  <c r="AF23949" i="1"/>
  <c r="AF23950" i="1"/>
  <c r="AF23951" i="1"/>
  <c r="AF23952" i="1"/>
  <c r="AF23953" i="1"/>
  <c r="AF23954" i="1"/>
  <c r="AF23955" i="1"/>
  <c r="AF23956" i="1"/>
  <c r="AF23957" i="1"/>
  <c r="AF23958" i="1"/>
  <c r="AF23959" i="1"/>
  <c r="AF23960" i="1"/>
  <c r="AF23961" i="1"/>
  <c r="AF23962" i="1"/>
  <c r="AF23963" i="1"/>
  <c r="AF23964" i="1"/>
  <c r="AF23965" i="1"/>
  <c r="AF23966" i="1"/>
  <c r="AF23967" i="1"/>
  <c r="AF23968" i="1"/>
  <c r="AF23969" i="1"/>
  <c r="AF23970" i="1"/>
  <c r="AF23971" i="1"/>
  <c r="AF23972" i="1"/>
  <c r="AF23973" i="1"/>
  <c r="AF23974" i="1"/>
  <c r="AF23975" i="1"/>
  <c r="AF23976" i="1"/>
  <c r="AF23977" i="1"/>
  <c r="AF23978" i="1"/>
  <c r="AF23979" i="1"/>
  <c r="AF23980" i="1"/>
  <c r="AF23981" i="1"/>
  <c r="AF23982" i="1"/>
  <c r="AF23983" i="1"/>
  <c r="AF23984" i="1"/>
  <c r="AF23985" i="1"/>
  <c r="AF23986" i="1"/>
  <c r="AF23987" i="1"/>
  <c r="AF23988" i="1"/>
  <c r="AF23989" i="1"/>
  <c r="AF23990" i="1"/>
  <c r="AF23991" i="1"/>
  <c r="AF23992" i="1"/>
  <c r="AF23993" i="1"/>
  <c r="AF23994" i="1"/>
  <c r="AF23995" i="1"/>
  <c r="AF23996" i="1"/>
  <c r="AF23997" i="1"/>
  <c r="AF23998" i="1"/>
  <c r="AF23999" i="1"/>
  <c r="AF24000" i="1"/>
  <c r="AF24001" i="1"/>
  <c r="AF24002" i="1"/>
  <c r="AF24003" i="1"/>
  <c r="AF24004" i="1"/>
  <c r="AF24005" i="1"/>
  <c r="AF24006" i="1"/>
  <c r="AF24007" i="1"/>
  <c r="AF24008" i="1"/>
  <c r="AF24009" i="1"/>
  <c r="AF24010" i="1"/>
  <c r="AF24011" i="1"/>
  <c r="AF24012" i="1"/>
  <c r="AF24013" i="1"/>
  <c r="AF24014" i="1"/>
  <c r="AF24015" i="1"/>
  <c r="AF24016" i="1"/>
  <c r="AF24017" i="1"/>
  <c r="AF24018" i="1"/>
  <c r="AF24019" i="1"/>
  <c r="AF24020" i="1"/>
  <c r="AF24021" i="1"/>
  <c r="AF24022" i="1"/>
  <c r="AF24023" i="1"/>
  <c r="AF24024" i="1"/>
  <c r="AF24025" i="1"/>
  <c r="AF24026" i="1"/>
  <c r="AF24027" i="1"/>
  <c r="AF24028" i="1"/>
  <c r="AF24029" i="1"/>
  <c r="AF24030" i="1"/>
  <c r="AF24031" i="1"/>
  <c r="AF24032" i="1"/>
  <c r="AF24033" i="1"/>
  <c r="AF24034" i="1"/>
  <c r="AF24035" i="1"/>
  <c r="AF24036" i="1"/>
  <c r="AF24037" i="1"/>
  <c r="AF24038" i="1"/>
  <c r="AF24039" i="1"/>
  <c r="AF24040" i="1"/>
  <c r="AF24041" i="1"/>
  <c r="AF24042" i="1"/>
  <c r="AF24043" i="1"/>
  <c r="AF24044" i="1"/>
  <c r="AF24045" i="1"/>
  <c r="AF24046" i="1"/>
  <c r="AF24047" i="1"/>
  <c r="AF24048" i="1"/>
  <c r="AF24049" i="1"/>
  <c r="AF24050" i="1"/>
  <c r="AF24051" i="1"/>
  <c r="AF24052" i="1"/>
  <c r="AF24053" i="1"/>
  <c r="AF24054" i="1"/>
  <c r="AF24055" i="1"/>
  <c r="AF24056" i="1"/>
  <c r="AF24057" i="1"/>
  <c r="AF24058" i="1"/>
  <c r="AF24059" i="1"/>
  <c r="AF24060" i="1"/>
  <c r="AF24061" i="1"/>
  <c r="AF24062" i="1"/>
  <c r="AF24063" i="1"/>
  <c r="AF24064" i="1"/>
  <c r="AF24065" i="1"/>
  <c r="AF24066" i="1"/>
  <c r="AF24067" i="1"/>
  <c r="AF24068" i="1"/>
  <c r="AF24069" i="1"/>
  <c r="AF24070" i="1"/>
  <c r="AF24071" i="1"/>
  <c r="AF24072" i="1"/>
  <c r="AF24073" i="1"/>
  <c r="AF24074" i="1"/>
  <c r="AF24075" i="1"/>
  <c r="AF24076" i="1"/>
  <c r="AF24077" i="1"/>
  <c r="AF24078" i="1"/>
  <c r="AF24079" i="1"/>
  <c r="AF24080" i="1"/>
  <c r="AF24081" i="1"/>
  <c r="AF24082" i="1"/>
  <c r="AF24083" i="1"/>
  <c r="AF24084" i="1"/>
  <c r="AF24085" i="1"/>
  <c r="AF24086" i="1"/>
  <c r="AF24087" i="1"/>
  <c r="AF24088" i="1"/>
  <c r="AF24089" i="1"/>
  <c r="AF24090" i="1"/>
  <c r="AF24091" i="1"/>
  <c r="AF24092" i="1"/>
  <c r="AF24093" i="1"/>
  <c r="AF24094" i="1"/>
  <c r="AF24095" i="1"/>
  <c r="AF24096" i="1"/>
  <c r="AF24097" i="1"/>
  <c r="AF24098" i="1"/>
  <c r="AF24099" i="1"/>
  <c r="AF24100" i="1"/>
  <c r="AF24101" i="1"/>
  <c r="AF24102" i="1"/>
  <c r="AF24103" i="1"/>
  <c r="AF24104" i="1"/>
  <c r="AF24105" i="1"/>
  <c r="AF24106" i="1"/>
  <c r="AF24107" i="1"/>
  <c r="AF24108" i="1"/>
  <c r="AF24109" i="1"/>
  <c r="AF24110" i="1"/>
  <c r="AF24111" i="1"/>
  <c r="AF24112" i="1"/>
  <c r="AF24113" i="1"/>
  <c r="AF24114" i="1"/>
  <c r="AF24115" i="1"/>
  <c r="AF24116" i="1"/>
  <c r="AF24117" i="1"/>
  <c r="AF24118" i="1"/>
  <c r="AF24119" i="1"/>
  <c r="AF24120" i="1"/>
  <c r="AF24121" i="1"/>
  <c r="AF24122" i="1"/>
  <c r="AF24123" i="1"/>
  <c r="AF24124" i="1"/>
  <c r="AF24125" i="1"/>
  <c r="AF24126" i="1"/>
  <c r="AF24127" i="1"/>
  <c r="AF24128" i="1"/>
  <c r="AF24129" i="1"/>
  <c r="AF24130" i="1"/>
  <c r="AF24131" i="1"/>
  <c r="AF24132" i="1"/>
  <c r="AF24133" i="1"/>
  <c r="AF24134" i="1"/>
  <c r="AF24135" i="1"/>
  <c r="AF24136" i="1"/>
  <c r="AF24137" i="1"/>
  <c r="AF24138" i="1"/>
  <c r="AF24139" i="1"/>
  <c r="AF24140" i="1"/>
  <c r="AF24141" i="1"/>
  <c r="AF24142" i="1"/>
  <c r="AF24143" i="1"/>
  <c r="AF24144" i="1"/>
  <c r="AF24145" i="1"/>
  <c r="AF24146" i="1"/>
  <c r="AF24147" i="1"/>
  <c r="AF24148" i="1"/>
  <c r="AF24149" i="1"/>
  <c r="AF24150" i="1"/>
  <c r="AF24151" i="1"/>
  <c r="AF24152" i="1"/>
  <c r="AF24153" i="1"/>
  <c r="AF24154" i="1"/>
  <c r="AF24155" i="1"/>
  <c r="AF24156" i="1"/>
  <c r="AF24157" i="1"/>
  <c r="AF24158" i="1"/>
  <c r="AF24159" i="1"/>
  <c r="AF24160" i="1"/>
  <c r="AF24161" i="1"/>
  <c r="AF24162" i="1"/>
  <c r="AF24163" i="1"/>
  <c r="AF24164" i="1"/>
  <c r="AF24165" i="1"/>
  <c r="AF24166" i="1"/>
  <c r="AF24167" i="1"/>
  <c r="AF24168" i="1"/>
  <c r="AF24169" i="1"/>
  <c r="AF24170" i="1"/>
  <c r="AF24171" i="1"/>
  <c r="AF24172" i="1"/>
  <c r="AF24173" i="1"/>
  <c r="AF24174" i="1"/>
  <c r="AF24175" i="1"/>
  <c r="AF24176" i="1"/>
  <c r="AF24177" i="1"/>
  <c r="AF24178" i="1"/>
  <c r="AF24179" i="1"/>
  <c r="AF24180" i="1"/>
  <c r="AF24181" i="1"/>
  <c r="AF24182" i="1"/>
  <c r="AF24183" i="1"/>
  <c r="AF24184" i="1"/>
  <c r="AF24185" i="1"/>
  <c r="AF24186" i="1"/>
  <c r="AF24187" i="1"/>
  <c r="AF24188" i="1"/>
  <c r="AF24189" i="1"/>
  <c r="AF24190" i="1"/>
  <c r="AF24191" i="1"/>
  <c r="AF24192" i="1"/>
  <c r="AF24193" i="1"/>
  <c r="AF24194" i="1"/>
  <c r="AF24195" i="1"/>
  <c r="AF24196" i="1"/>
  <c r="AF24197" i="1"/>
  <c r="AF24198" i="1"/>
  <c r="AF24199" i="1"/>
  <c r="AF24200" i="1"/>
  <c r="AF24201" i="1"/>
  <c r="AF24202" i="1"/>
  <c r="AF24203" i="1"/>
  <c r="AF24204" i="1"/>
  <c r="AF24205" i="1"/>
  <c r="AF24206" i="1"/>
  <c r="AF24207" i="1"/>
  <c r="AF24208" i="1"/>
  <c r="AF24209" i="1"/>
  <c r="AF24210" i="1"/>
  <c r="AF24211" i="1"/>
  <c r="AF24212" i="1"/>
  <c r="AF24213" i="1"/>
  <c r="AF24214" i="1"/>
  <c r="AF24215" i="1"/>
  <c r="AF24216" i="1"/>
  <c r="AF24217" i="1"/>
  <c r="AF24218" i="1"/>
  <c r="AF24219" i="1"/>
  <c r="AF24220" i="1"/>
  <c r="AF24221" i="1"/>
  <c r="AF24222" i="1"/>
  <c r="AF24223" i="1"/>
  <c r="AF24224" i="1"/>
  <c r="AF24225" i="1"/>
  <c r="AF24226" i="1"/>
  <c r="AF24227" i="1"/>
  <c r="AF24228" i="1"/>
  <c r="AF24229" i="1"/>
  <c r="AF24230" i="1"/>
  <c r="AF24231" i="1"/>
  <c r="AF24232" i="1"/>
  <c r="AF24233" i="1"/>
  <c r="AF24234" i="1"/>
  <c r="AF24235" i="1"/>
  <c r="AF24236" i="1"/>
  <c r="AF24237" i="1"/>
  <c r="AF24238" i="1"/>
  <c r="AF24239" i="1"/>
  <c r="AF24240" i="1"/>
  <c r="AF24241" i="1"/>
  <c r="AF24242" i="1"/>
  <c r="AF24243" i="1"/>
  <c r="AF24244" i="1"/>
  <c r="AF24245" i="1"/>
  <c r="AF24246" i="1"/>
  <c r="AF24247" i="1"/>
  <c r="AF24248" i="1"/>
  <c r="AF24249" i="1"/>
  <c r="AF24250" i="1"/>
  <c r="AF24251" i="1"/>
  <c r="AF24252" i="1"/>
  <c r="AF24253" i="1"/>
  <c r="AF24254" i="1"/>
  <c r="AF24255" i="1"/>
  <c r="AF24256" i="1"/>
  <c r="AF24257" i="1"/>
  <c r="AF24258" i="1"/>
  <c r="AF24259" i="1"/>
  <c r="AF24260" i="1"/>
  <c r="AF24261" i="1"/>
  <c r="AF24262" i="1"/>
  <c r="AF24263" i="1"/>
  <c r="AF24264" i="1"/>
  <c r="AF24265" i="1"/>
  <c r="AF24266" i="1"/>
  <c r="AF24267" i="1"/>
  <c r="AF24268" i="1"/>
  <c r="AF24269" i="1"/>
  <c r="AF24270" i="1"/>
  <c r="AF24271" i="1"/>
  <c r="AF24272" i="1"/>
  <c r="AF24273" i="1"/>
  <c r="AF24274" i="1"/>
  <c r="AF24275" i="1"/>
  <c r="AF24276" i="1"/>
  <c r="AF24277" i="1"/>
  <c r="AF24278" i="1"/>
  <c r="AF24279" i="1"/>
  <c r="AF24280" i="1"/>
  <c r="AF24281" i="1"/>
  <c r="AF24282" i="1"/>
  <c r="AF24283" i="1"/>
  <c r="AF24284" i="1"/>
  <c r="AF24285" i="1"/>
  <c r="AF24286" i="1"/>
  <c r="AF24287" i="1"/>
  <c r="AF24288" i="1"/>
  <c r="AF24289" i="1"/>
  <c r="AF24290" i="1"/>
  <c r="AF24291" i="1"/>
  <c r="AF24292" i="1"/>
  <c r="AF24293" i="1"/>
  <c r="AF24294" i="1"/>
  <c r="AF24295" i="1"/>
  <c r="AF24296" i="1"/>
  <c r="AF24297" i="1"/>
  <c r="AF24298" i="1"/>
  <c r="AF24299" i="1"/>
  <c r="AF24300" i="1"/>
  <c r="AF24301" i="1"/>
  <c r="AF24302" i="1"/>
  <c r="AF24303" i="1"/>
  <c r="AF24304" i="1"/>
  <c r="AF24305" i="1"/>
  <c r="AF24306" i="1"/>
  <c r="AF24307" i="1"/>
  <c r="AF24308" i="1"/>
  <c r="AF24309" i="1"/>
  <c r="AF24310" i="1"/>
  <c r="AF24311" i="1"/>
  <c r="AF24312" i="1"/>
  <c r="AF24313" i="1"/>
  <c r="AF24314" i="1"/>
  <c r="AF24315" i="1"/>
  <c r="AF24316" i="1"/>
  <c r="AF24317" i="1"/>
  <c r="AF24318" i="1"/>
  <c r="AF24319" i="1"/>
  <c r="AF24320" i="1"/>
  <c r="AF24321" i="1"/>
  <c r="AF24322" i="1"/>
  <c r="AF24323" i="1"/>
  <c r="AF24324" i="1"/>
  <c r="AF24325" i="1"/>
  <c r="AF24326" i="1"/>
  <c r="AF24327" i="1"/>
  <c r="AF24328" i="1"/>
  <c r="AF24329" i="1"/>
  <c r="AF24330" i="1"/>
  <c r="AF24331" i="1"/>
  <c r="AF24332" i="1"/>
  <c r="AF24333" i="1"/>
  <c r="AF24334" i="1"/>
  <c r="AF24335" i="1"/>
  <c r="AF24336" i="1"/>
  <c r="AF24337" i="1"/>
  <c r="AF24338" i="1"/>
  <c r="AF24339" i="1"/>
  <c r="AF24340" i="1"/>
  <c r="AF24341" i="1"/>
  <c r="AF24342" i="1"/>
  <c r="AF24343" i="1"/>
  <c r="AF24344" i="1"/>
  <c r="AF24345" i="1"/>
  <c r="AF24346" i="1"/>
  <c r="AF24347" i="1"/>
  <c r="AF24348" i="1"/>
  <c r="AF24349" i="1"/>
  <c r="AF24350" i="1"/>
  <c r="AF24351" i="1"/>
  <c r="AF24352" i="1"/>
  <c r="AF24353" i="1"/>
  <c r="AF24354" i="1"/>
  <c r="AF24355" i="1"/>
  <c r="AF24356" i="1"/>
  <c r="AF24357" i="1"/>
  <c r="AF24358" i="1"/>
  <c r="AF24359" i="1"/>
  <c r="AF24360" i="1"/>
  <c r="AF24361" i="1"/>
  <c r="AF24362" i="1"/>
  <c r="AF24363" i="1"/>
  <c r="AF24364" i="1"/>
  <c r="AF24365" i="1"/>
  <c r="AF24366" i="1"/>
  <c r="AF24367" i="1"/>
  <c r="AF24368" i="1"/>
  <c r="AF24369" i="1"/>
  <c r="AF24370" i="1"/>
  <c r="AF24371" i="1"/>
  <c r="AF24372" i="1"/>
  <c r="AF24373" i="1"/>
  <c r="AF24374" i="1"/>
  <c r="AF24375" i="1"/>
  <c r="AF24376" i="1"/>
  <c r="AF24377" i="1"/>
  <c r="AF24378" i="1"/>
  <c r="AF24379" i="1"/>
  <c r="AF24380" i="1"/>
  <c r="AF24381" i="1"/>
  <c r="AF24382" i="1"/>
  <c r="AF24383" i="1"/>
  <c r="AF24384" i="1"/>
  <c r="AF24385" i="1"/>
  <c r="AF24386" i="1"/>
  <c r="AF24387" i="1"/>
  <c r="AF24388" i="1"/>
  <c r="AF24389" i="1"/>
  <c r="AF24390" i="1"/>
  <c r="AF24391" i="1"/>
  <c r="AF24392" i="1"/>
  <c r="AF24393" i="1"/>
  <c r="AF24394" i="1"/>
  <c r="AF24395" i="1"/>
  <c r="AF24396" i="1"/>
  <c r="AF24397" i="1"/>
  <c r="AF24398" i="1"/>
  <c r="AF24399" i="1"/>
  <c r="AF24400" i="1"/>
  <c r="AF24401" i="1"/>
  <c r="AF24402" i="1"/>
  <c r="AF24403" i="1"/>
  <c r="AF24404" i="1"/>
  <c r="AF24405" i="1"/>
  <c r="AF24406" i="1"/>
  <c r="AF24407" i="1"/>
  <c r="AF24408" i="1"/>
  <c r="AF24409" i="1"/>
  <c r="AF24410" i="1"/>
  <c r="AF24411" i="1"/>
  <c r="AF24412" i="1"/>
  <c r="AF24413" i="1"/>
  <c r="AF24414" i="1"/>
  <c r="AF24415" i="1"/>
  <c r="AF24416" i="1"/>
  <c r="AF24417" i="1"/>
  <c r="AF24418" i="1"/>
  <c r="AF24419" i="1"/>
  <c r="AF24420" i="1"/>
  <c r="AF24421" i="1"/>
  <c r="AF24422" i="1"/>
  <c r="AF24423" i="1"/>
  <c r="AF24424" i="1"/>
  <c r="AF24425" i="1"/>
  <c r="AF24426" i="1"/>
  <c r="AF24427" i="1"/>
  <c r="AF24428" i="1"/>
  <c r="AF24429" i="1"/>
  <c r="AF24430" i="1"/>
  <c r="AF24431" i="1"/>
  <c r="AF24432" i="1"/>
  <c r="AF24433" i="1"/>
  <c r="AF24434" i="1"/>
  <c r="AF24435" i="1"/>
  <c r="AF24436" i="1"/>
  <c r="AF24437" i="1"/>
  <c r="AF24438" i="1"/>
  <c r="AF24439" i="1"/>
  <c r="AF24440" i="1"/>
  <c r="AF24441" i="1"/>
  <c r="AF24442" i="1"/>
  <c r="AF24443" i="1"/>
  <c r="AF24444" i="1"/>
  <c r="AF24445" i="1"/>
  <c r="AF24446" i="1"/>
  <c r="AF24447" i="1"/>
  <c r="AF24448" i="1"/>
  <c r="AF24449" i="1"/>
  <c r="AF24450" i="1"/>
  <c r="AF24451" i="1"/>
  <c r="AF24452" i="1"/>
  <c r="AF24453" i="1"/>
  <c r="AF24454" i="1"/>
  <c r="AF24455" i="1"/>
  <c r="AF24456" i="1"/>
  <c r="AF24457" i="1"/>
  <c r="AF24458" i="1"/>
  <c r="AF24459" i="1"/>
  <c r="AF24460" i="1"/>
  <c r="AF24461" i="1"/>
  <c r="AF24462" i="1"/>
  <c r="AF24463" i="1"/>
  <c r="AF24464" i="1"/>
  <c r="AF24465" i="1"/>
  <c r="AF24466" i="1"/>
  <c r="AF24467" i="1"/>
  <c r="AF24468" i="1"/>
  <c r="AF24469" i="1"/>
  <c r="AF24470" i="1"/>
  <c r="AF24471" i="1"/>
  <c r="AF24472" i="1"/>
  <c r="AF24473" i="1"/>
  <c r="AF24474" i="1"/>
  <c r="AF24475" i="1"/>
  <c r="AF24476" i="1"/>
  <c r="AF24477" i="1"/>
  <c r="AF24478" i="1"/>
  <c r="AF24479" i="1"/>
  <c r="AF24480" i="1"/>
  <c r="AF24481" i="1"/>
  <c r="AF24482" i="1"/>
  <c r="AF24483" i="1"/>
  <c r="AF24484" i="1"/>
  <c r="AF24485" i="1"/>
  <c r="AF24486" i="1"/>
  <c r="AF24487" i="1"/>
  <c r="AF24488" i="1"/>
  <c r="AF24489" i="1"/>
  <c r="AF24490" i="1"/>
  <c r="AF24491" i="1"/>
  <c r="AF24492" i="1"/>
  <c r="AF24493" i="1"/>
  <c r="AF24494" i="1"/>
  <c r="AF24495" i="1"/>
  <c r="AF24496" i="1"/>
  <c r="AF24497" i="1"/>
  <c r="AF24498" i="1"/>
  <c r="AF24499" i="1"/>
  <c r="AF24500" i="1"/>
  <c r="AF24501" i="1"/>
  <c r="AF24502" i="1"/>
  <c r="AF24503" i="1"/>
  <c r="AF24504" i="1"/>
  <c r="AF24505" i="1"/>
  <c r="AF24506" i="1"/>
  <c r="AF24507" i="1"/>
  <c r="AF24508" i="1"/>
  <c r="AF24509" i="1"/>
  <c r="AF24510" i="1"/>
  <c r="AF24511" i="1"/>
  <c r="AF24512" i="1"/>
  <c r="AF24513" i="1"/>
  <c r="AF24514" i="1"/>
  <c r="AF24515" i="1"/>
  <c r="AF24516" i="1"/>
  <c r="AF24517" i="1"/>
  <c r="AF24518" i="1"/>
  <c r="AF24519" i="1"/>
  <c r="AF24520" i="1"/>
  <c r="AF24521" i="1"/>
  <c r="AF24522" i="1"/>
  <c r="AF24523" i="1"/>
  <c r="AF24524" i="1"/>
  <c r="AF24525" i="1"/>
  <c r="AF24526" i="1"/>
  <c r="AF24527" i="1"/>
  <c r="AF24528" i="1"/>
  <c r="AF24529" i="1"/>
  <c r="AF24530" i="1"/>
  <c r="AF24531" i="1"/>
  <c r="AF24532" i="1"/>
  <c r="AF24533" i="1"/>
  <c r="AF24534" i="1"/>
  <c r="AF24535" i="1"/>
  <c r="AF24536" i="1"/>
  <c r="AF24537" i="1"/>
  <c r="AF24538" i="1"/>
  <c r="AF24539" i="1"/>
  <c r="AF24540" i="1"/>
  <c r="AF24541" i="1"/>
  <c r="AF24542" i="1"/>
  <c r="AF24543" i="1"/>
  <c r="AF24544" i="1"/>
  <c r="AF24545" i="1"/>
  <c r="AF24546" i="1"/>
  <c r="AF24547" i="1"/>
  <c r="AF24548" i="1"/>
  <c r="AF24549" i="1"/>
  <c r="AF24550" i="1"/>
  <c r="AF24551" i="1"/>
  <c r="AF24552" i="1"/>
  <c r="AF24553" i="1"/>
  <c r="AF24554" i="1"/>
  <c r="AF24555" i="1"/>
  <c r="AF24556" i="1"/>
  <c r="AF24557" i="1"/>
  <c r="AF24558" i="1"/>
  <c r="AF24559" i="1"/>
  <c r="AF24560" i="1"/>
  <c r="AF24561" i="1"/>
  <c r="AF24562" i="1"/>
  <c r="AF24563" i="1"/>
  <c r="AF24564" i="1"/>
  <c r="AF24565" i="1"/>
  <c r="AF24566" i="1"/>
  <c r="AF24567" i="1"/>
  <c r="AF24568" i="1"/>
  <c r="AF24569" i="1"/>
  <c r="AF24570" i="1"/>
  <c r="AF24571" i="1"/>
  <c r="AF24572" i="1"/>
  <c r="AF24573" i="1"/>
  <c r="AF24574" i="1"/>
  <c r="AF24575" i="1"/>
  <c r="AF24576" i="1"/>
  <c r="AF24577" i="1"/>
  <c r="AF24578" i="1"/>
  <c r="AF24579" i="1"/>
  <c r="AF24580" i="1"/>
  <c r="AF24581" i="1"/>
  <c r="AF24582" i="1"/>
  <c r="AF24583" i="1"/>
  <c r="AF24584" i="1"/>
  <c r="AF24585" i="1"/>
  <c r="AF24586" i="1"/>
  <c r="AF24587" i="1"/>
  <c r="AF24588" i="1"/>
  <c r="AF24589" i="1"/>
  <c r="AF24590" i="1"/>
  <c r="AF24591" i="1"/>
  <c r="AF24592" i="1"/>
  <c r="AF24593" i="1"/>
  <c r="AF24594" i="1"/>
  <c r="AF24595" i="1"/>
  <c r="AF24596" i="1"/>
  <c r="AF24597" i="1"/>
  <c r="AF24598" i="1"/>
  <c r="AF24599" i="1"/>
  <c r="AF24600" i="1"/>
  <c r="AF24601" i="1"/>
  <c r="AF24602" i="1"/>
  <c r="AF24603" i="1"/>
  <c r="AF24604" i="1"/>
  <c r="AF24605" i="1"/>
  <c r="AF24606" i="1"/>
  <c r="AF24607" i="1"/>
  <c r="AF24608" i="1"/>
  <c r="AF24609" i="1"/>
  <c r="AF24610" i="1"/>
  <c r="AF24611" i="1"/>
  <c r="AF24612" i="1"/>
  <c r="AF24613" i="1"/>
  <c r="AF24614" i="1"/>
  <c r="AF24615" i="1"/>
  <c r="AF24616" i="1"/>
  <c r="AF24617" i="1"/>
  <c r="AF24618" i="1"/>
  <c r="AF24619" i="1"/>
  <c r="AF24620" i="1"/>
  <c r="AF24621" i="1"/>
  <c r="AF24622" i="1"/>
  <c r="AF24623" i="1"/>
  <c r="AF24624" i="1"/>
  <c r="AF24625" i="1"/>
  <c r="AF24626" i="1"/>
  <c r="AF24627" i="1"/>
  <c r="AF24628" i="1"/>
  <c r="AF24629" i="1"/>
  <c r="AF24630" i="1"/>
  <c r="AF24631" i="1"/>
  <c r="AF24632" i="1"/>
  <c r="AF24633" i="1"/>
  <c r="AF24634" i="1"/>
  <c r="AF24635" i="1"/>
  <c r="AF24636" i="1"/>
  <c r="AF24637" i="1"/>
  <c r="AF24638" i="1"/>
  <c r="AF24639" i="1"/>
  <c r="AF24640" i="1"/>
  <c r="AF24641" i="1"/>
  <c r="AF24642" i="1"/>
  <c r="AF24643" i="1"/>
  <c r="AF24644" i="1"/>
  <c r="AF24645" i="1"/>
  <c r="AF24646" i="1"/>
  <c r="AF24647" i="1"/>
  <c r="AF24648" i="1"/>
  <c r="AF24649" i="1"/>
  <c r="AF24650" i="1"/>
  <c r="AF24651" i="1"/>
  <c r="AF24652" i="1"/>
  <c r="AF24653" i="1"/>
  <c r="AF24654" i="1"/>
  <c r="AF24655" i="1"/>
  <c r="AF24656" i="1"/>
  <c r="AF24657" i="1"/>
  <c r="AF24658" i="1"/>
  <c r="AF24659" i="1"/>
  <c r="AF24660" i="1"/>
  <c r="AF24661" i="1"/>
  <c r="AF24662" i="1"/>
  <c r="AF24663" i="1"/>
  <c r="AF24664" i="1"/>
  <c r="AF24665" i="1"/>
  <c r="AF24666" i="1"/>
  <c r="AF24667" i="1"/>
  <c r="AF24668" i="1"/>
  <c r="AF24669" i="1"/>
  <c r="AF24670" i="1"/>
  <c r="AF24671" i="1"/>
  <c r="AF24672" i="1"/>
  <c r="AF24673" i="1"/>
  <c r="AF24674" i="1"/>
  <c r="AF24675" i="1"/>
  <c r="AF24676" i="1"/>
  <c r="AF24677" i="1"/>
  <c r="AF24678" i="1"/>
  <c r="AF24679" i="1"/>
  <c r="AF24680" i="1"/>
  <c r="AF24681" i="1"/>
  <c r="AF24682" i="1"/>
  <c r="AF24683" i="1"/>
  <c r="AF24684" i="1"/>
  <c r="AF24685" i="1"/>
  <c r="AF24686" i="1"/>
  <c r="AF24687" i="1"/>
  <c r="AF24688" i="1"/>
  <c r="AF24689" i="1"/>
  <c r="AF24690" i="1"/>
  <c r="AF24691" i="1"/>
  <c r="AF24692" i="1"/>
  <c r="AF24693" i="1"/>
  <c r="AF24694" i="1"/>
  <c r="AF24695" i="1"/>
  <c r="AF24696" i="1"/>
  <c r="AF24697" i="1"/>
  <c r="AF24698" i="1"/>
  <c r="AF24699" i="1"/>
  <c r="AF24700" i="1"/>
  <c r="AF24701" i="1"/>
  <c r="AF24702" i="1"/>
  <c r="AF24703" i="1"/>
  <c r="AF24704" i="1"/>
  <c r="AF24705" i="1"/>
  <c r="AF24706" i="1"/>
  <c r="AF24707" i="1"/>
  <c r="AF24708" i="1"/>
  <c r="AF24709" i="1"/>
  <c r="AF24710" i="1"/>
  <c r="AF24711" i="1"/>
  <c r="AF24712" i="1"/>
  <c r="AF24713" i="1"/>
  <c r="AF24714" i="1"/>
  <c r="AF24715" i="1"/>
  <c r="AF24716" i="1"/>
  <c r="AF24717" i="1"/>
  <c r="AF24718" i="1"/>
  <c r="AF24719" i="1"/>
  <c r="AF24720" i="1"/>
  <c r="AF24721" i="1"/>
  <c r="AF24722" i="1"/>
  <c r="AF24723" i="1"/>
  <c r="AF24724" i="1"/>
  <c r="AF24725" i="1"/>
  <c r="AF24726" i="1"/>
  <c r="AF24727" i="1"/>
  <c r="AF24728" i="1"/>
  <c r="AF24729" i="1"/>
  <c r="AF24730" i="1"/>
  <c r="AF24731" i="1"/>
  <c r="AF24732" i="1"/>
  <c r="AF24733" i="1"/>
  <c r="AF24734" i="1"/>
  <c r="AF24735" i="1"/>
  <c r="AF24736" i="1"/>
  <c r="AF24737" i="1"/>
  <c r="AF24738" i="1"/>
  <c r="AF24739" i="1"/>
  <c r="AF24740" i="1"/>
  <c r="AF24741" i="1"/>
  <c r="AF24742" i="1"/>
  <c r="AF24743" i="1"/>
  <c r="AF24744" i="1"/>
  <c r="AF24745" i="1"/>
  <c r="AF24746" i="1"/>
  <c r="AF24747" i="1"/>
  <c r="AF24748" i="1"/>
  <c r="AF24749" i="1"/>
  <c r="AF24750" i="1"/>
  <c r="AF24751" i="1"/>
  <c r="AF24752" i="1"/>
  <c r="AF24753" i="1"/>
  <c r="AF24754" i="1"/>
  <c r="AF24755" i="1"/>
  <c r="AF24756" i="1"/>
  <c r="AF24757" i="1"/>
  <c r="AF24758" i="1"/>
  <c r="AF24759" i="1"/>
  <c r="AF24760" i="1"/>
  <c r="AF24761" i="1"/>
  <c r="AF24762" i="1"/>
  <c r="AF24763" i="1"/>
  <c r="AF24764" i="1"/>
  <c r="AF24765" i="1"/>
  <c r="AF24766" i="1"/>
  <c r="AF24767" i="1"/>
  <c r="AF24768" i="1"/>
  <c r="AF24769" i="1"/>
  <c r="AF24770" i="1"/>
  <c r="AF24771" i="1"/>
  <c r="AF24772" i="1"/>
  <c r="AF24773" i="1"/>
  <c r="AF24774" i="1"/>
  <c r="AF24775" i="1"/>
  <c r="AF24776" i="1"/>
  <c r="AF24777" i="1"/>
  <c r="AF24778" i="1"/>
  <c r="AF24779" i="1"/>
  <c r="AF24780" i="1"/>
  <c r="AF24781" i="1"/>
  <c r="AF24782" i="1"/>
  <c r="AF24783" i="1"/>
  <c r="AF24784" i="1"/>
  <c r="AF24785" i="1"/>
  <c r="AF24786" i="1"/>
  <c r="AF24787" i="1"/>
  <c r="AF24788" i="1"/>
  <c r="AF24789" i="1"/>
  <c r="AF24790" i="1"/>
  <c r="AF24791" i="1"/>
  <c r="AF24792" i="1"/>
  <c r="AF24793" i="1"/>
  <c r="AF24794" i="1"/>
  <c r="AF24795" i="1"/>
  <c r="AF24796" i="1"/>
  <c r="AF24797" i="1"/>
  <c r="AF24798" i="1"/>
  <c r="AF24799" i="1"/>
  <c r="AF24800" i="1"/>
  <c r="AF24801" i="1"/>
  <c r="AF24802" i="1"/>
  <c r="AF24803" i="1"/>
  <c r="AF24804" i="1"/>
  <c r="AF24805" i="1"/>
  <c r="AF24806" i="1"/>
  <c r="AF24807" i="1"/>
  <c r="AF24808" i="1"/>
  <c r="AF24809" i="1"/>
  <c r="AF24810" i="1"/>
  <c r="AF24811" i="1"/>
  <c r="AF24812" i="1"/>
  <c r="AF24813" i="1"/>
  <c r="AF24814" i="1"/>
  <c r="AF24815" i="1"/>
  <c r="AF24816" i="1"/>
  <c r="AF24817" i="1"/>
  <c r="AF24818" i="1"/>
  <c r="AF24819" i="1"/>
  <c r="AF24820" i="1"/>
  <c r="AF24821" i="1"/>
  <c r="AF24822" i="1"/>
  <c r="AF24823" i="1"/>
  <c r="AF24824" i="1"/>
  <c r="AF24825" i="1"/>
  <c r="AF24826" i="1"/>
  <c r="AF24827" i="1"/>
  <c r="AF24828" i="1"/>
  <c r="AF24829" i="1"/>
  <c r="AF24830" i="1"/>
  <c r="AF24831" i="1"/>
  <c r="AF24832" i="1"/>
  <c r="AF24833" i="1"/>
  <c r="AF24834" i="1"/>
  <c r="AF24835" i="1"/>
  <c r="AF24836" i="1"/>
  <c r="AF24837" i="1"/>
  <c r="AF24838" i="1"/>
  <c r="AF24839" i="1"/>
  <c r="AF24840" i="1"/>
  <c r="AF24841" i="1"/>
  <c r="AF24842" i="1"/>
  <c r="AF24843" i="1"/>
  <c r="AF24844" i="1"/>
  <c r="AF24845" i="1"/>
  <c r="AF24846" i="1"/>
  <c r="AF24847" i="1"/>
  <c r="AF24848" i="1"/>
  <c r="AF24849" i="1"/>
  <c r="AF24850" i="1"/>
  <c r="AF24851" i="1"/>
  <c r="AF24852" i="1"/>
  <c r="AF24853" i="1"/>
  <c r="AF24854" i="1"/>
  <c r="AF24855" i="1"/>
  <c r="AF24856" i="1"/>
  <c r="AF24857" i="1"/>
  <c r="AF24858" i="1"/>
  <c r="AF24859" i="1"/>
  <c r="AF24860" i="1"/>
  <c r="AF24861" i="1"/>
  <c r="AF24862" i="1"/>
  <c r="AF24863" i="1"/>
  <c r="AF24864" i="1"/>
  <c r="AF24865" i="1"/>
  <c r="AF24866" i="1"/>
  <c r="AF24867" i="1"/>
  <c r="AF24868" i="1"/>
  <c r="AF24869" i="1"/>
  <c r="AF24870" i="1"/>
  <c r="AF24871" i="1"/>
  <c r="AF24872" i="1"/>
  <c r="AF24873" i="1"/>
  <c r="AF24874" i="1"/>
  <c r="AF24875" i="1"/>
  <c r="AF24876" i="1"/>
  <c r="AF24877" i="1"/>
  <c r="AF24878" i="1"/>
  <c r="AF24879" i="1"/>
  <c r="AF24880" i="1"/>
  <c r="AF24881" i="1"/>
  <c r="AF24882" i="1"/>
  <c r="AF24883" i="1"/>
  <c r="AF24884" i="1"/>
  <c r="AF24885" i="1"/>
  <c r="AF24886" i="1"/>
  <c r="AF24887" i="1"/>
  <c r="AF24888" i="1"/>
  <c r="AF24889" i="1"/>
  <c r="AF24890" i="1"/>
  <c r="AF24891" i="1"/>
  <c r="AF24892" i="1"/>
  <c r="AF24893" i="1"/>
  <c r="AF24894" i="1"/>
  <c r="AF24895" i="1"/>
  <c r="AF24896" i="1"/>
  <c r="AF24897" i="1"/>
  <c r="AF24898" i="1"/>
  <c r="AF24899" i="1"/>
  <c r="AF24900" i="1"/>
  <c r="AF24901" i="1"/>
  <c r="AF24902" i="1"/>
  <c r="AF24903" i="1"/>
  <c r="AF24904" i="1"/>
  <c r="AF24905" i="1"/>
  <c r="AF24906" i="1"/>
  <c r="AF24907" i="1"/>
  <c r="AF24908" i="1"/>
  <c r="AF24909" i="1"/>
  <c r="AF24910" i="1"/>
  <c r="AF24911" i="1"/>
  <c r="AF24912" i="1"/>
  <c r="AF24913" i="1"/>
  <c r="AF24914" i="1"/>
  <c r="AF24915" i="1"/>
  <c r="AF24916" i="1"/>
  <c r="AF24917" i="1"/>
  <c r="AF24918" i="1"/>
  <c r="AF24919" i="1"/>
  <c r="AF24920" i="1"/>
  <c r="AF24921" i="1"/>
  <c r="AF24922" i="1"/>
  <c r="AF24923" i="1"/>
  <c r="AF24924" i="1"/>
  <c r="AF24925" i="1"/>
  <c r="AF24926" i="1"/>
  <c r="AF24927" i="1"/>
  <c r="AF24928" i="1"/>
  <c r="AF24929" i="1"/>
  <c r="AF24930" i="1"/>
  <c r="AF24931" i="1"/>
  <c r="AF24932" i="1"/>
  <c r="AF24933" i="1"/>
  <c r="AF24934" i="1"/>
  <c r="AF24935" i="1"/>
  <c r="AF24936" i="1"/>
  <c r="AF24937" i="1"/>
  <c r="AF24938" i="1"/>
  <c r="AF24939" i="1"/>
  <c r="AF24940" i="1"/>
  <c r="AF24941" i="1"/>
  <c r="AF24942" i="1"/>
  <c r="AF24943" i="1"/>
  <c r="AF24944" i="1"/>
  <c r="AF24945" i="1"/>
  <c r="AF24946" i="1"/>
  <c r="AF24947" i="1"/>
  <c r="AF24948" i="1"/>
  <c r="AF24949" i="1"/>
  <c r="AF24950" i="1"/>
  <c r="AF24951" i="1"/>
  <c r="AF24952" i="1"/>
  <c r="AF24953" i="1"/>
  <c r="AF24954" i="1"/>
  <c r="AF24955" i="1"/>
  <c r="AF24956" i="1"/>
  <c r="AF24957" i="1"/>
  <c r="AF24958" i="1"/>
  <c r="AF24959" i="1"/>
  <c r="AF24960" i="1"/>
  <c r="AF24961" i="1"/>
  <c r="AF24962" i="1"/>
  <c r="AF24963" i="1"/>
  <c r="AF24964" i="1"/>
  <c r="AF24965" i="1"/>
  <c r="AF24966" i="1"/>
  <c r="AF24967" i="1"/>
  <c r="AF24968" i="1"/>
  <c r="AF24969" i="1"/>
  <c r="AF24970" i="1"/>
  <c r="AF24971" i="1"/>
  <c r="AF24972" i="1"/>
  <c r="AF24973" i="1"/>
  <c r="AF24974" i="1"/>
  <c r="AF24975" i="1"/>
  <c r="AF24976" i="1"/>
  <c r="AF24977" i="1"/>
  <c r="AF24978" i="1"/>
  <c r="AF24979" i="1"/>
  <c r="AF24980" i="1"/>
  <c r="AF24981" i="1"/>
  <c r="AF24982" i="1"/>
  <c r="AF24983" i="1"/>
  <c r="AF24984" i="1"/>
  <c r="AF24985" i="1"/>
  <c r="AF24986" i="1"/>
  <c r="AF24987" i="1"/>
  <c r="AF24988" i="1"/>
  <c r="AF24989" i="1"/>
  <c r="AF24990" i="1"/>
  <c r="AF24991" i="1"/>
  <c r="AF24992" i="1"/>
  <c r="AF24993" i="1"/>
  <c r="AF24994" i="1"/>
  <c r="AF24995" i="1"/>
  <c r="AF24996" i="1"/>
  <c r="AF24997" i="1"/>
  <c r="AF24998" i="1"/>
  <c r="AF24999" i="1"/>
  <c r="AF25000" i="1"/>
  <c r="AF25001" i="1"/>
  <c r="AF25002" i="1"/>
  <c r="AF25003" i="1"/>
  <c r="AF25004" i="1"/>
  <c r="AF25005" i="1"/>
  <c r="AF25006" i="1"/>
  <c r="AF25007" i="1"/>
  <c r="AF25008" i="1"/>
  <c r="AF25009" i="1"/>
  <c r="AF25010" i="1"/>
  <c r="AF25011" i="1"/>
  <c r="AF25012" i="1"/>
  <c r="AF25013" i="1"/>
  <c r="AF25014" i="1"/>
  <c r="AF25015" i="1"/>
  <c r="AF25016" i="1"/>
  <c r="AF25017" i="1"/>
  <c r="AF25018" i="1"/>
  <c r="AF25019" i="1"/>
  <c r="AF25020" i="1"/>
  <c r="AF25021" i="1"/>
  <c r="AF25022" i="1"/>
  <c r="AF25023" i="1"/>
  <c r="AF25024" i="1"/>
  <c r="AF25025" i="1"/>
  <c r="AF25026" i="1"/>
  <c r="AF25027" i="1"/>
  <c r="AF25028" i="1"/>
  <c r="AF25029" i="1"/>
  <c r="AF25030" i="1"/>
  <c r="AF25031" i="1"/>
  <c r="AF25032" i="1"/>
  <c r="AF25033" i="1"/>
  <c r="AF25034" i="1"/>
  <c r="AF25035" i="1"/>
  <c r="AF25036" i="1"/>
  <c r="AF25037" i="1"/>
  <c r="AF25038" i="1"/>
  <c r="AF25039" i="1"/>
  <c r="AF25040" i="1"/>
  <c r="AF25041" i="1"/>
  <c r="AF25042" i="1"/>
  <c r="AF25043" i="1"/>
  <c r="AF25044" i="1"/>
  <c r="AF25045" i="1"/>
  <c r="AF25046" i="1"/>
  <c r="AF25047" i="1"/>
  <c r="AF25048" i="1"/>
  <c r="AF25049" i="1"/>
  <c r="AF25050" i="1"/>
  <c r="AF25051" i="1"/>
  <c r="AF25052" i="1"/>
  <c r="AF25053" i="1"/>
  <c r="AF25054" i="1"/>
  <c r="AF25055" i="1"/>
  <c r="AF25056" i="1"/>
  <c r="AF25057" i="1"/>
  <c r="AF25058" i="1"/>
  <c r="AF25059" i="1"/>
  <c r="AF25060" i="1"/>
  <c r="AF25061" i="1"/>
  <c r="AF25062" i="1"/>
  <c r="AF25063" i="1"/>
  <c r="AF25064" i="1"/>
  <c r="AF25065" i="1"/>
  <c r="AF25066" i="1"/>
  <c r="AF25067" i="1"/>
  <c r="AF25068" i="1"/>
  <c r="AF25069" i="1"/>
  <c r="AF25070" i="1"/>
  <c r="AF25071" i="1"/>
  <c r="AF25072" i="1"/>
  <c r="AF25073" i="1"/>
  <c r="AF25074" i="1"/>
  <c r="AF25075" i="1"/>
  <c r="AF25076" i="1"/>
  <c r="AF25077" i="1"/>
  <c r="AF25078" i="1"/>
  <c r="AF25079" i="1"/>
  <c r="AF25080" i="1"/>
  <c r="AF25081" i="1"/>
  <c r="AF25082" i="1"/>
  <c r="AF25083" i="1"/>
  <c r="AF25084" i="1"/>
  <c r="AF25085" i="1"/>
  <c r="AF25086" i="1"/>
  <c r="AF25087" i="1"/>
  <c r="AF25088" i="1"/>
  <c r="AF25089" i="1"/>
  <c r="AF25090" i="1"/>
  <c r="AF25091" i="1"/>
  <c r="AF25092" i="1"/>
  <c r="AF25093" i="1"/>
  <c r="AF25094" i="1"/>
  <c r="AF25095" i="1"/>
  <c r="AF25096" i="1"/>
  <c r="AF25097" i="1"/>
  <c r="AF25098" i="1"/>
  <c r="AF25099" i="1"/>
  <c r="AF25100" i="1"/>
  <c r="AF25101" i="1"/>
  <c r="AF25102" i="1"/>
  <c r="AF25103" i="1"/>
  <c r="AF25104" i="1"/>
  <c r="AF25105" i="1"/>
  <c r="AF25106" i="1"/>
  <c r="AF25107" i="1"/>
  <c r="AF25108" i="1"/>
  <c r="AF25109" i="1"/>
  <c r="AF25110" i="1"/>
  <c r="AF25111" i="1"/>
  <c r="AF25112" i="1"/>
  <c r="AF25113" i="1"/>
  <c r="AF25114" i="1"/>
  <c r="AF25115" i="1"/>
  <c r="AF25116" i="1"/>
  <c r="AF25117" i="1"/>
  <c r="AF25118" i="1"/>
  <c r="AF25119" i="1"/>
  <c r="AF25120" i="1"/>
  <c r="AF25121" i="1"/>
  <c r="AF25122" i="1"/>
  <c r="AF25123" i="1"/>
  <c r="AF25124" i="1"/>
  <c r="AF25125" i="1"/>
  <c r="AF25126" i="1"/>
  <c r="AF25127" i="1"/>
  <c r="AF25128" i="1"/>
  <c r="AF25129" i="1"/>
  <c r="AF25130" i="1"/>
  <c r="AF25131" i="1"/>
  <c r="AF25132" i="1"/>
  <c r="AF25133" i="1"/>
  <c r="AF25134" i="1"/>
  <c r="AF25135" i="1"/>
  <c r="AF25136" i="1"/>
  <c r="AF25137" i="1"/>
  <c r="AF25138" i="1"/>
  <c r="AF25139" i="1"/>
  <c r="AF25140" i="1"/>
  <c r="AF25141" i="1"/>
  <c r="AF25142" i="1"/>
  <c r="AF25143" i="1"/>
  <c r="AF25144" i="1"/>
  <c r="AF25145" i="1"/>
  <c r="AF25146" i="1"/>
  <c r="AF25147" i="1"/>
  <c r="AF25148" i="1"/>
  <c r="AF25149" i="1"/>
  <c r="AF25150" i="1"/>
  <c r="AF25151" i="1"/>
  <c r="AF25152" i="1"/>
  <c r="AF25153" i="1"/>
  <c r="AF25154" i="1"/>
  <c r="AF25155" i="1"/>
  <c r="AF25156" i="1"/>
  <c r="AF25157" i="1"/>
  <c r="AF25158" i="1"/>
  <c r="AF25159" i="1"/>
  <c r="AF25160" i="1"/>
  <c r="AF25161" i="1"/>
  <c r="AF25162" i="1"/>
  <c r="AF25163" i="1"/>
  <c r="AF25164" i="1"/>
  <c r="AF25165" i="1"/>
  <c r="AF25166" i="1"/>
  <c r="AF25167" i="1"/>
  <c r="AF25168" i="1"/>
  <c r="AF25169" i="1"/>
  <c r="AF25170" i="1"/>
  <c r="AF25171" i="1"/>
  <c r="AF25172" i="1"/>
  <c r="AF25173" i="1"/>
  <c r="AF25174" i="1"/>
  <c r="AF25175" i="1"/>
  <c r="AF25176" i="1"/>
  <c r="AF25177" i="1"/>
  <c r="AF25178" i="1"/>
  <c r="AF25179" i="1"/>
  <c r="AF25180" i="1"/>
  <c r="AF25181" i="1"/>
  <c r="AF25182" i="1"/>
  <c r="AF25183" i="1"/>
  <c r="AF25184" i="1"/>
  <c r="AF25185" i="1"/>
  <c r="AF25186" i="1"/>
  <c r="AF25187" i="1"/>
  <c r="AF25188" i="1"/>
  <c r="AF25189" i="1"/>
  <c r="AF25190" i="1"/>
  <c r="AF25191" i="1"/>
  <c r="AF25192" i="1"/>
  <c r="AF25193" i="1"/>
  <c r="AF25194" i="1"/>
  <c r="AF25195" i="1"/>
  <c r="AF25196" i="1"/>
  <c r="AF25197" i="1"/>
  <c r="AF25198" i="1"/>
  <c r="AF25199" i="1"/>
  <c r="AF25200" i="1"/>
  <c r="AF25201" i="1"/>
  <c r="AF25202" i="1"/>
  <c r="AF25203" i="1"/>
  <c r="AF25204" i="1"/>
  <c r="AF25205" i="1"/>
  <c r="AF25206" i="1"/>
  <c r="AF25207" i="1"/>
  <c r="AF25208" i="1"/>
  <c r="AF25209" i="1"/>
  <c r="AF25210" i="1"/>
  <c r="AF25211" i="1"/>
  <c r="AF25212" i="1"/>
  <c r="AF25213" i="1"/>
  <c r="AF25214" i="1"/>
  <c r="AF25215" i="1"/>
  <c r="AF25216" i="1"/>
  <c r="AF25217" i="1"/>
  <c r="AF25218" i="1"/>
  <c r="AF25219" i="1"/>
  <c r="AF25220" i="1"/>
  <c r="AF25221" i="1"/>
  <c r="AF25222" i="1"/>
  <c r="AF25223" i="1"/>
  <c r="AF25224" i="1"/>
  <c r="AF25225" i="1"/>
  <c r="AF25226" i="1"/>
  <c r="AF25227" i="1"/>
  <c r="AF25228" i="1"/>
  <c r="AF25229" i="1"/>
  <c r="AF25230" i="1"/>
  <c r="AF25231" i="1"/>
  <c r="AF25232" i="1"/>
  <c r="AF25233" i="1"/>
  <c r="AF25234" i="1"/>
  <c r="AF25235" i="1"/>
  <c r="AF25236" i="1"/>
  <c r="AF25237" i="1"/>
  <c r="AF25238" i="1"/>
  <c r="AF25239" i="1"/>
  <c r="AF25240" i="1"/>
  <c r="AF25241" i="1"/>
  <c r="AF25242" i="1"/>
  <c r="AF25243" i="1"/>
  <c r="AF25244" i="1"/>
  <c r="AF25245" i="1"/>
  <c r="AF25246" i="1"/>
  <c r="AF25247" i="1"/>
  <c r="AF25248" i="1"/>
  <c r="AF25249" i="1"/>
  <c r="AF25250" i="1"/>
  <c r="AF25251" i="1"/>
  <c r="AF25252" i="1"/>
  <c r="AF25253" i="1"/>
  <c r="AF25254" i="1"/>
  <c r="AF25255" i="1"/>
  <c r="AF25256" i="1"/>
  <c r="AF25257" i="1"/>
  <c r="AF25258" i="1"/>
  <c r="AF25259" i="1"/>
  <c r="AF25260" i="1"/>
  <c r="AF25261" i="1"/>
  <c r="AF25262" i="1"/>
  <c r="AF25263" i="1"/>
  <c r="AF25264" i="1"/>
  <c r="AF25265" i="1"/>
  <c r="AF25266" i="1"/>
  <c r="AF25267" i="1"/>
  <c r="AF25268" i="1"/>
  <c r="AF25269" i="1"/>
  <c r="AF25270" i="1"/>
  <c r="AF25271" i="1"/>
  <c r="AF25272" i="1"/>
  <c r="AF25273" i="1"/>
  <c r="AF25274" i="1"/>
  <c r="AF25275" i="1"/>
  <c r="AF25276" i="1"/>
  <c r="AF25277" i="1"/>
  <c r="AF25278" i="1"/>
  <c r="AF25279" i="1"/>
  <c r="AF25280" i="1"/>
  <c r="AF25281" i="1"/>
  <c r="AF25282" i="1"/>
  <c r="AF25283" i="1"/>
  <c r="AF25284" i="1"/>
  <c r="AF25285" i="1"/>
  <c r="AF25286" i="1"/>
  <c r="AF25287" i="1"/>
  <c r="AF25288" i="1"/>
  <c r="AF25289" i="1"/>
  <c r="AF25290" i="1"/>
  <c r="AF25291" i="1"/>
  <c r="AF25292" i="1"/>
  <c r="AF25293" i="1"/>
  <c r="AF25294" i="1"/>
  <c r="AF25295" i="1"/>
  <c r="AF25296" i="1"/>
  <c r="AF25297" i="1"/>
  <c r="AF25298" i="1"/>
  <c r="AF25299" i="1"/>
  <c r="AF25300" i="1"/>
  <c r="AF25301" i="1"/>
  <c r="AF25302" i="1"/>
  <c r="AF25303" i="1"/>
  <c r="AF25304" i="1"/>
  <c r="AF25305" i="1"/>
  <c r="AF25306" i="1"/>
  <c r="AF25307" i="1"/>
  <c r="AF25308" i="1"/>
  <c r="AF25309" i="1"/>
  <c r="AF25310" i="1"/>
  <c r="AF25311" i="1"/>
  <c r="AF25312" i="1"/>
  <c r="AF25313" i="1"/>
  <c r="AF25314" i="1"/>
  <c r="AF25315" i="1"/>
  <c r="AF25316" i="1"/>
  <c r="AF25317" i="1"/>
  <c r="AF25318" i="1"/>
  <c r="AF25319" i="1"/>
  <c r="AF25320" i="1"/>
  <c r="AF25321" i="1"/>
  <c r="AF25322" i="1"/>
  <c r="AF25323" i="1"/>
  <c r="AF25324" i="1"/>
  <c r="AF25325" i="1"/>
  <c r="AF25326" i="1"/>
  <c r="AF25327" i="1"/>
  <c r="AF25328" i="1"/>
  <c r="AF25329" i="1"/>
  <c r="AF25330" i="1"/>
  <c r="AF25331" i="1"/>
  <c r="AF25332" i="1"/>
  <c r="AF25333" i="1"/>
  <c r="AF25334" i="1"/>
  <c r="AF25335" i="1"/>
  <c r="AF25336" i="1"/>
  <c r="AF25337" i="1"/>
  <c r="AF25338" i="1"/>
  <c r="AF25339" i="1"/>
  <c r="AF25340" i="1"/>
  <c r="AF25341" i="1"/>
  <c r="AF25342" i="1"/>
  <c r="AF25343" i="1"/>
  <c r="AF25344" i="1"/>
  <c r="AF25345" i="1"/>
  <c r="AF25346" i="1"/>
  <c r="AF25347" i="1"/>
  <c r="AF25348" i="1"/>
  <c r="AF25349" i="1"/>
  <c r="AF25350" i="1"/>
  <c r="AF25351" i="1"/>
  <c r="AF25352" i="1"/>
  <c r="AF25353" i="1"/>
  <c r="AF25354" i="1"/>
  <c r="AF25355" i="1"/>
  <c r="AF25356" i="1"/>
  <c r="AF25357" i="1"/>
  <c r="AF25358" i="1"/>
  <c r="AF25359" i="1"/>
  <c r="AF25360" i="1"/>
  <c r="AF25361" i="1"/>
  <c r="AF25362" i="1"/>
  <c r="AF25363" i="1"/>
  <c r="AF25364" i="1"/>
  <c r="AF25365" i="1"/>
  <c r="AF25366" i="1"/>
  <c r="AF25367" i="1"/>
  <c r="AF25368" i="1"/>
  <c r="AF25369" i="1"/>
  <c r="AF25370" i="1"/>
  <c r="AF25371" i="1"/>
  <c r="AF25372" i="1"/>
  <c r="AF25373" i="1"/>
  <c r="AF25374" i="1"/>
  <c r="AF25375" i="1"/>
  <c r="AF25376" i="1"/>
  <c r="AF25377" i="1"/>
  <c r="AF25378" i="1"/>
  <c r="AF25379" i="1"/>
  <c r="AF25380" i="1"/>
  <c r="AF25381" i="1"/>
  <c r="AF25382" i="1"/>
  <c r="AF25383" i="1"/>
  <c r="AF25384" i="1"/>
  <c r="AF25385" i="1"/>
  <c r="AF25386" i="1"/>
  <c r="AF25387" i="1"/>
  <c r="AF25388" i="1"/>
  <c r="AF25389" i="1"/>
  <c r="AF25390" i="1"/>
  <c r="AF25391" i="1"/>
  <c r="AF25392" i="1"/>
  <c r="AF25393" i="1"/>
  <c r="AF25394" i="1"/>
  <c r="AF25395" i="1"/>
  <c r="AF25396" i="1"/>
  <c r="AF25397" i="1"/>
  <c r="AF25398" i="1"/>
  <c r="AF25399" i="1"/>
  <c r="AF25400" i="1"/>
  <c r="AF25401" i="1"/>
  <c r="AF25402" i="1"/>
  <c r="AF25403" i="1"/>
  <c r="AF25404" i="1"/>
  <c r="AF25405" i="1"/>
  <c r="AF25406" i="1"/>
  <c r="AF25407" i="1"/>
  <c r="AF25408" i="1"/>
  <c r="AF25409" i="1"/>
  <c r="AF25410" i="1"/>
  <c r="AF25411" i="1"/>
  <c r="AF25412" i="1"/>
  <c r="AF25413" i="1"/>
  <c r="AF25414" i="1"/>
  <c r="AF25415" i="1"/>
  <c r="AF25416" i="1"/>
  <c r="AF25417" i="1"/>
  <c r="AF25418" i="1"/>
  <c r="AF25419" i="1"/>
  <c r="AF25420" i="1"/>
  <c r="AF25421" i="1"/>
  <c r="AF25422" i="1"/>
  <c r="AF25423" i="1"/>
  <c r="AF25424" i="1"/>
  <c r="AF25425" i="1"/>
  <c r="AF25426" i="1"/>
  <c r="AF25427" i="1"/>
  <c r="AF25428" i="1"/>
  <c r="AF25429" i="1"/>
  <c r="AF25430" i="1"/>
  <c r="AF25431" i="1"/>
  <c r="AF25432" i="1"/>
  <c r="AF25433" i="1"/>
  <c r="AF25434" i="1"/>
  <c r="AF25435" i="1"/>
  <c r="AF25436" i="1"/>
  <c r="AF25437" i="1"/>
  <c r="AF25438" i="1"/>
  <c r="AF25439" i="1"/>
  <c r="AF25440" i="1"/>
  <c r="AF25441" i="1"/>
  <c r="AF25442" i="1"/>
  <c r="AF25443" i="1"/>
  <c r="AF25444" i="1"/>
  <c r="AF25445" i="1"/>
  <c r="AF25446" i="1"/>
  <c r="AF25447" i="1"/>
  <c r="AF25448" i="1"/>
  <c r="AF25449" i="1"/>
  <c r="AF25450" i="1"/>
  <c r="AF25451" i="1"/>
  <c r="AF25452" i="1"/>
  <c r="AF25453" i="1"/>
  <c r="AF25454" i="1"/>
  <c r="AF25455" i="1"/>
  <c r="AF25456" i="1"/>
  <c r="AF25457" i="1"/>
  <c r="AF25458" i="1"/>
  <c r="AF25459" i="1"/>
  <c r="AF25460" i="1"/>
  <c r="AF25461" i="1"/>
  <c r="AF25462" i="1"/>
  <c r="AF25463" i="1"/>
  <c r="AF25464" i="1"/>
  <c r="AF25465" i="1"/>
  <c r="AF25466" i="1"/>
  <c r="AF25467" i="1"/>
  <c r="AF25468" i="1"/>
  <c r="AF25469" i="1"/>
  <c r="AF25470" i="1"/>
  <c r="AF25471" i="1"/>
  <c r="AF25472" i="1"/>
  <c r="AF25473" i="1"/>
  <c r="AF25474" i="1"/>
  <c r="AF25475" i="1"/>
  <c r="AF25476" i="1"/>
  <c r="AF25477" i="1"/>
  <c r="AF25478" i="1"/>
  <c r="AF25479" i="1"/>
  <c r="AF25480" i="1"/>
  <c r="AF25481" i="1"/>
  <c r="AF25482" i="1"/>
  <c r="AF25483" i="1"/>
  <c r="AF25484" i="1"/>
  <c r="AF25485" i="1"/>
  <c r="AF25486" i="1"/>
  <c r="AF25487" i="1"/>
  <c r="AF25488" i="1"/>
  <c r="AF25489" i="1"/>
  <c r="AF25490" i="1"/>
  <c r="AF25491" i="1"/>
  <c r="AF25492" i="1"/>
  <c r="AF25493" i="1"/>
  <c r="AF25494" i="1"/>
  <c r="AF25495" i="1"/>
  <c r="AF25496" i="1"/>
  <c r="AF25497" i="1"/>
  <c r="AF25498" i="1"/>
  <c r="AF25499" i="1"/>
  <c r="AF25500" i="1"/>
  <c r="AF25501" i="1"/>
  <c r="AF25502" i="1"/>
  <c r="AF25503" i="1"/>
  <c r="AF25504" i="1"/>
  <c r="AF25505" i="1"/>
  <c r="AF25506" i="1"/>
  <c r="AF25507" i="1"/>
  <c r="AF25508" i="1"/>
  <c r="AF25509" i="1"/>
  <c r="AF25510" i="1"/>
  <c r="AF25511" i="1"/>
  <c r="AF25512" i="1"/>
  <c r="AF25513" i="1"/>
  <c r="AF25514" i="1"/>
  <c r="AF25515" i="1"/>
  <c r="AF25516" i="1"/>
  <c r="AF25517" i="1"/>
  <c r="AF25518" i="1"/>
  <c r="AF25519" i="1"/>
  <c r="AF25520" i="1"/>
  <c r="AF25521" i="1"/>
  <c r="AF25522" i="1"/>
  <c r="AF25523" i="1"/>
  <c r="AF25524" i="1"/>
  <c r="AF25525" i="1"/>
  <c r="AF25526" i="1"/>
  <c r="AF25527" i="1"/>
  <c r="AF25528" i="1"/>
  <c r="AF25529" i="1"/>
  <c r="AF25530" i="1"/>
  <c r="AF25531" i="1"/>
  <c r="AF25532" i="1"/>
  <c r="AF25533" i="1"/>
  <c r="AF25534" i="1"/>
  <c r="AF25535" i="1"/>
  <c r="AF25536" i="1"/>
  <c r="AF25537" i="1"/>
  <c r="AF25538" i="1"/>
  <c r="AF25539" i="1"/>
  <c r="AF25540" i="1"/>
  <c r="AF25541" i="1"/>
  <c r="AF25542" i="1"/>
  <c r="AF25543" i="1"/>
  <c r="AF25544" i="1"/>
  <c r="AF25545" i="1"/>
  <c r="AF25546" i="1"/>
  <c r="AF25547" i="1"/>
  <c r="AF25548" i="1"/>
  <c r="AF25549" i="1"/>
  <c r="AF25550" i="1"/>
  <c r="AF25551" i="1"/>
  <c r="AF25552" i="1"/>
  <c r="AF25553" i="1"/>
  <c r="AF25554" i="1"/>
  <c r="AF25555" i="1"/>
  <c r="AF25556" i="1"/>
  <c r="AF25557" i="1"/>
  <c r="AF25558" i="1"/>
  <c r="AF25559" i="1"/>
  <c r="AF25560" i="1"/>
  <c r="AF25561" i="1"/>
  <c r="AF25562" i="1"/>
  <c r="AF25563" i="1"/>
  <c r="AF25564" i="1"/>
  <c r="AF25565" i="1"/>
  <c r="AF25566" i="1"/>
  <c r="AF25567" i="1"/>
  <c r="AF25568" i="1"/>
  <c r="AF25569" i="1"/>
  <c r="AF25570" i="1"/>
  <c r="AF25571" i="1"/>
  <c r="AF25572" i="1"/>
  <c r="AF25573" i="1"/>
  <c r="AF25574" i="1"/>
  <c r="AF25575" i="1"/>
  <c r="AF25576" i="1"/>
  <c r="AF25577" i="1"/>
  <c r="AF25578" i="1"/>
  <c r="AF25579" i="1"/>
  <c r="AF25580" i="1"/>
  <c r="AF25581" i="1"/>
  <c r="AF25582" i="1"/>
  <c r="AF25583" i="1"/>
  <c r="AF25584" i="1"/>
  <c r="AF25585" i="1"/>
  <c r="AF25586" i="1"/>
  <c r="AF25587" i="1"/>
  <c r="AF25588" i="1"/>
  <c r="AF25589" i="1"/>
  <c r="AF25590" i="1"/>
  <c r="AF25591" i="1"/>
  <c r="AF25592" i="1"/>
  <c r="AF25593" i="1"/>
  <c r="AF25594" i="1"/>
  <c r="AF25595" i="1"/>
  <c r="AF25596" i="1"/>
  <c r="AF25597" i="1"/>
  <c r="AF25598" i="1"/>
  <c r="AF25599" i="1"/>
  <c r="AF25600" i="1"/>
  <c r="AF25601" i="1"/>
  <c r="AF25602" i="1"/>
  <c r="AF25603" i="1"/>
  <c r="AF25604" i="1"/>
  <c r="AF25605" i="1"/>
  <c r="AF25606" i="1"/>
  <c r="AF25607" i="1"/>
  <c r="AF25608" i="1"/>
  <c r="AF25609" i="1"/>
  <c r="AF25610" i="1"/>
  <c r="AF25611" i="1"/>
  <c r="AF25612" i="1"/>
  <c r="AF25613" i="1"/>
  <c r="AF25614" i="1"/>
  <c r="AF25615" i="1"/>
  <c r="AF25616" i="1"/>
  <c r="AF25617" i="1"/>
  <c r="AF25618" i="1"/>
  <c r="AF25619" i="1"/>
  <c r="AF25620" i="1"/>
  <c r="AF25621" i="1"/>
  <c r="AF25622" i="1"/>
  <c r="AF25623" i="1"/>
  <c r="AF25624" i="1"/>
  <c r="AF25625" i="1"/>
  <c r="AF25626" i="1"/>
  <c r="AF25627" i="1"/>
  <c r="AF25628" i="1"/>
  <c r="AF25629" i="1"/>
  <c r="AF25630" i="1"/>
  <c r="AF25631" i="1"/>
  <c r="AF25632" i="1"/>
  <c r="AF25633" i="1"/>
  <c r="AF25634" i="1"/>
  <c r="AF25635" i="1"/>
  <c r="AF25636" i="1"/>
  <c r="AF25637" i="1"/>
  <c r="AF25638" i="1"/>
  <c r="AF25639" i="1"/>
  <c r="AF25640" i="1"/>
  <c r="AF25641" i="1"/>
  <c r="AF25642" i="1"/>
  <c r="AF25643" i="1"/>
  <c r="AF25644" i="1"/>
  <c r="AF25645" i="1"/>
  <c r="AF25646" i="1"/>
  <c r="AF25647" i="1"/>
  <c r="AF25648" i="1"/>
  <c r="AF25649" i="1"/>
  <c r="AF25650" i="1"/>
  <c r="AF25651" i="1"/>
  <c r="AF25652" i="1"/>
  <c r="AF25653" i="1"/>
  <c r="AF25654" i="1"/>
  <c r="AF25655" i="1"/>
  <c r="AF25656" i="1"/>
  <c r="AF25657" i="1"/>
  <c r="AF25658" i="1"/>
  <c r="AF25659" i="1"/>
  <c r="AF25660" i="1"/>
  <c r="AF25661" i="1"/>
  <c r="AF25662" i="1"/>
  <c r="AF25663" i="1"/>
  <c r="AF25664" i="1"/>
  <c r="AF25665" i="1"/>
  <c r="AF25666" i="1"/>
  <c r="AF25667" i="1"/>
  <c r="AF25668" i="1"/>
  <c r="AF25669" i="1"/>
  <c r="AF25670" i="1"/>
  <c r="AF25671" i="1"/>
  <c r="AF25672" i="1"/>
  <c r="AF25673" i="1"/>
  <c r="AF25674" i="1"/>
  <c r="AF25675" i="1"/>
  <c r="AF25676" i="1"/>
  <c r="AF25677" i="1"/>
  <c r="AF25678" i="1"/>
  <c r="AF25679" i="1"/>
  <c r="AF25680" i="1"/>
  <c r="AF25681" i="1"/>
  <c r="AF25682" i="1"/>
  <c r="AF25683" i="1"/>
  <c r="AF25684" i="1"/>
  <c r="AF25685" i="1"/>
  <c r="AF25686" i="1"/>
  <c r="AF25687" i="1"/>
  <c r="AF25688" i="1"/>
  <c r="AF25689" i="1"/>
  <c r="AF25690" i="1"/>
  <c r="AF25691" i="1"/>
  <c r="AF25692" i="1"/>
  <c r="AF25693" i="1"/>
  <c r="AF25694" i="1"/>
  <c r="AF25695" i="1"/>
  <c r="AF25696" i="1"/>
  <c r="AF25697" i="1"/>
  <c r="AF25698" i="1"/>
  <c r="AF25699" i="1"/>
  <c r="AF25700" i="1"/>
  <c r="AF25701" i="1"/>
  <c r="AF25702" i="1"/>
  <c r="AF25703" i="1"/>
  <c r="AF25704" i="1"/>
  <c r="AF25705" i="1"/>
  <c r="AF25706" i="1"/>
  <c r="AF25707" i="1"/>
  <c r="AF25708" i="1"/>
  <c r="AF25709" i="1"/>
  <c r="AF25710" i="1"/>
  <c r="AF25711" i="1"/>
  <c r="AF25712" i="1"/>
  <c r="AF25713" i="1"/>
  <c r="AF25714" i="1"/>
  <c r="AF25715" i="1"/>
  <c r="AF25716" i="1"/>
  <c r="AF25717" i="1"/>
  <c r="AF25718" i="1"/>
  <c r="AF25719" i="1"/>
  <c r="AF25720" i="1"/>
  <c r="AF25721" i="1"/>
  <c r="AF25722" i="1"/>
  <c r="AF25723" i="1"/>
  <c r="AF25724" i="1"/>
  <c r="AF25725" i="1"/>
  <c r="AF25726" i="1"/>
  <c r="AF25727" i="1"/>
  <c r="AF25728" i="1"/>
  <c r="AF25729" i="1"/>
  <c r="AF25730" i="1"/>
  <c r="AF25731" i="1"/>
  <c r="AF25732" i="1"/>
  <c r="AF25733" i="1"/>
  <c r="AF25734" i="1"/>
  <c r="AF25735" i="1"/>
  <c r="AF25736" i="1"/>
  <c r="AF25737" i="1"/>
  <c r="AF25738" i="1"/>
  <c r="AF25739" i="1"/>
  <c r="AF25740" i="1"/>
  <c r="AF25741" i="1"/>
  <c r="AF25742" i="1"/>
  <c r="AF25743" i="1"/>
  <c r="AF25744" i="1"/>
  <c r="AF25745" i="1"/>
  <c r="AF25746" i="1"/>
  <c r="AF25747" i="1"/>
  <c r="AF25748" i="1"/>
  <c r="AF25749" i="1"/>
  <c r="AF25750" i="1"/>
  <c r="AF25751" i="1"/>
  <c r="AF25752" i="1"/>
  <c r="AF25753" i="1"/>
  <c r="AF25754" i="1"/>
  <c r="AF25755" i="1"/>
  <c r="AF25756" i="1"/>
  <c r="AF25757" i="1"/>
  <c r="AF25758" i="1"/>
  <c r="AF25759" i="1"/>
  <c r="AF25760" i="1"/>
  <c r="AF25761" i="1"/>
  <c r="AF25762" i="1"/>
  <c r="AF25763" i="1"/>
  <c r="AF25764" i="1"/>
  <c r="AF25765" i="1"/>
  <c r="AF25766" i="1"/>
  <c r="AF25767" i="1"/>
  <c r="AF25768" i="1"/>
  <c r="AF25769" i="1"/>
  <c r="AF25770" i="1"/>
  <c r="AF25771" i="1"/>
  <c r="AF25772" i="1"/>
  <c r="AF25773" i="1"/>
  <c r="AF25774" i="1"/>
  <c r="AF25775" i="1"/>
  <c r="AF25776" i="1"/>
  <c r="AF25777" i="1"/>
  <c r="AF25778" i="1"/>
  <c r="AF25779" i="1"/>
  <c r="AF25780" i="1"/>
  <c r="AF25781" i="1"/>
  <c r="AF25782" i="1"/>
  <c r="AF25783" i="1"/>
  <c r="AF25784" i="1"/>
  <c r="AF25785" i="1"/>
  <c r="AF25786" i="1"/>
  <c r="AF25787" i="1"/>
  <c r="AF25788" i="1"/>
  <c r="AF25789" i="1"/>
  <c r="AF25790" i="1"/>
  <c r="AF25791" i="1"/>
  <c r="AF25792" i="1"/>
  <c r="AF25793" i="1"/>
  <c r="AF25794" i="1"/>
  <c r="AF25795" i="1"/>
  <c r="AF25796" i="1"/>
  <c r="AF25797" i="1"/>
  <c r="AF25798" i="1"/>
  <c r="AF25799" i="1"/>
  <c r="AF25800" i="1"/>
  <c r="AF25801" i="1"/>
  <c r="AF25802" i="1"/>
  <c r="AF25803" i="1"/>
  <c r="AF25804" i="1"/>
  <c r="AF25805" i="1"/>
  <c r="AF25806" i="1"/>
  <c r="AF25807" i="1"/>
  <c r="AF25808" i="1"/>
  <c r="AF25809" i="1"/>
  <c r="AF25810" i="1"/>
  <c r="AF25811" i="1"/>
  <c r="AF25812" i="1"/>
  <c r="AF25813" i="1"/>
  <c r="AF25814" i="1"/>
  <c r="AF25815" i="1"/>
  <c r="AF25816" i="1"/>
  <c r="AF25817" i="1"/>
  <c r="AF25818" i="1"/>
  <c r="AF25819" i="1"/>
  <c r="AF25820" i="1"/>
  <c r="AF25821" i="1"/>
  <c r="AF25822" i="1"/>
  <c r="AF25823" i="1"/>
  <c r="AF25824" i="1"/>
  <c r="AF25825" i="1"/>
  <c r="AF25826" i="1"/>
  <c r="AF25827" i="1"/>
  <c r="AF25828" i="1"/>
  <c r="AF25829" i="1"/>
  <c r="AF25830" i="1"/>
  <c r="AF25831" i="1"/>
  <c r="AF25832" i="1"/>
  <c r="AF25833" i="1"/>
  <c r="AF25834" i="1"/>
  <c r="AF25835" i="1"/>
  <c r="AF25836" i="1"/>
  <c r="AF25837" i="1"/>
  <c r="AF25838" i="1"/>
  <c r="AF25839" i="1"/>
  <c r="AF25840" i="1"/>
  <c r="AF25841" i="1"/>
  <c r="AF25842" i="1"/>
  <c r="AF25843" i="1"/>
  <c r="AF25844" i="1"/>
  <c r="AF25845" i="1"/>
  <c r="AF25846" i="1"/>
  <c r="AF25847" i="1"/>
  <c r="AF25848" i="1"/>
  <c r="AF25849" i="1"/>
  <c r="AF25850" i="1"/>
  <c r="AF25851" i="1"/>
  <c r="AF25852" i="1"/>
  <c r="AF25853" i="1"/>
  <c r="AF25854" i="1"/>
  <c r="AF25855" i="1"/>
  <c r="AF25856" i="1"/>
  <c r="AF25857" i="1"/>
  <c r="AF25858" i="1"/>
  <c r="AF25859" i="1"/>
  <c r="AF25860" i="1"/>
  <c r="AF25861" i="1"/>
  <c r="AF25862" i="1"/>
  <c r="AF25863" i="1"/>
  <c r="AF25864" i="1"/>
  <c r="AF25865" i="1"/>
  <c r="AF25866" i="1"/>
  <c r="AF25867" i="1"/>
  <c r="AF25868" i="1"/>
  <c r="AF25869" i="1"/>
  <c r="AF25870" i="1"/>
  <c r="AF25871" i="1"/>
  <c r="AF25872" i="1"/>
  <c r="AF25873" i="1"/>
  <c r="AF25874" i="1"/>
  <c r="AF25875" i="1"/>
  <c r="AF25876" i="1"/>
  <c r="AF25877" i="1"/>
  <c r="AF25878" i="1"/>
  <c r="AF25879" i="1"/>
  <c r="AF25880" i="1"/>
  <c r="AF25881" i="1"/>
  <c r="AF25882" i="1"/>
  <c r="AF25883" i="1"/>
  <c r="AF25884" i="1"/>
  <c r="AF25885" i="1"/>
  <c r="AF25886" i="1"/>
  <c r="AF25887" i="1"/>
  <c r="AF25888" i="1"/>
  <c r="AF25889" i="1"/>
  <c r="AF25890" i="1"/>
  <c r="AF25891" i="1"/>
  <c r="AF25892" i="1"/>
  <c r="AF25893" i="1"/>
  <c r="AF25894" i="1"/>
  <c r="AF25895" i="1"/>
  <c r="AF25896" i="1"/>
  <c r="AF25897" i="1"/>
  <c r="AF25898" i="1"/>
  <c r="AF25899" i="1"/>
  <c r="AF25900" i="1"/>
  <c r="AF25901" i="1"/>
  <c r="AF25902" i="1"/>
  <c r="AF25903" i="1"/>
  <c r="AF25904" i="1"/>
  <c r="AF25905" i="1"/>
  <c r="AF25906" i="1"/>
  <c r="AF25907" i="1"/>
  <c r="AF25908" i="1"/>
  <c r="AF25909" i="1"/>
  <c r="AF25910" i="1"/>
  <c r="AF25911" i="1"/>
  <c r="AF25912" i="1"/>
  <c r="AF25913" i="1"/>
  <c r="AF25914" i="1"/>
  <c r="AF25915" i="1"/>
  <c r="AF25916" i="1"/>
  <c r="AF25917" i="1"/>
  <c r="AF25918" i="1"/>
  <c r="AF25919" i="1"/>
  <c r="AF25920" i="1"/>
  <c r="AF25921" i="1"/>
  <c r="AF25922" i="1"/>
  <c r="AF25923" i="1"/>
  <c r="AF25924" i="1"/>
  <c r="AF25925" i="1"/>
  <c r="AF25926" i="1"/>
  <c r="AF25927" i="1"/>
  <c r="AF25928" i="1"/>
  <c r="AF25929" i="1"/>
  <c r="AF25930" i="1"/>
  <c r="AF25931" i="1"/>
  <c r="AF25932" i="1"/>
  <c r="AF25933" i="1"/>
  <c r="AF25934" i="1"/>
  <c r="AF25935" i="1"/>
  <c r="AF25936" i="1"/>
  <c r="AF25937" i="1"/>
  <c r="AF25938" i="1"/>
  <c r="AF25939" i="1"/>
  <c r="AF25940" i="1"/>
  <c r="AF25941" i="1"/>
  <c r="AF25942" i="1"/>
  <c r="AF25943" i="1"/>
  <c r="AF25944" i="1"/>
  <c r="AF25945" i="1"/>
  <c r="AF25946" i="1"/>
  <c r="AF25947" i="1"/>
  <c r="AF25948" i="1"/>
  <c r="AF25949" i="1"/>
  <c r="AF25950" i="1"/>
  <c r="AF25951" i="1"/>
  <c r="AF25952" i="1"/>
  <c r="AF25953" i="1"/>
  <c r="AF25954" i="1"/>
  <c r="AF25955" i="1"/>
  <c r="AF25956" i="1"/>
  <c r="AF25957" i="1"/>
  <c r="AF25958" i="1"/>
  <c r="AF25959" i="1"/>
  <c r="AF25960" i="1"/>
  <c r="AF25961" i="1"/>
  <c r="AF25962" i="1"/>
  <c r="AF25963" i="1"/>
  <c r="AF25964" i="1"/>
  <c r="AF25965" i="1"/>
  <c r="AF25966" i="1"/>
  <c r="AF25967" i="1"/>
  <c r="AF25968" i="1"/>
  <c r="AF25969" i="1"/>
  <c r="AF25970" i="1"/>
  <c r="AF25971" i="1"/>
  <c r="AF25972" i="1"/>
  <c r="AF25973" i="1"/>
  <c r="AF25974" i="1"/>
  <c r="AF25975" i="1"/>
  <c r="AF25976" i="1"/>
  <c r="AF25977" i="1"/>
  <c r="AF25978" i="1"/>
  <c r="AF25979" i="1"/>
  <c r="AF25980" i="1"/>
  <c r="AF25981" i="1"/>
  <c r="AF25982" i="1"/>
  <c r="AF25983" i="1"/>
  <c r="AF25984" i="1"/>
  <c r="AF25985" i="1"/>
  <c r="AF25986" i="1"/>
  <c r="AF25987" i="1"/>
  <c r="AF25988" i="1"/>
  <c r="AF25989" i="1"/>
  <c r="AF25990" i="1"/>
  <c r="AF25991" i="1"/>
  <c r="AF25992" i="1"/>
  <c r="AF25993" i="1"/>
  <c r="AF25994" i="1"/>
  <c r="AF25995" i="1"/>
  <c r="AF25996" i="1"/>
  <c r="AF25997" i="1"/>
  <c r="AF25998" i="1"/>
  <c r="AF25999" i="1"/>
  <c r="AF26000" i="1"/>
  <c r="AF26001" i="1"/>
  <c r="AF26002" i="1"/>
  <c r="AF26003" i="1"/>
  <c r="AF26004" i="1"/>
  <c r="AF26005" i="1"/>
  <c r="AF26006" i="1"/>
  <c r="AF26007" i="1"/>
  <c r="AF26008" i="1"/>
  <c r="AF26009" i="1"/>
  <c r="AF26010" i="1"/>
  <c r="AF26011" i="1"/>
  <c r="AF26012" i="1"/>
  <c r="AF26013" i="1"/>
  <c r="AF26014" i="1"/>
  <c r="AF26015" i="1"/>
  <c r="AF26016" i="1"/>
  <c r="AF26017" i="1"/>
  <c r="AF26018" i="1"/>
  <c r="AF26019" i="1"/>
  <c r="AF26020" i="1"/>
  <c r="AF26021" i="1"/>
  <c r="AF26022" i="1"/>
  <c r="AF26023" i="1"/>
  <c r="AF26024" i="1"/>
  <c r="AF26025" i="1"/>
  <c r="AF26026" i="1"/>
  <c r="AF26027" i="1"/>
  <c r="AF26028" i="1"/>
  <c r="AF26029" i="1"/>
  <c r="AF26030" i="1"/>
  <c r="AF26031" i="1"/>
  <c r="AF26032" i="1"/>
  <c r="AF26033" i="1"/>
  <c r="AF26034" i="1"/>
  <c r="AF26035" i="1"/>
  <c r="AF26036" i="1"/>
  <c r="AF26037" i="1"/>
  <c r="AF26038" i="1"/>
  <c r="AF26039" i="1"/>
  <c r="AF26040" i="1"/>
  <c r="AF26041" i="1"/>
  <c r="AF26042" i="1"/>
  <c r="AF26043" i="1"/>
  <c r="AF26044" i="1"/>
  <c r="AF26045" i="1"/>
  <c r="AF26046" i="1"/>
  <c r="AF26047" i="1"/>
  <c r="AF26048" i="1"/>
  <c r="AF26049" i="1"/>
  <c r="AF26050" i="1"/>
  <c r="AF26051" i="1"/>
  <c r="AF26052" i="1"/>
  <c r="AF26053" i="1"/>
  <c r="AF26054" i="1"/>
  <c r="AF26055" i="1"/>
  <c r="AF26056" i="1"/>
  <c r="AF26057" i="1"/>
  <c r="AF26058" i="1"/>
  <c r="AF26059" i="1"/>
  <c r="AF26060" i="1"/>
  <c r="AF26061" i="1"/>
  <c r="AF26062" i="1"/>
  <c r="AF26063" i="1"/>
  <c r="AF26064" i="1"/>
  <c r="AF26065" i="1"/>
  <c r="AF26066" i="1"/>
  <c r="AF26067" i="1"/>
  <c r="AF26068" i="1"/>
  <c r="AF26069" i="1"/>
  <c r="AF26070" i="1"/>
  <c r="AF26071" i="1"/>
  <c r="AF26072" i="1"/>
  <c r="AF26073" i="1"/>
  <c r="AF26074" i="1"/>
  <c r="AF26075" i="1"/>
  <c r="AF26076" i="1"/>
  <c r="AF26077" i="1"/>
  <c r="AF26078" i="1"/>
  <c r="AF26079" i="1"/>
  <c r="AF26080" i="1"/>
  <c r="AF26081" i="1"/>
  <c r="AF26082" i="1"/>
  <c r="AF26083" i="1"/>
  <c r="AF26084" i="1"/>
  <c r="AF26085" i="1"/>
  <c r="AF26086" i="1"/>
  <c r="AF26087" i="1"/>
  <c r="AF26088" i="1"/>
  <c r="AF26089" i="1"/>
  <c r="AF26090" i="1"/>
  <c r="AF26091" i="1"/>
  <c r="AF26092" i="1"/>
  <c r="AF26093" i="1"/>
  <c r="AF26094" i="1"/>
  <c r="AF26095" i="1"/>
  <c r="AF26096" i="1"/>
  <c r="AF26097" i="1"/>
  <c r="AF26098" i="1"/>
  <c r="AF26099" i="1"/>
  <c r="AF26100" i="1"/>
  <c r="AF26101" i="1"/>
  <c r="AF26102" i="1"/>
  <c r="AF26103" i="1"/>
  <c r="AF26104" i="1"/>
  <c r="AF26105" i="1"/>
  <c r="AF26106" i="1"/>
  <c r="AF26107" i="1"/>
  <c r="AF26108" i="1"/>
  <c r="AF26109" i="1"/>
  <c r="AF26110" i="1"/>
  <c r="AF26111" i="1"/>
  <c r="AF26112" i="1"/>
  <c r="AF26113" i="1"/>
  <c r="AF26114" i="1"/>
  <c r="AF26115" i="1"/>
  <c r="AF26116" i="1"/>
  <c r="AF26117" i="1"/>
  <c r="AF26118" i="1"/>
  <c r="AF26119" i="1"/>
  <c r="AF26120" i="1"/>
  <c r="AF26121" i="1"/>
  <c r="AF26122" i="1"/>
  <c r="AF26123" i="1"/>
  <c r="AF26124" i="1"/>
  <c r="AF26125" i="1"/>
  <c r="AF26126" i="1"/>
  <c r="AF26127" i="1"/>
  <c r="AF26128" i="1"/>
  <c r="AF26129" i="1"/>
  <c r="AF26130" i="1"/>
  <c r="AF26131" i="1"/>
  <c r="AF26132" i="1"/>
  <c r="AF26133" i="1"/>
  <c r="AF26134" i="1"/>
  <c r="AF26135" i="1"/>
  <c r="AF26136" i="1"/>
  <c r="AF26137" i="1"/>
  <c r="AF26138" i="1"/>
  <c r="AF26139" i="1"/>
  <c r="AF26140" i="1"/>
  <c r="AF26141" i="1"/>
  <c r="AF26142" i="1"/>
  <c r="AF26143" i="1"/>
  <c r="AF26144" i="1"/>
  <c r="AF26145" i="1"/>
  <c r="AF26146" i="1"/>
  <c r="AF26147" i="1"/>
  <c r="AF26148" i="1"/>
  <c r="AF26149" i="1"/>
  <c r="AF26150" i="1"/>
  <c r="AF26151" i="1"/>
  <c r="AF26152" i="1"/>
  <c r="AF26153" i="1"/>
  <c r="AF26154" i="1"/>
  <c r="AF26155" i="1"/>
  <c r="AF26156" i="1"/>
  <c r="AF26157" i="1"/>
  <c r="AF26158" i="1"/>
  <c r="AF26159" i="1"/>
  <c r="AF26160" i="1"/>
  <c r="AF26161" i="1"/>
  <c r="AF26162" i="1"/>
  <c r="AF26163" i="1"/>
  <c r="AF26164" i="1"/>
  <c r="AF26165" i="1"/>
  <c r="AF26166" i="1"/>
  <c r="AF26167" i="1"/>
  <c r="AF26168" i="1"/>
  <c r="AF26169" i="1"/>
  <c r="AF26170" i="1"/>
  <c r="AF26171" i="1"/>
  <c r="AF26172" i="1"/>
  <c r="AF26173" i="1"/>
  <c r="AF26174" i="1"/>
  <c r="AF26175" i="1"/>
  <c r="AF26176" i="1"/>
  <c r="AF26177" i="1"/>
  <c r="AF26178" i="1"/>
  <c r="AF26179" i="1"/>
  <c r="AF26180" i="1"/>
  <c r="AF26181" i="1"/>
  <c r="AF26182" i="1"/>
  <c r="AF26183" i="1"/>
  <c r="AF26184" i="1"/>
  <c r="AF26185" i="1"/>
  <c r="AF26186" i="1"/>
  <c r="AF26187" i="1"/>
  <c r="AF26188" i="1"/>
  <c r="AF26189" i="1"/>
  <c r="AF26190" i="1"/>
  <c r="AF26191" i="1"/>
  <c r="AF26192" i="1"/>
  <c r="AF26193" i="1"/>
  <c r="AF26194" i="1"/>
  <c r="AF26195" i="1"/>
  <c r="AF26196" i="1"/>
  <c r="AF26197" i="1"/>
  <c r="AF26198" i="1"/>
  <c r="AF26199" i="1"/>
  <c r="AF26200" i="1"/>
  <c r="AF26201" i="1"/>
  <c r="AF26202" i="1"/>
  <c r="AF26203" i="1"/>
  <c r="AF26204" i="1"/>
  <c r="AF26205" i="1"/>
  <c r="AF26206" i="1"/>
  <c r="AF26207" i="1"/>
  <c r="AF26208" i="1"/>
  <c r="AF26209" i="1"/>
  <c r="AF26210" i="1"/>
  <c r="AF26211" i="1"/>
  <c r="AF26212" i="1"/>
  <c r="AF26213" i="1"/>
  <c r="AF26214" i="1"/>
  <c r="AF26215" i="1"/>
  <c r="AF26216" i="1"/>
  <c r="AF26217" i="1"/>
  <c r="AF26218" i="1"/>
  <c r="AF26219" i="1"/>
  <c r="AF26220" i="1"/>
  <c r="AF26221" i="1"/>
  <c r="AF26222" i="1"/>
  <c r="AF26223" i="1"/>
  <c r="AF26224" i="1"/>
  <c r="AF26225" i="1"/>
  <c r="AF26226" i="1"/>
  <c r="AF26227" i="1"/>
  <c r="AF26228" i="1"/>
  <c r="AF26229" i="1"/>
  <c r="AF26230" i="1"/>
  <c r="AF26231" i="1"/>
  <c r="AF26232" i="1"/>
  <c r="AF26233" i="1"/>
  <c r="AF26234" i="1"/>
  <c r="AF26235" i="1"/>
  <c r="AF26236" i="1"/>
  <c r="AF26237" i="1"/>
  <c r="AF26238" i="1"/>
  <c r="AF26239" i="1"/>
  <c r="AF26240" i="1"/>
  <c r="AF26241" i="1"/>
  <c r="AF26242" i="1"/>
  <c r="AF26243" i="1"/>
  <c r="AF26244" i="1"/>
  <c r="AF26245" i="1"/>
  <c r="AF26246" i="1"/>
  <c r="AF26247" i="1"/>
  <c r="AF26248" i="1"/>
  <c r="AF26249" i="1"/>
  <c r="AF26250" i="1"/>
  <c r="AF26251" i="1"/>
  <c r="AF26252" i="1"/>
  <c r="AF26253" i="1"/>
  <c r="AF26254" i="1"/>
  <c r="AF26255" i="1"/>
  <c r="AF26256" i="1"/>
  <c r="AF26257" i="1"/>
  <c r="AF26258" i="1"/>
  <c r="AF26259" i="1"/>
  <c r="AF26260" i="1"/>
  <c r="AF26261" i="1"/>
  <c r="AF26262" i="1"/>
  <c r="AF26263" i="1"/>
  <c r="AF26264" i="1"/>
  <c r="AF26265" i="1"/>
  <c r="AF26266" i="1"/>
  <c r="AF26267" i="1"/>
  <c r="AF26268" i="1"/>
  <c r="AF26269" i="1"/>
  <c r="AF26270" i="1"/>
  <c r="AF26271" i="1"/>
  <c r="AF26272" i="1"/>
  <c r="AF26273" i="1"/>
  <c r="AF26274" i="1"/>
  <c r="AF26275" i="1"/>
  <c r="AF26276" i="1"/>
  <c r="AF26277" i="1"/>
  <c r="AF26278" i="1"/>
  <c r="AF26279" i="1"/>
  <c r="AF26280" i="1"/>
  <c r="AF26281" i="1"/>
  <c r="AF26282" i="1"/>
  <c r="AF26283" i="1"/>
  <c r="AF26284" i="1"/>
  <c r="AF26285" i="1"/>
  <c r="AF26286" i="1"/>
  <c r="AF26287" i="1"/>
  <c r="AF26288" i="1"/>
  <c r="AF26289" i="1"/>
  <c r="AF26290" i="1"/>
  <c r="AF26291" i="1"/>
  <c r="AF26292" i="1"/>
  <c r="AF26293" i="1"/>
  <c r="AF26294" i="1"/>
  <c r="AF26295" i="1"/>
  <c r="AF26296" i="1"/>
  <c r="AF26297" i="1"/>
  <c r="AF26298" i="1"/>
  <c r="AF26299" i="1"/>
  <c r="AF26300" i="1"/>
  <c r="AF26301" i="1"/>
  <c r="AF26302" i="1"/>
  <c r="AF26303" i="1"/>
  <c r="AF26304" i="1"/>
  <c r="AF26305" i="1"/>
  <c r="AF26306" i="1"/>
  <c r="AF26307" i="1"/>
  <c r="AF26308" i="1"/>
  <c r="AF26309" i="1"/>
  <c r="AF26310" i="1"/>
  <c r="AF26311" i="1"/>
  <c r="AF26312" i="1"/>
  <c r="AF26313" i="1"/>
  <c r="AF26314" i="1"/>
  <c r="AF26315" i="1"/>
  <c r="AF26316" i="1"/>
  <c r="AF26317" i="1"/>
  <c r="AF26318" i="1"/>
  <c r="AF26319" i="1"/>
  <c r="AF26320" i="1"/>
  <c r="AF26321" i="1"/>
  <c r="AF26322" i="1"/>
  <c r="AF26323" i="1"/>
  <c r="AF26324" i="1"/>
  <c r="AF26325" i="1"/>
  <c r="AF26326" i="1"/>
  <c r="AF26327" i="1"/>
  <c r="AF26328" i="1"/>
  <c r="AF26329" i="1"/>
  <c r="AF26330" i="1"/>
  <c r="AF26331" i="1"/>
  <c r="AF26332" i="1"/>
  <c r="AF26333" i="1"/>
  <c r="AF26334" i="1"/>
  <c r="AF26335" i="1"/>
  <c r="AF26336" i="1"/>
  <c r="AF26337" i="1"/>
  <c r="AF26338" i="1"/>
  <c r="AF26339" i="1"/>
  <c r="AF26340" i="1"/>
  <c r="AF26341" i="1"/>
  <c r="AF26342" i="1"/>
  <c r="AF26343" i="1"/>
  <c r="AF26344" i="1"/>
  <c r="AF26345" i="1"/>
  <c r="AF26346" i="1"/>
  <c r="AF26347" i="1"/>
  <c r="AF26348" i="1"/>
  <c r="AF26349" i="1"/>
  <c r="AF26350" i="1"/>
  <c r="AF26351" i="1"/>
  <c r="AF26352" i="1"/>
  <c r="AF26353" i="1"/>
  <c r="AF26354" i="1"/>
  <c r="AF26355" i="1"/>
  <c r="AF26356" i="1"/>
  <c r="AF26357" i="1"/>
  <c r="AF26358" i="1"/>
  <c r="AF26359" i="1"/>
  <c r="AF26360" i="1"/>
  <c r="AF26361" i="1"/>
  <c r="AF26362" i="1"/>
  <c r="AF26363" i="1"/>
  <c r="AF26364" i="1"/>
  <c r="AF26365" i="1"/>
  <c r="AF26366" i="1"/>
  <c r="AF26367" i="1"/>
  <c r="AF26368" i="1"/>
  <c r="AF26369" i="1"/>
  <c r="AF26370" i="1"/>
  <c r="AF26371" i="1"/>
  <c r="AF26372" i="1"/>
  <c r="AF26373" i="1"/>
  <c r="AF26374" i="1"/>
  <c r="AF26375" i="1"/>
  <c r="AF26376" i="1"/>
  <c r="AF26377" i="1"/>
  <c r="AF26378" i="1"/>
  <c r="AF26379" i="1"/>
  <c r="AF26380" i="1"/>
  <c r="AF26381" i="1"/>
  <c r="AF26382" i="1"/>
  <c r="AF26383" i="1"/>
  <c r="AF26384" i="1"/>
  <c r="AF26385" i="1"/>
  <c r="AF26386" i="1"/>
  <c r="AF26387" i="1"/>
  <c r="AF26388" i="1"/>
  <c r="AF26389" i="1"/>
  <c r="AF26390" i="1"/>
  <c r="AF26391" i="1"/>
  <c r="AF26392" i="1"/>
  <c r="AF26393" i="1"/>
  <c r="AF26394" i="1"/>
  <c r="AF26395" i="1"/>
  <c r="AF26396" i="1"/>
  <c r="AF26397" i="1"/>
  <c r="AF26398" i="1"/>
  <c r="AF26399" i="1"/>
  <c r="AF26400" i="1"/>
  <c r="AF26401" i="1"/>
  <c r="AF26402" i="1"/>
  <c r="AF26403" i="1"/>
  <c r="AF26404" i="1"/>
  <c r="AF26405" i="1"/>
  <c r="AF26406" i="1"/>
  <c r="AF26407" i="1"/>
  <c r="AF26408" i="1"/>
  <c r="AF26409" i="1"/>
  <c r="AF26410" i="1"/>
  <c r="AF26411" i="1"/>
  <c r="AF26412" i="1"/>
  <c r="AF26413" i="1"/>
  <c r="AF26414" i="1"/>
  <c r="AF26415" i="1"/>
  <c r="AF26416" i="1"/>
  <c r="AF26417" i="1"/>
  <c r="AF26418" i="1"/>
  <c r="AF26419" i="1"/>
  <c r="AF26420" i="1"/>
  <c r="AF26421" i="1"/>
  <c r="AF26422" i="1"/>
  <c r="AF26423" i="1"/>
  <c r="AF26424" i="1"/>
  <c r="AF26425" i="1"/>
  <c r="AF26426" i="1"/>
  <c r="AF26427" i="1"/>
  <c r="AF26428" i="1"/>
  <c r="AF26429" i="1"/>
  <c r="AF26430" i="1"/>
  <c r="AF26431" i="1"/>
  <c r="AF26432" i="1"/>
  <c r="AF26433" i="1"/>
  <c r="AF26434" i="1"/>
  <c r="AF26435" i="1"/>
  <c r="AF26436" i="1"/>
  <c r="AF26437" i="1"/>
  <c r="AF26438" i="1"/>
  <c r="AF26439" i="1"/>
  <c r="AF26440" i="1"/>
  <c r="AF26441" i="1"/>
  <c r="AF26442" i="1"/>
  <c r="AF26443" i="1"/>
  <c r="AF26444" i="1"/>
  <c r="AF26445" i="1"/>
  <c r="AF26446" i="1"/>
  <c r="AF26447" i="1"/>
  <c r="AF26448" i="1"/>
  <c r="AF26449" i="1"/>
  <c r="AF26450" i="1"/>
  <c r="AF26451" i="1"/>
  <c r="AF26452" i="1"/>
  <c r="AF26453" i="1"/>
  <c r="AF26454" i="1"/>
  <c r="AF26455" i="1"/>
  <c r="AF26456" i="1"/>
  <c r="AF26457" i="1"/>
  <c r="AF26458" i="1"/>
  <c r="AF26459" i="1"/>
  <c r="AF26460" i="1"/>
  <c r="AF26461" i="1"/>
  <c r="AF26462" i="1"/>
  <c r="AF26463" i="1"/>
  <c r="AF26464" i="1"/>
  <c r="AF26465" i="1"/>
  <c r="AF26466" i="1"/>
  <c r="AF26467" i="1"/>
  <c r="AF26468" i="1"/>
  <c r="AF26469" i="1"/>
  <c r="AF26470" i="1"/>
  <c r="AF26471" i="1"/>
  <c r="AF26472" i="1"/>
  <c r="AF26473" i="1"/>
  <c r="AF26474" i="1"/>
  <c r="AF26475" i="1"/>
  <c r="AF26476" i="1"/>
  <c r="AF26477" i="1"/>
  <c r="AF26478" i="1"/>
  <c r="AF26479" i="1"/>
  <c r="AF26480" i="1"/>
  <c r="AF26481" i="1"/>
  <c r="AF26482" i="1"/>
  <c r="AF26483" i="1"/>
  <c r="AF26484" i="1"/>
  <c r="AF26485" i="1"/>
  <c r="AF26486" i="1"/>
  <c r="AF26487" i="1"/>
  <c r="AF26488" i="1"/>
  <c r="AF26489" i="1"/>
  <c r="AF26490" i="1"/>
  <c r="AF26491" i="1"/>
  <c r="AF26492" i="1"/>
  <c r="AF26493" i="1"/>
  <c r="AF26494" i="1"/>
  <c r="AF26495" i="1"/>
  <c r="AF26496" i="1"/>
  <c r="AF26497" i="1"/>
  <c r="AF26498" i="1"/>
  <c r="AF26499" i="1"/>
  <c r="AF26500" i="1"/>
  <c r="AF26501" i="1"/>
  <c r="AF26502" i="1"/>
  <c r="AF26503" i="1"/>
  <c r="AF26504" i="1"/>
  <c r="AF26505" i="1"/>
  <c r="AF26506" i="1"/>
  <c r="AF26507" i="1"/>
  <c r="AF26508" i="1"/>
  <c r="AF26509" i="1"/>
  <c r="AF26510" i="1"/>
  <c r="AF26511" i="1"/>
  <c r="AF26512" i="1"/>
  <c r="AF26513" i="1"/>
  <c r="AF26514" i="1"/>
  <c r="AF26515" i="1"/>
  <c r="AF26516" i="1"/>
  <c r="AF26517" i="1"/>
  <c r="AF26518" i="1"/>
  <c r="AF26519" i="1"/>
  <c r="AF26520" i="1"/>
  <c r="AF26521" i="1"/>
  <c r="AF26522" i="1"/>
  <c r="AF26523" i="1"/>
  <c r="AF26524" i="1"/>
  <c r="AF26525" i="1"/>
  <c r="AF26526" i="1"/>
  <c r="AF26527" i="1"/>
  <c r="AF26528" i="1"/>
  <c r="AF26529" i="1"/>
  <c r="AF26530" i="1"/>
  <c r="AF26531" i="1"/>
  <c r="AF26532" i="1"/>
  <c r="AF26533" i="1"/>
  <c r="AF26534" i="1"/>
  <c r="AF26535" i="1"/>
  <c r="AF26536" i="1"/>
  <c r="AF26537" i="1"/>
  <c r="AF26538" i="1"/>
  <c r="AF26539" i="1"/>
  <c r="AF26540" i="1"/>
  <c r="AF26541" i="1"/>
  <c r="AF26542" i="1"/>
  <c r="AF26543" i="1"/>
  <c r="AF26544" i="1"/>
  <c r="AF26545" i="1"/>
  <c r="AF26546" i="1"/>
  <c r="AF26547" i="1"/>
  <c r="AF26548" i="1"/>
  <c r="AF26549" i="1"/>
  <c r="AF26550" i="1"/>
  <c r="AF26551" i="1"/>
  <c r="AF26552" i="1"/>
  <c r="AF26553" i="1"/>
  <c r="AF26554" i="1"/>
  <c r="AF26555" i="1"/>
  <c r="AF26556" i="1"/>
  <c r="AF26557" i="1"/>
  <c r="AF26558" i="1"/>
  <c r="AF26559" i="1"/>
  <c r="AF26560" i="1"/>
  <c r="AF26561" i="1"/>
  <c r="AF26562" i="1"/>
  <c r="AF26563" i="1"/>
  <c r="AF26564" i="1"/>
  <c r="AF26565" i="1"/>
  <c r="AF26566" i="1"/>
  <c r="AF26567" i="1"/>
  <c r="AF26568" i="1"/>
  <c r="AF26569" i="1"/>
  <c r="AF26570" i="1"/>
  <c r="AF26571" i="1"/>
  <c r="AF26572" i="1"/>
  <c r="AF26573" i="1"/>
  <c r="AF26574" i="1"/>
  <c r="AF26575" i="1"/>
  <c r="AF26576" i="1"/>
  <c r="AF26577" i="1"/>
  <c r="AF26578" i="1"/>
  <c r="AF26579" i="1"/>
  <c r="AF26580" i="1"/>
  <c r="AF26581" i="1"/>
  <c r="AF26582" i="1"/>
  <c r="AF26583" i="1"/>
  <c r="AF26584" i="1"/>
  <c r="AF26585" i="1"/>
  <c r="AF26586" i="1"/>
  <c r="AF26587" i="1"/>
  <c r="AF26588" i="1"/>
  <c r="AF26589" i="1"/>
  <c r="AF26590" i="1"/>
  <c r="AF26591" i="1"/>
  <c r="AF26592" i="1"/>
  <c r="AF26593" i="1"/>
  <c r="AF26594" i="1"/>
  <c r="AF26595" i="1"/>
  <c r="AF26596" i="1"/>
  <c r="AF26597" i="1"/>
  <c r="AF26598" i="1"/>
  <c r="AF26599" i="1"/>
  <c r="AF26600" i="1"/>
  <c r="AF26601" i="1"/>
  <c r="AF26602" i="1"/>
  <c r="AF26603" i="1"/>
  <c r="AF26604" i="1"/>
  <c r="AF26605" i="1"/>
  <c r="AF26606" i="1"/>
  <c r="AF26607" i="1"/>
  <c r="AF26608" i="1"/>
  <c r="AF26609" i="1"/>
  <c r="AF26610" i="1"/>
  <c r="AF26611" i="1"/>
  <c r="AF26612" i="1"/>
  <c r="AF26613" i="1"/>
  <c r="AF26614" i="1"/>
  <c r="AF26615" i="1"/>
  <c r="AF26616" i="1"/>
  <c r="AF26617" i="1"/>
  <c r="AF26618" i="1"/>
  <c r="AF26619" i="1"/>
  <c r="AF26620" i="1"/>
  <c r="AF26621" i="1"/>
  <c r="AF26622" i="1"/>
  <c r="AF26623" i="1"/>
  <c r="AF26624" i="1"/>
  <c r="AF26625" i="1"/>
  <c r="AF26626" i="1"/>
  <c r="AF26627" i="1"/>
  <c r="AF26628" i="1"/>
  <c r="AF26629" i="1"/>
  <c r="AF26630" i="1"/>
  <c r="AF26631" i="1"/>
  <c r="AF26632" i="1"/>
  <c r="AF26633" i="1"/>
  <c r="AF26634" i="1"/>
  <c r="AF26635" i="1"/>
  <c r="AF26636" i="1"/>
  <c r="AF26637" i="1"/>
  <c r="AF26638" i="1"/>
  <c r="AF26639" i="1"/>
  <c r="AF26640" i="1"/>
  <c r="AF26641" i="1"/>
  <c r="AF26642" i="1"/>
  <c r="AF26643" i="1"/>
  <c r="AF26644" i="1"/>
  <c r="AF26645" i="1"/>
  <c r="AF26646" i="1"/>
  <c r="AF26647" i="1"/>
  <c r="AF26648" i="1"/>
  <c r="AF26649" i="1"/>
  <c r="AF26650" i="1"/>
  <c r="AF26651" i="1"/>
  <c r="AF26652" i="1"/>
  <c r="AF26653" i="1"/>
  <c r="AF26654" i="1"/>
  <c r="AF26655" i="1"/>
  <c r="AF26656" i="1"/>
  <c r="AF26657" i="1"/>
  <c r="AF26658" i="1"/>
  <c r="AF26659" i="1"/>
  <c r="AF26660" i="1"/>
  <c r="AF26661" i="1"/>
  <c r="AF26662" i="1"/>
  <c r="AF26663" i="1"/>
  <c r="AF26664" i="1"/>
  <c r="AF26665" i="1"/>
  <c r="AF26666" i="1"/>
  <c r="AF26667" i="1"/>
  <c r="AF26668" i="1"/>
  <c r="AF26669" i="1"/>
  <c r="AF26670" i="1"/>
  <c r="AF26671" i="1"/>
  <c r="AF26672" i="1"/>
  <c r="AF26673" i="1"/>
  <c r="AF26674" i="1"/>
  <c r="AF26675" i="1"/>
  <c r="AF26676" i="1"/>
  <c r="AF26677" i="1"/>
  <c r="AF26678" i="1"/>
  <c r="AF26679" i="1"/>
  <c r="AF26680" i="1"/>
  <c r="AF26681" i="1"/>
  <c r="AF26682" i="1"/>
  <c r="AF26683" i="1"/>
  <c r="AF26684" i="1"/>
  <c r="AF26685" i="1"/>
  <c r="AF26686" i="1"/>
  <c r="AF26687" i="1"/>
  <c r="AF26688" i="1"/>
  <c r="AF26689" i="1"/>
  <c r="AF26690" i="1"/>
  <c r="AF26691" i="1"/>
  <c r="AF26692" i="1"/>
  <c r="AF26693" i="1"/>
  <c r="AF26694" i="1"/>
  <c r="AF26695" i="1"/>
  <c r="AF26696" i="1"/>
  <c r="AF26697" i="1"/>
  <c r="AF26698" i="1"/>
  <c r="AF26699" i="1"/>
  <c r="AF26700" i="1"/>
  <c r="AF26701" i="1"/>
  <c r="AF26702" i="1"/>
  <c r="AF26703" i="1"/>
  <c r="AF26704" i="1"/>
  <c r="AF26705" i="1"/>
  <c r="AF26706" i="1"/>
  <c r="AF26707" i="1"/>
  <c r="AF26708" i="1"/>
  <c r="AF26709" i="1"/>
  <c r="AF26710" i="1"/>
  <c r="AF26711" i="1"/>
  <c r="AF26712" i="1"/>
  <c r="AF26713" i="1"/>
  <c r="AF26714" i="1"/>
  <c r="AF26715" i="1"/>
  <c r="AF26716" i="1"/>
  <c r="AF26717" i="1"/>
  <c r="AF26718" i="1"/>
  <c r="AF26719" i="1"/>
  <c r="AF26720" i="1"/>
  <c r="AF26721" i="1"/>
  <c r="AF26722" i="1"/>
  <c r="AF26723" i="1"/>
  <c r="AF26724" i="1"/>
  <c r="AF26725" i="1"/>
  <c r="AF26726" i="1"/>
  <c r="AF26727" i="1"/>
  <c r="AF26728" i="1"/>
  <c r="AF26729" i="1"/>
  <c r="AF26730" i="1"/>
  <c r="AF26731" i="1"/>
  <c r="AF26732" i="1"/>
  <c r="AF26733" i="1"/>
  <c r="AF26734" i="1"/>
  <c r="AF26735" i="1"/>
  <c r="AF26736" i="1"/>
  <c r="AF26737" i="1"/>
  <c r="AF26738" i="1"/>
  <c r="AF26739" i="1"/>
  <c r="AF26740" i="1"/>
  <c r="AF26741" i="1"/>
  <c r="AF26742" i="1"/>
  <c r="AF26743" i="1"/>
  <c r="AF26744" i="1"/>
  <c r="AF26745" i="1"/>
  <c r="AF26746" i="1"/>
  <c r="AF26747" i="1"/>
  <c r="AF26748" i="1"/>
  <c r="AF26749" i="1"/>
  <c r="AF26750" i="1"/>
  <c r="AF26751" i="1"/>
  <c r="AF26752" i="1"/>
  <c r="AF26753" i="1"/>
  <c r="AF26754" i="1"/>
  <c r="AF26755" i="1"/>
  <c r="AF26756" i="1"/>
  <c r="AF26757" i="1"/>
  <c r="AF26758" i="1"/>
  <c r="AF26759" i="1"/>
  <c r="AF26760" i="1"/>
  <c r="AF26761" i="1"/>
  <c r="AF26762" i="1"/>
  <c r="AF26763" i="1"/>
  <c r="AF26764" i="1"/>
  <c r="AF26765" i="1"/>
  <c r="AF26766" i="1"/>
  <c r="AF26767" i="1"/>
  <c r="AF26768" i="1"/>
  <c r="AF26769" i="1"/>
  <c r="AF26770" i="1"/>
  <c r="AF26771" i="1"/>
  <c r="AF26772" i="1"/>
  <c r="AF26773" i="1"/>
  <c r="AF26774" i="1"/>
  <c r="AF26775" i="1"/>
  <c r="AF26776" i="1"/>
  <c r="AF26777" i="1"/>
  <c r="AF26778" i="1"/>
  <c r="AF26779" i="1"/>
  <c r="AF26780" i="1"/>
  <c r="AF26781" i="1"/>
  <c r="AF26782" i="1"/>
  <c r="AF26783" i="1"/>
  <c r="AF26784" i="1"/>
  <c r="AF26785" i="1"/>
  <c r="AF26786" i="1"/>
  <c r="AF26787" i="1"/>
  <c r="AF26788" i="1"/>
  <c r="AF26789" i="1"/>
  <c r="AF26790" i="1"/>
  <c r="AF26791" i="1"/>
  <c r="AF26792" i="1"/>
  <c r="AF26793" i="1"/>
  <c r="AF26794" i="1"/>
  <c r="AF26795" i="1"/>
  <c r="AF26796" i="1"/>
  <c r="AF26797" i="1"/>
  <c r="AF26798" i="1"/>
  <c r="AF26799" i="1"/>
  <c r="AF26800" i="1"/>
  <c r="AF26801" i="1"/>
  <c r="AF26802" i="1"/>
  <c r="AF26803" i="1"/>
  <c r="AF26804" i="1"/>
  <c r="AF26805" i="1"/>
  <c r="AF26806" i="1"/>
  <c r="AF26807" i="1"/>
  <c r="AF26808" i="1"/>
  <c r="AF26809" i="1"/>
  <c r="AF26810" i="1"/>
  <c r="AF26811" i="1"/>
  <c r="AF26812" i="1"/>
  <c r="AF26813" i="1"/>
  <c r="AF26814" i="1"/>
  <c r="AF26815" i="1"/>
  <c r="AF26816" i="1"/>
  <c r="AF26817" i="1"/>
  <c r="AF26818" i="1"/>
  <c r="AF26819" i="1"/>
  <c r="AF26820" i="1"/>
  <c r="AF26821" i="1"/>
  <c r="AF26822" i="1"/>
  <c r="AF26823" i="1"/>
  <c r="AF26824" i="1"/>
  <c r="AF26825" i="1"/>
  <c r="AF26826" i="1"/>
  <c r="AF26827" i="1"/>
  <c r="AF26828" i="1"/>
  <c r="AF26829" i="1"/>
  <c r="AF26830" i="1"/>
  <c r="AF26831" i="1"/>
  <c r="AF26832" i="1"/>
  <c r="AF26833" i="1"/>
  <c r="AF26834" i="1"/>
  <c r="AF26835" i="1"/>
  <c r="AF26836" i="1"/>
  <c r="AF26837" i="1"/>
  <c r="AF26838" i="1"/>
  <c r="AF26839" i="1"/>
  <c r="AF26840" i="1"/>
  <c r="AF26841" i="1"/>
  <c r="AF26842" i="1"/>
  <c r="AF26843" i="1"/>
  <c r="AF26844" i="1"/>
  <c r="AF26845" i="1"/>
  <c r="AF26846" i="1"/>
  <c r="AF26847" i="1"/>
  <c r="AF26848" i="1"/>
  <c r="AF26849" i="1"/>
  <c r="AF26850" i="1"/>
  <c r="AF26851" i="1"/>
  <c r="AF26852" i="1"/>
  <c r="AF26853" i="1"/>
  <c r="AF26854" i="1"/>
  <c r="AF26855" i="1"/>
  <c r="AF26856" i="1"/>
  <c r="AF26857" i="1"/>
  <c r="AF26858" i="1"/>
  <c r="AF26859" i="1"/>
  <c r="AF26860" i="1"/>
  <c r="AF26861" i="1"/>
  <c r="AF26862" i="1"/>
  <c r="AF26863" i="1"/>
  <c r="AF26864" i="1"/>
  <c r="AF26865" i="1"/>
  <c r="AF26866" i="1"/>
  <c r="AF26867" i="1"/>
  <c r="AF26868" i="1"/>
  <c r="AF26869" i="1"/>
  <c r="AF26870" i="1"/>
  <c r="AF26871" i="1"/>
  <c r="AF26872" i="1"/>
  <c r="AF26873" i="1"/>
  <c r="AF26874" i="1"/>
  <c r="AF26875" i="1"/>
  <c r="AF26876" i="1"/>
  <c r="AF26877" i="1"/>
  <c r="AF26878" i="1"/>
  <c r="AF26879" i="1"/>
  <c r="AF26880" i="1"/>
  <c r="AF26881" i="1"/>
  <c r="AF26882" i="1"/>
  <c r="AF26883" i="1"/>
  <c r="AF26884" i="1"/>
  <c r="AF26885" i="1"/>
  <c r="AF26886" i="1"/>
  <c r="AF26887" i="1"/>
  <c r="AF26888" i="1"/>
  <c r="AF26889" i="1"/>
  <c r="AF26890" i="1"/>
  <c r="AF26891" i="1"/>
  <c r="AF26892" i="1"/>
  <c r="AF26893" i="1"/>
  <c r="AF26894" i="1"/>
  <c r="AF26895" i="1"/>
  <c r="AF26896" i="1"/>
  <c r="AF26897" i="1"/>
  <c r="AF26898" i="1"/>
  <c r="AF26899" i="1"/>
  <c r="AF26900" i="1"/>
  <c r="AF26901" i="1"/>
  <c r="AF26902" i="1"/>
  <c r="AF26903" i="1"/>
  <c r="AF26904" i="1"/>
  <c r="AF26905" i="1"/>
  <c r="AF26906" i="1"/>
  <c r="AF26907" i="1"/>
  <c r="AF26908" i="1"/>
  <c r="AF26909" i="1"/>
  <c r="AF26910" i="1"/>
  <c r="AF26911" i="1"/>
  <c r="AF26912" i="1"/>
  <c r="AF26913" i="1"/>
  <c r="AF26914" i="1"/>
  <c r="AF26915" i="1"/>
  <c r="AF26916" i="1"/>
  <c r="AF26917" i="1"/>
  <c r="AF26918" i="1"/>
  <c r="AF26919" i="1"/>
  <c r="AF26920" i="1"/>
  <c r="AF26921" i="1"/>
  <c r="AF26922" i="1"/>
  <c r="AF26923" i="1"/>
  <c r="AF26924" i="1"/>
  <c r="AF26925" i="1"/>
  <c r="AF26926" i="1"/>
  <c r="AF26927" i="1"/>
  <c r="AF26928" i="1"/>
  <c r="AF26929" i="1"/>
  <c r="AF26930" i="1"/>
  <c r="AF26931" i="1"/>
  <c r="AF26932" i="1"/>
  <c r="AF26933" i="1"/>
  <c r="AF26934" i="1"/>
  <c r="AF26935" i="1"/>
  <c r="AF26936" i="1"/>
  <c r="AF26937" i="1"/>
  <c r="AF26938" i="1"/>
  <c r="AF26939" i="1"/>
  <c r="AF26940" i="1"/>
  <c r="AF26941" i="1"/>
  <c r="AF26942" i="1"/>
  <c r="AF26943" i="1"/>
  <c r="AF26944" i="1"/>
  <c r="AF26945" i="1"/>
  <c r="AF26946" i="1"/>
  <c r="AF26947" i="1"/>
  <c r="AF26948" i="1"/>
  <c r="AF26949" i="1"/>
  <c r="AF26950" i="1"/>
  <c r="AF26951" i="1"/>
  <c r="AF26952" i="1"/>
  <c r="AF26953" i="1"/>
  <c r="AF26954" i="1"/>
  <c r="AF26955" i="1"/>
  <c r="AF26956" i="1"/>
  <c r="AF26957" i="1"/>
  <c r="AF26958" i="1"/>
  <c r="AF26959" i="1"/>
  <c r="AF26960" i="1"/>
  <c r="AF26961" i="1"/>
  <c r="AF26962" i="1"/>
  <c r="AF26963" i="1"/>
  <c r="AF26964" i="1"/>
  <c r="AF26965" i="1"/>
  <c r="AF26966" i="1"/>
  <c r="AF26967" i="1"/>
  <c r="AF26968" i="1"/>
  <c r="AF26969" i="1"/>
  <c r="AF26970" i="1"/>
  <c r="AF26971" i="1"/>
  <c r="AF26972" i="1"/>
  <c r="AF26973" i="1"/>
  <c r="AF26974" i="1"/>
  <c r="AF26975" i="1"/>
  <c r="AF26976" i="1"/>
  <c r="AF26977" i="1"/>
  <c r="AF26978" i="1"/>
  <c r="AF26979" i="1"/>
  <c r="AF26980" i="1"/>
  <c r="AF26981" i="1"/>
  <c r="AF26982" i="1"/>
  <c r="AF26983" i="1"/>
  <c r="AF26984" i="1"/>
  <c r="AF26985" i="1"/>
  <c r="AF26986" i="1"/>
  <c r="AF26987" i="1"/>
  <c r="AF26988" i="1"/>
  <c r="AF26989" i="1"/>
  <c r="AF26990" i="1"/>
  <c r="AF26991" i="1"/>
  <c r="AF26992" i="1"/>
  <c r="AF26993" i="1"/>
  <c r="AF26994" i="1"/>
  <c r="AF26995" i="1"/>
  <c r="AF26996" i="1"/>
  <c r="AF26997" i="1"/>
  <c r="AF26998" i="1"/>
  <c r="AF26999" i="1"/>
  <c r="AF27000" i="1"/>
  <c r="AF27001" i="1"/>
  <c r="AF27002" i="1"/>
  <c r="AF27003" i="1"/>
  <c r="AF27004" i="1"/>
  <c r="AF27005" i="1"/>
  <c r="AF27006" i="1"/>
  <c r="AF27007" i="1"/>
  <c r="AF27008" i="1"/>
  <c r="AF27009" i="1"/>
  <c r="AF27010" i="1"/>
  <c r="AF27011" i="1"/>
  <c r="AF27012" i="1"/>
  <c r="AF27013" i="1"/>
  <c r="AF27014" i="1"/>
  <c r="AF27015" i="1"/>
  <c r="AF27016" i="1"/>
  <c r="AF27017" i="1"/>
  <c r="AF27018" i="1"/>
  <c r="AF27019" i="1"/>
  <c r="AF27020" i="1"/>
  <c r="AF27021" i="1"/>
  <c r="AF27022" i="1"/>
  <c r="AF27023" i="1"/>
  <c r="AF27024" i="1"/>
  <c r="AF27025" i="1"/>
  <c r="AF27026" i="1"/>
  <c r="AF27027" i="1"/>
  <c r="AF27028" i="1"/>
  <c r="AF27029" i="1"/>
  <c r="AF27030" i="1"/>
  <c r="AF27031" i="1"/>
  <c r="AF27032" i="1"/>
  <c r="AF27033" i="1"/>
  <c r="AF27034" i="1"/>
  <c r="AF27035" i="1"/>
  <c r="AF27036" i="1"/>
  <c r="AF27037" i="1"/>
  <c r="AF27038" i="1"/>
  <c r="AF27039" i="1"/>
  <c r="AF27040" i="1"/>
  <c r="AF27041" i="1"/>
  <c r="AF27042" i="1"/>
  <c r="AF27043" i="1"/>
  <c r="AF27044" i="1"/>
  <c r="AF27045" i="1"/>
  <c r="AF27046" i="1"/>
  <c r="AF27047" i="1"/>
  <c r="AF27048" i="1"/>
  <c r="AF27049" i="1"/>
  <c r="AF27050" i="1"/>
  <c r="AF27051" i="1"/>
  <c r="AF27052" i="1"/>
  <c r="AF27053" i="1"/>
  <c r="AF27054" i="1"/>
  <c r="AF27055" i="1"/>
  <c r="AF27056" i="1"/>
  <c r="AF27057" i="1"/>
  <c r="AF27058" i="1"/>
  <c r="AF27059" i="1"/>
  <c r="AF27060" i="1"/>
  <c r="AF27061" i="1"/>
  <c r="AF27062" i="1"/>
  <c r="AF27063" i="1"/>
  <c r="AF27064" i="1"/>
  <c r="AF27065" i="1"/>
  <c r="AF27066" i="1"/>
  <c r="AF27067" i="1"/>
  <c r="AF27068" i="1"/>
  <c r="AF27069" i="1"/>
  <c r="AF27070" i="1"/>
  <c r="AF27071" i="1"/>
  <c r="AF27072" i="1"/>
  <c r="AF27073" i="1"/>
  <c r="AF27074" i="1"/>
  <c r="AF27075" i="1"/>
  <c r="AF27076" i="1"/>
  <c r="AF27077" i="1"/>
  <c r="AF27078" i="1"/>
  <c r="AF27079" i="1"/>
  <c r="AF27080" i="1"/>
  <c r="AF27081" i="1"/>
  <c r="AF27082" i="1"/>
  <c r="AF27083" i="1"/>
  <c r="AF27084" i="1"/>
  <c r="AF27085" i="1"/>
  <c r="AF27086" i="1"/>
  <c r="AF27087" i="1"/>
  <c r="AF27088" i="1"/>
  <c r="AF27089" i="1"/>
  <c r="AF27090" i="1"/>
  <c r="AF27091" i="1"/>
  <c r="AF27092" i="1"/>
  <c r="AF27093" i="1"/>
  <c r="AF27094" i="1"/>
  <c r="AF27095" i="1"/>
  <c r="AF27096" i="1"/>
  <c r="AF27097" i="1"/>
  <c r="AF27098" i="1"/>
  <c r="AF27099" i="1"/>
  <c r="AF27100" i="1"/>
  <c r="AF27101" i="1"/>
  <c r="AF27102" i="1"/>
  <c r="AF27103" i="1"/>
  <c r="AF27104" i="1"/>
  <c r="AF27105" i="1"/>
  <c r="AF27106" i="1"/>
  <c r="AF27107" i="1"/>
  <c r="AF27108" i="1"/>
  <c r="AF27109" i="1"/>
  <c r="AF27110" i="1"/>
  <c r="AF27111" i="1"/>
  <c r="AF27112" i="1"/>
  <c r="AF27113" i="1"/>
  <c r="AF27114" i="1"/>
  <c r="AF27115" i="1"/>
  <c r="AF27116" i="1"/>
  <c r="AF27117" i="1"/>
  <c r="AF27118" i="1"/>
  <c r="AF27119" i="1"/>
  <c r="AF27120" i="1"/>
  <c r="AF27121" i="1"/>
  <c r="AF27122" i="1"/>
  <c r="AF27123" i="1"/>
  <c r="AF27124" i="1"/>
  <c r="AF27125" i="1"/>
  <c r="AF27126" i="1"/>
  <c r="AF27127" i="1"/>
  <c r="AF27128" i="1"/>
  <c r="AF27129" i="1"/>
  <c r="AF27130" i="1"/>
  <c r="AF27131" i="1"/>
  <c r="AF27132" i="1"/>
  <c r="AF27133" i="1"/>
  <c r="AF27134" i="1"/>
  <c r="AF27135" i="1"/>
  <c r="AF27136" i="1"/>
  <c r="AF27137" i="1"/>
  <c r="AF27138" i="1"/>
  <c r="AF27139" i="1"/>
  <c r="AF27140" i="1"/>
  <c r="AF27141" i="1"/>
  <c r="AF27142" i="1"/>
  <c r="AF27143" i="1"/>
  <c r="AF27144" i="1"/>
  <c r="AF27145" i="1"/>
  <c r="AF27146" i="1"/>
  <c r="AF27147" i="1"/>
  <c r="AF27148" i="1"/>
  <c r="AF27149" i="1"/>
  <c r="AF27150" i="1"/>
  <c r="AF27151" i="1"/>
  <c r="AF27152" i="1"/>
  <c r="AF27153" i="1"/>
  <c r="AF27154" i="1"/>
  <c r="AF27155" i="1"/>
  <c r="AF27156" i="1"/>
  <c r="AF27157" i="1"/>
  <c r="AF27158" i="1"/>
  <c r="AF27159" i="1"/>
  <c r="AF27160" i="1"/>
  <c r="AF27161" i="1"/>
  <c r="AF27162" i="1"/>
  <c r="AF27163" i="1"/>
  <c r="AF27164" i="1"/>
  <c r="AF27165" i="1"/>
  <c r="AF27166" i="1"/>
  <c r="AF27167" i="1"/>
  <c r="AF27168" i="1"/>
  <c r="AF27169" i="1"/>
  <c r="AF27170" i="1"/>
  <c r="AF27171" i="1"/>
  <c r="AF27172" i="1"/>
  <c r="AF27173" i="1"/>
  <c r="AF27174" i="1"/>
  <c r="AF27175" i="1"/>
  <c r="AF27176" i="1"/>
  <c r="AF27177" i="1"/>
  <c r="AF27178" i="1"/>
  <c r="AF27179" i="1"/>
  <c r="AF27180" i="1"/>
  <c r="AF27181" i="1"/>
  <c r="AF27182" i="1"/>
  <c r="AF27183" i="1"/>
  <c r="AF27184" i="1"/>
  <c r="AF27185" i="1"/>
  <c r="AF27186" i="1"/>
  <c r="AF27187" i="1"/>
  <c r="AF27188" i="1"/>
  <c r="AF27189" i="1"/>
  <c r="AF27190" i="1"/>
  <c r="AF27191" i="1"/>
  <c r="AF27192" i="1"/>
  <c r="AF27193" i="1"/>
  <c r="AF27194" i="1"/>
  <c r="AF27195" i="1"/>
  <c r="AF27196" i="1"/>
  <c r="AF27197" i="1"/>
  <c r="AF27198" i="1"/>
  <c r="AF27199" i="1"/>
  <c r="AF27200" i="1"/>
  <c r="AF27201" i="1"/>
  <c r="AF27202" i="1"/>
  <c r="AF27203" i="1"/>
  <c r="AF27204" i="1"/>
  <c r="AF27205" i="1"/>
  <c r="AF27206" i="1"/>
  <c r="AF27207" i="1"/>
  <c r="AF27208" i="1"/>
  <c r="AF27209" i="1"/>
  <c r="AF27210" i="1"/>
  <c r="AF27211" i="1"/>
  <c r="AF27212" i="1"/>
  <c r="AF27213" i="1"/>
  <c r="AF27214" i="1"/>
  <c r="AF27215" i="1"/>
  <c r="AF27216" i="1"/>
  <c r="AF27217" i="1"/>
  <c r="AF27218" i="1"/>
  <c r="AF27219" i="1"/>
  <c r="AF27220" i="1"/>
  <c r="AF27221" i="1"/>
  <c r="AF27222" i="1"/>
  <c r="AF27223" i="1"/>
  <c r="AF27224" i="1"/>
  <c r="AF27225" i="1"/>
  <c r="AF27226" i="1"/>
  <c r="AF27227" i="1"/>
  <c r="AF27228" i="1"/>
  <c r="AF27229" i="1"/>
  <c r="AF27230" i="1"/>
  <c r="AF27231" i="1"/>
  <c r="AF27232" i="1"/>
  <c r="AF27233" i="1"/>
  <c r="AF27234" i="1"/>
  <c r="AF27235" i="1"/>
  <c r="AF27236" i="1"/>
  <c r="AF27237" i="1"/>
  <c r="AF27238" i="1"/>
  <c r="AF27239" i="1"/>
  <c r="AF27240" i="1"/>
  <c r="AF27241" i="1"/>
  <c r="AF27242" i="1"/>
  <c r="AF27243" i="1"/>
  <c r="AF27244" i="1"/>
  <c r="AF27245" i="1"/>
  <c r="AF27246" i="1"/>
  <c r="AF27247" i="1"/>
  <c r="AF27248" i="1"/>
  <c r="AF27249" i="1"/>
  <c r="AF27250" i="1"/>
  <c r="AF27251" i="1"/>
  <c r="AF27252" i="1"/>
  <c r="AF27253" i="1"/>
  <c r="AF27254" i="1"/>
  <c r="AF27255" i="1"/>
  <c r="AF27256" i="1"/>
  <c r="AF27257" i="1"/>
  <c r="AF27258" i="1"/>
  <c r="AF27259" i="1"/>
  <c r="AF27260" i="1"/>
  <c r="AF27261" i="1"/>
  <c r="AF27262" i="1"/>
  <c r="AF27263" i="1"/>
  <c r="AF27264" i="1"/>
  <c r="AF27265" i="1"/>
  <c r="AF27266" i="1"/>
  <c r="AF27267" i="1"/>
  <c r="AF27268" i="1"/>
  <c r="AF27269" i="1"/>
  <c r="AF27270" i="1"/>
  <c r="AF27271" i="1"/>
  <c r="AF27272" i="1"/>
  <c r="AF27273" i="1"/>
  <c r="AF27274" i="1"/>
  <c r="AF27275" i="1"/>
  <c r="AF27276" i="1"/>
  <c r="AF27277" i="1"/>
  <c r="AF27278" i="1"/>
  <c r="AF27279" i="1"/>
  <c r="AF27280" i="1"/>
  <c r="AF27281" i="1"/>
  <c r="AF27282" i="1"/>
  <c r="AF27283" i="1"/>
  <c r="AF27284" i="1"/>
  <c r="AF27285" i="1"/>
  <c r="AF27286" i="1"/>
  <c r="AF27287" i="1"/>
  <c r="AF27288" i="1"/>
  <c r="AF27289" i="1"/>
  <c r="AF27290" i="1"/>
  <c r="AF27291" i="1"/>
  <c r="AF27292" i="1"/>
  <c r="AF27293" i="1"/>
  <c r="AF27294" i="1"/>
  <c r="AF27295" i="1"/>
  <c r="AF27296" i="1"/>
  <c r="AF27297" i="1"/>
  <c r="AF27298" i="1"/>
  <c r="AF27299" i="1"/>
  <c r="AF27300" i="1"/>
  <c r="AF27301" i="1"/>
  <c r="AF27302" i="1"/>
  <c r="AF27303" i="1"/>
  <c r="AF27304" i="1"/>
  <c r="AF27305" i="1"/>
  <c r="AF27306" i="1"/>
  <c r="AF27307" i="1"/>
  <c r="AF27308" i="1"/>
  <c r="AF27309" i="1"/>
  <c r="AF27310" i="1"/>
  <c r="AF27311" i="1"/>
  <c r="AF27312" i="1"/>
  <c r="AF27313" i="1"/>
  <c r="AF27314" i="1"/>
  <c r="AF27315" i="1"/>
  <c r="AF27316" i="1"/>
  <c r="AF27317" i="1"/>
  <c r="AF27318" i="1"/>
  <c r="AF27319" i="1"/>
  <c r="AF27320" i="1"/>
  <c r="AF27321" i="1"/>
  <c r="AF27322" i="1"/>
  <c r="AF27323" i="1"/>
  <c r="AF27324" i="1"/>
  <c r="AF27325" i="1"/>
  <c r="AF27326" i="1"/>
  <c r="AF27327" i="1"/>
  <c r="AF27328" i="1"/>
  <c r="AF27329" i="1"/>
  <c r="AF27330" i="1"/>
  <c r="AF27331" i="1"/>
  <c r="AF27332" i="1"/>
  <c r="AF27333" i="1"/>
  <c r="AF27334" i="1"/>
  <c r="AF27335" i="1"/>
  <c r="AF27336" i="1"/>
  <c r="AF27337" i="1"/>
  <c r="AF27338" i="1"/>
  <c r="AF27339" i="1"/>
  <c r="AF27340" i="1"/>
  <c r="AF27341" i="1"/>
  <c r="AF27342" i="1"/>
  <c r="AF27343" i="1"/>
  <c r="AF27344" i="1"/>
  <c r="AF27345" i="1"/>
  <c r="AF27346" i="1"/>
  <c r="AF27347" i="1"/>
  <c r="AF27348" i="1"/>
  <c r="AF27349" i="1"/>
  <c r="AF27350" i="1"/>
  <c r="AF27351" i="1"/>
  <c r="AF27352" i="1"/>
  <c r="AF27353" i="1"/>
  <c r="AF27354" i="1"/>
  <c r="AF27355" i="1"/>
  <c r="AF27356" i="1"/>
  <c r="AF27357" i="1"/>
  <c r="AF27358" i="1"/>
  <c r="AF27359" i="1"/>
  <c r="AF27360" i="1"/>
  <c r="AF27361" i="1"/>
  <c r="AF27362" i="1"/>
  <c r="AF27363" i="1"/>
  <c r="AF27364" i="1"/>
  <c r="AF27365" i="1"/>
  <c r="AF27366" i="1"/>
  <c r="AF27367" i="1"/>
  <c r="AF27368" i="1"/>
  <c r="AF27369" i="1"/>
  <c r="AF27370" i="1"/>
  <c r="AF27371" i="1"/>
  <c r="AF27372" i="1"/>
  <c r="AF27373" i="1"/>
  <c r="AF27374" i="1"/>
  <c r="AF27375" i="1"/>
  <c r="AF27376" i="1"/>
  <c r="AF27377" i="1"/>
  <c r="AF27378" i="1"/>
  <c r="AF27379" i="1"/>
  <c r="AF27380" i="1"/>
  <c r="AF27381" i="1"/>
  <c r="AF27382" i="1"/>
  <c r="AF27383" i="1"/>
  <c r="AF27384" i="1"/>
  <c r="AF27385" i="1"/>
  <c r="AF27386" i="1"/>
  <c r="AF27387" i="1"/>
  <c r="AF27388" i="1"/>
  <c r="AF27389" i="1"/>
  <c r="AF27390" i="1"/>
  <c r="AF27391" i="1"/>
  <c r="AF27392" i="1"/>
  <c r="AF27393" i="1"/>
  <c r="AF27394" i="1"/>
  <c r="AF27395" i="1"/>
  <c r="AF27396" i="1"/>
  <c r="AF27397" i="1"/>
  <c r="AF27398" i="1"/>
  <c r="AF27399" i="1"/>
  <c r="AF27400" i="1"/>
  <c r="AF27401" i="1"/>
  <c r="AF27402" i="1"/>
  <c r="AF27403" i="1"/>
  <c r="AF27404" i="1"/>
  <c r="AF27405" i="1"/>
  <c r="AF27406" i="1"/>
  <c r="AF27407" i="1"/>
  <c r="AF27408" i="1"/>
  <c r="AF27409" i="1"/>
  <c r="AF27410" i="1"/>
  <c r="AF27411" i="1"/>
  <c r="AF27412" i="1"/>
  <c r="AF27413" i="1"/>
  <c r="AF27414" i="1"/>
  <c r="AF27415" i="1"/>
  <c r="AF27416" i="1"/>
  <c r="AF27417" i="1"/>
  <c r="AF27418" i="1"/>
  <c r="AF27419" i="1"/>
  <c r="AF27420" i="1"/>
  <c r="AF27421" i="1"/>
  <c r="AF27422" i="1"/>
  <c r="AF27423" i="1"/>
  <c r="AF27424" i="1"/>
  <c r="AF27425" i="1"/>
  <c r="AF27426" i="1"/>
  <c r="AF27427" i="1"/>
  <c r="AF27428" i="1"/>
  <c r="AF27429" i="1"/>
  <c r="AF27430" i="1"/>
  <c r="AF27431" i="1"/>
  <c r="AF27432" i="1"/>
  <c r="AF27433" i="1"/>
  <c r="AF27434" i="1"/>
  <c r="AF27435" i="1"/>
  <c r="AF27436" i="1"/>
  <c r="AF27437" i="1"/>
  <c r="AF27438" i="1"/>
  <c r="AF27439" i="1"/>
  <c r="AF27440" i="1"/>
  <c r="AF27441" i="1"/>
  <c r="AF27442" i="1"/>
  <c r="AF27443" i="1"/>
  <c r="AF27444" i="1"/>
  <c r="AF27445" i="1"/>
  <c r="AF27446" i="1"/>
  <c r="AF27447" i="1"/>
  <c r="AF27448" i="1"/>
  <c r="AF27449" i="1"/>
  <c r="AF27450" i="1"/>
  <c r="AF27451" i="1"/>
  <c r="AF27452" i="1"/>
  <c r="AF27453" i="1"/>
  <c r="AF27454" i="1"/>
  <c r="AF27455" i="1"/>
  <c r="AF27456" i="1"/>
  <c r="AF27457" i="1"/>
  <c r="AF27458" i="1"/>
  <c r="AF27459" i="1"/>
  <c r="AF27460" i="1"/>
  <c r="AF27461" i="1"/>
  <c r="AF27462" i="1"/>
  <c r="AF27463" i="1"/>
  <c r="AF27464" i="1"/>
  <c r="AF27465" i="1"/>
  <c r="AF27466" i="1"/>
  <c r="AF27467" i="1"/>
  <c r="AF27468" i="1"/>
  <c r="AF27469" i="1"/>
  <c r="AF27470" i="1"/>
  <c r="AF27471" i="1"/>
  <c r="AF27472" i="1"/>
  <c r="AF27473" i="1"/>
  <c r="AF27474" i="1"/>
  <c r="AF27475" i="1"/>
  <c r="AF27476" i="1"/>
  <c r="AF27477" i="1"/>
  <c r="AF27478" i="1"/>
  <c r="AF27479" i="1"/>
  <c r="AF27480" i="1"/>
  <c r="AF27481" i="1"/>
  <c r="AF27482" i="1"/>
  <c r="AF27483" i="1"/>
  <c r="AF27484" i="1"/>
  <c r="AF27485" i="1"/>
  <c r="AF27486" i="1"/>
  <c r="AF27487" i="1"/>
  <c r="AF27488" i="1"/>
  <c r="AF27489" i="1"/>
  <c r="AF27490" i="1"/>
  <c r="AF27491" i="1"/>
  <c r="AF27492" i="1"/>
  <c r="AF27493" i="1"/>
  <c r="AF27494" i="1"/>
  <c r="AF27495" i="1"/>
  <c r="AF27496" i="1"/>
  <c r="AF27497" i="1"/>
  <c r="AF27498" i="1"/>
  <c r="AF27499" i="1"/>
  <c r="AF27500" i="1"/>
  <c r="AF27501" i="1"/>
  <c r="AF27502" i="1"/>
  <c r="AF27503" i="1"/>
  <c r="AF27504" i="1"/>
  <c r="AF27505" i="1"/>
  <c r="AF27506" i="1"/>
  <c r="AF27507" i="1"/>
  <c r="AF27508" i="1"/>
  <c r="AF27509" i="1"/>
  <c r="AF27510" i="1"/>
  <c r="AF27511" i="1"/>
  <c r="AF27512" i="1"/>
  <c r="AF27513" i="1"/>
  <c r="AF27514" i="1"/>
  <c r="AF27515" i="1"/>
  <c r="AF27516" i="1"/>
  <c r="AF27517" i="1"/>
  <c r="AF27518" i="1"/>
  <c r="AF27519" i="1"/>
  <c r="AF27520" i="1"/>
  <c r="AF27521" i="1"/>
  <c r="AF27522" i="1"/>
  <c r="AF27523" i="1"/>
  <c r="AF27524" i="1"/>
  <c r="AF27525" i="1"/>
  <c r="AF27526" i="1"/>
  <c r="AF27527" i="1"/>
  <c r="AF27528" i="1"/>
  <c r="AF27529" i="1"/>
  <c r="AF27530" i="1"/>
  <c r="AF27531" i="1"/>
  <c r="AF27532" i="1"/>
  <c r="AF27533" i="1"/>
  <c r="AF27534" i="1"/>
  <c r="AF27535" i="1"/>
  <c r="AF27536" i="1"/>
  <c r="AF27537" i="1"/>
  <c r="AF27538" i="1"/>
  <c r="AF27539" i="1"/>
  <c r="AF27540" i="1"/>
  <c r="AF27541" i="1"/>
  <c r="AF27542" i="1"/>
  <c r="AF27543" i="1"/>
  <c r="AF27544" i="1"/>
  <c r="AF27545" i="1"/>
  <c r="AF27546" i="1"/>
  <c r="AF27547" i="1"/>
  <c r="AF27548" i="1"/>
  <c r="AF27549" i="1"/>
  <c r="AF27550" i="1"/>
  <c r="AF27551" i="1"/>
  <c r="AF27552" i="1"/>
  <c r="AF27553" i="1"/>
  <c r="AF27554" i="1"/>
  <c r="AF27555" i="1"/>
  <c r="AF27556" i="1"/>
  <c r="AF27557" i="1"/>
  <c r="AF27558" i="1"/>
  <c r="AF27559" i="1"/>
  <c r="AF27560" i="1"/>
  <c r="AF27561" i="1"/>
  <c r="AF27562" i="1"/>
  <c r="AF27563" i="1"/>
  <c r="AF27564" i="1"/>
  <c r="AF27565" i="1"/>
  <c r="AF27566" i="1"/>
  <c r="AF27567" i="1"/>
  <c r="AF27568" i="1"/>
  <c r="AF27569" i="1"/>
  <c r="AF27570" i="1"/>
  <c r="AF27571" i="1"/>
  <c r="AF27572" i="1"/>
  <c r="AF27573" i="1"/>
  <c r="AF27574" i="1"/>
  <c r="AF27575" i="1"/>
  <c r="AF27576" i="1"/>
  <c r="AF27577" i="1"/>
  <c r="AF27578" i="1"/>
  <c r="AF27579" i="1"/>
  <c r="AF27580" i="1"/>
  <c r="AF27581" i="1"/>
  <c r="AF27582" i="1"/>
  <c r="AF27583" i="1"/>
  <c r="AF27584" i="1"/>
  <c r="AF27585" i="1"/>
  <c r="AF27586" i="1"/>
  <c r="AF27587" i="1"/>
  <c r="AF27588" i="1"/>
  <c r="AF27589" i="1"/>
  <c r="AF27590" i="1"/>
  <c r="AF27591" i="1"/>
  <c r="AF27592" i="1"/>
  <c r="AF27593" i="1"/>
  <c r="AF27594" i="1"/>
  <c r="AF27595" i="1"/>
  <c r="AF27596" i="1"/>
  <c r="AF27597" i="1"/>
  <c r="AF27598" i="1"/>
  <c r="AF27599" i="1"/>
  <c r="AF27600" i="1"/>
  <c r="AF27601" i="1"/>
  <c r="AF27602" i="1"/>
  <c r="AF27603" i="1"/>
  <c r="AF27604" i="1"/>
  <c r="AF27605" i="1"/>
  <c r="AF27606" i="1"/>
  <c r="AF27607" i="1"/>
  <c r="AF27608" i="1"/>
  <c r="AF27609" i="1"/>
  <c r="AF27610" i="1"/>
  <c r="AF27611" i="1"/>
  <c r="AF27612" i="1"/>
  <c r="AF27613" i="1"/>
  <c r="AF27614" i="1"/>
  <c r="AF27615" i="1"/>
  <c r="AF27616" i="1"/>
  <c r="AF27617" i="1"/>
  <c r="AF27618" i="1"/>
  <c r="AF27619" i="1"/>
  <c r="AF27620" i="1"/>
  <c r="AF27621" i="1"/>
  <c r="AF27622" i="1"/>
  <c r="AF27623" i="1"/>
  <c r="AF27624" i="1"/>
  <c r="AF27625" i="1"/>
  <c r="AF27626" i="1"/>
  <c r="AF27627" i="1"/>
  <c r="AF27628" i="1"/>
  <c r="AF27629" i="1"/>
  <c r="AF27630" i="1"/>
  <c r="AF27631" i="1"/>
  <c r="AF27632" i="1"/>
  <c r="AF27633" i="1"/>
  <c r="AF27634" i="1"/>
  <c r="AF27635" i="1"/>
  <c r="AF27636" i="1"/>
  <c r="AF27637" i="1"/>
  <c r="AF27638" i="1"/>
  <c r="AF27639" i="1"/>
  <c r="AF27640" i="1"/>
  <c r="AF27641" i="1"/>
  <c r="AF27642" i="1"/>
  <c r="AF27643" i="1"/>
  <c r="AF27644" i="1"/>
  <c r="AF27645" i="1"/>
  <c r="AF27646" i="1"/>
  <c r="AF27647" i="1"/>
  <c r="AF27648" i="1"/>
  <c r="AF27649" i="1"/>
  <c r="AF27650" i="1"/>
  <c r="AF27651" i="1"/>
  <c r="AF27652" i="1"/>
  <c r="AF27653" i="1"/>
  <c r="AF27654" i="1"/>
  <c r="AF27655" i="1"/>
  <c r="AF27656" i="1"/>
  <c r="AF27657" i="1"/>
  <c r="AF27658" i="1"/>
  <c r="AF27659" i="1"/>
  <c r="AF27660" i="1"/>
  <c r="AF27661" i="1"/>
  <c r="AF27662" i="1"/>
  <c r="AF27663" i="1"/>
  <c r="AF27664" i="1"/>
  <c r="AF27665" i="1"/>
  <c r="AF27666" i="1"/>
  <c r="AF27667" i="1"/>
  <c r="AF27668" i="1"/>
  <c r="AF27669" i="1"/>
  <c r="AF27670" i="1"/>
  <c r="AF27671" i="1"/>
  <c r="AF27672" i="1"/>
  <c r="AF27673" i="1"/>
  <c r="AF27674" i="1"/>
  <c r="AF27675" i="1"/>
  <c r="AF27676" i="1"/>
  <c r="AF27677" i="1"/>
  <c r="AF27678" i="1"/>
  <c r="AF27679" i="1"/>
  <c r="AF27680" i="1"/>
  <c r="AF27681" i="1"/>
  <c r="AF27682" i="1"/>
  <c r="AF27683" i="1"/>
  <c r="AF27684" i="1"/>
  <c r="AF27685" i="1"/>
  <c r="AF27686" i="1"/>
  <c r="AF27687" i="1"/>
  <c r="AF27688" i="1"/>
  <c r="AF27689" i="1"/>
  <c r="AF27690" i="1"/>
  <c r="AF27691" i="1"/>
  <c r="AF27692" i="1"/>
  <c r="AF27693" i="1"/>
  <c r="AF27694" i="1"/>
  <c r="AF27695" i="1"/>
  <c r="AF27696" i="1"/>
  <c r="AF27697" i="1"/>
  <c r="AF27698" i="1"/>
  <c r="AF27699" i="1"/>
  <c r="AF27700" i="1"/>
  <c r="AF27701" i="1"/>
  <c r="AF27702" i="1"/>
  <c r="AF27703" i="1"/>
  <c r="AF27704" i="1"/>
  <c r="AF27705" i="1"/>
  <c r="AF27706" i="1"/>
  <c r="AF27707" i="1"/>
  <c r="AF27708" i="1"/>
  <c r="AF27709" i="1"/>
  <c r="AF27710" i="1"/>
  <c r="AF27711" i="1"/>
  <c r="AF27712" i="1"/>
  <c r="AF27713" i="1"/>
  <c r="AF27714" i="1"/>
  <c r="AF27715" i="1"/>
  <c r="AF27716" i="1"/>
  <c r="AF27717" i="1"/>
  <c r="AF27718" i="1"/>
  <c r="AF27719" i="1"/>
  <c r="AF27720" i="1"/>
  <c r="AF27721" i="1"/>
  <c r="AF27722" i="1"/>
  <c r="AF27723" i="1"/>
  <c r="AF27724" i="1"/>
  <c r="AF27725" i="1"/>
  <c r="AF27726" i="1"/>
  <c r="AF27727" i="1"/>
  <c r="AF27728" i="1"/>
  <c r="AF27729" i="1"/>
  <c r="AF27730" i="1"/>
  <c r="AF27731" i="1"/>
  <c r="AF27732" i="1"/>
  <c r="AF27733" i="1"/>
  <c r="AF27734" i="1"/>
  <c r="AF27735" i="1"/>
  <c r="AF27736" i="1"/>
  <c r="AF27737" i="1"/>
  <c r="AF27738" i="1"/>
  <c r="AF27739" i="1"/>
  <c r="AF27740" i="1"/>
  <c r="AF27741" i="1"/>
  <c r="AF27742" i="1"/>
  <c r="AF27743" i="1"/>
  <c r="AF27744" i="1"/>
  <c r="AF27745" i="1"/>
  <c r="AF27746" i="1"/>
  <c r="AF27747" i="1"/>
  <c r="AF27748" i="1"/>
  <c r="AF27749" i="1"/>
  <c r="AF27750" i="1"/>
  <c r="AF27751" i="1"/>
  <c r="AF27752" i="1"/>
  <c r="AF27753" i="1"/>
  <c r="AF27754" i="1"/>
  <c r="AF27755" i="1"/>
  <c r="AF27756" i="1"/>
  <c r="AF27757" i="1"/>
  <c r="AF27758" i="1"/>
  <c r="AF27759" i="1"/>
  <c r="AF27760" i="1"/>
  <c r="AF27761" i="1"/>
  <c r="AF27762" i="1"/>
  <c r="AF27763" i="1"/>
  <c r="AF27764" i="1"/>
  <c r="AF27765" i="1"/>
  <c r="AF27766" i="1"/>
  <c r="AF27767" i="1"/>
  <c r="AF27768" i="1"/>
  <c r="AF27769" i="1"/>
  <c r="AF27770" i="1"/>
  <c r="AF27771" i="1"/>
  <c r="AF27772" i="1"/>
  <c r="AF27773" i="1"/>
  <c r="AF27774" i="1"/>
  <c r="AF27775" i="1"/>
  <c r="AF27776" i="1"/>
  <c r="AF27777" i="1"/>
  <c r="AF27778" i="1"/>
  <c r="AF27779" i="1"/>
  <c r="AF27780" i="1"/>
  <c r="AF27781" i="1"/>
  <c r="AF27782" i="1"/>
  <c r="AF27783" i="1"/>
  <c r="AF27784" i="1"/>
  <c r="AF27785" i="1"/>
  <c r="AF27786" i="1"/>
  <c r="AF27787" i="1"/>
  <c r="AF27788" i="1"/>
  <c r="AF27789" i="1"/>
  <c r="AF27790" i="1"/>
  <c r="AF27791" i="1"/>
  <c r="AF27792" i="1"/>
  <c r="AF27793" i="1"/>
  <c r="AF27794" i="1"/>
  <c r="AF27795" i="1"/>
  <c r="AF27796" i="1"/>
  <c r="AF27797" i="1"/>
  <c r="AF27798" i="1"/>
  <c r="AF27799" i="1"/>
  <c r="AF27800" i="1"/>
  <c r="AF27801" i="1"/>
  <c r="AF27802" i="1"/>
  <c r="AF27803" i="1"/>
  <c r="AF27804" i="1"/>
  <c r="AF27805" i="1"/>
  <c r="AF27806" i="1"/>
  <c r="AF27807" i="1"/>
  <c r="AF27808" i="1"/>
  <c r="AF27809" i="1"/>
  <c r="AF27810" i="1"/>
  <c r="AF27811" i="1"/>
  <c r="AF27812" i="1"/>
  <c r="AF27813" i="1"/>
  <c r="AF27814" i="1"/>
  <c r="AF27815" i="1"/>
  <c r="AF27816" i="1"/>
  <c r="AF27817" i="1"/>
  <c r="AF27818" i="1"/>
  <c r="AF27819" i="1"/>
  <c r="AF27820" i="1"/>
  <c r="AF27821" i="1"/>
  <c r="AF27822" i="1"/>
  <c r="AF27823" i="1"/>
  <c r="AF27824" i="1"/>
  <c r="AF27825" i="1"/>
  <c r="AF27826" i="1"/>
  <c r="AF27827" i="1"/>
  <c r="AF27828" i="1"/>
  <c r="AF27829" i="1"/>
  <c r="AF27830" i="1"/>
  <c r="AF27831" i="1"/>
  <c r="AF27832" i="1"/>
  <c r="AF27833" i="1"/>
  <c r="AF27834" i="1"/>
  <c r="AF27835" i="1"/>
  <c r="AF27836" i="1"/>
  <c r="AF27837" i="1"/>
  <c r="AF27838" i="1"/>
  <c r="AF27839" i="1"/>
  <c r="AF27840" i="1"/>
  <c r="AF27841" i="1"/>
  <c r="AF27842" i="1"/>
  <c r="AF27843" i="1"/>
  <c r="AF27844" i="1"/>
  <c r="AF27845" i="1"/>
  <c r="AF27846" i="1"/>
  <c r="AF27847" i="1"/>
  <c r="AF27848" i="1"/>
  <c r="AF27849" i="1"/>
  <c r="AF27850" i="1"/>
  <c r="AF27851" i="1"/>
  <c r="AF27852" i="1"/>
  <c r="AF27853" i="1"/>
  <c r="AF27854" i="1"/>
  <c r="AF27855" i="1"/>
  <c r="AF27856" i="1"/>
  <c r="AF27857" i="1"/>
  <c r="AF27858" i="1"/>
  <c r="AF27859" i="1"/>
  <c r="AF27860" i="1"/>
  <c r="AF27861" i="1"/>
  <c r="AF27862" i="1"/>
  <c r="AF27863" i="1"/>
  <c r="AF27864" i="1"/>
  <c r="AF27865" i="1"/>
  <c r="AF27866" i="1"/>
  <c r="AF27867" i="1"/>
  <c r="AF27868" i="1"/>
  <c r="AF27869" i="1"/>
  <c r="AF27870" i="1"/>
  <c r="AF27871" i="1"/>
  <c r="AF27872" i="1"/>
  <c r="AF27873" i="1"/>
  <c r="AF27874" i="1"/>
  <c r="AF27875" i="1"/>
  <c r="AF27876" i="1"/>
  <c r="AF27877" i="1"/>
  <c r="AF27878" i="1"/>
  <c r="AF27879" i="1"/>
  <c r="AF27880" i="1"/>
  <c r="AF27881" i="1"/>
  <c r="AF27882" i="1"/>
  <c r="AF27883" i="1"/>
  <c r="AF27884" i="1"/>
  <c r="AF27885" i="1"/>
  <c r="AF27886" i="1"/>
  <c r="AF27887" i="1"/>
  <c r="AF27888" i="1"/>
  <c r="AF27889" i="1"/>
  <c r="AF27890" i="1"/>
  <c r="AF27891" i="1"/>
  <c r="AF27892" i="1"/>
  <c r="AF27893" i="1"/>
  <c r="AF27894" i="1"/>
  <c r="AF27895" i="1"/>
  <c r="AF27896" i="1"/>
  <c r="AF27897" i="1"/>
  <c r="AF27898" i="1"/>
  <c r="AF27899" i="1"/>
  <c r="AF27900" i="1"/>
  <c r="AF27901" i="1"/>
  <c r="AF27902" i="1"/>
  <c r="AF27903" i="1"/>
  <c r="AF27904" i="1"/>
  <c r="AF27905" i="1"/>
  <c r="AF27906" i="1"/>
  <c r="AF27907" i="1"/>
  <c r="AF27908" i="1"/>
  <c r="AF27909" i="1"/>
  <c r="AF27910" i="1"/>
  <c r="AF27911" i="1"/>
  <c r="AF27912" i="1"/>
  <c r="AF27913" i="1"/>
  <c r="AF27914" i="1"/>
  <c r="AF27915" i="1"/>
  <c r="AF27916" i="1"/>
  <c r="AF27917" i="1"/>
  <c r="AF27918" i="1"/>
  <c r="AF27919" i="1"/>
  <c r="AF27920" i="1"/>
  <c r="AF27921" i="1"/>
  <c r="AF27922" i="1"/>
  <c r="AF27923" i="1"/>
  <c r="AF27924" i="1"/>
  <c r="AF27925" i="1"/>
  <c r="AF27926" i="1"/>
  <c r="AF27927" i="1"/>
  <c r="AF27928" i="1"/>
  <c r="AF27929" i="1"/>
  <c r="AF27930" i="1"/>
  <c r="AF27931" i="1"/>
  <c r="AF27932" i="1"/>
  <c r="AF27933" i="1"/>
  <c r="AF27934" i="1"/>
  <c r="AF27935" i="1"/>
  <c r="AF27936" i="1"/>
  <c r="AF27937" i="1"/>
  <c r="AF27938" i="1"/>
  <c r="AF27939" i="1"/>
  <c r="AF27940" i="1"/>
  <c r="AF27941" i="1"/>
  <c r="AF27942" i="1"/>
  <c r="AF27943" i="1"/>
  <c r="AF27944" i="1"/>
  <c r="AF27945" i="1"/>
  <c r="AF27946" i="1"/>
  <c r="AF27947" i="1"/>
  <c r="AF27948" i="1"/>
  <c r="AF27949" i="1"/>
  <c r="AF27950" i="1"/>
  <c r="AF27951" i="1"/>
  <c r="AF27952" i="1"/>
  <c r="AF27953" i="1"/>
  <c r="AF27954" i="1"/>
  <c r="AF27955" i="1"/>
  <c r="AF27956" i="1"/>
  <c r="AF27957" i="1"/>
  <c r="AF27958" i="1"/>
  <c r="AF27959" i="1"/>
  <c r="AF27960" i="1"/>
  <c r="AF27961" i="1"/>
  <c r="AF27962" i="1"/>
  <c r="AF27963" i="1"/>
  <c r="AF27964" i="1"/>
  <c r="AF27965" i="1"/>
  <c r="AF27966" i="1"/>
  <c r="AF27967" i="1"/>
  <c r="AF27968" i="1"/>
  <c r="AF27969" i="1"/>
  <c r="AF27970" i="1"/>
  <c r="AF27971" i="1"/>
  <c r="AF27972" i="1"/>
  <c r="AF27973" i="1"/>
  <c r="AF27974" i="1"/>
  <c r="AF27975" i="1"/>
  <c r="AF27976" i="1"/>
  <c r="AF27977" i="1"/>
  <c r="AF27978" i="1"/>
  <c r="AF27979" i="1"/>
  <c r="AF27980" i="1"/>
  <c r="AF27981" i="1"/>
  <c r="AF27982" i="1"/>
  <c r="AF27983" i="1"/>
  <c r="AF27984" i="1"/>
  <c r="AF27985" i="1"/>
  <c r="AF27986" i="1"/>
  <c r="AF27987" i="1"/>
  <c r="AF27988" i="1"/>
  <c r="AF27989" i="1"/>
  <c r="AF27990" i="1"/>
  <c r="AF27991" i="1"/>
  <c r="AF27992" i="1"/>
  <c r="AF27993" i="1"/>
  <c r="AF27994" i="1"/>
  <c r="AF27995" i="1"/>
  <c r="AF27996" i="1"/>
  <c r="AF27997" i="1"/>
  <c r="AF27998" i="1"/>
  <c r="AF27999" i="1"/>
  <c r="AF28000" i="1"/>
  <c r="AF28001" i="1"/>
  <c r="AF28002" i="1"/>
  <c r="AF28003" i="1"/>
  <c r="AF28004" i="1"/>
  <c r="AF28005" i="1"/>
  <c r="AF28006" i="1"/>
  <c r="AF28007" i="1"/>
  <c r="AF28008" i="1"/>
  <c r="AF28009" i="1"/>
  <c r="AF28010" i="1"/>
  <c r="AF28011" i="1"/>
  <c r="AF28012" i="1"/>
  <c r="AF28013" i="1"/>
  <c r="AF28014" i="1"/>
  <c r="AF28015" i="1"/>
  <c r="AF28016" i="1"/>
  <c r="AF28017" i="1"/>
  <c r="AF28018" i="1"/>
  <c r="AF28019" i="1"/>
  <c r="AF28020" i="1"/>
  <c r="AF28021" i="1"/>
  <c r="AF28022" i="1"/>
  <c r="AF28023" i="1"/>
  <c r="AF28024" i="1"/>
  <c r="AF28025" i="1"/>
  <c r="AF28026" i="1"/>
  <c r="AF28027" i="1"/>
  <c r="AF28028" i="1"/>
  <c r="AF28029" i="1"/>
  <c r="AF28030" i="1"/>
  <c r="AF28031" i="1"/>
  <c r="AF28032" i="1"/>
  <c r="AF28033" i="1"/>
  <c r="AF28034" i="1"/>
  <c r="AF28035" i="1"/>
  <c r="AF28036" i="1"/>
  <c r="AF28037" i="1"/>
  <c r="AF28038" i="1"/>
  <c r="AF28039" i="1"/>
  <c r="AF28040" i="1"/>
  <c r="AF28041" i="1"/>
  <c r="AF28042" i="1"/>
  <c r="AF28043" i="1"/>
  <c r="AF28044" i="1"/>
  <c r="AF28045" i="1"/>
  <c r="AF28046" i="1"/>
  <c r="AF28047" i="1"/>
  <c r="AF28048" i="1"/>
  <c r="AF28049" i="1"/>
  <c r="AF28050" i="1"/>
  <c r="AF28051" i="1"/>
  <c r="AF28052" i="1"/>
  <c r="AF28053" i="1"/>
  <c r="AF28054" i="1"/>
  <c r="AF28055" i="1"/>
  <c r="AF28056" i="1"/>
  <c r="AF28057" i="1"/>
  <c r="AF28058" i="1"/>
  <c r="AF28059" i="1"/>
  <c r="AF28060" i="1"/>
  <c r="AF28061" i="1"/>
  <c r="AF28062" i="1"/>
  <c r="AF28063" i="1"/>
  <c r="AF28064" i="1"/>
  <c r="AF28065" i="1"/>
  <c r="AF28066" i="1"/>
  <c r="AF28067" i="1"/>
  <c r="AF28068" i="1"/>
  <c r="AF28069" i="1"/>
  <c r="AF28070" i="1"/>
  <c r="AF28071" i="1"/>
  <c r="AF28072" i="1"/>
  <c r="AF28073" i="1"/>
  <c r="AF28074" i="1"/>
  <c r="AF28075" i="1"/>
  <c r="AF28076" i="1"/>
  <c r="AF28077" i="1"/>
  <c r="AF28078" i="1"/>
  <c r="AF28079" i="1"/>
  <c r="AF28080" i="1"/>
  <c r="AF28081" i="1"/>
  <c r="AF28082" i="1"/>
  <c r="AF28083" i="1"/>
  <c r="AF28084" i="1"/>
  <c r="AF28085" i="1"/>
  <c r="AF28086" i="1"/>
  <c r="AF28087" i="1"/>
  <c r="AF28088" i="1"/>
  <c r="AF28089" i="1"/>
  <c r="AF28090" i="1"/>
  <c r="AF28091" i="1"/>
  <c r="AF28092" i="1"/>
  <c r="AF28093" i="1"/>
  <c r="AF28094" i="1"/>
  <c r="AF28095" i="1"/>
  <c r="AF28096" i="1"/>
  <c r="AF28097" i="1"/>
  <c r="AF28098" i="1"/>
  <c r="AF28099" i="1"/>
  <c r="AF28100" i="1"/>
  <c r="AF28101" i="1"/>
  <c r="AF28102" i="1"/>
  <c r="AF28103" i="1"/>
  <c r="AF28104" i="1"/>
  <c r="AF28105" i="1"/>
  <c r="AF28106" i="1"/>
  <c r="AF28107" i="1"/>
  <c r="AF28108" i="1"/>
  <c r="AF28109" i="1"/>
  <c r="AF28110" i="1"/>
  <c r="AF28111" i="1"/>
  <c r="AF28112" i="1"/>
  <c r="AF28113" i="1"/>
  <c r="AF28114" i="1"/>
  <c r="AF28115" i="1"/>
  <c r="AF28116" i="1"/>
  <c r="AF28117" i="1"/>
  <c r="AF28118" i="1"/>
  <c r="AF28119" i="1"/>
  <c r="AF28120" i="1"/>
  <c r="AF28121" i="1"/>
  <c r="AF28122" i="1"/>
  <c r="AF28123" i="1"/>
  <c r="AF28124" i="1"/>
  <c r="AF28125" i="1"/>
  <c r="AF28126" i="1"/>
  <c r="AF28127" i="1"/>
  <c r="AF28128" i="1"/>
  <c r="AF28129" i="1"/>
  <c r="AF28130" i="1"/>
  <c r="AF28131" i="1"/>
  <c r="AF28132" i="1"/>
  <c r="AF28133" i="1"/>
  <c r="AF28134" i="1"/>
  <c r="AF28135" i="1"/>
  <c r="AF28136" i="1"/>
  <c r="AF28137" i="1"/>
  <c r="AF28138" i="1"/>
  <c r="AF28139" i="1"/>
  <c r="AF28140" i="1"/>
  <c r="AF28141" i="1"/>
  <c r="AF28142" i="1"/>
  <c r="AF28143" i="1"/>
  <c r="AF28144" i="1"/>
  <c r="AF28145" i="1"/>
  <c r="AF28146" i="1"/>
  <c r="AF28147" i="1"/>
  <c r="AF28148" i="1"/>
  <c r="AF28149" i="1"/>
  <c r="AF28150" i="1"/>
  <c r="AF28151" i="1"/>
  <c r="AF28152" i="1"/>
  <c r="AF28153" i="1"/>
  <c r="AF28154" i="1"/>
  <c r="AF28155" i="1"/>
  <c r="AF28156" i="1"/>
  <c r="AF28157" i="1"/>
  <c r="AF28158" i="1"/>
  <c r="AF28159" i="1"/>
  <c r="AF28160" i="1"/>
  <c r="AF28161" i="1"/>
  <c r="AF28162" i="1"/>
  <c r="AF28163" i="1"/>
  <c r="AF28164" i="1"/>
  <c r="AF28165" i="1"/>
  <c r="AF28166" i="1"/>
  <c r="AF28167" i="1"/>
  <c r="AF28168" i="1"/>
  <c r="AF28169" i="1"/>
  <c r="AF28170" i="1"/>
  <c r="AF28171" i="1"/>
  <c r="AF28172" i="1"/>
  <c r="AF28173" i="1"/>
  <c r="AF28174" i="1"/>
  <c r="AF28175" i="1"/>
  <c r="AF28176" i="1"/>
  <c r="AF28177" i="1"/>
  <c r="AF28178" i="1"/>
  <c r="AF28179" i="1"/>
  <c r="AF28180" i="1"/>
  <c r="AF28181" i="1"/>
  <c r="AF28182" i="1"/>
  <c r="AF28183" i="1"/>
  <c r="AF28184" i="1"/>
  <c r="AF28185" i="1"/>
  <c r="AF28186" i="1"/>
  <c r="AF28187" i="1"/>
  <c r="AF28188" i="1"/>
  <c r="AF28189" i="1"/>
  <c r="AF28190" i="1"/>
  <c r="AF28191" i="1"/>
  <c r="AF28192" i="1"/>
  <c r="AF28193" i="1"/>
  <c r="AF28194" i="1"/>
  <c r="AF28195" i="1"/>
  <c r="AF28196" i="1"/>
  <c r="AF28197" i="1"/>
  <c r="AF28198" i="1"/>
  <c r="AF28199" i="1"/>
  <c r="AF28200" i="1"/>
  <c r="AF28201" i="1"/>
  <c r="AF28202" i="1"/>
  <c r="AF28203" i="1"/>
  <c r="AF28204" i="1"/>
  <c r="AF28205" i="1"/>
  <c r="AF28206" i="1"/>
  <c r="AF28207" i="1"/>
  <c r="AF28208" i="1"/>
  <c r="AF28209" i="1"/>
  <c r="AF28210" i="1"/>
  <c r="AF28211" i="1"/>
  <c r="AF28212" i="1"/>
  <c r="AF28213" i="1"/>
  <c r="AF28214" i="1"/>
  <c r="AF28215" i="1"/>
  <c r="AF28216" i="1"/>
  <c r="AF28217" i="1"/>
  <c r="AF28218" i="1"/>
  <c r="AF28219" i="1"/>
  <c r="AF28220" i="1"/>
  <c r="AF28221" i="1"/>
  <c r="AF28222" i="1"/>
  <c r="AF28223" i="1"/>
  <c r="AF28224" i="1"/>
  <c r="AF28225" i="1"/>
  <c r="AF28226" i="1"/>
  <c r="AF28227" i="1"/>
  <c r="AF28228" i="1"/>
  <c r="AF28229" i="1"/>
  <c r="AF28230" i="1"/>
  <c r="AF28231" i="1"/>
  <c r="AF28232" i="1"/>
  <c r="AF28233" i="1"/>
  <c r="AF28234" i="1"/>
  <c r="AF28235" i="1"/>
  <c r="AF28236" i="1"/>
  <c r="AF28237" i="1"/>
  <c r="AF28238" i="1"/>
  <c r="AF28239" i="1"/>
  <c r="AF28240" i="1"/>
  <c r="AF28241" i="1"/>
  <c r="AF28242" i="1"/>
  <c r="AF28243" i="1"/>
  <c r="AF28244" i="1"/>
  <c r="AF28245" i="1"/>
  <c r="AF28246" i="1"/>
  <c r="AF28247" i="1"/>
  <c r="AF28248" i="1"/>
  <c r="AF28249" i="1"/>
  <c r="AF28250" i="1"/>
  <c r="AF28251" i="1"/>
  <c r="AF28252" i="1"/>
  <c r="AF28253" i="1"/>
  <c r="AF28254" i="1"/>
  <c r="AF28255" i="1"/>
  <c r="AF28256" i="1"/>
  <c r="AF28257" i="1"/>
  <c r="AF28258" i="1"/>
  <c r="AF28259" i="1"/>
  <c r="AF28260" i="1"/>
  <c r="AF28261" i="1"/>
  <c r="AF28262" i="1"/>
  <c r="AF28263" i="1"/>
  <c r="AF28264" i="1"/>
  <c r="AF28265" i="1"/>
  <c r="AF28266" i="1"/>
  <c r="AF28267" i="1"/>
  <c r="AF28268" i="1"/>
  <c r="AF28269" i="1"/>
  <c r="AF28270" i="1"/>
  <c r="AF28271" i="1"/>
  <c r="AF28272" i="1"/>
  <c r="AF28273" i="1"/>
  <c r="AF28274" i="1"/>
  <c r="AF28275" i="1"/>
  <c r="AF28276" i="1"/>
  <c r="AF28277" i="1"/>
  <c r="AF28278" i="1"/>
  <c r="AF28279" i="1"/>
  <c r="AF28280" i="1"/>
  <c r="AF28281" i="1"/>
  <c r="AF28282" i="1"/>
  <c r="AF28283" i="1"/>
  <c r="AF28284" i="1"/>
  <c r="AF28285" i="1"/>
  <c r="AF28286" i="1"/>
  <c r="AF28287" i="1"/>
  <c r="AF28288" i="1"/>
  <c r="AF28289" i="1"/>
  <c r="AF28290" i="1"/>
  <c r="AF28291" i="1"/>
  <c r="AF28292" i="1"/>
  <c r="AF28293" i="1"/>
  <c r="AF28294" i="1"/>
  <c r="AF28295" i="1"/>
  <c r="AF28296" i="1"/>
  <c r="AF28297" i="1"/>
  <c r="AF28298" i="1"/>
  <c r="AF28299" i="1"/>
  <c r="AF28300" i="1"/>
  <c r="AF28301" i="1"/>
  <c r="AF28302" i="1"/>
  <c r="AF28303" i="1"/>
  <c r="AF28304" i="1"/>
  <c r="AF28305" i="1"/>
  <c r="AF28306" i="1"/>
  <c r="AF28307" i="1"/>
  <c r="AF28308" i="1"/>
  <c r="AF28309" i="1"/>
  <c r="AF28310" i="1"/>
  <c r="AF28311" i="1"/>
  <c r="AF28312" i="1"/>
  <c r="AF28313" i="1"/>
  <c r="AF28314" i="1"/>
  <c r="AF28315" i="1"/>
  <c r="AF28316" i="1"/>
  <c r="AF28317" i="1"/>
  <c r="AF28318" i="1"/>
  <c r="AF28319" i="1"/>
  <c r="AF28320" i="1"/>
  <c r="AF28321" i="1"/>
  <c r="AF28322" i="1"/>
  <c r="AF28323" i="1"/>
  <c r="AF28324" i="1"/>
  <c r="AF28325" i="1"/>
  <c r="AF28326" i="1"/>
  <c r="AF28327" i="1"/>
  <c r="AF28328" i="1"/>
  <c r="AF28329" i="1"/>
  <c r="AF28330" i="1"/>
  <c r="AF28331" i="1"/>
  <c r="AF28332" i="1"/>
  <c r="AF28333" i="1"/>
  <c r="AF28334" i="1"/>
  <c r="AF28335" i="1"/>
  <c r="AF28336" i="1"/>
  <c r="AF28337" i="1"/>
  <c r="AF28338" i="1"/>
  <c r="AF28339" i="1"/>
  <c r="AF28340" i="1"/>
  <c r="AF28341" i="1"/>
  <c r="AF28342" i="1"/>
  <c r="AF28343" i="1"/>
  <c r="AF28344" i="1"/>
  <c r="AF28345" i="1"/>
  <c r="AF28346" i="1"/>
  <c r="AF28347" i="1"/>
  <c r="AF28348" i="1"/>
  <c r="AF28349" i="1"/>
  <c r="AF28350" i="1"/>
  <c r="AF28351" i="1"/>
  <c r="AF28352" i="1"/>
  <c r="AF28353" i="1"/>
  <c r="AF28354" i="1"/>
  <c r="AF28355" i="1"/>
  <c r="AF28356" i="1"/>
  <c r="AF28357" i="1"/>
  <c r="AF28358" i="1"/>
  <c r="AF28359" i="1"/>
  <c r="AF28360" i="1"/>
  <c r="AF28361" i="1"/>
  <c r="AF28362" i="1"/>
  <c r="AF28363" i="1"/>
  <c r="AF28364" i="1"/>
  <c r="AF28365" i="1"/>
  <c r="AF28366" i="1"/>
  <c r="AF28367" i="1"/>
  <c r="AF28368" i="1"/>
  <c r="AF28369" i="1"/>
  <c r="AF28370" i="1"/>
  <c r="AF28371" i="1"/>
  <c r="AF28372" i="1"/>
  <c r="AF28373" i="1"/>
  <c r="AF28374" i="1"/>
  <c r="AF28375" i="1"/>
  <c r="AF28376" i="1"/>
  <c r="AF28377" i="1"/>
  <c r="AF28378" i="1"/>
  <c r="AF28379" i="1"/>
  <c r="AF28380" i="1"/>
  <c r="AF28381" i="1"/>
  <c r="AF28382" i="1"/>
  <c r="AF28383" i="1"/>
  <c r="AF28384" i="1"/>
  <c r="AF28385" i="1"/>
  <c r="AF28386" i="1"/>
  <c r="AF28387" i="1"/>
  <c r="AF28388" i="1"/>
  <c r="AF28389" i="1"/>
  <c r="AF28390" i="1"/>
  <c r="AF28391" i="1"/>
  <c r="AF28392" i="1"/>
  <c r="AF28393" i="1"/>
  <c r="AF28394" i="1"/>
  <c r="AF28395" i="1"/>
  <c r="AF28396" i="1"/>
  <c r="AF28397" i="1"/>
  <c r="AF28398" i="1"/>
  <c r="AF28399" i="1"/>
  <c r="AF28400" i="1"/>
  <c r="AF28401" i="1"/>
  <c r="AF28402" i="1"/>
  <c r="AF28403" i="1"/>
  <c r="AF28404" i="1"/>
  <c r="AF28405" i="1"/>
  <c r="AF28406" i="1"/>
  <c r="AF28407" i="1"/>
  <c r="AF28408" i="1"/>
  <c r="AF28409" i="1"/>
  <c r="AF28410" i="1"/>
  <c r="AF28411" i="1"/>
  <c r="AF28412" i="1"/>
  <c r="AF28413" i="1"/>
  <c r="AF28414" i="1"/>
  <c r="AF28415" i="1"/>
  <c r="AF28416" i="1"/>
  <c r="AF28417" i="1"/>
  <c r="AF28418" i="1"/>
  <c r="AF28419" i="1"/>
  <c r="AF28420" i="1"/>
  <c r="AF28421" i="1"/>
  <c r="AF28422" i="1"/>
  <c r="AF28423" i="1"/>
  <c r="AF28424" i="1"/>
  <c r="AF28425" i="1"/>
  <c r="AF28426" i="1"/>
  <c r="AF28427" i="1"/>
  <c r="AF28428" i="1"/>
  <c r="AF28429" i="1"/>
  <c r="AF28430" i="1"/>
  <c r="AF28431" i="1"/>
  <c r="AF28432" i="1"/>
  <c r="AF28433" i="1"/>
  <c r="AF28434" i="1"/>
  <c r="AF28435" i="1"/>
  <c r="AF28436" i="1"/>
  <c r="AF28437" i="1"/>
  <c r="AF28438" i="1"/>
  <c r="AF28439" i="1"/>
  <c r="AF28440" i="1"/>
  <c r="AF28441" i="1"/>
  <c r="AF28442" i="1"/>
  <c r="AF28443" i="1"/>
  <c r="AF28444" i="1"/>
  <c r="AF28445" i="1"/>
  <c r="AF28446" i="1"/>
  <c r="AF28447" i="1"/>
  <c r="AF28448" i="1"/>
  <c r="AF28449" i="1"/>
  <c r="AF28450" i="1"/>
  <c r="AF28451" i="1"/>
  <c r="AF28452" i="1"/>
  <c r="AF28453" i="1"/>
  <c r="AF28454" i="1"/>
  <c r="AF28455" i="1"/>
  <c r="AF28456" i="1"/>
  <c r="AF28457" i="1"/>
  <c r="AF28458" i="1"/>
  <c r="AF28459" i="1"/>
  <c r="AF28460" i="1"/>
  <c r="AF28461" i="1"/>
  <c r="AF28462" i="1"/>
  <c r="AF28463" i="1"/>
  <c r="AF28464" i="1"/>
  <c r="AF28465" i="1"/>
  <c r="AF28466" i="1"/>
  <c r="AF28467" i="1"/>
  <c r="AF28468" i="1"/>
  <c r="AF28469" i="1"/>
  <c r="AF28470" i="1"/>
  <c r="AF28471" i="1"/>
  <c r="AF28472" i="1"/>
  <c r="AF28473" i="1"/>
  <c r="AF28474" i="1"/>
  <c r="AF28475" i="1"/>
  <c r="AF28476" i="1"/>
  <c r="AF28477" i="1"/>
  <c r="AF28478" i="1"/>
  <c r="AF28479" i="1"/>
  <c r="AF28480" i="1"/>
  <c r="AF28481" i="1"/>
  <c r="AF28482" i="1"/>
  <c r="AF28483" i="1"/>
  <c r="AF28484" i="1"/>
  <c r="AF28485" i="1"/>
  <c r="AF28486" i="1"/>
  <c r="AF28487" i="1"/>
  <c r="AF28488" i="1"/>
  <c r="AF28489" i="1"/>
  <c r="AF28490" i="1"/>
  <c r="AF28491" i="1"/>
  <c r="AF28492" i="1"/>
  <c r="AF28493" i="1"/>
  <c r="AF28494" i="1"/>
  <c r="AF28495" i="1"/>
  <c r="AF28496" i="1"/>
  <c r="AF28497" i="1"/>
  <c r="AF28498" i="1"/>
  <c r="AF28499" i="1"/>
  <c r="AF28500" i="1"/>
  <c r="AF28501" i="1"/>
  <c r="AF28502" i="1"/>
  <c r="AF28503" i="1"/>
  <c r="AF28504" i="1"/>
  <c r="AF28505" i="1"/>
  <c r="AF28506" i="1"/>
  <c r="AF28507" i="1"/>
  <c r="AF28508" i="1"/>
  <c r="AF28509" i="1"/>
  <c r="AF28510" i="1"/>
  <c r="AF28511" i="1"/>
  <c r="AF28512" i="1"/>
  <c r="AF28513" i="1"/>
  <c r="AF28514" i="1"/>
  <c r="AF28515" i="1"/>
  <c r="AF28516" i="1"/>
  <c r="AF28517" i="1"/>
  <c r="AF28518" i="1"/>
  <c r="AF28519" i="1"/>
  <c r="AF28520" i="1"/>
  <c r="AF28521" i="1"/>
  <c r="AF28522" i="1"/>
  <c r="AF28523" i="1"/>
  <c r="AF28524" i="1"/>
  <c r="AF28525" i="1"/>
  <c r="AF28526" i="1"/>
  <c r="AF28527" i="1"/>
  <c r="AF28528" i="1"/>
  <c r="AF28529" i="1"/>
  <c r="AF28530" i="1"/>
  <c r="AF28531" i="1"/>
  <c r="AF28532" i="1"/>
  <c r="AF28533" i="1"/>
  <c r="AF28534" i="1"/>
  <c r="AF28535" i="1"/>
  <c r="AF28536" i="1"/>
  <c r="AF28537" i="1"/>
  <c r="AF28538" i="1"/>
  <c r="AF28539" i="1"/>
  <c r="AF28540" i="1"/>
  <c r="AF28541" i="1"/>
  <c r="AF28542" i="1"/>
  <c r="AF28543" i="1"/>
  <c r="AF28544" i="1"/>
  <c r="AF28545" i="1"/>
  <c r="AF28546" i="1"/>
  <c r="AF28547" i="1"/>
  <c r="AF28548" i="1"/>
  <c r="AF28549" i="1"/>
  <c r="AF28550" i="1"/>
  <c r="AF28551" i="1"/>
  <c r="AF28552" i="1"/>
  <c r="AF28553" i="1"/>
  <c r="AF28554" i="1"/>
  <c r="AF28555" i="1"/>
  <c r="AF28556" i="1"/>
  <c r="AF28557" i="1"/>
  <c r="AF28558" i="1"/>
  <c r="AF28559" i="1"/>
  <c r="AF28560" i="1"/>
  <c r="AF28561" i="1"/>
  <c r="AF28562" i="1"/>
  <c r="AF28563" i="1"/>
  <c r="AF28564" i="1"/>
  <c r="AF28565" i="1"/>
  <c r="AF28566" i="1"/>
  <c r="AF28567" i="1"/>
  <c r="AF28568" i="1"/>
  <c r="AF28569" i="1"/>
  <c r="AF28570" i="1"/>
  <c r="AF28571" i="1"/>
  <c r="AF28572" i="1"/>
  <c r="AF28573" i="1"/>
  <c r="AF28574" i="1"/>
  <c r="AF28575" i="1"/>
  <c r="AF28576" i="1"/>
  <c r="AF28577" i="1"/>
  <c r="AF28578" i="1"/>
  <c r="AF28579" i="1"/>
  <c r="AF28580" i="1"/>
  <c r="AF28581" i="1"/>
  <c r="AF28582" i="1"/>
  <c r="AF28583" i="1"/>
  <c r="AF28584" i="1"/>
  <c r="AF28585" i="1"/>
  <c r="AF28586" i="1"/>
  <c r="AF28587" i="1"/>
  <c r="AF28588" i="1"/>
  <c r="AF28589" i="1"/>
  <c r="AF28590" i="1"/>
  <c r="AF28591" i="1"/>
  <c r="AF28592" i="1"/>
  <c r="AF28593" i="1"/>
  <c r="AF28594" i="1"/>
  <c r="AF28595" i="1"/>
  <c r="AF28596" i="1"/>
  <c r="AF28597" i="1"/>
  <c r="AF28598" i="1"/>
  <c r="AF28599" i="1"/>
  <c r="AF28600" i="1"/>
  <c r="AF28601" i="1"/>
  <c r="AF28602" i="1"/>
  <c r="AF28603" i="1"/>
  <c r="AF28604" i="1"/>
  <c r="AF28605" i="1"/>
  <c r="AF28606" i="1"/>
  <c r="AF28607" i="1"/>
  <c r="AF28608" i="1"/>
  <c r="AF28609" i="1"/>
  <c r="AF28610" i="1"/>
  <c r="AF28611" i="1"/>
  <c r="AF28612" i="1"/>
  <c r="AF28613" i="1"/>
  <c r="AF28614" i="1"/>
  <c r="AF28615" i="1"/>
  <c r="AF28616" i="1"/>
  <c r="AF28617" i="1"/>
  <c r="AF28618" i="1"/>
  <c r="AF28619" i="1"/>
  <c r="AF28620" i="1"/>
  <c r="AF28621" i="1"/>
  <c r="AF28622" i="1"/>
  <c r="AF28623" i="1"/>
  <c r="AF28624" i="1"/>
  <c r="AF28625" i="1"/>
  <c r="AF28626" i="1"/>
  <c r="AF28627" i="1"/>
  <c r="AF28628" i="1"/>
  <c r="AF28629" i="1"/>
  <c r="AF28630" i="1"/>
  <c r="AF28631" i="1"/>
  <c r="AF28632" i="1"/>
  <c r="AF28633" i="1"/>
  <c r="AF28634" i="1"/>
  <c r="AF28635" i="1"/>
  <c r="AF28636" i="1"/>
  <c r="AF28637" i="1"/>
  <c r="AF28638" i="1"/>
  <c r="AF28639" i="1"/>
  <c r="AF28640" i="1"/>
  <c r="AF28641" i="1"/>
  <c r="AF28642" i="1"/>
  <c r="AF28643" i="1"/>
  <c r="AF28644" i="1"/>
  <c r="AF28645" i="1"/>
  <c r="AF28646" i="1"/>
  <c r="AF28647" i="1"/>
  <c r="AF28648" i="1"/>
  <c r="AF28649" i="1"/>
  <c r="AF28650" i="1"/>
  <c r="AF28651" i="1"/>
  <c r="AF28652" i="1"/>
  <c r="AF28653" i="1"/>
  <c r="AF28654" i="1"/>
  <c r="AF28655" i="1"/>
  <c r="AF28656" i="1"/>
  <c r="AF28657" i="1"/>
  <c r="AF28658" i="1"/>
  <c r="AF28659" i="1"/>
  <c r="AF28660" i="1"/>
  <c r="AF28661" i="1"/>
  <c r="AF28662" i="1"/>
  <c r="AF28663" i="1"/>
  <c r="AF28664" i="1"/>
  <c r="AF28665" i="1"/>
  <c r="AF28666" i="1"/>
  <c r="AF28667" i="1"/>
  <c r="AF28668" i="1"/>
  <c r="AF28669" i="1"/>
  <c r="AF28670" i="1"/>
  <c r="AF28671" i="1"/>
  <c r="AF28672" i="1"/>
  <c r="AF28673" i="1"/>
  <c r="AF28674" i="1"/>
  <c r="AF28675" i="1"/>
  <c r="AF28676" i="1"/>
  <c r="AF28677" i="1"/>
  <c r="AF28678" i="1"/>
  <c r="AF28679" i="1"/>
  <c r="AF28680" i="1"/>
  <c r="AF28681" i="1"/>
  <c r="AF28682" i="1"/>
  <c r="AF28683" i="1"/>
  <c r="AF28684" i="1"/>
  <c r="AF28685" i="1"/>
  <c r="AF28686" i="1"/>
  <c r="AF28687" i="1"/>
  <c r="AF28688" i="1"/>
  <c r="AF28689" i="1"/>
  <c r="AF28690" i="1"/>
  <c r="AF28691" i="1"/>
  <c r="AF28692" i="1"/>
  <c r="AF28693" i="1"/>
  <c r="AF28694" i="1"/>
  <c r="AF28695" i="1"/>
  <c r="AF28696" i="1"/>
  <c r="AF28697" i="1"/>
  <c r="AF28698" i="1"/>
  <c r="AF28699" i="1"/>
  <c r="AF28700" i="1"/>
  <c r="AF28701" i="1"/>
  <c r="AF28702" i="1"/>
  <c r="AF28703" i="1"/>
  <c r="AF28704" i="1"/>
  <c r="AF28705" i="1"/>
  <c r="AF28706" i="1"/>
  <c r="AF28707" i="1"/>
  <c r="AF28708" i="1"/>
  <c r="AF28709" i="1"/>
  <c r="AF28710" i="1"/>
  <c r="AF28711" i="1"/>
  <c r="AF28712" i="1"/>
  <c r="AF28713" i="1"/>
  <c r="AF28714" i="1"/>
  <c r="AF28715" i="1"/>
  <c r="AF28716" i="1"/>
  <c r="AF28717" i="1"/>
  <c r="AF28718" i="1"/>
  <c r="AF28719" i="1"/>
  <c r="AF28720" i="1"/>
  <c r="AF28721" i="1"/>
  <c r="AF28722" i="1"/>
  <c r="AF28723" i="1"/>
  <c r="AF28724" i="1"/>
  <c r="AF28725" i="1"/>
  <c r="AF28726" i="1"/>
  <c r="AF28727" i="1"/>
  <c r="AF28728" i="1"/>
  <c r="AF28729" i="1"/>
  <c r="AF28730" i="1"/>
  <c r="AF28731" i="1"/>
  <c r="AF28732" i="1"/>
  <c r="AF28733" i="1"/>
  <c r="AF28734" i="1"/>
  <c r="AF28735" i="1"/>
  <c r="AF28736" i="1"/>
  <c r="AF28737" i="1"/>
  <c r="AF28738" i="1"/>
  <c r="AF28739" i="1"/>
  <c r="AF28740" i="1"/>
  <c r="AF28741" i="1"/>
  <c r="AF28742" i="1"/>
  <c r="AF28743" i="1"/>
  <c r="AF28744" i="1"/>
  <c r="AF28745" i="1"/>
  <c r="AF28746" i="1"/>
  <c r="AF28747" i="1"/>
  <c r="AF28748" i="1"/>
  <c r="AF28749" i="1"/>
  <c r="AF28750" i="1"/>
  <c r="AF28751" i="1"/>
  <c r="AF28752" i="1"/>
  <c r="AF28753" i="1"/>
  <c r="AF28754" i="1"/>
  <c r="AF28755" i="1"/>
  <c r="AF28756" i="1"/>
  <c r="AF28757" i="1"/>
  <c r="AF28758" i="1"/>
  <c r="AF28759" i="1"/>
  <c r="AF28760" i="1"/>
  <c r="AF28761" i="1"/>
  <c r="AF28762" i="1"/>
  <c r="AF28763" i="1"/>
  <c r="AF28764" i="1"/>
  <c r="AF28765" i="1"/>
  <c r="AF28766" i="1"/>
  <c r="AF28767" i="1"/>
  <c r="AF28768" i="1"/>
  <c r="AF28769" i="1"/>
  <c r="AF28770" i="1"/>
  <c r="AF28771" i="1"/>
  <c r="AF28772" i="1"/>
  <c r="AF28773" i="1"/>
  <c r="AF28774" i="1"/>
  <c r="AF28775" i="1"/>
  <c r="AF28776" i="1"/>
  <c r="AF28777" i="1"/>
  <c r="AF28778" i="1"/>
  <c r="AF28779" i="1"/>
  <c r="AF28780" i="1"/>
  <c r="AF28781" i="1"/>
  <c r="AF28782" i="1"/>
  <c r="AF28783" i="1"/>
  <c r="AF28784" i="1"/>
  <c r="AF28785" i="1"/>
  <c r="AF28786" i="1"/>
  <c r="AF28787" i="1"/>
  <c r="AF28788" i="1"/>
  <c r="AF28789" i="1"/>
  <c r="AF28790" i="1"/>
  <c r="AF28791" i="1"/>
  <c r="AF28792" i="1"/>
  <c r="AF28793" i="1"/>
  <c r="AF28794" i="1"/>
  <c r="AF28795" i="1"/>
  <c r="AF28796" i="1"/>
  <c r="AF28797" i="1"/>
  <c r="AF28798" i="1"/>
  <c r="AF28799" i="1"/>
  <c r="AF28800" i="1"/>
  <c r="AF28801" i="1"/>
  <c r="AF28802" i="1"/>
  <c r="AF28803" i="1"/>
  <c r="AF28804" i="1"/>
  <c r="AF28805" i="1"/>
  <c r="AF28806" i="1"/>
  <c r="AF28807" i="1"/>
  <c r="AF28808" i="1"/>
  <c r="AF28809" i="1"/>
  <c r="AF28810" i="1"/>
  <c r="AF28811" i="1"/>
  <c r="AF28812" i="1"/>
  <c r="AF28813" i="1"/>
  <c r="AF28814" i="1"/>
  <c r="AF28815" i="1"/>
  <c r="AF28816" i="1"/>
  <c r="AF28817" i="1"/>
  <c r="AF28818" i="1"/>
  <c r="AF28819" i="1"/>
  <c r="AF28820" i="1"/>
  <c r="AF28821" i="1"/>
  <c r="AF28822" i="1"/>
  <c r="AF28823" i="1"/>
  <c r="AF28824" i="1"/>
  <c r="AF28825" i="1"/>
  <c r="AF28826" i="1"/>
  <c r="AF28827" i="1"/>
  <c r="AF28828" i="1"/>
  <c r="AF28829" i="1"/>
  <c r="AF28830" i="1"/>
  <c r="AF28831" i="1"/>
  <c r="AF28832" i="1"/>
  <c r="AF28833" i="1"/>
  <c r="AF28834" i="1"/>
  <c r="AF28835" i="1"/>
  <c r="AF28836" i="1"/>
  <c r="AF28837" i="1"/>
  <c r="AF28838" i="1"/>
  <c r="AF28839" i="1"/>
  <c r="AF28840" i="1"/>
  <c r="AF28841" i="1"/>
  <c r="AF28842" i="1"/>
  <c r="AF28843" i="1"/>
  <c r="AF28844" i="1"/>
  <c r="AF28845" i="1"/>
  <c r="AF28846" i="1"/>
  <c r="AF28847" i="1"/>
  <c r="AF28848" i="1"/>
  <c r="AF28849" i="1"/>
  <c r="AF28850" i="1"/>
  <c r="AF28851" i="1"/>
  <c r="AF28852" i="1"/>
  <c r="AF28853" i="1"/>
  <c r="AF28854" i="1"/>
  <c r="AF28855" i="1"/>
  <c r="AF28856" i="1"/>
  <c r="AF28857" i="1"/>
  <c r="AF28858" i="1"/>
  <c r="AF28859" i="1"/>
  <c r="AF28860" i="1"/>
  <c r="AF28861" i="1"/>
  <c r="AF28862" i="1"/>
  <c r="AF28863" i="1"/>
  <c r="AF28864" i="1"/>
  <c r="AF28865" i="1"/>
  <c r="AF28866" i="1"/>
  <c r="AF28867" i="1"/>
  <c r="AF28868" i="1"/>
  <c r="AF28869" i="1"/>
  <c r="AF28870" i="1"/>
  <c r="AF28871" i="1"/>
  <c r="AF28872" i="1"/>
  <c r="AF28873" i="1"/>
  <c r="AF28874" i="1"/>
  <c r="AF28875" i="1"/>
  <c r="AF28876" i="1"/>
  <c r="AF28877" i="1"/>
  <c r="AF28878" i="1"/>
  <c r="AF28879" i="1"/>
  <c r="AF28880" i="1"/>
  <c r="AF28881" i="1"/>
  <c r="AF28882" i="1"/>
  <c r="AF28883" i="1"/>
  <c r="AF28884" i="1"/>
  <c r="AF28885" i="1"/>
  <c r="AF28886" i="1"/>
  <c r="AF28887" i="1"/>
  <c r="AF28888" i="1"/>
  <c r="AF28889" i="1"/>
  <c r="AF28890" i="1"/>
  <c r="AF28891" i="1"/>
  <c r="AF28892" i="1"/>
  <c r="AF28893" i="1"/>
  <c r="AF28894" i="1"/>
  <c r="AF28895" i="1"/>
  <c r="AF28896" i="1"/>
  <c r="AF28897" i="1"/>
  <c r="AF28898" i="1"/>
  <c r="AF28899" i="1"/>
  <c r="AF28900" i="1"/>
  <c r="AF28901" i="1"/>
  <c r="AF28902" i="1"/>
  <c r="AF28903" i="1"/>
  <c r="AF28904" i="1"/>
  <c r="AF28905" i="1"/>
  <c r="AF28906" i="1"/>
  <c r="AF28907" i="1"/>
  <c r="AF28908" i="1"/>
  <c r="AF28909" i="1"/>
  <c r="AF28910" i="1"/>
  <c r="AF28911" i="1"/>
  <c r="AF28912" i="1"/>
  <c r="AF28913" i="1"/>
  <c r="AF28914" i="1"/>
  <c r="AF28915" i="1"/>
  <c r="AF28916" i="1"/>
  <c r="AF28917" i="1"/>
  <c r="AF28918" i="1"/>
  <c r="AF28919" i="1"/>
  <c r="AF28920" i="1"/>
  <c r="AF28921" i="1"/>
  <c r="AF28922" i="1"/>
  <c r="AF28923" i="1"/>
  <c r="AF28924" i="1"/>
  <c r="AF28925" i="1"/>
  <c r="AF28926" i="1"/>
  <c r="AF28927" i="1"/>
  <c r="AF28928" i="1"/>
  <c r="AF28929" i="1"/>
  <c r="AF28930" i="1"/>
  <c r="AF28931" i="1"/>
  <c r="AF28932" i="1"/>
  <c r="AF28933" i="1"/>
  <c r="AF28934" i="1"/>
  <c r="AF28935" i="1"/>
  <c r="AF28936" i="1"/>
  <c r="AF28937" i="1"/>
  <c r="AF28938" i="1"/>
  <c r="AF28939" i="1"/>
  <c r="AF28940" i="1"/>
  <c r="AF28941" i="1"/>
  <c r="AF28942" i="1"/>
  <c r="AF28943" i="1"/>
  <c r="AF28944" i="1"/>
  <c r="AF28945" i="1"/>
  <c r="AF28946" i="1"/>
  <c r="AF28947" i="1"/>
  <c r="AF28948" i="1"/>
  <c r="AF28949" i="1"/>
  <c r="AF28950" i="1"/>
  <c r="AF28951" i="1"/>
  <c r="AF28952" i="1"/>
  <c r="AF28953" i="1"/>
  <c r="AF28954" i="1"/>
  <c r="AF28955" i="1"/>
  <c r="AF28956" i="1"/>
  <c r="AF28957" i="1"/>
  <c r="AF28958" i="1"/>
  <c r="AF28959" i="1"/>
  <c r="AF28960" i="1"/>
  <c r="AF28961" i="1"/>
  <c r="AF28962" i="1"/>
  <c r="AF28963" i="1"/>
  <c r="AF28964" i="1"/>
  <c r="AF28965" i="1"/>
  <c r="AF28966" i="1"/>
  <c r="AF28967" i="1"/>
  <c r="AF28968" i="1"/>
  <c r="AF28969" i="1"/>
  <c r="AF28970" i="1"/>
  <c r="AF28971" i="1"/>
  <c r="AF28972" i="1"/>
  <c r="AF28973" i="1"/>
  <c r="AF28974" i="1"/>
  <c r="AF28975" i="1"/>
  <c r="AF28976" i="1"/>
  <c r="AF28977" i="1"/>
  <c r="AF28978" i="1"/>
  <c r="AF28979" i="1"/>
  <c r="AF28980" i="1"/>
  <c r="AF28981" i="1"/>
  <c r="AF28982" i="1"/>
  <c r="AF28983" i="1"/>
  <c r="AF28984" i="1"/>
  <c r="AF28985" i="1"/>
  <c r="AF28986" i="1"/>
  <c r="AF28987" i="1"/>
  <c r="AF28988" i="1"/>
  <c r="AF28989" i="1"/>
  <c r="AF28990" i="1"/>
  <c r="AF28991" i="1"/>
  <c r="AF28992" i="1"/>
  <c r="AF28993" i="1"/>
  <c r="AF28994" i="1"/>
  <c r="AF28995" i="1"/>
  <c r="AF28996" i="1"/>
  <c r="AF28997" i="1"/>
  <c r="AF28998" i="1"/>
  <c r="AF28999" i="1"/>
  <c r="AF29000" i="1"/>
  <c r="AF29001" i="1"/>
  <c r="AF29002" i="1"/>
  <c r="AF29003" i="1"/>
  <c r="AF29004" i="1"/>
  <c r="AF29005" i="1"/>
  <c r="AF29006" i="1"/>
  <c r="AF29007" i="1"/>
  <c r="AF29008" i="1"/>
  <c r="AF29009" i="1"/>
  <c r="AF29010" i="1"/>
  <c r="AF29011" i="1"/>
  <c r="AF29012" i="1"/>
  <c r="AF29013" i="1"/>
  <c r="AF29014" i="1"/>
  <c r="AF29015" i="1"/>
  <c r="AF29016" i="1"/>
  <c r="AF29017" i="1"/>
  <c r="AF29018" i="1"/>
  <c r="AF29019" i="1"/>
  <c r="AF29020" i="1"/>
  <c r="AF29021" i="1"/>
  <c r="AF29022" i="1"/>
  <c r="AF29023" i="1"/>
  <c r="AF29024" i="1"/>
  <c r="AF29025" i="1"/>
  <c r="AF29026" i="1"/>
  <c r="AF29027" i="1"/>
  <c r="AF29028" i="1"/>
  <c r="AF29029" i="1"/>
  <c r="AF29030" i="1"/>
  <c r="AF29031" i="1"/>
  <c r="AF29032" i="1"/>
  <c r="AF29033" i="1"/>
  <c r="AF29034" i="1"/>
  <c r="AF29035" i="1"/>
  <c r="AF29036" i="1"/>
  <c r="AF29037" i="1"/>
  <c r="AF29038" i="1"/>
  <c r="AF29039" i="1"/>
  <c r="AF29040" i="1"/>
  <c r="AF29041" i="1"/>
  <c r="AF29042" i="1"/>
  <c r="AF29043" i="1"/>
  <c r="AF29044" i="1"/>
  <c r="AF29045" i="1"/>
  <c r="AF29046" i="1"/>
  <c r="AF29047" i="1"/>
  <c r="AF29048" i="1"/>
  <c r="AF29049" i="1"/>
  <c r="AF29050" i="1"/>
  <c r="AF29051" i="1"/>
  <c r="AF29052" i="1"/>
  <c r="AF29053" i="1"/>
  <c r="AF29054" i="1"/>
  <c r="AF29055" i="1"/>
  <c r="AF29056" i="1"/>
  <c r="AF29057" i="1"/>
  <c r="AF29058" i="1"/>
  <c r="AF29059" i="1"/>
  <c r="AF29060" i="1"/>
  <c r="AF29061" i="1"/>
  <c r="AF29062" i="1"/>
  <c r="AF29063" i="1"/>
  <c r="AF29064" i="1"/>
  <c r="AF29065" i="1"/>
  <c r="AF29066" i="1"/>
  <c r="AF29067" i="1"/>
  <c r="AF29068" i="1"/>
  <c r="AF29069" i="1"/>
  <c r="AF29070" i="1"/>
  <c r="AF29071" i="1"/>
  <c r="AF29072" i="1"/>
  <c r="AF29073" i="1"/>
  <c r="AF29074" i="1"/>
  <c r="AF29075" i="1"/>
  <c r="AF29076" i="1"/>
  <c r="AF29077" i="1"/>
  <c r="AF29078" i="1"/>
  <c r="AF29079" i="1"/>
  <c r="AF29080" i="1"/>
  <c r="AF29081" i="1"/>
  <c r="AF29082" i="1"/>
  <c r="AF29083" i="1"/>
  <c r="AF29084" i="1"/>
  <c r="AF29085" i="1"/>
  <c r="AF29086" i="1"/>
  <c r="AF29087" i="1"/>
  <c r="AF29088" i="1"/>
  <c r="AF29089" i="1"/>
  <c r="AF29090" i="1"/>
  <c r="AF29091" i="1"/>
  <c r="AF29092" i="1"/>
  <c r="AF29093" i="1"/>
  <c r="AF29094" i="1"/>
  <c r="AF29095" i="1"/>
  <c r="AF29096" i="1"/>
  <c r="AF29097" i="1"/>
  <c r="AF29098" i="1"/>
  <c r="AF29099" i="1"/>
  <c r="AF29100" i="1"/>
  <c r="AF29101" i="1"/>
  <c r="AF29102" i="1"/>
  <c r="AF29103" i="1"/>
  <c r="AF29104" i="1"/>
  <c r="AF29105" i="1"/>
  <c r="AF29106" i="1"/>
  <c r="AF29107" i="1"/>
  <c r="AF29108" i="1"/>
  <c r="AF29109" i="1"/>
  <c r="AF29110" i="1"/>
  <c r="AF29111" i="1"/>
  <c r="AF29112" i="1"/>
  <c r="AF29113" i="1"/>
  <c r="AF29114" i="1"/>
  <c r="AF29115" i="1"/>
  <c r="AF29116" i="1"/>
  <c r="AF29117" i="1"/>
  <c r="AF29118" i="1"/>
  <c r="AF29119" i="1"/>
  <c r="AF29120" i="1"/>
  <c r="AF29121" i="1"/>
  <c r="AF29122" i="1"/>
  <c r="AF29123" i="1"/>
  <c r="AF29124" i="1"/>
  <c r="AF29125" i="1"/>
  <c r="AF29126" i="1"/>
  <c r="AF29127" i="1"/>
  <c r="AF29128" i="1"/>
  <c r="AF29129" i="1"/>
  <c r="AF29130" i="1"/>
  <c r="AF29131" i="1"/>
  <c r="AF29132" i="1"/>
  <c r="AF29133" i="1"/>
  <c r="AF29134" i="1"/>
  <c r="AF29135" i="1"/>
  <c r="AF29136" i="1"/>
  <c r="AF29137" i="1"/>
  <c r="AF29138" i="1"/>
  <c r="AF29139" i="1"/>
  <c r="AF29140" i="1"/>
  <c r="AF29141" i="1"/>
  <c r="AF29142" i="1"/>
  <c r="AF29143" i="1"/>
  <c r="AF29144" i="1"/>
  <c r="AF29145" i="1"/>
  <c r="AF29146" i="1"/>
  <c r="AF29147" i="1"/>
  <c r="AF29148" i="1"/>
  <c r="AF29149" i="1"/>
  <c r="AF29150" i="1"/>
  <c r="AF29151" i="1"/>
  <c r="AF29152" i="1"/>
  <c r="AF29153" i="1"/>
  <c r="AF29154" i="1"/>
  <c r="AF29155" i="1"/>
  <c r="AF29156" i="1"/>
  <c r="AF29157" i="1"/>
  <c r="AF29158" i="1"/>
  <c r="AF29159" i="1"/>
  <c r="AF29160" i="1"/>
  <c r="AF29161" i="1"/>
  <c r="AF29162" i="1"/>
  <c r="AF29163" i="1"/>
  <c r="AF29164" i="1"/>
  <c r="AF29165" i="1"/>
  <c r="AF29166" i="1"/>
  <c r="AF29167" i="1"/>
  <c r="AF29168" i="1"/>
  <c r="AF29169" i="1"/>
  <c r="AF29170" i="1"/>
  <c r="AF29171" i="1"/>
  <c r="AF29172" i="1"/>
  <c r="AF29173" i="1"/>
  <c r="AF29174" i="1"/>
  <c r="AF29175" i="1"/>
  <c r="AF29176" i="1"/>
  <c r="AF29177" i="1"/>
  <c r="AF29178" i="1"/>
  <c r="AF29179" i="1"/>
  <c r="AF29180" i="1"/>
  <c r="AF29181" i="1"/>
  <c r="AF29182" i="1"/>
  <c r="AF29183" i="1"/>
  <c r="AF29184" i="1"/>
  <c r="AF29185" i="1"/>
  <c r="AF29186" i="1"/>
  <c r="AF29187" i="1"/>
  <c r="AF29188" i="1"/>
  <c r="AF29189" i="1"/>
  <c r="AF29190" i="1"/>
  <c r="AF29191" i="1"/>
  <c r="AF29192" i="1"/>
  <c r="AF29193" i="1"/>
  <c r="AF29194" i="1"/>
  <c r="AF29195" i="1"/>
  <c r="AF29196" i="1"/>
  <c r="AF29197" i="1"/>
  <c r="AF29198" i="1"/>
  <c r="AF29199" i="1"/>
  <c r="AF29200" i="1"/>
  <c r="AF29201" i="1"/>
  <c r="AF29202" i="1"/>
  <c r="AF29203" i="1"/>
  <c r="AF29204" i="1"/>
  <c r="AF29205" i="1"/>
  <c r="AF29206" i="1"/>
  <c r="AF29207" i="1"/>
  <c r="AF29208" i="1"/>
  <c r="AF29209" i="1"/>
  <c r="AF29210" i="1"/>
  <c r="AF29211" i="1"/>
  <c r="AF29212" i="1"/>
  <c r="AF29213" i="1"/>
  <c r="AF29214" i="1"/>
  <c r="AF29215" i="1"/>
  <c r="AF29216" i="1"/>
  <c r="AF29217" i="1"/>
  <c r="AF29218" i="1"/>
  <c r="AF29219" i="1"/>
  <c r="AF29220" i="1"/>
  <c r="AF29221" i="1"/>
  <c r="AF29222" i="1"/>
  <c r="AF29223" i="1"/>
  <c r="AF29224" i="1"/>
  <c r="AF29225" i="1"/>
  <c r="AF29226" i="1"/>
  <c r="AF29227" i="1"/>
  <c r="AF29228" i="1"/>
  <c r="AF29229" i="1"/>
  <c r="AF29230" i="1"/>
  <c r="AF29231" i="1"/>
  <c r="AF29232" i="1"/>
  <c r="AF29233" i="1"/>
  <c r="AF29234" i="1"/>
  <c r="AF29235" i="1"/>
  <c r="AF29236" i="1"/>
  <c r="AF29237" i="1"/>
  <c r="AF29238" i="1"/>
  <c r="AF29239" i="1"/>
  <c r="AF29240" i="1"/>
  <c r="AF29241" i="1"/>
  <c r="AF29242" i="1"/>
  <c r="AF29243" i="1"/>
  <c r="AF29244" i="1"/>
  <c r="AF29245" i="1"/>
  <c r="AF29246" i="1"/>
  <c r="AF29247" i="1"/>
  <c r="AF29248" i="1"/>
  <c r="AF29249" i="1"/>
  <c r="AF29250" i="1"/>
  <c r="AF29251" i="1"/>
  <c r="AF29252" i="1"/>
  <c r="AF29253" i="1"/>
  <c r="AF29254" i="1"/>
  <c r="AF29255" i="1"/>
  <c r="AF29256" i="1"/>
  <c r="AF29257" i="1"/>
  <c r="AF29258" i="1"/>
  <c r="AF29259" i="1"/>
  <c r="AF29260" i="1"/>
  <c r="AF29261" i="1"/>
  <c r="AF29262" i="1"/>
  <c r="AF29263" i="1"/>
  <c r="AF29264" i="1"/>
  <c r="AF29265" i="1"/>
  <c r="AF29266" i="1"/>
  <c r="AF29267" i="1"/>
  <c r="AF29268" i="1"/>
  <c r="AF29269" i="1"/>
  <c r="AF29270" i="1"/>
  <c r="AF29271" i="1"/>
  <c r="AF29272" i="1"/>
  <c r="AF29273" i="1"/>
  <c r="AF29274" i="1"/>
  <c r="AF29275" i="1"/>
  <c r="AF29276" i="1"/>
  <c r="AF29277" i="1"/>
  <c r="AF29278" i="1"/>
  <c r="AF29279" i="1"/>
  <c r="AF29280" i="1"/>
  <c r="AF29281" i="1"/>
  <c r="AF29282" i="1"/>
  <c r="AF29283" i="1"/>
  <c r="AF29284" i="1"/>
  <c r="AF29285" i="1"/>
  <c r="AF29286" i="1"/>
  <c r="AF29287" i="1"/>
  <c r="AF29288" i="1"/>
  <c r="AF29289" i="1"/>
  <c r="AF29290" i="1"/>
  <c r="AF29291" i="1"/>
  <c r="AF29292" i="1"/>
  <c r="AF29293" i="1"/>
  <c r="AF29294" i="1"/>
  <c r="AF29295" i="1"/>
  <c r="AF29296" i="1"/>
  <c r="AF29297" i="1"/>
  <c r="AF29298" i="1"/>
  <c r="AF29299" i="1"/>
  <c r="AF29300" i="1"/>
  <c r="AF29301" i="1"/>
  <c r="AF29302" i="1"/>
  <c r="AF29303" i="1"/>
  <c r="AF29304" i="1"/>
  <c r="AF29305" i="1"/>
  <c r="AF29306" i="1"/>
  <c r="AF29307" i="1"/>
  <c r="AF29308" i="1"/>
  <c r="AF29309" i="1"/>
  <c r="AF29310" i="1"/>
  <c r="AF29311" i="1"/>
  <c r="AF29312" i="1"/>
  <c r="AF29313" i="1"/>
  <c r="AF29314" i="1"/>
  <c r="AF29315" i="1"/>
  <c r="AF29316" i="1"/>
  <c r="AF29317" i="1"/>
  <c r="AF29318" i="1"/>
  <c r="AF29319" i="1"/>
  <c r="AF29320" i="1"/>
  <c r="AF29321" i="1"/>
  <c r="AF29322" i="1"/>
  <c r="AF29323" i="1"/>
  <c r="AF29324" i="1"/>
  <c r="AF29325" i="1"/>
  <c r="AF29326" i="1"/>
  <c r="AF29327" i="1"/>
  <c r="AF29328" i="1"/>
  <c r="AF29329" i="1"/>
  <c r="AF29330" i="1"/>
  <c r="AF29331" i="1"/>
  <c r="AF29332" i="1"/>
  <c r="AF29333" i="1"/>
  <c r="AF29334" i="1"/>
  <c r="AF29335" i="1"/>
  <c r="AF29336" i="1"/>
  <c r="AF29337" i="1"/>
  <c r="AF29338" i="1"/>
  <c r="AF29339" i="1"/>
  <c r="AF29340" i="1"/>
  <c r="AF29341" i="1"/>
  <c r="AF29342" i="1"/>
  <c r="AF29343" i="1"/>
  <c r="AF29344" i="1"/>
  <c r="AF29345" i="1"/>
  <c r="AF29346" i="1"/>
  <c r="AF29347" i="1"/>
  <c r="AF29348" i="1"/>
  <c r="AF29349" i="1"/>
  <c r="AF29350" i="1"/>
  <c r="AF29351" i="1"/>
  <c r="AF29352" i="1"/>
  <c r="AF29353" i="1"/>
  <c r="AF29354" i="1"/>
  <c r="AF29355" i="1"/>
  <c r="AF29356" i="1"/>
  <c r="AF29357" i="1"/>
  <c r="AF29358" i="1"/>
  <c r="AF29359" i="1"/>
  <c r="AF29360" i="1"/>
  <c r="AF29361" i="1"/>
  <c r="AF29362" i="1"/>
  <c r="AF29363" i="1"/>
  <c r="AF29364" i="1"/>
  <c r="AF29365" i="1"/>
  <c r="AF29366" i="1"/>
  <c r="AF29367" i="1"/>
  <c r="AF29368" i="1"/>
  <c r="AF29369" i="1"/>
  <c r="AF29370" i="1"/>
  <c r="AF29371" i="1"/>
  <c r="AF29372" i="1"/>
  <c r="AF29373" i="1"/>
  <c r="AF29374" i="1"/>
  <c r="AF29375" i="1"/>
  <c r="AF29376" i="1"/>
  <c r="AF29377" i="1"/>
  <c r="AF29378" i="1"/>
  <c r="AF29379" i="1"/>
  <c r="AF29380" i="1"/>
  <c r="AF29381" i="1"/>
  <c r="AF29382" i="1"/>
  <c r="AF29383" i="1"/>
  <c r="AF29384" i="1"/>
  <c r="AF29385" i="1"/>
  <c r="AF29386" i="1"/>
  <c r="AF29387" i="1"/>
  <c r="AF29388" i="1"/>
  <c r="AF29389" i="1"/>
  <c r="AF29390" i="1"/>
  <c r="AF29391" i="1"/>
  <c r="AF29392" i="1"/>
  <c r="AF29393" i="1"/>
  <c r="AF29394" i="1"/>
  <c r="AF29395" i="1"/>
  <c r="AF29396" i="1"/>
  <c r="AF29397" i="1"/>
  <c r="AF29398" i="1"/>
  <c r="AF29399" i="1"/>
  <c r="AF29400" i="1"/>
  <c r="AF29401" i="1"/>
  <c r="AF29402" i="1"/>
  <c r="AF29403" i="1"/>
  <c r="AF29404" i="1"/>
  <c r="AF29405" i="1"/>
  <c r="AF29406" i="1"/>
  <c r="AF29407" i="1"/>
  <c r="AF29408" i="1"/>
  <c r="AF29409" i="1"/>
  <c r="AF29410" i="1"/>
  <c r="AF29411" i="1"/>
  <c r="AF29412" i="1"/>
  <c r="AF29413" i="1"/>
  <c r="AF29414" i="1"/>
  <c r="AF29415" i="1"/>
  <c r="AF29416" i="1"/>
  <c r="AF29417" i="1"/>
  <c r="AF29418" i="1"/>
  <c r="AF29419" i="1"/>
  <c r="AF29420" i="1"/>
  <c r="AF29421" i="1"/>
  <c r="AF29422" i="1"/>
  <c r="AF29423" i="1"/>
  <c r="AF29424" i="1"/>
  <c r="AF29425" i="1"/>
  <c r="AF29426" i="1"/>
  <c r="AF29427" i="1"/>
  <c r="AF29428" i="1"/>
  <c r="AF29429" i="1"/>
  <c r="AF29430" i="1"/>
  <c r="AF29431" i="1"/>
  <c r="AF29432" i="1"/>
  <c r="AF29433" i="1"/>
  <c r="AF29434" i="1"/>
  <c r="AF29435" i="1"/>
  <c r="AF29436" i="1"/>
  <c r="AF29437" i="1"/>
  <c r="AF29438" i="1"/>
  <c r="AF29439" i="1"/>
  <c r="AF29440" i="1"/>
  <c r="AF29441" i="1"/>
  <c r="AF29442" i="1"/>
  <c r="AF29443" i="1"/>
  <c r="AF29444" i="1"/>
  <c r="AF29445" i="1"/>
  <c r="AF29446" i="1"/>
  <c r="AF29447" i="1"/>
  <c r="AF29448" i="1"/>
  <c r="AF29449" i="1"/>
  <c r="AF29450" i="1"/>
  <c r="AF29451" i="1"/>
  <c r="AF29452" i="1"/>
  <c r="AF29453" i="1"/>
  <c r="AF29454" i="1"/>
  <c r="AF29455" i="1"/>
  <c r="AF29456" i="1"/>
  <c r="AF29457" i="1"/>
  <c r="AF29458" i="1"/>
  <c r="AF29459" i="1"/>
  <c r="AF29460" i="1"/>
  <c r="AF29461" i="1"/>
  <c r="AF29462" i="1"/>
  <c r="AF29463" i="1"/>
  <c r="AF29464" i="1"/>
  <c r="AF29465" i="1"/>
  <c r="AF29466" i="1"/>
  <c r="AF29467" i="1"/>
  <c r="AF29468" i="1"/>
  <c r="AF29469" i="1"/>
  <c r="AF29470" i="1"/>
  <c r="AF29471" i="1"/>
  <c r="AF29472" i="1"/>
  <c r="AF29473" i="1"/>
  <c r="AF29474" i="1"/>
  <c r="AF29475" i="1"/>
  <c r="AF29476" i="1"/>
  <c r="AF29477" i="1"/>
  <c r="AF29478" i="1"/>
  <c r="AF29479" i="1"/>
  <c r="AF29480" i="1"/>
  <c r="AF29481" i="1"/>
  <c r="AF29482" i="1"/>
  <c r="AF29483" i="1"/>
  <c r="AF29484" i="1"/>
  <c r="AF29485" i="1"/>
  <c r="AF29486" i="1"/>
  <c r="AF29487" i="1"/>
  <c r="AF29488" i="1"/>
  <c r="AF29489" i="1"/>
  <c r="AF29490" i="1"/>
  <c r="AF29491" i="1"/>
  <c r="AF29492" i="1"/>
  <c r="AF29493" i="1"/>
  <c r="AF29494" i="1"/>
  <c r="AF29495" i="1"/>
  <c r="AF29496" i="1"/>
  <c r="AF29497" i="1"/>
  <c r="AF29498" i="1"/>
  <c r="AF29499" i="1"/>
  <c r="AF29500" i="1"/>
  <c r="AF29501" i="1"/>
  <c r="AF29502" i="1"/>
  <c r="AF29503" i="1"/>
  <c r="AF29504" i="1"/>
  <c r="AF29505" i="1"/>
  <c r="AF29506" i="1"/>
  <c r="AF29507" i="1"/>
  <c r="AF29508" i="1"/>
  <c r="AF29509" i="1"/>
  <c r="AF29510" i="1"/>
  <c r="AF29511" i="1"/>
  <c r="AF29512" i="1"/>
  <c r="AF29513" i="1"/>
  <c r="AF29514" i="1"/>
  <c r="AF29515" i="1"/>
  <c r="AF29516" i="1"/>
  <c r="AF29517" i="1"/>
  <c r="AF29518" i="1"/>
  <c r="AF29519" i="1"/>
  <c r="AF29520" i="1"/>
  <c r="AF29521" i="1"/>
  <c r="AF29522" i="1"/>
  <c r="AF29523" i="1"/>
  <c r="AF29524" i="1"/>
  <c r="AF29525" i="1"/>
  <c r="AF29526" i="1"/>
  <c r="AF29527" i="1"/>
  <c r="AF29528" i="1"/>
  <c r="AF29529" i="1"/>
  <c r="AF29530" i="1"/>
  <c r="AF29531" i="1"/>
  <c r="AF29532" i="1"/>
  <c r="AF29533" i="1"/>
  <c r="AF29534" i="1"/>
  <c r="AF29535" i="1"/>
  <c r="AF29536" i="1"/>
  <c r="AF29537" i="1"/>
  <c r="AF29538" i="1"/>
  <c r="AF29539" i="1"/>
  <c r="AF29540" i="1"/>
  <c r="AF29541" i="1"/>
  <c r="AF29542" i="1"/>
  <c r="AF29543" i="1"/>
  <c r="AF29544" i="1"/>
  <c r="AF29545" i="1"/>
  <c r="AF29546" i="1"/>
  <c r="AF29547" i="1"/>
  <c r="AF29548" i="1"/>
  <c r="AF29549" i="1"/>
  <c r="AF29550" i="1"/>
  <c r="AF29551" i="1"/>
  <c r="AF29552" i="1"/>
  <c r="AF29553" i="1"/>
  <c r="AF29554" i="1"/>
  <c r="AF29555" i="1"/>
  <c r="AF29556" i="1"/>
  <c r="AF29557" i="1"/>
  <c r="AF29558" i="1"/>
  <c r="AF29559" i="1"/>
  <c r="AF29560" i="1"/>
  <c r="AF29561" i="1"/>
  <c r="AF29562" i="1"/>
  <c r="AF29563" i="1"/>
  <c r="AF29564" i="1"/>
  <c r="AF29565" i="1"/>
  <c r="AF29566" i="1"/>
  <c r="AF29567" i="1"/>
  <c r="AF29568" i="1"/>
  <c r="AF29569" i="1"/>
  <c r="AF29570" i="1"/>
  <c r="AF29571" i="1"/>
  <c r="AF29572" i="1"/>
  <c r="AF29573" i="1"/>
  <c r="AF29574" i="1"/>
  <c r="AF29575" i="1"/>
  <c r="AF29576" i="1"/>
  <c r="AF29577" i="1"/>
  <c r="AF29578" i="1"/>
  <c r="AF29579" i="1"/>
  <c r="AF29580" i="1"/>
  <c r="AF29581" i="1"/>
  <c r="AF29582" i="1"/>
  <c r="AF29583" i="1"/>
  <c r="AF29584" i="1"/>
  <c r="AF29585" i="1"/>
  <c r="AF29586" i="1"/>
  <c r="AF29587" i="1"/>
  <c r="AF29588" i="1"/>
  <c r="AF29589" i="1"/>
  <c r="AF29590" i="1"/>
  <c r="AF29591" i="1"/>
  <c r="AF29592" i="1"/>
  <c r="AF29593" i="1"/>
  <c r="AF29594" i="1"/>
  <c r="AF29595" i="1"/>
  <c r="AF29596" i="1"/>
  <c r="AF29597" i="1"/>
  <c r="AF29598" i="1"/>
  <c r="AF29599" i="1"/>
  <c r="AF29600" i="1"/>
  <c r="AF29601" i="1"/>
  <c r="AF29602" i="1"/>
  <c r="AF29603" i="1"/>
  <c r="AF29604" i="1"/>
  <c r="AF29605" i="1"/>
  <c r="AF29606" i="1"/>
  <c r="AF29607" i="1"/>
  <c r="AF29608" i="1"/>
  <c r="AF29609" i="1"/>
  <c r="AF29610" i="1"/>
  <c r="AF29611" i="1"/>
  <c r="AF29612" i="1"/>
  <c r="AF29613" i="1"/>
  <c r="AF29614" i="1"/>
  <c r="AF29615" i="1"/>
  <c r="AF29616" i="1"/>
  <c r="AF29617" i="1"/>
  <c r="AF29618" i="1"/>
  <c r="AF29619" i="1"/>
  <c r="AF29620" i="1"/>
  <c r="AF29621" i="1"/>
  <c r="AF29622" i="1"/>
  <c r="AF29623" i="1"/>
  <c r="AF29624" i="1"/>
  <c r="AF29625" i="1"/>
  <c r="AF29626" i="1"/>
  <c r="AF29627" i="1"/>
  <c r="AF29628" i="1"/>
  <c r="AF29629" i="1"/>
  <c r="AF29630" i="1"/>
  <c r="AF29631" i="1"/>
  <c r="AF29632" i="1"/>
  <c r="AF29633" i="1"/>
  <c r="AF29634" i="1"/>
  <c r="AF29635" i="1"/>
  <c r="AF29636" i="1"/>
  <c r="AF29637" i="1"/>
  <c r="AF29638" i="1"/>
  <c r="AF29639" i="1"/>
  <c r="AF29640" i="1"/>
  <c r="AF29641" i="1"/>
  <c r="AF29642" i="1"/>
  <c r="AF29643" i="1"/>
  <c r="AF29644" i="1"/>
  <c r="AF29645" i="1"/>
  <c r="AF29646" i="1"/>
  <c r="AF29647" i="1"/>
  <c r="AF29648" i="1"/>
  <c r="AF29649" i="1"/>
  <c r="AF29650" i="1"/>
  <c r="AF29651" i="1"/>
  <c r="AF29652" i="1"/>
  <c r="AF29653" i="1"/>
  <c r="AF29654" i="1"/>
  <c r="AF29655" i="1"/>
  <c r="AF29656" i="1"/>
  <c r="AF29657" i="1"/>
  <c r="AF29658" i="1"/>
  <c r="AF29659" i="1"/>
  <c r="AF29660" i="1"/>
  <c r="AF29661" i="1"/>
  <c r="AF29662" i="1"/>
  <c r="AF29663" i="1"/>
  <c r="AF29664" i="1"/>
  <c r="AF29665" i="1"/>
  <c r="AF29666" i="1"/>
  <c r="AF29667" i="1"/>
  <c r="AF29668" i="1"/>
  <c r="AF29669" i="1"/>
  <c r="AF29670" i="1"/>
  <c r="AF29671" i="1"/>
  <c r="AF29672" i="1"/>
  <c r="AF29673" i="1"/>
  <c r="AF29674" i="1"/>
  <c r="AF29675" i="1"/>
  <c r="AF29676" i="1"/>
  <c r="AF29677" i="1"/>
  <c r="AF29678" i="1"/>
  <c r="AF29679" i="1"/>
  <c r="AF29680" i="1"/>
  <c r="AF29681" i="1"/>
  <c r="AF29682" i="1"/>
  <c r="AF29683" i="1"/>
  <c r="AF29684" i="1"/>
  <c r="AF29685" i="1"/>
  <c r="AF29686" i="1"/>
  <c r="AF29687" i="1"/>
  <c r="AF29688" i="1"/>
  <c r="AF29689" i="1"/>
  <c r="AF29690" i="1"/>
  <c r="AF29691" i="1"/>
  <c r="AF29692" i="1"/>
  <c r="AF29693" i="1"/>
  <c r="AF29694" i="1"/>
  <c r="AF29695" i="1"/>
  <c r="AF29696" i="1"/>
  <c r="AF29697" i="1"/>
  <c r="AF29698" i="1"/>
  <c r="AF29699" i="1"/>
  <c r="AF29700" i="1"/>
  <c r="AF29701" i="1"/>
  <c r="AF29702" i="1"/>
  <c r="AF29703" i="1"/>
  <c r="AF29704" i="1"/>
  <c r="AF29705" i="1"/>
  <c r="AF29706" i="1"/>
  <c r="AF29707" i="1"/>
  <c r="AF29708" i="1"/>
  <c r="AF29709" i="1"/>
  <c r="AF29710" i="1"/>
  <c r="AF29711" i="1"/>
  <c r="AF29712" i="1"/>
  <c r="AF29713" i="1"/>
  <c r="AF29714" i="1"/>
  <c r="AF29715" i="1"/>
  <c r="AF29716" i="1"/>
  <c r="AF29717" i="1"/>
  <c r="AF29718" i="1"/>
  <c r="AF29719" i="1"/>
  <c r="AF29720" i="1"/>
  <c r="AF29721" i="1"/>
  <c r="AF29722" i="1"/>
  <c r="AF29723" i="1"/>
  <c r="AF29724" i="1"/>
  <c r="AF29725" i="1"/>
  <c r="AF29726" i="1"/>
  <c r="AF29727" i="1"/>
  <c r="AF29728" i="1"/>
  <c r="AF29729" i="1"/>
  <c r="AF29730" i="1"/>
  <c r="AF29731" i="1"/>
  <c r="AF29732" i="1"/>
  <c r="AF29733" i="1"/>
  <c r="AF29734" i="1"/>
  <c r="AF29735" i="1"/>
  <c r="AF29736" i="1"/>
  <c r="AF29737" i="1"/>
  <c r="AF29738" i="1"/>
  <c r="AF29739" i="1"/>
  <c r="AF29740" i="1"/>
  <c r="AF29741" i="1"/>
  <c r="AF29742" i="1"/>
  <c r="AF29743" i="1"/>
  <c r="AF29744" i="1"/>
  <c r="AF29745" i="1"/>
  <c r="AF29746" i="1"/>
  <c r="AF29747" i="1"/>
  <c r="AF29748" i="1"/>
  <c r="AF29749" i="1"/>
  <c r="AF29750" i="1"/>
  <c r="AF29751" i="1"/>
  <c r="AF29752" i="1"/>
  <c r="AF29753" i="1"/>
  <c r="AF29754" i="1"/>
  <c r="AF29755" i="1"/>
  <c r="AF29756" i="1"/>
  <c r="AF29757" i="1"/>
  <c r="AF29758" i="1"/>
  <c r="AF29759" i="1"/>
  <c r="AF29760" i="1"/>
  <c r="AF29761" i="1"/>
  <c r="AF29762" i="1"/>
  <c r="AF29763" i="1"/>
  <c r="AF29764" i="1"/>
  <c r="AF29765" i="1"/>
  <c r="AF29766" i="1"/>
  <c r="AF29767" i="1"/>
  <c r="AF29768" i="1"/>
  <c r="AF29769" i="1"/>
  <c r="AF29770" i="1"/>
  <c r="AF29771" i="1"/>
  <c r="AF29772" i="1"/>
  <c r="AF29773" i="1"/>
  <c r="AF29774" i="1"/>
  <c r="AF29775" i="1"/>
  <c r="AF29776" i="1"/>
  <c r="AF29777" i="1"/>
  <c r="AF29778" i="1"/>
  <c r="AF29779" i="1"/>
  <c r="AF29780" i="1"/>
  <c r="AF29781" i="1"/>
  <c r="AF29782" i="1"/>
  <c r="AF29783" i="1"/>
  <c r="AF29784" i="1"/>
  <c r="AF29785" i="1"/>
  <c r="AF29786" i="1"/>
  <c r="AF29787" i="1"/>
  <c r="AF29788" i="1"/>
  <c r="AF29789" i="1"/>
  <c r="AF29790" i="1"/>
  <c r="AF29791" i="1"/>
  <c r="AF29792" i="1"/>
  <c r="AF29793" i="1"/>
  <c r="AF29794" i="1"/>
  <c r="AF29795" i="1"/>
  <c r="AF29796" i="1"/>
  <c r="AF29797" i="1"/>
  <c r="AF29798" i="1"/>
  <c r="AF29799" i="1"/>
  <c r="AF29800" i="1"/>
  <c r="AF29801" i="1"/>
  <c r="AF29802" i="1"/>
  <c r="AF29803" i="1"/>
  <c r="AF29804" i="1"/>
  <c r="AF29805" i="1"/>
  <c r="AF29806" i="1"/>
  <c r="AF29807" i="1"/>
  <c r="AF29808" i="1"/>
  <c r="AF29809" i="1"/>
  <c r="AF29810" i="1"/>
  <c r="AF29811" i="1"/>
  <c r="AF29812" i="1"/>
  <c r="AF29813" i="1"/>
  <c r="AF29814" i="1"/>
  <c r="AF29815" i="1"/>
  <c r="AF29816" i="1"/>
  <c r="AF29817" i="1"/>
  <c r="AF29818" i="1"/>
  <c r="AF29819" i="1"/>
  <c r="AF29820" i="1"/>
  <c r="AF29821" i="1"/>
  <c r="AF29822" i="1"/>
  <c r="AF29823" i="1"/>
  <c r="AF29824" i="1"/>
  <c r="AF29825" i="1"/>
  <c r="AF29826" i="1"/>
  <c r="AF29827" i="1"/>
  <c r="AF29828" i="1"/>
  <c r="AF29829" i="1"/>
  <c r="AF29830" i="1"/>
  <c r="AF29831" i="1"/>
  <c r="AF29832" i="1"/>
  <c r="AF29833" i="1"/>
  <c r="AF29834" i="1"/>
  <c r="AF29835" i="1"/>
  <c r="AF29836" i="1"/>
  <c r="AF29837" i="1"/>
  <c r="AF29838" i="1"/>
  <c r="AF29839" i="1"/>
  <c r="AF29840" i="1"/>
  <c r="AF29841" i="1"/>
  <c r="AF29842" i="1"/>
  <c r="AF29843" i="1"/>
  <c r="AF29844" i="1"/>
  <c r="AF29845" i="1"/>
  <c r="AF29846" i="1"/>
  <c r="AF29847" i="1"/>
  <c r="AF29848" i="1"/>
  <c r="AF29849" i="1"/>
  <c r="AF29850" i="1"/>
  <c r="AF29851" i="1"/>
  <c r="AF29852" i="1"/>
  <c r="AF29853" i="1"/>
  <c r="AF29854" i="1"/>
  <c r="AF29855" i="1"/>
  <c r="AF29856" i="1"/>
  <c r="AF29857" i="1"/>
  <c r="AF29858" i="1"/>
  <c r="AF29859" i="1"/>
  <c r="AF29860" i="1"/>
  <c r="AF29861" i="1"/>
  <c r="AF29862" i="1"/>
  <c r="AF29863" i="1"/>
  <c r="AF29864" i="1"/>
  <c r="AF29865" i="1"/>
  <c r="AF29866" i="1"/>
  <c r="AF29867" i="1"/>
  <c r="AF29868" i="1"/>
  <c r="AF29869" i="1"/>
  <c r="AF29870" i="1"/>
  <c r="AF29871" i="1"/>
  <c r="AF29872" i="1"/>
  <c r="AF29873" i="1"/>
  <c r="AF29874" i="1"/>
  <c r="AF29875" i="1"/>
  <c r="AF29876" i="1"/>
  <c r="AF29877" i="1"/>
  <c r="AF29878" i="1"/>
  <c r="AF29879" i="1"/>
  <c r="AF29880" i="1"/>
  <c r="AF29881" i="1"/>
  <c r="AF29882" i="1"/>
  <c r="AF29883" i="1"/>
  <c r="AF29884" i="1"/>
  <c r="AF29885" i="1"/>
  <c r="AF29886" i="1"/>
  <c r="AF29887" i="1"/>
  <c r="AF29888" i="1"/>
  <c r="AF29889" i="1"/>
  <c r="AF29890" i="1"/>
  <c r="AF29891" i="1"/>
  <c r="AF29892" i="1"/>
  <c r="AF29893" i="1"/>
  <c r="AF29894" i="1"/>
  <c r="AF29895" i="1"/>
  <c r="AF29896" i="1"/>
  <c r="AF29897" i="1"/>
  <c r="AF29898" i="1"/>
  <c r="AF29899" i="1"/>
  <c r="AF29900" i="1"/>
  <c r="AF29901" i="1"/>
  <c r="AF29902" i="1"/>
  <c r="AF29903" i="1"/>
  <c r="AF29904" i="1"/>
  <c r="AF29905" i="1"/>
  <c r="AF29906" i="1"/>
  <c r="AF29907" i="1"/>
  <c r="AF29908" i="1"/>
  <c r="AF29909" i="1"/>
  <c r="AF29910" i="1"/>
  <c r="AF29911" i="1"/>
  <c r="AF29912" i="1"/>
  <c r="AF29913" i="1"/>
  <c r="AF29914" i="1"/>
  <c r="AF29915" i="1"/>
  <c r="AF29916" i="1"/>
  <c r="AF29917" i="1"/>
  <c r="AF29918" i="1"/>
  <c r="AF29919" i="1"/>
  <c r="AF29920" i="1"/>
  <c r="AF29921" i="1"/>
  <c r="AF29922" i="1"/>
  <c r="AF29923" i="1"/>
  <c r="AF29924" i="1"/>
  <c r="AF29925" i="1"/>
  <c r="AF29926" i="1"/>
  <c r="AF29927" i="1"/>
  <c r="AF29928" i="1"/>
  <c r="AF29929" i="1"/>
  <c r="AF29930" i="1"/>
  <c r="AF29931" i="1"/>
  <c r="AF29932" i="1"/>
  <c r="AF29933" i="1"/>
  <c r="AF29934" i="1"/>
  <c r="AF29935" i="1"/>
  <c r="AF29936" i="1"/>
  <c r="AF29937" i="1"/>
  <c r="AF29938" i="1"/>
  <c r="AF29939" i="1"/>
  <c r="AF29940" i="1"/>
  <c r="AF29941" i="1"/>
  <c r="AF29942" i="1"/>
  <c r="AF29943" i="1"/>
  <c r="AF29944" i="1"/>
  <c r="AF29945" i="1"/>
  <c r="AF29946" i="1"/>
  <c r="AF29947" i="1"/>
  <c r="AF29948" i="1"/>
  <c r="AF29949" i="1"/>
  <c r="AF29950" i="1"/>
  <c r="AF29951" i="1"/>
  <c r="AF29952" i="1"/>
  <c r="AF29953" i="1"/>
  <c r="AF29954" i="1"/>
  <c r="AF29955" i="1"/>
  <c r="AF29956" i="1"/>
  <c r="AF29957" i="1"/>
  <c r="AF29958" i="1"/>
  <c r="AF29959" i="1"/>
  <c r="AF29960" i="1"/>
  <c r="AF29961" i="1"/>
  <c r="AF29962" i="1"/>
  <c r="AF29963" i="1"/>
  <c r="AF29964" i="1"/>
  <c r="AF29965" i="1"/>
  <c r="AF29966" i="1"/>
  <c r="AF29967" i="1"/>
  <c r="AF29968" i="1"/>
  <c r="AF29969" i="1"/>
  <c r="AF29970" i="1"/>
  <c r="AF29971" i="1"/>
  <c r="AF29972" i="1"/>
  <c r="AF29973" i="1"/>
  <c r="AF29974" i="1"/>
  <c r="AF29975" i="1"/>
  <c r="AF29976" i="1"/>
  <c r="AF29977" i="1"/>
  <c r="AF29978" i="1"/>
  <c r="AF29979" i="1"/>
  <c r="AF29980" i="1"/>
  <c r="AF29981" i="1"/>
  <c r="AF29982" i="1"/>
  <c r="AF29983" i="1"/>
  <c r="AF29984" i="1"/>
  <c r="AF29985" i="1"/>
  <c r="AF29986" i="1"/>
  <c r="AF29987" i="1"/>
  <c r="AF29988" i="1"/>
  <c r="AF29989" i="1"/>
  <c r="AF29990" i="1"/>
  <c r="AF29991" i="1"/>
  <c r="AF29992" i="1"/>
  <c r="AF29993" i="1"/>
  <c r="AF29994" i="1"/>
  <c r="AF29995" i="1"/>
  <c r="AF29996" i="1"/>
  <c r="AF29997" i="1"/>
  <c r="AF29998" i="1"/>
  <c r="AF29999" i="1"/>
  <c r="AF30000" i="1"/>
  <c r="AF30001" i="1"/>
  <c r="AF30002" i="1"/>
  <c r="AF30003" i="1"/>
  <c r="AF30004" i="1"/>
  <c r="AF30005" i="1"/>
  <c r="AF30006" i="1"/>
  <c r="AF30007" i="1"/>
  <c r="AF30008" i="1"/>
  <c r="AF30009" i="1"/>
  <c r="AF30010" i="1"/>
  <c r="AF30011" i="1"/>
  <c r="AF30012" i="1"/>
  <c r="AF30013" i="1"/>
  <c r="AF30014" i="1"/>
  <c r="AF30015" i="1"/>
  <c r="AF30016" i="1"/>
  <c r="AF30017" i="1"/>
  <c r="AF30018" i="1"/>
  <c r="AF30019" i="1"/>
  <c r="AF30020" i="1"/>
  <c r="AF30021" i="1"/>
  <c r="AF30022" i="1"/>
  <c r="AF30023" i="1"/>
  <c r="AF30024" i="1"/>
  <c r="AF30025" i="1"/>
  <c r="AF30026" i="1"/>
  <c r="AF30027" i="1"/>
  <c r="AF30028" i="1"/>
  <c r="AF30029" i="1"/>
  <c r="AF30030" i="1"/>
  <c r="AF30031" i="1"/>
  <c r="AF30032" i="1"/>
  <c r="AF30033" i="1"/>
  <c r="AF30034" i="1"/>
  <c r="AF30035" i="1"/>
  <c r="AF30036" i="1"/>
  <c r="AF30037" i="1"/>
  <c r="AF30038" i="1"/>
  <c r="AF30039" i="1"/>
  <c r="AF30040" i="1"/>
  <c r="AF30041" i="1"/>
  <c r="AF30042" i="1"/>
  <c r="AF30043" i="1"/>
  <c r="AF30044" i="1"/>
  <c r="AF30045" i="1"/>
  <c r="AF30046" i="1"/>
  <c r="AF30047" i="1"/>
  <c r="AF30048" i="1"/>
  <c r="AF30049" i="1"/>
  <c r="AF30050" i="1"/>
  <c r="AF30051" i="1"/>
  <c r="AF30052" i="1"/>
  <c r="AF30053" i="1"/>
  <c r="AF30054" i="1"/>
  <c r="AF30055" i="1"/>
  <c r="AF30056" i="1"/>
  <c r="AF30057" i="1"/>
  <c r="AF30058" i="1"/>
  <c r="AF30059" i="1"/>
  <c r="AF30060" i="1"/>
  <c r="AF30061" i="1"/>
  <c r="AF30062" i="1"/>
  <c r="AF30063" i="1"/>
  <c r="AF30064" i="1"/>
  <c r="AF30065" i="1"/>
  <c r="AF30066" i="1"/>
  <c r="AF30067" i="1"/>
  <c r="AF30068" i="1"/>
  <c r="AF30069" i="1"/>
  <c r="AF30070" i="1"/>
  <c r="AF30071" i="1"/>
  <c r="AF30072" i="1"/>
  <c r="AF30073" i="1"/>
  <c r="AF30074" i="1"/>
  <c r="AF30075" i="1"/>
  <c r="AF30076" i="1"/>
  <c r="AF30077" i="1"/>
  <c r="AF30078" i="1"/>
  <c r="AF30079" i="1"/>
  <c r="AF30080" i="1"/>
  <c r="AF30081" i="1"/>
  <c r="AF30082" i="1"/>
  <c r="AF30083" i="1"/>
  <c r="AF30084" i="1"/>
  <c r="AF30085" i="1"/>
  <c r="AF30086" i="1"/>
  <c r="AF30087" i="1"/>
  <c r="AF30088" i="1"/>
  <c r="AF30089" i="1"/>
  <c r="AF30090" i="1"/>
  <c r="AF30091" i="1"/>
  <c r="AF30092" i="1"/>
  <c r="AF30093" i="1"/>
  <c r="AF30094" i="1"/>
  <c r="AF30095" i="1"/>
  <c r="AF30096" i="1"/>
  <c r="AF30097" i="1"/>
  <c r="AF30098" i="1"/>
  <c r="AF30099" i="1"/>
  <c r="AF30100" i="1"/>
  <c r="AF30101" i="1"/>
  <c r="AF30102" i="1"/>
  <c r="AF30103" i="1"/>
  <c r="AF30104" i="1"/>
  <c r="AF30105" i="1"/>
  <c r="AF30106" i="1"/>
  <c r="AF30107" i="1"/>
  <c r="AF30108" i="1"/>
  <c r="AF30109" i="1"/>
  <c r="AF30110" i="1"/>
  <c r="AF30111" i="1"/>
  <c r="AF30112" i="1"/>
  <c r="AF30113" i="1"/>
  <c r="AF30114" i="1"/>
  <c r="AF30115" i="1"/>
  <c r="AF30116" i="1"/>
  <c r="AF30117" i="1"/>
  <c r="AF30118" i="1"/>
  <c r="AF30119" i="1"/>
  <c r="AF30120" i="1"/>
  <c r="AF30121" i="1"/>
  <c r="AF30122" i="1"/>
  <c r="AF30123" i="1"/>
  <c r="AF30124" i="1"/>
  <c r="AF30125" i="1"/>
  <c r="AF30126" i="1"/>
  <c r="AF30127" i="1"/>
  <c r="AF30128" i="1"/>
  <c r="AF30129" i="1"/>
  <c r="AF30130" i="1"/>
  <c r="AF30131" i="1"/>
  <c r="AF30132" i="1"/>
  <c r="AF30133" i="1"/>
  <c r="AF30134" i="1"/>
  <c r="AF30135" i="1"/>
  <c r="AF30136" i="1"/>
  <c r="AF30137" i="1"/>
  <c r="AF30138" i="1"/>
  <c r="AF30139" i="1"/>
  <c r="AF30140" i="1"/>
  <c r="AF30141" i="1"/>
  <c r="AF30142" i="1"/>
  <c r="AF30143" i="1"/>
  <c r="AF30144" i="1"/>
  <c r="AF30145" i="1"/>
  <c r="AF30146" i="1"/>
  <c r="AF30147" i="1"/>
  <c r="AF30148" i="1"/>
  <c r="AF30149" i="1"/>
  <c r="AF30150" i="1"/>
  <c r="AF30151" i="1"/>
  <c r="AF30152" i="1"/>
  <c r="AF30153" i="1"/>
  <c r="AF30154" i="1"/>
  <c r="AF30155" i="1"/>
  <c r="AF30156" i="1"/>
  <c r="AF30157" i="1"/>
  <c r="AF30158" i="1"/>
  <c r="AF30159" i="1"/>
  <c r="AF30160" i="1"/>
  <c r="AF30161" i="1"/>
  <c r="AF30162" i="1"/>
  <c r="AF30163" i="1"/>
  <c r="AF30164" i="1"/>
  <c r="AF30165" i="1"/>
  <c r="AF30166" i="1"/>
  <c r="AF30167" i="1"/>
  <c r="AF30168" i="1"/>
  <c r="AF30169" i="1"/>
  <c r="AF30170" i="1"/>
  <c r="AF30171" i="1"/>
  <c r="AF30172" i="1"/>
  <c r="AF30173" i="1"/>
  <c r="AF30174" i="1"/>
  <c r="AF30175" i="1"/>
  <c r="AF30176" i="1"/>
  <c r="AF30177" i="1"/>
  <c r="AF30178" i="1"/>
  <c r="AF30179" i="1"/>
  <c r="AF30180" i="1"/>
  <c r="AF30181" i="1"/>
  <c r="AF30182" i="1"/>
  <c r="AF30183" i="1"/>
  <c r="AF30184" i="1"/>
  <c r="AF30185" i="1"/>
  <c r="AF30186" i="1"/>
  <c r="AF30187" i="1"/>
  <c r="AF30188" i="1"/>
  <c r="AF30189" i="1"/>
  <c r="AF30190" i="1"/>
  <c r="AF30191" i="1"/>
  <c r="AF30192" i="1"/>
  <c r="AF30193" i="1"/>
  <c r="AF30194" i="1"/>
  <c r="AF30195" i="1"/>
  <c r="AF30196" i="1"/>
  <c r="AF30197" i="1"/>
  <c r="AF30198" i="1"/>
  <c r="AF30199" i="1"/>
  <c r="AF30200" i="1"/>
  <c r="AF30201" i="1"/>
  <c r="AF30202" i="1"/>
  <c r="AF30203" i="1"/>
  <c r="AF30204" i="1"/>
  <c r="AF30205" i="1"/>
  <c r="AF30206" i="1"/>
  <c r="AF30207" i="1"/>
  <c r="AF30208" i="1"/>
  <c r="AF30209" i="1"/>
  <c r="AF30210" i="1"/>
  <c r="AF30211" i="1"/>
  <c r="AF30212" i="1"/>
  <c r="AF30213" i="1"/>
  <c r="AF30214" i="1"/>
  <c r="AF30215" i="1"/>
  <c r="AF30216" i="1"/>
  <c r="AF30217" i="1"/>
  <c r="AF30218" i="1"/>
  <c r="AF30219" i="1"/>
  <c r="AF30220" i="1"/>
  <c r="AF30221" i="1"/>
  <c r="AF30222" i="1"/>
  <c r="AF30223" i="1"/>
  <c r="AF30224" i="1"/>
  <c r="AF30225" i="1"/>
  <c r="AF30226" i="1"/>
  <c r="AF30227" i="1"/>
  <c r="AF30228" i="1"/>
  <c r="AF30229" i="1"/>
  <c r="AF30230" i="1"/>
  <c r="AF30231" i="1"/>
  <c r="AF30232" i="1"/>
  <c r="AF30233" i="1"/>
  <c r="AF30234" i="1"/>
  <c r="AF30235" i="1"/>
  <c r="AF30236" i="1"/>
  <c r="AF30237" i="1"/>
  <c r="AF30238" i="1"/>
  <c r="AF30239" i="1"/>
  <c r="AF30240" i="1"/>
  <c r="AF30241" i="1"/>
  <c r="AF30242" i="1"/>
  <c r="AF30243" i="1"/>
  <c r="AF30244" i="1"/>
  <c r="AF30245" i="1"/>
  <c r="AF30246" i="1"/>
  <c r="AF30247" i="1"/>
  <c r="AF30248" i="1"/>
  <c r="AF30249" i="1"/>
  <c r="AF30250" i="1"/>
  <c r="AF30251" i="1"/>
  <c r="AF30252" i="1"/>
  <c r="AF30253" i="1"/>
  <c r="AF30254" i="1"/>
  <c r="AF30255" i="1"/>
  <c r="AF30256" i="1"/>
  <c r="AF30257" i="1"/>
  <c r="AF30258" i="1"/>
  <c r="AF30259" i="1"/>
  <c r="AF30260" i="1"/>
  <c r="AF30261" i="1"/>
  <c r="AF30262" i="1"/>
  <c r="AF30263" i="1"/>
  <c r="AF30264" i="1"/>
  <c r="AF30265" i="1"/>
  <c r="AF30266" i="1"/>
  <c r="AF30267" i="1"/>
  <c r="AF30268" i="1"/>
  <c r="AF30269" i="1"/>
  <c r="AF30270" i="1"/>
  <c r="AF30271" i="1"/>
  <c r="AF30272" i="1"/>
  <c r="AF30273" i="1"/>
  <c r="AF30274" i="1"/>
  <c r="AF30275" i="1"/>
  <c r="AF30276" i="1"/>
  <c r="AF30277" i="1"/>
  <c r="AF30278" i="1"/>
  <c r="AF30279" i="1"/>
  <c r="AF30280" i="1"/>
  <c r="AF30281" i="1"/>
  <c r="AF30282" i="1"/>
  <c r="AF30283" i="1"/>
  <c r="AF30284" i="1"/>
  <c r="AF30285" i="1"/>
  <c r="AF30286" i="1"/>
  <c r="AF30287" i="1"/>
  <c r="AF30288" i="1"/>
  <c r="AF30289" i="1"/>
  <c r="AF30290" i="1"/>
  <c r="AF30291" i="1"/>
  <c r="AF30292" i="1"/>
  <c r="AF30293" i="1"/>
  <c r="AF30294" i="1"/>
  <c r="AF30295" i="1"/>
  <c r="AF30296" i="1"/>
  <c r="AF30297" i="1"/>
  <c r="AF30298" i="1"/>
  <c r="AF30299" i="1"/>
  <c r="AF30300" i="1"/>
  <c r="AF30301" i="1"/>
  <c r="AF30302" i="1"/>
  <c r="AF30303" i="1"/>
  <c r="AF30304" i="1"/>
  <c r="AF30305" i="1"/>
  <c r="AF30306" i="1"/>
  <c r="AF30307" i="1"/>
  <c r="AF30308" i="1"/>
  <c r="AF30309" i="1"/>
  <c r="AF30310" i="1"/>
  <c r="AF30311" i="1"/>
  <c r="AF30312" i="1"/>
  <c r="AF30313" i="1"/>
  <c r="AF30314" i="1"/>
  <c r="AF30315" i="1"/>
  <c r="AF30316" i="1"/>
  <c r="AF30317" i="1"/>
  <c r="AF30318" i="1"/>
  <c r="AF30319" i="1"/>
  <c r="AF30320" i="1"/>
  <c r="AF30321" i="1"/>
  <c r="AF30322" i="1"/>
  <c r="AF30323" i="1"/>
  <c r="AF30324" i="1"/>
  <c r="AF30325" i="1"/>
  <c r="AF30326" i="1"/>
  <c r="AF30327" i="1"/>
  <c r="AF30328" i="1"/>
  <c r="AF30329" i="1"/>
  <c r="AF30330" i="1"/>
  <c r="AF30331" i="1"/>
  <c r="AF30332" i="1"/>
  <c r="AF30333" i="1"/>
  <c r="AF30334" i="1"/>
  <c r="AF30335" i="1"/>
  <c r="AF30336" i="1"/>
  <c r="AF30337" i="1"/>
  <c r="AF30338" i="1"/>
  <c r="AF30339" i="1"/>
  <c r="AF30340" i="1"/>
  <c r="AF30341" i="1"/>
  <c r="AF30342" i="1"/>
  <c r="AF30343" i="1"/>
  <c r="AF30344" i="1"/>
  <c r="AF30345" i="1"/>
  <c r="AF30346" i="1"/>
  <c r="AF30347" i="1"/>
  <c r="AF30348" i="1"/>
  <c r="AF30349" i="1"/>
  <c r="AF30350" i="1"/>
  <c r="AF30351" i="1"/>
  <c r="AF30352" i="1"/>
  <c r="AF30353" i="1"/>
  <c r="AF30354" i="1"/>
  <c r="AF30355" i="1"/>
  <c r="AF30356" i="1"/>
  <c r="AF30357" i="1"/>
  <c r="AF30358" i="1"/>
  <c r="AF30359" i="1"/>
  <c r="AF30360" i="1"/>
  <c r="AF30361" i="1"/>
  <c r="AF30362" i="1"/>
  <c r="AF30363" i="1"/>
  <c r="AF30364" i="1"/>
  <c r="AF30365" i="1"/>
  <c r="AF30366" i="1"/>
  <c r="AF30367" i="1"/>
  <c r="AF30368" i="1"/>
  <c r="AF30369" i="1"/>
  <c r="AF30370" i="1"/>
  <c r="AF30371" i="1"/>
  <c r="AF30372" i="1"/>
  <c r="AF30373" i="1"/>
  <c r="AF30374" i="1"/>
  <c r="AF30375" i="1"/>
  <c r="AF30376" i="1"/>
  <c r="AF30377" i="1"/>
  <c r="AF30378" i="1"/>
  <c r="AF30379" i="1"/>
  <c r="AF30380" i="1"/>
  <c r="AF30381" i="1"/>
  <c r="AF30382" i="1"/>
  <c r="AF30383" i="1"/>
  <c r="AF30384" i="1"/>
  <c r="AF30385" i="1"/>
  <c r="AF30386" i="1"/>
  <c r="AF30387" i="1"/>
  <c r="AF30388" i="1"/>
  <c r="AF30389" i="1"/>
  <c r="AF30390" i="1"/>
  <c r="AF30391" i="1"/>
  <c r="AF30392" i="1"/>
  <c r="AF30393" i="1"/>
  <c r="AF30394" i="1"/>
  <c r="AF30395" i="1"/>
  <c r="AF30396" i="1"/>
  <c r="AF30397" i="1"/>
  <c r="AF30398" i="1"/>
  <c r="AF30399" i="1"/>
  <c r="AF30400" i="1"/>
  <c r="AF30401" i="1"/>
  <c r="AF30402" i="1"/>
  <c r="AF30403" i="1"/>
  <c r="AF30404" i="1"/>
  <c r="AF30405" i="1"/>
  <c r="AF30406" i="1"/>
  <c r="AF30407" i="1"/>
  <c r="AF30408" i="1"/>
  <c r="AF30409" i="1"/>
  <c r="AF30410" i="1"/>
  <c r="AF30411" i="1"/>
  <c r="AF30412" i="1"/>
  <c r="AF30413" i="1"/>
  <c r="AF30414" i="1"/>
  <c r="AF30415" i="1"/>
  <c r="AF30416" i="1"/>
  <c r="AF30417" i="1"/>
  <c r="AF30418" i="1"/>
  <c r="AF30419" i="1"/>
  <c r="AF30420" i="1"/>
  <c r="AF30421" i="1"/>
  <c r="AF30422" i="1"/>
  <c r="AF30423" i="1"/>
  <c r="AF30424" i="1"/>
  <c r="AF30425" i="1"/>
  <c r="AF30426" i="1"/>
  <c r="AF30427" i="1"/>
  <c r="AF30428" i="1"/>
  <c r="AF30429" i="1"/>
  <c r="AF30430" i="1"/>
  <c r="AF30431" i="1"/>
  <c r="AF30432" i="1"/>
  <c r="AF30433" i="1"/>
  <c r="AF30434" i="1"/>
  <c r="AF30435" i="1"/>
  <c r="AF30436" i="1"/>
  <c r="AF30437" i="1"/>
  <c r="AF30438" i="1"/>
  <c r="AF30439" i="1"/>
  <c r="AF30440" i="1"/>
  <c r="AF30441" i="1"/>
  <c r="AF30442" i="1"/>
  <c r="AF30443" i="1"/>
  <c r="AF30444" i="1"/>
  <c r="AF30445" i="1"/>
  <c r="AF30446" i="1"/>
  <c r="AF30447" i="1"/>
  <c r="AF30448" i="1"/>
  <c r="AF30449" i="1"/>
  <c r="AF30450" i="1"/>
  <c r="AF30451" i="1"/>
  <c r="AF30452" i="1"/>
  <c r="AF30453" i="1"/>
  <c r="AF30454" i="1"/>
  <c r="AF30455" i="1"/>
  <c r="AF30456" i="1"/>
  <c r="AF30457" i="1"/>
  <c r="AF30458" i="1"/>
  <c r="AF30459" i="1"/>
  <c r="AF30460" i="1"/>
  <c r="AF30461" i="1"/>
  <c r="AF30462" i="1"/>
  <c r="AF30463" i="1"/>
  <c r="AF30464" i="1"/>
  <c r="AF30465" i="1"/>
  <c r="AF30466" i="1"/>
  <c r="AF30467" i="1"/>
  <c r="AF30468" i="1"/>
  <c r="AF30469" i="1"/>
  <c r="AF30470" i="1"/>
  <c r="AF30471" i="1"/>
  <c r="AF30472" i="1"/>
  <c r="AF30473" i="1"/>
  <c r="AF30474" i="1"/>
  <c r="AF30475" i="1"/>
  <c r="AF30476" i="1"/>
  <c r="AF30477" i="1"/>
  <c r="AF30478" i="1"/>
  <c r="AF30479" i="1"/>
  <c r="AF30480" i="1"/>
  <c r="AF30481" i="1"/>
  <c r="AF30482" i="1"/>
  <c r="AF30483" i="1"/>
  <c r="AF30484" i="1"/>
  <c r="AF30485" i="1"/>
  <c r="AF30486" i="1"/>
  <c r="AF30487" i="1"/>
  <c r="AF30488" i="1"/>
  <c r="AF30489" i="1"/>
  <c r="AF30490" i="1"/>
  <c r="AF30491" i="1"/>
  <c r="AF30492" i="1"/>
  <c r="AF30493" i="1"/>
  <c r="AF30494" i="1"/>
  <c r="AF30495" i="1"/>
  <c r="AF30496" i="1"/>
  <c r="AF30497" i="1"/>
  <c r="AF30498" i="1"/>
  <c r="AF30499" i="1"/>
  <c r="AF30500" i="1"/>
  <c r="AF30501" i="1"/>
  <c r="AF30502" i="1"/>
  <c r="AF30503" i="1"/>
  <c r="AF30504" i="1"/>
  <c r="AF30505" i="1"/>
  <c r="AF30506" i="1"/>
  <c r="AF30507" i="1"/>
  <c r="AF30508" i="1"/>
  <c r="AF30509" i="1"/>
  <c r="AF30510" i="1"/>
  <c r="AF30511" i="1"/>
  <c r="AF30512" i="1"/>
  <c r="AF30513" i="1"/>
  <c r="AF30514" i="1"/>
  <c r="AF30515" i="1"/>
  <c r="AF30516" i="1"/>
  <c r="AF30517" i="1"/>
  <c r="AF30518" i="1"/>
  <c r="AF30519" i="1"/>
  <c r="AF30520" i="1"/>
  <c r="AF30521" i="1"/>
  <c r="AF30522" i="1"/>
  <c r="AF30523" i="1"/>
  <c r="AF30524" i="1"/>
  <c r="AF30525" i="1"/>
  <c r="AF30526" i="1"/>
  <c r="AF30527" i="1"/>
  <c r="AF30528" i="1"/>
  <c r="AF30529" i="1"/>
  <c r="AF30530" i="1"/>
  <c r="AF30531" i="1"/>
  <c r="AF30532" i="1"/>
  <c r="AF30533" i="1"/>
  <c r="AF30534" i="1"/>
  <c r="AF30535" i="1"/>
  <c r="AF30536" i="1"/>
  <c r="AF30537" i="1"/>
  <c r="AF30538" i="1"/>
  <c r="AF30539" i="1"/>
  <c r="AF30540" i="1"/>
  <c r="AF30541" i="1"/>
  <c r="AF30542" i="1"/>
  <c r="AF30543" i="1"/>
  <c r="AF30544" i="1"/>
  <c r="AF30545" i="1"/>
  <c r="AF30546" i="1"/>
  <c r="AF30547" i="1"/>
  <c r="AF30548" i="1"/>
  <c r="AF30549" i="1"/>
  <c r="AF30550" i="1"/>
  <c r="AF30551" i="1"/>
  <c r="AF30552" i="1"/>
  <c r="AF30553" i="1"/>
  <c r="AF30554" i="1"/>
  <c r="AF30555" i="1"/>
  <c r="AF30556" i="1"/>
  <c r="AF30557" i="1"/>
  <c r="AF30558" i="1"/>
  <c r="AF30559" i="1"/>
  <c r="AF30560" i="1"/>
  <c r="AF30561" i="1"/>
  <c r="AF30562" i="1"/>
  <c r="AF30563" i="1"/>
  <c r="AF30564" i="1"/>
  <c r="AF30565" i="1"/>
  <c r="AF30566" i="1"/>
  <c r="AF30567" i="1"/>
  <c r="AF30568" i="1"/>
  <c r="AF30569" i="1"/>
  <c r="AF30570" i="1"/>
  <c r="AF30571" i="1"/>
  <c r="AF30572" i="1"/>
  <c r="AF30573" i="1"/>
  <c r="AF30574" i="1"/>
  <c r="AF30575" i="1"/>
  <c r="AF30576" i="1"/>
  <c r="AF30577" i="1"/>
  <c r="AF30578" i="1"/>
  <c r="AF30579" i="1"/>
  <c r="AF30580" i="1"/>
  <c r="AF30581" i="1"/>
  <c r="AF30582" i="1"/>
  <c r="AF30583" i="1"/>
  <c r="AF30584" i="1"/>
  <c r="AF30585" i="1"/>
  <c r="AF30586" i="1"/>
  <c r="AF30587" i="1"/>
  <c r="AF30588" i="1"/>
  <c r="AF30589" i="1"/>
  <c r="AF30590" i="1"/>
  <c r="AF30591" i="1"/>
  <c r="AF30592" i="1"/>
  <c r="AF30593" i="1"/>
  <c r="AF30594" i="1"/>
  <c r="AF30595" i="1"/>
  <c r="AF30596" i="1"/>
  <c r="AF30597" i="1"/>
  <c r="AF30598" i="1"/>
  <c r="AF30599" i="1"/>
  <c r="AF30600" i="1"/>
  <c r="AF30601" i="1"/>
  <c r="AF30602" i="1"/>
  <c r="AF30603" i="1"/>
  <c r="AF30604" i="1"/>
  <c r="AF30605" i="1"/>
  <c r="AF30606" i="1"/>
  <c r="AF30607" i="1"/>
  <c r="AF30608" i="1"/>
  <c r="AF30609" i="1"/>
  <c r="AF30610" i="1"/>
  <c r="AF30611" i="1"/>
  <c r="AF30612" i="1"/>
  <c r="AF30613" i="1"/>
  <c r="AF30614" i="1"/>
  <c r="AF30615" i="1"/>
  <c r="AF30616" i="1"/>
  <c r="AF30617" i="1"/>
  <c r="AF30618" i="1"/>
  <c r="AF30619" i="1"/>
  <c r="AF30620" i="1"/>
  <c r="AF30621" i="1"/>
  <c r="AF30622" i="1"/>
  <c r="AF30623" i="1"/>
  <c r="AF30624" i="1"/>
  <c r="AF30625" i="1"/>
  <c r="AF30626" i="1"/>
  <c r="AF30627" i="1"/>
  <c r="AF30628" i="1"/>
  <c r="AF30629" i="1"/>
  <c r="AF30630" i="1"/>
  <c r="AF30631" i="1"/>
  <c r="AF30632" i="1"/>
  <c r="AF30633" i="1"/>
  <c r="AF30634" i="1"/>
  <c r="AF30635" i="1"/>
  <c r="AF30636" i="1"/>
  <c r="AF30637" i="1"/>
  <c r="AF30638" i="1"/>
  <c r="AF30639" i="1"/>
  <c r="AF30640" i="1"/>
  <c r="AF30641" i="1"/>
  <c r="AF30642" i="1"/>
  <c r="AF30643" i="1"/>
  <c r="AF30644" i="1"/>
  <c r="AF30645" i="1"/>
  <c r="AF30646" i="1"/>
  <c r="AF30647" i="1"/>
  <c r="AF30648" i="1"/>
  <c r="AF30649" i="1"/>
  <c r="AF30650" i="1"/>
  <c r="AF30651" i="1"/>
  <c r="AF30652" i="1"/>
  <c r="AF30653" i="1"/>
  <c r="AF30654" i="1"/>
  <c r="AF30655" i="1"/>
  <c r="AF30656" i="1"/>
  <c r="AF30657" i="1"/>
  <c r="AF30658" i="1"/>
  <c r="AF30659" i="1"/>
  <c r="AF30660" i="1"/>
  <c r="AF30661" i="1"/>
  <c r="AF30662" i="1"/>
  <c r="AF30663" i="1"/>
  <c r="AF30664" i="1"/>
  <c r="AF30665" i="1"/>
  <c r="AF30666" i="1"/>
  <c r="AF30667" i="1"/>
  <c r="AF30668" i="1"/>
  <c r="AF30669" i="1"/>
  <c r="AF30670" i="1"/>
  <c r="AF30671" i="1"/>
  <c r="AF30672" i="1"/>
  <c r="AF30673" i="1"/>
  <c r="AF30674" i="1"/>
  <c r="AF30675" i="1"/>
  <c r="AF30676" i="1"/>
  <c r="AF30677" i="1"/>
  <c r="AF30678" i="1"/>
  <c r="AF30679" i="1"/>
  <c r="AF30680" i="1"/>
  <c r="AF30681" i="1"/>
  <c r="AF30682" i="1"/>
  <c r="AF30683" i="1"/>
  <c r="AF30684" i="1"/>
  <c r="AF30685" i="1"/>
  <c r="AF30686" i="1"/>
  <c r="AF30687" i="1"/>
  <c r="AF30688" i="1"/>
  <c r="AF30689" i="1"/>
  <c r="AF30690" i="1"/>
  <c r="AF30691" i="1"/>
  <c r="AF30692" i="1"/>
  <c r="AF30693" i="1"/>
  <c r="AF30694" i="1"/>
  <c r="AF30695" i="1"/>
  <c r="AF30696" i="1"/>
  <c r="AF30697" i="1"/>
  <c r="AF30698" i="1"/>
  <c r="AF30699" i="1"/>
  <c r="AF30700" i="1"/>
  <c r="AF30701" i="1"/>
  <c r="AF30702" i="1"/>
  <c r="AF30703" i="1"/>
  <c r="AF30704" i="1"/>
  <c r="AF30705" i="1"/>
  <c r="AF30706" i="1"/>
  <c r="AF30707" i="1"/>
  <c r="AF30708" i="1"/>
  <c r="AF30709" i="1"/>
  <c r="AF30710" i="1"/>
  <c r="AF30711" i="1"/>
  <c r="AF30712" i="1"/>
  <c r="AF30713" i="1"/>
  <c r="AF30714" i="1"/>
  <c r="AF30715" i="1"/>
  <c r="AF30716" i="1"/>
  <c r="AF30717" i="1"/>
  <c r="AF30718" i="1"/>
  <c r="AF30719" i="1"/>
  <c r="AF30720" i="1"/>
  <c r="AF30721" i="1"/>
  <c r="AF30722" i="1"/>
  <c r="AF30723" i="1"/>
  <c r="AF30724" i="1"/>
  <c r="AF30725" i="1"/>
  <c r="AF30726" i="1"/>
  <c r="AF30727" i="1"/>
  <c r="AF30728" i="1"/>
  <c r="AF30729" i="1"/>
  <c r="AF30730" i="1"/>
  <c r="AF30731" i="1"/>
  <c r="AF30732" i="1"/>
  <c r="AF30733" i="1"/>
  <c r="AF30734" i="1"/>
  <c r="AF30735" i="1"/>
  <c r="AF30736" i="1"/>
  <c r="AF30737" i="1"/>
  <c r="AF30738" i="1"/>
  <c r="AF30739" i="1"/>
  <c r="AF30740" i="1"/>
  <c r="AF30741" i="1"/>
  <c r="AF30742" i="1"/>
  <c r="AF30743" i="1"/>
  <c r="AF30744" i="1"/>
  <c r="AF30745" i="1"/>
  <c r="AF30746" i="1"/>
  <c r="AF30747" i="1"/>
  <c r="AF30748" i="1"/>
  <c r="AF30749" i="1"/>
  <c r="AF30750" i="1"/>
  <c r="AF30751" i="1"/>
  <c r="AF30752" i="1"/>
  <c r="AF30753" i="1"/>
  <c r="AF30754" i="1"/>
  <c r="AF30755" i="1"/>
  <c r="AF30756" i="1"/>
  <c r="AF30757" i="1"/>
  <c r="AF30758" i="1"/>
  <c r="AF30759" i="1"/>
  <c r="AF30760" i="1"/>
  <c r="AF30761" i="1"/>
  <c r="AF30762" i="1"/>
  <c r="AF30763" i="1"/>
  <c r="AF30764" i="1"/>
  <c r="AF30765" i="1"/>
  <c r="AF30766" i="1"/>
  <c r="AF30767" i="1"/>
  <c r="AF30768" i="1"/>
  <c r="AF30769" i="1"/>
  <c r="AF30770" i="1"/>
  <c r="AF30771" i="1"/>
  <c r="AF30772" i="1"/>
  <c r="AF30773" i="1"/>
  <c r="AF30774" i="1"/>
  <c r="AF30775" i="1"/>
  <c r="AF30776" i="1"/>
  <c r="AF30777" i="1"/>
  <c r="AF30778" i="1"/>
  <c r="AF30779" i="1"/>
  <c r="AF30780" i="1"/>
  <c r="AF30781" i="1"/>
  <c r="AF30782" i="1"/>
  <c r="AF30783" i="1"/>
  <c r="AF30784" i="1"/>
  <c r="AF30785" i="1"/>
  <c r="AF30786" i="1"/>
  <c r="AF30787" i="1"/>
  <c r="AF30788" i="1"/>
  <c r="AF30789" i="1"/>
  <c r="AF30790" i="1"/>
  <c r="AF30791" i="1"/>
  <c r="AF30792" i="1"/>
  <c r="AF30793" i="1"/>
  <c r="AF30794" i="1"/>
  <c r="AF30795" i="1"/>
  <c r="AF30796" i="1"/>
  <c r="AF30797" i="1"/>
  <c r="AF30798" i="1"/>
  <c r="AF30799" i="1"/>
  <c r="AF30800" i="1"/>
  <c r="AF30801" i="1"/>
  <c r="AF30802" i="1"/>
  <c r="AF30803" i="1"/>
  <c r="AF30804" i="1"/>
  <c r="AF30805" i="1"/>
  <c r="AF30806" i="1"/>
  <c r="AF30807" i="1"/>
  <c r="AF30808" i="1"/>
  <c r="AF30809" i="1"/>
  <c r="AF30810" i="1"/>
  <c r="AF30811" i="1"/>
  <c r="AF30812" i="1"/>
  <c r="AF30813" i="1"/>
  <c r="AF30814" i="1"/>
  <c r="AF30815" i="1"/>
  <c r="AF30816" i="1"/>
  <c r="AF30817" i="1"/>
  <c r="AF30818" i="1"/>
  <c r="AF30819" i="1"/>
  <c r="AF30820" i="1"/>
  <c r="AF30821" i="1"/>
  <c r="AF30822" i="1"/>
  <c r="AF30823" i="1"/>
  <c r="AF30824" i="1"/>
  <c r="AF30825" i="1"/>
  <c r="AF30826" i="1"/>
  <c r="AF30827" i="1"/>
  <c r="AF30828" i="1"/>
  <c r="AF30829" i="1"/>
  <c r="AF30830" i="1"/>
  <c r="AF30831" i="1"/>
  <c r="AF30832" i="1"/>
  <c r="AF30833" i="1"/>
  <c r="AF30834" i="1"/>
  <c r="AF30835" i="1"/>
  <c r="AF30836" i="1"/>
  <c r="AF30837" i="1"/>
  <c r="AF30838" i="1"/>
  <c r="AF30839" i="1"/>
  <c r="AF30840" i="1"/>
  <c r="AF30841" i="1"/>
  <c r="AF30842" i="1"/>
  <c r="AF30843" i="1"/>
  <c r="AF30844" i="1"/>
  <c r="AF30845" i="1"/>
  <c r="AF30846" i="1"/>
  <c r="AF30847" i="1"/>
  <c r="AF30848" i="1"/>
  <c r="AF30849" i="1"/>
  <c r="AF30850" i="1"/>
  <c r="AF30851" i="1"/>
  <c r="AF30852" i="1"/>
  <c r="AF30853" i="1"/>
  <c r="AF30854" i="1"/>
  <c r="AF30855" i="1"/>
  <c r="AF30856" i="1"/>
  <c r="AF30857" i="1"/>
  <c r="AF30858" i="1"/>
  <c r="AF30859" i="1"/>
  <c r="AF30860" i="1"/>
  <c r="AF30861" i="1"/>
  <c r="AF30862" i="1"/>
  <c r="AF30863" i="1"/>
  <c r="AF30864" i="1"/>
  <c r="AF30865" i="1"/>
  <c r="AF30866" i="1"/>
  <c r="AF30867" i="1"/>
  <c r="AF30868" i="1"/>
  <c r="AF30869" i="1"/>
  <c r="AF30870" i="1"/>
  <c r="AF30871" i="1"/>
  <c r="AF30872" i="1"/>
  <c r="AF30873" i="1"/>
  <c r="AF30874" i="1"/>
  <c r="AF30875" i="1"/>
  <c r="AF30876" i="1"/>
  <c r="AF30877" i="1"/>
  <c r="AF30878" i="1"/>
  <c r="AF30879" i="1"/>
  <c r="AF30880" i="1"/>
  <c r="AF30881" i="1"/>
  <c r="AF30882" i="1"/>
  <c r="AF30883" i="1"/>
  <c r="AF30884" i="1"/>
  <c r="AF30885" i="1"/>
  <c r="AF30886" i="1"/>
  <c r="AF30887" i="1"/>
  <c r="AF30888" i="1"/>
  <c r="AF30889" i="1"/>
  <c r="AF30890" i="1"/>
  <c r="AF30891" i="1"/>
  <c r="AF30892" i="1"/>
  <c r="AF30893" i="1"/>
  <c r="AF30894" i="1"/>
  <c r="AF30895" i="1"/>
  <c r="AF30896" i="1"/>
  <c r="AF30897" i="1"/>
  <c r="AF30898" i="1"/>
  <c r="AF30899" i="1"/>
  <c r="AF30900" i="1"/>
  <c r="AF30901" i="1"/>
  <c r="AF30902" i="1"/>
  <c r="AF30903" i="1"/>
  <c r="AF30904" i="1"/>
  <c r="AF30905" i="1"/>
  <c r="AF30906" i="1"/>
  <c r="AF30907" i="1"/>
  <c r="AF30908" i="1"/>
  <c r="AF30909" i="1"/>
  <c r="AF30910" i="1"/>
  <c r="AF30911" i="1"/>
  <c r="AF30912" i="1"/>
  <c r="AF30913" i="1"/>
  <c r="AF30914" i="1"/>
  <c r="AF30915" i="1"/>
  <c r="AF30916" i="1"/>
  <c r="AF30917" i="1"/>
  <c r="AF30918" i="1"/>
  <c r="AF30919" i="1"/>
  <c r="AF30920" i="1"/>
  <c r="AF30921" i="1"/>
  <c r="AF30922" i="1"/>
  <c r="AF30923" i="1"/>
  <c r="AF30924" i="1"/>
  <c r="AF30925" i="1"/>
  <c r="AF30926" i="1"/>
  <c r="AF30927" i="1"/>
  <c r="AF30928" i="1"/>
  <c r="AF30929" i="1"/>
  <c r="AF30930" i="1"/>
  <c r="AF30931" i="1"/>
  <c r="AF30932" i="1"/>
  <c r="AF30933" i="1"/>
  <c r="AF30934" i="1"/>
  <c r="AF30935" i="1"/>
  <c r="AF30936" i="1"/>
  <c r="AF30937" i="1"/>
  <c r="AF30938" i="1"/>
  <c r="AF30939" i="1"/>
  <c r="AF30940" i="1"/>
  <c r="AF30941" i="1"/>
  <c r="AF30942" i="1"/>
  <c r="AF30943" i="1"/>
  <c r="AF30944" i="1"/>
  <c r="AF30945" i="1"/>
  <c r="AF30946" i="1"/>
  <c r="AF30947" i="1"/>
  <c r="AF30948" i="1"/>
  <c r="AF30949" i="1"/>
  <c r="AF30950" i="1"/>
  <c r="AF30951" i="1"/>
  <c r="AF30952" i="1"/>
  <c r="AF30953" i="1"/>
  <c r="AF30954" i="1"/>
  <c r="AF30955" i="1"/>
  <c r="AF30956" i="1"/>
  <c r="AF30957" i="1"/>
  <c r="AF30958" i="1"/>
  <c r="AF30959" i="1"/>
  <c r="AF30960" i="1"/>
  <c r="AF30961" i="1"/>
  <c r="AF30962" i="1"/>
  <c r="AF30963" i="1"/>
  <c r="AF30964" i="1"/>
  <c r="AF30965" i="1"/>
  <c r="AF30966" i="1"/>
  <c r="AF30967" i="1"/>
  <c r="AF30968" i="1"/>
  <c r="AF30969" i="1"/>
  <c r="AF30970" i="1"/>
  <c r="AF30971" i="1"/>
  <c r="AF30972" i="1"/>
  <c r="AF30973" i="1"/>
  <c r="AF30974" i="1"/>
  <c r="AF30975" i="1"/>
  <c r="AF30976" i="1"/>
  <c r="AF30977" i="1"/>
  <c r="AF30978" i="1"/>
  <c r="AF30979" i="1"/>
  <c r="AF30980" i="1"/>
  <c r="AF30981" i="1"/>
  <c r="AF30982" i="1"/>
  <c r="AF30983" i="1"/>
  <c r="AF30984" i="1"/>
  <c r="AF30985" i="1"/>
  <c r="AF30986" i="1"/>
  <c r="AF30987" i="1"/>
  <c r="AF30988" i="1"/>
  <c r="AF30989" i="1"/>
  <c r="AF30990" i="1"/>
  <c r="AF30991" i="1"/>
  <c r="AF30992" i="1"/>
  <c r="AF30993" i="1"/>
  <c r="AF30994" i="1"/>
  <c r="AF30995" i="1"/>
  <c r="AF30996" i="1"/>
  <c r="AF30997" i="1"/>
  <c r="AF30998" i="1"/>
  <c r="AF30999" i="1"/>
  <c r="AF31000" i="1"/>
  <c r="AF31001" i="1"/>
  <c r="AF31002" i="1"/>
  <c r="AF31003" i="1"/>
  <c r="AF31004" i="1"/>
  <c r="AF31005" i="1"/>
  <c r="AF31006" i="1"/>
  <c r="AF31007" i="1"/>
  <c r="AF31008" i="1"/>
  <c r="AF31009" i="1"/>
  <c r="AF31010" i="1"/>
  <c r="AF31011" i="1"/>
  <c r="AF31012" i="1"/>
  <c r="AF31013" i="1"/>
  <c r="AF31014" i="1"/>
  <c r="AF31015" i="1"/>
  <c r="AF31016" i="1"/>
  <c r="AF31017" i="1"/>
  <c r="AF31018" i="1"/>
  <c r="AF31019" i="1"/>
  <c r="AF31020" i="1"/>
  <c r="AF31021" i="1"/>
  <c r="AF31022" i="1"/>
  <c r="AF31023" i="1"/>
  <c r="AF31024" i="1"/>
  <c r="AF31025" i="1"/>
  <c r="AF31026" i="1"/>
  <c r="AF31027" i="1"/>
  <c r="AF31028" i="1"/>
  <c r="AF31029" i="1"/>
  <c r="AF31030" i="1"/>
  <c r="AF31031" i="1"/>
  <c r="AF31032" i="1"/>
  <c r="AF31033" i="1"/>
  <c r="AF31034" i="1"/>
  <c r="AF31035" i="1"/>
  <c r="AF31036" i="1"/>
  <c r="AF31037" i="1"/>
  <c r="AF31038" i="1"/>
  <c r="AF31039" i="1"/>
  <c r="AF31040" i="1"/>
  <c r="AF31041" i="1"/>
  <c r="AF31042" i="1"/>
  <c r="AF31043" i="1"/>
  <c r="AF31044" i="1"/>
  <c r="AF31045" i="1"/>
  <c r="AF31046" i="1"/>
  <c r="AF31047" i="1"/>
  <c r="AF31048" i="1"/>
  <c r="AF31049" i="1"/>
  <c r="AF31050" i="1"/>
  <c r="AF31051" i="1"/>
  <c r="AF31052" i="1"/>
  <c r="AF31053" i="1"/>
  <c r="AF31054" i="1"/>
  <c r="AF31055" i="1"/>
  <c r="AF31056" i="1"/>
  <c r="AF31057" i="1"/>
  <c r="AF31058" i="1"/>
  <c r="AF31059" i="1"/>
  <c r="AF31060" i="1"/>
  <c r="AF31061" i="1"/>
  <c r="AF31062" i="1"/>
  <c r="AF31063" i="1"/>
  <c r="AF31064" i="1"/>
  <c r="AF31065" i="1"/>
  <c r="AF31066" i="1"/>
  <c r="AF31067" i="1"/>
  <c r="AF31068" i="1"/>
  <c r="AF31069" i="1"/>
  <c r="AF31070" i="1"/>
  <c r="AF31071" i="1"/>
  <c r="AF31072" i="1"/>
  <c r="AF31073" i="1"/>
  <c r="AF31074" i="1"/>
  <c r="AF31075" i="1"/>
  <c r="AF31076" i="1"/>
  <c r="AF31077" i="1"/>
  <c r="AF31078" i="1"/>
  <c r="AF31079" i="1"/>
  <c r="AF31080" i="1"/>
  <c r="AF31081" i="1"/>
  <c r="AF31082" i="1"/>
  <c r="AF31083" i="1"/>
  <c r="AF31084" i="1"/>
  <c r="AF31085" i="1"/>
  <c r="AF31086" i="1"/>
  <c r="AF31087" i="1"/>
  <c r="AF31088" i="1"/>
  <c r="AF31089" i="1"/>
  <c r="AF31090" i="1"/>
  <c r="AF31091" i="1"/>
  <c r="AF31092" i="1"/>
  <c r="AF31093" i="1"/>
  <c r="AF31094" i="1"/>
  <c r="AF31095" i="1"/>
  <c r="AF31096" i="1"/>
  <c r="AF31097" i="1"/>
  <c r="AF31098" i="1"/>
  <c r="AF31099" i="1"/>
  <c r="AF31100" i="1"/>
  <c r="AF31101" i="1"/>
  <c r="AF31102" i="1"/>
  <c r="AF31103" i="1"/>
  <c r="AF31104" i="1"/>
  <c r="AF31105" i="1"/>
  <c r="AF31106" i="1"/>
  <c r="AF31107" i="1"/>
  <c r="AF31108" i="1"/>
  <c r="AF31109" i="1"/>
  <c r="AF31110" i="1"/>
  <c r="AF31111" i="1"/>
  <c r="AF31112" i="1"/>
  <c r="AF31113" i="1"/>
  <c r="AF31114" i="1"/>
  <c r="AF31115" i="1"/>
  <c r="AF31116" i="1"/>
  <c r="AF31117" i="1"/>
  <c r="AF31118" i="1"/>
  <c r="AF31119" i="1"/>
  <c r="AF31120" i="1"/>
  <c r="AF31121" i="1"/>
  <c r="AF31122" i="1"/>
  <c r="AF31123" i="1"/>
  <c r="AF31124" i="1"/>
  <c r="AF31125" i="1"/>
  <c r="AF31126" i="1"/>
  <c r="AF31127" i="1"/>
  <c r="AF31128" i="1"/>
  <c r="AF31129" i="1"/>
  <c r="AF31130" i="1"/>
  <c r="AF31131" i="1"/>
  <c r="AF31132" i="1"/>
  <c r="AF31133" i="1"/>
  <c r="AF31134" i="1"/>
  <c r="AF31135" i="1"/>
  <c r="AF31136" i="1"/>
  <c r="AF31137" i="1"/>
  <c r="AF31138" i="1"/>
  <c r="AF31139" i="1"/>
  <c r="AF31140" i="1"/>
  <c r="AF31141" i="1"/>
  <c r="AF31142" i="1"/>
  <c r="AF31143" i="1"/>
  <c r="AF31144" i="1"/>
  <c r="AF31145" i="1"/>
  <c r="AF31146" i="1"/>
  <c r="AF31147" i="1"/>
  <c r="AF31148" i="1"/>
  <c r="AF31149" i="1"/>
  <c r="AF31150" i="1"/>
  <c r="AF31151" i="1"/>
  <c r="AF31152" i="1"/>
  <c r="AF31153" i="1"/>
  <c r="AF31154" i="1"/>
  <c r="AF31155" i="1"/>
  <c r="AF31156" i="1"/>
  <c r="AF31157" i="1"/>
  <c r="AF31158" i="1"/>
  <c r="AF31159" i="1"/>
  <c r="AF31160" i="1"/>
  <c r="AF31161" i="1"/>
  <c r="AF31162" i="1"/>
  <c r="AF31163" i="1"/>
  <c r="AF31164" i="1"/>
  <c r="AF31165" i="1"/>
  <c r="AF31166" i="1"/>
  <c r="AF31167" i="1"/>
  <c r="AF31168" i="1"/>
  <c r="AF31169" i="1"/>
  <c r="AF31170" i="1"/>
  <c r="AF31171" i="1"/>
  <c r="AF31172" i="1"/>
  <c r="AF31173" i="1"/>
  <c r="AF31174" i="1"/>
  <c r="AF31175" i="1"/>
  <c r="AF31176" i="1"/>
  <c r="AF31177" i="1"/>
  <c r="AF31178" i="1"/>
  <c r="AF31179" i="1"/>
  <c r="AF31180" i="1"/>
  <c r="AF31181" i="1"/>
  <c r="AF31182" i="1"/>
  <c r="AF31183" i="1"/>
  <c r="AF31184" i="1"/>
  <c r="AF31185" i="1"/>
  <c r="AF31186" i="1"/>
  <c r="AF31187" i="1"/>
  <c r="AF31188" i="1"/>
  <c r="AF31189" i="1"/>
  <c r="AF31190" i="1"/>
  <c r="AF31191" i="1"/>
  <c r="AF31192" i="1"/>
  <c r="AF31193" i="1"/>
  <c r="AF31194" i="1"/>
  <c r="AF31195" i="1"/>
  <c r="AF31196" i="1"/>
  <c r="AF31197" i="1"/>
  <c r="AF31198" i="1"/>
  <c r="AF31199" i="1"/>
  <c r="AF31200" i="1"/>
  <c r="AF31201" i="1"/>
  <c r="AF31202" i="1"/>
  <c r="AF31203" i="1"/>
  <c r="AF31204" i="1"/>
  <c r="AF31205" i="1"/>
  <c r="AF31206" i="1"/>
  <c r="AF31207" i="1"/>
  <c r="AF31208" i="1"/>
  <c r="AF31209" i="1"/>
  <c r="AF31210" i="1"/>
  <c r="AF31211" i="1"/>
  <c r="AF31212" i="1"/>
  <c r="AF31213" i="1"/>
  <c r="AF31214" i="1"/>
  <c r="AF31215" i="1"/>
  <c r="AF31216" i="1"/>
  <c r="AF31217" i="1"/>
  <c r="AF31218" i="1"/>
  <c r="AF31219" i="1"/>
  <c r="AF31220" i="1"/>
  <c r="AF31221" i="1"/>
  <c r="AF31222" i="1"/>
  <c r="AF31223" i="1"/>
  <c r="AF31224" i="1"/>
  <c r="AF31225" i="1"/>
  <c r="AF31226" i="1"/>
  <c r="AF31227" i="1"/>
  <c r="AF31228" i="1"/>
  <c r="AF31229" i="1"/>
  <c r="AF31230" i="1"/>
  <c r="AF31231" i="1"/>
  <c r="AF31232" i="1"/>
  <c r="AF31233" i="1"/>
  <c r="AF31234" i="1"/>
  <c r="AF31235" i="1"/>
  <c r="AF31236" i="1"/>
  <c r="AF31237" i="1"/>
  <c r="AF31238" i="1"/>
  <c r="AF31239" i="1"/>
  <c r="AF31240" i="1"/>
  <c r="AF31241" i="1"/>
  <c r="AF31242" i="1"/>
  <c r="AF31243" i="1"/>
  <c r="AF31244" i="1"/>
  <c r="AF31245" i="1"/>
  <c r="AF31246" i="1"/>
  <c r="AF31247" i="1"/>
  <c r="AF31248" i="1"/>
  <c r="AF31249" i="1"/>
  <c r="AF31250" i="1"/>
  <c r="AF31251" i="1"/>
  <c r="AF31252" i="1"/>
  <c r="AF31253" i="1"/>
  <c r="AF31254" i="1"/>
  <c r="AF31255" i="1"/>
  <c r="AF31256" i="1"/>
  <c r="AF31257" i="1"/>
  <c r="AF31258" i="1"/>
  <c r="AF31259" i="1"/>
  <c r="AF31260" i="1"/>
  <c r="AF31261" i="1"/>
  <c r="AF31262" i="1"/>
  <c r="AF31263" i="1"/>
  <c r="AF31264" i="1"/>
  <c r="AF31265" i="1"/>
  <c r="AF31266" i="1"/>
  <c r="AF31267" i="1"/>
  <c r="AF31268" i="1"/>
  <c r="AF31269" i="1"/>
  <c r="AF31270" i="1"/>
  <c r="AF31271" i="1"/>
  <c r="AF31272" i="1"/>
  <c r="AF31273" i="1"/>
  <c r="AF31274" i="1"/>
  <c r="AF31275" i="1"/>
  <c r="AF31276" i="1"/>
  <c r="AF31277" i="1"/>
  <c r="AF31278" i="1"/>
  <c r="AF31279" i="1"/>
  <c r="AF31280" i="1"/>
  <c r="AF31281" i="1"/>
  <c r="AF31282" i="1"/>
  <c r="AF31283" i="1"/>
  <c r="AF31284" i="1"/>
  <c r="AF31285" i="1"/>
  <c r="AF31286" i="1"/>
  <c r="AF31287" i="1"/>
  <c r="AF31288" i="1"/>
  <c r="AF31289" i="1"/>
  <c r="AF31290" i="1"/>
  <c r="AF31291" i="1"/>
  <c r="AF31292" i="1"/>
  <c r="AF31293" i="1"/>
  <c r="AF31294" i="1"/>
  <c r="AF31295" i="1"/>
  <c r="AF31296" i="1"/>
  <c r="AF31297" i="1"/>
  <c r="AF31298" i="1"/>
  <c r="AF31299" i="1"/>
  <c r="AF31300" i="1"/>
  <c r="AF31301" i="1"/>
  <c r="AF31302" i="1"/>
  <c r="AF31303" i="1"/>
  <c r="AF31304" i="1"/>
  <c r="AF31305" i="1"/>
  <c r="AF31306" i="1"/>
  <c r="AF31307" i="1"/>
  <c r="AF31308" i="1"/>
  <c r="AF31309" i="1"/>
  <c r="AF31310" i="1"/>
  <c r="AF31311" i="1"/>
  <c r="AF31312" i="1"/>
  <c r="AF31313" i="1"/>
  <c r="AF31314" i="1"/>
  <c r="AF31315" i="1"/>
  <c r="AF31316" i="1"/>
  <c r="AF31317" i="1"/>
  <c r="AF31318" i="1"/>
  <c r="AF31319" i="1"/>
  <c r="AF31320" i="1"/>
  <c r="AF31321" i="1"/>
  <c r="AF31322" i="1"/>
  <c r="AF31323" i="1"/>
  <c r="AF31324" i="1"/>
  <c r="AF31325" i="1"/>
  <c r="AF31326" i="1"/>
  <c r="AF31327" i="1"/>
  <c r="AF31328" i="1"/>
  <c r="AF31329" i="1"/>
  <c r="AF31330" i="1"/>
  <c r="AF31331" i="1"/>
  <c r="AF31332" i="1"/>
  <c r="AF31333" i="1"/>
  <c r="AF31334" i="1"/>
  <c r="AF31335" i="1"/>
  <c r="AF31336" i="1"/>
  <c r="AF31337" i="1"/>
  <c r="AF31338" i="1"/>
  <c r="AF31339" i="1"/>
  <c r="AF31340" i="1"/>
  <c r="AF31341" i="1"/>
  <c r="AF31342" i="1"/>
  <c r="AF31343" i="1"/>
  <c r="AF31344" i="1"/>
  <c r="AF31345" i="1"/>
  <c r="AF31346" i="1"/>
  <c r="AF31347" i="1"/>
  <c r="AF31348" i="1"/>
  <c r="AF31349" i="1"/>
  <c r="AF31350" i="1"/>
  <c r="AF31351" i="1"/>
  <c r="AF31352" i="1"/>
  <c r="AF31353" i="1"/>
  <c r="AF31354" i="1"/>
  <c r="AF31355" i="1"/>
  <c r="AF31356" i="1"/>
  <c r="AF31357" i="1"/>
  <c r="AF31358" i="1"/>
  <c r="AF31359" i="1"/>
  <c r="AF31360" i="1"/>
  <c r="AF31361" i="1"/>
  <c r="AF31362" i="1"/>
  <c r="AF31363" i="1"/>
  <c r="AF31364" i="1"/>
  <c r="AF31365" i="1"/>
  <c r="AF31366" i="1"/>
  <c r="AF31367" i="1"/>
  <c r="AF31368" i="1"/>
  <c r="AF31369" i="1"/>
  <c r="AF31370" i="1"/>
  <c r="AF31371" i="1"/>
  <c r="AF31372" i="1"/>
  <c r="AF31373" i="1"/>
  <c r="AF31374" i="1"/>
  <c r="AF31375" i="1"/>
  <c r="AF31376" i="1"/>
  <c r="AF31377" i="1"/>
  <c r="AF31378" i="1"/>
  <c r="AF31379" i="1"/>
  <c r="AF31380" i="1"/>
  <c r="AF31381" i="1"/>
  <c r="AF31382" i="1"/>
  <c r="AF31383" i="1"/>
  <c r="AF31384" i="1"/>
  <c r="AF31385" i="1"/>
  <c r="AF31386" i="1"/>
  <c r="AF31387" i="1"/>
  <c r="AF31388" i="1"/>
  <c r="AF31389" i="1"/>
  <c r="AF31390" i="1"/>
  <c r="AF31391" i="1"/>
  <c r="AF31392" i="1"/>
  <c r="AF31393" i="1"/>
  <c r="AF31394" i="1"/>
  <c r="AF31395" i="1"/>
  <c r="AF31396" i="1"/>
  <c r="AF31397" i="1"/>
  <c r="AF31398" i="1"/>
  <c r="AF31399" i="1"/>
  <c r="AF31400" i="1"/>
  <c r="AF31401" i="1"/>
  <c r="AF31402" i="1"/>
  <c r="AF31403" i="1"/>
  <c r="AF31404" i="1"/>
  <c r="AF31405" i="1"/>
  <c r="AF31406" i="1"/>
  <c r="AF31407" i="1"/>
  <c r="AF31408" i="1"/>
  <c r="AF31409" i="1"/>
  <c r="AF31410" i="1"/>
  <c r="AF31411" i="1"/>
  <c r="AF31412" i="1"/>
  <c r="AF31413" i="1"/>
  <c r="AF31414" i="1"/>
  <c r="AF31415" i="1"/>
  <c r="AF31416" i="1"/>
  <c r="AF31417" i="1"/>
  <c r="AF31418" i="1"/>
  <c r="AF31419" i="1"/>
  <c r="AF31420" i="1"/>
  <c r="AF31421" i="1"/>
  <c r="AF31422" i="1"/>
  <c r="AF31423" i="1"/>
  <c r="AF31424" i="1"/>
  <c r="AF31425" i="1"/>
  <c r="AF31426" i="1"/>
  <c r="AF31427" i="1"/>
  <c r="AF31428" i="1"/>
  <c r="AF31429" i="1"/>
  <c r="AF31430" i="1"/>
  <c r="AF31431" i="1"/>
  <c r="AF31432" i="1"/>
  <c r="AF31433" i="1"/>
  <c r="AF31434" i="1"/>
  <c r="AF31435" i="1"/>
  <c r="AF31436" i="1"/>
  <c r="AF31437" i="1"/>
  <c r="AF31438" i="1"/>
  <c r="AF31439" i="1"/>
  <c r="AF31440" i="1"/>
  <c r="AF31441" i="1"/>
  <c r="AF31442" i="1"/>
  <c r="AF31443" i="1"/>
  <c r="AF31444" i="1"/>
  <c r="AF31445" i="1"/>
  <c r="AF31446" i="1"/>
  <c r="AF31447" i="1"/>
  <c r="AF31448" i="1"/>
  <c r="AF31449" i="1"/>
  <c r="AF31450" i="1"/>
  <c r="AF31451" i="1"/>
  <c r="AF31452" i="1"/>
  <c r="AF31453" i="1"/>
  <c r="AF31454" i="1"/>
  <c r="AF31455" i="1"/>
  <c r="AF31456" i="1"/>
  <c r="AF31457" i="1"/>
  <c r="AF31458" i="1"/>
  <c r="AF31459" i="1"/>
  <c r="AF31460" i="1"/>
  <c r="AF31461" i="1"/>
  <c r="AF31462" i="1"/>
  <c r="AF31463" i="1"/>
  <c r="AF31464" i="1"/>
  <c r="AF31465" i="1"/>
  <c r="AF31466" i="1"/>
  <c r="AF31467" i="1"/>
  <c r="AF31468" i="1"/>
  <c r="AF31469" i="1"/>
  <c r="AF31470" i="1"/>
  <c r="AF31471" i="1"/>
  <c r="AF31472" i="1"/>
  <c r="AF31473" i="1"/>
  <c r="AF31474" i="1"/>
  <c r="AF31475" i="1"/>
  <c r="AF31476" i="1"/>
  <c r="AF31477" i="1"/>
  <c r="AF31478" i="1"/>
  <c r="AF31479" i="1"/>
  <c r="AF31480" i="1"/>
  <c r="AF31481" i="1"/>
  <c r="AF31482" i="1"/>
  <c r="AF31483" i="1"/>
  <c r="AF31484" i="1"/>
  <c r="AF31485" i="1"/>
  <c r="AF31486" i="1"/>
  <c r="AF31487" i="1"/>
  <c r="AF31488" i="1"/>
  <c r="AF31489" i="1"/>
  <c r="AF31490" i="1"/>
  <c r="AF31491" i="1"/>
  <c r="AF31492" i="1"/>
  <c r="AF31493" i="1"/>
  <c r="AF31494" i="1"/>
  <c r="AF31495" i="1"/>
  <c r="AF31496" i="1"/>
  <c r="AF31497" i="1"/>
  <c r="AF31498" i="1"/>
  <c r="AF31499" i="1"/>
  <c r="AF31500" i="1"/>
  <c r="AF31501" i="1"/>
  <c r="AF31502" i="1"/>
  <c r="AF31503" i="1"/>
  <c r="AF31504" i="1"/>
  <c r="AF31505" i="1"/>
  <c r="AF31506" i="1"/>
  <c r="AF31507" i="1"/>
  <c r="AF31508" i="1"/>
  <c r="AF31509" i="1"/>
  <c r="AF31510" i="1"/>
  <c r="AF31511" i="1"/>
  <c r="AF31512" i="1"/>
  <c r="AF31513" i="1"/>
  <c r="AF31514" i="1"/>
  <c r="AF31515" i="1"/>
  <c r="AF31516" i="1"/>
  <c r="AF31517" i="1"/>
  <c r="AF31518" i="1"/>
  <c r="AF31519" i="1"/>
  <c r="AF31520" i="1"/>
  <c r="AF31521" i="1"/>
  <c r="AF31522" i="1"/>
  <c r="AF31523" i="1"/>
  <c r="AF31524" i="1"/>
  <c r="AF31525" i="1"/>
  <c r="AF31526" i="1"/>
  <c r="AF31527" i="1"/>
  <c r="AF31528" i="1"/>
  <c r="AF31529" i="1"/>
  <c r="AF31530" i="1"/>
  <c r="AF31531" i="1"/>
  <c r="AF31532" i="1"/>
  <c r="AF31533" i="1"/>
  <c r="AF31534" i="1"/>
  <c r="AF31535" i="1"/>
  <c r="AF31536" i="1"/>
  <c r="AF31537" i="1"/>
  <c r="AF31538" i="1"/>
  <c r="AF31539" i="1"/>
  <c r="AF31540" i="1"/>
  <c r="AF31541" i="1"/>
  <c r="AF31542" i="1"/>
  <c r="AF31543" i="1"/>
  <c r="AF31544" i="1"/>
  <c r="AF31545" i="1"/>
  <c r="AF31546" i="1"/>
  <c r="AF31547" i="1"/>
  <c r="AF31548" i="1"/>
  <c r="AF31549" i="1"/>
  <c r="AF31550" i="1"/>
  <c r="AF31551" i="1"/>
  <c r="AF31552" i="1"/>
  <c r="AF31553" i="1"/>
  <c r="AF31554" i="1"/>
  <c r="AF31555" i="1"/>
  <c r="AF31556" i="1"/>
  <c r="AF31557" i="1"/>
  <c r="AF31558" i="1"/>
  <c r="AF31559" i="1"/>
  <c r="AF31560" i="1"/>
  <c r="AF31561" i="1"/>
  <c r="AF31562" i="1"/>
  <c r="AF31563" i="1"/>
  <c r="AF31564" i="1"/>
  <c r="AF31565" i="1"/>
  <c r="AF31566" i="1"/>
  <c r="AF31567" i="1"/>
  <c r="AF31568" i="1"/>
  <c r="AF31569" i="1"/>
  <c r="AF31570" i="1"/>
  <c r="AF31571" i="1"/>
  <c r="AF31572" i="1"/>
  <c r="AF31573" i="1"/>
  <c r="AF31574" i="1"/>
  <c r="AF31575" i="1"/>
  <c r="AF31576" i="1"/>
  <c r="AF31577" i="1"/>
  <c r="AF31578" i="1"/>
  <c r="AF31579" i="1"/>
  <c r="AF31580" i="1"/>
  <c r="AF31581" i="1"/>
  <c r="AF31582" i="1"/>
  <c r="AF31583" i="1"/>
  <c r="AF31584" i="1"/>
  <c r="AF31585" i="1"/>
  <c r="AF31586" i="1"/>
  <c r="AF31587" i="1"/>
  <c r="AF31588" i="1"/>
  <c r="AF31589" i="1"/>
  <c r="AF31590" i="1"/>
  <c r="AF31591" i="1"/>
  <c r="AF31592" i="1"/>
  <c r="AF31593" i="1"/>
  <c r="AF31594" i="1"/>
  <c r="AF31595" i="1"/>
  <c r="AF31596" i="1"/>
  <c r="AF31597" i="1"/>
  <c r="AF31598" i="1"/>
  <c r="AF31599" i="1"/>
  <c r="AF31600" i="1"/>
  <c r="AF31601" i="1"/>
  <c r="AF31602" i="1"/>
  <c r="AF31603" i="1"/>
  <c r="AF31604" i="1"/>
  <c r="AF31605" i="1"/>
  <c r="AF31606" i="1"/>
  <c r="AF31607" i="1"/>
  <c r="AF31608" i="1"/>
  <c r="AF31609" i="1"/>
  <c r="AF31610" i="1"/>
  <c r="AF31611" i="1"/>
  <c r="AF31612" i="1"/>
  <c r="AF31613" i="1"/>
  <c r="AF31614" i="1"/>
  <c r="AF31615" i="1"/>
  <c r="AF31616" i="1"/>
  <c r="AF31617" i="1"/>
  <c r="AF31618" i="1"/>
  <c r="AF31619" i="1"/>
  <c r="AF31620" i="1"/>
  <c r="AF31621" i="1"/>
  <c r="AF31622" i="1"/>
  <c r="AF31623" i="1"/>
  <c r="AF31624" i="1"/>
  <c r="AF31625" i="1"/>
  <c r="AF31626" i="1"/>
  <c r="AF31627" i="1"/>
  <c r="AF31628" i="1"/>
  <c r="AF31629" i="1"/>
  <c r="AF31630" i="1"/>
  <c r="AF31631" i="1"/>
  <c r="AF31632" i="1"/>
  <c r="AF31633" i="1"/>
  <c r="AF31634" i="1"/>
  <c r="AF31635" i="1"/>
  <c r="AF31636" i="1"/>
  <c r="AF31637" i="1"/>
  <c r="AF31638" i="1"/>
  <c r="AF31639" i="1"/>
  <c r="AF31640" i="1"/>
  <c r="AF31641" i="1"/>
  <c r="AF31642" i="1"/>
  <c r="AF31643" i="1"/>
  <c r="AF31644" i="1"/>
  <c r="AF31645" i="1"/>
  <c r="AF31646" i="1"/>
  <c r="AF31647" i="1"/>
  <c r="AF31648" i="1"/>
  <c r="AF31649" i="1"/>
  <c r="AF31650" i="1"/>
  <c r="AF31651" i="1"/>
  <c r="AF31652" i="1"/>
  <c r="AF31653" i="1"/>
  <c r="AF31654" i="1"/>
  <c r="AF31655" i="1"/>
  <c r="AF31656" i="1"/>
  <c r="AF31657" i="1"/>
  <c r="AF31658" i="1"/>
  <c r="AF31659" i="1"/>
  <c r="AF31660" i="1"/>
  <c r="AF31661" i="1"/>
  <c r="AF31662" i="1"/>
  <c r="AF31663" i="1"/>
  <c r="AF31664" i="1"/>
  <c r="AF31665" i="1"/>
  <c r="AF31666" i="1"/>
  <c r="AF31667" i="1"/>
  <c r="AF31668" i="1"/>
  <c r="AF31669" i="1"/>
  <c r="AF31670" i="1"/>
  <c r="AF31671" i="1"/>
  <c r="AF31672" i="1"/>
  <c r="AF31673" i="1"/>
  <c r="AF31674" i="1"/>
  <c r="AF31675" i="1"/>
  <c r="AF31676" i="1"/>
  <c r="AF31677" i="1"/>
  <c r="AF31678" i="1"/>
  <c r="AF31679" i="1"/>
  <c r="AF31680" i="1"/>
  <c r="AF31681" i="1"/>
  <c r="AF31682" i="1"/>
  <c r="AF31683" i="1"/>
  <c r="AF31684" i="1"/>
  <c r="AF31685" i="1"/>
  <c r="AF31686" i="1"/>
  <c r="AF31687" i="1"/>
  <c r="AF31688" i="1"/>
  <c r="AF31689" i="1"/>
  <c r="AF31690" i="1"/>
  <c r="AF31691" i="1"/>
  <c r="AF31692" i="1"/>
  <c r="AF31693" i="1"/>
  <c r="AF31694" i="1"/>
  <c r="AF31695" i="1"/>
  <c r="AF31696" i="1"/>
  <c r="AF31697" i="1"/>
  <c r="AF31698" i="1"/>
  <c r="AF31699" i="1"/>
  <c r="AF31700" i="1"/>
  <c r="AF31701" i="1"/>
  <c r="AF31702" i="1"/>
  <c r="AF31703" i="1"/>
  <c r="AF31704" i="1"/>
  <c r="AF31705" i="1"/>
  <c r="AF31706" i="1"/>
  <c r="AF31707" i="1"/>
  <c r="AF31708" i="1"/>
  <c r="AF31709" i="1"/>
  <c r="AF31710" i="1"/>
  <c r="AF31711" i="1"/>
  <c r="AF31712" i="1"/>
  <c r="AF31713" i="1"/>
  <c r="AF31714" i="1"/>
  <c r="AF31715" i="1"/>
  <c r="AF31716" i="1"/>
  <c r="AF31717" i="1"/>
  <c r="AF31718" i="1"/>
  <c r="AF31719" i="1"/>
  <c r="AF31720" i="1"/>
  <c r="AF31721" i="1"/>
  <c r="AF31722" i="1"/>
  <c r="AF31723" i="1"/>
  <c r="AF31724" i="1"/>
  <c r="AF31725" i="1"/>
  <c r="AF31726" i="1"/>
  <c r="AF31727" i="1"/>
  <c r="AF31728" i="1"/>
  <c r="AF31729" i="1"/>
  <c r="AF31730" i="1"/>
  <c r="AF31731" i="1"/>
  <c r="AF31732" i="1"/>
  <c r="AF31733" i="1"/>
  <c r="AF31734" i="1"/>
  <c r="AF31735" i="1"/>
  <c r="AF31736" i="1"/>
  <c r="AF31737" i="1"/>
  <c r="AF31738" i="1"/>
  <c r="AF31739" i="1"/>
  <c r="AF31740" i="1"/>
  <c r="AF31741" i="1"/>
  <c r="AF31742" i="1"/>
  <c r="AF31743" i="1"/>
  <c r="AF31744" i="1"/>
  <c r="AF31745" i="1"/>
  <c r="AF31746" i="1"/>
  <c r="AF31747" i="1"/>
  <c r="AF31748" i="1"/>
  <c r="AF31749" i="1"/>
  <c r="AF31750" i="1"/>
  <c r="AF31751" i="1"/>
  <c r="AF31752" i="1"/>
  <c r="AF31753" i="1"/>
  <c r="AF31754" i="1"/>
  <c r="AF31755" i="1"/>
  <c r="AF31756" i="1"/>
  <c r="AF31757" i="1"/>
  <c r="AF31758" i="1"/>
  <c r="AF31759" i="1"/>
  <c r="AF31760" i="1"/>
  <c r="AF31761" i="1"/>
  <c r="AF31762" i="1"/>
  <c r="AF31763" i="1"/>
  <c r="AF31764" i="1"/>
  <c r="AF31765" i="1"/>
  <c r="AF31766" i="1"/>
  <c r="AF31767" i="1"/>
  <c r="AF31768" i="1"/>
  <c r="AF31769" i="1"/>
  <c r="AF31770" i="1"/>
  <c r="AF31771" i="1"/>
  <c r="AF31772" i="1"/>
  <c r="AF31773" i="1"/>
  <c r="AF31774" i="1"/>
  <c r="AF31775" i="1"/>
  <c r="AF31776" i="1"/>
  <c r="AF31777" i="1"/>
  <c r="AF31778" i="1"/>
  <c r="AF31779" i="1"/>
  <c r="AF31780" i="1"/>
  <c r="AF31781" i="1"/>
  <c r="AF31782" i="1"/>
  <c r="AF31783" i="1"/>
  <c r="AF31784" i="1"/>
  <c r="AF31785" i="1"/>
  <c r="AF31786" i="1"/>
  <c r="AF31787" i="1"/>
  <c r="AF31788" i="1"/>
  <c r="AF31789" i="1"/>
  <c r="AF31790" i="1"/>
  <c r="AF31791" i="1"/>
  <c r="AF31792" i="1"/>
  <c r="AF31793" i="1"/>
  <c r="AF31794" i="1"/>
  <c r="AF31795" i="1"/>
  <c r="AF31796" i="1"/>
  <c r="AF31797" i="1"/>
  <c r="AF31798" i="1"/>
  <c r="AF31799" i="1"/>
  <c r="AF31800" i="1"/>
  <c r="AF31801" i="1"/>
  <c r="AF31802" i="1"/>
  <c r="AF31803" i="1"/>
  <c r="AF31804" i="1"/>
  <c r="AF31805" i="1"/>
  <c r="AF31806" i="1"/>
  <c r="AF31807" i="1"/>
  <c r="AF31808" i="1"/>
  <c r="AF31809" i="1"/>
  <c r="AF31810" i="1"/>
  <c r="AF31811" i="1"/>
  <c r="AF31812" i="1"/>
  <c r="AF31813" i="1"/>
  <c r="AF31814" i="1"/>
  <c r="AF31815" i="1"/>
  <c r="AF31816" i="1"/>
  <c r="AF31817" i="1"/>
  <c r="AF31818" i="1"/>
  <c r="AF31819" i="1"/>
  <c r="AF31820" i="1"/>
  <c r="AF31821" i="1"/>
  <c r="AF31822" i="1"/>
  <c r="AF31823" i="1"/>
  <c r="AF31824" i="1"/>
  <c r="AF31825" i="1"/>
  <c r="AF31826" i="1"/>
  <c r="AF31827" i="1"/>
  <c r="AF31828" i="1"/>
  <c r="AF31829" i="1"/>
  <c r="AF31830" i="1"/>
  <c r="AF31831" i="1"/>
  <c r="AF31832" i="1"/>
  <c r="AF31833" i="1"/>
  <c r="AF31834" i="1"/>
  <c r="AF31835" i="1"/>
  <c r="AF31836" i="1"/>
  <c r="AF31837" i="1"/>
  <c r="AF31838" i="1"/>
  <c r="AF31839" i="1"/>
  <c r="AF31840" i="1"/>
  <c r="AF31841" i="1"/>
  <c r="AF31842" i="1"/>
  <c r="AF31843" i="1"/>
  <c r="AF31844" i="1"/>
  <c r="AF31845" i="1"/>
  <c r="AF31846" i="1"/>
  <c r="AF31847" i="1"/>
  <c r="AF31848" i="1"/>
  <c r="AF31849" i="1"/>
  <c r="AF31850" i="1"/>
  <c r="AF31851" i="1"/>
  <c r="AF31852" i="1"/>
  <c r="AF31853" i="1"/>
  <c r="AF31854" i="1"/>
  <c r="AF31855" i="1"/>
  <c r="AF31856" i="1"/>
  <c r="AF31857" i="1"/>
  <c r="AF31858" i="1"/>
  <c r="AF31859" i="1"/>
  <c r="AF31860" i="1"/>
  <c r="AF31861" i="1"/>
  <c r="AF31862" i="1"/>
  <c r="AF31863" i="1"/>
  <c r="AF31864" i="1"/>
  <c r="AF31865" i="1"/>
  <c r="AF31866" i="1"/>
  <c r="AF31867" i="1"/>
  <c r="AF31868" i="1"/>
  <c r="AF31869" i="1"/>
  <c r="AF31870" i="1"/>
  <c r="AF31871" i="1"/>
  <c r="AF31872" i="1"/>
  <c r="AF31873" i="1"/>
  <c r="AF31874" i="1"/>
  <c r="AF31875" i="1"/>
  <c r="AF31876" i="1"/>
  <c r="AF31877" i="1"/>
  <c r="AF31878" i="1"/>
  <c r="AF31879" i="1"/>
  <c r="AF31880" i="1"/>
  <c r="AF31881" i="1"/>
  <c r="AF31882" i="1"/>
  <c r="AF31883" i="1"/>
  <c r="AF31884" i="1"/>
  <c r="AF31885" i="1"/>
  <c r="AF31886" i="1"/>
  <c r="AF31887" i="1"/>
  <c r="AF31888" i="1"/>
  <c r="AF31889" i="1"/>
  <c r="AF31890" i="1"/>
  <c r="AF31891" i="1"/>
  <c r="AF31892" i="1"/>
  <c r="AF31893" i="1"/>
  <c r="AF31894" i="1"/>
  <c r="AF31895" i="1"/>
  <c r="AF31896" i="1"/>
  <c r="AF31897" i="1"/>
  <c r="AF31898" i="1"/>
  <c r="AF31899" i="1"/>
  <c r="AF31900" i="1"/>
  <c r="AF31901" i="1"/>
  <c r="AF31902" i="1"/>
  <c r="AF31903" i="1"/>
  <c r="AF31904" i="1"/>
  <c r="AF31905" i="1"/>
  <c r="AF31906" i="1"/>
  <c r="AF31907" i="1"/>
  <c r="AF31908" i="1"/>
  <c r="AF31909" i="1"/>
  <c r="AF31910" i="1"/>
  <c r="AF31911" i="1"/>
  <c r="AF31912" i="1"/>
  <c r="AF31913" i="1"/>
  <c r="AF31914" i="1"/>
  <c r="AF31915" i="1"/>
  <c r="AF31916" i="1"/>
  <c r="AF31917" i="1"/>
  <c r="AF31918" i="1"/>
  <c r="AF31919" i="1"/>
  <c r="AF31920" i="1"/>
  <c r="AF31921" i="1"/>
  <c r="AF31922" i="1"/>
  <c r="AF31923" i="1"/>
  <c r="AF31924" i="1"/>
  <c r="AF31925" i="1"/>
  <c r="AF31926" i="1"/>
  <c r="AF31927" i="1"/>
  <c r="AF31928" i="1"/>
  <c r="AF31929" i="1"/>
  <c r="AF31930" i="1"/>
  <c r="AF31931" i="1"/>
  <c r="AF31932" i="1"/>
  <c r="AF31933" i="1"/>
  <c r="AF31934" i="1"/>
  <c r="AF31935" i="1"/>
  <c r="AF31936" i="1"/>
  <c r="AF31937" i="1"/>
  <c r="AF31938" i="1"/>
  <c r="AF31939" i="1"/>
  <c r="AF31940" i="1"/>
  <c r="AF31941" i="1"/>
  <c r="AF31942" i="1"/>
  <c r="AF31943" i="1"/>
  <c r="AF31944" i="1"/>
  <c r="AF31945" i="1"/>
  <c r="AF31946" i="1"/>
  <c r="AF31947" i="1"/>
  <c r="AF31948" i="1"/>
  <c r="AF31949" i="1"/>
  <c r="AF31950" i="1"/>
  <c r="AF31951" i="1"/>
  <c r="AF31952" i="1"/>
  <c r="AF31953" i="1"/>
  <c r="AF31954" i="1"/>
  <c r="AF31955" i="1"/>
  <c r="AF31956" i="1"/>
  <c r="AF31957" i="1"/>
  <c r="AF31958" i="1"/>
  <c r="AF31959" i="1"/>
  <c r="AF31960" i="1"/>
  <c r="AF31961" i="1"/>
  <c r="AF31962" i="1"/>
  <c r="AF31963" i="1"/>
  <c r="AF31964" i="1"/>
  <c r="AF31965" i="1"/>
  <c r="AF31966" i="1"/>
  <c r="AF31967" i="1"/>
  <c r="AF31968" i="1"/>
  <c r="AF31969" i="1"/>
  <c r="AF31970" i="1"/>
  <c r="AF31971" i="1"/>
  <c r="AF31972" i="1"/>
  <c r="AF31973" i="1"/>
  <c r="AF31974" i="1"/>
  <c r="AF31975" i="1"/>
  <c r="AF31976" i="1"/>
  <c r="AF31977" i="1"/>
  <c r="AF31978" i="1"/>
  <c r="AF31979" i="1"/>
  <c r="AF31980" i="1"/>
  <c r="AF31981" i="1"/>
  <c r="AF31982" i="1"/>
  <c r="AF31983" i="1"/>
  <c r="AF31984" i="1"/>
  <c r="AF31985" i="1"/>
  <c r="AF31986" i="1"/>
  <c r="AF31987" i="1"/>
  <c r="AF31988" i="1"/>
  <c r="AF31989" i="1"/>
  <c r="AF31990" i="1"/>
  <c r="AF31991" i="1"/>
  <c r="AF31992" i="1"/>
  <c r="AF31993" i="1"/>
  <c r="AF31994" i="1"/>
  <c r="AF31995" i="1"/>
  <c r="AF31996" i="1"/>
  <c r="AF31997" i="1"/>
  <c r="AF31998" i="1"/>
  <c r="AF31999" i="1"/>
  <c r="AF32000" i="1"/>
  <c r="AF32001" i="1"/>
  <c r="AF32002" i="1"/>
  <c r="AF32003" i="1"/>
  <c r="AF32004" i="1"/>
  <c r="AF32005" i="1"/>
  <c r="AF32006" i="1"/>
  <c r="AF32007" i="1"/>
  <c r="AF32008" i="1"/>
  <c r="AF32009" i="1"/>
  <c r="AF32010" i="1"/>
  <c r="AF32011" i="1"/>
  <c r="AF32012" i="1"/>
  <c r="AF32013" i="1"/>
  <c r="AF32014" i="1"/>
  <c r="AF32015" i="1"/>
  <c r="AF32016" i="1"/>
  <c r="AF32017" i="1"/>
  <c r="AF32018" i="1"/>
  <c r="AF32019" i="1"/>
  <c r="AF32020" i="1"/>
  <c r="AF32021" i="1"/>
  <c r="AF32022" i="1"/>
  <c r="AF32023" i="1"/>
  <c r="AF32024" i="1"/>
  <c r="AF32025" i="1"/>
  <c r="AF32026" i="1"/>
  <c r="AF32027" i="1"/>
  <c r="AF32028" i="1"/>
  <c r="AF32029" i="1"/>
  <c r="AF32030" i="1"/>
  <c r="AF32031" i="1"/>
  <c r="AF32032" i="1"/>
  <c r="AF32033" i="1"/>
  <c r="AF32034" i="1"/>
  <c r="AF32035" i="1"/>
  <c r="AF32036" i="1"/>
  <c r="AF32037" i="1"/>
  <c r="AF32038" i="1"/>
  <c r="AF32039" i="1"/>
  <c r="AF32040" i="1"/>
  <c r="AF32041" i="1"/>
  <c r="AF32042" i="1"/>
  <c r="AF32043" i="1"/>
  <c r="AF32044" i="1"/>
  <c r="AF32045" i="1"/>
  <c r="AF32046" i="1"/>
  <c r="AF32047" i="1"/>
  <c r="AF32048" i="1"/>
  <c r="AF32049" i="1"/>
  <c r="AF32050" i="1"/>
  <c r="AF32051" i="1"/>
  <c r="AF32052" i="1"/>
  <c r="AF32053" i="1"/>
  <c r="AF32054" i="1"/>
  <c r="AF32055" i="1"/>
  <c r="AF32056" i="1"/>
  <c r="AF32057" i="1"/>
  <c r="AF32058" i="1"/>
  <c r="AF32059" i="1"/>
  <c r="AF32060" i="1"/>
  <c r="AF32061" i="1"/>
  <c r="AF32062" i="1"/>
  <c r="AF32063" i="1"/>
  <c r="AF32064" i="1"/>
  <c r="AF32065" i="1"/>
  <c r="AF32066" i="1"/>
  <c r="AF32067" i="1"/>
  <c r="AF32068" i="1"/>
  <c r="AF32069" i="1"/>
  <c r="AF32070" i="1"/>
  <c r="AF32071" i="1"/>
  <c r="AF32072" i="1"/>
  <c r="AF32073" i="1"/>
  <c r="AF32074" i="1"/>
  <c r="AF32075" i="1"/>
  <c r="AF32076" i="1"/>
  <c r="AF32077" i="1"/>
  <c r="AF32078" i="1"/>
  <c r="AF32079" i="1"/>
  <c r="AF32080" i="1"/>
  <c r="AF32081" i="1"/>
  <c r="AF32082" i="1"/>
  <c r="AF32083" i="1"/>
  <c r="AF32084" i="1"/>
  <c r="AF32085" i="1"/>
  <c r="AF32086" i="1"/>
  <c r="AF32087" i="1"/>
  <c r="AF32088" i="1"/>
  <c r="AF32089" i="1"/>
  <c r="AF32090" i="1"/>
  <c r="AF32091" i="1"/>
  <c r="AF32092" i="1"/>
  <c r="AF32093" i="1"/>
  <c r="AF32094" i="1"/>
  <c r="AF32095" i="1"/>
  <c r="AF32096" i="1"/>
  <c r="AF32097" i="1"/>
  <c r="AF32098" i="1"/>
  <c r="AF32099" i="1"/>
  <c r="AF32100" i="1"/>
  <c r="AF32101" i="1"/>
  <c r="AF32102" i="1"/>
  <c r="AF32103" i="1"/>
  <c r="AF32104" i="1"/>
  <c r="AF32105" i="1"/>
  <c r="AF32106" i="1"/>
  <c r="AF32107" i="1"/>
  <c r="AF32108" i="1"/>
  <c r="AF32109" i="1"/>
  <c r="AF32110" i="1"/>
  <c r="AF32111" i="1"/>
  <c r="AF32112" i="1"/>
  <c r="AF32113" i="1"/>
  <c r="AF32114" i="1"/>
  <c r="AF32115" i="1"/>
  <c r="AF32116" i="1"/>
  <c r="AF32117" i="1"/>
  <c r="AF32118" i="1"/>
  <c r="AF32119" i="1"/>
  <c r="AF32120" i="1"/>
  <c r="AF32121" i="1"/>
  <c r="AF32122" i="1"/>
  <c r="AF32123" i="1"/>
  <c r="AF32124" i="1"/>
  <c r="AF32125" i="1"/>
  <c r="AF32126" i="1"/>
  <c r="AF32127" i="1"/>
  <c r="AF32128" i="1"/>
  <c r="AF32129" i="1"/>
  <c r="AF32130" i="1"/>
  <c r="AF32131" i="1"/>
  <c r="AF32132" i="1"/>
  <c r="AF32133" i="1"/>
  <c r="AF32134" i="1"/>
  <c r="AF32135" i="1"/>
  <c r="AF32136" i="1"/>
  <c r="AF32137" i="1"/>
  <c r="AF32138" i="1"/>
  <c r="AF32139" i="1"/>
  <c r="AF32140" i="1"/>
  <c r="AF32141" i="1"/>
  <c r="AF32142" i="1"/>
  <c r="AF32143" i="1"/>
  <c r="AF32144" i="1"/>
  <c r="AF32145" i="1"/>
  <c r="AF32146" i="1"/>
  <c r="AF32147" i="1"/>
  <c r="AF32148" i="1"/>
  <c r="AF32149" i="1"/>
  <c r="AF32150" i="1"/>
  <c r="AF32151" i="1"/>
  <c r="AF32152" i="1"/>
  <c r="AF32153" i="1"/>
  <c r="AF32154" i="1"/>
  <c r="AF32155" i="1"/>
  <c r="AF32156" i="1"/>
  <c r="AF32157" i="1"/>
  <c r="AF32158" i="1"/>
  <c r="AF32159" i="1"/>
  <c r="AF32160" i="1"/>
  <c r="AF32161" i="1"/>
  <c r="AF32162" i="1"/>
  <c r="AF32163" i="1"/>
  <c r="AF32164" i="1"/>
  <c r="AF32165" i="1"/>
  <c r="AF32166" i="1"/>
  <c r="AF32167" i="1"/>
  <c r="AF32168" i="1"/>
  <c r="AF32169" i="1"/>
  <c r="AF32170" i="1"/>
  <c r="AF32171" i="1"/>
  <c r="AF32172" i="1"/>
  <c r="AF32173" i="1"/>
  <c r="AF32174" i="1"/>
  <c r="AF32175" i="1"/>
  <c r="AF32176" i="1"/>
  <c r="AF32177" i="1"/>
  <c r="AF32178" i="1"/>
  <c r="AF32179" i="1"/>
  <c r="AF32180" i="1"/>
  <c r="AF32181" i="1"/>
  <c r="AF32182" i="1"/>
  <c r="AF32183" i="1"/>
  <c r="AF32184" i="1"/>
  <c r="AF32185" i="1"/>
  <c r="AF32186" i="1"/>
  <c r="AF32187" i="1"/>
  <c r="AF32188" i="1"/>
  <c r="AF32189" i="1"/>
  <c r="AF32190" i="1"/>
  <c r="AF32191" i="1"/>
  <c r="AF32192" i="1"/>
  <c r="AF32193" i="1"/>
  <c r="AF32194" i="1"/>
  <c r="AF32195" i="1"/>
  <c r="AF32196" i="1"/>
  <c r="AF32197" i="1"/>
  <c r="AF32198" i="1"/>
  <c r="AF32199" i="1"/>
  <c r="AF32200" i="1"/>
  <c r="AF32201" i="1"/>
  <c r="AF32202" i="1"/>
  <c r="AF32203" i="1"/>
  <c r="AF32204" i="1"/>
  <c r="AF32205" i="1"/>
  <c r="AF32206" i="1"/>
  <c r="AF32207" i="1"/>
  <c r="AF32208" i="1"/>
  <c r="AF32209" i="1"/>
  <c r="AF32210" i="1"/>
  <c r="AF32211" i="1"/>
  <c r="AF32212" i="1"/>
  <c r="AF32213" i="1"/>
  <c r="AF32214" i="1"/>
  <c r="AF32215" i="1"/>
  <c r="AF32216" i="1"/>
  <c r="AF32217" i="1"/>
  <c r="AF32218" i="1"/>
  <c r="AF32219" i="1"/>
  <c r="AF32220" i="1"/>
  <c r="AF32221" i="1"/>
  <c r="AF32222" i="1"/>
  <c r="AF32223" i="1"/>
  <c r="AF32224" i="1"/>
  <c r="AF32225" i="1"/>
  <c r="AF32226" i="1"/>
  <c r="AF32227" i="1"/>
  <c r="AF32228" i="1"/>
  <c r="AF32229" i="1"/>
  <c r="AF32230" i="1"/>
  <c r="AF32231" i="1"/>
  <c r="AF32232" i="1"/>
  <c r="AF32233" i="1"/>
  <c r="AF32234" i="1"/>
  <c r="AF32235" i="1"/>
  <c r="AF32236" i="1"/>
  <c r="AF32237" i="1"/>
  <c r="AF32238" i="1"/>
  <c r="AF32239" i="1"/>
  <c r="AF32240" i="1"/>
  <c r="AF32241" i="1"/>
  <c r="AF32242" i="1"/>
  <c r="AF32243" i="1"/>
  <c r="AF32244" i="1"/>
  <c r="AF32245" i="1"/>
  <c r="AF32246" i="1"/>
  <c r="AF32247" i="1"/>
  <c r="AF32248" i="1"/>
  <c r="AF32249" i="1"/>
  <c r="AF32250" i="1"/>
  <c r="AF32251" i="1"/>
  <c r="AF32252" i="1"/>
  <c r="AF32253" i="1"/>
  <c r="AF32254" i="1"/>
  <c r="AF32255" i="1"/>
  <c r="AF32256" i="1"/>
  <c r="AF32257" i="1"/>
  <c r="AF32258" i="1"/>
  <c r="AF32259" i="1"/>
  <c r="AF32260" i="1"/>
  <c r="AF32261" i="1"/>
  <c r="AF32262" i="1"/>
  <c r="AF32263" i="1"/>
  <c r="AF32264" i="1"/>
  <c r="AF32265" i="1"/>
  <c r="AF32266" i="1"/>
  <c r="AF32267" i="1"/>
  <c r="AF32268" i="1"/>
  <c r="AF32269" i="1"/>
  <c r="AF32270" i="1"/>
  <c r="AF32271" i="1"/>
  <c r="AF32272" i="1"/>
  <c r="AF32273" i="1"/>
  <c r="AF32274" i="1"/>
  <c r="AF32275" i="1"/>
  <c r="AF32276" i="1"/>
  <c r="AF32277" i="1"/>
  <c r="AF32278" i="1"/>
  <c r="AF32279" i="1"/>
  <c r="AF32280" i="1"/>
  <c r="AF32281" i="1"/>
  <c r="AF32282" i="1"/>
  <c r="AF32283" i="1"/>
  <c r="AF32284" i="1"/>
  <c r="AF32285" i="1"/>
  <c r="AF32286" i="1"/>
  <c r="AF32287" i="1"/>
  <c r="AF32288" i="1"/>
  <c r="AF32289" i="1"/>
  <c r="AF32290" i="1"/>
  <c r="AF32291" i="1"/>
  <c r="AF32292" i="1"/>
  <c r="AF32293" i="1"/>
  <c r="AF32294" i="1"/>
  <c r="AF32295" i="1"/>
  <c r="AF32296" i="1"/>
  <c r="AF32297" i="1"/>
  <c r="AF32298" i="1"/>
  <c r="AF32299" i="1"/>
  <c r="AF32300" i="1"/>
  <c r="AF32301" i="1"/>
  <c r="AF32302" i="1"/>
  <c r="AF32303" i="1"/>
  <c r="AF32304" i="1"/>
  <c r="AF32305" i="1"/>
  <c r="AF32306" i="1"/>
  <c r="AF32307" i="1"/>
  <c r="AF32308" i="1"/>
  <c r="AF32309" i="1"/>
  <c r="AF32310" i="1"/>
  <c r="AF32311" i="1"/>
  <c r="AF32312" i="1"/>
  <c r="AF32313" i="1"/>
  <c r="AF32314" i="1"/>
  <c r="AF32315" i="1"/>
  <c r="AF32316" i="1"/>
  <c r="AF32317" i="1"/>
  <c r="AF32318" i="1"/>
  <c r="AF32319" i="1"/>
  <c r="AF32320" i="1"/>
  <c r="AF32321" i="1"/>
  <c r="AF32322" i="1"/>
  <c r="AF32323" i="1"/>
  <c r="AF32324" i="1"/>
  <c r="AF32325" i="1"/>
  <c r="AF32326" i="1"/>
  <c r="AF32327" i="1"/>
  <c r="AF32328" i="1"/>
  <c r="AF32329" i="1"/>
  <c r="AF32330" i="1"/>
  <c r="AF32331" i="1"/>
  <c r="AF32332" i="1"/>
  <c r="AF32333" i="1"/>
  <c r="AF32334" i="1"/>
  <c r="AF32335" i="1"/>
  <c r="AF32336" i="1"/>
  <c r="AF32337" i="1"/>
  <c r="AF32338" i="1"/>
  <c r="AF32339" i="1"/>
  <c r="AF32340" i="1"/>
  <c r="AF32341" i="1"/>
  <c r="AF32342" i="1"/>
  <c r="AF32343" i="1"/>
  <c r="AF32344" i="1"/>
  <c r="AF32345" i="1"/>
  <c r="AF32346" i="1"/>
  <c r="AF32347" i="1"/>
  <c r="AF32348" i="1"/>
  <c r="AF32349" i="1"/>
  <c r="AF32350" i="1"/>
  <c r="AF32351" i="1"/>
  <c r="AF32352" i="1"/>
  <c r="AF32353" i="1"/>
  <c r="AF32354" i="1"/>
  <c r="AF32355" i="1"/>
  <c r="AF32356" i="1"/>
  <c r="AF32357" i="1"/>
  <c r="AF32358" i="1"/>
  <c r="AF32359" i="1"/>
  <c r="AF32360" i="1"/>
  <c r="AF32361" i="1"/>
  <c r="AF32362" i="1"/>
  <c r="AF32363" i="1"/>
  <c r="AF32364" i="1"/>
  <c r="AF32365" i="1"/>
  <c r="AF32366" i="1"/>
  <c r="AF32367" i="1"/>
  <c r="AF32368" i="1"/>
  <c r="AF32369" i="1"/>
  <c r="AF32370" i="1"/>
  <c r="AF32371" i="1"/>
  <c r="AF32372" i="1"/>
  <c r="AF32373" i="1"/>
  <c r="AF32374" i="1"/>
  <c r="AF32375" i="1"/>
  <c r="AF32376" i="1"/>
  <c r="AF32377" i="1"/>
  <c r="AF32378" i="1"/>
  <c r="AF32379" i="1"/>
  <c r="AF32380" i="1"/>
  <c r="AF32381" i="1"/>
  <c r="AF32382" i="1"/>
  <c r="AF32383" i="1"/>
  <c r="AF32384" i="1"/>
  <c r="AF32385" i="1"/>
  <c r="AF32386" i="1"/>
  <c r="AF32387" i="1"/>
  <c r="AF32388" i="1"/>
  <c r="AF32389" i="1"/>
  <c r="AF32390" i="1"/>
  <c r="AF32391" i="1"/>
  <c r="AF32392" i="1"/>
  <c r="AF32393" i="1"/>
  <c r="AF32394" i="1"/>
  <c r="AF32395" i="1"/>
  <c r="AF32396" i="1"/>
  <c r="AF32397" i="1"/>
  <c r="AF32398" i="1"/>
  <c r="AF32399" i="1"/>
  <c r="AF32400" i="1"/>
  <c r="AF32401" i="1"/>
  <c r="AF32402" i="1"/>
  <c r="AF32403" i="1"/>
  <c r="AF32404" i="1"/>
  <c r="AF32405" i="1"/>
  <c r="AF32406" i="1"/>
  <c r="AF32407" i="1"/>
  <c r="AF32408" i="1"/>
  <c r="AF32409" i="1"/>
  <c r="AF32410" i="1"/>
  <c r="AF32411" i="1"/>
  <c r="AF32412" i="1"/>
  <c r="AF32413" i="1"/>
  <c r="AF32414" i="1"/>
  <c r="AF32415" i="1"/>
  <c r="AF32416" i="1"/>
  <c r="AF32417" i="1"/>
  <c r="AF32418" i="1"/>
  <c r="AF32419" i="1"/>
  <c r="AF32420" i="1"/>
  <c r="AF32421" i="1"/>
  <c r="AF32422" i="1"/>
  <c r="AF32423" i="1"/>
  <c r="AF32424" i="1"/>
  <c r="AF32425" i="1"/>
  <c r="AF32426" i="1"/>
  <c r="AF32427" i="1"/>
  <c r="AF32428" i="1"/>
  <c r="AF32429" i="1"/>
  <c r="AF32430" i="1"/>
  <c r="AF32431" i="1"/>
  <c r="AF32432" i="1"/>
  <c r="AF32433" i="1"/>
  <c r="AF32434" i="1"/>
  <c r="AF32435" i="1"/>
  <c r="AF32436" i="1"/>
  <c r="AF32437" i="1"/>
  <c r="AF32438" i="1"/>
  <c r="AF32439" i="1"/>
  <c r="AF32440" i="1"/>
  <c r="AF32441" i="1"/>
  <c r="AF32442" i="1"/>
  <c r="AF32443" i="1"/>
  <c r="AF32444" i="1"/>
  <c r="AF32445" i="1"/>
  <c r="AF32446" i="1"/>
  <c r="AF32447" i="1"/>
  <c r="AF32448" i="1"/>
  <c r="AF32449" i="1"/>
  <c r="AF32450" i="1"/>
  <c r="AF32451" i="1"/>
  <c r="AF32452" i="1"/>
  <c r="AF32453" i="1"/>
  <c r="AF32454" i="1"/>
  <c r="AF32455" i="1"/>
  <c r="AF32456" i="1"/>
  <c r="AF32457" i="1"/>
  <c r="AF32458" i="1"/>
  <c r="AF32459" i="1"/>
  <c r="AF32460" i="1"/>
  <c r="AF32461" i="1"/>
  <c r="AF32462" i="1"/>
  <c r="AF32463" i="1"/>
  <c r="AF32464" i="1"/>
  <c r="AF32465" i="1"/>
  <c r="AF32466" i="1"/>
  <c r="AF32467" i="1"/>
  <c r="AF32468" i="1"/>
  <c r="AF32469" i="1"/>
  <c r="AF32470" i="1"/>
  <c r="AF32471" i="1"/>
  <c r="AF32472" i="1"/>
  <c r="AF32473" i="1"/>
  <c r="AF32474" i="1"/>
  <c r="AF32475" i="1"/>
  <c r="AF32476" i="1"/>
  <c r="AF32477" i="1"/>
  <c r="AF32478" i="1"/>
  <c r="AF32479" i="1"/>
  <c r="AF32480" i="1"/>
  <c r="AF32481" i="1"/>
  <c r="AF32482" i="1"/>
  <c r="AF32483" i="1"/>
  <c r="AF32484" i="1"/>
  <c r="AF32485" i="1"/>
  <c r="AF32486" i="1"/>
  <c r="AF32487" i="1"/>
  <c r="AF32488" i="1"/>
  <c r="AF32489" i="1"/>
  <c r="AF32490" i="1"/>
  <c r="AF32491" i="1"/>
  <c r="AF32492" i="1"/>
  <c r="AF32493" i="1"/>
  <c r="AF32494" i="1"/>
  <c r="AF32495" i="1"/>
  <c r="AF32496" i="1"/>
  <c r="AF32497" i="1"/>
  <c r="AF32498" i="1"/>
  <c r="AF32499" i="1"/>
  <c r="AF32500" i="1"/>
  <c r="AF32501" i="1"/>
  <c r="AF32502" i="1"/>
  <c r="AF32503" i="1"/>
  <c r="AF32504" i="1"/>
  <c r="AF32505" i="1"/>
  <c r="AF32506" i="1"/>
  <c r="AF32507" i="1"/>
  <c r="AF32508" i="1"/>
  <c r="AF32509" i="1"/>
  <c r="AF32510" i="1"/>
  <c r="AF32511" i="1"/>
  <c r="AF32512" i="1"/>
  <c r="AF32513" i="1"/>
  <c r="AF32514" i="1"/>
  <c r="AF32515" i="1"/>
  <c r="AF32516" i="1"/>
  <c r="AF32517" i="1"/>
  <c r="AF32518" i="1"/>
  <c r="AF32519" i="1"/>
  <c r="AF32520" i="1"/>
  <c r="AF32521" i="1"/>
  <c r="AF32522" i="1"/>
  <c r="AF32523" i="1"/>
  <c r="AF32524" i="1"/>
  <c r="AF32525" i="1"/>
  <c r="AF32526" i="1"/>
  <c r="AF32527" i="1"/>
  <c r="AF32528" i="1"/>
  <c r="AF32529" i="1"/>
  <c r="AF32530" i="1"/>
  <c r="AF32531" i="1"/>
  <c r="AF32532" i="1"/>
  <c r="AF32533" i="1"/>
  <c r="AF32534" i="1"/>
  <c r="AF32535" i="1"/>
  <c r="AF32536" i="1"/>
  <c r="AF32537" i="1"/>
  <c r="AF32538" i="1"/>
  <c r="AF32539" i="1"/>
  <c r="AF32540" i="1"/>
  <c r="AF32541" i="1"/>
  <c r="AF32542" i="1"/>
  <c r="AF32543" i="1"/>
  <c r="AF32544" i="1"/>
  <c r="AF32545" i="1"/>
  <c r="AF32546" i="1"/>
  <c r="AF32547" i="1"/>
  <c r="AF32548" i="1"/>
  <c r="AF32549" i="1"/>
  <c r="AF32550" i="1"/>
  <c r="AF32551" i="1"/>
  <c r="AF32552" i="1"/>
  <c r="AF32553" i="1"/>
  <c r="AF32554" i="1"/>
  <c r="AF32555" i="1"/>
  <c r="AF32556" i="1"/>
  <c r="AF32557" i="1"/>
  <c r="AF32558" i="1"/>
  <c r="AF32559" i="1"/>
  <c r="AF32560" i="1"/>
  <c r="AF32561" i="1"/>
  <c r="AF32562" i="1"/>
  <c r="AF32563" i="1"/>
  <c r="AF32564" i="1"/>
  <c r="AF32565" i="1"/>
  <c r="AF32566" i="1"/>
  <c r="AF32567" i="1"/>
  <c r="AF32568" i="1"/>
  <c r="AF32569" i="1"/>
  <c r="AF32570" i="1"/>
  <c r="AF32571" i="1"/>
  <c r="AF32572" i="1"/>
  <c r="AF32573" i="1"/>
  <c r="AF32574" i="1"/>
  <c r="AF32575" i="1"/>
  <c r="AF32576" i="1"/>
  <c r="AF32577" i="1"/>
  <c r="AF32578" i="1"/>
  <c r="AF32579" i="1"/>
  <c r="AF32580" i="1"/>
  <c r="AF32581" i="1"/>
  <c r="AF32582" i="1"/>
  <c r="AF32583" i="1"/>
  <c r="AF32584" i="1"/>
  <c r="AF32585" i="1"/>
  <c r="AF32586" i="1"/>
  <c r="AF32587" i="1"/>
  <c r="AF32588" i="1"/>
  <c r="AF32589" i="1"/>
  <c r="AF32590" i="1"/>
  <c r="AF32591" i="1"/>
  <c r="AF32592" i="1"/>
  <c r="AF32593" i="1"/>
  <c r="AF32594" i="1"/>
  <c r="AF32595" i="1"/>
  <c r="AF32596" i="1"/>
  <c r="AF32597" i="1"/>
  <c r="AF32598" i="1"/>
  <c r="AF32599" i="1"/>
  <c r="AF32600" i="1"/>
  <c r="AF32601" i="1"/>
  <c r="AF32602" i="1"/>
  <c r="AF32603" i="1"/>
  <c r="AF32604" i="1"/>
  <c r="AF32605" i="1"/>
  <c r="AF32606" i="1"/>
  <c r="AF32607" i="1"/>
  <c r="AF32608" i="1"/>
  <c r="AF32609" i="1"/>
  <c r="AF32610" i="1"/>
  <c r="AF32611" i="1"/>
  <c r="AF32612" i="1"/>
  <c r="AF32613" i="1"/>
  <c r="AF32614" i="1"/>
  <c r="AF32615" i="1"/>
  <c r="AF32616" i="1"/>
  <c r="AF32617" i="1"/>
  <c r="AF32618" i="1"/>
  <c r="AF32619" i="1"/>
  <c r="AF32620" i="1"/>
  <c r="AF32621" i="1"/>
  <c r="AF32622" i="1"/>
  <c r="AF32623" i="1"/>
  <c r="AF32624" i="1"/>
  <c r="AF32625" i="1"/>
  <c r="AF32626" i="1"/>
  <c r="AF32627" i="1"/>
  <c r="AF32628" i="1"/>
  <c r="AF32629" i="1"/>
  <c r="AF32630" i="1"/>
  <c r="AF32631" i="1"/>
  <c r="AF32632" i="1"/>
  <c r="AF32633" i="1"/>
  <c r="AF32634" i="1"/>
  <c r="AF32635" i="1"/>
  <c r="AF32636" i="1"/>
  <c r="AF32637" i="1"/>
  <c r="AF32638" i="1"/>
  <c r="AF32639" i="1"/>
  <c r="AF32640" i="1"/>
  <c r="AF32641" i="1"/>
  <c r="AF32642" i="1"/>
  <c r="AF32643" i="1"/>
  <c r="AF32644" i="1"/>
  <c r="AF32645" i="1"/>
  <c r="AF32646" i="1"/>
  <c r="AF32647" i="1"/>
  <c r="AF32648" i="1"/>
  <c r="AF32649" i="1"/>
  <c r="AF32650" i="1"/>
  <c r="AF32651" i="1"/>
  <c r="AF32652" i="1"/>
  <c r="AF32653" i="1"/>
  <c r="AF32654" i="1"/>
  <c r="AF32655" i="1"/>
  <c r="AF32656" i="1"/>
  <c r="AF32657" i="1"/>
  <c r="AF32658" i="1"/>
  <c r="AF32659" i="1"/>
  <c r="AF32660" i="1"/>
  <c r="AF32661" i="1"/>
  <c r="AF32662" i="1"/>
  <c r="AF32663" i="1"/>
  <c r="AF32664" i="1"/>
  <c r="AF32665" i="1"/>
  <c r="AF32666" i="1"/>
  <c r="AF32667" i="1"/>
  <c r="AF32668" i="1"/>
  <c r="AF32669" i="1"/>
  <c r="AF32670" i="1"/>
  <c r="AF32671" i="1"/>
  <c r="AF32672" i="1"/>
  <c r="AF32673" i="1"/>
  <c r="AF32674" i="1"/>
  <c r="AF32675" i="1"/>
  <c r="AF32676" i="1"/>
  <c r="AF32677" i="1"/>
  <c r="AF32678" i="1"/>
  <c r="AF32679" i="1"/>
  <c r="AF32680" i="1"/>
  <c r="AF32681" i="1"/>
  <c r="AF32682" i="1"/>
  <c r="AF32683" i="1"/>
  <c r="AF32684" i="1"/>
  <c r="AF32685" i="1"/>
  <c r="AF32686" i="1"/>
  <c r="AF32687" i="1"/>
  <c r="AF32688" i="1"/>
  <c r="AF32689" i="1"/>
  <c r="AF32690" i="1"/>
  <c r="AF32691" i="1"/>
  <c r="AF32692" i="1"/>
  <c r="AF32693" i="1"/>
  <c r="AF32694" i="1"/>
  <c r="AF32695" i="1"/>
  <c r="AF32696" i="1"/>
  <c r="AF32697" i="1"/>
  <c r="AF32698" i="1"/>
  <c r="AF32699" i="1"/>
  <c r="AF32700" i="1"/>
  <c r="AF32701" i="1"/>
  <c r="AF32702" i="1"/>
  <c r="AF32703" i="1"/>
  <c r="AF32704" i="1"/>
  <c r="AF32705" i="1"/>
  <c r="AF32706" i="1"/>
  <c r="AF32707" i="1"/>
  <c r="AF32708" i="1"/>
  <c r="AF32709" i="1"/>
  <c r="AF32710" i="1"/>
  <c r="AF32711" i="1"/>
  <c r="AF32712" i="1"/>
  <c r="AF32713" i="1"/>
  <c r="AF32714" i="1"/>
  <c r="AF32715" i="1"/>
  <c r="AF32716" i="1"/>
  <c r="AF32717" i="1"/>
  <c r="AF32718" i="1"/>
  <c r="AF32719" i="1"/>
  <c r="AF32720" i="1"/>
  <c r="AF32721" i="1"/>
  <c r="AF32722" i="1"/>
  <c r="AF32723" i="1"/>
  <c r="AF32724" i="1"/>
  <c r="AF32725" i="1"/>
  <c r="AF32726" i="1"/>
  <c r="AF32727" i="1"/>
  <c r="AF32728" i="1"/>
  <c r="AF32729" i="1"/>
  <c r="AF32730" i="1"/>
  <c r="AF32731" i="1"/>
  <c r="AF32732" i="1"/>
  <c r="AF32733" i="1"/>
  <c r="AF32734" i="1"/>
  <c r="AF32735" i="1"/>
  <c r="AF32736" i="1"/>
  <c r="AF32737" i="1"/>
  <c r="AF32738" i="1"/>
  <c r="AF32739" i="1"/>
  <c r="AF32740" i="1"/>
  <c r="AF32741" i="1"/>
  <c r="AF32742" i="1"/>
  <c r="AF32743" i="1"/>
  <c r="AF32744" i="1"/>
  <c r="AF32745" i="1"/>
  <c r="AF32746" i="1"/>
  <c r="AF32747" i="1"/>
  <c r="AF32748" i="1"/>
  <c r="AF32749" i="1"/>
  <c r="AF32750" i="1"/>
  <c r="AF32751" i="1"/>
  <c r="AF32752" i="1"/>
  <c r="AF32753" i="1"/>
  <c r="AF32754" i="1"/>
  <c r="AF32755" i="1"/>
  <c r="AF32756" i="1"/>
  <c r="AF32757" i="1"/>
  <c r="AF32758" i="1"/>
  <c r="AF32759" i="1"/>
  <c r="AF32760" i="1"/>
  <c r="AF32761" i="1"/>
  <c r="AF32762" i="1"/>
  <c r="AF32763" i="1"/>
  <c r="AF32764" i="1"/>
  <c r="AF32765" i="1"/>
  <c r="AF32766" i="1"/>
  <c r="AF32767" i="1"/>
  <c r="AF32768" i="1"/>
  <c r="AF32769" i="1"/>
  <c r="AF32770" i="1"/>
  <c r="AF32771" i="1"/>
  <c r="AF32772" i="1"/>
  <c r="AF32773" i="1"/>
  <c r="AF32774" i="1"/>
  <c r="AF32775" i="1"/>
  <c r="AF32776" i="1"/>
  <c r="AF32777" i="1"/>
  <c r="AF32778" i="1"/>
  <c r="AF32779" i="1"/>
  <c r="AF32780" i="1"/>
  <c r="AF32781" i="1"/>
  <c r="AF32782" i="1"/>
  <c r="AF32783" i="1"/>
  <c r="AF32784" i="1"/>
  <c r="AF32785" i="1"/>
  <c r="AF32786" i="1"/>
  <c r="AF32787" i="1"/>
  <c r="AF32788" i="1"/>
  <c r="AF32789" i="1"/>
  <c r="AF32790" i="1"/>
  <c r="AF32791" i="1"/>
  <c r="AF32792" i="1"/>
  <c r="AF32793" i="1"/>
  <c r="AF32794" i="1"/>
  <c r="AF32795" i="1"/>
  <c r="AF32796" i="1"/>
  <c r="AF32797" i="1"/>
  <c r="AF32798" i="1"/>
  <c r="AF32799" i="1"/>
  <c r="AF32800" i="1"/>
  <c r="AF32801" i="1"/>
  <c r="AF32802" i="1"/>
  <c r="AF32803" i="1"/>
  <c r="AF32804" i="1"/>
  <c r="AF32805" i="1"/>
  <c r="AF32806" i="1"/>
  <c r="AF32807" i="1"/>
  <c r="AF32808" i="1"/>
  <c r="AF32809" i="1"/>
  <c r="AF32810" i="1"/>
  <c r="AF32811" i="1"/>
  <c r="AF32812" i="1"/>
  <c r="AF32813" i="1"/>
  <c r="AF32814" i="1"/>
  <c r="AF32815" i="1"/>
  <c r="AF32816" i="1"/>
  <c r="AF32817" i="1"/>
  <c r="AF32818" i="1"/>
  <c r="AF32819" i="1"/>
  <c r="AF32820" i="1"/>
  <c r="AF32821" i="1"/>
  <c r="AF32822" i="1"/>
  <c r="AF32823" i="1"/>
  <c r="AF32824" i="1"/>
  <c r="AF32825" i="1"/>
  <c r="AF32826" i="1"/>
  <c r="AF32827" i="1"/>
  <c r="AF32828" i="1"/>
  <c r="AF32829" i="1"/>
  <c r="AF32830" i="1"/>
  <c r="AF32831" i="1"/>
  <c r="AF32832" i="1"/>
  <c r="AF32833" i="1"/>
  <c r="AF32834" i="1"/>
  <c r="AF32835" i="1"/>
  <c r="AF32836" i="1"/>
  <c r="AF32837" i="1"/>
  <c r="AF32838" i="1"/>
  <c r="AF32839" i="1"/>
  <c r="AF32840" i="1"/>
  <c r="AF32841" i="1"/>
  <c r="AF32842" i="1"/>
  <c r="AF32843" i="1"/>
  <c r="AF32844" i="1"/>
  <c r="AF32845" i="1"/>
  <c r="AF32846" i="1"/>
  <c r="AF32847" i="1"/>
  <c r="AF32848" i="1"/>
  <c r="AF32849" i="1"/>
  <c r="AF32850" i="1"/>
  <c r="AF32851" i="1"/>
  <c r="AF32852" i="1"/>
  <c r="AF32853" i="1"/>
  <c r="AF32854" i="1"/>
  <c r="AF32855" i="1"/>
  <c r="AF32856" i="1"/>
  <c r="AF32857" i="1"/>
  <c r="AF32858" i="1"/>
  <c r="AF32859" i="1"/>
  <c r="AF32860" i="1"/>
  <c r="AF32861" i="1"/>
  <c r="AF32862" i="1"/>
  <c r="AF32863" i="1"/>
  <c r="AF32864" i="1"/>
  <c r="AF32865" i="1"/>
  <c r="AF32866" i="1"/>
  <c r="AF32867" i="1"/>
  <c r="AF32868" i="1"/>
  <c r="AF32869" i="1"/>
  <c r="AF32870" i="1"/>
  <c r="AF32871" i="1"/>
  <c r="AF32872" i="1"/>
  <c r="AF32873" i="1"/>
  <c r="AF32874" i="1"/>
  <c r="AF32875" i="1"/>
  <c r="AF32876" i="1"/>
  <c r="AF32877" i="1"/>
  <c r="AF32878" i="1"/>
  <c r="AF32879" i="1"/>
  <c r="AF32880" i="1"/>
  <c r="AF32881" i="1"/>
  <c r="AF32882" i="1"/>
  <c r="AF32883" i="1"/>
  <c r="AF32884" i="1"/>
  <c r="AF32885" i="1"/>
  <c r="AF32886" i="1"/>
  <c r="AF32887" i="1"/>
  <c r="AF32888" i="1"/>
  <c r="AF32889" i="1"/>
  <c r="AF32890" i="1"/>
  <c r="AF32891" i="1"/>
  <c r="AF32892" i="1"/>
  <c r="AF32893" i="1"/>
  <c r="AF32894" i="1"/>
  <c r="AF32895" i="1"/>
  <c r="AF32896" i="1"/>
  <c r="AF32897" i="1"/>
  <c r="AF32898" i="1"/>
  <c r="AF32899" i="1"/>
  <c r="AF32900" i="1"/>
  <c r="AF32901" i="1"/>
  <c r="AF32902" i="1"/>
  <c r="AF32903" i="1"/>
  <c r="AF32904" i="1"/>
  <c r="AF32905" i="1"/>
  <c r="AF32906" i="1"/>
  <c r="AF32907" i="1"/>
  <c r="AF32908" i="1"/>
  <c r="AF32909" i="1"/>
  <c r="AF32910" i="1"/>
  <c r="AF32911" i="1"/>
  <c r="AF32912" i="1"/>
  <c r="AF32913" i="1"/>
  <c r="AF32914" i="1"/>
  <c r="AF32915" i="1"/>
  <c r="AF32916" i="1"/>
  <c r="AF32917" i="1"/>
  <c r="AF32918" i="1"/>
  <c r="AF32919" i="1"/>
  <c r="AF32920" i="1"/>
  <c r="AF32921" i="1"/>
  <c r="AF32922" i="1"/>
  <c r="AF32923" i="1"/>
  <c r="AF32924" i="1"/>
  <c r="AF32925" i="1"/>
  <c r="AF32926" i="1"/>
  <c r="AF32927" i="1"/>
  <c r="AF32928" i="1"/>
  <c r="AF32929" i="1"/>
  <c r="AF32930" i="1"/>
  <c r="AF32931" i="1"/>
  <c r="AF32932" i="1"/>
  <c r="AF32933" i="1"/>
  <c r="AF32934" i="1"/>
  <c r="AF32935" i="1"/>
  <c r="AF32936" i="1"/>
  <c r="AF32937" i="1"/>
  <c r="AF32938" i="1"/>
  <c r="AF32939" i="1"/>
  <c r="AF32940" i="1"/>
  <c r="AF32941" i="1"/>
  <c r="AF32942" i="1"/>
  <c r="AF32943" i="1"/>
  <c r="AF32944" i="1"/>
  <c r="AF32945" i="1"/>
  <c r="AF32946" i="1"/>
  <c r="AF32947" i="1"/>
  <c r="AF32948" i="1"/>
  <c r="AF32949" i="1"/>
  <c r="AF32950" i="1"/>
  <c r="AF32951" i="1"/>
  <c r="AF32952" i="1"/>
  <c r="AF32953" i="1"/>
  <c r="AF32954" i="1"/>
  <c r="AF32955" i="1"/>
  <c r="AF32956" i="1"/>
  <c r="AF32957" i="1"/>
  <c r="AF32958" i="1"/>
  <c r="AF32959" i="1"/>
  <c r="AF32960" i="1"/>
  <c r="AF32961" i="1"/>
  <c r="AF32962" i="1"/>
  <c r="AF32963" i="1"/>
  <c r="AF32964" i="1"/>
  <c r="AF32965" i="1"/>
  <c r="AF32966" i="1"/>
  <c r="AF32967" i="1"/>
  <c r="AF32968" i="1"/>
  <c r="AF32969" i="1"/>
  <c r="AF32970" i="1"/>
  <c r="AF32971" i="1"/>
  <c r="AF32972" i="1"/>
  <c r="AF32973" i="1"/>
  <c r="AF32974" i="1"/>
  <c r="AF32975" i="1"/>
  <c r="AF32976" i="1"/>
  <c r="AF32977" i="1"/>
  <c r="AF32978" i="1"/>
  <c r="AF32979" i="1"/>
  <c r="AF32980" i="1"/>
  <c r="AF32981" i="1"/>
  <c r="AF32982" i="1"/>
  <c r="AF32983" i="1"/>
  <c r="AF32984" i="1"/>
  <c r="AF32985" i="1"/>
  <c r="AF32986" i="1"/>
  <c r="AF32987" i="1"/>
  <c r="AF32988" i="1"/>
  <c r="AF32989" i="1"/>
  <c r="AF32990" i="1"/>
  <c r="AF32991" i="1"/>
  <c r="AF32992" i="1"/>
  <c r="AF32993" i="1"/>
  <c r="AF32994" i="1"/>
  <c r="AF32995" i="1"/>
  <c r="AF32996" i="1"/>
  <c r="AF32997" i="1"/>
  <c r="AF32998" i="1"/>
  <c r="AF32999" i="1"/>
  <c r="AF33000" i="1"/>
  <c r="AF33001" i="1"/>
  <c r="AF33002" i="1"/>
  <c r="AF33003" i="1"/>
  <c r="AF33004" i="1"/>
  <c r="AF33005" i="1"/>
  <c r="AF33006" i="1"/>
  <c r="AF33007" i="1"/>
  <c r="AF33008" i="1"/>
  <c r="AF33009" i="1"/>
  <c r="AF33010" i="1"/>
  <c r="AF33011" i="1"/>
  <c r="AF33012" i="1"/>
  <c r="AF33013" i="1"/>
  <c r="AF33014" i="1"/>
  <c r="AF33015" i="1"/>
  <c r="AF33016" i="1"/>
  <c r="AF33017" i="1"/>
  <c r="AF33018" i="1"/>
  <c r="AF33019" i="1"/>
  <c r="AF33020" i="1"/>
  <c r="AF33021" i="1"/>
  <c r="AF33022" i="1"/>
  <c r="AF33023" i="1"/>
  <c r="AF33024" i="1"/>
  <c r="AF33025" i="1"/>
  <c r="AF33026" i="1"/>
  <c r="AF33027" i="1"/>
  <c r="AF33028" i="1"/>
  <c r="AF33029" i="1"/>
  <c r="AF33030" i="1"/>
  <c r="AF33031" i="1"/>
  <c r="AF33032" i="1"/>
  <c r="AF33033" i="1"/>
  <c r="AF33034" i="1"/>
  <c r="AF33035" i="1"/>
  <c r="AF33036" i="1"/>
  <c r="AF33037" i="1"/>
  <c r="AF33038" i="1"/>
  <c r="AF33039" i="1"/>
  <c r="AF33040" i="1"/>
  <c r="AF33041" i="1"/>
  <c r="AF33042" i="1"/>
  <c r="AF33043" i="1"/>
  <c r="AF33044" i="1"/>
  <c r="AF33045" i="1"/>
  <c r="AF33046" i="1"/>
  <c r="AF33047" i="1"/>
  <c r="AF33048" i="1"/>
  <c r="AF33049" i="1"/>
  <c r="AF33050" i="1"/>
  <c r="AF33051" i="1"/>
  <c r="AF33052" i="1"/>
  <c r="AF33053" i="1"/>
  <c r="AF33054" i="1"/>
  <c r="AF33055" i="1"/>
  <c r="AF33056" i="1"/>
  <c r="AF33057" i="1"/>
  <c r="AF33058" i="1"/>
  <c r="AF33059" i="1"/>
  <c r="AF33060" i="1"/>
  <c r="AF33061" i="1"/>
  <c r="AF33062" i="1"/>
  <c r="AF33063" i="1"/>
  <c r="AF33064" i="1"/>
  <c r="AF33065" i="1"/>
  <c r="AF33066" i="1"/>
  <c r="AF33067" i="1"/>
  <c r="AF33068" i="1"/>
  <c r="AF33069" i="1"/>
  <c r="AF33070" i="1"/>
  <c r="AF33071" i="1"/>
  <c r="AF33072" i="1"/>
  <c r="AF33073" i="1"/>
  <c r="AF33074" i="1"/>
  <c r="AF33075" i="1"/>
  <c r="AF33076" i="1"/>
  <c r="AF33077" i="1"/>
  <c r="AF33078" i="1"/>
  <c r="AF33079" i="1"/>
  <c r="AF33080" i="1"/>
  <c r="AF33081" i="1"/>
  <c r="AF33082" i="1"/>
  <c r="AF33083" i="1"/>
  <c r="AF33084" i="1"/>
  <c r="AF33085" i="1"/>
  <c r="AF33086" i="1"/>
  <c r="AF33087" i="1"/>
  <c r="AF33088" i="1"/>
  <c r="AF33089" i="1"/>
  <c r="AF33090" i="1"/>
  <c r="AF33091" i="1"/>
  <c r="AF33092" i="1"/>
  <c r="AF33093" i="1"/>
  <c r="AF33094" i="1"/>
  <c r="AF33095" i="1"/>
  <c r="AF33096" i="1"/>
  <c r="AF33097" i="1"/>
  <c r="AF33098" i="1"/>
  <c r="AF33099" i="1"/>
  <c r="AF33100" i="1"/>
  <c r="AF33101" i="1"/>
  <c r="AF33102" i="1"/>
  <c r="AF33103" i="1"/>
  <c r="AF33104" i="1"/>
  <c r="AF33105" i="1"/>
  <c r="AF33106" i="1"/>
  <c r="AF33107" i="1"/>
  <c r="AF33108" i="1"/>
  <c r="AF33109" i="1"/>
  <c r="AF33110" i="1"/>
  <c r="AF33111" i="1"/>
  <c r="AF33112" i="1"/>
  <c r="AF33113" i="1"/>
  <c r="AF33114" i="1"/>
  <c r="AF33115" i="1"/>
  <c r="AF33116" i="1"/>
  <c r="AF33117" i="1"/>
  <c r="AF33118" i="1"/>
  <c r="AF33119" i="1"/>
  <c r="AF33120" i="1"/>
  <c r="AF33121" i="1"/>
  <c r="AF33122" i="1"/>
  <c r="AF33123" i="1"/>
  <c r="AF33124" i="1"/>
  <c r="AF33125" i="1"/>
  <c r="AF33126" i="1"/>
  <c r="AF33127" i="1"/>
  <c r="AF33128" i="1"/>
  <c r="AF33129" i="1"/>
  <c r="AF33130" i="1"/>
  <c r="AF33131" i="1"/>
  <c r="AF33132" i="1"/>
  <c r="AF33133" i="1"/>
  <c r="AF33134" i="1"/>
  <c r="AF33135" i="1"/>
  <c r="AF33136" i="1"/>
  <c r="AF33137" i="1"/>
  <c r="AF33138" i="1"/>
  <c r="AF33139" i="1"/>
  <c r="AF33140" i="1"/>
  <c r="AF33141" i="1"/>
  <c r="AF33142" i="1"/>
  <c r="AF33143" i="1"/>
  <c r="AF33144" i="1"/>
  <c r="AF33145" i="1"/>
  <c r="AF33146" i="1"/>
  <c r="AF33147" i="1"/>
  <c r="AF33148" i="1"/>
  <c r="AF33149" i="1"/>
  <c r="AF33150" i="1"/>
  <c r="AF33151" i="1"/>
  <c r="AF33152" i="1"/>
  <c r="AF33153" i="1"/>
  <c r="AF33154" i="1"/>
  <c r="AF33155" i="1"/>
  <c r="AF33156" i="1"/>
  <c r="AF33157" i="1"/>
  <c r="AF33158" i="1"/>
  <c r="AF33159" i="1"/>
  <c r="AF33160" i="1"/>
  <c r="AF33161" i="1"/>
  <c r="AF33162" i="1"/>
  <c r="AF33163" i="1"/>
  <c r="AF33164" i="1"/>
  <c r="AF33165" i="1"/>
  <c r="AF33166" i="1"/>
  <c r="AF33167" i="1"/>
  <c r="AF33168" i="1"/>
  <c r="AF33169" i="1"/>
  <c r="AF33170" i="1"/>
  <c r="AF33171" i="1"/>
  <c r="AF33172" i="1"/>
  <c r="AF33173" i="1"/>
  <c r="AF33174" i="1"/>
  <c r="AF33175" i="1"/>
  <c r="AF33176" i="1"/>
  <c r="AF33177" i="1"/>
  <c r="AF33178" i="1"/>
  <c r="AF33179" i="1"/>
  <c r="AF33180" i="1"/>
  <c r="AF33181" i="1"/>
  <c r="AF33182" i="1"/>
  <c r="AF33183" i="1"/>
  <c r="AF33184" i="1"/>
  <c r="AF33185" i="1"/>
  <c r="AF33186" i="1"/>
  <c r="AF33187" i="1"/>
  <c r="AF33188" i="1"/>
  <c r="AF33189" i="1"/>
  <c r="AF33190" i="1"/>
  <c r="AF33191" i="1"/>
  <c r="AF33192" i="1"/>
  <c r="AF33193" i="1"/>
  <c r="AF33194" i="1"/>
  <c r="AF33195" i="1"/>
  <c r="AF33196" i="1"/>
  <c r="AF33197" i="1"/>
  <c r="AF33198" i="1"/>
  <c r="AF33199" i="1"/>
  <c r="AF33200" i="1"/>
  <c r="AF33201" i="1"/>
  <c r="AF33202" i="1"/>
  <c r="AF33203" i="1"/>
  <c r="AF33204" i="1"/>
  <c r="AF33205" i="1"/>
  <c r="AF33206" i="1"/>
  <c r="AF33207" i="1"/>
  <c r="AF33208" i="1"/>
  <c r="AF33209" i="1"/>
  <c r="AF33210" i="1"/>
  <c r="AF33211" i="1"/>
  <c r="AF33212" i="1"/>
  <c r="AF33213" i="1"/>
  <c r="AF33214" i="1"/>
  <c r="AF33215" i="1"/>
  <c r="AF33216" i="1"/>
  <c r="AF33217" i="1"/>
  <c r="AF33218" i="1"/>
  <c r="AF33219" i="1"/>
  <c r="AF33220" i="1"/>
  <c r="AF33221" i="1"/>
  <c r="AF33222" i="1"/>
  <c r="AF33223" i="1"/>
  <c r="AF33224" i="1"/>
  <c r="AF33225" i="1"/>
  <c r="AF33226" i="1"/>
  <c r="AF33227" i="1"/>
  <c r="AF33228" i="1"/>
  <c r="AF33229" i="1"/>
  <c r="AF33230" i="1"/>
  <c r="AF33231" i="1"/>
  <c r="AF33232" i="1"/>
  <c r="AF33233" i="1"/>
  <c r="AF33234" i="1"/>
  <c r="AF33235" i="1"/>
  <c r="AF33236" i="1"/>
  <c r="AF33237" i="1"/>
  <c r="AF33238" i="1"/>
  <c r="AF33239" i="1"/>
  <c r="AF33240" i="1"/>
  <c r="AF33241" i="1"/>
  <c r="AF33242" i="1"/>
  <c r="AF33243" i="1"/>
  <c r="AF33244" i="1"/>
  <c r="AF33245" i="1"/>
  <c r="AF33246" i="1"/>
  <c r="AF33247" i="1"/>
  <c r="AF33248" i="1"/>
  <c r="AF33249" i="1"/>
  <c r="AF33250" i="1"/>
  <c r="AF33251" i="1"/>
  <c r="AF33252" i="1"/>
  <c r="AF33253" i="1"/>
  <c r="AF33254" i="1"/>
  <c r="AF33255" i="1"/>
  <c r="AF33256" i="1"/>
  <c r="AF33257" i="1"/>
  <c r="AF33258" i="1"/>
  <c r="AF33259" i="1"/>
  <c r="AF33260" i="1"/>
  <c r="AF33261" i="1"/>
  <c r="AF33262" i="1"/>
  <c r="AF33263" i="1"/>
  <c r="AF33264" i="1"/>
  <c r="AF33265" i="1"/>
  <c r="AF33266" i="1"/>
  <c r="AF33267" i="1"/>
  <c r="AF33268" i="1"/>
  <c r="AF33269" i="1"/>
  <c r="AF33270" i="1"/>
  <c r="AF33271" i="1"/>
  <c r="AF33272" i="1"/>
  <c r="AF33273" i="1"/>
  <c r="AF33274" i="1"/>
  <c r="AF33275" i="1"/>
  <c r="AF33276" i="1"/>
  <c r="AF33277" i="1"/>
  <c r="AF33278" i="1"/>
  <c r="AF33279" i="1"/>
  <c r="AF33280" i="1"/>
  <c r="AF33281" i="1"/>
  <c r="AF33282" i="1"/>
  <c r="AF33283" i="1"/>
  <c r="AF33284" i="1"/>
  <c r="AF33285" i="1"/>
  <c r="AF33286" i="1"/>
  <c r="AF33287" i="1"/>
  <c r="AF33288" i="1"/>
  <c r="AF33289" i="1"/>
  <c r="AF33290" i="1"/>
  <c r="AF33291" i="1"/>
  <c r="AF33292" i="1"/>
  <c r="AF33293" i="1"/>
  <c r="AF33294" i="1"/>
  <c r="AF33295" i="1"/>
  <c r="AF33296" i="1"/>
  <c r="AF33297" i="1"/>
  <c r="AF33298" i="1"/>
  <c r="AF33299" i="1"/>
  <c r="AF33300" i="1"/>
  <c r="AF33301" i="1"/>
  <c r="AF33302" i="1"/>
  <c r="AF33303" i="1"/>
  <c r="AF33304" i="1"/>
  <c r="AF33305" i="1"/>
  <c r="AF33306" i="1"/>
  <c r="AF33307" i="1"/>
  <c r="AF33308" i="1"/>
  <c r="AF33309" i="1"/>
  <c r="AF33310" i="1"/>
  <c r="AF33311" i="1"/>
  <c r="AF33312" i="1"/>
  <c r="AF33313" i="1"/>
  <c r="AF33314" i="1"/>
  <c r="AF33315" i="1"/>
  <c r="AF33316" i="1"/>
  <c r="AF33317" i="1"/>
  <c r="AF33318" i="1"/>
  <c r="AF33319" i="1"/>
  <c r="AF33320" i="1"/>
  <c r="AF33321" i="1"/>
  <c r="AF33322" i="1"/>
  <c r="AF33323" i="1"/>
  <c r="AF33324" i="1"/>
  <c r="AF33325" i="1"/>
  <c r="AF33326" i="1"/>
  <c r="AF33327" i="1"/>
  <c r="AF33328" i="1"/>
  <c r="AF33329" i="1"/>
  <c r="AF33330" i="1"/>
  <c r="AF33331" i="1"/>
  <c r="AF33332" i="1"/>
  <c r="AF33333" i="1"/>
  <c r="AF33334" i="1"/>
  <c r="AF33335" i="1"/>
  <c r="AF33336" i="1"/>
  <c r="AF33337" i="1"/>
  <c r="AF33338" i="1"/>
  <c r="AF33339" i="1"/>
  <c r="AF33340" i="1"/>
  <c r="AF33341" i="1"/>
  <c r="AF33342" i="1"/>
  <c r="AF33343" i="1"/>
  <c r="AF33344" i="1"/>
  <c r="AF33345" i="1"/>
  <c r="AF33346" i="1"/>
  <c r="AF33347" i="1"/>
  <c r="AF33348" i="1"/>
  <c r="AF33349" i="1"/>
  <c r="AF33350" i="1"/>
  <c r="AF33351" i="1"/>
  <c r="AF33352" i="1"/>
  <c r="AF33353" i="1"/>
  <c r="AF33354" i="1"/>
  <c r="AF33355" i="1"/>
  <c r="AF33356" i="1"/>
  <c r="AF33357" i="1"/>
  <c r="AF33358" i="1"/>
  <c r="AF33359" i="1"/>
  <c r="AF33360" i="1"/>
  <c r="AF33361" i="1"/>
  <c r="AF33362" i="1"/>
  <c r="AF33363" i="1"/>
  <c r="AF33364" i="1"/>
  <c r="AF33365" i="1"/>
  <c r="AF33366" i="1"/>
  <c r="AF33367" i="1"/>
  <c r="AF33368" i="1"/>
  <c r="AF33369" i="1"/>
  <c r="AF33370" i="1"/>
  <c r="AF33371" i="1"/>
  <c r="AF33372" i="1"/>
  <c r="AF33373" i="1"/>
  <c r="AF33374" i="1"/>
  <c r="AF33375" i="1"/>
  <c r="AF33376" i="1"/>
  <c r="AF33377" i="1"/>
  <c r="AF33378" i="1"/>
  <c r="AF33379" i="1"/>
  <c r="AF33380" i="1"/>
  <c r="AF33381" i="1"/>
  <c r="AF33382" i="1"/>
  <c r="AF33383" i="1"/>
  <c r="AF33384" i="1"/>
  <c r="AF33385" i="1"/>
  <c r="AF33386" i="1"/>
  <c r="AF33387" i="1"/>
  <c r="AF33388" i="1"/>
  <c r="AF33389" i="1"/>
  <c r="AF33390" i="1"/>
  <c r="AF33391" i="1"/>
  <c r="AF33392" i="1"/>
  <c r="AF33393" i="1"/>
  <c r="AF33394" i="1"/>
  <c r="AF33395" i="1"/>
  <c r="AF33396" i="1"/>
  <c r="AF33397" i="1"/>
  <c r="AF33398" i="1"/>
  <c r="AF33399" i="1"/>
  <c r="AF33400" i="1"/>
  <c r="AF33401" i="1"/>
  <c r="AF33402" i="1"/>
  <c r="AF33403" i="1"/>
  <c r="AF33404" i="1"/>
  <c r="AF33405" i="1"/>
  <c r="AF33406" i="1"/>
  <c r="AF33407" i="1"/>
  <c r="AF33408" i="1"/>
  <c r="AF33409" i="1"/>
  <c r="AF33410" i="1"/>
  <c r="AF33411" i="1"/>
  <c r="AF33412" i="1"/>
  <c r="AF33413" i="1"/>
  <c r="AF33414" i="1"/>
  <c r="AF33415" i="1"/>
  <c r="AF33416" i="1"/>
  <c r="AF33417" i="1"/>
  <c r="AF33418" i="1"/>
  <c r="AF33419" i="1"/>
  <c r="AF33420" i="1"/>
  <c r="AF33421" i="1"/>
  <c r="AF33422" i="1"/>
  <c r="AF33423" i="1"/>
  <c r="AF33424" i="1"/>
  <c r="AF33425" i="1"/>
  <c r="AF33426" i="1"/>
  <c r="AF33427" i="1"/>
  <c r="AF33428" i="1"/>
  <c r="AF33429" i="1"/>
  <c r="AF33430" i="1"/>
  <c r="AF33431" i="1"/>
  <c r="AF33432" i="1"/>
  <c r="AF33433" i="1"/>
  <c r="AF33434" i="1"/>
  <c r="AF33435" i="1"/>
  <c r="AF33436" i="1"/>
  <c r="AF33437" i="1"/>
  <c r="AF33438" i="1"/>
  <c r="AF33439" i="1"/>
  <c r="AF33440" i="1"/>
  <c r="AF33441" i="1"/>
  <c r="AF33442" i="1"/>
  <c r="AF33443" i="1"/>
  <c r="AF33444" i="1"/>
  <c r="AF33445" i="1"/>
  <c r="AF33446" i="1"/>
  <c r="AF33447" i="1"/>
  <c r="AF33448" i="1"/>
  <c r="AF33449" i="1"/>
  <c r="AF33450" i="1"/>
  <c r="AF33451" i="1"/>
  <c r="AF33452" i="1"/>
  <c r="AF33453" i="1"/>
  <c r="AF33454" i="1"/>
  <c r="AF33455" i="1"/>
  <c r="AF33456" i="1"/>
  <c r="AF33457" i="1"/>
  <c r="AF33458" i="1"/>
  <c r="AF33459" i="1"/>
  <c r="AF33460" i="1"/>
  <c r="AF33461" i="1"/>
  <c r="AF33462" i="1"/>
  <c r="AF33463" i="1"/>
  <c r="AF33464" i="1"/>
  <c r="AF33465" i="1"/>
  <c r="AF33466" i="1"/>
  <c r="AF33467" i="1"/>
  <c r="AF33468" i="1"/>
  <c r="AF33469" i="1"/>
  <c r="AF33470" i="1"/>
  <c r="AF33471" i="1"/>
  <c r="AF33472" i="1"/>
  <c r="AF33473" i="1"/>
  <c r="AF33474" i="1"/>
  <c r="AF33475" i="1"/>
  <c r="AF33476" i="1"/>
  <c r="AF33477" i="1"/>
  <c r="AF33478" i="1"/>
  <c r="AF33479" i="1"/>
  <c r="AF33480" i="1"/>
  <c r="AF33481" i="1"/>
  <c r="AF33482" i="1"/>
  <c r="AF33483" i="1"/>
  <c r="AF33484" i="1"/>
  <c r="AF33485" i="1"/>
  <c r="AF33486" i="1"/>
  <c r="AF33487" i="1"/>
  <c r="AF33488" i="1"/>
  <c r="AF33489" i="1"/>
  <c r="AF33490" i="1"/>
  <c r="AF33491" i="1"/>
  <c r="AF33492" i="1"/>
  <c r="AF33493" i="1"/>
  <c r="AF33494" i="1"/>
  <c r="AF33495" i="1"/>
  <c r="AF33496" i="1"/>
  <c r="AF33497" i="1"/>
  <c r="AF33498" i="1"/>
  <c r="AF33499" i="1"/>
  <c r="AF33500" i="1"/>
  <c r="AF33501" i="1"/>
  <c r="AF33502" i="1"/>
  <c r="AF33503" i="1"/>
  <c r="AF33504" i="1"/>
  <c r="AF33505" i="1"/>
  <c r="AF33506" i="1"/>
  <c r="AF33507" i="1"/>
  <c r="AF33508" i="1"/>
  <c r="AF33509" i="1"/>
  <c r="AF33510" i="1"/>
  <c r="AF33511" i="1"/>
  <c r="AF33512" i="1"/>
  <c r="AF33513" i="1"/>
  <c r="AF33514" i="1"/>
  <c r="AF33515" i="1"/>
  <c r="AF33516" i="1"/>
  <c r="AF33517" i="1"/>
  <c r="AF33518" i="1"/>
  <c r="AF33519" i="1"/>
  <c r="AF33520" i="1"/>
  <c r="AF33521" i="1"/>
  <c r="AF33522" i="1"/>
  <c r="AF33523" i="1"/>
  <c r="AF33524" i="1"/>
  <c r="AF33525" i="1"/>
  <c r="AF33526" i="1"/>
  <c r="AF33527" i="1"/>
  <c r="AF33528" i="1"/>
  <c r="AF33529" i="1"/>
  <c r="AF33530" i="1"/>
  <c r="AF33531" i="1"/>
  <c r="AF33532" i="1"/>
  <c r="AF33533" i="1"/>
  <c r="AF33534" i="1"/>
  <c r="AF33535" i="1"/>
  <c r="AF33536" i="1"/>
  <c r="AF33537" i="1"/>
  <c r="AF33538" i="1"/>
  <c r="AF33539" i="1"/>
  <c r="AF33540" i="1"/>
  <c r="AF33541" i="1"/>
  <c r="AF33542" i="1"/>
  <c r="AF33543" i="1"/>
  <c r="AF33544" i="1"/>
  <c r="AF33545" i="1"/>
  <c r="AF33546" i="1"/>
  <c r="AF33547" i="1"/>
  <c r="AF33548" i="1"/>
  <c r="AF33549" i="1"/>
  <c r="AF33550" i="1"/>
  <c r="AF33551" i="1"/>
  <c r="AF33552" i="1"/>
  <c r="AF33553" i="1"/>
  <c r="AF33554" i="1"/>
  <c r="AF33555" i="1"/>
  <c r="AF33556" i="1"/>
  <c r="AF33557" i="1"/>
  <c r="AF33558" i="1"/>
  <c r="AF33559" i="1"/>
  <c r="AF33560" i="1"/>
  <c r="AF33561" i="1"/>
  <c r="AF33562" i="1"/>
  <c r="AF33563" i="1"/>
  <c r="AF33564" i="1"/>
  <c r="AF33565" i="1"/>
  <c r="AF33566" i="1"/>
  <c r="AF33567" i="1"/>
  <c r="AF33568" i="1"/>
  <c r="AF33569" i="1"/>
  <c r="AF33570" i="1"/>
  <c r="AF33571" i="1"/>
  <c r="AF33572" i="1"/>
  <c r="AF33573" i="1"/>
  <c r="AF33574" i="1"/>
  <c r="AF33575" i="1"/>
  <c r="AF33576" i="1"/>
  <c r="AF33577" i="1"/>
  <c r="AF33578" i="1"/>
  <c r="AF33579" i="1"/>
  <c r="AF33580" i="1"/>
  <c r="AF33581" i="1"/>
  <c r="AF33582" i="1"/>
  <c r="AF33583" i="1"/>
  <c r="AF33584" i="1"/>
  <c r="AF33585" i="1"/>
  <c r="AF33586" i="1"/>
  <c r="AF33587" i="1"/>
  <c r="AF33588" i="1"/>
  <c r="AF33589" i="1"/>
  <c r="AF33590" i="1"/>
  <c r="AF33591" i="1"/>
  <c r="AF33592" i="1"/>
  <c r="AF33593" i="1"/>
  <c r="AF33594" i="1"/>
  <c r="AF33595" i="1"/>
  <c r="AF33596" i="1"/>
  <c r="AF33597" i="1"/>
  <c r="AF33598" i="1"/>
  <c r="AF33599" i="1"/>
  <c r="AF33600" i="1"/>
  <c r="AF33601" i="1"/>
  <c r="AF33602" i="1"/>
  <c r="AF33603" i="1"/>
  <c r="AF33604" i="1"/>
  <c r="AF33605" i="1"/>
  <c r="AF33606" i="1"/>
  <c r="AF33607" i="1"/>
  <c r="AF33608" i="1"/>
  <c r="AF33609" i="1"/>
  <c r="AF33610" i="1"/>
  <c r="AF33611" i="1"/>
  <c r="AF33612" i="1"/>
  <c r="AF33613" i="1"/>
  <c r="AF33614" i="1"/>
  <c r="AF33615" i="1"/>
  <c r="AF33616" i="1"/>
  <c r="AF33617" i="1"/>
  <c r="AF33618" i="1"/>
  <c r="AF33619" i="1"/>
  <c r="AF33620" i="1"/>
  <c r="AF33621" i="1"/>
  <c r="AF33622" i="1"/>
  <c r="AF33623" i="1"/>
  <c r="AF33624" i="1"/>
  <c r="AF33625" i="1"/>
  <c r="AF33626" i="1"/>
  <c r="AF33627" i="1"/>
  <c r="AF33628" i="1"/>
  <c r="AF33629" i="1"/>
  <c r="AF33630" i="1"/>
  <c r="AF33631" i="1"/>
  <c r="AF33632" i="1"/>
  <c r="AF33633" i="1"/>
  <c r="AF33634" i="1"/>
  <c r="AF33635" i="1"/>
  <c r="AF33636" i="1"/>
  <c r="AF33637" i="1"/>
  <c r="AF33638" i="1"/>
  <c r="AF33639" i="1"/>
  <c r="AF33640" i="1"/>
  <c r="AF33641" i="1"/>
  <c r="AF33642" i="1"/>
  <c r="AF33643" i="1"/>
  <c r="AF33644" i="1"/>
  <c r="AF33645" i="1"/>
  <c r="AF33646" i="1"/>
  <c r="AF33647" i="1"/>
  <c r="AF33648" i="1"/>
  <c r="AF33649" i="1"/>
  <c r="AF33650" i="1"/>
  <c r="AF33651" i="1"/>
  <c r="AF33652" i="1"/>
  <c r="AF33653" i="1"/>
  <c r="AF33654" i="1"/>
  <c r="AF33655" i="1"/>
  <c r="AF33656" i="1"/>
  <c r="AF33657" i="1"/>
  <c r="AF33658" i="1"/>
  <c r="AF33659" i="1"/>
  <c r="AF33660" i="1"/>
  <c r="AF33661" i="1"/>
  <c r="AF33662" i="1"/>
  <c r="AF33663" i="1"/>
  <c r="AF33664" i="1"/>
  <c r="AF33665" i="1"/>
  <c r="AF33666" i="1"/>
  <c r="AF33667" i="1"/>
  <c r="AF33668" i="1"/>
  <c r="AF33669" i="1"/>
  <c r="AF33670" i="1"/>
  <c r="AF33671" i="1"/>
  <c r="AF33672" i="1"/>
  <c r="AF33673" i="1"/>
  <c r="AF33674" i="1"/>
  <c r="AF33675" i="1"/>
  <c r="AF33676" i="1"/>
  <c r="AF33677" i="1"/>
  <c r="AF33678" i="1"/>
  <c r="AF33679" i="1"/>
  <c r="AF33680" i="1"/>
  <c r="AF33681" i="1"/>
  <c r="AF33682" i="1"/>
  <c r="AF33683" i="1"/>
  <c r="AF33684" i="1"/>
  <c r="AF33685" i="1"/>
  <c r="AF33686" i="1"/>
  <c r="AF33687" i="1"/>
  <c r="AF33688" i="1"/>
  <c r="AF33689" i="1"/>
  <c r="AF33690" i="1"/>
  <c r="AF33691" i="1"/>
  <c r="AF33692" i="1"/>
  <c r="AF33693" i="1"/>
  <c r="AF33694" i="1"/>
  <c r="AF33695" i="1"/>
  <c r="AF33696" i="1"/>
  <c r="AF33697" i="1"/>
  <c r="AF33698" i="1"/>
  <c r="AF33699" i="1"/>
  <c r="AF33700" i="1"/>
  <c r="AF33701" i="1"/>
  <c r="AF33702" i="1"/>
  <c r="AF33703" i="1"/>
  <c r="AF33704" i="1"/>
  <c r="AF33705" i="1"/>
  <c r="AF33706" i="1"/>
  <c r="AF33707" i="1"/>
  <c r="AF33708" i="1"/>
  <c r="AF33709" i="1"/>
  <c r="AF33710" i="1"/>
  <c r="AF33711" i="1"/>
  <c r="AF33712" i="1"/>
  <c r="AF33713" i="1"/>
  <c r="AF33714" i="1"/>
  <c r="AF33715" i="1"/>
  <c r="AF33716" i="1"/>
  <c r="AF33717" i="1"/>
  <c r="AF33718" i="1"/>
  <c r="AF33719" i="1"/>
  <c r="AF33720" i="1"/>
  <c r="AF33721" i="1"/>
  <c r="AF33722" i="1"/>
  <c r="AF33723" i="1"/>
  <c r="AF33724" i="1"/>
  <c r="AF33725" i="1"/>
  <c r="AF33726" i="1"/>
  <c r="AF33727" i="1"/>
  <c r="AF33728" i="1"/>
  <c r="AF33729" i="1"/>
  <c r="AF33730" i="1"/>
  <c r="AF33731" i="1"/>
  <c r="AF33732" i="1"/>
  <c r="AF33733" i="1"/>
  <c r="AF33734" i="1"/>
  <c r="AF33735" i="1"/>
  <c r="AF33736" i="1"/>
  <c r="AF33737" i="1"/>
  <c r="AF33738" i="1"/>
  <c r="AF33739" i="1"/>
  <c r="AF33740" i="1"/>
  <c r="AF33741" i="1"/>
  <c r="AF33742" i="1"/>
  <c r="AF33743" i="1"/>
  <c r="AF33744" i="1"/>
  <c r="AF33745" i="1"/>
  <c r="AF33746" i="1"/>
  <c r="AF33747" i="1"/>
  <c r="AF33748" i="1"/>
  <c r="AF33749" i="1"/>
  <c r="AF33750" i="1"/>
  <c r="AF33751" i="1"/>
  <c r="AF33752" i="1"/>
  <c r="AF33753" i="1"/>
  <c r="AF33754" i="1"/>
  <c r="AF33755" i="1"/>
  <c r="AF33756" i="1"/>
  <c r="AF33757" i="1"/>
  <c r="AF33758" i="1"/>
  <c r="AF33759" i="1"/>
  <c r="AF33760" i="1"/>
  <c r="AF33761" i="1"/>
  <c r="AF33762" i="1"/>
  <c r="AF33763" i="1"/>
  <c r="AF33764" i="1"/>
  <c r="AF33765" i="1"/>
  <c r="AF33766" i="1"/>
  <c r="AF33767" i="1"/>
  <c r="AF33768" i="1"/>
  <c r="AF33769" i="1"/>
  <c r="AF33770" i="1"/>
  <c r="AF33771" i="1"/>
  <c r="AF33772" i="1"/>
  <c r="AF33773" i="1"/>
  <c r="AF33774" i="1"/>
  <c r="AF33775" i="1"/>
  <c r="AF33776" i="1"/>
  <c r="AF33777" i="1"/>
  <c r="AF33778" i="1"/>
  <c r="AF33779" i="1"/>
  <c r="AF33780" i="1"/>
  <c r="AF33781" i="1"/>
  <c r="AF33782" i="1"/>
  <c r="AF33783" i="1"/>
  <c r="AF33784" i="1"/>
  <c r="AF33785" i="1"/>
  <c r="AF33786" i="1"/>
  <c r="AF33787" i="1"/>
  <c r="AF33788" i="1"/>
  <c r="AF33789" i="1"/>
  <c r="AF33790" i="1"/>
  <c r="AF33791" i="1"/>
  <c r="AF33792" i="1"/>
  <c r="AF33793" i="1"/>
  <c r="AF33794" i="1"/>
  <c r="AF33795" i="1"/>
  <c r="AF33796" i="1"/>
  <c r="AF33797" i="1"/>
  <c r="AF33798" i="1"/>
  <c r="AF33799" i="1"/>
  <c r="AF33800" i="1"/>
  <c r="AF33801" i="1"/>
  <c r="AF33802" i="1"/>
  <c r="AF33803" i="1"/>
  <c r="AF33804" i="1"/>
  <c r="AF33805" i="1"/>
  <c r="AF33806" i="1"/>
  <c r="AF33807" i="1"/>
  <c r="AF33808" i="1"/>
  <c r="AF33809" i="1"/>
  <c r="AF33810" i="1"/>
  <c r="AF33811" i="1"/>
  <c r="AF33812" i="1"/>
  <c r="AF33813" i="1"/>
  <c r="AF33814" i="1"/>
  <c r="AF33815" i="1"/>
  <c r="AF33816" i="1"/>
  <c r="AF33817" i="1"/>
  <c r="AF33818" i="1"/>
  <c r="AF33819" i="1"/>
  <c r="AF33820" i="1"/>
  <c r="AF33821" i="1"/>
  <c r="AF33822" i="1"/>
  <c r="AF33823" i="1"/>
  <c r="AF33824" i="1"/>
  <c r="AF33825" i="1"/>
  <c r="AF33826" i="1"/>
  <c r="AF33827" i="1"/>
  <c r="AF33828" i="1"/>
  <c r="AF33829" i="1"/>
  <c r="AF33830" i="1"/>
  <c r="AF33831" i="1"/>
  <c r="AF33832" i="1"/>
  <c r="AF33833" i="1"/>
  <c r="AF33834" i="1"/>
  <c r="AF33835" i="1"/>
  <c r="AF33836" i="1"/>
  <c r="AF33837" i="1"/>
  <c r="AF33838" i="1"/>
  <c r="AF33839" i="1"/>
  <c r="AF33840" i="1"/>
  <c r="AF33841" i="1"/>
  <c r="AF33842" i="1"/>
  <c r="AF33843" i="1"/>
  <c r="AF33844" i="1"/>
  <c r="AF33845" i="1"/>
  <c r="AF33846" i="1"/>
  <c r="AF33847" i="1"/>
  <c r="AF33848" i="1"/>
  <c r="AF33849" i="1"/>
  <c r="AF33850" i="1"/>
  <c r="AF33851" i="1"/>
  <c r="AF33852" i="1"/>
  <c r="AF33853" i="1"/>
  <c r="AF33854" i="1"/>
  <c r="AF33855" i="1"/>
  <c r="AF33856" i="1"/>
  <c r="AF33857" i="1"/>
  <c r="AF33858" i="1"/>
  <c r="AF33859" i="1"/>
  <c r="AF33860" i="1"/>
  <c r="AF33861" i="1"/>
  <c r="AF33862" i="1"/>
  <c r="AF33863" i="1"/>
  <c r="AF33864" i="1"/>
  <c r="AF33865" i="1"/>
  <c r="AF33866" i="1"/>
  <c r="AF33867" i="1"/>
  <c r="AF33868" i="1"/>
  <c r="AF33869" i="1"/>
  <c r="AF33870" i="1"/>
  <c r="AF33871" i="1"/>
  <c r="AF33872" i="1"/>
  <c r="AF33873" i="1"/>
  <c r="AF33874" i="1"/>
  <c r="AF33875" i="1"/>
  <c r="AF33876" i="1"/>
  <c r="AF33877" i="1"/>
  <c r="AF33878" i="1"/>
  <c r="AF33879" i="1"/>
  <c r="AF33880" i="1"/>
  <c r="AF33881" i="1"/>
  <c r="AF33882" i="1"/>
  <c r="AF33883" i="1"/>
  <c r="AF33884" i="1"/>
  <c r="AF33885" i="1"/>
  <c r="AF33886" i="1"/>
  <c r="AF33887" i="1"/>
  <c r="AF33888" i="1"/>
  <c r="AF33889" i="1"/>
  <c r="AF33890" i="1"/>
  <c r="AF33891" i="1"/>
  <c r="AF33892" i="1"/>
  <c r="AF33893" i="1"/>
  <c r="AF33894" i="1"/>
  <c r="AF33895" i="1"/>
  <c r="AF33896" i="1"/>
  <c r="AF33897" i="1"/>
  <c r="AF33898" i="1"/>
  <c r="AF33899" i="1"/>
  <c r="AF33900" i="1"/>
  <c r="AF33901" i="1"/>
  <c r="AF33902" i="1"/>
  <c r="AF33903" i="1"/>
  <c r="AF33904" i="1"/>
  <c r="AF33905" i="1"/>
  <c r="AF33906" i="1"/>
  <c r="AF33907" i="1"/>
  <c r="AF33908" i="1"/>
  <c r="AF33909" i="1"/>
  <c r="AF33910" i="1"/>
  <c r="AF33911" i="1"/>
  <c r="AF33912" i="1"/>
  <c r="AF33913" i="1"/>
  <c r="AF33914" i="1"/>
  <c r="AF33915" i="1"/>
  <c r="AF33916" i="1"/>
  <c r="AF33917" i="1"/>
  <c r="AF33918" i="1"/>
  <c r="AF33919" i="1"/>
  <c r="AF33920" i="1"/>
  <c r="AF33921" i="1"/>
  <c r="AF33922" i="1"/>
  <c r="AF33923" i="1"/>
  <c r="AF33924" i="1"/>
  <c r="AF33925" i="1"/>
  <c r="AF33926" i="1"/>
  <c r="AF33927" i="1"/>
  <c r="AF33928" i="1"/>
  <c r="AF33929" i="1"/>
  <c r="AF33930" i="1"/>
  <c r="AF33931" i="1"/>
  <c r="AF33932" i="1"/>
  <c r="AF33933" i="1"/>
  <c r="AF33934" i="1"/>
  <c r="AF33935" i="1"/>
  <c r="AF33936" i="1"/>
  <c r="AF33937" i="1"/>
  <c r="AF33938" i="1"/>
  <c r="AF33939" i="1"/>
  <c r="AF33940" i="1"/>
  <c r="AF33941" i="1"/>
  <c r="AF33942" i="1"/>
  <c r="AF33943" i="1"/>
  <c r="AF33944" i="1"/>
  <c r="AF33945" i="1"/>
  <c r="AF33946" i="1"/>
  <c r="AF33947" i="1"/>
  <c r="AF33948" i="1"/>
  <c r="AF33949" i="1"/>
  <c r="AF33950" i="1"/>
  <c r="AF33951" i="1"/>
  <c r="AF33952" i="1"/>
  <c r="AF33953" i="1"/>
  <c r="AF33954" i="1"/>
  <c r="AF33955" i="1"/>
  <c r="AF33956" i="1"/>
  <c r="AF33957" i="1"/>
  <c r="AF33958" i="1"/>
  <c r="AF33959" i="1"/>
  <c r="AF33960" i="1"/>
  <c r="AF33961" i="1"/>
  <c r="AF33962" i="1"/>
  <c r="AF33963" i="1"/>
  <c r="AF33964" i="1"/>
  <c r="AF33965" i="1"/>
  <c r="AF33966" i="1"/>
  <c r="AF33967" i="1"/>
  <c r="AF33968" i="1"/>
  <c r="AF33969" i="1"/>
  <c r="AF33970" i="1"/>
  <c r="AF33971" i="1"/>
  <c r="AF33972" i="1"/>
  <c r="AF33973" i="1"/>
  <c r="AF33974" i="1"/>
  <c r="AF33975" i="1"/>
  <c r="AF33976" i="1"/>
  <c r="AF33977" i="1"/>
  <c r="AF33978" i="1"/>
  <c r="AF33979" i="1"/>
  <c r="AF33980" i="1"/>
  <c r="AF33981" i="1"/>
  <c r="AF33982" i="1"/>
  <c r="AF33983" i="1"/>
  <c r="AF33984" i="1"/>
  <c r="AF33985" i="1"/>
  <c r="AF33986" i="1"/>
  <c r="AF33987" i="1"/>
  <c r="AF33988" i="1"/>
  <c r="AF33989" i="1"/>
  <c r="AF33990" i="1"/>
  <c r="AF33991" i="1"/>
  <c r="AF33992" i="1"/>
  <c r="AF33993" i="1"/>
  <c r="AF33994" i="1"/>
  <c r="AF33995" i="1"/>
  <c r="AF33996" i="1"/>
  <c r="AF33997" i="1"/>
  <c r="AF33998" i="1"/>
  <c r="AF33999" i="1"/>
  <c r="AF34000" i="1"/>
  <c r="AF34001" i="1"/>
  <c r="AF34002" i="1"/>
  <c r="AF34003" i="1"/>
  <c r="AF34004" i="1"/>
  <c r="AF34005" i="1"/>
  <c r="AF34006" i="1"/>
  <c r="AF34007" i="1"/>
  <c r="AF34008" i="1"/>
  <c r="AF34009" i="1"/>
  <c r="AF34010" i="1"/>
  <c r="AF34011" i="1"/>
  <c r="AF34012" i="1"/>
  <c r="AF34013" i="1"/>
  <c r="AF34014" i="1"/>
  <c r="AF34015" i="1"/>
  <c r="AF34016" i="1"/>
  <c r="AF34017" i="1"/>
  <c r="AF34018" i="1"/>
  <c r="AF34019" i="1"/>
  <c r="AF34020" i="1"/>
  <c r="AF34021" i="1"/>
  <c r="AF34022" i="1"/>
  <c r="AF34023" i="1"/>
  <c r="AF34024" i="1"/>
  <c r="AF34025" i="1"/>
  <c r="AF34026" i="1"/>
  <c r="AF34027" i="1"/>
  <c r="AF34028" i="1"/>
  <c r="AF34029" i="1"/>
  <c r="AF34030" i="1"/>
  <c r="AF34031" i="1"/>
  <c r="AF34032" i="1"/>
  <c r="AF34033" i="1"/>
  <c r="AF34034" i="1"/>
  <c r="AF34035" i="1"/>
  <c r="AF34036" i="1"/>
  <c r="AF34037" i="1"/>
  <c r="AF34038" i="1"/>
  <c r="AF34039" i="1"/>
  <c r="AF34040" i="1"/>
  <c r="AF34041" i="1"/>
  <c r="AF34042" i="1"/>
  <c r="AF34043" i="1"/>
  <c r="AF34044" i="1"/>
  <c r="AF34045" i="1"/>
  <c r="AF34046" i="1"/>
  <c r="AF34047" i="1"/>
  <c r="AF34048" i="1"/>
  <c r="AF34049" i="1"/>
  <c r="AF34050" i="1"/>
  <c r="AF34051" i="1"/>
  <c r="AF34052" i="1"/>
  <c r="AF34053" i="1"/>
  <c r="AF34054" i="1"/>
  <c r="AF34055" i="1"/>
  <c r="AF34056" i="1"/>
  <c r="AF34057" i="1"/>
  <c r="AF34058" i="1"/>
  <c r="AF34059" i="1"/>
  <c r="AF34060" i="1"/>
  <c r="AF34061" i="1"/>
  <c r="AF34062" i="1"/>
  <c r="AF34063" i="1"/>
  <c r="AF34064" i="1"/>
  <c r="AF34065" i="1"/>
  <c r="AF34066" i="1"/>
  <c r="AF34067" i="1"/>
  <c r="AF34068" i="1"/>
  <c r="AF34069" i="1"/>
  <c r="AF34070" i="1"/>
  <c r="AF34071" i="1"/>
  <c r="AF34072" i="1"/>
  <c r="AF34073" i="1"/>
  <c r="AF34074" i="1"/>
  <c r="AF34075" i="1"/>
  <c r="AF34076" i="1"/>
  <c r="AF34077" i="1"/>
  <c r="AF34078" i="1"/>
  <c r="AF34079" i="1"/>
  <c r="AF34080" i="1"/>
  <c r="AF34081" i="1"/>
  <c r="AF34082" i="1"/>
  <c r="AF34083" i="1"/>
  <c r="AF34084" i="1"/>
  <c r="AF34085" i="1"/>
  <c r="AF34086" i="1"/>
  <c r="AF34087" i="1"/>
  <c r="AF34088" i="1"/>
  <c r="AF34089" i="1"/>
  <c r="AF34090" i="1"/>
  <c r="AF34091" i="1"/>
  <c r="AF34092" i="1"/>
  <c r="AF34093" i="1"/>
  <c r="AF34094" i="1"/>
  <c r="AF34095" i="1"/>
  <c r="AF34096" i="1"/>
  <c r="AF34097" i="1"/>
  <c r="AF34098" i="1"/>
  <c r="AF34099" i="1"/>
  <c r="AF34100" i="1"/>
  <c r="AF34101" i="1"/>
  <c r="AF34102" i="1"/>
  <c r="AF34103" i="1"/>
  <c r="AF34104" i="1"/>
  <c r="AF34105" i="1"/>
  <c r="AF34106" i="1"/>
  <c r="AF34107" i="1"/>
  <c r="AF34108" i="1"/>
  <c r="AF34109" i="1"/>
  <c r="AF34110" i="1"/>
  <c r="AF34111" i="1"/>
  <c r="AF34112" i="1"/>
  <c r="AF34113" i="1"/>
  <c r="AF34114" i="1"/>
  <c r="AF34115" i="1"/>
  <c r="AF34116" i="1"/>
  <c r="AF34117" i="1"/>
  <c r="AF34118" i="1"/>
  <c r="AF34119" i="1"/>
  <c r="AF34120" i="1"/>
  <c r="AF34121" i="1"/>
  <c r="AF34122" i="1"/>
  <c r="AF34123" i="1"/>
  <c r="AF34124" i="1"/>
  <c r="AF34125" i="1"/>
  <c r="AF34126" i="1"/>
  <c r="AF34127" i="1"/>
  <c r="AF34128" i="1"/>
  <c r="AF34129" i="1"/>
  <c r="AF34130" i="1"/>
  <c r="AF34131" i="1"/>
  <c r="AF34132" i="1"/>
  <c r="AF34133" i="1"/>
  <c r="AF34134" i="1"/>
  <c r="AF34135" i="1"/>
  <c r="AF34136" i="1"/>
  <c r="AF34137" i="1"/>
  <c r="AF34138" i="1"/>
  <c r="AF34139" i="1"/>
  <c r="AF34140" i="1"/>
  <c r="AF34141" i="1"/>
  <c r="AF34142" i="1"/>
  <c r="AF34143" i="1"/>
  <c r="AF34144" i="1"/>
  <c r="AF34145" i="1"/>
  <c r="AF34146" i="1"/>
  <c r="AF34147" i="1"/>
  <c r="AF34148" i="1"/>
  <c r="AF34149" i="1"/>
  <c r="AF34150" i="1"/>
  <c r="AF34151" i="1"/>
  <c r="AF34152" i="1"/>
  <c r="AF34153" i="1"/>
  <c r="AF34154" i="1"/>
  <c r="AF34155" i="1"/>
  <c r="AF34156" i="1"/>
  <c r="AF34157" i="1"/>
  <c r="AF34158" i="1"/>
  <c r="AF34159" i="1"/>
  <c r="AF34160" i="1"/>
  <c r="AF34161" i="1"/>
  <c r="AF34162" i="1"/>
  <c r="AF34163" i="1"/>
  <c r="AF34164" i="1"/>
  <c r="AF34165" i="1"/>
  <c r="AF34166" i="1"/>
  <c r="AF34167" i="1"/>
  <c r="AF34168" i="1"/>
  <c r="AF34169" i="1"/>
  <c r="AF34170" i="1"/>
  <c r="AF34171" i="1"/>
  <c r="AF34172" i="1"/>
  <c r="AF34173" i="1"/>
  <c r="AF34174" i="1"/>
  <c r="AF34175" i="1"/>
  <c r="AF34176" i="1"/>
  <c r="AF34177" i="1"/>
  <c r="AF34178" i="1"/>
  <c r="AF34179" i="1"/>
  <c r="AF34180" i="1"/>
  <c r="AF34181" i="1"/>
  <c r="AF34182" i="1"/>
  <c r="AF34183" i="1"/>
  <c r="AF34184" i="1"/>
  <c r="AF34185" i="1"/>
  <c r="AF34186" i="1"/>
  <c r="AF34187" i="1"/>
  <c r="AF34188" i="1"/>
  <c r="AF34189" i="1"/>
  <c r="AF34190" i="1"/>
  <c r="AF34191" i="1"/>
  <c r="AF34192" i="1"/>
  <c r="AF34193" i="1"/>
  <c r="AF34194" i="1"/>
  <c r="AF34195" i="1"/>
  <c r="AF34196" i="1"/>
  <c r="AF34197" i="1"/>
  <c r="AF34198" i="1"/>
  <c r="AF34199" i="1"/>
  <c r="AF34200" i="1"/>
  <c r="AF34201" i="1"/>
  <c r="AF34202" i="1"/>
  <c r="AF34203" i="1"/>
  <c r="AF34204" i="1"/>
  <c r="AF34205" i="1"/>
  <c r="AF34206" i="1"/>
  <c r="AF34207" i="1"/>
  <c r="AF34208" i="1"/>
  <c r="AF34209" i="1"/>
  <c r="AF34210" i="1"/>
  <c r="AF34211" i="1"/>
  <c r="AF34212" i="1"/>
  <c r="AF34213" i="1"/>
  <c r="AF34214" i="1"/>
  <c r="AF34215" i="1"/>
  <c r="AF34216" i="1"/>
  <c r="AF34217" i="1"/>
  <c r="AF34218" i="1"/>
  <c r="AF34219" i="1"/>
  <c r="AF34220" i="1"/>
  <c r="AF34221" i="1"/>
  <c r="AF34222" i="1"/>
  <c r="AF34223" i="1"/>
  <c r="AF34224" i="1"/>
  <c r="AF34225" i="1"/>
  <c r="AF34226" i="1"/>
  <c r="AF34227" i="1"/>
  <c r="AF34228" i="1"/>
  <c r="AF34229" i="1"/>
  <c r="AF34230" i="1"/>
  <c r="AF34231" i="1"/>
  <c r="AF34232" i="1"/>
  <c r="AF34233" i="1"/>
  <c r="AF34234" i="1"/>
  <c r="AF34235" i="1"/>
  <c r="AF34236" i="1"/>
  <c r="AF34237" i="1"/>
  <c r="AF34238" i="1"/>
  <c r="AF34239" i="1"/>
  <c r="AF34240" i="1"/>
  <c r="AF34241" i="1"/>
  <c r="AF34242" i="1"/>
  <c r="AF34243" i="1"/>
  <c r="AF34244" i="1"/>
  <c r="AF34245" i="1"/>
  <c r="AF34246" i="1"/>
  <c r="AF34247" i="1"/>
  <c r="AF34248" i="1"/>
  <c r="AF34249" i="1"/>
  <c r="AF34250" i="1"/>
  <c r="AF34251" i="1"/>
  <c r="AF34252" i="1"/>
  <c r="AF34253" i="1"/>
  <c r="AF34254" i="1"/>
  <c r="AF34255" i="1"/>
  <c r="AF34256" i="1"/>
  <c r="AF34257" i="1"/>
  <c r="AF34258" i="1"/>
  <c r="AF34259" i="1"/>
  <c r="AF34260" i="1"/>
  <c r="AF34261" i="1"/>
  <c r="AF34262" i="1"/>
  <c r="AF34263" i="1"/>
  <c r="AF34264" i="1"/>
  <c r="AF34265" i="1"/>
  <c r="AF34266" i="1"/>
  <c r="AF34267" i="1"/>
  <c r="AF34268" i="1"/>
  <c r="AF34269" i="1"/>
  <c r="AF34270" i="1"/>
  <c r="AF34271" i="1"/>
  <c r="AF34272" i="1"/>
  <c r="AF34273" i="1"/>
  <c r="AF34274" i="1"/>
  <c r="AF34275" i="1"/>
  <c r="AF34276" i="1"/>
  <c r="AF34277" i="1"/>
  <c r="AF34278" i="1"/>
  <c r="AF34279" i="1"/>
  <c r="AF34280" i="1"/>
  <c r="AF34281" i="1"/>
  <c r="AF34282" i="1"/>
  <c r="AF34283" i="1"/>
  <c r="AF34284" i="1"/>
  <c r="AF34285" i="1"/>
  <c r="AF34286" i="1"/>
  <c r="AF34287" i="1"/>
  <c r="AF34288" i="1"/>
  <c r="AF34289" i="1"/>
  <c r="AF34290" i="1"/>
  <c r="AF34291" i="1"/>
  <c r="AF34292" i="1"/>
  <c r="AF34293" i="1"/>
  <c r="AF34294" i="1"/>
  <c r="AF34295" i="1"/>
  <c r="AF34296" i="1"/>
  <c r="AF34297" i="1"/>
  <c r="AF34298" i="1"/>
  <c r="AF34299" i="1"/>
  <c r="AF34300" i="1"/>
  <c r="AF34301" i="1"/>
  <c r="AF34302" i="1"/>
  <c r="AF34303" i="1"/>
  <c r="AF34304" i="1"/>
  <c r="AF34305" i="1"/>
  <c r="AF34306" i="1"/>
  <c r="AF34307" i="1"/>
  <c r="AF34308" i="1"/>
  <c r="AF34309" i="1"/>
  <c r="AF34310" i="1"/>
  <c r="AF34311" i="1"/>
  <c r="AF34312" i="1"/>
  <c r="AF34313" i="1"/>
  <c r="AF34314" i="1"/>
  <c r="AF34315" i="1"/>
  <c r="AF34316" i="1"/>
  <c r="AF34317" i="1"/>
  <c r="AF34318" i="1"/>
  <c r="AF34319" i="1"/>
  <c r="AF34320" i="1"/>
  <c r="AF34321" i="1"/>
  <c r="AF34322" i="1"/>
  <c r="AF34323" i="1"/>
  <c r="AF34324" i="1"/>
  <c r="AF34325" i="1"/>
  <c r="AF34326" i="1"/>
  <c r="AF34327" i="1"/>
  <c r="AF34328" i="1"/>
  <c r="AF34329" i="1"/>
  <c r="AF34330" i="1"/>
  <c r="AF34331" i="1"/>
  <c r="AF34332" i="1"/>
  <c r="AF34333" i="1"/>
  <c r="AF34334" i="1"/>
  <c r="AF34335" i="1"/>
  <c r="AF34336" i="1"/>
  <c r="AF34337" i="1"/>
  <c r="AF34338" i="1"/>
  <c r="AF34339" i="1"/>
  <c r="AF34340" i="1"/>
  <c r="AF34341" i="1"/>
  <c r="AF34342" i="1"/>
  <c r="AF34343" i="1"/>
  <c r="AF34344" i="1"/>
  <c r="AF34345" i="1"/>
  <c r="AF34346" i="1"/>
  <c r="AF34347" i="1"/>
  <c r="AF34348" i="1"/>
  <c r="AF34349" i="1"/>
  <c r="AF34350" i="1"/>
  <c r="AF34351" i="1"/>
  <c r="AF34352" i="1"/>
  <c r="AF34353" i="1"/>
  <c r="AF34354" i="1"/>
  <c r="AF34355" i="1"/>
  <c r="AF34356" i="1"/>
  <c r="AF34357" i="1"/>
  <c r="AF34358" i="1"/>
  <c r="AF34359" i="1"/>
  <c r="AF34360" i="1"/>
  <c r="AF34361" i="1"/>
  <c r="AF34362" i="1"/>
  <c r="AF34363" i="1"/>
  <c r="AF34364" i="1"/>
  <c r="AF34365" i="1"/>
  <c r="AF34366" i="1"/>
  <c r="AF34367" i="1"/>
  <c r="AF34368" i="1"/>
  <c r="AF34369" i="1"/>
  <c r="AF34370" i="1"/>
  <c r="AF34371" i="1"/>
  <c r="AF34372" i="1"/>
  <c r="AF34373" i="1"/>
  <c r="AF34374" i="1"/>
  <c r="AF34375" i="1"/>
  <c r="AF34376" i="1"/>
  <c r="AF34377" i="1"/>
  <c r="AF34378" i="1"/>
  <c r="AF34379" i="1"/>
  <c r="AF34380" i="1"/>
  <c r="AF34381" i="1"/>
  <c r="AF34382" i="1"/>
  <c r="AF34383" i="1"/>
  <c r="AF34384" i="1"/>
  <c r="AF34385" i="1"/>
  <c r="AF34386" i="1"/>
  <c r="AF34387" i="1"/>
  <c r="AF34388" i="1"/>
  <c r="AF34389" i="1"/>
  <c r="AF34390" i="1"/>
  <c r="AF34391" i="1"/>
  <c r="AF34392" i="1"/>
  <c r="AF34393" i="1"/>
  <c r="AF34394" i="1"/>
  <c r="AF34395" i="1"/>
  <c r="AF34396" i="1"/>
  <c r="AF34397" i="1"/>
  <c r="AF34398" i="1"/>
  <c r="AF34399" i="1"/>
  <c r="AF34400" i="1"/>
  <c r="AF34401" i="1"/>
  <c r="AF34402" i="1"/>
  <c r="AF34403" i="1"/>
  <c r="AF34404" i="1"/>
  <c r="AF34405" i="1"/>
  <c r="AF34406" i="1"/>
  <c r="AF34407" i="1"/>
  <c r="AF34408" i="1"/>
  <c r="AF34409" i="1"/>
  <c r="AF34410" i="1"/>
  <c r="AF34411" i="1"/>
  <c r="AF34412" i="1"/>
  <c r="AF34413" i="1"/>
  <c r="AF34414" i="1"/>
  <c r="AF34415" i="1"/>
  <c r="AF34416" i="1"/>
  <c r="AF34417" i="1"/>
  <c r="AF34418" i="1"/>
  <c r="AF34419" i="1"/>
  <c r="AF34420" i="1"/>
  <c r="AF34421" i="1"/>
  <c r="AF34422" i="1"/>
  <c r="AF34423" i="1"/>
  <c r="AF34424" i="1"/>
  <c r="AF34425" i="1"/>
  <c r="AF34426" i="1"/>
  <c r="AF34427" i="1"/>
  <c r="AF34428" i="1"/>
  <c r="AF34429" i="1"/>
  <c r="AF34430" i="1"/>
  <c r="AF34431" i="1"/>
  <c r="AF34432" i="1"/>
  <c r="AF34433" i="1"/>
  <c r="AF34434" i="1"/>
  <c r="AF34435" i="1"/>
  <c r="AF34436" i="1"/>
  <c r="AF34437" i="1"/>
  <c r="AF34438" i="1"/>
  <c r="AF34439" i="1"/>
  <c r="AF34440" i="1"/>
  <c r="AF34441" i="1"/>
  <c r="AF34442" i="1"/>
  <c r="AF34443" i="1"/>
  <c r="AF34444" i="1"/>
  <c r="AF34445" i="1"/>
  <c r="AF34446" i="1"/>
  <c r="AF34447" i="1"/>
  <c r="AF34448" i="1"/>
  <c r="AF34449" i="1"/>
  <c r="AF34450" i="1"/>
  <c r="AF34451" i="1"/>
  <c r="AF34452" i="1"/>
  <c r="AF34453" i="1"/>
  <c r="AF34454" i="1"/>
  <c r="AF34455" i="1"/>
  <c r="AF34456" i="1"/>
  <c r="AF34457" i="1"/>
  <c r="AF34458" i="1"/>
  <c r="AF34459" i="1"/>
  <c r="AF34460" i="1"/>
  <c r="AF34461" i="1"/>
  <c r="AF34462" i="1"/>
  <c r="AF34463" i="1"/>
  <c r="AF34464" i="1"/>
  <c r="AF34465" i="1"/>
  <c r="AF34466" i="1"/>
  <c r="AF34467" i="1"/>
  <c r="AF34468" i="1"/>
  <c r="AF34469" i="1"/>
  <c r="AF34470" i="1"/>
  <c r="AF34471" i="1"/>
  <c r="AF34472" i="1"/>
  <c r="AF34473" i="1"/>
  <c r="AF34474" i="1"/>
  <c r="AF34475" i="1"/>
  <c r="AF34476" i="1"/>
  <c r="AF34477" i="1"/>
  <c r="AF34478" i="1"/>
  <c r="AF34479" i="1"/>
  <c r="AF34480" i="1"/>
  <c r="AF34481" i="1"/>
  <c r="AF34482" i="1"/>
  <c r="AF34483" i="1"/>
  <c r="AF34484" i="1"/>
  <c r="AF34485" i="1"/>
  <c r="AF34486" i="1"/>
  <c r="AF34487" i="1"/>
  <c r="AF34488" i="1"/>
  <c r="AF34489" i="1"/>
  <c r="AF34490" i="1"/>
  <c r="AF34491" i="1"/>
  <c r="AF34492" i="1"/>
  <c r="AF34493" i="1"/>
  <c r="AF34494" i="1"/>
  <c r="AF34495" i="1"/>
  <c r="AF34496" i="1"/>
  <c r="AF34497" i="1"/>
  <c r="AF34498" i="1"/>
  <c r="AF34499" i="1"/>
  <c r="AF34500" i="1"/>
  <c r="AF34501" i="1"/>
  <c r="AF34502" i="1"/>
  <c r="AF34503" i="1"/>
  <c r="AF34504" i="1"/>
  <c r="AF34505" i="1"/>
  <c r="AF34506" i="1"/>
  <c r="AF34507" i="1"/>
  <c r="AF34508" i="1"/>
  <c r="AF34509" i="1"/>
  <c r="AF34510" i="1"/>
  <c r="AF34511" i="1"/>
  <c r="AF34512" i="1"/>
  <c r="AF34513" i="1"/>
  <c r="AF34514" i="1"/>
  <c r="AF34515" i="1"/>
  <c r="AF34516" i="1"/>
  <c r="AF34517" i="1"/>
  <c r="AF34518" i="1"/>
  <c r="AF34519" i="1"/>
  <c r="AF34520" i="1"/>
  <c r="AF34521" i="1"/>
  <c r="AF34522" i="1"/>
  <c r="AF34523" i="1"/>
  <c r="AF34524" i="1"/>
  <c r="AF34525" i="1"/>
  <c r="AF34526" i="1"/>
  <c r="AF34527" i="1"/>
  <c r="AF34528" i="1"/>
  <c r="AF34529" i="1"/>
  <c r="AF34530" i="1"/>
  <c r="AF34531" i="1"/>
  <c r="AF34532" i="1"/>
  <c r="AF34533" i="1"/>
  <c r="AF34534" i="1"/>
  <c r="AF34535" i="1"/>
  <c r="AF34536" i="1"/>
  <c r="AF34537" i="1"/>
  <c r="AF34538" i="1"/>
  <c r="AF34539" i="1"/>
  <c r="AF34540" i="1"/>
  <c r="AF34541" i="1"/>
  <c r="AF34542" i="1"/>
  <c r="AF34543" i="1"/>
  <c r="AF34544" i="1"/>
  <c r="AF34545" i="1"/>
  <c r="AF34546" i="1"/>
  <c r="AF34547" i="1"/>
  <c r="AF34548" i="1"/>
  <c r="AF34549" i="1"/>
  <c r="AF34550" i="1"/>
  <c r="AF34551" i="1"/>
  <c r="AF34552" i="1"/>
  <c r="AF34553" i="1"/>
  <c r="AF34554" i="1"/>
  <c r="AF34555" i="1"/>
  <c r="AF34556" i="1"/>
  <c r="AF34557" i="1"/>
  <c r="AF34558" i="1"/>
  <c r="AF34559" i="1"/>
  <c r="AF34560" i="1"/>
  <c r="AF34561" i="1"/>
  <c r="AF34562" i="1"/>
  <c r="AF34563" i="1"/>
  <c r="AF34564" i="1"/>
  <c r="AF34565" i="1"/>
  <c r="AF34566" i="1"/>
  <c r="AF34567" i="1"/>
  <c r="AF34568" i="1"/>
  <c r="AF34569" i="1"/>
  <c r="AF34570" i="1"/>
  <c r="AF34571" i="1"/>
  <c r="AF34572" i="1"/>
  <c r="AF34573" i="1"/>
  <c r="AF34574" i="1"/>
  <c r="AF34575" i="1"/>
  <c r="AF34576" i="1"/>
  <c r="AF34577" i="1"/>
  <c r="AF34578" i="1"/>
  <c r="AF34579" i="1"/>
  <c r="AF34580" i="1"/>
  <c r="AF34581" i="1"/>
  <c r="AF34582" i="1"/>
  <c r="AF34583" i="1"/>
  <c r="AF34584" i="1"/>
  <c r="AF34585" i="1"/>
  <c r="AF34586" i="1"/>
  <c r="AF34587" i="1"/>
  <c r="AF34588" i="1"/>
  <c r="AF34589" i="1"/>
  <c r="AF34590" i="1"/>
  <c r="AF34591" i="1"/>
  <c r="AF34592" i="1"/>
  <c r="AF34593" i="1"/>
  <c r="AF34594" i="1"/>
  <c r="AF34595" i="1"/>
  <c r="AF34596" i="1"/>
  <c r="AF34597" i="1"/>
  <c r="AF34598" i="1"/>
  <c r="AF34599" i="1"/>
  <c r="AF34600" i="1"/>
  <c r="AF34601" i="1"/>
  <c r="AF34602" i="1"/>
  <c r="AF34603" i="1"/>
  <c r="AF34604" i="1"/>
  <c r="AF34605" i="1"/>
  <c r="AF34606" i="1"/>
  <c r="AF34607" i="1"/>
  <c r="AF34608" i="1"/>
  <c r="AF34609" i="1"/>
  <c r="AF34610" i="1"/>
  <c r="AF34611" i="1"/>
  <c r="AF34612" i="1"/>
  <c r="AF34613" i="1"/>
  <c r="AF34614" i="1"/>
  <c r="AF34615" i="1"/>
  <c r="AF34616" i="1"/>
  <c r="AF34617" i="1"/>
  <c r="AF34618" i="1"/>
  <c r="AF34619" i="1"/>
  <c r="AF34620" i="1"/>
  <c r="AF34621" i="1"/>
  <c r="AF34622" i="1"/>
  <c r="AF34623" i="1"/>
  <c r="AF34624" i="1"/>
  <c r="AF34625" i="1"/>
  <c r="AF34626" i="1"/>
  <c r="AF34627" i="1"/>
  <c r="AF34628" i="1"/>
  <c r="AF34629" i="1"/>
  <c r="AF34630" i="1"/>
  <c r="AF34631" i="1"/>
  <c r="AF34632" i="1"/>
  <c r="AF34633" i="1"/>
  <c r="AF34634" i="1"/>
  <c r="AF34635" i="1"/>
  <c r="AF34636" i="1"/>
  <c r="AF34637" i="1"/>
  <c r="AF34638" i="1"/>
  <c r="AF34639" i="1"/>
  <c r="AF34640" i="1"/>
  <c r="AF34641" i="1"/>
  <c r="AF34642" i="1"/>
  <c r="AF34643" i="1"/>
  <c r="AF34644" i="1"/>
  <c r="AF34645" i="1"/>
  <c r="AF34646" i="1"/>
  <c r="AF34647" i="1"/>
  <c r="AF34648" i="1"/>
  <c r="AF34649" i="1"/>
  <c r="AF34650" i="1"/>
  <c r="AF34651" i="1"/>
  <c r="AF34652" i="1"/>
  <c r="AF34653" i="1"/>
  <c r="AF34654" i="1"/>
  <c r="AF34655" i="1"/>
  <c r="AF34656" i="1"/>
  <c r="AF34657" i="1"/>
  <c r="AF34658" i="1"/>
  <c r="AF34659" i="1"/>
  <c r="AF34660" i="1"/>
  <c r="AF34661" i="1"/>
  <c r="AF34662" i="1"/>
  <c r="AF34663" i="1"/>
  <c r="AF34664" i="1"/>
  <c r="AF34665" i="1"/>
  <c r="AF34666" i="1"/>
  <c r="AF34667" i="1"/>
  <c r="AF34668" i="1"/>
  <c r="AF34669" i="1"/>
  <c r="AF34670" i="1"/>
  <c r="AF34671" i="1"/>
  <c r="AF34672" i="1"/>
  <c r="AF34673" i="1"/>
  <c r="AF34674" i="1"/>
  <c r="AF34675" i="1"/>
  <c r="AF34676" i="1"/>
  <c r="AF34677" i="1"/>
  <c r="AF34678" i="1"/>
  <c r="AF34679" i="1"/>
  <c r="AF34680" i="1"/>
  <c r="AF34681" i="1"/>
  <c r="AF34682" i="1"/>
  <c r="AF34683" i="1"/>
  <c r="AF34684" i="1"/>
  <c r="AF34685" i="1"/>
  <c r="AF34686" i="1"/>
  <c r="AF34687" i="1"/>
  <c r="AF34688" i="1"/>
  <c r="AF34689" i="1"/>
  <c r="AF34690" i="1"/>
  <c r="AF34691" i="1"/>
  <c r="AF34692" i="1"/>
  <c r="AF34693" i="1"/>
  <c r="AF34694" i="1"/>
  <c r="AF34695" i="1"/>
  <c r="AF34696" i="1"/>
  <c r="AF34697" i="1"/>
  <c r="AF34698" i="1"/>
  <c r="AF34699" i="1"/>
  <c r="AF34700" i="1"/>
  <c r="AF34701" i="1"/>
  <c r="AF34702" i="1"/>
  <c r="AF34703" i="1"/>
  <c r="AF34704" i="1"/>
  <c r="AF34705" i="1"/>
  <c r="AF34706" i="1"/>
  <c r="AF34707" i="1"/>
  <c r="AF34708" i="1"/>
  <c r="AF34709" i="1"/>
  <c r="AF34710" i="1"/>
  <c r="AF34711" i="1"/>
  <c r="AF34712" i="1"/>
  <c r="AF34713" i="1"/>
  <c r="AF34714" i="1"/>
  <c r="AF34715" i="1"/>
  <c r="AF34716" i="1"/>
  <c r="AF34717" i="1"/>
  <c r="AF34718" i="1"/>
  <c r="AF34719" i="1"/>
  <c r="AF34720" i="1"/>
  <c r="AF34721" i="1"/>
  <c r="AF34722" i="1"/>
  <c r="AF34723" i="1"/>
  <c r="AF34724" i="1"/>
  <c r="AF34725" i="1"/>
  <c r="AF34726" i="1"/>
  <c r="AF34727" i="1"/>
  <c r="AF34728" i="1"/>
  <c r="AF34729" i="1"/>
  <c r="AF34730" i="1"/>
  <c r="AF34731" i="1"/>
  <c r="AF34732" i="1"/>
  <c r="AF34733" i="1"/>
  <c r="AF34734" i="1"/>
  <c r="AF34735" i="1"/>
  <c r="AF34736" i="1"/>
  <c r="AF34737" i="1"/>
  <c r="AF34738" i="1"/>
  <c r="AF34739" i="1"/>
  <c r="AF34740" i="1"/>
  <c r="AF34741" i="1"/>
  <c r="AF34742" i="1"/>
  <c r="AF34743" i="1"/>
  <c r="AF34744" i="1"/>
  <c r="AF34745" i="1"/>
  <c r="AF34746" i="1"/>
  <c r="AF34747" i="1"/>
  <c r="AF34748" i="1"/>
  <c r="AF34749" i="1"/>
  <c r="AF34750" i="1"/>
  <c r="AF34751" i="1"/>
  <c r="AF34752" i="1"/>
  <c r="AF34753" i="1"/>
  <c r="AF34754" i="1"/>
  <c r="AF34755" i="1"/>
  <c r="AF34756" i="1"/>
  <c r="AF34757" i="1"/>
  <c r="AF34758" i="1"/>
  <c r="AF34759" i="1"/>
  <c r="AF34760" i="1"/>
  <c r="AF34761" i="1"/>
  <c r="AF34762" i="1"/>
  <c r="AF34763" i="1"/>
  <c r="AF34764" i="1"/>
  <c r="AF34765" i="1"/>
  <c r="AF34766" i="1"/>
  <c r="AF34767" i="1"/>
  <c r="AF34768" i="1"/>
  <c r="AF34769" i="1"/>
  <c r="AF34770" i="1"/>
  <c r="AF34771" i="1"/>
  <c r="AF34772" i="1"/>
  <c r="AF34773" i="1"/>
  <c r="AF34774" i="1"/>
  <c r="AF34775" i="1"/>
  <c r="AF34776" i="1"/>
  <c r="AF34777" i="1"/>
  <c r="AF34778" i="1"/>
  <c r="AF34779" i="1"/>
  <c r="AF34780" i="1"/>
  <c r="AF34781" i="1"/>
  <c r="AF34782" i="1"/>
  <c r="AF34783" i="1"/>
  <c r="AF34784" i="1"/>
  <c r="AF34785" i="1"/>
  <c r="AF34786" i="1"/>
  <c r="AF34787" i="1"/>
  <c r="AF34788" i="1"/>
  <c r="AF34789" i="1"/>
  <c r="AF34790" i="1"/>
  <c r="AF34791" i="1"/>
  <c r="AF34792" i="1"/>
  <c r="AF34793" i="1"/>
  <c r="AF34794" i="1"/>
  <c r="AF34795" i="1"/>
  <c r="AF34796" i="1"/>
  <c r="AF34797" i="1"/>
  <c r="AF34798" i="1"/>
  <c r="AF34799" i="1"/>
  <c r="AF34800" i="1"/>
  <c r="AF34801" i="1"/>
  <c r="AF34802" i="1"/>
  <c r="AF34803" i="1"/>
  <c r="AF34804" i="1"/>
  <c r="AF34805" i="1"/>
  <c r="AF34806" i="1"/>
  <c r="AF34807" i="1"/>
  <c r="AF34808" i="1"/>
  <c r="AF34809" i="1"/>
  <c r="AF34810" i="1"/>
  <c r="AF34811" i="1"/>
  <c r="AF34812" i="1"/>
  <c r="AF34813" i="1"/>
  <c r="AF34814" i="1"/>
  <c r="AF34815" i="1"/>
  <c r="AF34816" i="1"/>
  <c r="AF34817" i="1"/>
  <c r="AF34818" i="1"/>
  <c r="AF34819" i="1"/>
  <c r="AF34820" i="1"/>
  <c r="AF34821" i="1"/>
  <c r="AF34822" i="1"/>
  <c r="AF34823" i="1"/>
  <c r="AF34824" i="1"/>
  <c r="AF34825" i="1"/>
  <c r="AF34826" i="1"/>
  <c r="AF34827" i="1"/>
  <c r="AF34828" i="1"/>
  <c r="AF34829" i="1"/>
  <c r="AF34830" i="1"/>
  <c r="AF34831" i="1"/>
  <c r="AF34832" i="1"/>
  <c r="AF34833" i="1"/>
  <c r="AF34834" i="1"/>
  <c r="AF34835" i="1"/>
  <c r="AF34836" i="1"/>
  <c r="AF34837" i="1"/>
  <c r="AF34838" i="1"/>
  <c r="AF34839" i="1"/>
  <c r="AF34840" i="1"/>
  <c r="AF34841" i="1"/>
  <c r="AF34842" i="1"/>
  <c r="AF34843" i="1"/>
  <c r="AF34844" i="1"/>
  <c r="AF34845" i="1"/>
  <c r="AF34846" i="1"/>
  <c r="AF34847" i="1"/>
  <c r="AF34848" i="1"/>
  <c r="AF34849" i="1"/>
  <c r="AF34850" i="1"/>
  <c r="AF34851" i="1"/>
  <c r="AF34852" i="1"/>
  <c r="AF34853" i="1"/>
  <c r="AF34854" i="1"/>
  <c r="AF34855" i="1"/>
  <c r="AF34856" i="1"/>
  <c r="AF34857" i="1"/>
  <c r="AF34858" i="1"/>
  <c r="AF34859" i="1"/>
  <c r="AF34860" i="1"/>
  <c r="AF34861" i="1"/>
  <c r="AF34862" i="1"/>
  <c r="AF34863" i="1"/>
  <c r="AF34864" i="1"/>
  <c r="AF34865" i="1"/>
  <c r="AF34866" i="1"/>
  <c r="AF34867" i="1"/>
  <c r="AF34868" i="1"/>
  <c r="AF34869" i="1"/>
  <c r="AF34870" i="1"/>
  <c r="AF34871" i="1"/>
  <c r="AF34872" i="1"/>
  <c r="AF34873" i="1"/>
  <c r="AF34874" i="1"/>
  <c r="AF34875" i="1"/>
  <c r="AF34876" i="1"/>
  <c r="AF34877" i="1"/>
  <c r="AF34878" i="1"/>
  <c r="AF34879" i="1"/>
  <c r="AF34880" i="1"/>
  <c r="AF34881" i="1"/>
  <c r="AF34882" i="1"/>
  <c r="AF34883" i="1"/>
  <c r="AF34884" i="1"/>
  <c r="AF34885" i="1"/>
  <c r="AF34886" i="1"/>
  <c r="AF34887" i="1"/>
  <c r="AF34888" i="1"/>
  <c r="AF34889" i="1"/>
  <c r="AF34890" i="1"/>
  <c r="AF34891" i="1"/>
  <c r="AF34892" i="1"/>
  <c r="AF34893" i="1"/>
  <c r="AF34894" i="1"/>
  <c r="AF34895" i="1"/>
  <c r="AF34896" i="1"/>
  <c r="AF34897" i="1"/>
  <c r="AF34898" i="1"/>
  <c r="AF34899" i="1"/>
  <c r="AF34900" i="1"/>
  <c r="AF34901" i="1"/>
  <c r="AF34902" i="1"/>
  <c r="AF34903" i="1"/>
  <c r="AF34904" i="1"/>
  <c r="AF34905" i="1"/>
  <c r="AF34906" i="1"/>
  <c r="AF34907" i="1"/>
  <c r="AF34908" i="1"/>
  <c r="AF34909" i="1"/>
  <c r="AF34910" i="1"/>
  <c r="AF34911" i="1"/>
  <c r="AF34912" i="1"/>
  <c r="AF34913" i="1"/>
  <c r="AF34914" i="1"/>
  <c r="AF34915" i="1"/>
  <c r="AF34916" i="1"/>
  <c r="AF34917" i="1"/>
  <c r="AF34918" i="1"/>
  <c r="AF34919" i="1"/>
  <c r="AF34920" i="1"/>
  <c r="AF34921" i="1"/>
  <c r="AF34922" i="1"/>
  <c r="AF34923" i="1"/>
  <c r="AF34924" i="1"/>
  <c r="AF34925" i="1"/>
  <c r="AF34926" i="1"/>
  <c r="AF34927" i="1"/>
  <c r="AF34928" i="1"/>
  <c r="AF34929" i="1"/>
  <c r="AF34930" i="1"/>
  <c r="AF34931" i="1"/>
  <c r="AF34932" i="1"/>
  <c r="AF34933" i="1"/>
  <c r="AF34934" i="1"/>
  <c r="AF34935" i="1"/>
  <c r="AF34936" i="1"/>
  <c r="AF34937" i="1"/>
  <c r="AF34938" i="1"/>
  <c r="AF34939" i="1"/>
  <c r="AF34940" i="1"/>
  <c r="AF34941" i="1"/>
  <c r="AF34942" i="1"/>
  <c r="AF34943" i="1"/>
  <c r="AF34944" i="1"/>
  <c r="AF34945" i="1"/>
  <c r="AF34946" i="1"/>
  <c r="AF34947" i="1"/>
  <c r="AF34948" i="1"/>
  <c r="AF34949" i="1"/>
  <c r="AF34950" i="1"/>
  <c r="AF34951" i="1"/>
  <c r="AF34952" i="1"/>
  <c r="AF34953" i="1"/>
  <c r="AF34954" i="1"/>
  <c r="AF34955" i="1"/>
  <c r="AF34956" i="1"/>
  <c r="AF34957" i="1"/>
  <c r="AF34958" i="1"/>
  <c r="AF34959" i="1"/>
  <c r="AF34960" i="1"/>
  <c r="AF34961" i="1"/>
  <c r="AF34962" i="1"/>
  <c r="AF34963" i="1"/>
  <c r="AF34964" i="1"/>
  <c r="AF34965" i="1"/>
  <c r="AF34966" i="1"/>
  <c r="AF34967" i="1"/>
  <c r="AF34968" i="1"/>
  <c r="AF34969" i="1"/>
  <c r="AF34970" i="1"/>
  <c r="AF34971" i="1"/>
  <c r="AF34972" i="1"/>
  <c r="AF34973" i="1"/>
  <c r="AF34974" i="1"/>
  <c r="AF34975" i="1"/>
  <c r="AF34976" i="1"/>
  <c r="AF34977" i="1"/>
  <c r="AF34978" i="1"/>
  <c r="AF34979" i="1"/>
  <c r="AF34980" i="1"/>
  <c r="AF34981" i="1"/>
  <c r="AF34982" i="1"/>
  <c r="AF34983" i="1"/>
  <c r="AF34984" i="1"/>
  <c r="AF34985" i="1"/>
  <c r="AF34986" i="1"/>
  <c r="AF34987" i="1"/>
  <c r="AF34988" i="1"/>
  <c r="AF34989" i="1"/>
  <c r="AF34990" i="1"/>
  <c r="AF34991" i="1"/>
  <c r="AF34992" i="1"/>
  <c r="AF34993" i="1"/>
  <c r="AF34994" i="1"/>
  <c r="AF34995" i="1"/>
  <c r="AF34996" i="1"/>
  <c r="AF34997" i="1"/>
  <c r="AF34998" i="1"/>
  <c r="AF34999" i="1"/>
  <c r="AF35000" i="1"/>
  <c r="AF35001" i="1"/>
  <c r="AF35002" i="1"/>
  <c r="AF35003" i="1"/>
  <c r="AF35004" i="1"/>
  <c r="AF35005" i="1"/>
  <c r="AF35006" i="1"/>
  <c r="AF35007" i="1"/>
  <c r="AF35008" i="1"/>
  <c r="AF35009" i="1"/>
  <c r="AF35010" i="1"/>
  <c r="AF35011" i="1"/>
  <c r="AF35012" i="1"/>
  <c r="AF35013" i="1"/>
  <c r="AF35014" i="1"/>
  <c r="AF35015" i="1"/>
  <c r="AF35016" i="1"/>
  <c r="AF35017" i="1"/>
  <c r="AF35018" i="1"/>
  <c r="AF35019" i="1"/>
  <c r="AF35020" i="1"/>
  <c r="AF35021" i="1"/>
  <c r="AF35022" i="1"/>
  <c r="AF35023" i="1"/>
  <c r="AF35024" i="1"/>
  <c r="AF35025" i="1"/>
  <c r="AF35026" i="1"/>
  <c r="AF35027" i="1"/>
  <c r="AF35028" i="1"/>
  <c r="AF35029" i="1"/>
  <c r="AF35030" i="1"/>
  <c r="AF35031" i="1"/>
  <c r="AF35032" i="1"/>
  <c r="AF35033" i="1"/>
  <c r="AF35034" i="1"/>
  <c r="AF35035" i="1"/>
  <c r="AF35036" i="1"/>
  <c r="AF35037" i="1"/>
  <c r="AF35038" i="1"/>
  <c r="AF35039" i="1"/>
  <c r="AF35040" i="1"/>
  <c r="AF35041" i="1"/>
  <c r="AF35042" i="1"/>
  <c r="AF35043" i="1"/>
  <c r="AF35044" i="1"/>
  <c r="AF35045" i="1"/>
  <c r="AF35046" i="1"/>
  <c r="AF35047" i="1"/>
  <c r="AF35048" i="1"/>
  <c r="AF35049" i="1"/>
  <c r="AF35050" i="1"/>
  <c r="AF35051" i="1"/>
  <c r="AF35052" i="1"/>
  <c r="AF35053" i="1"/>
  <c r="AF35054" i="1"/>
  <c r="AF35055" i="1"/>
  <c r="AF35056" i="1"/>
  <c r="AF35057" i="1"/>
  <c r="AF35058" i="1"/>
  <c r="AF35059" i="1"/>
  <c r="AF35060" i="1"/>
  <c r="AF35061" i="1"/>
  <c r="AF35062" i="1"/>
  <c r="AF35063" i="1"/>
  <c r="AF35064" i="1"/>
  <c r="AF35065" i="1"/>
  <c r="AF35066" i="1"/>
  <c r="AF35067" i="1"/>
  <c r="AF35068" i="1"/>
  <c r="AF35069" i="1"/>
  <c r="AF35070" i="1"/>
  <c r="AF35071" i="1"/>
  <c r="AF35072" i="1"/>
  <c r="AF35073" i="1"/>
  <c r="AF35074" i="1"/>
  <c r="AF35075" i="1"/>
  <c r="AF35076" i="1"/>
  <c r="AF35077" i="1"/>
  <c r="AF35078" i="1"/>
  <c r="AF35079" i="1"/>
  <c r="AF35080" i="1"/>
  <c r="AF35081" i="1"/>
  <c r="AF35082" i="1"/>
  <c r="AF35083" i="1"/>
  <c r="AF35084" i="1"/>
  <c r="AF35085" i="1"/>
  <c r="AF35086" i="1"/>
  <c r="AF35087" i="1"/>
  <c r="AF35088" i="1"/>
  <c r="AF35089" i="1"/>
  <c r="AF35090" i="1"/>
  <c r="AF35091" i="1"/>
  <c r="AF35092" i="1"/>
  <c r="AF35093" i="1"/>
  <c r="AF35094" i="1"/>
  <c r="AF35095" i="1"/>
  <c r="AF35096" i="1"/>
  <c r="AF35097" i="1"/>
  <c r="AF35098" i="1"/>
  <c r="AF35099" i="1"/>
  <c r="AF35100" i="1"/>
  <c r="AF35101" i="1"/>
  <c r="AF35102" i="1"/>
  <c r="AF35103" i="1"/>
  <c r="AF35104" i="1"/>
  <c r="AF35105" i="1"/>
  <c r="AF35106" i="1"/>
  <c r="AF35107" i="1"/>
  <c r="AF35108" i="1"/>
  <c r="AF35109" i="1"/>
  <c r="AF35110" i="1"/>
  <c r="AF35111" i="1"/>
  <c r="AF35112" i="1"/>
  <c r="AF35113" i="1"/>
  <c r="AF35114" i="1"/>
  <c r="AF35115" i="1"/>
  <c r="AF35116" i="1"/>
  <c r="AF35117" i="1"/>
  <c r="AF35118" i="1"/>
  <c r="AF35119" i="1"/>
  <c r="AF35120" i="1"/>
  <c r="AF35121" i="1"/>
  <c r="AF35122" i="1"/>
  <c r="AF35123" i="1"/>
  <c r="AF35124" i="1"/>
  <c r="AF35125" i="1"/>
  <c r="AF35126" i="1"/>
  <c r="AF35127" i="1"/>
  <c r="AF35128" i="1"/>
  <c r="AF35129" i="1"/>
  <c r="AF35130" i="1"/>
  <c r="AF35131" i="1"/>
  <c r="AF35132" i="1"/>
  <c r="AF35133" i="1"/>
  <c r="AF35134" i="1"/>
  <c r="AF35135" i="1"/>
  <c r="AF35136" i="1"/>
  <c r="AF35137" i="1"/>
  <c r="AF35138" i="1"/>
  <c r="AF35139" i="1"/>
  <c r="AF35140" i="1"/>
  <c r="AF35141" i="1"/>
  <c r="AF35142" i="1"/>
  <c r="AF35143" i="1"/>
  <c r="AF35144" i="1"/>
  <c r="AF35145" i="1"/>
  <c r="AF35146" i="1"/>
  <c r="AF35147" i="1"/>
  <c r="AF35148" i="1"/>
  <c r="AF35149" i="1"/>
  <c r="AF35150" i="1"/>
  <c r="AF35151" i="1"/>
  <c r="AF35152" i="1"/>
  <c r="AF35153" i="1"/>
  <c r="AF35154" i="1"/>
  <c r="AF35155" i="1"/>
  <c r="AF35156" i="1"/>
  <c r="AF35157" i="1"/>
  <c r="AF35158" i="1"/>
  <c r="AF35159" i="1"/>
  <c r="AF35160" i="1"/>
  <c r="AF35161" i="1"/>
  <c r="AF35162" i="1"/>
  <c r="AF35163" i="1"/>
  <c r="AF35164" i="1"/>
  <c r="AF35165" i="1"/>
  <c r="AF35166" i="1"/>
  <c r="AF35167" i="1"/>
  <c r="AF35168" i="1"/>
  <c r="AF35169" i="1"/>
  <c r="AF35170" i="1"/>
  <c r="AF35171" i="1"/>
  <c r="AF35172" i="1"/>
  <c r="AF35173" i="1"/>
  <c r="AF35174" i="1"/>
  <c r="AF35175" i="1"/>
  <c r="AF35176" i="1"/>
  <c r="AF35177" i="1"/>
  <c r="AF35178" i="1"/>
  <c r="AF35179" i="1"/>
  <c r="AF35180" i="1"/>
  <c r="AF35181" i="1"/>
  <c r="AF35182" i="1"/>
  <c r="AF35183" i="1"/>
  <c r="AF35184" i="1"/>
  <c r="AF35185" i="1"/>
  <c r="AF35186" i="1"/>
  <c r="AF35187" i="1"/>
  <c r="AF35188" i="1"/>
  <c r="AF35189" i="1"/>
  <c r="AF35190" i="1"/>
  <c r="AF35191" i="1"/>
  <c r="AF35192" i="1"/>
  <c r="AF35193" i="1"/>
  <c r="AF35194" i="1"/>
  <c r="AF35195" i="1"/>
  <c r="AF35196" i="1"/>
  <c r="AF35197" i="1"/>
  <c r="AF35198" i="1"/>
  <c r="AF35199" i="1"/>
  <c r="AF35200" i="1"/>
  <c r="AF35201" i="1"/>
  <c r="AF35202" i="1"/>
  <c r="AF35203" i="1"/>
  <c r="AF35204" i="1"/>
  <c r="AF35205" i="1"/>
  <c r="AF35206" i="1"/>
  <c r="AF35207" i="1"/>
  <c r="AF35208" i="1"/>
  <c r="AF35209" i="1"/>
  <c r="AF35210" i="1"/>
  <c r="AF35211" i="1"/>
  <c r="AF35212" i="1"/>
  <c r="AF35213" i="1"/>
  <c r="AF35214" i="1"/>
  <c r="AF35215" i="1"/>
  <c r="AF35216" i="1"/>
  <c r="AF35217" i="1"/>
  <c r="AF35218" i="1"/>
  <c r="AF35219" i="1"/>
  <c r="AF35220" i="1"/>
  <c r="AF35221" i="1"/>
  <c r="AF35222" i="1"/>
  <c r="AF35223" i="1"/>
  <c r="AF35224" i="1"/>
  <c r="AF35225" i="1"/>
  <c r="AF35226" i="1"/>
  <c r="AF35227" i="1"/>
  <c r="AF35228" i="1"/>
  <c r="AF35229" i="1"/>
  <c r="AF35230" i="1"/>
  <c r="AF35231" i="1"/>
  <c r="AF35232" i="1"/>
  <c r="AF35233" i="1"/>
  <c r="AF35234" i="1"/>
  <c r="AF35235" i="1"/>
  <c r="AF35236" i="1"/>
  <c r="AF35237" i="1"/>
  <c r="AF35238" i="1"/>
  <c r="AF35239" i="1"/>
  <c r="AF35240" i="1"/>
  <c r="AF35241" i="1"/>
  <c r="AF35242" i="1"/>
  <c r="AF35243" i="1"/>
  <c r="AF35244" i="1"/>
  <c r="AF35245" i="1"/>
  <c r="AF35246" i="1"/>
  <c r="AF35247" i="1"/>
  <c r="AF35248" i="1"/>
  <c r="AF35249" i="1"/>
  <c r="AF35250" i="1"/>
  <c r="AF35251" i="1"/>
  <c r="AF35252" i="1"/>
  <c r="AF35253" i="1"/>
  <c r="AF35254" i="1"/>
  <c r="AF35255" i="1"/>
  <c r="AF35256" i="1"/>
  <c r="AF35257" i="1"/>
  <c r="AF35258" i="1"/>
  <c r="AF35259" i="1"/>
  <c r="AF35260" i="1"/>
  <c r="AF35261" i="1"/>
  <c r="AF35262" i="1"/>
  <c r="AF35263" i="1"/>
  <c r="AF35264" i="1"/>
  <c r="AF35265" i="1"/>
  <c r="AF35266" i="1"/>
  <c r="AF35267" i="1"/>
  <c r="AF35268" i="1"/>
  <c r="AF35269" i="1"/>
  <c r="AF35270" i="1"/>
  <c r="AF35271" i="1"/>
  <c r="AF35272" i="1"/>
  <c r="AF35273" i="1"/>
  <c r="AF35274" i="1"/>
  <c r="AF35275" i="1"/>
  <c r="AF35276" i="1"/>
  <c r="AF35277" i="1"/>
  <c r="AF35278" i="1"/>
  <c r="AF35279" i="1"/>
  <c r="AF35280" i="1"/>
  <c r="AF35281" i="1"/>
  <c r="AF35282" i="1"/>
  <c r="AF35283" i="1"/>
  <c r="AF35284" i="1"/>
  <c r="AF35285" i="1"/>
  <c r="AF35286" i="1"/>
  <c r="AF35287" i="1"/>
  <c r="AF35288" i="1"/>
  <c r="AF35289" i="1"/>
  <c r="AF35290" i="1"/>
  <c r="AF35291" i="1"/>
  <c r="AF35292" i="1"/>
  <c r="AF35293" i="1"/>
  <c r="AF35294" i="1"/>
  <c r="AF35295" i="1"/>
  <c r="AF35296" i="1"/>
  <c r="AF35297" i="1"/>
  <c r="AF35298" i="1"/>
  <c r="AF35299" i="1"/>
  <c r="AF35300" i="1"/>
  <c r="AF35301" i="1"/>
  <c r="AF35302" i="1"/>
  <c r="AF35303" i="1"/>
  <c r="AF35304" i="1"/>
  <c r="AF35305" i="1"/>
  <c r="AF35306" i="1"/>
  <c r="AF35307" i="1"/>
  <c r="AF35308" i="1"/>
  <c r="AF35309" i="1"/>
  <c r="AF35310" i="1"/>
  <c r="AF35311" i="1"/>
  <c r="AF35312" i="1"/>
  <c r="AF35313" i="1"/>
  <c r="AF35314" i="1"/>
  <c r="AF35315" i="1"/>
  <c r="AF35316" i="1"/>
  <c r="AF35317" i="1"/>
  <c r="AF35318" i="1"/>
  <c r="AF35319" i="1"/>
  <c r="AF35320" i="1"/>
  <c r="AF35321" i="1"/>
  <c r="AF35322" i="1"/>
  <c r="AF35323" i="1"/>
  <c r="AF35324" i="1"/>
  <c r="AF35325" i="1"/>
  <c r="AF35326" i="1"/>
  <c r="AF35327" i="1"/>
  <c r="AF35328" i="1"/>
  <c r="AF35329" i="1"/>
  <c r="AF35330" i="1"/>
  <c r="AF35331" i="1"/>
  <c r="AF35332" i="1"/>
  <c r="AF35333" i="1"/>
  <c r="AF35334" i="1"/>
  <c r="AF35335" i="1"/>
  <c r="AF35336" i="1"/>
  <c r="AF35337" i="1"/>
  <c r="AF35338" i="1"/>
  <c r="AF35339" i="1"/>
  <c r="AF35340" i="1"/>
  <c r="AF35341" i="1"/>
  <c r="AF35342" i="1"/>
  <c r="AF35343" i="1"/>
  <c r="AF35344" i="1"/>
  <c r="AF35345" i="1"/>
  <c r="AF35346" i="1"/>
  <c r="AF35347" i="1"/>
  <c r="AF35348" i="1"/>
  <c r="AF35349" i="1"/>
  <c r="AF35350" i="1"/>
  <c r="AF35351" i="1"/>
  <c r="AF35352" i="1"/>
  <c r="AF35353" i="1"/>
  <c r="AF35354" i="1"/>
  <c r="AF35355" i="1"/>
  <c r="AF35356" i="1"/>
  <c r="AF35357" i="1"/>
  <c r="AF35358" i="1"/>
  <c r="AF35359" i="1"/>
  <c r="AF35360" i="1"/>
  <c r="AF35361" i="1"/>
  <c r="AF35362" i="1"/>
  <c r="AF35363" i="1"/>
  <c r="AF35364" i="1"/>
  <c r="AF35365" i="1"/>
  <c r="AF35366" i="1"/>
  <c r="AF35367" i="1"/>
  <c r="AF35368" i="1"/>
  <c r="AF35369" i="1"/>
  <c r="AF35370" i="1"/>
  <c r="AF35371" i="1"/>
  <c r="AF35372" i="1"/>
  <c r="AF35373" i="1"/>
  <c r="AF35374" i="1"/>
  <c r="AF35375" i="1"/>
  <c r="AF35376" i="1"/>
  <c r="AF35377" i="1"/>
  <c r="AF35378" i="1"/>
  <c r="AF35379" i="1"/>
  <c r="AF35380" i="1"/>
  <c r="AF35381" i="1"/>
  <c r="AF35382" i="1"/>
  <c r="AF35383" i="1"/>
  <c r="AF35384" i="1"/>
  <c r="AF35385" i="1"/>
  <c r="AF35386" i="1"/>
  <c r="AF35387" i="1"/>
  <c r="AF35388" i="1"/>
  <c r="AF35389" i="1"/>
  <c r="AF35390" i="1"/>
  <c r="AF35391" i="1"/>
  <c r="AF35392" i="1"/>
  <c r="AF35393" i="1"/>
  <c r="AF35394" i="1"/>
  <c r="AF35395" i="1"/>
  <c r="AF35396" i="1"/>
  <c r="AF35397" i="1"/>
  <c r="AF35398" i="1"/>
  <c r="AF35399" i="1"/>
  <c r="AF35400" i="1"/>
  <c r="AF35401" i="1"/>
  <c r="AF35402" i="1"/>
  <c r="AF35403" i="1"/>
  <c r="AF35404" i="1"/>
  <c r="AF35405" i="1"/>
  <c r="AF35406" i="1"/>
  <c r="AF35407" i="1"/>
  <c r="AF35408" i="1"/>
  <c r="AF35409" i="1"/>
  <c r="AF35410" i="1"/>
  <c r="AF35411" i="1"/>
  <c r="AF35412" i="1"/>
  <c r="AF35413" i="1"/>
  <c r="AF35414" i="1"/>
  <c r="AF35415" i="1"/>
  <c r="AF35416" i="1"/>
  <c r="AF35417" i="1"/>
  <c r="AF35418" i="1"/>
  <c r="AF35419" i="1"/>
  <c r="AF35420" i="1"/>
  <c r="AF35421" i="1"/>
  <c r="AF35422" i="1"/>
  <c r="AF35423" i="1"/>
  <c r="AF35424" i="1"/>
  <c r="AF35425" i="1"/>
  <c r="AF35426" i="1"/>
  <c r="AF35427" i="1"/>
  <c r="AF35428" i="1"/>
  <c r="AF35429" i="1"/>
  <c r="AF35430" i="1"/>
  <c r="AF35431" i="1"/>
  <c r="AF35432" i="1"/>
  <c r="AF35433" i="1"/>
  <c r="AF35434" i="1"/>
  <c r="AF35435" i="1"/>
  <c r="AF35436" i="1"/>
  <c r="AF35437" i="1"/>
  <c r="AF35438" i="1"/>
  <c r="AF35439" i="1"/>
  <c r="AF35440" i="1"/>
  <c r="AF35441" i="1"/>
  <c r="AF35442" i="1"/>
  <c r="AF35443" i="1"/>
  <c r="AF35444" i="1"/>
  <c r="AF35445" i="1"/>
  <c r="AF35446" i="1"/>
  <c r="AF35447" i="1"/>
  <c r="AF35448" i="1"/>
  <c r="AF35449" i="1"/>
  <c r="AF35450" i="1"/>
  <c r="AF35451" i="1"/>
  <c r="AF35452" i="1"/>
  <c r="AF35453" i="1"/>
  <c r="AF35454" i="1"/>
  <c r="AF35455" i="1"/>
  <c r="AF35456" i="1"/>
  <c r="AF35457" i="1"/>
  <c r="AF35458" i="1"/>
  <c r="AF35459" i="1"/>
  <c r="AF35460" i="1"/>
  <c r="AF35461" i="1"/>
  <c r="AF35462" i="1"/>
  <c r="AF35463" i="1"/>
  <c r="AF35464" i="1"/>
  <c r="AF35465" i="1"/>
  <c r="AF35466" i="1"/>
  <c r="AF35467" i="1"/>
  <c r="AF35468" i="1"/>
  <c r="AF35469" i="1"/>
  <c r="AF35470" i="1"/>
  <c r="AF35471" i="1"/>
  <c r="AF35472" i="1"/>
  <c r="AF35473" i="1"/>
  <c r="AF35474" i="1"/>
  <c r="AF35475" i="1"/>
  <c r="AF35476" i="1"/>
  <c r="AF35477" i="1"/>
  <c r="AF35478" i="1"/>
  <c r="AF35479" i="1"/>
  <c r="AF35480" i="1"/>
  <c r="AF35481" i="1"/>
  <c r="AF35482" i="1"/>
  <c r="AF35483" i="1"/>
  <c r="AF35484" i="1"/>
  <c r="AF35485" i="1"/>
  <c r="AF35486" i="1"/>
  <c r="AF35487" i="1"/>
  <c r="AF35488" i="1"/>
  <c r="AF35489" i="1"/>
  <c r="AF35490" i="1"/>
  <c r="AF35491" i="1"/>
  <c r="AF35492" i="1"/>
  <c r="AF35493" i="1"/>
  <c r="AF35494" i="1"/>
  <c r="AF35495" i="1"/>
  <c r="AF35496" i="1"/>
  <c r="AF35497" i="1"/>
  <c r="AF35498" i="1"/>
  <c r="AF35499" i="1"/>
  <c r="AF35500" i="1"/>
  <c r="AF35501" i="1"/>
  <c r="AF35502" i="1"/>
  <c r="AF35503" i="1"/>
  <c r="AF35504" i="1"/>
  <c r="AF35505" i="1"/>
  <c r="AF35506" i="1"/>
  <c r="AF35507" i="1"/>
  <c r="AF35508" i="1"/>
  <c r="AF35509" i="1"/>
  <c r="AF35510" i="1"/>
  <c r="AF35511" i="1"/>
  <c r="AF35512" i="1"/>
  <c r="AF35513" i="1"/>
  <c r="AF35514" i="1"/>
  <c r="AF35515" i="1"/>
  <c r="AF35516" i="1"/>
  <c r="AF35517" i="1"/>
  <c r="AF35518" i="1"/>
  <c r="AF35519" i="1"/>
  <c r="AF35520" i="1"/>
  <c r="AF35521" i="1"/>
  <c r="AF35522" i="1"/>
  <c r="AF35523" i="1"/>
  <c r="AF35524" i="1"/>
  <c r="AF35525" i="1"/>
  <c r="AF35526" i="1"/>
  <c r="AF35527" i="1"/>
  <c r="AF35528" i="1"/>
  <c r="AF35529" i="1"/>
  <c r="AF35530" i="1"/>
  <c r="AF35531" i="1"/>
  <c r="AF35532" i="1"/>
  <c r="AF35533" i="1"/>
  <c r="AF35534" i="1"/>
  <c r="AF35535" i="1"/>
  <c r="AF35536" i="1"/>
  <c r="AF35537" i="1"/>
  <c r="AF35538" i="1"/>
  <c r="AF35539" i="1"/>
  <c r="AF35540" i="1"/>
  <c r="AF35541" i="1"/>
  <c r="AF35542" i="1"/>
  <c r="AF35543" i="1"/>
  <c r="AF35544" i="1"/>
  <c r="AF35545" i="1"/>
  <c r="AF35546" i="1"/>
  <c r="AF35547" i="1"/>
  <c r="AF35548" i="1"/>
  <c r="AF35549" i="1"/>
  <c r="AF35550" i="1"/>
  <c r="AF35551" i="1"/>
  <c r="AF35552" i="1"/>
  <c r="AF35553" i="1"/>
  <c r="AF35554" i="1"/>
  <c r="AF35555" i="1"/>
  <c r="AF35556" i="1"/>
  <c r="AF35557" i="1"/>
  <c r="AF35558" i="1"/>
  <c r="AF35559" i="1"/>
  <c r="AF35560" i="1"/>
  <c r="AF35561" i="1"/>
  <c r="AF35562" i="1"/>
  <c r="AF35563" i="1"/>
  <c r="AF35564" i="1"/>
  <c r="AF35565" i="1"/>
  <c r="AF35566" i="1"/>
  <c r="AF35567" i="1"/>
  <c r="AF35568" i="1"/>
  <c r="AF35569" i="1"/>
  <c r="AF35570" i="1"/>
  <c r="AF35571" i="1"/>
  <c r="AF35572" i="1"/>
  <c r="AF35573" i="1"/>
  <c r="AF35574" i="1"/>
  <c r="AF35575" i="1"/>
  <c r="AF35576" i="1"/>
  <c r="AF35577" i="1"/>
  <c r="AF35578" i="1"/>
  <c r="AF35579" i="1"/>
  <c r="AF35580" i="1"/>
  <c r="AF35581" i="1"/>
  <c r="AF35582" i="1"/>
  <c r="AF35583" i="1"/>
  <c r="AF35584" i="1"/>
  <c r="AF35585" i="1"/>
  <c r="AF35586" i="1"/>
  <c r="AF35587" i="1"/>
  <c r="AF35588" i="1"/>
  <c r="AF35589" i="1"/>
  <c r="AF35590" i="1"/>
  <c r="AF35591" i="1"/>
  <c r="AF35592" i="1"/>
  <c r="AF35593" i="1"/>
  <c r="AF35594" i="1"/>
  <c r="AF35595" i="1"/>
  <c r="AF35596" i="1"/>
  <c r="AF35597" i="1"/>
  <c r="AF35598" i="1"/>
  <c r="AF35599" i="1"/>
  <c r="AF35600" i="1"/>
  <c r="AF35601" i="1"/>
  <c r="AF35602" i="1"/>
  <c r="AF35603" i="1"/>
  <c r="AF35604" i="1"/>
  <c r="AF35605" i="1"/>
  <c r="AF35606" i="1"/>
  <c r="AF35607" i="1"/>
  <c r="AF35608" i="1"/>
  <c r="AF35609" i="1"/>
  <c r="AF35610" i="1"/>
  <c r="AF35611" i="1"/>
  <c r="AF35612" i="1"/>
  <c r="AF35613" i="1"/>
  <c r="AF35614" i="1"/>
  <c r="AF35615" i="1"/>
  <c r="AF35616" i="1"/>
  <c r="AF35617" i="1"/>
  <c r="AF35618" i="1"/>
  <c r="AF35619" i="1"/>
  <c r="AF35620" i="1"/>
  <c r="AF35621" i="1"/>
  <c r="AF35622" i="1"/>
  <c r="AF35623" i="1"/>
  <c r="AF35624" i="1"/>
  <c r="AF35625" i="1"/>
  <c r="AF35626" i="1"/>
  <c r="AF35627" i="1"/>
  <c r="AF35628" i="1"/>
  <c r="AF35629" i="1"/>
  <c r="AF35630" i="1"/>
  <c r="AF35631" i="1"/>
  <c r="AF35632" i="1"/>
  <c r="AF35633" i="1"/>
  <c r="AF35634" i="1"/>
  <c r="AF35635" i="1"/>
  <c r="AF35636" i="1"/>
  <c r="AF35637" i="1"/>
  <c r="AF35638" i="1"/>
  <c r="AF35639" i="1"/>
  <c r="AF35640" i="1"/>
  <c r="AF35641" i="1"/>
  <c r="AF35642" i="1"/>
  <c r="AF35643" i="1"/>
  <c r="AF35644" i="1"/>
  <c r="AF35645" i="1"/>
  <c r="AF35646" i="1"/>
  <c r="AF35647" i="1"/>
  <c r="AF35648" i="1"/>
  <c r="AF35649" i="1"/>
  <c r="AF35650" i="1"/>
  <c r="AF35651" i="1"/>
  <c r="AF35652" i="1"/>
  <c r="AF35653" i="1"/>
  <c r="AF35654" i="1"/>
  <c r="AF35655" i="1"/>
  <c r="AF35656" i="1"/>
  <c r="AF35657" i="1"/>
  <c r="AF35658" i="1"/>
  <c r="AF35659" i="1"/>
  <c r="AF35660" i="1"/>
  <c r="AF35661" i="1"/>
  <c r="AF35662" i="1"/>
  <c r="AF35663" i="1"/>
  <c r="AF35664" i="1"/>
  <c r="AF35665" i="1"/>
  <c r="AF35666" i="1"/>
  <c r="AF35667" i="1"/>
  <c r="AF35668" i="1"/>
  <c r="AF35669" i="1"/>
  <c r="AF35670" i="1"/>
  <c r="AF35671" i="1"/>
  <c r="AF35672" i="1"/>
  <c r="AF35673" i="1"/>
  <c r="AF35674" i="1"/>
  <c r="AF35675" i="1"/>
  <c r="AF35676" i="1"/>
  <c r="AF35677" i="1"/>
  <c r="AF35678" i="1"/>
  <c r="AF35679" i="1"/>
  <c r="AF35680" i="1"/>
  <c r="AF35681" i="1"/>
  <c r="AF35682" i="1"/>
  <c r="AF35683" i="1"/>
  <c r="AF35684" i="1"/>
  <c r="AF35685" i="1"/>
  <c r="AF35686" i="1"/>
  <c r="AF35687" i="1"/>
  <c r="AF35688" i="1"/>
  <c r="AF35689" i="1"/>
  <c r="AF35690" i="1"/>
  <c r="AF35691" i="1"/>
  <c r="AF35692" i="1"/>
  <c r="AF35693" i="1"/>
  <c r="AF35694" i="1"/>
  <c r="AF35695" i="1"/>
  <c r="AF35696" i="1"/>
  <c r="AF35697" i="1"/>
  <c r="AF35698" i="1"/>
  <c r="AF35699" i="1"/>
  <c r="AF35700" i="1"/>
  <c r="AF35701" i="1"/>
  <c r="AF35702" i="1"/>
  <c r="AF35703" i="1"/>
  <c r="AF35704" i="1"/>
  <c r="AF35705" i="1"/>
  <c r="AF35706" i="1"/>
  <c r="AF35707" i="1"/>
  <c r="AF35708" i="1"/>
  <c r="AF35709" i="1"/>
  <c r="AF35710" i="1"/>
  <c r="AF35711" i="1"/>
  <c r="AF35712" i="1"/>
  <c r="AF35713" i="1"/>
  <c r="AF35714" i="1"/>
  <c r="AF35715" i="1"/>
  <c r="AF35716" i="1"/>
  <c r="AF35717" i="1"/>
  <c r="AF35718" i="1"/>
  <c r="AF35719" i="1"/>
  <c r="AF35720" i="1"/>
  <c r="AF35721" i="1"/>
  <c r="AF35722" i="1"/>
  <c r="AF35723" i="1"/>
  <c r="AF35724" i="1"/>
  <c r="AF35725" i="1"/>
  <c r="AF35726" i="1"/>
  <c r="AF35727" i="1"/>
  <c r="AF35728" i="1"/>
  <c r="AF35729" i="1"/>
  <c r="AF35730" i="1"/>
  <c r="AF35731" i="1"/>
  <c r="AF35732" i="1"/>
  <c r="AF35733" i="1"/>
  <c r="AF35734" i="1"/>
  <c r="AF35735" i="1"/>
  <c r="AF35736" i="1"/>
  <c r="AF35737" i="1"/>
  <c r="AF35738" i="1"/>
  <c r="AF35739" i="1"/>
  <c r="AF35740" i="1"/>
  <c r="AF35741" i="1"/>
  <c r="AF35742" i="1"/>
  <c r="AF35743" i="1"/>
  <c r="AF35744" i="1"/>
  <c r="AF35745" i="1"/>
  <c r="AF35746" i="1"/>
  <c r="AF35747" i="1"/>
  <c r="AF35748" i="1"/>
  <c r="AF35749" i="1"/>
  <c r="AF35750" i="1"/>
  <c r="AF35751" i="1"/>
  <c r="AF35752" i="1"/>
  <c r="AF35753" i="1"/>
  <c r="AF35754" i="1"/>
  <c r="AF35755" i="1"/>
  <c r="AF35756" i="1"/>
  <c r="AF35757" i="1"/>
  <c r="AF35758" i="1"/>
  <c r="AF35759" i="1"/>
  <c r="AF35760" i="1"/>
  <c r="AF35761" i="1"/>
  <c r="AF35762" i="1"/>
  <c r="AF35763" i="1"/>
  <c r="AF35764" i="1"/>
  <c r="AF35765" i="1"/>
  <c r="AF35766" i="1"/>
  <c r="AF35767" i="1"/>
  <c r="AF35768" i="1"/>
  <c r="AF35769" i="1"/>
  <c r="AF35770" i="1"/>
  <c r="AF35771" i="1"/>
  <c r="AF35772" i="1"/>
  <c r="AF35773" i="1"/>
  <c r="AF35774" i="1"/>
  <c r="AF35775" i="1"/>
  <c r="AF35776" i="1"/>
  <c r="AF35777" i="1"/>
  <c r="AF35778" i="1"/>
  <c r="AF35779" i="1"/>
  <c r="AF35780" i="1"/>
  <c r="AF35781" i="1"/>
  <c r="AF35782" i="1"/>
  <c r="AF35783" i="1"/>
  <c r="AF35784" i="1"/>
  <c r="AF35785" i="1"/>
  <c r="AF35786" i="1"/>
  <c r="AF35787" i="1"/>
  <c r="AF35788" i="1"/>
  <c r="AF35789" i="1"/>
  <c r="AF35790" i="1"/>
  <c r="AF35791" i="1"/>
  <c r="AF35792" i="1"/>
  <c r="AF35793" i="1"/>
  <c r="AF35794" i="1"/>
  <c r="AF35795" i="1"/>
  <c r="AF35796" i="1"/>
  <c r="AF35797" i="1"/>
  <c r="AF35798" i="1"/>
  <c r="AF35799" i="1"/>
  <c r="AF35800" i="1"/>
  <c r="AF35801" i="1"/>
  <c r="AF35802" i="1"/>
  <c r="AF35803" i="1"/>
  <c r="AF35804" i="1"/>
  <c r="AF35805" i="1"/>
  <c r="AF35806" i="1"/>
  <c r="AF35807" i="1"/>
  <c r="AF35808" i="1"/>
  <c r="AF35809" i="1"/>
  <c r="AF35810" i="1"/>
  <c r="AF35811" i="1"/>
  <c r="AF35812" i="1"/>
  <c r="AF35813" i="1"/>
  <c r="AF35814" i="1"/>
  <c r="AF35815" i="1"/>
  <c r="AF35816" i="1"/>
  <c r="AF35817" i="1"/>
  <c r="AF35818" i="1"/>
  <c r="AF35819" i="1"/>
  <c r="AF35820" i="1"/>
  <c r="AF35821" i="1"/>
  <c r="AF35822" i="1"/>
  <c r="AF35823" i="1"/>
  <c r="AF35824" i="1"/>
  <c r="AF35825" i="1"/>
  <c r="AF35826" i="1"/>
  <c r="AF35827" i="1"/>
  <c r="AF35828" i="1"/>
  <c r="AF35829" i="1"/>
  <c r="AF35830" i="1"/>
  <c r="AF35831" i="1"/>
  <c r="AF35832" i="1"/>
  <c r="AF35833" i="1"/>
  <c r="AF35834" i="1"/>
  <c r="AF35835" i="1"/>
  <c r="AF35836" i="1"/>
  <c r="AF35837" i="1"/>
  <c r="AF35838" i="1"/>
  <c r="AF35839" i="1"/>
  <c r="AF35840" i="1"/>
  <c r="AF35841" i="1"/>
  <c r="AF35842" i="1"/>
  <c r="AF35843" i="1"/>
  <c r="AF35844" i="1"/>
  <c r="AF35845" i="1"/>
  <c r="AF35846" i="1"/>
  <c r="AF35847" i="1"/>
  <c r="AF35848" i="1"/>
  <c r="AF35849" i="1"/>
  <c r="AF35850" i="1"/>
  <c r="AF35851" i="1"/>
  <c r="AF35852" i="1"/>
  <c r="AF35853" i="1"/>
  <c r="AF35854" i="1"/>
  <c r="AF35855" i="1"/>
  <c r="AF35856" i="1"/>
  <c r="AF35857" i="1"/>
  <c r="AF35858" i="1"/>
  <c r="AF35859" i="1"/>
  <c r="AF35860" i="1"/>
  <c r="AF35861" i="1"/>
  <c r="AF35862" i="1"/>
  <c r="AF35863" i="1"/>
  <c r="AF35864" i="1"/>
  <c r="AF35865" i="1"/>
  <c r="AF35866" i="1"/>
  <c r="AF35867" i="1"/>
  <c r="AF35868" i="1"/>
  <c r="AF35869" i="1"/>
  <c r="AF35870" i="1"/>
  <c r="AF35871" i="1"/>
  <c r="AF35872" i="1"/>
  <c r="AF35873" i="1"/>
  <c r="AF35874" i="1"/>
  <c r="AF35875" i="1"/>
  <c r="AF35876" i="1"/>
  <c r="AF35877" i="1"/>
  <c r="AF35878" i="1"/>
  <c r="AF35879" i="1"/>
  <c r="AF35880" i="1"/>
  <c r="AF35881" i="1"/>
  <c r="AF35882" i="1"/>
  <c r="AF35883" i="1"/>
  <c r="AF35884" i="1"/>
  <c r="AF35885" i="1"/>
  <c r="AF35886" i="1"/>
  <c r="AF35887" i="1"/>
  <c r="AF35888" i="1"/>
  <c r="AF35889" i="1"/>
  <c r="AF35890" i="1"/>
  <c r="AF35891" i="1"/>
  <c r="AF35892" i="1"/>
  <c r="AF35893" i="1"/>
  <c r="AF35894" i="1"/>
  <c r="AF35895" i="1"/>
  <c r="AF35896" i="1"/>
  <c r="AF35897" i="1"/>
  <c r="AF35898" i="1"/>
  <c r="AF35899" i="1"/>
  <c r="AF35900" i="1"/>
  <c r="AF35901" i="1"/>
  <c r="AF35902" i="1"/>
  <c r="AF35903" i="1"/>
  <c r="AF35904" i="1"/>
  <c r="AF35905" i="1"/>
  <c r="AF35906" i="1"/>
  <c r="AF35907" i="1"/>
  <c r="AF35908" i="1"/>
  <c r="AF35909" i="1"/>
  <c r="AF35910" i="1"/>
  <c r="AF35911" i="1"/>
  <c r="AF35912" i="1"/>
  <c r="AF35913" i="1"/>
  <c r="AF35914" i="1"/>
  <c r="AF35915" i="1"/>
  <c r="AF35916" i="1"/>
  <c r="AF35917" i="1"/>
  <c r="AF35918" i="1"/>
  <c r="AF35919" i="1"/>
  <c r="AF35920" i="1"/>
  <c r="AF35921" i="1"/>
  <c r="AF35922" i="1"/>
  <c r="AF35923" i="1"/>
  <c r="AF35924" i="1"/>
  <c r="AF35925" i="1"/>
  <c r="AF35926" i="1"/>
  <c r="AF35927" i="1"/>
  <c r="AF35928" i="1"/>
  <c r="AF35929" i="1"/>
  <c r="AF35930" i="1"/>
  <c r="AF35931" i="1"/>
  <c r="AF35932" i="1"/>
  <c r="AF35933" i="1"/>
  <c r="AF35934" i="1"/>
  <c r="AF35935" i="1"/>
  <c r="AF35936" i="1"/>
  <c r="AF35937" i="1"/>
  <c r="AF35938" i="1"/>
  <c r="AF35939" i="1"/>
  <c r="AF35940" i="1"/>
  <c r="AF35941" i="1"/>
  <c r="AF35942" i="1"/>
  <c r="AF35943" i="1"/>
  <c r="AF35944" i="1"/>
  <c r="AF35945" i="1"/>
  <c r="AF35946" i="1"/>
  <c r="AF35947" i="1"/>
  <c r="AF35948" i="1"/>
  <c r="AF35949" i="1"/>
  <c r="AF35950" i="1"/>
  <c r="AF35951" i="1"/>
  <c r="AF35952" i="1"/>
  <c r="AF35953" i="1"/>
  <c r="AF35954" i="1"/>
  <c r="AF35955" i="1"/>
  <c r="AF35956" i="1"/>
  <c r="AF35957" i="1"/>
  <c r="AF35958" i="1"/>
  <c r="AF35959" i="1"/>
  <c r="AF35960" i="1"/>
  <c r="AF35961" i="1"/>
  <c r="AF35962" i="1"/>
  <c r="AF35963" i="1"/>
  <c r="AF35964" i="1"/>
  <c r="AF35965" i="1"/>
  <c r="AF35966" i="1"/>
  <c r="AF35967" i="1"/>
  <c r="AF35968" i="1"/>
  <c r="AF35969" i="1"/>
  <c r="AF35970" i="1"/>
  <c r="AF35971" i="1"/>
  <c r="AF35972" i="1"/>
  <c r="AF35973" i="1"/>
  <c r="AF35974" i="1"/>
  <c r="AF35975" i="1"/>
  <c r="AF35976" i="1"/>
  <c r="AF35977" i="1"/>
  <c r="AF35978" i="1"/>
  <c r="AF35979" i="1"/>
  <c r="AF35980" i="1"/>
  <c r="AF35981" i="1"/>
  <c r="AF35982" i="1"/>
  <c r="AF35983" i="1"/>
  <c r="AF35984" i="1"/>
  <c r="AF35985" i="1"/>
  <c r="AF35986" i="1"/>
  <c r="AF35987" i="1"/>
  <c r="AF35988" i="1"/>
  <c r="AF35989" i="1"/>
  <c r="AF35990" i="1"/>
  <c r="AF35991" i="1"/>
  <c r="AF35992" i="1"/>
  <c r="AF35993" i="1"/>
  <c r="AF35994" i="1"/>
  <c r="AF35995" i="1"/>
  <c r="AF35996" i="1"/>
  <c r="AF35997" i="1"/>
  <c r="AF35998" i="1"/>
  <c r="AF35999" i="1"/>
  <c r="AF36000" i="1"/>
  <c r="AF36001" i="1"/>
  <c r="AF36002" i="1"/>
  <c r="AF36003" i="1"/>
  <c r="AF36004" i="1"/>
  <c r="AF36005" i="1"/>
  <c r="AF36006" i="1"/>
  <c r="AF36007" i="1"/>
  <c r="AF36008" i="1"/>
  <c r="AF36009" i="1"/>
  <c r="AF36010" i="1"/>
  <c r="AF36011" i="1"/>
  <c r="AF36012" i="1"/>
  <c r="AF36013" i="1"/>
  <c r="AF36014" i="1"/>
  <c r="AF36015" i="1"/>
  <c r="AF36016" i="1"/>
  <c r="AF36017" i="1"/>
  <c r="AF36018" i="1"/>
  <c r="AF36019" i="1"/>
  <c r="AF36020" i="1"/>
  <c r="AF36021" i="1"/>
  <c r="AF36022" i="1"/>
  <c r="AF36023" i="1"/>
  <c r="AF36024" i="1"/>
  <c r="AF36025" i="1"/>
  <c r="AF36026" i="1"/>
  <c r="AF36027" i="1"/>
  <c r="AF36028" i="1"/>
  <c r="AF36029" i="1"/>
  <c r="AF36030" i="1"/>
  <c r="AF36031" i="1"/>
  <c r="AF36032" i="1"/>
  <c r="AF36033" i="1"/>
  <c r="AF36034" i="1"/>
  <c r="AF36035" i="1"/>
  <c r="AF36036" i="1"/>
  <c r="AF36037" i="1"/>
  <c r="AF36038" i="1"/>
  <c r="AF36039" i="1"/>
  <c r="AF36040" i="1"/>
  <c r="AF36041" i="1"/>
  <c r="AF36042" i="1"/>
  <c r="AF36043" i="1"/>
  <c r="AF36044" i="1"/>
  <c r="AF36045" i="1"/>
  <c r="AF36046" i="1"/>
  <c r="AF36047" i="1"/>
  <c r="AF36048" i="1"/>
  <c r="AF36049" i="1"/>
  <c r="AF36050" i="1"/>
  <c r="AF36051" i="1"/>
  <c r="AF36052" i="1"/>
  <c r="AF36053" i="1"/>
  <c r="AF36054" i="1"/>
  <c r="AF36055" i="1"/>
  <c r="AF36056" i="1"/>
  <c r="AF36057" i="1"/>
  <c r="AF36058" i="1"/>
  <c r="AF36059" i="1"/>
  <c r="AF36060" i="1"/>
  <c r="AF36061" i="1"/>
  <c r="AF36062" i="1"/>
  <c r="AF36063" i="1"/>
  <c r="AF36064" i="1"/>
  <c r="AF36065" i="1"/>
  <c r="AF36066" i="1"/>
  <c r="AF36067" i="1"/>
  <c r="AF36068" i="1"/>
  <c r="AF36069" i="1"/>
  <c r="AF36070" i="1"/>
  <c r="AF36071" i="1"/>
  <c r="AF36072" i="1"/>
  <c r="AF36073" i="1"/>
  <c r="AF36074" i="1"/>
  <c r="AF36075" i="1"/>
  <c r="AF36076" i="1"/>
  <c r="AF36077" i="1"/>
  <c r="AF36078" i="1"/>
  <c r="AF36079" i="1"/>
  <c r="AF36080" i="1"/>
  <c r="AF36081" i="1"/>
  <c r="AF36082" i="1"/>
  <c r="AF36083" i="1"/>
  <c r="AF36084" i="1"/>
  <c r="AF36085" i="1"/>
  <c r="AF36086" i="1"/>
  <c r="AF36087" i="1"/>
  <c r="AF36088" i="1"/>
  <c r="AF36089" i="1"/>
  <c r="AF36090" i="1"/>
  <c r="AF36091" i="1"/>
  <c r="AF36092" i="1"/>
  <c r="AF36093" i="1"/>
  <c r="AF36094" i="1"/>
  <c r="AF36095" i="1"/>
  <c r="AF36096" i="1"/>
  <c r="AF36097" i="1"/>
  <c r="AF36098" i="1"/>
  <c r="AF36099" i="1"/>
  <c r="AF36100" i="1"/>
  <c r="AF36101" i="1"/>
  <c r="AF36102" i="1"/>
  <c r="AF36103" i="1"/>
  <c r="AF36104" i="1"/>
  <c r="AF36105" i="1"/>
  <c r="AF36106" i="1"/>
  <c r="AF36107" i="1"/>
  <c r="AF36108" i="1"/>
  <c r="AF36109" i="1"/>
  <c r="AF36110" i="1"/>
  <c r="AF36111" i="1"/>
  <c r="AF36112" i="1"/>
  <c r="AF36113" i="1"/>
  <c r="AF36114" i="1"/>
  <c r="AF36115" i="1"/>
  <c r="AF36116" i="1"/>
  <c r="AF36117" i="1"/>
  <c r="AF36118" i="1"/>
  <c r="AF36119" i="1"/>
  <c r="AF36120" i="1"/>
  <c r="AF36121" i="1"/>
  <c r="AF36122" i="1"/>
  <c r="AF36123" i="1"/>
  <c r="AF36124" i="1"/>
  <c r="AF36125" i="1"/>
  <c r="AF36126" i="1"/>
  <c r="AF36127" i="1"/>
  <c r="AF36128" i="1"/>
  <c r="AF36129" i="1"/>
  <c r="AF36130" i="1"/>
  <c r="AF36131" i="1"/>
  <c r="AF36132" i="1"/>
  <c r="AF36133" i="1"/>
  <c r="AF36134" i="1"/>
  <c r="AF36135" i="1"/>
  <c r="AF36136" i="1"/>
  <c r="AF36137" i="1"/>
  <c r="AF36138" i="1"/>
  <c r="AF36139" i="1"/>
  <c r="AF36140" i="1"/>
  <c r="AF36141" i="1"/>
  <c r="AF36142" i="1"/>
  <c r="AF36143" i="1"/>
  <c r="AF36144" i="1"/>
  <c r="AF36145" i="1"/>
  <c r="AF36146" i="1"/>
  <c r="AF36147" i="1"/>
  <c r="AF36148" i="1"/>
  <c r="AF36149" i="1"/>
  <c r="AF36150" i="1"/>
  <c r="AF36151" i="1"/>
  <c r="AF36152" i="1"/>
  <c r="AF36153" i="1"/>
  <c r="AF36154" i="1"/>
  <c r="AF36155" i="1"/>
  <c r="AF36156" i="1"/>
  <c r="AF36157" i="1"/>
  <c r="AF36158" i="1"/>
  <c r="AF36159" i="1"/>
  <c r="AF36160" i="1"/>
  <c r="AF36161" i="1"/>
  <c r="AF36162" i="1"/>
  <c r="AF36163" i="1"/>
  <c r="AF36164" i="1"/>
  <c r="AF36165" i="1"/>
  <c r="AF36166" i="1"/>
  <c r="AF36167" i="1"/>
  <c r="AF36168" i="1"/>
  <c r="AF36169" i="1"/>
  <c r="AF36170" i="1"/>
  <c r="AF36171" i="1"/>
  <c r="AF36172" i="1"/>
  <c r="AF36173" i="1"/>
  <c r="AF36174" i="1"/>
  <c r="AF36175" i="1"/>
  <c r="AF36176" i="1"/>
  <c r="AF36177" i="1"/>
  <c r="AF36178" i="1"/>
  <c r="AF36179" i="1"/>
  <c r="AF36180" i="1"/>
  <c r="AF36181" i="1"/>
  <c r="AF36182" i="1"/>
  <c r="AF36183" i="1"/>
  <c r="AF36184" i="1"/>
  <c r="AF36185" i="1"/>
  <c r="AF36186" i="1"/>
  <c r="AF36187" i="1"/>
  <c r="AF36188" i="1"/>
  <c r="AF36189" i="1"/>
  <c r="AF36190" i="1"/>
  <c r="AF36191" i="1"/>
  <c r="AF36192" i="1"/>
  <c r="AF36193" i="1"/>
  <c r="AF36194" i="1"/>
  <c r="AF36195" i="1"/>
  <c r="AF36196" i="1"/>
  <c r="AF36197" i="1"/>
  <c r="AF36198" i="1"/>
  <c r="AF36199" i="1"/>
  <c r="AF36200" i="1"/>
  <c r="AF36201" i="1"/>
  <c r="AF36202" i="1"/>
  <c r="AF36203" i="1"/>
  <c r="AF36204" i="1"/>
  <c r="AF36205" i="1"/>
  <c r="AF36206" i="1"/>
  <c r="AF36207" i="1"/>
  <c r="AF36208" i="1"/>
  <c r="AF36209" i="1"/>
  <c r="AF36210" i="1"/>
  <c r="AF36211" i="1"/>
  <c r="AF36212" i="1"/>
  <c r="AF36213" i="1"/>
  <c r="AF36214" i="1"/>
  <c r="AF36215" i="1"/>
  <c r="AF36216" i="1"/>
  <c r="AF36217" i="1"/>
  <c r="AF36218" i="1"/>
  <c r="AF36219" i="1"/>
  <c r="AF36220" i="1"/>
  <c r="AF36221" i="1"/>
  <c r="AF36222" i="1"/>
  <c r="AF36223" i="1"/>
  <c r="AF36224" i="1"/>
  <c r="AF36225" i="1"/>
  <c r="AF36226" i="1"/>
  <c r="AF36227" i="1"/>
  <c r="AF36228" i="1"/>
  <c r="AF36229" i="1"/>
  <c r="AF36230" i="1"/>
  <c r="AF36231" i="1"/>
  <c r="AF36232" i="1"/>
  <c r="AF36233" i="1"/>
  <c r="AF36234" i="1"/>
  <c r="AF36235" i="1"/>
  <c r="AF36236" i="1"/>
  <c r="AF36237" i="1"/>
  <c r="AF36238" i="1"/>
  <c r="AF36239" i="1"/>
  <c r="AF36240" i="1"/>
  <c r="AF36241" i="1"/>
  <c r="AF36242" i="1"/>
  <c r="AF36243" i="1"/>
  <c r="AF36244" i="1"/>
  <c r="AF36245" i="1"/>
  <c r="AF36246" i="1"/>
  <c r="AF36247" i="1"/>
  <c r="AF36248" i="1"/>
  <c r="AF36249" i="1"/>
  <c r="AF36250" i="1"/>
  <c r="AF36251" i="1"/>
  <c r="AF36252" i="1"/>
  <c r="AF36253" i="1"/>
  <c r="AF36254" i="1"/>
  <c r="AF36255" i="1"/>
  <c r="AF36256" i="1"/>
  <c r="AF36257" i="1"/>
  <c r="AF36258" i="1"/>
  <c r="AF36259" i="1"/>
  <c r="AF36260" i="1"/>
  <c r="AF36261" i="1"/>
  <c r="AF36262" i="1"/>
  <c r="AF36263" i="1"/>
  <c r="AF36264" i="1"/>
  <c r="AF36265" i="1"/>
  <c r="AF36266" i="1"/>
  <c r="AF36267" i="1"/>
  <c r="AF36268" i="1"/>
  <c r="AF36269" i="1"/>
  <c r="AF36270" i="1"/>
  <c r="AF36271" i="1"/>
  <c r="AF36272" i="1"/>
  <c r="AF36273" i="1"/>
  <c r="AF36274" i="1"/>
  <c r="AF36275" i="1"/>
  <c r="AF36276" i="1"/>
  <c r="AF36277" i="1"/>
  <c r="AF36278" i="1"/>
  <c r="AF36279" i="1"/>
  <c r="AF36280" i="1"/>
  <c r="AF36281" i="1"/>
  <c r="AF36282" i="1"/>
  <c r="AF36283" i="1"/>
  <c r="AF36284" i="1"/>
  <c r="AF36285" i="1"/>
  <c r="AF36286" i="1"/>
  <c r="AF36287" i="1"/>
  <c r="AF36288" i="1"/>
  <c r="AF36289" i="1"/>
  <c r="AF36290" i="1"/>
  <c r="AF36291" i="1"/>
  <c r="AF36292" i="1"/>
  <c r="AF36293" i="1"/>
  <c r="AF36294" i="1"/>
  <c r="AF36295" i="1"/>
  <c r="AF36296" i="1"/>
  <c r="AF36297" i="1"/>
  <c r="AF36298" i="1"/>
  <c r="AF36299" i="1"/>
  <c r="AF36300" i="1"/>
  <c r="AF36301" i="1"/>
  <c r="AF36302" i="1"/>
  <c r="AF36303" i="1"/>
  <c r="AF36304" i="1"/>
  <c r="AF36305" i="1"/>
  <c r="AF36306" i="1"/>
  <c r="AF36307" i="1"/>
  <c r="AF36308" i="1"/>
  <c r="AF36309" i="1"/>
  <c r="AF36310" i="1"/>
  <c r="AF36311" i="1"/>
  <c r="AF36312" i="1"/>
  <c r="AF36313" i="1"/>
  <c r="AF36314" i="1"/>
  <c r="AF36315" i="1"/>
  <c r="AF36316" i="1"/>
  <c r="AF36317" i="1"/>
  <c r="AF36318" i="1"/>
  <c r="AF36319" i="1"/>
  <c r="AF36320" i="1"/>
  <c r="AF36321" i="1"/>
  <c r="AF36322" i="1"/>
  <c r="AF36323" i="1"/>
  <c r="AF36324" i="1"/>
  <c r="AF36325" i="1"/>
  <c r="AF36326" i="1"/>
  <c r="AF36327" i="1"/>
  <c r="AF36328" i="1"/>
  <c r="AF36329" i="1"/>
  <c r="AF36330" i="1"/>
  <c r="AF36331" i="1"/>
  <c r="AF36332" i="1"/>
  <c r="AF36333" i="1"/>
  <c r="AF36334" i="1"/>
  <c r="AF36335" i="1"/>
  <c r="AF36336" i="1"/>
  <c r="AF36337" i="1"/>
  <c r="AF36338" i="1"/>
  <c r="AF36339" i="1"/>
  <c r="AF36340" i="1"/>
  <c r="AF36341" i="1"/>
  <c r="AF36342" i="1"/>
  <c r="AF36343" i="1"/>
  <c r="AF36344" i="1"/>
  <c r="AF36345" i="1"/>
  <c r="AF36346" i="1"/>
  <c r="AF36347" i="1"/>
  <c r="AF36348" i="1"/>
  <c r="AF36349" i="1"/>
  <c r="AF36350" i="1"/>
  <c r="AF36351" i="1"/>
  <c r="AF36352" i="1"/>
  <c r="AF36353" i="1"/>
  <c r="AF36354" i="1"/>
  <c r="AF36355" i="1"/>
  <c r="AF36356" i="1"/>
  <c r="AF36357" i="1"/>
  <c r="AF36358" i="1"/>
  <c r="AF36359" i="1"/>
  <c r="AF36360" i="1"/>
  <c r="AF36361" i="1"/>
  <c r="AF36362" i="1"/>
  <c r="AF36363" i="1"/>
  <c r="AF36364" i="1"/>
  <c r="AF36365" i="1"/>
  <c r="AF36366" i="1"/>
  <c r="AF36367" i="1"/>
  <c r="AF36368" i="1"/>
  <c r="AF36369" i="1"/>
  <c r="AF36370" i="1"/>
  <c r="AF36371" i="1"/>
  <c r="AF36372" i="1"/>
  <c r="AF36373" i="1"/>
  <c r="AF36374" i="1"/>
  <c r="AF36375" i="1"/>
  <c r="AF36376" i="1"/>
  <c r="AF36377" i="1"/>
  <c r="AF36378" i="1"/>
  <c r="AF36379" i="1"/>
  <c r="AF36380" i="1"/>
  <c r="AF36381" i="1"/>
  <c r="AF36382" i="1"/>
  <c r="AF36383" i="1"/>
  <c r="AF36384" i="1"/>
  <c r="AF36385" i="1"/>
  <c r="AF36386" i="1"/>
  <c r="AF36387" i="1"/>
  <c r="AF36388" i="1"/>
  <c r="AF36389" i="1"/>
  <c r="AF36390" i="1"/>
  <c r="AF36391" i="1"/>
  <c r="AF36392" i="1"/>
  <c r="AF36393" i="1"/>
  <c r="AF36394" i="1"/>
  <c r="AF36395" i="1"/>
  <c r="AF36396" i="1"/>
  <c r="AF36397" i="1"/>
  <c r="AF36398" i="1"/>
  <c r="AF36399" i="1"/>
  <c r="AF36400" i="1"/>
  <c r="AF36401" i="1"/>
  <c r="AF36402" i="1"/>
  <c r="AF36403" i="1"/>
  <c r="AF36404" i="1"/>
  <c r="AF36405" i="1"/>
  <c r="AF36406" i="1"/>
  <c r="AF36407" i="1"/>
  <c r="AF36408" i="1"/>
  <c r="AF36409" i="1"/>
  <c r="AF36410" i="1"/>
  <c r="AF36411" i="1"/>
  <c r="AF36412" i="1"/>
  <c r="AF36413" i="1"/>
  <c r="AF36414" i="1"/>
  <c r="AF36415" i="1"/>
  <c r="AF36416" i="1"/>
  <c r="AF36417" i="1"/>
  <c r="AF36418" i="1"/>
  <c r="AF36419" i="1"/>
  <c r="AF36420" i="1"/>
  <c r="AF36421" i="1"/>
  <c r="AF36422" i="1"/>
  <c r="AF36423" i="1"/>
  <c r="AF36424" i="1"/>
  <c r="AF36425" i="1"/>
  <c r="AF36426" i="1"/>
  <c r="AF36427" i="1"/>
  <c r="AF36428" i="1"/>
  <c r="AF36429" i="1"/>
  <c r="AF36430" i="1"/>
  <c r="AF36431" i="1"/>
  <c r="AF36432" i="1"/>
  <c r="AF36433" i="1"/>
  <c r="AF36434" i="1"/>
  <c r="AF36435" i="1"/>
  <c r="AF36436" i="1"/>
  <c r="AF36437" i="1"/>
  <c r="AF36438" i="1"/>
  <c r="AF36439" i="1"/>
  <c r="AF36440" i="1"/>
  <c r="AF36441" i="1"/>
  <c r="AF36442" i="1"/>
  <c r="AF36443" i="1"/>
  <c r="AF36444" i="1"/>
  <c r="AF36445" i="1"/>
  <c r="AF36446" i="1"/>
  <c r="AF36447" i="1"/>
  <c r="AF36448" i="1"/>
  <c r="AF36449" i="1"/>
  <c r="AF36450" i="1"/>
  <c r="AF36451" i="1"/>
  <c r="AF36452" i="1"/>
  <c r="AF36453" i="1"/>
  <c r="AF36454" i="1"/>
  <c r="AF36455" i="1"/>
  <c r="AF36456" i="1"/>
  <c r="AF36457" i="1"/>
  <c r="AF36458" i="1"/>
  <c r="AF36459" i="1"/>
  <c r="AF36460" i="1"/>
  <c r="AF36461" i="1"/>
  <c r="AF36462" i="1"/>
  <c r="AF36463" i="1"/>
  <c r="AF36464" i="1"/>
  <c r="AF36465" i="1"/>
  <c r="AF36466" i="1"/>
  <c r="AF36467" i="1"/>
  <c r="AF36468" i="1"/>
  <c r="AF36469" i="1"/>
  <c r="AF36470" i="1"/>
  <c r="AF36471" i="1"/>
  <c r="AF36472" i="1"/>
  <c r="AF36473" i="1"/>
  <c r="AF36474" i="1"/>
  <c r="AF36475" i="1"/>
  <c r="AF36476" i="1"/>
  <c r="AF36477" i="1"/>
  <c r="AF36478" i="1"/>
  <c r="AF36479" i="1"/>
  <c r="AF36480" i="1"/>
  <c r="AF36481" i="1"/>
  <c r="AF36482" i="1"/>
  <c r="AF36483" i="1"/>
  <c r="AF36484" i="1"/>
  <c r="AF36485" i="1"/>
  <c r="AF36486" i="1"/>
  <c r="AF36487" i="1"/>
  <c r="AF36488" i="1"/>
  <c r="AF36489" i="1"/>
  <c r="AF36490" i="1"/>
  <c r="AF36491" i="1"/>
  <c r="AF36492" i="1"/>
  <c r="AF36493" i="1"/>
  <c r="AF36494" i="1"/>
  <c r="AF36495" i="1"/>
  <c r="AF36496" i="1"/>
  <c r="AF36497" i="1"/>
  <c r="AF36498" i="1"/>
  <c r="AF36499" i="1"/>
  <c r="AF36500" i="1"/>
  <c r="AF36501" i="1"/>
  <c r="AF36502" i="1"/>
  <c r="AF36503" i="1"/>
  <c r="AF36504" i="1"/>
  <c r="AF36505" i="1"/>
  <c r="AF36506" i="1"/>
  <c r="AF36507" i="1"/>
  <c r="AF36508" i="1"/>
  <c r="AF36509" i="1"/>
  <c r="AF36510" i="1"/>
  <c r="AF36511" i="1"/>
  <c r="AF36512" i="1"/>
  <c r="AF36513" i="1"/>
  <c r="AF36514" i="1"/>
  <c r="AF36515" i="1"/>
  <c r="AF36516" i="1"/>
  <c r="AF36517" i="1"/>
  <c r="AF36518" i="1"/>
  <c r="AF36519" i="1"/>
  <c r="AF36520" i="1"/>
  <c r="AF36521" i="1"/>
  <c r="AF36522" i="1"/>
  <c r="AF36523" i="1"/>
  <c r="AF36524" i="1"/>
  <c r="AF36525" i="1"/>
  <c r="AF36526" i="1"/>
  <c r="AF36527" i="1"/>
  <c r="AF36528" i="1"/>
  <c r="AF36529" i="1"/>
  <c r="AF36530" i="1"/>
  <c r="AF36531" i="1"/>
  <c r="AF36532" i="1"/>
  <c r="AF36533" i="1"/>
  <c r="AF36534" i="1"/>
  <c r="AF36535" i="1"/>
  <c r="AF36536" i="1"/>
  <c r="AF36537" i="1"/>
  <c r="AF36538" i="1"/>
  <c r="AF36539" i="1"/>
  <c r="AF36540" i="1"/>
  <c r="AF36541" i="1"/>
  <c r="AF36542" i="1"/>
  <c r="AF36543" i="1"/>
  <c r="AF36544" i="1"/>
  <c r="AF36545" i="1"/>
  <c r="AF36546" i="1"/>
  <c r="AF36547" i="1"/>
  <c r="AF36548" i="1"/>
  <c r="AF36549" i="1"/>
  <c r="AF36550" i="1"/>
  <c r="AF36551" i="1"/>
  <c r="AF36552" i="1"/>
  <c r="AF36553" i="1"/>
  <c r="AF36554" i="1"/>
  <c r="AF36555" i="1"/>
  <c r="AF36556" i="1"/>
  <c r="AF36557" i="1"/>
  <c r="AF36558" i="1"/>
  <c r="AF36559" i="1"/>
  <c r="AF36560" i="1"/>
  <c r="AF36561" i="1"/>
  <c r="AF36562" i="1"/>
  <c r="AF36563" i="1"/>
  <c r="AF36564" i="1"/>
  <c r="AF36565" i="1"/>
  <c r="AF36566" i="1"/>
  <c r="AF36567" i="1"/>
  <c r="AF36568" i="1"/>
  <c r="AF36569" i="1"/>
  <c r="AF36570" i="1"/>
  <c r="AF36571" i="1"/>
  <c r="AF36572" i="1"/>
  <c r="AF36573" i="1"/>
  <c r="AF36574" i="1"/>
  <c r="AF36575" i="1"/>
  <c r="AF36576" i="1"/>
  <c r="AF36577" i="1"/>
  <c r="AF36578" i="1"/>
  <c r="AF36579" i="1"/>
  <c r="AF36580" i="1"/>
  <c r="AF36581" i="1"/>
  <c r="AF36582" i="1"/>
  <c r="AF36583" i="1"/>
  <c r="AF36584" i="1"/>
  <c r="AF36585" i="1"/>
  <c r="AF36586" i="1"/>
  <c r="AF36587" i="1"/>
  <c r="AF36588" i="1"/>
  <c r="AF36589" i="1"/>
  <c r="AF36590" i="1"/>
  <c r="AF36591" i="1"/>
  <c r="AF36592" i="1"/>
  <c r="AF36593" i="1"/>
  <c r="AF36594" i="1"/>
  <c r="AF36595" i="1"/>
  <c r="AF36596" i="1"/>
  <c r="AF36597" i="1"/>
  <c r="AF36598" i="1"/>
  <c r="AF36599" i="1"/>
  <c r="AF36600" i="1"/>
  <c r="AF36601" i="1"/>
  <c r="AF36602" i="1"/>
  <c r="AF36603" i="1"/>
  <c r="AF36604" i="1"/>
  <c r="AF36605" i="1"/>
  <c r="AF36606" i="1"/>
  <c r="AF36607" i="1"/>
  <c r="AF36608" i="1"/>
  <c r="AF36609" i="1"/>
  <c r="AF36610" i="1"/>
  <c r="AF36611" i="1"/>
  <c r="AF36612" i="1"/>
  <c r="AF36613" i="1"/>
  <c r="AF36614" i="1"/>
  <c r="AF36615" i="1"/>
  <c r="AF36616" i="1"/>
  <c r="AF36617" i="1"/>
  <c r="AF36618" i="1"/>
  <c r="AF36619" i="1"/>
  <c r="AF36620" i="1"/>
  <c r="AF36621" i="1"/>
  <c r="AF36622" i="1"/>
  <c r="AF36623" i="1"/>
  <c r="AF36624" i="1"/>
  <c r="AF36625" i="1"/>
  <c r="AF36626" i="1"/>
  <c r="AF36627" i="1"/>
  <c r="AF36628" i="1"/>
  <c r="AF36629" i="1"/>
  <c r="AF36630" i="1"/>
  <c r="AF36631" i="1"/>
  <c r="AF36632" i="1"/>
  <c r="AF36633" i="1"/>
  <c r="AF36634" i="1"/>
  <c r="AF36635" i="1"/>
  <c r="AF36636" i="1"/>
  <c r="AF36637" i="1"/>
  <c r="AF36638" i="1"/>
  <c r="AF36639" i="1"/>
  <c r="AF36640" i="1"/>
  <c r="AF36641" i="1"/>
  <c r="AF36642" i="1"/>
  <c r="AF36643" i="1"/>
  <c r="AF36644" i="1"/>
  <c r="AF36645" i="1"/>
  <c r="AF36646" i="1"/>
  <c r="AF36647" i="1"/>
  <c r="AF36648" i="1"/>
  <c r="AF36649" i="1"/>
  <c r="AF36650" i="1"/>
  <c r="AF36651" i="1"/>
  <c r="AF36652" i="1"/>
  <c r="AF36653" i="1"/>
  <c r="AF36654" i="1"/>
  <c r="AF36655" i="1"/>
  <c r="AF36656" i="1"/>
  <c r="AF36657" i="1"/>
  <c r="AF36658" i="1"/>
  <c r="AF36659" i="1"/>
  <c r="AF36660" i="1"/>
  <c r="AF36661" i="1"/>
  <c r="AF36662" i="1"/>
  <c r="AF36663" i="1"/>
  <c r="AF36664" i="1"/>
  <c r="AF36665" i="1"/>
  <c r="AF36666" i="1"/>
  <c r="AF36667" i="1"/>
  <c r="AF36668" i="1"/>
  <c r="AF36669" i="1"/>
  <c r="AF36670" i="1"/>
  <c r="AF36671" i="1"/>
  <c r="AF36672" i="1"/>
  <c r="AF36673" i="1"/>
  <c r="AF36674" i="1"/>
  <c r="AF36675" i="1"/>
  <c r="AF36676" i="1"/>
  <c r="AF36677" i="1"/>
  <c r="AF36678" i="1"/>
  <c r="AF36679" i="1"/>
  <c r="AF36680" i="1"/>
  <c r="AF36681" i="1"/>
  <c r="AF36682" i="1"/>
  <c r="AF36683" i="1"/>
  <c r="AF36684" i="1"/>
  <c r="AF36685" i="1"/>
  <c r="AF36686" i="1"/>
  <c r="AF36687" i="1"/>
  <c r="AF36688" i="1"/>
  <c r="AF36689" i="1"/>
  <c r="AF36690" i="1"/>
  <c r="AF36691" i="1"/>
  <c r="AF36692" i="1"/>
  <c r="AF36693" i="1"/>
  <c r="AF36694" i="1"/>
  <c r="AF36695" i="1"/>
  <c r="AF36696" i="1"/>
  <c r="AF36697" i="1"/>
  <c r="AF36698" i="1"/>
  <c r="AF36699" i="1"/>
  <c r="AF36700" i="1"/>
  <c r="AF36701" i="1"/>
  <c r="AF36702" i="1"/>
  <c r="AF36703" i="1"/>
  <c r="AF36704" i="1"/>
  <c r="AF36705" i="1"/>
  <c r="AF36706" i="1"/>
  <c r="AF36707" i="1"/>
  <c r="AF36708" i="1"/>
  <c r="AF36709" i="1"/>
  <c r="AF36710" i="1"/>
  <c r="AF36711" i="1"/>
  <c r="AF36712" i="1"/>
  <c r="AF36713" i="1"/>
  <c r="AF36714" i="1"/>
  <c r="AF36715" i="1"/>
  <c r="AF36716" i="1"/>
  <c r="AF36717" i="1"/>
  <c r="AF36718" i="1"/>
  <c r="AF36719" i="1"/>
  <c r="AF36720" i="1"/>
  <c r="AF36721" i="1"/>
  <c r="AF36722" i="1"/>
  <c r="AF36723" i="1"/>
  <c r="AF36724" i="1"/>
  <c r="AF36725" i="1"/>
  <c r="AF36726" i="1"/>
  <c r="AF36727" i="1"/>
  <c r="AF36728" i="1"/>
  <c r="AF36729" i="1"/>
  <c r="AF36730" i="1"/>
  <c r="AF36731" i="1"/>
  <c r="AF36732" i="1"/>
  <c r="AF36733" i="1"/>
  <c r="AF36734" i="1"/>
  <c r="AF36735" i="1"/>
  <c r="AF36736" i="1"/>
  <c r="AF36737" i="1"/>
  <c r="AF36738" i="1"/>
  <c r="AF36739" i="1"/>
  <c r="AF36740" i="1"/>
  <c r="AF36741" i="1"/>
  <c r="AF36742" i="1"/>
  <c r="AF36743" i="1"/>
  <c r="AF36744" i="1"/>
  <c r="AF36745" i="1"/>
  <c r="AF36746" i="1"/>
  <c r="AF36747" i="1"/>
  <c r="AF36748" i="1"/>
  <c r="AF36749" i="1"/>
  <c r="AF36750" i="1"/>
  <c r="AF36751" i="1"/>
  <c r="AF36752" i="1"/>
  <c r="AF36753" i="1"/>
  <c r="AF36754" i="1"/>
  <c r="AF36755" i="1"/>
  <c r="AF36756" i="1"/>
  <c r="AF36757" i="1"/>
  <c r="AF36758" i="1"/>
  <c r="AF36759" i="1"/>
  <c r="AF36760" i="1"/>
  <c r="AF36761" i="1"/>
  <c r="AF36762" i="1"/>
  <c r="AF36763" i="1"/>
  <c r="AF36764" i="1"/>
  <c r="AF36765" i="1"/>
  <c r="AF36766" i="1"/>
  <c r="AF36767" i="1"/>
  <c r="AF36768" i="1"/>
  <c r="AF36769" i="1"/>
  <c r="AF36770" i="1"/>
  <c r="AF36771" i="1"/>
  <c r="AF36772" i="1"/>
  <c r="AF36773" i="1"/>
  <c r="AF36774" i="1"/>
  <c r="AF36775" i="1"/>
  <c r="AF36776" i="1"/>
  <c r="AF36777" i="1"/>
  <c r="AF36778" i="1"/>
  <c r="AF36779" i="1"/>
  <c r="AF36780" i="1"/>
  <c r="AF36781" i="1"/>
  <c r="AF36782" i="1"/>
  <c r="AF36783" i="1"/>
  <c r="AF36784" i="1"/>
  <c r="AF36785" i="1"/>
  <c r="AF36786" i="1"/>
  <c r="AF36787" i="1"/>
  <c r="AF36788" i="1"/>
  <c r="AF36789" i="1"/>
  <c r="AF36790" i="1"/>
  <c r="AF36791" i="1"/>
  <c r="AF36792" i="1"/>
  <c r="AF36793" i="1"/>
  <c r="AF36794" i="1"/>
  <c r="AF36795" i="1"/>
  <c r="AF36796" i="1"/>
  <c r="AF36797" i="1"/>
  <c r="AF36798" i="1"/>
  <c r="AF36799" i="1"/>
  <c r="AF36800" i="1"/>
  <c r="AF36801" i="1"/>
  <c r="AF36802" i="1"/>
  <c r="AF36803" i="1"/>
  <c r="AF36804" i="1"/>
  <c r="AF36805" i="1"/>
  <c r="AF36806" i="1"/>
  <c r="AF36807" i="1"/>
  <c r="AF36808" i="1"/>
  <c r="AF36809" i="1"/>
  <c r="AF36810" i="1"/>
  <c r="AF36811" i="1"/>
  <c r="AF36812" i="1"/>
  <c r="AF36813" i="1"/>
  <c r="AF36814" i="1"/>
  <c r="AF36815" i="1"/>
  <c r="AF36816" i="1"/>
  <c r="AF36817" i="1"/>
  <c r="AF36818" i="1"/>
  <c r="AF36819" i="1"/>
  <c r="AF36820" i="1"/>
  <c r="AF36821" i="1"/>
  <c r="AF36822" i="1"/>
  <c r="AF36823" i="1"/>
  <c r="AF36824" i="1"/>
  <c r="AF36825" i="1"/>
  <c r="AF36826" i="1"/>
  <c r="AF36827" i="1"/>
  <c r="AF36828" i="1"/>
  <c r="AF36829" i="1"/>
  <c r="AF36830" i="1"/>
  <c r="AF36831" i="1"/>
  <c r="AF36832" i="1"/>
  <c r="AF36833" i="1"/>
  <c r="AF36834" i="1"/>
  <c r="AF36835" i="1"/>
  <c r="AF36836" i="1"/>
  <c r="AF36837" i="1"/>
  <c r="AF36838" i="1"/>
  <c r="AF36839" i="1"/>
  <c r="AF36840" i="1"/>
  <c r="AF36841" i="1"/>
  <c r="AF36842" i="1"/>
  <c r="AF36843" i="1"/>
  <c r="AF36844" i="1"/>
  <c r="AF36845" i="1"/>
  <c r="AF36846" i="1"/>
  <c r="AF36847" i="1"/>
  <c r="AF36848" i="1"/>
  <c r="AF36849" i="1"/>
  <c r="AF36850" i="1"/>
  <c r="AF36851" i="1"/>
  <c r="AF36852" i="1"/>
  <c r="AF36853" i="1"/>
  <c r="AF36854" i="1"/>
  <c r="AF36855" i="1"/>
  <c r="AF36856" i="1"/>
  <c r="AF36857" i="1"/>
  <c r="AF36858" i="1"/>
  <c r="AF36859" i="1"/>
  <c r="AF36860" i="1"/>
  <c r="AF36861" i="1"/>
  <c r="AF36862" i="1"/>
  <c r="AF36863" i="1"/>
  <c r="AF36864" i="1"/>
  <c r="AF36865" i="1"/>
  <c r="AF36866" i="1"/>
  <c r="AF36867" i="1"/>
  <c r="AF36868" i="1"/>
  <c r="AF36869" i="1"/>
  <c r="AF36870" i="1"/>
  <c r="AF36871" i="1"/>
  <c r="AF36872" i="1"/>
  <c r="AF36873" i="1"/>
  <c r="AF36874" i="1"/>
  <c r="AF36875" i="1"/>
  <c r="AF36876" i="1"/>
  <c r="AF36877" i="1"/>
  <c r="AF36878" i="1"/>
  <c r="AF36879" i="1"/>
  <c r="AF36880" i="1"/>
  <c r="AF36881" i="1"/>
  <c r="AF36882" i="1"/>
  <c r="AF36883" i="1"/>
  <c r="AF36884" i="1"/>
  <c r="AF36885" i="1"/>
  <c r="AF36886" i="1"/>
  <c r="AF36887" i="1"/>
  <c r="AF36888" i="1"/>
  <c r="AF36889" i="1"/>
  <c r="AF36890" i="1"/>
  <c r="AF36891" i="1"/>
  <c r="AF36892" i="1"/>
  <c r="AF36893" i="1"/>
  <c r="AF36894" i="1"/>
  <c r="AF36895" i="1"/>
  <c r="AF36896" i="1"/>
  <c r="AF36897" i="1"/>
  <c r="AF36898" i="1"/>
  <c r="AF36899" i="1"/>
  <c r="AF36900" i="1"/>
  <c r="AF36901" i="1"/>
  <c r="AF36902" i="1"/>
  <c r="AF36903" i="1"/>
  <c r="AF36904" i="1"/>
  <c r="AF36905" i="1"/>
  <c r="AF36906" i="1"/>
  <c r="AF36907" i="1"/>
  <c r="AF36908" i="1"/>
  <c r="AF36909" i="1"/>
  <c r="AF36910" i="1"/>
  <c r="AF36911" i="1"/>
  <c r="AF36912" i="1"/>
  <c r="AF36913" i="1"/>
  <c r="AF36914" i="1"/>
  <c r="AF36915" i="1"/>
  <c r="AF36916" i="1"/>
  <c r="AF36917" i="1"/>
  <c r="AF36918" i="1"/>
  <c r="AF36919" i="1"/>
  <c r="AF36920" i="1"/>
  <c r="AF36921" i="1"/>
  <c r="AF36922" i="1"/>
  <c r="AF36923" i="1"/>
  <c r="AF36924" i="1"/>
  <c r="AF36925" i="1"/>
  <c r="AF36926" i="1"/>
  <c r="AF36927" i="1"/>
  <c r="AF36928" i="1"/>
  <c r="AF36929" i="1"/>
  <c r="AF36930" i="1"/>
  <c r="AF36931" i="1"/>
  <c r="AF36932" i="1"/>
  <c r="AF36933" i="1"/>
  <c r="AF36934" i="1"/>
  <c r="AF36935" i="1"/>
  <c r="AF36936" i="1"/>
  <c r="AF36937" i="1"/>
  <c r="AF36938" i="1"/>
  <c r="AF36939" i="1"/>
  <c r="AF36940" i="1"/>
  <c r="AF36941" i="1"/>
  <c r="AF36942" i="1"/>
  <c r="AF36943" i="1"/>
  <c r="AF36944" i="1"/>
  <c r="AF36945" i="1"/>
  <c r="AF36946" i="1"/>
  <c r="AF36947" i="1"/>
  <c r="AF36948" i="1"/>
  <c r="AF36949" i="1"/>
  <c r="AF36950" i="1"/>
  <c r="AF36951" i="1"/>
  <c r="AF36952" i="1"/>
  <c r="AF36953" i="1"/>
  <c r="AF36954" i="1"/>
  <c r="AF36955" i="1"/>
  <c r="AF36956" i="1"/>
  <c r="AF36957" i="1"/>
  <c r="AF36958" i="1"/>
  <c r="AF36959" i="1"/>
  <c r="AF36960" i="1"/>
  <c r="AF36961" i="1"/>
  <c r="AF36962" i="1"/>
  <c r="AF36963" i="1"/>
  <c r="AF36964" i="1"/>
  <c r="AF36965" i="1"/>
  <c r="AF36966" i="1"/>
  <c r="AF36967" i="1"/>
  <c r="AF36968" i="1"/>
  <c r="AF36969" i="1"/>
  <c r="AF36970" i="1"/>
  <c r="AF36971" i="1"/>
  <c r="AF36972" i="1"/>
  <c r="AF36973" i="1"/>
  <c r="AF36974" i="1"/>
  <c r="AF36975" i="1"/>
  <c r="AF36976" i="1"/>
  <c r="AF36977" i="1"/>
  <c r="AF36978" i="1"/>
  <c r="AF36979" i="1"/>
  <c r="AF36980" i="1"/>
  <c r="AF36981" i="1"/>
  <c r="AF36982" i="1"/>
  <c r="AF36983" i="1"/>
  <c r="AF36984" i="1"/>
  <c r="AF36985" i="1"/>
  <c r="AF36986" i="1"/>
  <c r="AF36987" i="1"/>
  <c r="AF36988" i="1"/>
  <c r="AF36989" i="1"/>
  <c r="AF36990" i="1"/>
  <c r="AF36991" i="1"/>
  <c r="AF36992" i="1"/>
  <c r="AF36993" i="1"/>
  <c r="AF36994" i="1"/>
  <c r="AF36995" i="1"/>
  <c r="AF36996" i="1"/>
  <c r="AF36997" i="1"/>
  <c r="AF36998" i="1"/>
  <c r="AF36999" i="1"/>
  <c r="AF37000" i="1"/>
  <c r="AF37001" i="1"/>
  <c r="AF37002" i="1"/>
  <c r="AF37003" i="1"/>
  <c r="AF37004" i="1"/>
  <c r="AF37005" i="1"/>
  <c r="AF37006" i="1"/>
  <c r="AF37007" i="1"/>
  <c r="AF37008" i="1"/>
  <c r="AF37009" i="1"/>
  <c r="AF37010" i="1"/>
  <c r="AF37011" i="1"/>
  <c r="AF37012" i="1"/>
  <c r="AF37013" i="1"/>
  <c r="AF37014" i="1"/>
  <c r="AF37015" i="1"/>
  <c r="AF37016" i="1"/>
  <c r="AF37017" i="1"/>
  <c r="AF37018" i="1"/>
  <c r="AF37019" i="1"/>
  <c r="AF37020" i="1"/>
  <c r="AF37021" i="1"/>
  <c r="AF37022" i="1"/>
  <c r="AF37023" i="1"/>
  <c r="AF37024" i="1"/>
  <c r="AF37025" i="1"/>
  <c r="AF37026" i="1"/>
  <c r="AF37027" i="1"/>
  <c r="AF37028" i="1"/>
  <c r="AF37029" i="1"/>
  <c r="AF37030" i="1"/>
  <c r="AF37031" i="1"/>
  <c r="AF37032" i="1"/>
  <c r="AF37033" i="1"/>
  <c r="AF37034" i="1"/>
  <c r="AF37035" i="1"/>
  <c r="AF37036" i="1"/>
  <c r="AF37037" i="1"/>
  <c r="AF37038" i="1"/>
  <c r="AF37039" i="1"/>
  <c r="AF37040" i="1"/>
  <c r="AF37041" i="1"/>
  <c r="AF37042" i="1"/>
  <c r="AF37043" i="1"/>
  <c r="AF37044" i="1"/>
  <c r="AF37045" i="1"/>
  <c r="AF37046" i="1"/>
  <c r="AF37047" i="1"/>
  <c r="AF37048" i="1"/>
  <c r="AF37049" i="1"/>
  <c r="AF37050" i="1"/>
  <c r="AF37051" i="1"/>
  <c r="AF37052" i="1"/>
  <c r="AF37053" i="1"/>
  <c r="AF37054" i="1"/>
  <c r="AF37055" i="1"/>
  <c r="AF37056" i="1"/>
  <c r="AF37057" i="1"/>
  <c r="AF37058" i="1"/>
  <c r="AF37059" i="1"/>
  <c r="AF37060" i="1"/>
  <c r="AF37061" i="1"/>
  <c r="AF37062" i="1"/>
  <c r="AF37063" i="1"/>
  <c r="AF37064" i="1"/>
  <c r="AF37065" i="1"/>
  <c r="AF37066" i="1"/>
  <c r="AF37067" i="1"/>
  <c r="AF37068" i="1"/>
  <c r="AF37069" i="1"/>
  <c r="AF37070" i="1"/>
  <c r="AF37071" i="1"/>
  <c r="AF37072" i="1"/>
  <c r="AF37073" i="1"/>
  <c r="AF37074" i="1"/>
  <c r="AF37075" i="1"/>
  <c r="AF37076" i="1"/>
  <c r="AF37077" i="1"/>
  <c r="AF37078" i="1"/>
  <c r="AF37079" i="1"/>
  <c r="AF37080" i="1"/>
  <c r="AF37081" i="1"/>
  <c r="AF37082" i="1"/>
  <c r="AF37083" i="1"/>
  <c r="AF37084" i="1"/>
  <c r="AF37085" i="1"/>
  <c r="AF37086" i="1"/>
  <c r="AF37087" i="1"/>
  <c r="AF37088" i="1"/>
  <c r="AF37089" i="1"/>
  <c r="AF37090" i="1"/>
  <c r="AF37091" i="1"/>
  <c r="AF37092" i="1"/>
  <c r="AF37093" i="1"/>
  <c r="AF37094" i="1"/>
  <c r="AF37095" i="1"/>
  <c r="AF37096" i="1"/>
  <c r="AF37097" i="1"/>
  <c r="AF37098" i="1"/>
  <c r="AF37099" i="1"/>
  <c r="AF37100" i="1"/>
  <c r="AF37101" i="1"/>
  <c r="AF37102" i="1"/>
  <c r="AF37103" i="1"/>
  <c r="AF37104" i="1"/>
  <c r="AF37105" i="1"/>
  <c r="AF37106" i="1"/>
  <c r="AF37107" i="1"/>
  <c r="AF37108" i="1"/>
  <c r="AF37109" i="1"/>
  <c r="AF37110" i="1"/>
  <c r="AF37111" i="1"/>
  <c r="AF37112" i="1"/>
  <c r="AF37113" i="1"/>
  <c r="AF37114" i="1"/>
  <c r="AF37115" i="1"/>
  <c r="AF37116" i="1"/>
  <c r="AF37117" i="1"/>
  <c r="AF37118" i="1"/>
  <c r="AF37119" i="1"/>
  <c r="AF37120" i="1"/>
  <c r="AF37121" i="1"/>
  <c r="AF37122" i="1"/>
  <c r="AF37123" i="1"/>
  <c r="AF37124" i="1"/>
  <c r="AF37125" i="1"/>
  <c r="AF37126" i="1"/>
  <c r="AF37127" i="1"/>
  <c r="AF37128" i="1"/>
  <c r="AF37129" i="1"/>
  <c r="AF37130" i="1"/>
  <c r="AF37131" i="1"/>
  <c r="AF37132" i="1"/>
  <c r="AF37133" i="1"/>
  <c r="AF37134" i="1"/>
  <c r="AF37135" i="1"/>
  <c r="AF37136" i="1"/>
  <c r="AF37137" i="1"/>
  <c r="AF37138" i="1"/>
  <c r="AF37139" i="1"/>
  <c r="AF37140" i="1"/>
  <c r="AF37141" i="1"/>
  <c r="AF37142" i="1"/>
  <c r="AF37143" i="1"/>
  <c r="AF37144" i="1"/>
  <c r="AF37145" i="1"/>
  <c r="AF37146" i="1"/>
  <c r="AF37147" i="1"/>
  <c r="AF37148" i="1"/>
  <c r="AF37149" i="1"/>
  <c r="AF37150" i="1"/>
  <c r="AF37151" i="1"/>
  <c r="AF37152" i="1"/>
  <c r="AF37153" i="1"/>
  <c r="AF37154" i="1"/>
  <c r="AF37155" i="1"/>
  <c r="AF37156" i="1"/>
  <c r="AF37157" i="1"/>
  <c r="AF37158" i="1"/>
  <c r="AF37159" i="1"/>
  <c r="AF37160" i="1"/>
  <c r="AF37161" i="1"/>
  <c r="AF37162" i="1"/>
  <c r="AF37163" i="1"/>
  <c r="AF37164" i="1"/>
  <c r="AF37165" i="1"/>
  <c r="AF37166" i="1"/>
  <c r="AF37167" i="1"/>
  <c r="AF37168" i="1"/>
  <c r="AF37169" i="1"/>
  <c r="AF37170" i="1"/>
  <c r="AF37171" i="1"/>
  <c r="AF37172" i="1"/>
  <c r="AF37173" i="1"/>
  <c r="AF37174" i="1"/>
  <c r="AF37175" i="1"/>
  <c r="AF37176" i="1"/>
  <c r="AF37177" i="1"/>
  <c r="AF37178" i="1"/>
  <c r="AF37179" i="1"/>
  <c r="AF37180" i="1"/>
  <c r="AF37181" i="1"/>
  <c r="AF37182" i="1"/>
  <c r="AF37183" i="1"/>
  <c r="AF37184" i="1"/>
  <c r="AF37185" i="1"/>
  <c r="AF37186" i="1"/>
  <c r="AF37187" i="1"/>
  <c r="AF37188" i="1"/>
  <c r="AF37189" i="1"/>
  <c r="AF37190" i="1"/>
  <c r="AF37191" i="1"/>
  <c r="AF37192" i="1"/>
  <c r="AF37193" i="1"/>
  <c r="AF37194" i="1"/>
  <c r="AF37195" i="1"/>
  <c r="AF37196" i="1"/>
  <c r="AF37197" i="1"/>
  <c r="AF37198" i="1"/>
  <c r="AF37199" i="1"/>
  <c r="AF37200" i="1"/>
  <c r="AF37201" i="1"/>
  <c r="AF37202" i="1"/>
  <c r="AF37203" i="1"/>
  <c r="AF37204" i="1"/>
  <c r="AF37205" i="1"/>
  <c r="AF37206" i="1"/>
  <c r="AF37207" i="1"/>
  <c r="AF37208" i="1"/>
  <c r="AF37209" i="1"/>
  <c r="AF37210" i="1"/>
  <c r="AF37211" i="1"/>
  <c r="AF37212" i="1"/>
  <c r="AF37213" i="1"/>
  <c r="AF37214" i="1"/>
  <c r="AF37215" i="1"/>
  <c r="AF37216" i="1"/>
  <c r="AF37217" i="1"/>
  <c r="AF37218" i="1"/>
  <c r="AF37219" i="1"/>
  <c r="AF37220" i="1"/>
  <c r="AF37221" i="1"/>
  <c r="AF37222" i="1"/>
  <c r="AF37223" i="1"/>
  <c r="AF37224" i="1"/>
  <c r="AF37225" i="1"/>
  <c r="AF37226" i="1"/>
  <c r="AF37227" i="1"/>
  <c r="AF37228" i="1"/>
  <c r="AF37229" i="1"/>
  <c r="AF37230" i="1"/>
  <c r="AF37231" i="1"/>
  <c r="AF37232" i="1"/>
  <c r="AF37233" i="1"/>
  <c r="AF37234" i="1"/>
  <c r="AF37235" i="1"/>
  <c r="AF37236" i="1"/>
  <c r="AF37237" i="1"/>
  <c r="AF37238" i="1"/>
  <c r="AF37239" i="1"/>
  <c r="AF37240" i="1"/>
  <c r="AF37241" i="1"/>
  <c r="AF37242" i="1"/>
  <c r="AF37243" i="1"/>
  <c r="AF37244" i="1"/>
  <c r="AF37245" i="1"/>
  <c r="AF37246" i="1"/>
  <c r="AF37247" i="1"/>
  <c r="AF37248" i="1"/>
  <c r="AF37249" i="1"/>
  <c r="AF37250" i="1"/>
  <c r="AF37251" i="1"/>
  <c r="AF37252" i="1"/>
  <c r="AF37253" i="1"/>
  <c r="AF37254" i="1"/>
  <c r="AF37255" i="1"/>
  <c r="AF37256" i="1"/>
  <c r="AF37257" i="1"/>
  <c r="AF37258" i="1"/>
  <c r="AF37259" i="1"/>
  <c r="AF37260" i="1"/>
  <c r="AF37261" i="1"/>
  <c r="AF37262" i="1"/>
  <c r="AF37263" i="1"/>
  <c r="AF37264" i="1"/>
  <c r="AF37265" i="1"/>
  <c r="AF37266" i="1"/>
  <c r="AF37267" i="1"/>
  <c r="AF37268" i="1"/>
  <c r="AF37269" i="1"/>
  <c r="AF37270" i="1"/>
  <c r="AF37271" i="1"/>
  <c r="AF37272" i="1"/>
  <c r="AF37273" i="1"/>
  <c r="AF37274" i="1"/>
  <c r="AF37275" i="1"/>
  <c r="AF37276" i="1"/>
  <c r="AF37277" i="1"/>
  <c r="AF37278" i="1"/>
  <c r="AF37279" i="1"/>
  <c r="AF37280" i="1"/>
  <c r="AF37281" i="1"/>
  <c r="AF37282" i="1"/>
  <c r="AF37283" i="1"/>
  <c r="AF37284" i="1"/>
  <c r="AF37285" i="1"/>
  <c r="AF37286" i="1"/>
  <c r="AF37287" i="1"/>
  <c r="AF37288" i="1"/>
  <c r="AF37289" i="1"/>
  <c r="AF37290" i="1"/>
  <c r="AF37291" i="1"/>
  <c r="AF37292" i="1"/>
  <c r="AF37293" i="1"/>
  <c r="AF37294" i="1"/>
  <c r="AF37295" i="1"/>
  <c r="AF37296" i="1"/>
  <c r="AF37297" i="1"/>
  <c r="AF37298" i="1"/>
  <c r="AF37299" i="1"/>
  <c r="AF37300" i="1"/>
  <c r="AF37301" i="1"/>
  <c r="AF37302" i="1"/>
  <c r="AF37303" i="1"/>
  <c r="AF37304" i="1"/>
  <c r="AF37305" i="1"/>
  <c r="AF37306" i="1"/>
  <c r="AF37307" i="1"/>
  <c r="AF37308" i="1"/>
  <c r="AF37309" i="1"/>
  <c r="AF37310" i="1"/>
  <c r="AF37311" i="1"/>
  <c r="AF37312" i="1"/>
  <c r="AF37313" i="1"/>
  <c r="AF37314" i="1"/>
  <c r="AF37315" i="1"/>
  <c r="AF37316" i="1"/>
  <c r="AF37317" i="1"/>
  <c r="AF37318" i="1"/>
  <c r="AF37319" i="1"/>
  <c r="AF37320" i="1"/>
  <c r="AF37321" i="1"/>
  <c r="AF37322" i="1"/>
  <c r="AF37323" i="1"/>
  <c r="AF37324" i="1"/>
  <c r="AF37325" i="1"/>
  <c r="AF37326" i="1"/>
  <c r="AF37327" i="1"/>
  <c r="AF37328" i="1"/>
  <c r="AF37329" i="1"/>
  <c r="AF37330" i="1"/>
  <c r="AF37331" i="1"/>
  <c r="AF37332" i="1"/>
  <c r="AF37333" i="1"/>
  <c r="AF37334" i="1"/>
  <c r="AF37335" i="1"/>
  <c r="AF37336" i="1"/>
  <c r="AF37337" i="1"/>
  <c r="AF37338" i="1"/>
  <c r="AF37339" i="1"/>
  <c r="AF37340" i="1"/>
  <c r="AF37341" i="1"/>
  <c r="AF37342" i="1"/>
  <c r="AF37343" i="1"/>
  <c r="AF37344" i="1"/>
  <c r="AF37345" i="1"/>
  <c r="AF37346" i="1"/>
  <c r="AF37347" i="1"/>
  <c r="AF37348" i="1"/>
  <c r="AF37349" i="1"/>
  <c r="AF37350" i="1"/>
  <c r="AF37351" i="1"/>
  <c r="AF37352" i="1"/>
  <c r="AF37353" i="1"/>
  <c r="AF37354" i="1"/>
  <c r="AF37355" i="1"/>
  <c r="AF37356" i="1"/>
  <c r="AF37357" i="1"/>
  <c r="AF37358" i="1"/>
  <c r="AF37359" i="1"/>
  <c r="AF37360" i="1"/>
  <c r="AF37361" i="1"/>
  <c r="AF37362" i="1"/>
  <c r="AF37363" i="1"/>
  <c r="AF37364" i="1"/>
  <c r="AF37365" i="1"/>
  <c r="AF37366" i="1"/>
  <c r="AF37367" i="1"/>
  <c r="AF37368" i="1"/>
  <c r="AF37369" i="1"/>
  <c r="AF37370" i="1"/>
  <c r="AF37371" i="1"/>
  <c r="AF37372" i="1"/>
  <c r="AF37373" i="1"/>
  <c r="AF37374" i="1"/>
  <c r="AF37375" i="1"/>
  <c r="AF37376" i="1"/>
  <c r="AF37377" i="1"/>
  <c r="AF37378" i="1"/>
  <c r="AF37379" i="1"/>
  <c r="AF37380" i="1"/>
  <c r="AF37381" i="1"/>
  <c r="AF37382" i="1"/>
  <c r="AF37383" i="1"/>
  <c r="AF37384" i="1"/>
  <c r="AF37385" i="1"/>
  <c r="AF37386" i="1"/>
  <c r="AF37387" i="1"/>
  <c r="AF37388" i="1"/>
  <c r="AF37389" i="1"/>
  <c r="AF37390" i="1"/>
  <c r="AF37391" i="1"/>
  <c r="AF37392" i="1"/>
  <c r="AF37393" i="1"/>
  <c r="AF37394" i="1"/>
  <c r="AF37395" i="1"/>
  <c r="AF37396" i="1"/>
  <c r="AF37397" i="1"/>
  <c r="AF37398" i="1"/>
  <c r="AF37399" i="1"/>
  <c r="AF37400" i="1"/>
  <c r="AF37401" i="1"/>
  <c r="AF37402" i="1"/>
  <c r="AF37403" i="1"/>
  <c r="AF37404" i="1"/>
  <c r="AF37405" i="1"/>
  <c r="AF37406" i="1"/>
  <c r="AF37407" i="1"/>
  <c r="AF37408" i="1"/>
  <c r="AF37409" i="1"/>
  <c r="AF37410" i="1"/>
  <c r="AF37411" i="1"/>
  <c r="AF37412" i="1"/>
  <c r="AF37413" i="1"/>
  <c r="AF37414" i="1"/>
  <c r="AF37415" i="1"/>
  <c r="AF37416" i="1"/>
  <c r="AF37417" i="1"/>
  <c r="AF37418" i="1"/>
  <c r="AF37419" i="1"/>
  <c r="AF37420" i="1"/>
  <c r="AF37421" i="1"/>
  <c r="AF37422" i="1"/>
  <c r="AF37423" i="1"/>
  <c r="AF37424" i="1"/>
  <c r="AF37425" i="1"/>
  <c r="AF37426" i="1"/>
  <c r="AF37427" i="1"/>
  <c r="AF37428" i="1"/>
  <c r="AF37429" i="1"/>
  <c r="AF37430" i="1"/>
  <c r="AF37431" i="1"/>
  <c r="AF37432" i="1"/>
  <c r="AF37433" i="1"/>
  <c r="AF37434" i="1"/>
  <c r="AF37435" i="1"/>
  <c r="AF37436" i="1"/>
  <c r="AF37437" i="1"/>
  <c r="AF37438" i="1"/>
  <c r="AF37439" i="1"/>
  <c r="AF37440" i="1"/>
  <c r="AF37441" i="1"/>
  <c r="AF37442" i="1"/>
  <c r="AF37443" i="1"/>
  <c r="AF37444" i="1"/>
  <c r="AF37445" i="1"/>
  <c r="AF37446" i="1"/>
  <c r="AF37447" i="1"/>
  <c r="AF37448" i="1"/>
  <c r="AF37449" i="1"/>
  <c r="AF37450" i="1"/>
  <c r="AF37451" i="1"/>
  <c r="AF37452" i="1"/>
  <c r="AF37453" i="1"/>
  <c r="AF37454" i="1"/>
  <c r="AF37455" i="1"/>
  <c r="AF37456" i="1"/>
  <c r="AF37457" i="1"/>
  <c r="AF37458" i="1"/>
  <c r="AF37459" i="1"/>
  <c r="AF37460" i="1"/>
  <c r="AF37461" i="1"/>
  <c r="AF37462" i="1"/>
  <c r="AF37463" i="1"/>
  <c r="AF37464" i="1"/>
  <c r="AF37465" i="1"/>
  <c r="AF37466" i="1"/>
  <c r="AF37467" i="1"/>
  <c r="AF37468" i="1"/>
  <c r="AF37469" i="1"/>
  <c r="AF37470" i="1"/>
  <c r="AF37471" i="1"/>
  <c r="AF37472" i="1"/>
  <c r="AF37473" i="1"/>
  <c r="AF37474" i="1"/>
  <c r="AF37475" i="1"/>
  <c r="AF37476" i="1"/>
  <c r="AF37477" i="1"/>
  <c r="AF37478" i="1"/>
  <c r="AF37479" i="1"/>
  <c r="AF37480" i="1"/>
  <c r="AF37481" i="1"/>
  <c r="AF37482" i="1"/>
  <c r="AF37483" i="1"/>
  <c r="AF37484" i="1"/>
  <c r="AF37485" i="1"/>
  <c r="AF37486" i="1"/>
  <c r="AF37487" i="1"/>
  <c r="AF37488" i="1"/>
  <c r="AF37489" i="1"/>
  <c r="AF37490" i="1"/>
  <c r="AF37491" i="1"/>
  <c r="AF37492" i="1"/>
  <c r="AF37493" i="1"/>
  <c r="AF37494" i="1"/>
  <c r="AF37495" i="1"/>
  <c r="AF37496" i="1"/>
  <c r="AF37497" i="1"/>
  <c r="AF37498" i="1"/>
  <c r="AF37499" i="1"/>
  <c r="AF37500" i="1"/>
  <c r="AF37501" i="1"/>
  <c r="AF37502" i="1"/>
  <c r="AF37503" i="1"/>
  <c r="AF37504" i="1"/>
  <c r="AF37505" i="1"/>
  <c r="AF37506" i="1"/>
  <c r="AF37507" i="1"/>
  <c r="AF37508" i="1"/>
  <c r="AF37509" i="1"/>
  <c r="AF37510" i="1"/>
  <c r="AF37511" i="1"/>
  <c r="AF37512" i="1"/>
  <c r="AF37513" i="1"/>
  <c r="AF37514" i="1"/>
  <c r="AF37515" i="1"/>
  <c r="AF37516" i="1"/>
  <c r="AF37517" i="1"/>
  <c r="AF37518" i="1"/>
  <c r="AF37519" i="1"/>
  <c r="AF37520" i="1"/>
  <c r="AF37521" i="1"/>
  <c r="AF37522" i="1"/>
  <c r="AF37523" i="1"/>
  <c r="AF37524" i="1"/>
  <c r="AF37525" i="1"/>
  <c r="AF37526" i="1"/>
  <c r="AF37527" i="1"/>
  <c r="AF37528" i="1"/>
  <c r="AF37529" i="1"/>
  <c r="AF37530" i="1"/>
  <c r="AF37531" i="1"/>
  <c r="AF37532" i="1"/>
  <c r="AF37533" i="1"/>
  <c r="AF37534" i="1"/>
  <c r="AF37535" i="1"/>
  <c r="AF37536" i="1"/>
  <c r="AF37537" i="1"/>
  <c r="AF37538" i="1"/>
  <c r="AF37539" i="1"/>
  <c r="AF37540" i="1"/>
  <c r="AF37541" i="1"/>
  <c r="AF37542" i="1"/>
  <c r="AF37543" i="1"/>
  <c r="AF37544" i="1"/>
  <c r="AF37545" i="1"/>
  <c r="AF37546" i="1"/>
  <c r="AF37547" i="1"/>
  <c r="AF37548" i="1"/>
  <c r="AF37549" i="1"/>
  <c r="AF37550" i="1"/>
  <c r="AF37551" i="1"/>
  <c r="AF37552" i="1"/>
  <c r="AF37553" i="1"/>
  <c r="AF37554" i="1"/>
  <c r="AF37555" i="1"/>
  <c r="AF37556" i="1"/>
  <c r="AF37557" i="1"/>
  <c r="AF37558" i="1"/>
  <c r="AF37559" i="1"/>
  <c r="AF37560" i="1"/>
  <c r="AF37561" i="1"/>
  <c r="AF37562" i="1"/>
  <c r="AF37563" i="1"/>
  <c r="AF37564" i="1"/>
  <c r="AF37565" i="1"/>
  <c r="AF37566" i="1"/>
  <c r="AF37567" i="1"/>
  <c r="AF37568" i="1"/>
  <c r="AF37569" i="1"/>
  <c r="AF37570" i="1"/>
  <c r="AF37571" i="1"/>
  <c r="AF37572" i="1"/>
  <c r="AF37573" i="1"/>
  <c r="AF37574" i="1"/>
  <c r="AF37575" i="1"/>
  <c r="AF37576" i="1"/>
  <c r="AF37577" i="1"/>
  <c r="AF37578" i="1"/>
  <c r="AF37579" i="1"/>
  <c r="AF37580" i="1"/>
  <c r="AF37581" i="1"/>
  <c r="AF37582" i="1"/>
  <c r="AF37583" i="1"/>
  <c r="AF37584" i="1"/>
  <c r="AF37585" i="1"/>
  <c r="AF37586" i="1"/>
  <c r="AF37587" i="1"/>
  <c r="AF37588" i="1"/>
  <c r="AF37589" i="1"/>
  <c r="AF37590" i="1"/>
  <c r="AF37591" i="1"/>
  <c r="AF37592" i="1"/>
  <c r="AF37593" i="1"/>
  <c r="AF37594" i="1"/>
  <c r="AF37595" i="1"/>
  <c r="AF37596" i="1"/>
  <c r="AF37597" i="1"/>
  <c r="AF37598" i="1"/>
  <c r="AF37599" i="1"/>
  <c r="AF37600" i="1"/>
  <c r="AF37601" i="1"/>
  <c r="AF37602" i="1"/>
  <c r="AF37603" i="1"/>
  <c r="AF37604" i="1"/>
  <c r="AF37605" i="1"/>
  <c r="AF37606" i="1"/>
  <c r="AF37607" i="1"/>
  <c r="AF37608" i="1"/>
  <c r="AF37609" i="1"/>
  <c r="AF37610" i="1"/>
  <c r="AF37611" i="1"/>
  <c r="AF37612" i="1"/>
  <c r="AF37613" i="1"/>
  <c r="AF37614" i="1"/>
  <c r="AF37615" i="1"/>
  <c r="AF37616" i="1"/>
  <c r="AF37617" i="1"/>
  <c r="AF37618" i="1"/>
  <c r="AF37619" i="1"/>
  <c r="AF37620" i="1"/>
  <c r="AF37621" i="1"/>
  <c r="AF37622" i="1"/>
  <c r="AF37623" i="1"/>
  <c r="AF37624" i="1"/>
  <c r="AF37625" i="1"/>
  <c r="AF37626" i="1"/>
  <c r="AF37627" i="1"/>
  <c r="AF37628" i="1"/>
  <c r="AF37629" i="1"/>
  <c r="AF37630" i="1"/>
  <c r="AF37631" i="1"/>
  <c r="AF37632" i="1"/>
  <c r="AF37633" i="1"/>
  <c r="AF37634" i="1"/>
  <c r="AF37635" i="1"/>
  <c r="AF37636" i="1"/>
  <c r="AF37637" i="1"/>
  <c r="AF37638" i="1"/>
  <c r="AF37639" i="1"/>
  <c r="AF37640" i="1"/>
  <c r="AF37641" i="1"/>
  <c r="AF37642" i="1"/>
  <c r="AF37643" i="1"/>
  <c r="AF37644" i="1"/>
  <c r="AF37645" i="1"/>
  <c r="AF37646" i="1"/>
  <c r="AF37647" i="1"/>
  <c r="AF37648" i="1"/>
  <c r="AF37649" i="1"/>
  <c r="AF37650" i="1"/>
  <c r="AF37651" i="1"/>
  <c r="AF37652" i="1"/>
  <c r="AF37653" i="1"/>
  <c r="AF37654" i="1"/>
  <c r="AF37655" i="1"/>
  <c r="AF37656" i="1"/>
  <c r="AF37657" i="1"/>
  <c r="AF37658" i="1"/>
  <c r="AF37659" i="1"/>
  <c r="AF37660" i="1"/>
  <c r="AF37661" i="1"/>
  <c r="AF37662" i="1"/>
  <c r="AF37663" i="1"/>
  <c r="AF37664" i="1"/>
  <c r="AF37665" i="1"/>
  <c r="AF37666" i="1"/>
  <c r="AF37667" i="1"/>
  <c r="AF37668" i="1"/>
  <c r="AF37669" i="1"/>
  <c r="AF37670" i="1"/>
  <c r="AF37671" i="1"/>
  <c r="AF37672" i="1"/>
  <c r="AF37673" i="1"/>
  <c r="AF37674" i="1"/>
  <c r="AF37675" i="1"/>
  <c r="AF37676" i="1"/>
  <c r="AF37677" i="1"/>
  <c r="AF37678" i="1"/>
  <c r="AF37679" i="1"/>
  <c r="AF37680" i="1"/>
  <c r="AF37681" i="1"/>
  <c r="AF37682" i="1"/>
  <c r="AF37683" i="1"/>
  <c r="AF37684" i="1"/>
  <c r="AF37685" i="1"/>
  <c r="AF37686" i="1"/>
  <c r="AF37687" i="1"/>
  <c r="AF37688" i="1"/>
  <c r="AF37689" i="1"/>
  <c r="AF37690" i="1"/>
  <c r="AF37691" i="1"/>
  <c r="AF37692" i="1"/>
  <c r="AF37693" i="1"/>
  <c r="AF37694" i="1"/>
  <c r="AF37695" i="1"/>
  <c r="AF37696" i="1"/>
  <c r="AF37697" i="1"/>
  <c r="AF37698" i="1"/>
  <c r="AF37699" i="1"/>
  <c r="AF37700" i="1"/>
  <c r="AF37701" i="1"/>
  <c r="AF37702" i="1"/>
  <c r="AF37703" i="1"/>
  <c r="AF37704" i="1"/>
  <c r="AF37705" i="1"/>
  <c r="AF37706" i="1"/>
  <c r="AF37707" i="1"/>
  <c r="AF37708" i="1"/>
  <c r="AF37709" i="1"/>
  <c r="AF37710" i="1"/>
  <c r="AF37711" i="1"/>
  <c r="AF37712" i="1"/>
  <c r="AF37713" i="1"/>
  <c r="AF37714" i="1"/>
  <c r="AF37715" i="1"/>
  <c r="AF37716" i="1"/>
  <c r="AF37717" i="1"/>
  <c r="AF37718" i="1"/>
  <c r="AF37719" i="1"/>
  <c r="AF37720" i="1"/>
  <c r="AF37721" i="1"/>
  <c r="AF37722" i="1"/>
  <c r="AF37723" i="1"/>
  <c r="AF37724" i="1"/>
  <c r="AF37725" i="1"/>
  <c r="AF37726" i="1"/>
  <c r="AF37727" i="1"/>
  <c r="AF37728" i="1"/>
  <c r="AF37729" i="1"/>
  <c r="AF37730" i="1"/>
  <c r="AF37731" i="1"/>
  <c r="AF37732" i="1"/>
  <c r="AF37733" i="1"/>
  <c r="AF37734" i="1"/>
  <c r="AF37735" i="1"/>
  <c r="AF37736" i="1"/>
  <c r="AF37737" i="1"/>
  <c r="AF37738" i="1"/>
  <c r="AF37739" i="1"/>
  <c r="AF37740" i="1"/>
  <c r="AF37741" i="1"/>
  <c r="AF37742" i="1"/>
  <c r="AF37743" i="1"/>
  <c r="AF37744" i="1"/>
  <c r="AF37745" i="1"/>
  <c r="AF37746" i="1"/>
  <c r="AF37747" i="1"/>
  <c r="AF37748" i="1"/>
  <c r="AF37749" i="1"/>
  <c r="AF37750" i="1"/>
  <c r="AF37751" i="1"/>
  <c r="AF37752" i="1"/>
  <c r="AF37753" i="1"/>
  <c r="AF37754" i="1"/>
  <c r="AF37755" i="1"/>
  <c r="AF37756" i="1"/>
  <c r="AF37757" i="1"/>
  <c r="AF37758" i="1"/>
  <c r="AF37759" i="1"/>
  <c r="AF37760" i="1"/>
  <c r="AF37761" i="1"/>
  <c r="AF37762" i="1"/>
  <c r="AF37763" i="1"/>
  <c r="AF37764" i="1"/>
  <c r="AF37765" i="1"/>
  <c r="AF37766" i="1"/>
  <c r="AF37767" i="1"/>
  <c r="AF37768" i="1"/>
  <c r="AF37769" i="1"/>
  <c r="AF37770" i="1"/>
  <c r="AF37771" i="1"/>
  <c r="AF37772" i="1"/>
  <c r="AF37773" i="1"/>
  <c r="AF37774" i="1"/>
  <c r="AF37775" i="1"/>
  <c r="AF37776" i="1"/>
  <c r="AF37777" i="1"/>
  <c r="AF37778" i="1"/>
  <c r="AF37779" i="1"/>
  <c r="AF37780" i="1"/>
  <c r="AF37781" i="1"/>
  <c r="AF37782" i="1"/>
  <c r="AF37783" i="1"/>
  <c r="AF37784" i="1"/>
  <c r="AF37785" i="1"/>
  <c r="AF37786" i="1"/>
  <c r="AF37787" i="1"/>
  <c r="AF37788" i="1"/>
  <c r="AF37789" i="1"/>
  <c r="AF37790" i="1"/>
  <c r="AF37791" i="1"/>
  <c r="AF37792" i="1"/>
  <c r="AF37793" i="1"/>
  <c r="AF37794" i="1"/>
  <c r="AF37795" i="1"/>
  <c r="AF37796" i="1"/>
  <c r="AF37797" i="1"/>
  <c r="AF37798" i="1"/>
  <c r="AF37799" i="1"/>
  <c r="AF37800" i="1"/>
  <c r="AF37801" i="1"/>
  <c r="AF37802" i="1"/>
  <c r="AF37803" i="1"/>
  <c r="AF37804" i="1"/>
  <c r="AF37805" i="1"/>
  <c r="AF37806" i="1"/>
  <c r="AF37807" i="1"/>
  <c r="AF37808" i="1"/>
  <c r="AF37809" i="1"/>
  <c r="AF37810" i="1"/>
  <c r="AF37811" i="1"/>
  <c r="AF37812" i="1"/>
  <c r="AF37813" i="1"/>
  <c r="AF37814" i="1"/>
  <c r="AF37815" i="1"/>
  <c r="AF37816" i="1"/>
  <c r="AF37817" i="1"/>
  <c r="AF37818" i="1"/>
  <c r="AF37819" i="1"/>
  <c r="AF37820" i="1"/>
  <c r="AF37821" i="1"/>
  <c r="AF37822" i="1"/>
  <c r="AF37823" i="1"/>
  <c r="AF37824" i="1"/>
  <c r="AF37825" i="1"/>
  <c r="AF37826" i="1"/>
  <c r="AF37827" i="1"/>
  <c r="AF37828" i="1"/>
  <c r="AF37829" i="1"/>
  <c r="AF37830" i="1"/>
  <c r="AF37831" i="1"/>
  <c r="AF37832" i="1"/>
  <c r="AF37833" i="1"/>
  <c r="AF37834" i="1"/>
  <c r="AF37835" i="1"/>
  <c r="AF37836" i="1"/>
  <c r="AF37837" i="1"/>
  <c r="AF37838" i="1"/>
  <c r="AF37839" i="1"/>
  <c r="AF37840" i="1"/>
  <c r="AF37841" i="1"/>
  <c r="AF37842" i="1"/>
  <c r="AF37843" i="1"/>
  <c r="AF37844" i="1"/>
  <c r="AF37845" i="1"/>
  <c r="AF37846" i="1"/>
  <c r="AF37847" i="1"/>
  <c r="AF37848" i="1"/>
  <c r="AF37849" i="1"/>
  <c r="AF37850" i="1"/>
  <c r="AF37851" i="1"/>
  <c r="AF37852" i="1"/>
  <c r="AF37853" i="1"/>
  <c r="AF37854" i="1"/>
  <c r="AF37855" i="1"/>
  <c r="AF37856" i="1"/>
  <c r="AF37857" i="1"/>
  <c r="AF37858" i="1"/>
  <c r="AF37859" i="1"/>
  <c r="AF37860" i="1"/>
  <c r="AF37861" i="1"/>
  <c r="AF37862" i="1"/>
  <c r="AF37863" i="1"/>
  <c r="AF37864" i="1"/>
  <c r="AF37865" i="1"/>
  <c r="AF37866" i="1"/>
  <c r="AF37867" i="1"/>
  <c r="AF37868" i="1"/>
  <c r="AF37869" i="1"/>
  <c r="AF37870" i="1"/>
  <c r="AF37871" i="1"/>
  <c r="AF37872" i="1"/>
  <c r="AF37873" i="1"/>
  <c r="AF37874" i="1"/>
  <c r="AF37875" i="1"/>
  <c r="AF37876" i="1"/>
  <c r="AF37877" i="1"/>
  <c r="AF37878" i="1"/>
  <c r="AF37879" i="1"/>
  <c r="AF37880" i="1"/>
  <c r="AF37881" i="1"/>
  <c r="AF37882" i="1"/>
  <c r="AF37883" i="1"/>
  <c r="AF37884" i="1"/>
  <c r="AF37885" i="1"/>
  <c r="AF37886" i="1"/>
  <c r="AF37887" i="1"/>
  <c r="AF37888" i="1"/>
  <c r="AF37889" i="1"/>
  <c r="AF37890" i="1"/>
  <c r="AF37891" i="1"/>
  <c r="AF37892" i="1"/>
  <c r="AF37893" i="1"/>
  <c r="AF37894" i="1"/>
  <c r="AF37895" i="1"/>
  <c r="AF37896" i="1"/>
  <c r="AF37897" i="1"/>
  <c r="AF37898" i="1"/>
  <c r="AF37899" i="1"/>
  <c r="AF37900" i="1"/>
  <c r="AF37901" i="1"/>
  <c r="AF37902" i="1"/>
  <c r="AF37903" i="1"/>
  <c r="AF37904" i="1"/>
  <c r="AF37905" i="1"/>
  <c r="AF37906" i="1"/>
  <c r="AF37907" i="1"/>
  <c r="AF37908" i="1"/>
  <c r="AF37909" i="1"/>
  <c r="AF37910" i="1"/>
  <c r="AF37911" i="1"/>
  <c r="AF37912" i="1"/>
  <c r="AF37913" i="1"/>
  <c r="AF37914" i="1"/>
  <c r="AF37915" i="1"/>
  <c r="AF37916" i="1"/>
  <c r="AF37917" i="1"/>
  <c r="AF37918" i="1"/>
  <c r="AF37919" i="1"/>
  <c r="AF37920" i="1"/>
  <c r="AF37921" i="1"/>
  <c r="AF37922" i="1"/>
  <c r="AF37923" i="1"/>
  <c r="AF37924" i="1"/>
  <c r="AF37925" i="1"/>
  <c r="AF37926" i="1"/>
  <c r="AF37927" i="1"/>
  <c r="AF37928" i="1"/>
  <c r="AF37929" i="1"/>
  <c r="AF37930" i="1"/>
  <c r="AF37931" i="1"/>
  <c r="AF37932" i="1"/>
  <c r="AF37933" i="1"/>
  <c r="AF37934" i="1"/>
  <c r="AF37935" i="1"/>
  <c r="AF37936" i="1"/>
  <c r="AF37937" i="1"/>
  <c r="AF37938" i="1"/>
  <c r="AF37939" i="1"/>
  <c r="AF37940" i="1"/>
  <c r="AF37941" i="1"/>
  <c r="AF37942" i="1"/>
  <c r="AF37943" i="1"/>
  <c r="AF37944" i="1"/>
  <c r="AF37945" i="1"/>
  <c r="AF37946" i="1"/>
  <c r="AF37947" i="1"/>
  <c r="AF37948" i="1"/>
  <c r="AF37949" i="1"/>
  <c r="AF37950" i="1"/>
  <c r="AF37951" i="1"/>
  <c r="AF37952" i="1"/>
  <c r="AF37953" i="1"/>
  <c r="AF37954" i="1"/>
  <c r="AF37955" i="1"/>
  <c r="AF37956" i="1"/>
  <c r="AF37957" i="1"/>
  <c r="AF37958" i="1"/>
  <c r="AF37959" i="1"/>
  <c r="AF37960" i="1"/>
  <c r="AF37961" i="1"/>
  <c r="AF37962" i="1"/>
  <c r="AF37963" i="1"/>
  <c r="AF37964" i="1"/>
  <c r="AF37965" i="1"/>
  <c r="AF37966" i="1"/>
  <c r="AF37967" i="1"/>
  <c r="AF37968" i="1"/>
  <c r="AF37969" i="1"/>
  <c r="AF37970" i="1"/>
  <c r="AF37971" i="1"/>
  <c r="AF37972" i="1"/>
  <c r="AF37973" i="1"/>
  <c r="AF37974" i="1"/>
  <c r="AF37975" i="1"/>
  <c r="AF37976" i="1"/>
  <c r="AF37977" i="1"/>
  <c r="AF37978" i="1"/>
  <c r="AF37979" i="1"/>
  <c r="AF37980" i="1"/>
  <c r="AF37981" i="1"/>
  <c r="AF37982" i="1"/>
  <c r="AF37983" i="1"/>
  <c r="AF37984" i="1"/>
  <c r="AF37985" i="1"/>
  <c r="AF37986" i="1"/>
  <c r="AF37987" i="1"/>
  <c r="AF37988" i="1"/>
  <c r="AF37989" i="1"/>
  <c r="AF37990" i="1"/>
  <c r="AF37991" i="1"/>
  <c r="AF37992" i="1"/>
  <c r="AF37993" i="1"/>
  <c r="AF37994" i="1"/>
  <c r="AF37995" i="1"/>
  <c r="AF37996" i="1"/>
  <c r="AF37997" i="1"/>
  <c r="AF37998" i="1"/>
  <c r="AF37999" i="1"/>
  <c r="AF38000" i="1"/>
  <c r="AF38001" i="1"/>
  <c r="AF38002" i="1"/>
  <c r="AF38003" i="1"/>
  <c r="AF38004" i="1"/>
  <c r="AF38005" i="1"/>
  <c r="AF38006" i="1"/>
  <c r="AF38007" i="1"/>
  <c r="AF38008" i="1"/>
  <c r="AF38009" i="1"/>
  <c r="AF38010" i="1"/>
  <c r="AF38011" i="1"/>
  <c r="AF38012" i="1"/>
  <c r="AF38013" i="1"/>
  <c r="AF38014" i="1"/>
  <c r="AF38015" i="1"/>
  <c r="AF38016" i="1"/>
  <c r="AF38017" i="1"/>
  <c r="AF38018" i="1"/>
  <c r="AF38019" i="1"/>
  <c r="AF38020" i="1"/>
  <c r="AF38021" i="1"/>
  <c r="AF38022" i="1"/>
  <c r="AF38023" i="1"/>
  <c r="AF38024" i="1"/>
  <c r="AF38025" i="1"/>
  <c r="AF38026" i="1"/>
  <c r="AF38027" i="1"/>
  <c r="AF38028" i="1"/>
  <c r="AF38029" i="1"/>
  <c r="AF38030" i="1"/>
  <c r="AF38031" i="1"/>
  <c r="AF38032" i="1"/>
  <c r="AF38033" i="1"/>
  <c r="AF38034" i="1"/>
  <c r="AF38035" i="1"/>
  <c r="AF38036" i="1"/>
  <c r="AF38037" i="1"/>
  <c r="AF38038" i="1"/>
  <c r="AF38039" i="1"/>
  <c r="AF38040" i="1"/>
  <c r="AF38041" i="1"/>
  <c r="AF38042" i="1"/>
  <c r="AF38043" i="1"/>
  <c r="AF38044" i="1"/>
  <c r="AF38045" i="1"/>
  <c r="AF38046" i="1"/>
  <c r="AF38047" i="1"/>
  <c r="AF38048" i="1"/>
  <c r="AF38049" i="1"/>
  <c r="AF38050" i="1"/>
  <c r="AF38051" i="1"/>
  <c r="AF38052" i="1"/>
  <c r="AF38053" i="1"/>
  <c r="AF38054" i="1"/>
  <c r="AF38055" i="1"/>
  <c r="AF38056" i="1"/>
  <c r="AF38057" i="1"/>
  <c r="AF38058" i="1"/>
  <c r="AF38059" i="1"/>
  <c r="AF38060" i="1"/>
  <c r="AF38061" i="1"/>
  <c r="AF38062" i="1"/>
  <c r="AF38063" i="1"/>
  <c r="AF38064" i="1"/>
  <c r="AF38065" i="1"/>
  <c r="AF38066" i="1"/>
  <c r="AF38067" i="1"/>
  <c r="AF38068" i="1"/>
  <c r="AF38069" i="1"/>
  <c r="AF38070" i="1"/>
  <c r="AF38071" i="1"/>
  <c r="AF38072" i="1"/>
  <c r="AF38073" i="1"/>
  <c r="AF38074" i="1"/>
  <c r="AF38075" i="1"/>
  <c r="AF38076" i="1"/>
  <c r="AF38077" i="1"/>
  <c r="AF38078" i="1"/>
  <c r="AF38079" i="1"/>
  <c r="AF38080" i="1"/>
  <c r="AF38081" i="1"/>
  <c r="AF38082" i="1"/>
  <c r="AF38083" i="1"/>
  <c r="AF38084" i="1"/>
  <c r="AF38085" i="1"/>
  <c r="AF38086" i="1"/>
  <c r="AF38087" i="1"/>
  <c r="AF38088" i="1"/>
  <c r="AF38089" i="1"/>
  <c r="AF38090" i="1"/>
  <c r="AF38091" i="1"/>
  <c r="AF38092" i="1"/>
  <c r="AF38093" i="1"/>
  <c r="AF38094" i="1"/>
  <c r="AF38095" i="1"/>
  <c r="AF38096" i="1"/>
  <c r="AF38097" i="1"/>
  <c r="AF38098" i="1"/>
  <c r="AF38099" i="1"/>
  <c r="AF38100" i="1"/>
  <c r="AF38101" i="1"/>
  <c r="AF38102" i="1"/>
  <c r="AF38103" i="1"/>
  <c r="AF38104" i="1"/>
  <c r="AF38105" i="1"/>
  <c r="AF38106" i="1"/>
  <c r="AF38107" i="1"/>
  <c r="AF38108" i="1"/>
  <c r="AF38109" i="1"/>
  <c r="AF38110" i="1"/>
  <c r="AF38111" i="1"/>
  <c r="AF38112" i="1"/>
  <c r="AF38113" i="1"/>
  <c r="AF38114" i="1"/>
  <c r="AF38115" i="1"/>
  <c r="AF38116" i="1"/>
  <c r="AF38117" i="1"/>
  <c r="AF38118" i="1"/>
  <c r="AF38119" i="1"/>
  <c r="AF38120" i="1"/>
  <c r="AF38121" i="1"/>
  <c r="AF38122" i="1"/>
  <c r="AF38123" i="1"/>
  <c r="AF38124" i="1"/>
  <c r="AF38125" i="1"/>
  <c r="AF38126" i="1"/>
  <c r="AF38127" i="1"/>
  <c r="AF38128" i="1"/>
  <c r="AF38129" i="1"/>
  <c r="AF38130" i="1"/>
  <c r="AF38131" i="1"/>
  <c r="AF38132" i="1"/>
  <c r="AF38133" i="1"/>
  <c r="AF38134" i="1"/>
  <c r="AF38135" i="1"/>
  <c r="AF38136" i="1"/>
  <c r="AF38137" i="1"/>
  <c r="AF38138" i="1"/>
  <c r="AF38139" i="1"/>
  <c r="AF38140" i="1"/>
  <c r="AF38141" i="1"/>
  <c r="AF38142" i="1"/>
  <c r="AF38143" i="1"/>
  <c r="AF38144" i="1"/>
  <c r="AF38145" i="1"/>
  <c r="AF38146" i="1"/>
  <c r="AF38147" i="1"/>
  <c r="AF38148" i="1"/>
  <c r="AF38149" i="1"/>
  <c r="AF38150" i="1"/>
  <c r="AF38151" i="1"/>
  <c r="AF38152" i="1"/>
  <c r="AF38153" i="1"/>
  <c r="AF38154" i="1"/>
  <c r="AF38155" i="1"/>
  <c r="AF38156" i="1"/>
  <c r="AF38157" i="1"/>
  <c r="AF38158" i="1"/>
  <c r="AF38159" i="1"/>
  <c r="AF38160" i="1"/>
  <c r="AF38161" i="1"/>
  <c r="AF38162" i="1"/>
  <c r="AF38163" i="1"/>
  <c r="AF38164" i="1"/>
  <c r="AF38165" i="1"/>
  <c r="AF38166" i="1"/>
  <c r="AF38167" i="1"/>
  <c r="AF38168" i="1"/>
  <c r="AF38169" i="1"/>
  <c r="AF38170" i="1"/>
  <c r="AF38171" i="1"/>
  <c r="AF38172" i="1"/>
  <c r="AF38173" i="1"/>
  <c r="AF38174" i="1"/>
  <c r="AF38175" i="1"/>
  <c r="AF38176" i="1"/>
  <c r="AF38177" i="1"/>
  <c r="AF38178" i="1"/>
  <c r="AF38179" i="1"/>
  <c r="AF38180" i="1"/>
  <c r="AF38181" i="1"/>
  <c r="AF38182" i="1"/>
  <c r="AF38183" i="1"/>
  <c r="AF38184" i="1"/>
  <c r="AF38185" i="1"/>
  <c r="AF38186" i="1"/>
  <c r="AF38187" i="1"/>
  <c r="AF38188" i="1"/>
  <c r="AF38189" i="1"/>
  <c r="AF38190" i="1"/>
  <c r="AF38191" i="1"/>
  <c r="AF38192" i="1"/>
  <c r="AF38193" i="1"/>
  <c r="AF38194" i="1"/>
  <c r="AF38195" i="1"/>
  <c r="AF38196" i="1"/>
  <c r="AF38197" i="1"/>
  <c r="AF38198" i="1"/>
  <c r="AF38199" i="1"/>
  <c r="AF38200" i="1"/>
  <c r="AF38201" i="1"/>
  <c r="AF38202" i="1"/>
  <c r="AF38203" i="1"/>
  <c r="AF38204" i="1"/>
  <c r="AF38205" i="1"/>
  <c r="AF38206" i="1"/>
  <c r="AF38207" i="1"/>
  <c r="AF38208" i="1"/>
  <c r="AF38209" i="1"/>
  <c r="AF38210" i="1"/>
  <c r="AF38211" i="1"/>
  <c r="AF38212" i="1"/>
  <c r="AF38213" i="1"/>
  <c r="AF38214" i="1"/>
  <c r="AF38215" i="1"/>
  <c r="AF38216" i="1"/>
  <c r="AF38217" i="1"/>
  <c r="AF38218" i="1"/>
  <c r="AF38219" i="1"/>
  <c r="AF38220" i="1"/>
  <c r="AF38221" i="1"/>
  <c r="AF38222" i="1"/>
  <c r="AF38223" i="1"/>
  <c r="AF38224" i="1"/>
  <c r="AF38225" i="1"/>
  <c r="AF38226" i="1"/>
  <c r="AF38227" i="1"/>
  <c r="AF38228" i="1"/>
  <c r="AF38229" i="1"/>
  <c r="AF38230" i="1"/>
  <c r="AF38231" i="1"/>
  <c r="AF38232" i="1"/>
  <c r="AF38233" i="1"/>
  <c r="AF38234" i="1"/>
  <c r="AF38235" i="1"/>
  <c r="AF38236" i="1"/>
  <c r="AF38237" i="1"/>
  <c r="AF38238" i="1"/>
  <c r="AF38239" i="1"/>
  <c r="AF38240" i="1"/>
  <c r="AF38241" i="1"/>
  <c r="AF38242" i="1"/>
  <c r="AF38243" i="1"/>
  <c r="AF38244" i="1"/>
  <c r="AF38245" i="1"/>
  <c r="AF38246" i="1"/>
  <c r="AF38247" i="1"/>
  <c r="AF38248" i="1"/>
  <c r="AF38249" i="1"/>
  <c r="AF38250" i="1"/>
  <c r="AF38251" i="1"/>
  <c r="AF38252" i="1"/>
  <c r="AF38253" i="1"/>
  <c r="AF38254" i="1"/>
  <c r="AF38255" i="1"/>
  <c r="AF38256" i="1"/>
  <c r="AF38257" i="1"/>
  <c r="AF38258" i="1"/>
  <c r="AF38259" i="1"/>
  <c r="AF38260" i="1"/>
  <c r="AF38261" i="1"/>
  <c r="AF38262" i="1"/>
  <c r="AF38263" i="1"/>
  <c r="AF38264" i="1"/>
  <c r="AF38265" i="1"/>
  <c r="AF38266" i="1"/>
  <c r="AF38267" i="1"/>
  <c r="AF38268" i="1"/>
  <c r="AF38269" i="1"/>
  <c r="AF38270" i="1"/>
  <c r="AF38271" i="1"/>
  <c r="AF38272" i="1"/>
  <c r="AF38273" i="1"/>
  <c r="AF38274" i="1"/>
  <c r="AF38275" i="1"/>
  <c r="AF38276" i="1"/>
  <c r="AF38277" i="1"/>
  <c r="AF38278" i="1"/>
  <c r="AF38279" i="1"/>
  <c r="AF38280" i="1"/>
  <c r="AF38281" i="1"/>
  <c r="AF38282" i="1"/>
  <c r="AF38283" i="1"/>
  <c r="AF38284" i="1"/>
  <c r="AF38285" i="1"/>
  <c r="AF38286" i="1"/>
  <c r="AF38287" i="1"/>
  <c r="AF38288" i="1"/>
  <c r="AF38289" i="1"/>
  <c r="AF38290" i="1"/>
  <c r="AF38291" i="1"/>
  <c r="AF38292" i="1"/>
  <c r="AF38293" i="1"/>
  <c r="AF38294" i="1"/>
  <c r="AF38295" i="1"/>
  <c r="AF38296" i="1"/>
  <c r="AF38297" i="1"/>
  <c r="AF38298" i="1"/>
  <c r="AF38299" i="1"/>
  <c r="AF38300" i="1"/>
  <c r="AF38301" i="1"/>
  <c r="AF38302" i="1"/>
  <c r="AF38303" i="1"/>
  <c r="AF38304" i="1"/>
  <c r="AF38305" i="1"/>
  <c r="AF38306" i="1"/>
  <c r="AF38307" i="1"/>
  <c r="AF38308" i="1"/>
  <c r="AF38309" i="1"/>
  <c r="AF38310" i="1"/>
  <c r="AF38311" i="1"/>
  <c r="AF38312" i="1"/>
  <c r="AF38313" i="1"/>
  <c r="AF38314" i="1"/>
  <c r="AF38315" i="1"/>
  <c r="AF38316" i="1"/>
  <c r="AF38317" i="1"/>
  <c r="AF38318" i="1"/>
  <c r="AF38319" i="1"/>
  <c r="AF38320" i="1"/>
  <c r="AF38321" i="1"/>
  <c r="AF38322" i="1"/>
  <c r="AF38323" i="1"/>
  <c r="AF38324" i="1"/>
  <c r="AF38325" i="1"/>
  <c r="AF38326" i="1"/>
  <c r="AF38327" i="1"/>
  <c r="AF38328" i="1"/>
  <c r="AF38329" i="1"/>
  <c r="AF38330" i="1"/>
  <c r="AF38331" i="1"/>
  <c r="AF38332" i="1"/>
  <c r="AF38333" i="1"/>
  <c r="AF38334" i="1"/>
  <c r="AF38335" i="1"/>
  <c r="AF38336" i="1"/>
  <c r="AF38337" i="1"/>
  <c r="AF38338" i="1"/>
  <c r="AF38339" i="1"/>
  <c r="AF38340" i="1"/>
  <c r="AF38341" i="1"/>
  <c r="AF38342" i="1"/>
  <c r="AF38343" i="1"/>
  <c r="AF38344" i="1"/>
  <c r="AF38345" i="1"/>
  <c r="AF38346" i="1"/>
  <c r="AF38347" i="1"/>
  <c r="AF38348" i="1"/>
  <c r="AF38349" i="1"/>
  <c r="AF38350" i="1"/>
  <c r="AF38351" i="1"/>
  <c r="AF38352" i="1"/>
  <c r="AF38353" i="1"/>
  <c r="AF38354" i="1"/>
  <c r="AF38355" i="1"/>
  <c r="AF38356" i="1"/>
  <c r="AF38357" i="1"/>
  <c r="AF38358" i="1"/>
  <c r="AF38359" i="1"/>
  <c r="AF38360" i="1"/>
  <c r="AF38361" i="1"/>
  <c r="AF38362" i="1"/>
  <c r="AF38363" i="1"/>
  <c r="AF38364" i="1"/>
  <c r="AF38365" i="1"/>
  <c r="AF38366" i="1"/>
  <c r="AF38367" i="1"/>
  <c r="AF38368" i="1"/>
  <c r="AF38369" i="1"/>
  <c r="AF38370" i="1"/>
  <c r="AF38371" i="1"/>
  <c r="AF38372" i="1"/>
  <c r="AF38373" i="1"/>
  <c r="AF38374" i="1"/>
  <c r="AF38375" i="1"/>
  <c r="AF38376" i="1"/>
  <c r="AF38377" i="1"/>
  <c r="AF38378" i="1"/>
  <c r="AF38379" i="1"/>
  <c r="AF38380" i="1"/>
  <c r="AF38381" i="1"/>
  <c r="AF38382" i="1"/>
  <c r="AF38383" i="1"/>
  <c r="AF38384" i="1"/>
  <c r="AF38385" i="1"/>
  <c r="AF38386" i="1"/>
  <c r="AF38387" i="1"/>
  <c r="AF38388" i="1"/>
  <c r="AF38389" i="1"/>
  <c r="AF38390" i="1"/>
  <c r="AF38391" i="1"/>
  <c r="AF38392" i="1"/>
  <c r="AF38393" i="1"/>
  <c r="AF38394" i="1"/>
  <c r="AF38395" i="1"/>
  <c r="AF38396" i="1"/>
  <c r="AF38397" i="1"/>
  <c r="AF38398" i="1"/>
  <c r="AF38399" i="1"/>
  <c r="AF38400" i="1"/>
  <c r="AF38401" i="1"/>
  <c r="AF38402" i="1"/>
  <c r="AF38403" i="1"/>
  <c r="AF38404" i="1"/>
  <c r="AF38405" i="1"/>
  <c r="AF38406" i="1"/>
  <c r="AF38407" i="1"/>
  <c r="AF38408" i="1"/>
  <c r="AF38409" i="1"/>
  <c r="AF38410" i="1"/>
  <c r="AF38411" i="1"/>
  <c r="AF38412" i="1"/>
  <c r="AF38413" i="1"/>
  <c r="AF38414" i="1"/>
  <c r="AF38415" i="1"/>
  <c r="AF38416" i="1"/>
  <c r="AF38417" i="1"/>
  <c r="AF38418" i="1"/>
  <c r="AF38419" i="1"/>
  <c r="AF38420" i="1"/>
  <c r="AF38421" i="1"/>
  <c r="AF38422" i="1"/>
  <c r="AF38423" i="1"/>
  <c r="AF38424" i="1"/>
  <c r="AF38425" i="1"/>
  <c r="AF38426" i="1"/>
  <c r="AF38427" i="1"/>
  <c r="AF38428" i="1"/>
  <c r="AF38429" i="1"/>
  <c r="AF38430" i="1"/>
  <c r="AF38431" i="1"/>
  <c r="AF38432" i="1"/>
  <c r="AF38433" i="1"/>
  <c r="AF38434" i="1"/>
  <c r="AF38435" i="1"/>
  <c r="AF38436" i="1"/>
  <c r="AF38437" i="1"/>
  <c r="AF38438" i="1"/>
  <c r="AF38439" i="1"/>
  <c r="AF38440" i="1"/>
  <c r="AF38441" i="1"/>
  <c r="AF38442" i="1"/>
  <c r="AF38443" i="1"/>
  <c r="AF38444" i="1"/>
  <c r="AF38445" i="1"/>
  <c r="AF38446" i="1"/>
  <c r="AF38447" i="1"/>
  <c r="AF38448" i="1"/>
  <c r="AF38449" i="1"/>
  <c r="AF38450" i="1"/>
  <c r="AF38451" i="1"/>
  <c r="AF38452" i="1"/>
  <c r="AF38453" i="1"/>
  <c r="AF38454" i="1"/>
  <c r="AF38455" i="1"/>
  <c r="AF38456" i="1"/>
  <c r="AF38457" i="1"/>
  <c r="AF38458" i="1"/>
  <c r="AF38459" i="1"/>
  <c r="AF38460" i="1"/>
  <c r="AF38461" i="1"/>
  <c r="AF38462" i="1"/>
  <c r="AF38463" i="1"/>
  <c r="AF38464" i="1"/>
  <c r="AF38465" i="1"/>
  <c r="AF38466" i="1"/>
  <c r="AF38467" i="1"/>
  <c r="AF38468" i="1"/>
  <c r="AF38469" i="1"/>
  <c r="AF38470" i="1"/>
  <c r="AF38471" i="1"/>
  <c r="AF38472" i="1"/>
  <c r="AF38473" i="1"/>
  <c r="AF38474" i="1"/>
  <c r="AF38475" i="1"/>
  <c r="AF38476" i="1"/>
  <c r="AF38477" i="1"/>
  <c r="AF38478" i="1"/>
  <c r="AF38479" i="1"/>
  <c r="AF38480" i="1"/>
  <c r="AF38481" i="1"/>
  <c r="AF38482" i="1"/>
  <c r="AF38483" i="1"/>
  <c r="AF38484" i="1"/>
  <c r="AF38485" i="1"/>
  <c r="AF38486" i="1"/>
  <c r="AF38487" i="1"/>
  <c r="AF38488" i="1"/>
  <c r="AF38489" i="1"/>
  <c r="AF38490" i="1"/>
  <c r="AF38491" i="1"/>
  <c r="AF38492" i="1"/>
  <c r="AF38493" i="1"/>
  <c r="AF38494" i="1"/>
  <c r="AF38495" i="1"/>
  <c r="AF38496" i="1"/>
  <c r="AF38497" i="1"/>
  <c r="AF38498" i="1"/>
  <c r="AF38499" i="1"/>
  <c r="AF38500" i="1"/>
  <c r="AF38501" i="1"/>
  <c r="AF38502" i="1"/>
  <c r="AF38503" i="1"/>
  <c r="AF38504" i="1"/>
  <c r="AF38505" i="1"/>
  <c r="AF38506" i="1"/>
  <c r="AF38507" i="1"/>
  <c r="AF38508" i="1"/>
  <c r="AF38509" i="1"/>
  <c r="AF38510" i="1"/>
  <c r="AF38511" i="1"/>
  <c r="AF38512" i="1"/>
  <c r="AF38513" i="1"/>
  <c r="AF38514" i="1"/>
  <c r="AF38515" i="1"/>
  <c r="AF38516" i="1"/>
  <c r="AF38517" i="1"/>
  <c r="AF38518" i="1"/>
  <c r="AF38519" i="1"/>
  <c r="AF38520" i="1"/>
  <c r="AF38521" i="1"/>
  <c r="AF38522" i="1"/>
  <c r="AF38523" i="1"/>
  <c r="AF38524" i="1"/>
  <c r="AF38525" i="1"/>
  <c r="AF38526" i="1"/>
  <c r="AF38527" i="1"/>
  <c r="AF38528" i="1"/>
  <c r="AF38529" i="1"/>
  <c r="AF38530" i="1"/>
  <c r="AF38531" i="1"/>
  <c r="AF38532" i="1"/>
  <c r="AF38533" i="1"/>
  <c r="AF38534" i="1"/>
  <c r="AF38535" i="1"/>
  <c r="AF38536" i="1"/>
  <c r="AF38537" i="1"/>
  <c r="AF38538" i="1"/>
  <c r="AF38539" i="1"/>
  <c r="AF38540" i="1"/>
  <c r="AF38541" i="1"/>
  <c r="AF38542" i="1"/>
  <c r="AF38543" i="1"/>
  <c r="AF38544" i="1"/>
  <c r="AF38545" i="1"/>
  <c r="AF38546" i="1"/>
  <c r="AF38547" i="1"/>
  <c r="AF38548" i="1"/>
  <c r="AF38549" i="1"/>
  <c r="AF38550" i="1"/>
  <c r="AF38551" i="1"/>
  <c r="AF38552" i="1"/>
  <c r="AF38553" i="1"/>
  <c r="AF38554" i="1"/>
  <c r="AF38555" i="1"/>
  <c r="AF38556" i="1"/>
  <c r="AF38557" i="1"/>
  <c r="AF38558" i="1"/>
  <c r="AF38559" i="1"/>
  <c r="AF38560" i="1"/>
  <c r="AF38561" i="1"/>
  <c r="AF38562" i="1"/>
  <c r="AF38563" i="1"/>
  <c r="AF38564" i="1"/>
  <c r="AF38565" i="1"/>
  <c r="AF38566" i="1"/>
  <c r="AF38567" i="1"/>
  <c r="AF38568" i="1"/>
  <c r="AF38569" i="1"/>
  <c r="AF38570" i="1"/>
  <c r="AF38571" i="1"/>
  <c r="AF38572" i="1"/>
  <c r="AF38573" i="1"/>
  <c r="AF38574" i="1"/>
  <c r="AF38575" i="1"/>
  <c r="AF38576" i="1"/>
  <c r="AF38577" i="1"/>
  <c r="AF38578" i="1"/>
  <c r="AF38579" i="1"/>
  <c r="AF38580" i="1"/>
  <c r="AF38581" i="1"/>
  <c r="AF38582" i="1"/>
  <c r="AF38583" i="1"/>
  <c r="AF38584" i="1"/>
  <c r="AF38585" i="1"/>
  <c r="AF38586" i="1"/>
  <c r="AF38587" i="1"/>
  <c r="AF38588" i="1"/>
  <c r="AF38589" i="1"/>
  <c r="AF38590" i="1"/>
  <c r="AF38591" i="1"/>
  <c r="AF38592" i="1"/>
  <c r="AF38593" i="1"/>
  <c r="AF38594" i="1"/>
  <c r="AF38595" i="1"/>
  <c r="AF38596" i="1"/>
  <c r="AF38597" i="1"/>
  <c r="AF38598" i="1"/>
  <c r="AF38599" i="1"/>
  <c r="AF38600" i="1"/>
  <c r="AF38601" i="1"/>
  <c r="AF38602" i="1"/>
  <c r="AF38603" i="1"/>
  <c r="AF38604" i="1"/>
  <c r="AF38605" i="1"/>
  <c r="AF38606" i="1"/>
  <c r="AF38607" i="1"/>
  <c r="AF38608" i="1"/>
  <c r="AF38609" i="1"/>
  <c r="AF38610" i="1"/>
  <c r="AF38611" i="1"/>
  <c r="AF38612" i="1"/>
  <c r="AF38613" i="1"/>
  <c r="AF38614" i="1"/>
  <c r="AF38615" i="1"/>
  <c r="AF38616" i="1"/>
  <c r="AF38617" i="1"/>
  <c r="AF38618" i="1"/>
  <c r="AF38619" i="1"/>
  <c r="AF38620" i="1"/>
  <c r="AF38621" i="1"/>
  <c r="AF38622" i="1"/>
  <c r="AF38623" i="1"/>
  <c r="AF38624" i="1"/>
  <c r="AF38625" i="1"/>
  <c r="AF38626" i="1"/>
  <c r="AF38627" i="1"/>
  <c r="AF38628" i="1"/>
  <c r="AF38629" i="1"/>
  <c r="AF38630" i="1"/>
  <c r="AF38631" i="1"/>
  <c r="AF38632" i="1"/>
  <c r="AF38633" i="1"/>
  <c r="AF38634" i="1"/>
  <c r="AF38635" i="1"/>
  <c r="AF38636" i="1"/>
  <c r="AF38637" i="1"/>
  <c r="AF38638" i="1"/>
  <c r="AF38639" i="1"/>
  <c r="AF38640" i="1"/>
  <c r="AF38641" i="1"/>
  <c r="AF38642" i="1"/>
  <c r="AF38643" i="1"/>
  <c r="AF38644" i="1"/>
  <c r="AF38645" i="1"/>
  <c r="AF38646" i="1"/>
  <c r="AF38647" i="1"/>
  <c r="AF38648" i="1"/>
  <c r="AF38649" i="1"/>
  <c r="AF38650" i="1"/>
  <c r="AF38651" i="1"/>
  <c r="AF38652" i="1"/>
  <c r="AF38653" i="1"/>
  <c r="AF38654" i="1"/>
  <c r="AF38655" i="1"/>
  <c r="AF38656" i="1"/>
  <c r="AF38657" i="1"/>
  <c r="AF38658" i="1"/>
  <c r="AF38659" i="1"/>
  <c r="AF38660" i="1"/>
  <c r="AF38661" i="1"/>
  <c r="AF38662" i="1"/>
  <c r="AF38663" i="1"/>
  <c r="AF38664" i="1"/>
  <c r="AF38665" i="1"/>
  <c r="AF38666" i="1"/>
  <c r="AF38667" i="1"/>
  <c r="AF38668" i="1"/>
  <c r="AF38669" i="1"/>
  <c r="AF38670" i="1"/>
  <c r="AF38671" i="1"/>
  <c r="AF38672" i="1"/>
  <c r="AF38673" i="1"/>
  <c r="AF38674" i="1"/>
  <c r="AF38675" i="1"/>
  <c r="AF38676" i="1"/>
  <c r="AF38677" i="1"/>
  <c r="AF38678" i="1"/>
  <c r="AF38679" i="1"/>
  <c r="AF38680" i="1"/>
  <c r="AF38681" i="1"/>
  <c r="AF38682" i="1"/>
  <c r="AF38683" i="1"/>
  <c r="AF38684" i="1"/>
  <c r="AF38685" i="1"/>
  <c r="AF38686" i="1"/>
  <c r="AF38687" i="1"/>
  <c r="AF38688" i="1"/>
  <c r="AF38689" i="1"/>
  <c r="AF38690" i="1"/>
  <c r="AF38691" i="1"/>
  <c r="AF38692" i="1"/>
  <c r="AF38693" i="1"/>
  <c r="AF38694" i="1"/>
  <c r="AF38695" i="1"/>
  <c r="AF38696" i="1"/>
  <c r="AF38697" i="1"/>
  <c r="AF38698" i="1"/>
  <c r="AF38699" i="1"/>
  <c r="AF38700" i="1"/>
  <c r="AF38701" i="1"/>
  <c r="AF38702" i="1"/>
  <c r="AF38703" i="1"/>
  <c r="AF38704" i="1"/>
  <c r="AF38705" i="1"/>
  <c r="AF38706" i="1"/>
  <c r="AF38707" i="1"/>
  <c r="AF38708" i="1"/>
  <c r="AF38709" i="1"/>
  <c r="AF38710" i="1"/>
  <c r="AF38711" i="1"/>
  <c r="AF38712" i="1"/>
  <c r="AF38713" i="1"/>
  <c r="AF38714" i="1"/>
  <c r="AF38715" i="1"/>
  <c r="AF38716" i="1"/>
  <c r="AF38717" i="1"/>
  <c r="AF38718" i="1"/>
  <c r="AF38719" i="1"/>
  <c r="AF38720" i="1"/>
  <c r="AF38721" i="1"/>
  <c r="AF38722" i="1"/>
  <c r="AF38723" i="1"/>
  <c r="AF38724" i="1"/>
  <c r="AF38725" i="1"/>
  <c r="AF38726" i="1"/>
  <c r="AF38727" i="1"/>
  <c r="AF38728" i="1"/>
  <c r="AF38729" i="1"/>
  <c r="AF38730" i="1"/>
  <c r="AF38731" i="1"/>
  <c r="AF38732" i="1"/>
  <c r="AF38733" i="1"/>
  <c r="AF38734" i="1"/>
  <c r="AF38735" i="1"/>
  <c r="AF38736" i="1"/>
  <c r="AF38737" i="1"/>
  <c r="AF38738" i="1"/>
  <c r="AF38739" i="1"/>
  <c r="AF38740" i="1"/>
  <c r="AF38741" i="1"/>
  <c r="AF38742" i="1"/>
  <c r="AF38743" i="1"/>
  <c r="AF38744" i="1"/>
  <c r="AF38745" i="1"/>
  <c r="AF38746" i="1"/>
  <c r="AF38747" i="1"/>
  <c r="AF38748" i="1"/>
  <c r="AF38749" i="1"/>
  <c r="AF38750" i="1"/>
  <c r="AF38751" i="1"/>
  <c r="AF38752" i="1"/>
  <c r="AF38753" i="1"/>
  <c r="AF38754" i="1"/>
  <c r="AF38755" i="1"/>
  <c r="AF38756" i="1"/>
  <c r="AF38757" i="1"/>
  <c r="AF38758" i="1"/>
  <c r="AF38759" i="1"/>
  <c r="AF38760" i="1"/>
  <c r="AF38761" i="1"/>
  <c r="AF38762" i="1"/>
  <c r="AF38763" i="1"/>
  <c r="AF38764" i="1"/>
  <c r="AF38765" i="1"/>
  <c r="AF38766" i="1"/>
  <c r="AF38767" i="1"/>
  <c r="AF38768" i="1"/>
  <c r="AF38769" i="1"/>
  <c r="AF38770" i="1"/>
  <c r="AF38771" i="1"/>
  <c r="AF38772" i="1"/>
  <c r="AF38773" i="1"/>
  <c r="AF38774" i="1"/>
  <c r="AF38775" i="1"/>
  <c r="AF38776" i="1"/>
  <c r="AF38777" i="1"/>
  <c r="AF38778" i="1"/>
  <c r="AF38779" i="1"/>
  <c r="AF38780" i="1"/>
  <c r="AF38781" i="1"/>
  <c r="AF38782" i="1"/>
  <c r="AF38783" i="1"/>
  <c r="AF38784" i="1"/>
  <c r="AF38785" i="1"/>
  <c r="AF38786" i="1"/>
  <c r="AF38787" i="1"/>
  <c r="AF38788" i="1"/>
  <c r="AF38789" i="1"/>
  <c r="AF38790" i="1"/>
  <c r="AF38791" i="1"/>
  <c r="AF38792" i="1"/>
  <c r="AF38793" i="1"/>
  <c r="AF38794" i="1"/>
  <c r="AF38795" i="1"/>
  <c r="AF38796" i="1"/>
  <c r="AF38797" i="1"/>
  <c r="AF38798" i="1"/>
  <c r="AF38799" i="1"/>
  <c r="AF38800" i="1"/>
  <c r="AF38801" i="1"/>
  <c r="AF38802" i="1"/>
  <c r="AF38803" i="1"/>
  <c r="AF38804" i="1"/>
  <c r="AF38805" i="1"/>
  <c r="AF38806" i="1"/>
  <c r="AF38807" i="1"/>
  <c r="AF38808" i="1"/>
  <c r="AF38809" i="1"/>
  <c r="AF38810" i="1"/>
  <c r="AF38811" i="1"/>
  <c r="AF38812" i="1"/>
  <c r="AF38813" i="1"/>
  <c r="AF38814" i="1"/>
  <c r="AF38815" i="1"/>
  <c r="AF38816" i="1"/>
  <c r="AF38817" i="1"/>
  <c r="AF38818" i="1"/>
  <c r="AF38819" i="1"/>
  <c r="AF38820" i="1"/>
  <c r="AF38821" i="1"/>
  <c r="AF38822" i="1"/>
  <c r="AF38823" i="1"/>
  <c r="AF38824" i="1"/>
  <c r="AF38825" i="1"/>
  <c r="AF38826" i="1"/>
  <c r="AF38827" i="1"/>
  <c r="AF38828" i="1"/>
  <c r="AF38829" i="1"/>
  <c r="AF38830" i="1"/>
  <c r="AF38831" i="1"/>
  <c r="AF38832" i="1"/>
  <c r="AF38833" i="1"/>
  <c r="AF38834" i="1"/>
  <c r="AF38835" i="1"/>
  <c r="AF38836" i="1"/>
  <c r="AF38837" i="1"/>
  <c r="AF38838" i="1"/>
  <c r="AF38839" i="1"/>
  <c r="AF38840" i="1"/>
  <c r="AF38841" i="1"/>
  <c r="AF38842" i="1"/>
  <c r="AF38843" i="1"/>
  <c r="AF38844" i="1"/>
  <c r="AF38845" i="1"/>
  <c r="AF38846" i="1"/>
  <c r="AF38847" i="1"/>
  <c r="AF38848" i="1"/>
  <c r="AF38849" i="1"/>
  <c r="AF38850" i="1"/>
  <c r="AF38851" i="1"/>
  <c r="AF38852" i="1"/>
  <c r="AF38853" i="1"/>
  <c r="AF38854" i="1"/>
  <c r="AF38855" i="1"/>
  <c r="AF38856" i="1"/>
  <c r="AF38857" i="1"/>
  <c r="AF38858" i="1"/>
  <c r="AF38859" i="1"/>
  <c r="AF38860" i="1"/>
  <c r="AF38861" i="1"/>
  <c r="AF38862" i="1"/>
  <c r="AF38863" i="1"/>
  <c r="AF38864" i="1"/>
  <c r="AF38865" i="1"/>
  <c r="AF38866" i="1"/>
  <c r="AF38867" i="1"/>
  <c r="AF38868" i="1"/>
  <c r="AF38869" i="1"/>
  <c r="AF38870" i="1"/>
  <c r="AF38871" i="1"/>
  <c r="AF38872" i="1"/>
  <c r="AF38873" i="1"/>
  <c r="AF38874" i="1"/>
  <c r="AF38875" i="1"/>
  <c r="AF38876" i="1"/>
  <c r="AF38877" i="1"/>
  <c r="AF38878" i="1"/>
  <c r="AF38879" i="1"/>
  <c r="AF38880" i="1"/>
  <c r="AF38881" i="1"/>
  <c r="AF38882" i="1"/>
  <c r="AF38883" i="1"/>
  <c r="AF38884" i="1"/>
  <c r="AF38885" i="1"/>
  <c r="AF38886" i="1"/>
  <c r="AF38887" i="1"/>
  <c r="AF38888" i="1"/>
  <c r="AF38889" i="1"/>
  <c r="AF38890" i="1"/>
  <c r="AF38891" i="1"/>
  <c r="AF38892" i="1"/>
  <c r="AF38893" i="1"/>
  <c r="AF38894" i="1"/>
  <c r="AF38895" i="1"/>
  <c r="AF38896" i="1"/>
  <c r="AF38897" i="1"/>
  <c r="AF38898" i="1"/>
  <c r="AF38899" i="1"/>
  <c r="AF38900" i="1"/>
  <c r="AF38901" i="1"/>
  <c r="AF38902" i="1"/>
  <c r="AF38903" i="1"/>
  <c r="AF38904" i="1"/>
  <c r="AF38905" i="1"/>
  <c r="AF38906" i="1"/>
  <c r="AF38907" i="1"/>
  <c r="AF38908" i="1"/>
  <c r="AF38909" i="1"/>
  <c r="AF38910" i="1"/>
  <c r="AF38911" i="1"/>
  <c r="AF38912" i="1"/>
  <c r="AF38913" i="1"/>
  <c r="AF38914" i="1"/>
  <c r="AF38915" i="1"/>
  <c r="AF38916" i="1"/>
  <c r="AF38917" i="1"/>
  <c r="AF38918" i="1"/>
  <c r="AF38919" i="1"/>
  <c r="AF38920" i="1"/>
  <c r="AF38921" i="1"/>
  <c r="AF38922" i="1"/>
  <c r="AF38923" i="1"/>
  <c r="AF38924" i="1"/>
  <c r="AF38925" i="1"/>
  <c r="AF38926" i="1"/>
  <c r="AF38927" i="1"/>
  <c r="AF38928" i="1"/>
  <c r="AF38929" i="1"/>
  <c r="AF38930" i="1"/>
  <c r="AF38931" i="1"/>
  <c r="AF38932" i="1"/>
  <c r="AF38933" i="1"/>
  <c r="AF38934" i="1"/>
  <c r="AF38935" i="1"/>
  <c r="AF38936" i="1"/>
  <c r="AF38937" i="1"/>
  <c r="AF38938" i="1"/>
  <c r="AF38939" i="1"/>
  <c r="AF38940" i="1"/>
  <c r="AF38941" i="1"/>
  <c r="AF38942" i="1"/>
  <c r="AF38943" i="1"/>
  <c r="AF38944" i="1"/>
  <c r="AF38945" i="1"/>
  <c r="AF38946" i="1"/>
  <c r="AF38947" i="1"/>
  <c r="AF38948" i="1"/>
  <c r="AF38949" i="1"/>
  <c r="AF38950" i="1"/>
  <c r="AF38951" i="1"/>
  <c r="AF38952" i="1"/>
  <c r="AF38953" i="1"/>
  <c r="AF38954" i="1"/>
  <c r="AF38955" i="1"/>
  <c r="AF38956" i="1"/>
  <c r="AF38957" i="1"/>
  <c r="AF38958" i="1"/>
  <c r="AF38959" i="1"/>
  <c r="AF38960" i="1"/>
  <c r="AF38961" i="1"/>
  <c r="AF38962" i="1"/>
  <c r="AF38963" i="1"/>
  <c r="AF38964" i="1"/>
  <c r="AF38965" i="1"/>
  <c r="AF38966" i="1"/>
  <c r="AF38967" i="1"/>
  <c r="AF38968" i="1"/>
  <c r="AF38969" i="1"/>
  <c r="AF38970" i="1"/>
  <c r="AF38971" i="1"/>
  <c r="AF38972" i="1"/>
  <c r="AF38973" i="1"/>
  <c r="AF38974" i="1"/>
  <c r="AF38975" i="1"/>
  <c r="AF38976" i="1"/>
  <c r="AF38977" i="1"/>
  <c r="AF38978" i="1"/>
  <c r="AF38979" i="1"/>
  <c r="AF38980" i="1"/>
  <c r="AF38981" i="1"/>
  <c r="AF38982" i="1"/>
  <c r="AF38983" i="1"/>
  <c r="AF38984" i="1"/>
  <c r="AF38985" i="1"/>
  <c r="AF38986" i="1"/>
  <c r="AF38987" i="1"/>
  <c r="AF38988" i="1"/>
  <c r="AF38989" i="1"/>
  <c r="AF38990" i="1"/>
  <c r="AF38991" i="1"/>
  <c r="AF38992" i="1"/>
  <c r="AF38993" i="1"/>
  <c r="AF38994" i="1"/>
  <c r="AF38995" i="1"/>
  <c r="AF38996" i="1"/>
  <c r="AF38997" i="1"/>
  <c r="AF38998" i="1"/>
  <c r="AF38999" i="1"/>
  <c r="AF39000" i="1"/>
  <c r="AF39001" i="1"/>
  <c r="AF39002" i="1"/>
  <c r="AF39003" i="1"/>
  <c r="AF39004" i="1"/>
  <c r="AF39005" i="1"/>
  <c r="AF39006" i="1"/>
  <c r="AF39007" i="1"/>
  <c r="AF39008" i="1"/>
  <c r="AF39009" i="1"/>
  <c r="AF39010" i="1"/>
  <c r="AF39011" i="1"/>
  <c r="AF39012" i="1"/>
  <c r="AF39013" i="1"/>
  <c r="AF39014" i="1"/>
  <c r="AF39015" i="1"/>
  <c r="AF39016" i="1"/>
  <c r="AF39017" i="1"/>
  <c r="AF39018" i="1"/>
  <c r="AF39019" i="1"/>
  <c r="AF39020" i="1"/>
  <c r="AF39021" i="1"/>
  <c r="AF39022" i="1"/>
  <c r="AF39023" i="1"/>
  <c r="AF39024" i="1"/>
  <c r="AF39025" i="1"/>
  <c r="AF39026" i="1"/>
  <c r="AF39027" i="1"/>
  <c r="AF39028" i="1"/>
  <c r="AF39029" i="1"/>
  <c r="AF39030" i="1"/>
  <c r="AF39031" i="1"/>
  <c r="AF39032" i="1"/>
  <c r="AF39033" i="1"/>
  <c r="AF39034" i="1"/>
  <c r="AF39035" i="1"/>
  <c r="AF39036" i="1"/>
  <c r="AF39037" i="1"/>
  <c r="AF39038" i="1"/>
  <c r="AF39039" i="1"/>
  <c r="AF39040" i="1"/>
  <c r="AF39041" i="1"/>
  <c r="AF39042" i="1"/>
  <c r="AF39043" i="1"/>
  <c r="AF39044" i="1"/>
  <c r="AF39045" i="1"/>
  <c r="AF39046" i="1"/>
  <c r="AF39047" i="1"/>
  <c r="AF39048" i="1"/>
  <c r="AF39049" i="1"/>
  <c r="AF39050" i="1"/>
  <c r="AF39051" i="1"/>
  <c r="AF39052" i="1"/>
  <c r="AF39053" i="1"/>
  <c r="AF39054" i="1"/>
  <c r="AF39055" i="1"/>
  <c r="AF39056" i="1"/>
  <c r="AF39057" i="1"/>
  <c r="AF39058" i="1"/>
  <c r="AF39059" i="1"/>
  <c r="AF39060" i="1"/>
  <c r="AF39061" i="1"/>
  <c r="AF39062" i="1"/>
  <c r="AF39063" i="1"/>
  <c r="AF39064" i="1"/>
  <c r="AF39065" i="1"/>
  <c r="AF39066" i="1"/>
  <c r="AF39067" i="1"/>
  <c r="AF39068" i="1"/>
  <c r="AF39069" i="1"/>
  <c r="AF39070" i="1"/>
  <c r="AF39071" i="1"/>
  <c r="AF39072" i="1"/>
  <c r="AF39073" i="1"/>
  <c r="AF39074" i="1"/>
  <c r="AF39075" i="1"/>
  <c r="AF39076" i="1"/>
  <c r="AF39077" i="1"/>
  <c r="AF39078" i="1"/>
  <c r="AF39079" i="1"/>
  <c r="AF39080" i="1"/>
  <c r="AF39081" i="1"/>
  <c r="AF39082" i="1"/>
  <c r="AF39083" i="1"/>
  <c r="AF39084" i="1"/>
  <c r="AF39085" i="1"/>
  <c r="AF39086" i="1"/>
  <c r="AF39087" i="1"/>
  <c r="AF39088" i="1"/>
  <c r="AF39089" i="1"/>
  <c r="AF39090" i="1"/>
  <c r="AF39091" i="1"/>
  <c r="AF39092" i="1"/>
  <c r="AF39093" i="1"/>
  <c r="AF39094" i="1"/>
  <c r="AF39095" i="1"/>
  <c r="AF39096" i="1"/>
  <c r="AF39097" i="1"/>
  <c r="AF39098" i="1"/>
  <c r="AF39099" i="1"/>
  <c r="AF39100" i="1"/>
  <c r="AF39101" i="1"/>
  <c r="AF39102" i="1"/>
  <c r="AF39103" i="1"/>
  <c r="AF39104" i="1"/>
  <c r="AF39105" i="1"/>
  <c r="AF39106" i="1"/>
  <c r="AF39107" i="1"/>
  <c r="AF39108" i="1"/>
  <c r="AF39109" i="1"/>
  <c r="AF39110" i="1"/>
  <c r="AF39111" i="1"/>
  <c r="AF39112" i="1"/>
  <c r="AF39113" i="1"/>
  <c r="AF39114" i="1"/>
  <c r="AF39115" i="1"/>
  <c r="AF39116" i="1"/>
  <c r="AF39117" i="1"/>
  <c r="AF39118" i="1"/>
  <c r="AF39119" i="1"/>
  <c r="AF39120" i="1"/>
  <c r="AF39121" i="1"/>
  <c r="AF39122" i="1"/>
  <c r="AF39123" i="1"/>
  <c r="AF39124" i="1"/>
  <c r="AF39125" i="1"/>
  <c r="AF39126" i="1"/>
  <c r="AF39127" i="1"/>
  <c r="AF39128" i="1"/>
  <c r="AF39129" i="1"/>
  <c r="AF39130" i="1"/>
  <c r="AF39131" i="1"/>
  <c r="AF39132" i="1"/>
  <c r="AF39133" i="1"/>
  <c r="AF39134" i="1"/>
  <c r="AF39135" i="1"/>
  <c r="AF39136" i="1"/>
  <c r="AF39137" i="1"/>
  <c r="AF39138" i="1"/>
  <c r="AF39139" i="1"/>
  <c r="AF39140" i="1"/>
  <c r="AF39141" i="1"/>
  <c r="AF39142" i="1"/>
  <c r="AF39143" i="1"/>
  <c r="AF39144" i="1"/>
  <c r="AF39145" i="1"/>
  <c r="AF39146" i="1"/>
  <c r="AF39147" i="1"/>
  <c r="AF39148" i="1"/>
  <c r="AF39149" i="1"/>
  <c r="AF39150" i="1"/>
  <c r="AF39151" i="1"/>
  <c r="AF39152" i="1"/>
  <c r="AF39153" i="1"/>
  <c r="AF39154" i="1"/>
  <c r="AF39155" i="1"/>
  <c r="AF39156" i="1"/>
  <c r="AF39157" i="1"/>
  <c r="AF39158" i="1"/>
  <c r="AF39159" i="1"/>
  <c r="AF39160" i="1"/>
  <c r="AF39161" i="1"/>
  <c r="AF39162" i="1"/>
  <c r="AF39163" i="1"/>
  <c r="AF39164" i="1"/>
  <c r="AF39165" i="1"/>
  <c r="AF39166" i="1"/>
  <c r="AF39167" i="1"/>
  <c r="AF39168" i="1"/>
  <c r="AF39169" i="1"/>
  <c r="AF39170" i="1"/>
  <c r="AF39171" i="1"/>
  <c r="AF39172" i="1"/>
  <c r="AF39173" i="1"/>
  <c r="AF39174" i="1"/>
  <c r="AF39175" i="1"/>
  <c r="AF39176" i="1"/>
  <c r="AF39177" i="1"/>
  <c r="AF39178" i="1"/>
  <c r="AF39179" i="1"/>
  <c r="AF39180" i="1"/>
  <c r="AF39181" i="1"/>
  <c r="AF39182" i="1"/>
  <c r="AF39183" i="1"/>
  <c r="AF39184" i="1"/>
  <c r="AF39185" i="1"/>
  <c r="AF39186" i="1"/>
  <c r="AF39187" i="1"/>
  <c r="AF39188" i="1"/>
  <c r="AF39189" i="1"/>
  <c r="AF39190" i="1"/>
  <c r="AF39191" i="1"/>
  <c r="AF39192" i="1"/>
  <c r="AF39193" i="1"/>
  <c r="AF39194" i="1"/>
  <c r="AF39195" i="1"/>
  <c r="AF39196" i="1"/>
  <c r="AF39197" i="1"/>
  <c r="AF39198" i="1"/>
  <c r="AF39199" i="1"/>
  <c r="AF39200" i="1"/>
  <c r="AF39201" i="1"/>
  <c r="AF39202" i="1"/>
  <c r="AF39203" i="1"/>
  <c r="AF39204" i="1"/>
  <c r="AF39205" i="1"/>
  <c r="AF39206" i="1"/>
  <c r="AF39207" i="1"/>
  <c r="AF39208" i="1"/>
  <c r="AF39209" i="1"/>
  <c r="AF39210" i="1"/>
  <c r="AF39211" i="1"/>
  <c r="AF39212" i="1"/>
  <c r="AF39213" i="1"/>
  <c r="AF39214" i="1"/>
  <c r="AF39215" i="1"/>
  <c r="AF39216" i="1"/>
  <c r="AF39217" i="1"/>
  <c r="AF39218" i="1"/>
  <c r="AF39219" i="1"/>
  <c r="AF39220" i="1"/>
  <c r="AF39221" i="1"/>
  <c r="AF39222" i="1"/>
  <c r="AF39223" i="1"/>
  <c r="AF39224" i="1"/>
  <c r="AF39225" i="1"/>
  <c r="AF39226" i="1"/>
  <c r="AF39227" i="1"/>
  <c r="AF39228" i="1"/>
  <c r="AF39229" i="1"/>
  <c r="AF39230" i="1"/>
  <c r="AF39231" i="1"/>
  <c r="AF39232" i="1"/>
  <c r="AF39233" i="1"/>
  <c r="AF39234" i="1"/>
  <c r="AF39235" i="1"/>
  <c r="AF39236" i="1"/>
  <c r="AF39237" i="1"/>
  <c r="AF39238" i="1"/>
  <c r="AF39239" i="1"/>
  <c r="AF39240" i="1"/>
  <c r="AF39241" i="1"/>
  <c r="AF39242" i="1"/>
  <c r="AF39243" i="1"/>
  <c r="AF39244" i="1"/>
  <c r="AF39245" i="1"/>
  <c r="AF39246" i="1"/>
  <c r="AF39247" i="1"/>
  <c r="AF39248" i="1"/>
  <c r="AF39249" i="1"/>
  <c r="AF39250" i="1"/>
  <c r="AF39251" i="1"/>
  <c r="AF39252" i="1"/>
  <c r="AF39253" i="1"/>
  <c r="AF39254" i="1"/>
  <c r="AF39255" i="1"/>
  <c r="AF39256" i="1"/>
  <c r="AF39257" i="1"/>
  <c r="AF39258" i="1"/>
  <c r="AF39259" i="1"/>
  <c r="AF39260" i="1"/>
  <c r="AF39261" i="1"/>
  <c r="AF39262" i="1"/>
  <c r="AF39263" i="1"/>
  <c r="AF39264" i="1"/>
  <c r="AF39265" i="1"/>
  <c r="AF39266" i="1"/>
  <c r="AF39267" i="1"/>
  <c r="AF39268" i="1"/>
  <c r="AF39269" i="1"/>
  <c r="AF39270" i="1"/>
  <c r="AF39271" i="1"/>
  <c r="AF39272" i="1"/>
  <c r="AF39273" i="1"/>
  <c r="AF39274" i="1"/>
  <c r="AF39275" i="1"/>
  <c r="AF39276" i="1"/>
  <c r="AF39277" i="1"/>
  <c r="AF39278" i="1"/>
  <c r="AF39279" i="1"/>
  <c r="AF39280" i="1"/>
  <c r="AF39281" i="1"/>
  <c r="AF39282" i="1"/>
  <c r="AF39283" i="1"/>
  <c r="AF39284" i="1"/>
  <c r="AF39285" i="1"/>
  <c r="AF39286" i="1"/>
  <c r="AF39287" i="1"/>
  <c r="AF39288" i="1"/>
  <c r="AF39289" i="1"/>
  <c r="AF39290" i="1"/>
  <c r="AF39291" i="1"/>
  <c r="AF39292" i="1"/>
  <c r="AF39293" i="1"/>
  <c r="AF39294" i="1"/>
  <c r="AF39295" i="1"/>
  <c r="AF39296" i="1"/>
  <c r="AF39297" i="1"/>
  <c r="AF39298" i="1"/>
  <c r="AF39299" i="1"/>
  <c r="AF39300" i="1"/>
  <c r="AF39301" i="1"/>
  <c r="AF39302" i="1"/>
  <c r="AF39303" i="1"/>
  <c r="AF39304" i="1"/>
  <c r="AF39305" i="1"/>
  <c r="AF39306" i="1"/>
  <c r="AF39307" i="1"/>
  <c r="AF39308" i="1"/>
  <c r="AF39309" i="1"/>
  <c r="AF39310" i="1"/>
  <c r="AF39311" i="1"/>
  <c r="AF39312" i="1"/>
  <c r="AF39313" i="1"/>
  <c r="AF39314" i="1"/>
  <c r="AF39315" i="1"/>
  <c r="AF39316" i="1"/>
  <c r="AF39317" i="1"/>
  <c r="AF39318" i="1"/>
  <c r="AF39319" i="1"/>
  <c r="AF39320" i="1"/>
  <c r="AF39321" i="1"/>
  <c r="AF39322" i="1"/>
  <c r="AF39323" i="1"/>
  <c r="AF39324" i="1"/>
  <c r="AF39325" i="1"/>
  <c r="AF39326" i="1"/>
  <c r="AF39327" i="1"/>
  <c r="AF39328" i="1"/>
  <c r="AF39329" i="1"/>
  <c r="AF39330" i="1"/>
  <c r="AF39331" i="1"/>
  <c r="AF39332" i="1"/>
  <c r="AF39333" i="1"/>
  <c r="AF39334" i="1"/>
  <c r="AF39335" i="1"/>
  <c r="AF39336" i="1"/>
  <c r="AF39337" i="1"/>
  <c r="AF39338" i="1"/>
  <c r="AF39339" i="1"/>
  <c r="AF39340" i="1"/>
  <c r="AF39341" i="1"/>
  <c r="AF39342" i="1"/>
  <c r="AF39343" i="1"/>
  <c r="AF39344" i="1"/>
  <c r="AF39345" i="1"/>
  <c r="AF39346" i="1"/>
  <c r="AF39347" i="1"/>
  <c r="AF39348" i="1"/>
  <c r="AF39349" i="1"/>
  <c r="AF39350" i="1"/>
  <c r="AF39351" i="1"/>
  <c r="AF39352" i="1"/>
  <c r="AF39353" i="1"/>
  <c r="AF39354" i="1"/>
  <c r="AF39355" i="1"/>
  <c r="AF39356" i="1"/>
  <c r="AF39357" i="1"/>
  <c r="AF39358" i="1"/>
  <c r="AF39359" i="1"/>
  <c r="AF39360" i="1"/>
  <c r="AF39361" i="1"/>
  <c r="AF39362" i="1"/>
  <c r="AF39363" i="1"/>
  <c r="AF39364" i="1"/>
  <c r="AF39365" i="1"/>
  <c r="AF39366" i="1"/>
  <c r="AF39367" i="1"/>
  <c r="AF39368" i="1"/>
  <c r="AF39369" i="1"/>
  <c r="AF39370" i="1"/>
  <c r="AF39371" i="1"/>
  <c r="AF39372" i="1"/>
  <c r="AF39373" i="1"/>
  <c r="AF39374" i="1"/>
  <c r="AF39375" i="1"/>
  <c r="AF39376" i="1"/>
  <c r="AF39377" i="1"/>
  <c r="AF39378" i="1"/>
  <c r="AF39379" i="1"/>
  <c r="AF39380" i="1"/>
  <c r="AF39381" i="1"/>
  <c r="AF39382" i="1"/>
  <c r="AF39383" i="1"/>
  <c r="AF39384" i="1"/>
  <c r="AF39385" i="1"/>
  <c r="AF39386" i="1"/>
  <c r="AF39387" i="1"/>
  <c r="AF39388" i="1"/>
  <c r="AF39389" i="1"/>
  <c r="AF39390" i="1"/>
  <c r="AF39391" i="1"/>
  <c r="AF39392" i="1"/>
  <c r="AF39393" i="1"/>
  <c r="AF39394" i="1"/>
  <c r="AF39395" i="1"/>
  <c r="AF39396" i="1"/>
  <c r="AF39397" i="1"/>
  <c r="AF39398" i="1"/>
  <c r="AF39399" i="1"/>
  <c r="AF39400" i="1"/>
  <c r="AF39401" i="1"/>
  <c r="AF39402" i="1"/>
  <c r="AF39403" i="1"/>
  <c r="AF39404" i="1"/>
  <c r="AF39405" i="1"/>
  <c r="AF39406" i="1"/>
  <c r="AF39407" i="1"/>
  <c r="AF39408" i="1"/>
  <c r="AF39409" i="1"/>
  <c r="AF39410" i="1"/>
  <c r="AF39411" i="1"/>
  <c r="AF39412" i="1"/>
  <c r="AF39413" i="1"/>
  <c r="AF39414" i="1"/>
  <c r="AF39415" i="1"/>
  <c r="AF39416" i="1"/>
  <c r="AF39417" i="1"/>
  <c r="AF39418" i="1"/>
  <c r="AF39419" i="1"/>
  <c r="AF39420" i="1"/>
  <c r="AF39421" i="1"/>
  <c r="AF39422" i="1"/>
  <c r="AF39423" i="1"/>
  <c r="AF39424" i="1"/>
  <c r="AF39425" i="1"/>
  <c r="AF39426" i="1"/>
  <c r="AF39427" i="1"/>
  <c r="AF39428" i="1"/>
  <c r="AF39429" i="1"/>
  <c r="AF39430" i="1"/>
  <c r="AF39431" i="1"/>
  <c r="AF39432" i="1"/>
  <c r="AF39433" i="1"/>
  <c r="AF39434" i="1"/>
  <c r="AF39435" i="1"/>
  <c r="AF39436" i="1"/>
  <c r="AF39437" i="1"/>
  <c r="AF39438" i="1"/>
  <c r="AF39439" i="1"/>
  <c r="AF39440" i="1"/>
  <c r="AF39441" i="1"/>
  <c r="AF39442" i="1"/>
  <c r="AF39443" i="1"/>
  <c r="AF39444" i="1"/>
  <c r="AF39445" i="1"/>
  <c r="AF39446" i="1"/>
  <c r="AF39447" i="1"/>
  <c r="AF39448" i="1"/>
  <c r="AF39449" i="1"/>
  <c r="AF39450" i="1"/>
  <c r="AF39451" i="1"/>
  <c r="AF39452" i="1"/>
  <c r="AF39453" i="1"/>
  <c r="AF39454" i="1"/>
  <c r="AF39455" i="1"/>
  <c r="AF39456" i="1"/>
  <c r="AF39457" i="1"/>
  <c r="AF39458" i="1"/>
  <c r="AF39459" i="1"/>
  <c r="AF39460" i="1"/>
  <c r="AF39461" i="1"/>
  <c r="AF39462" i="1"/>
  <c r="AF39463" i="1"/>
  <c r="AF39464" i="1"/>
  <c r="AF39465" i="1"/>
  <c r="AF39466" i="1"/>
  <c r="AF39467" i="1"/>
  <c r="AF39468" i="1"/>
  <c r="AF39469" i="1"/>
  <c r="AF39470" i="1"/>
  <c r="AF39471" i="1"/>
  <c r="AF39472" i="1"/>
  <c r="AF39473" i="1"/>
  <c r="AF39474" i="1"/>
  <c r="AF39475" i="1"/>
  <c r="AF39476" i="1"/>
  <c r="AF39477" i="1"/>
  <c r="AF39478" i="1"/>
  <c r="AF39479" i="1"/>
  <c r="AF39480" i="1"/>
  <c r="AF39481" i="1"/>
  <c r="AF39482" i="1"/>
  <c r="AF39483" i="1"/>
  <c r="AF39484" i="1"/>
  <c r="AF39485" i="1"/>
  <c r="AF39486" i="1"/>
  <c r="AF39487" i="1"/>
  <c r="AF39488" i="1"/>
  <c r="AF39489" i="1"/>
  <c r="AF39490" i="1"/>
  <c r="AF39491" i="1"/>
  <c r="AF39492" i="1"/>
  <c r="AF39493" i="1"/>
  <c r="AF39494" i="1"/>
  <c r="AF39495" i="1"/>
  <c r="AF39496" i="1"/>
  <c r="AF39497" i="1"/>
  <c r="AF39498" i="1"/>
  <c r="AF39499" i="1"/>
  <c r="AF39500" i="1"/>
  <c r="AF39501" i="1"/>
  <c r="AF39502" i="1"/>
  <c r="AF39503" i="1"/>
  <c r="AF39504" i="1"/>
  <c r="AF39505" i="1"/>
  <c r="AF39506" i="1"/>
  <c r="AF39507" i="1"/>
  <c r="AF39508" i="1"/>
  <c r="AF39509" i="1"/>
  <c r="AF39510" i="1"/>
  <c r="AF39511" i="1"/>
  <c r="AF39512" i="1"/>
  <c r="AF39513" i="1"/>
  <c r="AF39514" i="1"/>
  <c r="AF39515" i="1"/>
  <c r="AF39516" i="1"/>
  <c r="AF39517" i="1"/>
  <c r="AF39518" i="1"/>
  <c r="AF39519" i="1"/>
  <c r="AF39520" i="1"/>
  <c r="AF39521" i="1"/>
  <c r="AF39522" i="1"/>
  <c r="AF39523" i="1"/>
  <c r="AF39524" i="1"/>
  <c r="AF39525" i="1"/>
  <c r="AF39526" i="1"/>
  <c r="AF39527" i="1"/>
  <c r="AF39528" i="1"/>
  <c r="AF39529" i="1"/>
  <c r="AF39530" i="1"/>
  <c r="AF39531" i="1"/>
  <c r="AF39532" i="1"/>
  <c r="AF39533" i="1"/>
  <c r="AF39534" i="1"/>
  <c r="AF39535" i="1"/>
  <c r="AF39536" i="1"/>
  <c r="AF39537" i="1"/>
  <c r="AF39538" i="1"/>
  <c r="AF39539" i="1"/>
  <c r="AF39540" i="1"/>
  <c r="AF39541" i="1"/>
  <c r="AF39542" i="1"/>
  <c r="AF39543" i="1"/>
  <c r="AF39544" i="1"/>
  <c r="AF39545" i="1"/>
  <c r="AF39546" i="1"/>
  <c r="AF39547" i="1"/>
  <c r="AF39548" i="1"/>
  <c r="AF39549" i="1"/>
  <c r="AF39550" i="1"/>
  <c r="AF39551" i="1"/>
  <c r="AF39552" i="1"/>
  <c r="AF39553" i="1"/>
  <c r="AF39554" i="1"/>
  <c r="AF39555" i="1"/>
  <c r="AF39556" i="1"/>
  <c r="AF39557" i="1"/>
  <c r="AF39558" i="1"/>
  <c r="AF39559" i="1"/>
  <c r="AF39560" i="1"/>
  <c r="AF39561" i="1"/>
  <c r="AF39562" i="1"/>
  <c r="AF39563" i="1"/>
  <c r="AF39564" i="1"/>
  <c r="AF39565" i="1"/>
  <c r="AF39566" i="1"/>
  <c r="AF39567" i="1"/>
  <c r="AF39568" i="1"/>
  <c r="AF39569" i="1"/>
  <c r="AF39570" i="1"/>
  <c r="AF39571" i="1"/>
  <c r="AF39572" i="1"/>
  <c r="AF39573" i="1"/>
  <c r="AF39574" i="1"/>
  <c r="AF39575" i="1"/>
  <c r="AF39576" i="1"/>
  <c r="AF39577" i="1"/>
  <c r="AF39578" i="1"/>
  <c r="AF39579" i="1"/>
  <c r="AF39580" i="1"/>
  <c r="AF39581" i="1"/>
  <c r="AF39582" i="1"/>
  <c r="AF39583" i="1"/>
  <c r="AF39584" i="1"/>
  <c r="AF39585" i="1"/>
  <c r="AF39586" i="1"/>
  <c r="AF39587" i="1"/>
  <c r="AF39588" i="1"/>
  <c r="AF39589" i="1"/>
  <c r="AF39590" i="1"/>
  <c r="AF39591" i="1"/>
  <c r="AF39592" i="1"/>
  <c r="AF39593" i="1"/>
  <c r="AF39594" i="1"/>
  <c r="AF39595" i="1"/>
  <c r="AF39596" i="1"/>
  <c r="AF39597" i="1"/>
  <c r="AF39598" i="1"/>
  <c r="AF39599" i="1"/>
  <c r="AF39600" i="1"/>
  <c r="AF39601" i="1"/>
  <c r="AF39602" i="1"/>
  <c r="AF39603" i="1"/>
  <c r="AF39604" i="1"/>
  <c r="AF39605" i="1"/>
  <c r="AF39606" i="1"/>
  <c r="AF39607" i="1"/>
  <c r="AF39608" i="1"/>
  <c r="AF39609" i="1"/>
  <c r="AF39610" i="1"/>
  <c r="AF39611" i="1"/>
  <c r="AF39612" i="1"/>
  <c r="AF39613" i="1"/>
  <c r="AF39614" i="1"/>
  <c r="AF39615" i="1"/>
  <c r="AF39616" i="1"/>
  <c r="AF39617" i="1"/>
  <c r="AF39618" i="1"/>
  <c r="AF39619" i="1"/>
  <c r="AF39620" i="1"/>
  <c r="AF39621" i="1"/>
  <c r="AF39622" i="1"/>
  <c r="AF39623" i="1"/>
  <c r="AF39624" i="1"/>
  <c r="AF39625" i="1"/>
  <c r="AF39626" i="1"/>
  <c r="AF39627" i="1"/>
  <c r="AF39628" i="1"/>
  <c r="AF39629" i="1"/>
  <c r="AF39630" i="1"/>
  <c r="AF39631" i="1"/>
  <c r="AF39632" i="1"/>
  <c r="AF39633" i="1"/>
  <c r="AF39634" i="1"/>
  <c r="AF39635" i="1"/>
  <c r="AF39636" i="1"/>
  <c r="AF39637" i="1"/>
  <c r="AF39638" i="1"/>
  <c r="AF39639" i="1"/>
  <c r="AF39640" i="1"/>
  <c r="AF39641" i="1"/>
  <c r="AF39642" i="1"/>
  <c r="AF39643" i="1"/>
  <c r="AF39644" i="1"/>
  <c r="AF39645" i="1"/>
  <c r="AF39646" i="1"/>
  <c r="AF39647" i="1"/>
  <c r="AF39648" i="1"/>
  <c r="AF39649" i="1"/>
  <c r="AF39650" i="1"/>
  <c r="AF39651" i="1"/>
  <c r="AF39652" i="1"/>
  <c r="AF39653" i="1"/>
  <c r="AF39654" i="1"/>
  <c r="AF39655" i="1"/>
  <c r="AF39656" i="1"/>
  <c r="AF39657" i="1"/>
  <c r="AF39658" i="1"/>
  <c r="AF39659" i="1"/>
  <c r="AF39660" i="1"/>
  <c r="AF39661" i="1"/>
  <c r="AF39662" i="1"/>
  <c r="AF39663" i="1"/>
  <c r="AF39664" i="1"/>
  <c r="AF39665" i="1"/>
  <c r="AF39666" i="1"/>
  <c r="AF39667" i="1"/>
  <c r="AF39668" i="1"/>
  <c r="AF39669" i="1"/>
  <c r="AF39670" i="1"/>
  <c r="AF39671" i="1"/>
  <c r="AF39672" i="1"/>
  <c r="AF39673" i="1"/>
  <c r="AF39674" i="1"/>
  <c r="AF39675" i="1"/>
  <c r="AF39676" i="1"/>
  <c r="AF39677" i="1"/>
  <c r="AF39678" i="1"/>
  <c r="AF39679" i="1"/>
  <c r="AF39680" i="1"/>
  <c r="AF39681" i="1"/>
  <c r="AF39682" i="1"/>
  <c r="AF39683" i="1"/>
  <c r="AF39684" i="1"/>
  <c r="AF39685" i="1"/>
  <c r="AF39686" i="1"/>
  <c r="AF39687" i="1"/>
  <c r="AF39688" i="1"/>
  <c r="AF39689" i="1"/>
  <c r="AF39690" i="1"/>
  <c r="AF39691" i="1"/>
  <c r="AF39692" i="1"/>
  <c r="AF39693" i="1"/>
  <c r="AF39694" i="1"/>
  <c r="AF39695" i="1"/>
  <c r="AF39696" i="1"/>
  <c r="AF39697" i="1"/>
  <c r="AF39698" i="1"/>
  <c r="AF39699" i="1"/>
  <c r="AF39700" i="1"/>
  <c r="AF39701" i="1"/>
  <c r="AF39702" i="1"/>
  <c r="AF39703" i="1"/>
  <c r="AF39704" i="1"/>
  <c r="AF39705" i="1"/>
  <c r="AF39706" i="1"/>
  <c r="AF39707" i="1"/>
  <c r="AF39708" i="1"/>
  <c r="AF39709" i="1"/>
  <c r="AF39710" i="1"/>
  <c r="AF39711" i="1"/>
  <c r="AF39712" i="1"/>
  <c r="AF39713" i="1"/>
  <c r="AF39714" i="1"/>
  <c r="AF39715" i="1"/>
  <c r="AF39716" i="1"/>
  <c r="AF39717" i="1"/>
  <c r="AF39718" i="1"/>
  <c r="AF39719" i="1"/>
  <c r="AF39720" i="1"/>
  <c r="AF39721" i="1"/>
  <c r="AF39722" i="1"/>
  <c r="AF39723" i="1"/>
  <c r="AF39724" i="1"/>
  <c r="AF39725" i="1"/>
  <c r="AF39726" i="1"/>
  <c r="AF39727" i="1"/>
  <c r="AF39728" i="1"/>
  <c r="AF39729" i="1"/>
  <c r="AF39730" i="1"/>
  <c r="AF39731" i="1"/>
  <c r="AF39732" i="1"/>
  <c r="AF39733" i="1"/>
  <c r="AF39734" i="1"/>
  <c r="AF39735" i="1"/>
  <c r="AF39736" i="1"/>
  <c r="AF39737" i="1"/>
  <c r="AF39738" i="1"/>
  <c r="AF39739" i="1"/>
  <c r="AF39740" i="1"/>
  <c r="AF39741" i="1"/>
  <c r="AF39742" i="1"/>
  <c r="AF39743" i="1"/>
  <c r="AF39744" i="1"/>
  <c r="AF39745" i="1"/>
  <c r="AF39746" i="1"/>
  <c r="AF39747" i="1"/>
  <c r="AF39748" i="1"/>
  <c r="AF39749" i="1"/>
  <c r="AF39750" i="1"/>
  <c r="AF39751" i="1"/>
  <c r="AF39752" i="1"/>
  <c r="AF39753" i="1"/>
  <c r="AF39754" i="1"/>
  <c r="AF39755" i="1"/>
  <c r="AF39756" i="1"/>
  <c r="AF39757" i="1"/>
  <c r="AF39758" i="1"/>
  <c r="AF39759" i="1"/>
  <c r="AF39760" i="1"/>
  <c r="AF39761" i="1"/>
  <c r="AF39762" i="1"/>
  <c r="AF39763" i="1"/>
  <c r="AF39764" i="1"/>
  <c r="AF39765" i="1"/>
  <c r="AF39766" i="1"/>
  <c r="AF39767" i="1"/>
  <c r="AF39768" i="1"/>
  <c r="AF39769" i="1"/>
  <c r="AF39770" i="1"/>
  <c r="AF39771" i="1"/>
  <c r="AF39772" i="1"/>
  <c r="AF39773" i="1"/>
  <c r="AF39774" i="1"/>
  <c r="AF39775" i="1"/>
  <c r="AF39776" i="1"/>
  <c r="AF39777" i="1"/>
  <c r="AF39778" i="1"/>
  <c r="AF39779" i="1"/>
  <c r="AF39780" i="1"/>
  <c r="AF39781" i="1"/>
  <c r="AF39782" i="1"/>
  <c r="AF39783" i="1"/>
  <c r="AF39784" i="1"/>
  <c r="AF39785" i="1"/>
  <c r="AF39786" i="1"/>
  <c r="AF39787" i="1"/>
  <c r="AF39788" i="1"/>
  <c r="AF39789" i="1"/>
  <c r="AF39790" i="1"/>
  <c r="AF39791" i="1"/>
  <c r="AF39792" i="1"/>
  <c r="AF39793" i="1"/>
  <c r="AF39794" i="1"/>
  <c r="AF39795" i="1"/>
  <c r="AF39796" i="1"/>
  <c r="AF39797" i="1"/>
  <c r="AF39798" i="1"/>
  <c r="AF39799" i="1"/>
  <c r="AF39800" i="1"/>
  <c r="AF39801" i="1"/>
  <c r="AF39802" i="1"/>
  <c r="AF39803" i="1"/>
  <c r="AF39804" i="1"/>
  <c r="AF39805" i="1"/>
  <c r="AF39806" i="1"/>
  <c r="AF39807" i="1"/>
  <c r="AF39808" i="1"/>
  <c r="AF39809" i="1"/>
  <c r="AF39810" i="1"/>
  <c r="AF39811" i="1"/>
  <c r="AF39812" i="1"/>
  <c r="AF39813" i="1"/>
  <c r="AF39814" i="1"/>
  <c r="AF39815" i="1"/>
  <c r="AF39816" i="1"/>
  <c r="AF39817" i="1"/>
  <c r="AF39818" i="1"/>
  <c r="AF39819" i="1"/>
  <c r="AF39820" i="1"/>
  <c r="AF39821" i="1"/>
  <c r="AF39822" i="1"/>
  <c r="AF39823" i="1"/>
  <c r="AF39824" i="1"/>
  <c r="AF39825" i="1"/>
  <c r="AF39826" i="1"/>
  <c r="AF39827" i="1"/>
  <c r="AF39828" i="1"/>
  <c r="AF39829" i="1"/>
  <c r="AF39830" i="1"/>
  <c r="AF39831" i="1"/>
  <c r="AF39832" i="1"/>
  <c r="AF39833" i="1"/>
  <c r="AF39834" i="1"/>
  <c r="AF39835" i="1"/>
  <c r="AF39836" i="1"/>
  <c r="AF39837" i="1"/>
  <c r="AF39838" i="1"/>
  <c r="AF39839" i="1"/>
  <c r="AF39840" i="1"/>
  <c r="AF39841" i="1"/>
  <c r="AF39842" i="1"/>
  <c r="AF39843" i="1"/>
  <c r="AF39844" i="1"/>
  <c r="AF39845" i="1"/>
  <c r="AF39846" i="1"/>
  <c r="AF39847" i="1"/>
  <c r="AF39848" i="1"/>
  <c r="AF39849" i="1"/>
  <c r="AF39850" i="1"/>
  <c r="AF39851" i="1"/>
  <c r="AF39852" i="1"/>
  <c r="AF39853" i="1"/>
  <c r="AF39854" i="1"/>
  <c r="AF39855" i="1"/>
  <c r="AF39856" i="1"/>
  <c r="AF39857" i="1"/>
  <c r="AF39858" i="1"/>
  <c r="AF39859" i="1"/>
  <c r="AF39860" i="1"/>
  <c r="AF39861" i="1"/>
  <c r="AF39862" i="1"/>
  <c r="AF39863" i="1"/>
  <c r="AF39864" i="1"/>
  <c r="AF39865" i="1"/>
  <c r="AF39866" i="1"/>
  <c r="AF39867" i="1"/>
  <c r="AF39868" i="1"/>
  <c r="AF39869" i="1"/>
  <c r="AF39870" i="1"/>
  <c r="AF39871" i="1"/>
  <c r="AF39872" i="1"/>
  <c r="AF39873" i="1"/>
  <c r="AF39874" i="1"/>
  <c r="AF39875" i="1"/>
  <c r="AF39876" i="1"/>
  <c r="AF39877" i="1"/>
  <c r="AF39878" i="1"/>
  <c r="AF39879" i="1"/>
  <c r="AF39880" i="1"/>
  <c r="AF39881" i="1"/>
  <c r="AF39882" i="1"/>
  <c r="AF39883" i="1"/>
  <c r="AF39884" i="1"/>
  <c r="AF39885" i="1"/>
  <c r="AF39886" i="1"/>
  <c r="AF39887" i="1"/>
  <c r="AF39888" i="1"/>
  <c r="AF39889" i="1"/>
  <c r="AF39890" i="1"/>
  <c r="AF39891" i="1"/>
  <c r="AF39892" i="1"/>
  <c r="AF39893" i="1"/>
  <c r="AF39894" i="1"/>
  <c r="AF39895" i="1"/>
  <c r="AF39896" i="1"/>
  <c r="AF39897" i="1"/>
  <c r="AF39898" i="1"/>
  <c r="AF39899" i="1"/>
  <c r="AF39900" i="1"/>
  <c r="AF39901" i="1"/>
  <c r="AF39902" i="1"/>
  <c r="AF39903" i="1"/>
  <c r="AF39904" i="1"/>
  <c r="AF39905" i="1"/>
  <c r="AF39906" i="1"/>
  <c r="AF39907" i="1"/>
  <c r="AF39908" i="1"/>
  <c r="AF39909" i="1"/>
  <c r="AF39910" i="1"/>
  <c r="AF39911" i="1"/>
  <c r="AF39912" i="1"/>
  <c r="AF39913" i="1"/>
  <c r="AF39914" i="1"/>
  <c r="AF39915" i="1"/>
  <c r="AF39916" i="1"/>
  <c r="AF39917" i="1"/>
  <c r="AF39918" i="1"/>
  <c r="AF39919" i="1"/>
  <c r="AF39920" i="1"/>
  <c r="AF39921" i="1"/>
  <c r="AF39922" i="1"/>
  <c r="AF39923" i="1"/>
  <c r="AF39924" i="1"/>
  <c r="AF39925" i="1"/>
  <c r="AF39926" i="1"/>
  <c r="AF39927" i="1"/>
  <c r="AF39928" i="1"/>
  <c r="AF39929" i="1"/>
  <c r="AF39930" i="1"/>
  <c r="AF39931" i="1"/>
  <c r="AF39932" i="1"/>
  <c r="AF39933" i="1"/>
  <c r="AF39934" i="1"/>
  <c r="AF39935" i="1"/>
  <c r="AF39936" i="1"/>
  <c r="AF39937" i="1"/>
  <c r="AF39938" i="1"/>
  <c r="AF39939" i="1"/>
  <c r="AF39940" i="1"/>
  <c r="AF39941" i="1"/>
  <c r="AF39942" i="1"/>
  <c r="AF39943" i="1"/>
  <c r="AF39944" i="1"/>
  <c r="AF39945" i="1"/>
  <c r="AF39946" i="1"/>
  <c r="AF39947" i="1"/>
  <c r="AF39948" i="1"/>
  <c r="AF39949" i="1"/>
  <c r="AF39950" i="1"/>
  <c r="AF39951" i="1"/>
  <c r="AF39952" i="1"/>
  <c r="AF39953" i="1"/>
  <c r="AF39954" i="1"/>
  <c r="AF39955" i="1"/>
  <c r="AF39956" i="1"/>
  <c r="AF39957" i="1"/>
  <c r="AF39958" i="1"/>
  <c r="AF39959" i="1"/>
  <c r="AF39960" i="1"/>
  <c r="AF39961" i="1"/>
  <c r="AF39962" i="1"/>
  <c r="AF39963" i="1"/>
  <c r="AF39964" i="1"/>
  <c r="AF39965" i="1"/>
  <c r="AF39966" i="1"/>
  <c r="AF39967" i="1"/>
  <c r="AF39968" i="1"/>
  <c r="AF39969" i="1"/>
  <c r="AF39970" i="1"/>
  <c r="AF39971" i="1"/>
  <c r="AF39972" i="1"/>
  <c r="AF39973" i="1"/>
  <c r="AF39974" i="1"/>
  <c r="AF39975" i="1"/>
  <c r="AF39976" i="1"/>
  <c r="AF39977" i="1"/>
  <c r="AF39978" i="1"/>
  <c r="AF39979" i="1"/>
  <c r="AF39980" i="1"/>
  <c r="AF39981" i="1"/>
  <c r="AF39982" i="1"/>
  <c r="AF39983" i="1"/>
  <c r="AF39984" i="1"/>
  <c r="AF39985" i="1"/>
  <c r="AF39986" i="1"/>
  <c r="AF39987" i="1"/>
  <c r="AF39988" i="1"/>
  <c r="AF39989" i="1"/>
  <c r="AF39990" i="1"/>
  <c r="AF39991" i="1"/>
  <c r="AF39992" i="1"/>
  <c r="AF39993" i="1"/>
  <c r="AF39994" i="1"/>
  <c r="AF39995" i="1"/>
  <c r="AF39996" i="1"/>
  <c r="AF39997" i="1"/>
  <c r="AF39998" i="1"/>
  <c r="AF39999" i="1"/>
  <c r="AF40000" i="1"/>
  <c r="AF40001" i="1"/>
  <c r="AF40002" i="1"/>
  <c r="AF40003" i="1"/>
  <c r="AF40004" i="1"/>
  <c r="AF40005" i="1"/>
  <c r="AF40006" i="1"/>
  <c r="AF40007" i="1"/>
  <c r="AF40008" i="1"/>
  <c r="AF40009" i="1"/>
  <c r="AF40010" i="1"/>
  <c r="AF40011" i="1"/>
  <c r="AF40012" i="1"/>
  <c r="AF40013" i="1"/>
  <c r="AF40014" i="1"/>
  <c r="AF40015" i="1"/>
  <c r="AF40016" i="1"/>
  <c r="AF40017" i="1"/>
  <c r="AF40018" i="1"/>
  <c r="AF40019" i="1"/>
  <c r="AF40020" i="1"/>
  <c r="AF40021" i="1"/>
  <c r="AF40022" i="1"/>
  <c r="AF40023" i="1"/>
  <c r="AF40024" i="1"/>
  <c r="AF40025" i="1"/>
  <c r="AF40026" i="1"/>
  <c r="AF40027" i="1"/>
  <c r="AF40028" i="1"/>
  <c r="AF40029" i="1"/>
  <c r="AF40030" i="1"/>
  <c r="AF40031" i="1"/>
  <c r="AF40032" i="1"/>
  <c r="AF40033" i="1"/>
  <c r="AF40034" i="1"/>
  <c r="AF40035" i="1"/>
  <c r="AF40036" i="1"/>
  <c r="AF40037" i="1"/>
  <c r="AF40038" i="1"/>
  <c r="AF40039" i="1"/>
  <c r="AF40040" i="1"/>
  <c r="AF40041" i="1"/>
  <c r="AF40042" i="1"/>
  <c r="AF40043" i="1"/>
  <c r="AF40044" i="1"/>
  <c r="AF40045" i="1"/>
  <c r="AF40046" i="1"/>
  <c r="AF40047" i="1"/>
  <c r="AF40048" i="1"/>
  <c r="AF40049" i="1"/>
  <c r="AF40050" i="1"/>
  <c r="AF40051" i="1"/>
  <c r="AF40052" i="1"/>
  <c r="AF40053" i="1"/>
  <c r="AF40054" i="1"/>
  <c r="AF40055" i="1"/>
  <c r="AF40056" i="1"/>
  <c r="AF40057" i="1"/>
  <c r="AF40058" i="1"/>
  <c r="AF40059" i="1"/>
  <c r="AF40060" i="1"/>
  <c r="AF40061" i="1"/>
  <c r="AF40062" i="1"/>
  <c r="AF40063" i="1"/>
  <c r="AF40064" i="1"/>
  <c r="AF40065" i="1"/>
  <c r="AF40066" i="1"/>
  <c r="AF40067" i="1"/>
  <c r="AF40068" i="1"/>
  <c r="AF40069" i="1"/>
  <c r="AF40070" i="1"/>
  <c r="AF40071" i="1"/>
  <c r="AF40072" i="1"/>
  <c r="AF40073" i="1"/>
  <c r="AF40074" i="1"/>
  <c r="AF40075" i="1"/>
  <c r="AF40076" i="1"/>
  <c r="AF40077" i="1"/>
  <c r="AF40078" i="1"/>
  <c r="AF40079" i="1"/>
  <c r="AF40080" i="1"/>
  <c r="AF40081" i="1"/>
  <c r="AF40082" i="1"/>
  <c r="AF40083" i="1"/>
  <c r="AF40084" i="1"/>
  <c r="AF40085" i="1"/>
  <c r="AF40086" i="1"/>
  <c r="AF40087" i="1"/>
  <c r="AF40088" i="1"/>
  <c r="AF40089" i="1"/>
  <c r="AF40090" i="1"/>
  <c r="AF40091" i="1"/>
  <c r="AF40092" i="1"/>
  <c r="AF40093" i="1"/>
  <c r="AF40094" i="1"/>
  <c r="AF40095" i="1"/>
  <c r="AF40096" i="1"/>
  <c r="AF40097" i="1"/>
  <c r="AF40098" i="1"/>
  <c r="AF40099" i="1"/>
  <c r="AF40100" i="1"/>
  <c r="AF40101" i="1"/>
  <c r="AF40102" i="1"/>
  <c r="AF40103" i="1"/>
  <c r="AF40104" i="1"/>
  <c r="AF40105" i="1"/>
  <c r="AF40106" i="1"/>
  <c r="AF40107" i="1"/>
  <c r="AF40108" i="1"/>
  <c r="AF40109" i="1"/>
  <c r="AF40110" i="1"/>
  <c r="AF40111" i="1"/>
  <c r="AF40112" i="1"/>
  <c r="AF40113" i="1"/>
  <c r="AF40114" i="1"/>
  <c r="AF40115" i="1"/>
  <c r="AF40116" i="1"/>
  <c r="AF40117" i="1"/>
  <c r="AF40118" i="1"/>
  <c r="AF40119" i="1"/>
  <c r="AF40120" i="1"/>
  <c r="AF40121" i="1"/>
  <c r="AF40122" i="1"/>
  <c r="AF40123" i="1"/>
  <c r="AF40124" i="1"/>
  <c r="AF40125" i="1"/>
  <c r="AF40126" i="1"/>
  <c r="AF40127" i="1"/>
  <c r="AF40128" i="1"/>
  <c r="AF40129" i="1"/>
  <c r="AF40130" i="1"/>
  <c r="AF40131" i="1"/>
  <c r="AF40132" i="1"/>
  <c r="AF40133" i="1"/>
  <c r="AF40134" i="1"/>
  <c r="AF40135" i="1"/>
  <c r="AF40136" i="1"/>
  <c r="AF40137" i="1"/>
  <c r="AF40138" i="1"/>
  <c r="AF40139" i="1"/>
  <c r="AF40140" i="1"/>
  <c r="AF40141" i="1"/>
  <c r="AF40142" i="1"/>
  <c r="AF40143" i="1"/>
  <c r="AF40144" i="1"/>
  <c r="AF40145" i="1"/>
  <c r="AF40146" i="1"/>
  <c r="AF40147" i="1"/>
  <c r="AF40148" i="1"/>
  <c r="AF40149" i="1"/>
  <c r="AF40150" i="1"/>
  <c r="AF40151" i="1"/>
  <c r="AF40152" i="1"/>
  <c r="AF40153" i="1"/>
  <c r="AF40154" i="1"/>
  <c r="AF40155" i="1"/>
  <c r="AF40156" i="1"/>
  <c r="AF40157" i="1"/>
  <c r="AF40158" i="1"/>
  <c r="AF40159" i="1"/>
  <c r="AF40160" i="1"/>
  <c r="AF40161" i="1"/>
  <c r="AF40162" i="1"/>
  <c r="AF40163" i="1"/>
  <c r="AF40164" i="1"/>
  <c r="AF40165" i="1"/>
  <c r="AF40166" i="1"/>
  <c r="AF40167" i="1"/>
  <c r="AF40168" i="1"/>
  <c r="AF40169" i="1"/>
  <c r="AF40170" i="1"/>
  <c r="AF40171" i="1"/>
  <c r="AF40172" i="1"/>
  <c r="AF40173" i="1"/>
  <c r="AF40174" i="1"/>
  <c r="AF40175" i="1"/>
  <c r="AF40176" i="1"/>
  <c r="AF40177" i="1"/>
  <c r="AF40178" i="1"/>
  <c r="AF40179" i="1"/>
  <c r="AF40180" i="1"/>
  <c r="AF40181" i="1"/>
  <c r="AF40182" i="1"/>
  <c r="AF40183" i="1"/>
  <c r="AF40184" i="1"/>
  <c r="AF40185" i="1"/>
  <c r="AF40186" i="1"/>
  <c r="AF40187" i="1"/>
  <c r="AF40188" i="1"/>
  <c r="AF40189" i="1"/>
  <c r="AF40190" i="1"/>
  <c r="AF40191" i="1"/>
  <c r="AF40192" i="1"/>
  <c r="AF40193" i="1"/>
  <c r="AF40194" i="1"/>
  <c r="AF40195" i="1"/>
  <c r="AF40196" i="1"/>
  <c r="AF40197" i="1"/>
  <c r="AF40198" i="1"/>
  <c r="AF40199" i="1"/>
  <c r="AF40200" i="1"/>
  <c r="AF40201" i="1"/>
  <c r="AF40202" i="1"/>
  <c r="AF40203" i="1"/>
  <c r="AF40204" i="1"/>
  <c r="AF40205" i="1"/>
  <c r="AF40206" i="1"/>
  <c r="AF40207" i="1"/>
  <c r="AF40208" i="1"/>
  <c r="AF40209" i="1"/>
  <c r="AF40210" i="1"/>
  <c r="AF40211" i="1"/>
  <c r="AF40212" i="1"/>
  <c r="AF40213" i="1"/>
  <c r="AF40214" i="1"/>
  <c r="AF40215" i="1"/>
  <c r="AF40216" i="1"/>
  <c r="AF40217" i="1"/>
  <c r="AF40218" i="1"/>
  <c r="AF40219" i="1"/>
  <c r="AF40220" i="1"/>
  <c r="AF40221" i="1"/>
  <c r="AF40222" i="1"/>
  <c r="AF40223" i="1"/>
  <c r="AF40224" i="1"/>
  <c r="AF40225" i="1"/>
  <c r="AF40226" i="1"/>
  <c r="AF40227" i="1"/>
  <c r="AF40228" i="1"/>
  <c r="AF40229" i="1"/>
  <c r="AF40230" i="1"/>
  <c r="AF40231" i="1"/>
  <c r="AF40232" i="1"/>
  <c r="AF40233" i="1"/>
  <c r="AF40234" i="1"/>
  <c r="AF40235" i="1"/>
  <c r="AF40236" i="1"/>
  <c r="AF40237" i="1"/>
  <c r="AF40238" i="1"/>
  <c r="AF40239" i="1"/>
  <c r="AF40240" i="1"/>
  <c r="AF40241" i="1"/>
  <c r="AF40242" i="1"/>
  <c r="AF40243" i="1"/>
  <c r="AF40244" i="1"/>
  <c r="AF40245" i="1"/>
  <c r="AF40246" i="1"/>
  <c r="AF40247" i="1"/>
  <c r="AF40248" i="1"/>
  <c r="AF40249" i="1"/>
  <c r="AF40250" i="1"/>
  <c r="AF40251" i="1"/>
  <c r="AF40252" i="1"/>
  <c r="AF40253" i="1"/>
  <c r="AF40254" i="1"/>
  <c r="AF40255" i="1"/>
  <c r="AF40256" i="1"/>
  <c r="AF40257" i="1"/>
  <c r="AF40258" i="1"/>
  <c r="AF40259" i="1"/>
  <c r="AF40260" i="1"/>
  <c r="AF40261" i="1"/>
  <c r="AF40262" i="1"/>
  <c r="AF40263" i="1"/>
  <c r="AF40264" i="1"/>
  <c r="AF40265" i="1"/>
  <c r="AF40266" i="1"/>
  <c r="AF40267" i="1"/>
  <c r="AF40268" i="1"/>
  <c r="AF40269" i="1"/>
  <c r="AF40270" i="1"/>
  <c r="AF40271" i="1"/>
  <c r="AF40272" i="1"/>
  <c r="AF40273" i="1"/>
  <c r="AF40274" i="1"/>
  <c r="AF40275" i="1"/>
  <c r="AF40276" i="1"/>
  <c r="AF40277" i="1"/>
  <c r="AF40278" i="1"/>
  <c r="AF40279" i="1"/>
  <c r="AF40280" i="1"/>
  <c r="AF40281" i="1"/>
  <c r="AF40282" i="1"/>
  <c r="AF40283" i="1"/>
  <c r="AF40284" i="1"/>
  <c r="AF40285" i="1"/>
  <c r="AF40286" i="1"/>
  <c r="AF40287" i="1"/>
  <c r="AF40288" i="1"/>
  <c r="AF40289" i="1"/>
  <c r="AF40290" i="1"/>
  <c r="AF40291" i="1"/>
  <c r="AF40292" i="1"/>
  <c r="AF40293" i="1"/>
  <c r="AF40294" i="1"/>
  <c r="AF40295" i="1"/>
  <c r="AF40296" i="1"/>
  <c r="AF40297" i="1"/>
  <c r="AF40298" i="1"/>
  <c r="AF40299" i="1"/>
  <c r="AF40300" i="1"/>
  <c r="AF40301" i="1"/>
  <c r="AF40302" i="1"/>
  <c r="AF40303" i="1"/>
  <c r="AF40304" i="1"/>
  <c r="AF40305" i="1"/>
  <c r="AF40306" i="1"/>
  <c r="AF40307" i="1"/>
  <c r="AF40308" i="1"/>
  <c r="AF40309" i="1"/>
  <c r="AF40310" i="1"/>
  <c r="AF40311" i="1"/>
  <c r="AF40312" i="1"/>
  <c r="AF40313" i="1"/>
  <c r="AF40314" i="1"/>
  <c r="AF40315" i="1"/>
  <c r="AF40316" i="1"/>
  <c r="AF40317" i="1"/>
  <c r="AF40318" i="1"/>
  <c r="AF40319" i="1"/>
  <c r="AF40320" i="1"/>
  <c r="AF40321" i="1"/>
  <c r="AF40322" i="1"/>
  <c r="AF40323" i="1"/>
  <c r="AF40324" i="1"/>
  <c r="AF40325" i="1"/>
  <c r="AF40326" i="1"/>
  <c r="AF40327" i="1"/>
  <c r="AF40328" i="1"/>
  <c r="AF40329" i="1"/>
  <c r="AF40330" i="1"/>
  <c r="AF40331" i="1"/>
  <c r="AF40332" i="1"/>
  <c r="AF40333" i="1"/>
  <c r="AF40334" i="1"/>
  <c r="AF40335" i="1"/>
  <c r="AF40336" i="1"/>
  <c r="AF40337" i="1"/>
  <c r="AF40338" i="1"/>
  <c r="AF40339" i="1"/>
  <c r="AF40340" i="1"/>
  <c r="AF40341" i="1"/>
  <c r="AF40342" i="1"/>
  <c r="AF40343" i="1"/>
  <c r="AF40344" i="1"/>
  <c r="AF40345" i="1"/>
  <c r="AF40346" i="1"/>
  <c r="AF40347" i="1"/>
  <c r="AF40348" i="1"/>
  <c r="AF40349" i="1"/>
  <c r="AF40350" i="1"/>
  <c r="AF40351" i="1"/>
  <c r="AF40352" i="1"/>
  <c r="AF40353" i="1"/>
  <c r="AF40354" i="1"/>
  <c r="AF40355" i="1"/>
  <c r="AF40356" i="1"/>
  <c r="AF40357" i="1"/>
  <c r="AF40358" i="1"/>
  <c r="AF40359" i="1"/>
  <c r="AF40360" i="1"/>
  <c r="AF40361" i="1"/>
  <c r="AF40362" i="1"/>
  <c r="AF40363" i="1"/>
  <c r="AF40364" i="1"/>
  <c r="AF40365" i="1"/>
  <c r="AF40366" i="1"/>
  <c r="AF40367" i="1"/>
  <c r="AF40368" i="1"/>
  <c r="AF40369" i="1"/>
  <c r="AF40370" i="1"/>
  <c r="AF40371" i="1"/>
  <c r="AF40372" i="1"/>
  <c r="AF40373" i="1"/>
  <c r="AF40374" i="1"/>
  <c r="AF40375" i="1"/>
  <c r="AF40376" i="1"/>
  <c r="AF40377" i="1"/>
  <c r="AF40378" i="1"/>
  <c r="AF40379" i="1"/>
  <c r="AF40380" i="1"/>
  <c r="AF40381" i="1"/>
  <c r="AF40382" i="1"/>
  <c r="AF40383" i="1"/>
  <c r="AF40384" i="1"/>
  <c r="AF40385" i="1"/>
  <c r="AF40386" i="1"/>
  <c r="AF40387" i="1"/>
  <c r="AF40388" i="1"/>
  <c r="AF40389" i="1"/>
  <c r="AF40390" i="1"/>
  <c r="AF40391" i="1"/>
  <c r="AF40392" i="1"/>
  <c r="AF40393" i="1"/>
  <c r="AF40394" i="1"/>
  <c r="AF40395" i="1"/>
  <c r="AF40396" i="1"/>
  <c r="AF40397" i="1"/>
  <c r="AF40398" i="1"/>
  <c r="AF40399" i="1"/>
  <c r="AF40400" i="1"/>
  <c r="AF40401" i="1"/>
  <c r="AF40402" i="1"/>
  <c r="AF40403" i="1"/>
  <c r="AF40404" i="1"/>
  <c r="AF40405" i="1"/>
  <c r="AF40406" i="1"/>
  <c r="AF40407" i="1"/>
  <c r="AF40408" i="1"/>
  <c r="AF40409" i="1"/>
  <c r="AF40410" i="1"/>
  <c r="AF40411" i="1"/>
  <c r="AF40412" i="1"/>
  <c r="AF40413" i="1"/>
  <c r="AF40414" i="1"/>
  <c r="AF40415" i="1"/>
  <c r="AF40416" i="1"/>
  <c r="AF40417" i="1"/>
  <c r="AF40418" i="1"/>
  <c r="AF40419" i="1"/>
  <c r="AF40420" i="1"/>
  <c r="AF40421" i="1"/>
  <c r="AF40422" i="1"/>
  <c r="AF40423" i="1"/>
  <c r="AF40424" i="1"/>
  <c r="AF40425" i="1"/>
  <c r="AF40426" i="1"/>
  <c r="AF40427" i="1"/>
  <c r="AF40428" i="1"/>
  <c r="AF40429" i="1"/>
  <c r="AF40430" i="1"/>
  <c r="AF40431" i="1"/>
  <c r="AF40432" i="1"/>
  <c r="AF40433" i="1"/>
  <c r="AF40434" i="1"/>
  <c r="AF40435" i="1"/>
  <c r="AF40436" i="1"/>
  <c r="AF40437" i="1"/>
  <c r="AF40438" i="1"/>
  <c r="AF40439" i="1"/>
  <c r="AF40440" i="1"/>
  <c r="AF40441" i="1"/>
  <c r="AF40442" i="1"/>
  <c r="AF40443" i="1"/>
  <c r="AF40444" i="1"/>
  <c r="AF40445" i="1"/>
  <c r="AF40446" i="1"/>
  <c r="AF40447" i="1"/>
  <c r="AF40448" i="1"/>
  <c r="AF40449" i="1"/>
  <c r="AF40450" i="1"/>
  <c r="AF40451" i="1"/>
  <c r="AF40452" i="1"/>
  <c r="AF40453" i="1"/>
  <c r="AF40454" i="1"/>
  <c r="AF40455" i="1"/>
  <c r="AF40456" i="1"/>
  <c r="AF40457" i="1"/>
  <c r="AF40458" i="1"/>
  <c r="AF40459" i="1"/>
  <c r="AF40460" i="1"/>
  <c r="AF40461" i="1"/>
  <c r="AF40462" i="1"/>
  <c r="AF40463" i="1"/>
  <c r="AF40464" i="1"/>
  <c r="AF40465" i="1"/>
  <c r="AF40466" i="1"/>
  <c r="AF40467" i="1"/>
  <c r="AF40468" i="1"/>
  <c r="AF40469" i="1"/>
  <c r="AF40470" i="1"/>
  <c r="AF40471" i="1"/>
  <c r="AF40472" i="1"/>
  <c r="AF40473" i="1"/>
  <c r="AF40474" i="1"/>
  <c r="AF40475" i="1"/>
  <c r="AF40476" i="1"/>
  <c r="AF40477" i="1"/>
  <c r="AF40478" i="1"/>
  <c r="AF40479" i="1"/>
  <c r="AF40480" i="1"/>
  <c r="AF40481" i="1"/>
  <c r="AF40482" i="1"/>
  <c r="AF40483" i="1"/>
  <c r="AF40484" i="1"/>
  <c r="AF40485" i="1"/>
  <c r="AF40486" i="1"/>
  <c r="AF40487" i="1"/>
  <c r="AF40488" i="1"/>
  <c r="AF40489" i="1"/>
  <c r="AF40490" i="1"/>
  <c r="AF40491" i="1"/>
  <c r="AF40492" i="1"/>
  <c r="AF40493" i="1"/>
  <c r="AF40494" i="1"/>
  <c r="AF40495" i="1"/>
  <c r="AF40496" i="1"/>
  <c r="AF40497" i="1"/>
  <c r="AF40498" i="1"/>
  <c r="AF40499" i="1"/>
  <c r="AF40500" i="1"/>
  <c r="AF40501" i="1"/>
  <c r="AF40502" i="1"/>
  <c r="AF40503" i="1"/>
  <c r="AF40504" i="1"/>
  <c r="AF40505" i="1"/>
  <c r="AF40506" i="1"/>
  <c r="AF40507" i="1"/>
  <c r="AF40508" i="1"/>
  <c r="AF40509" i="1"/>
  <c r="AF40510" i="1"/>
  <c r="AF40511" i="1"/>
  <c r="AF40512" i="1"/>
  <c r="AF40513" i="1"/>
  <c r="AF40514" i="1"/>
  <c r="AF40515" i="1"/>
  <c r="AF40516" i="1"/>
  <c r="AF40517" i="1"/>
  <c r="AF40518" i="1"/>
  <c r="AF40519" i="1"/>
  <c r="AF40520" i="1"/>
  <c r="AF40521" i="1"/>
  <c r="AF40522" i="1"/>
  <c r="AF40523" i="1"/>
  <c r="AF40524" i="1"/>
  <c r="AF40525" i="1"/>
  <c r="AF40526" i="1"/>
  <c r="AF40527" i="1"/>
  <c r="AF40528" i="1"/>
  <c r="AF40529" i="1"/>
  <c r="AF40530" i="1"/>
  <c r="AF40531" i="1"/>
  <c r="AF40532" i="1"/>
  <c r="AF40533" i="1"/>
  <c r="AF40534" i="1"/>
  <c r="AF40535" i="1"/>
  <c r="AF40536" i="1"/>
  <c r="AF40537" i="1"/>
  <c r="AF40538" i="1"/>
  <c r="AF40539" i="1"/>
  <c r="AF40540" i="1"/>
  <c r="AF40541" i="1"/>
  <c r="AF40542" i="1"/>
  <c r="AF40543" i="1"/>
  <c r="AF40544" i="1"/>
  <c r="AF40545" i="1"/>
  <c r="AF40546" i="1"/>
  <c r="AF40547" i="1"/>
  <c r="AF40548" i="1"/>
  <c r="AF40549" i="1"/>
  <c r="AF40550" i="1"/>
  <c r="AF40551" i="1"/>
  <c r="AF40552" i="1"/>
  <c r="AF40553" i="1"/>
  <c r="AF40554" i="1"/>
  <c r="AF40555" i="1"/>
  <c r="AF40556" i="1"/>
  <c r="AF40557" i="1"/>
  <c r="AF40558" i="1"/>
  <c r="AF40559" i="1"/>
  <c r="AF40560" i="1"/>
  <c r="AF40561" i="1"/>
  <c r="AF40562" i="1"/>
  <c r="AF40563" i="1"/>
  <c r="AF40564" i="1"/>
  <c r="AF40565" i="1"/>
  <c r="AF40566" i="1"/>
  <c r="AF40567" i="1"/>
  <c r="AF40568" i="1"/>
  <c r="AF40569" i="1"/>
  <c r="AF40570" i="1"/>
  <c r="AF40571" i="1"/>
  <c r="AF40572" i="1"/>
  <c r="AF40573" i="1"/>
  <c r="AF40574" i="1"/>
  <c r="AF40575" i="1"/>
  <c r="AF40576" i="1"/>
  <c r="AF40577" i="1"/>
  <c r="AF40578" i="1"/>
  <c r="AF40579" i="1"/>
  <c r="AF40580" i="1"/>
  <c r="AF40581" i="1"/>
  <c r="AF40582" i="1"/>
  <c r="AF40583" i="1"/>
  <c r="AF40584" i="1"/>
  <c r="AF40585" i="1"/>
  <c r="AF40586" i="1"/>
  <c r="AF40587" i="1"/>
  <c r="AF40588" i="1"/>
  <c r="AF40589" i="1"/>
  <c r="AF40590" i="1"/>
  <c r="AF40591" i="1"/>
  <c r="AF40592" i="1"/>
  <c r="AF40593" i="1"/>
  <c r="AF40594" i="1"/>
  <c r="AF40595" i="1"/>
  <c r="AF40596" i="1"/>
  <c r="AF40597" i="1"/>
  <c r="AF40598" i="1"/>
  <c r="AF40599" i="1"/>
  <c r="AF40600" i="1"/>
  <c r="AF40601" i="1"/>
  <c r="AF40602" i="1"/>
  <c r="AF40603" i="1"/>
  <c r="AF40604" i="1"/>
  <c r="AF40605" i="1"/>
  <c r="AF40606" i="1"/>
  <c r="AF40607" i="1"/>
  <c r="AF40608" i="1"/>
  <c r="AF40609" i="1"/>
  <c r="AF40610" i="1"/>
  <c r="AF40611" i="1"/>
  <c r="AF40612" i="1"/>
  <c r="AF40613" i="1"/>
  <c r="AF40614" i="1"/>
  <c r="AF40615" i="1"/>
  <c r="AF40616" i="1"/>
  <c r="AF40617" i="1"/>
  <c r="AF40618" i="1"/>
  <c r="AF40619" i="1"/>
  <c r="AF40620" i="1"/>
  <c r="AF40621" i="1"/>
  <c r="AF40622" i="1"/>
  <c r="AF40623" i="1"/>
  <c r="AF40624" i="1"/>
  <c r="AF40625" i="1"/>
  <c r="AF40626" i="1"/>
  <c r="AF40627" i="1"/>
  <c r="AF40628" i="1"/>
  <c r="AF40629" i="1"/>
  <c r="AF40630" i="1"/>
  <c r="AF40631" i="1"/>
  <c r="AF40632" i="1"/>
  <c r="AF40633" i="1"/>
  <c r="AF40634" i="1"/>
  <c r="AF40635" i="1"/>
  <c r="AF40636" i="1"/>
  <c r="AF40637" i="1"/>
  <c r="AF40638" i="1"/>
  <c r="AF40639" i="1"/>
  <c r="AF40640" i="1"/>
  <c r="AF40641" i="1"/>
  <c r="AF40642" i="1"/>
  <c r="AF40643" i="1"/>
  <c r="AF40644" i="1"/>
  <c r="AF40645" i="1"/>
  <c r="AF40646" i="1"/>
  <c r="AF40647" i="1"/>
  <c r="AF40648" i="1"/>
  <c r="AF40649" i="1"/>
  <c r="AF40650" i="1"/>
  <c r="AF40651" i="1"/>
  <c r="AF40652" i="1"/>
  <c r="AF40653" i="1"/>
  <c r="AF40654" i="1"/>
  <c r="AF40655" i="1"/>
  <c r="AF40656" i="1"/>
  <c r="AF40657" i="1"/>
  <c r="AF40658" i="1"/>
  <c r="AF40659" i="1"/>
  <c r="AF40660" i="1"/>
  <c r="AF40661" i="1"/>
  <c r="AF40662" i="1"/>
  <c r="AF40663" i="1"/>
  <c r="AF40664" i="1"/>
  <c r="AF40665" i="1"/>
  <c r="AF40666" i="1"/>
  <c r="AF40667" i="1"/>
  <c r="AF40668" i="1"/>
  <c r="AF40669" i="1"/>
  <c r="AF40670" i="1"/>
  <c r="AF40671" i="1"/>
  <c r="AF40672" i="1"/>
  <c r="AF40673" i="1"/>
  <c r="AF40674" i="1"/>
  <c r="AF40675" i="1"/>
  <c r="AF40676" i="1"/>
  <c r="AF40677" i="1"/>
  <c r="AF40678" i="1"/>
  <c r="AF40679" i="1"/>
  <c r="AF40680" i="1"/>
  <c r="AF40681" i="1"/>
  <c r="AF40682" i="1"/>
  <c r="AF40683" i="1"/>
  <c r="AF40684" i="1"/>
  <c r="AF40685" i="1"/>
  <c r="AF40686" i="1"/>
  <c r="AF40687" i="1"/>
  <c r="AF40688" i="1"/>
  <c r="AF40689" i="1"/>
  <c r="AF40690" i="1"/>
  <c r="AF40691" i="1"/>
  <c r="AF40692" i="1"/>
  <c r="AF40693" i="1"/>
  <c r="AF40694" i="1"/>
  <c r="AF40695" i="1"/>
  <c r="AF40696" i="1"/>
  <c r="AF40697" i="1"/>
  <c r="AF40698" i="1"/>
  <c r="AF40699" i="1"/>
  <c r="AF40700" i="1"/>
  <c r="AF40701" i="1"/>
  <c r="AF40702" i="1"/>
  <c r="AF40703" i="1"/>
  <c r="AF40704" i="1"/>
  <c r="AF40705" i="1"/>
  <c r="AF40706" i="1"/>
  <c r="AF40707" i="1"/>
  <c r="AF40708" i="1"/>
  <c r="AF40709" i="1"/>
  <c r="AF40710" i="1"/>
  <c r="AF40711" i="1"/>
  <c r="AF40712" i="1"/>
  <c r="AF40713" i="1"/>
  <c r="AF40714" i="1"/>
  <c r="AF40715" i="1"/>
  <c r="AF40716" i="1"/>
  <c r="AF40717" i="1"/>
  <c r="AF40718" i="1"/>
  <c r="AF40719" i="1"/>
  <c r="AF40720" i="1"/>
  <c r="AF40721" i="1"/>
  <c r="AF40722" i="1"/>
  <c r="AF40723" i="1"/>
  <c r="AF40724" i="1"/>
  <c r="AF40725" i="1"/>
  <c r="AF40726" i="1"/>
  <c r="AF40727" i="1"/>
  <c r="AF40728" i="1"/>
  <c r="AF40729" i="1"/>
  <c r="AF40730" i="1"/>
  <c r="AF40731" i="1"/>
  <c r="AF40732" i="1"/>
  <c r="AF40733" i="1"/>
  <c r="AF40734" i="1"/>
  <c r="AF40735" i="1"/>
  <c r="AF40736" i="1"/>
  <c r="AF40737" i="1"/>
  <c r="AF40738" i="1"/>
  <c r="AF40739" i="1"/>
  <c r="AF40740" i="1"/>
  <c r="AF40741" i="1"/>
  <c r="AF40742" i="1"/>
  <c r="AF40743" i="1"/>
  <c r="AF40744" i="1"/>
  <c r="AF40745" i="1"/>
  <c r="AF40746" i="1"/>
  <c r="AF40747" i="1"/>
  <c r="AF40748" i="1"/>
  <c r="AF40749" i="1"/>
  <c r="AF40750" i="1"/>
  <c r="AF40751" i="1"/>
  <c r="AF40752" i="1"/>
  <c r="AF40753" i="1"/>
  <c r="AF40754" i="1"/>
  <c r="AF40755" i="1"/>
  <c r="AF40756" i="1"/>
  <c r="AF40757" i="1"/>
  <c r="AF40758" i="1"/>
  <c r="AF40759" i="1"/>
  <c r="AF40760" i="1"/>
  <c r="AF40761" i="1"/>
  <c r="AF40762" i="1"/>
  <c r="AF40763" i="1"/>
  <c r="AF40764" i="1"/>
  <c r="AF40765" i="1"/>
  <c r="AF40766" i="1"/>
  <c r="AF40767" i="1"/>
  <c r="AF40768" i="1"/>
  <c r="AF40769" i="1"/>
  <c r="AF40770" i="1"/>
  <c r="AF40771" i="1"/>
  <c r="AF40772" i="1"/>
  <c r="AF40773" i="1"/>
  <c r="AF40774" i="1"/>
  <c r="AF40775" i="1"/>
  <c r="AF40776" i="1"/>
  <c r="AF40777" i="1"/>
  <c r="AF40778" i="1"/>
  <c r="AF40779" i="1"/>
  <c r="AF40780" i="1"/>
  <c r="AF40781" i="1"/>
  <c r="AF40782" i="1"/>
  <c r="AF40783" i="1"/>
  <c r="AF40784" i="1"/>
  <c r="AF40785" i="1"/>
  <c r="AF40786" i="1"/>
  <c r="AF40787" i="1"/>
  <c r="AF40788" i="1"/>
  <c r="AF40789" i="1"/>
  <c r="AF40790" i="1"/>
  <c r="AF40791" i="1"/>
  <c r="AF40792" i="1"/>
  <c r="AF40793" i="1"/>
  <c r="AF40794" i="1"/>
  <c r="AF40795" i="1"/>
  <c r="AF40796" i="1"/>
  <c r="AF40797" i="1"/>
  <c r="AF40798" i="1"/>
  <c r="AF40799" i="1"/>
  <c r="AF40800" i="1"/>
  <c r="AF40801" i="1"/>
  <c r="AF40802" i="1"/>
  <c r="AF40803" i="1"/>
  <c r="AF40804" i="1"/>
  <c r="AF40805" i="1"/>
  <c r="AF40806" i="1"/>
  <c r="AF40807" i="1"/>
  <c r="AF40808" i="1"/>
  <c r="AF40809" i="1"/>
  <c r="AF40810" i="1"/>
  <c r="AF40811" i="1"/>
  <c r="AF40812" i="1"/>
  <c r="AF40813" i="1"/>
  <c r="AF40814" i="1"/>
  <c r="AF40815" i="1"/>
  <c r="AF40816" i="1"/>
  <c r="AF40817" i="1"/>
  <c r="AF40818" i="1"/>
  <c r="AF40819" i="1"/>
  <c r="AF40820" i="1"/>
  <c r="AF40821" i="1"/>
  <c r="AF40822" i="1"/>
  <c r="AF40823" i="1"/>
  <c r="AF40824" i="1"/>
  <c r="AF40825" i="1"/>
  <c r="AF40826" i="1"/>
  <c r="AF40827" i="1"/>
  <c r="AF40828" i="1"/>
  <c r="AF40829" i="1"/>
  <c r="AF40830" i="1"/>
  <c r="AF40831" i="1"/>
  <c r="AF40832" i="1"/>
  <c r="AF40833" i="1"/>
  <c r="AF40834" i="1"/>
  <c r="AF40835" i="1"/>
  <c r="AF40836" i="1"/>
  <c r="AF40837" i="1"/>
  <c r="AF40838" i="1"/>
  <c r="AF40839" i="1"/>
  <c r="AF40840" i="1"/>
  <c r="AF40841" i="1"/>
  <c r="AF40842" i="1"/>
  <c r="AF40843" i="1"/>
  <c r="AF40844" i="1"/>
  <c r="AF40845" i="1"/>
  <c r="AF40846" i="1"/>
  <c r="AF40847" i="1"/>
  <c r="AF40848" i="1"/>
  <c r="AF40849" i="1"/>
  <c r="AF40850" i="1"/>
  <c r="AF40851" i="1"/>
  <c r="AF40852" i="1"/>
  <c r="AF40853" i="1"/>
  <c r="AF40854" i="1"/>
  <c r="AF40855" i="1"/>
  <c r="AF40856" i="1"/>
  <c r="AF40857" i="1"/>
  <c r="AF40858" i="1"/>
  <c r="AF40859" i="1"/>
  <c r="AF40860" i="1"/>
  <c r="AF40861" i="1"/>
  <c r="AF40862" i="1"/>
  <c r="AF40863" i="1"/>
  <c r="AF40864" i="1"/>
  <c r="AF40865" i="1"/>
  <c r="AF40866" i="1"/>
  <c r="AF40867" i="1"/>
  <c r="AF40868" i="1"/>
  <c r="AF40869" i="1"/>
  <c r="AF40870" i="1"/>
  <c r="AF40871" i="1"/>
  <c r="AF40872" i="1"/>
  <c r="AF40873" i="1"/>
  <c r="AF40874" i="1"/>
  <c r="AF40875" i="1"/>
  <c r="AF40876" i="1"/>
  <c r="AF40877" i="1"/>
  <c r="AF40878" i="1"/>
  <c r="AF40879" i="1"/>
  <c r="AF40880" i="1"/>
  <c r="AF40881" i="1"/>
  <c r="AF40882" i="1"/>
  <c r="AF40883" i="1"/>
  <c r="AF40884" i="1"/>
  <c r="AF40885" i="1"/>
  <c r="AF40886" i="1"/>
  <c r="AF40887" i="1"/>
  <c r="AF40888" i="1"/>
  <c r="AF40889" i="1"/>
  <c r="AF40890" i="1"/>
  <c r="AF40891" i="1"/>
  <c r="AF40892" i="1"/>
  <c r="AF40893" i="1"/>
  <c r="AF40894" i="1"/>
  <c r="AF40895" i="1"/>
  <c r="AF40896" i="1"/>
  <c r="AF40897" i="1"/>
  <c r="AF40898" i="1"/>
  <c r="AF40899" i="1"/>
  <c r="AF40900" i="1"/>
  <c r="AF40901" i="1"/>
  <c r="AF40902" i="1"/>
  <c r="AF40903" i="1"/>
  <c r="AF40904" i="1"/>
  <c r="AF40905" i="1"/>
  <c r="AF40906" i="1"/>
  <c r="AF40907" i="1"/>
  <c r="AF40908" i="1"/>
  <c r="AF40909" i="1"/>
  <c r="AF40910" i="1"/>
  <c r="AF40911" i="1"/>
  <c r="AF40912" i="1"/>
  <c r="AF40913" i="1"/>
  <c r="AF40914" i="1"/>
  <c r="AF40915" i="1"/>
  <c r="AF40916" i="1"/>
  <c r="AF40917" i="1"/>
  <c r="AF40918" i="1"/>
  <c r="AF40919" i="1"/>
  <c r="AF40920" i="1"/>
  <c r="AF40921" i="1"/>
  <c r="AF40922" i="1"/>
  <c r="AF40923" i="1"/>
  <c r="AF40924" i="1"/>
  <c r="AF40925" i="1"/>
  <c r="AF40926" i="1"/>
  <c r="AF40927" i="1"/>
  <c r="AF40928" i="1"/>
  <c r="AF40929" i="1"/>
  <c r="AF40930" i="1"/>
  <c r="AF40931" i="1"/>
  <c r="AF40932" i="1"/>
  <c r="AF40933" i="1"/>
  <c r="AF40934" i="1"/>
  <c r="AF40935" i="1"/>
  <c r="AF40936" i="1"/>
  <c r="AF40937" i="1"/>
  <c r="AF40938" i="1"/>
  <c r="AF40939" i="1"/>
  <c r="AF40940" i="1"/>
  <c r="AF40941" i="1"/>
  <c r="AF40942" i="1"/>
  <c r="AF40943" i="1"/>
  <c r="AF40944" i="1"/>
  <c r="AF40945" i="1"/>
  <c r="AF40946" i="1"/>
  <c r="AF40947" i="1"/>
  <c r="AF40948" i="1"/>
  <c r="AF40949" i="1"/>
  <c r="AF40950" i="1"/>
  <c r="AF40951" i="1"/>
  <c r="AF40952" i="1"/>
  <c r="AF40953" i="1"/>
  <c r="AF40954" i="1"/>
  <c r="AF40955" i="1"/>
  <c r="AF40956" i="1"/>
  <c r="AF40957" i="1"/>
  <c r="AF40958" i="1"/>
  <c r="AF40959" i="1"/>
  <c r="AF40960" i="1"/>
  <c r="AF40961" i="1"/>
  <c r="AF40962" i="1"/>
  <c r="AF40963" i="1"/>
  <c r="AF40964" i="1"/>
  <c r="AF40965" i="1"/>
  <c r="AF40966" i="1"/>
  <c r="AF40967" i="1"/>
  <c r="AF40968" i="1"/>
  <c r="AF40969" i="1"/>
  <c r="AF40970" i="1"/>
  <c r="AF40971" i="1"/>
  <c r="AF40972" i="1"/>
  <c r="AF40973" i="1"/>
  <c r="AF40974" i="1"/>
  <c r="AF40975" i="1"/>
  <c r="AF40976" i="1"/>
  <c r="AF40977" i="1"/>
  <c r="AF40978" i="1"/>
  <c r="AF40979" i="1"/>
  <c r="AF40980" i="1"/>
  <c r="AF40981" i="1"/>
  <c r="AF40982" i="1"/>
  <c r="AF40983" i="1"/>
  <c r="AF40984" i="1"/>
  <c r="AF40985" i="1"/>
  <c r="AF40986" i="1"/>
  <c r="AF40987" i="1"/>
  <c r="AF40988" i="1"/>
  <c r="AF40989" i="1"/>
  <c r="AF40990" i="1"/>
  <c r="AF40991" i="1"/>
  <c r="AF40992" i="1"/>
  <c r="AF40993" i="1"/>
  <c r="AF40994" i="1"/>
  <c r="AF40995" i="1"/>
  <c r="AF40996" i="1"/>
  <c r="AF40997" i="1"/>
  <c r="AF40998" i="1"/>
  <c r="AF40999" i="1"/>
  <c r="AF41000" i="1"/>
  <c r="AF41001" i="1"/>
  <c r="AF41002" i="1"/>
  <c r="AF41003" i="1"/>
  <c r="AF41004" i="1"/>
  <c r="AF41005" i="1"/>
  <c r="AF41006" i="1"/>
  <c r="AF41007" i="1"/>
  <c r="AF41008" i="1"/>
  <c r="AF41009" i="1"/>
  <c r="AF41010" i="1"/>
  <c r="AF41011" i="1"/>
  <c r="AF41012" i="1"/>
  <c r="AF41013" i="1"/>
  <c r="AF41014" i="1"/>
  <c r="AF41015" i="1"/>
  <c r="AF41016" i="1"/>
  <c r="AF41017" i="1"/>
  <c r="AF41018" i="1"/>
  <c r="AF41019" i="1"/>
  <c r="AF41020" i="1"/>
  <c r="AF41021" i="1"/>
  <c r="AF41022" i="1"/>
  <c r="AF41023" i="1"/>
  <c r="AF41024" i="1"/>
  <c r="AF41025" i="1"/>
  <c r="AF41026" i="1"/>
  <c r="AF41027" i="1"/>
  <c r="AF41028" i="1"/>
  <c r="AF41029" i="1"/>
  <c r="AF41030" i="1"/>
  <c r="AF41031" i="1"/>
  <c r="AF41032" i="1"/>
  <c r="AF41033" i="1"/>
  <c r="AF41034" i="1"/>
  <c r="AF41035" i="1"/>
  <c r="AF41036" i="1"/>
  <c r="AF41037" i="1"/>
  <c r="AF41038" i="1"/>
  <c r="AF41039" i="1"/>
  <c r="AF41040" i="1"/>
  <c r="AF41041" i="1"/>
  <c r="AF41042" i="1"/>
  <c r="AF41043" i="1"/>
  <c r="AF41044" i="1"/>
  <c r="AF41045" i="1"/>
  <c r="AF41046" i="1"/>
  <c r="AF41047" i="1"/>
  <c r="AF41048" i="1"/>
  <c r="AF41049" i="1"/>
  <c r="AF41050" i="1"/>
  <c r="AF41051" i="1"/>
  <c r="AF41052" i="1"/>
  <c r="AF41053" i="1"/>
  <c r="AF41054" i="1"/>
  <c r="AF41055" i="1"/>
  <c r="AF41056" i="1"/>
  <c r="AF41057" i="1"/>
  <c r="AF41058" i="1"/>
  <c r="AF41059" i="1"/>
  <c r="AF41060" i="1"/>
  <c r="AF41061" i="1"/>
  <c r="AF41062" i="1"/>
  <c r="AF41063" i="1"/>
  <c r="AF41064" i="1"/>
  <c r="AF41065" i="1"/>
  <c r="AF41066" i="1"/>
  <c r="AF41067" i="1"/>
  <c r="AF41068" i="1"/>
  <c r="AF41069" i="1"/>
  <c r="AF41070" i="1"/>
  <c r="AF41071" i="1"/>
  <c r="AF41072" i="1"/>
  <c r="AF41073" i="1"/>
  <c r="AF41074" i="1"/>
  <c r="AF41075" i="1"/>
  <c r="AF41076" i="1"/>
  <c r="AF41077" i="1"/>
  <c r="AF41078" i="1"/>
  <c r="AF41079" i="1"/>
  <c r="AF41080" i="1"/>
  <c r="AF41081" i="1"/>
  <c r="AF41082" i="1"/>
  <c r="AF41083" i="1"/>
  <c r="AF41084" i="1"/>
  <c r="AF41085" i="1"/>
  <c r="AF41086" i="1"/>
  <c r="AF41087" i="1"/>
  <c r="AF41088" i="1"/>
  <c r="AF41089" i="1"/>
  <c r="AF41090" i="1"/>
  <c r="AF41091" i="1"/>
  <c r="AF41092" i="1"/>
  <c r="AF41093" i="1"/>
  <c r="AF41094" i="1"/>
  <c r="AF41095" i="1"/>
  <c r="AF41096" i="1"/>
  <c r="AF41097" i="1"/>
  <c r="AF41098" i="1"/>
  <c r="AF41099" i="1"/>
  <c r="AF41100" i="1"/>
  <c r="AF41101" i="1"/>
  <c r="AF41102" i="1"/>
  <c r="AF41103" i="1"/>
  <c r="AF41104" i="1"/>
  <c r="AF41105" i="1"/>
  <c r="AF41106" i="1"/>
  <c r="AF41107" i="1"/>
  <c r="AF41108" i="1"/>
  <c r="AF41109" i="1"/>
  <c r="AF41110" i="1"/>
  <c r="AF41111" i="1"/>
  <c r="AF41112" i="1"/>
  <c r="AF41113" i="1"/>
  <c r="AF41114" i="1"/>
  <c r="AF41115" i="1"/>
  <c r="AF41116" i="1"/>
  <c r="AF41117" i="1"/>
  <c r="AF41118" i="1"/>
  <c r="AF41119" i="1"/>
  <c r="AF41120" i="1"/>
  <c r="AF41121" i="1"/>
  <c r="AF41122" i="1"/>
  <c r="AF41123" i="1"/>
  <c r="AF41124" i="1"/>
  <c r="AF41125" i="1"/>
  <c r="AF41126" i="1"/>
  <c r="AF41127" i="1"/>
  <c r="AF41128" i="1"/>
  <c r="AF41129" i="1"/>
  <c r="AF41130" i="1"/>
  <c r="AF41131" i="1"/>
  <c r="AF41132" i="1"/>
  <c r="AF41133" i="1"/>
  <c r="AF41134" i="1"/>
  <c r="AF41135" i="1"/>
  <c r="AF41136" i="1"/>
  <c r="AF41137" i="1"/>
  <c r="AF41138" i="1"/>
  <c r="AF41139" i="1"/>
  <c r="AF41140" i="1"/>
  <c r="AF41141" i="1"/>
  <c r="AF41142" i="1"/>
  <c r="AF41143" i="1"/>
  <c r="AF41144" i="1"/>
  <c r="AF41145" i="1"/>
  <c r="AF41146" i="1"/>
  <c r="AF41147" i="1"/>
  <c r="AF41148" i="1"/>
  <c r="AF41149" i="1"/>
  <c r="AF41150" i="1"/>
  <c r="AF41151" i="1"/>
  <c r="AF41152" i="1"/>
  <c r="AF41153" i="1"/>
  <c r="AF41154" i="1"/>
  <c r="AF41155" i="1"/>
  <c r="AF41156" i="1"/>
  <c r="AF41157" i="1"/>
  <c r="AF41158" i="1"/>
  <c r="AF41159" i="1"/>
  <c r="AF41160" i="1"/>
  <c r="AF41161" i="1"/>
  <c r="AF41162" i="1"/>
  <c r="AF41163" i="1"/>
  <c r="AF41164" i="1"/>
  <c r="AF41165" i="1"/>
  <c r="AF41166" i="1"/>
  <c r="AF41167" i="1"/>
  <c r="AF41168" i="1"/>
  <c r="AF41169" i="1"/>
  <c r="AF41170" i="1"/>
  <c r="AF41171" i="1"/>
  <c r="AF41172" i="1"/>
  <c r="AF41173" i="1"/>
  <c r="AF41174" i="1"/>
  <c r="AF41175" i="1"/>
  <c r="AF41176" i="1"/>
  <c r="AF41177" i="1"/>
  <c r="AF41178" i="1"/>
  <c r="AF41179" i="1"/>
  <c r="AF41180" i="1"/>
  <c r="AF41181" i="1"/>
  <c r="AF41182" i="1"/>
  <c r="AF41183" i="1"/>
  <c r="AF41184" i="1"/>
  <c r="AF41185" i="1"/>
  <c r="AF41186" i="1"/>
  <c r="AF41187" i="1"/>
  <c r="AF41188" i="1"/>
  <c r="AF41189" i="1"/>
  <c r="AF41190" i="1"/>
  <c r="AF41191" i="1"/>
  <c r="AF41192" i="1"/>
  <c r="AF41193" i="1"/>
  <c r="AF41194" i="1"/>
  <c r="AF41195" i="1"/>
  <c r="AF41196" i="1"/>
  <c r="AF41197" i="1"/>
  <c r="AF41198" i="1"/>
  <c r="AF41199" i="1"/>
  <c r="AF41200" i="1"/>
  <c r="AF41201" i="1"/>
  <c r="AF41202" i="1"/>
  <c r="AF41203" i="1"/>
  <c r="AF41204" i="1"/>
  <c r="AF41205" i="1"/>
  <c r="AF41206" i="1"/>
  <c r="AF41207" i="1"/>
  <c r="AF41208" i="1"/>
  <c r="AF41209" i="1"/>
  <c r="AF41210" i="1"/>
  <c r="AF41211" i="1"/>
  <c r="AF41212" i="1"/>
  <c r="AF41213" i="1"/>
  <c r="AF41214" i="1"/>
  <c r="AF41215" i="1"/>
  <c r="AF41216" i="1"/>
  <c r="AF41217" i="1"/>
  <c r="AF41218" i="1"/>
  <c r="AF41219" i="1"/>
  <c r="AF41220" i="1"/>
  <c r="AF41221" i="1"/>
  <c r="AF41222" i="1"/>
  <c r="AF41223" i="1"/>
  <c r="AF41224" i="1"/>
  <c r="AF41225" i="1"/>
  <c r="AF41226" i="1"/>
  <c r="AF41227" i="1"/>
  <c r="AF41228" i="1"/>
  <c r="AF41229" i="1"/>
  <c r="AF41230" i="1"/>
  <c r="AF41231" i="1"/>
  <c r="AF41232" i="1"/>
  <c r="AF41233" i="1"/>
  <c r="AF41234" i="1"/>
  <c r="AF41235" i="1"/>
  <c r="AF41236" i="1"/>
  <c r="AF41237" i="1"/>
  <c r="AF41238" i="1"/>
  <c r="AF41239" i="1"/>
  <c r="AF41240" i="1"/>
  <c r="AF41241" i="1"/>
  <c r="AF41242" i="1"/>
  <c r="AF41243" i="1"/>
  <c r="AF41244" i="1"/>
  <c r="AF41245" i="1"/>
  <c r="AF41246" i="1"/>
  <c r="AF41247" i="1"/>
  <c r="AF41248" i="1"/>
  <c r="AF41249" i="1"/>
  <c r="AF41250" i="1"/>
  <c r="AF41251" i="1"/>
  <c r="AF41252" i="1"/>
  <c r="AF41253" i="1"/>
  <c r="AF41254" i="1"/>
  <c r="AF41255" i="1"/>
  <c r="AF41256" i="1"/>
  <c r="AF41257" i="1"/>
  <c r="AF41258" i="1"/>
  <c r="AF41259" i="1"/>
  <c r="AF41260" i="1"/>
  <c r="AF41261" i="1"/>
  <c r="AF41262" i="1"/>
  <c r="AF41263" i="1"/>
  <c r="AF41264" i="1"/>
  <c r="AF41265" i="1"/>
  <c r="AF41266" i="1"/>
  <c r="AF41267" i="1"/>
  <c r="AF41268" i="1"/>
  <c r="AF41269" i="1"/>
  <c r="AF41270" i="1"/>
  <c r="AF41271" i="1"/>
  <c r="AF41272" i="1"/>
  <c r="AF41273" i="1"/>
  <c r="AF41274" i="1"/>
  <c r="AF41275" i="1"/>
  <c r="AF41276" i="1"/>
  <c r="AF41277" i="1"/>
  <c r="AF41278" i="1"/>
  <c r="AF41279" i="1"/>
  <c r="AF41280" i="1"/>
  <c r="AF41281" i="1"/>
  <c r="AF41282" i="1"/>
  <c r="AF41283" i="1"/>
  <c r="AF41284" i="1"/>
  <c r="AF41285" i="1"/>
  <c r="AF41286" i="1"/>
  <c r="AF41287" i="1"/>
  <c r="AF41288" i="1"/>
  <c r="AF41289" i="1"/>
  <c r="AF41290" i="1"/>
  <c r="AF41291" i="1"/>
  <c r="AF41292" i="1"/>
  <c r="AF41293" i="1"/>
  <c r="AF41294" i="1"/>
  <c r="AF41295" i="1"/>
  <c r="AF41296" i="1"/>
  <c r="AF41297" i="1"/>
  <c r="AF41298" i="1"/>
  <c r="AF41299" i="1"/>
  <c r="AF41300" i="1"/>
  <c r="AF41301" i="1"/>
  <c r="AF41302" i="1"/>
  <c r="AF41303" i="1"/>
  <c r="AF41304" i="1"/>
  <c r="AF41305" i="1"/>
  <c r="AF41306" i="1"/>
  <c r="AF41307" i="1"/>
  <c r="AF41308" i="1"/>
  <c r="AF41309" i="1"/>
  <c r="AF41310" i="1"/>
  <c r="AF41311" i="1"/>
  <c r="AF41312" i="1"/>
  <c r="AF41313" i="1"/>
  <c r="AF41314" i="1"/>
  <c r="AF41315" i="1"/>
  <c r="AF41316" i="1"/>
  <c r="AF41317" i="1"/>
  <c r="AF41318" i="1"/>
  <c r="AF41319" i="1"/>
  <c r="AF41320" i="1"/>
  <c r="AF41321" i="1"/>
  <c r="AF41322" i="1"/>
  <c r="AF41323" i="1"/>
  <c r="AF41324" i="1"/>
  <c r="AF41325" i="1"/>
  <c r="AF41326" i="1"/>
  <c r="AF41327" i="1"/>
  <c r="AF41328" i="1"/>
  <c r="AF41329" i="1"/>
  <c r="AF41330" i="1"/>
  <c r="AF41331" i="1"/>
  <c r="AF41332" i="1"/>
  <c r="AF41333" i="1"/>
  <c r="AF41334" i="1"/>
  <c r="AF41335" i="1"/>
  <c r="AF41336" i="1"/>
  <c r="AF41337" i="1"/>
  <c r="AF41338" i="1"/>
  <c r="AF41339" i="1"/>
  <c r="AF41340" i="1"/>
  <c r="AF41341" i="1"/>
  <c r="AF41342" i="1"/>
  <c r="AF41343" i="1"/>
  <c r="AF41344" i="1"/>
  <c r="AF41345" i="1"/>
  <c r="AF41346" i="1"/>
  <c r="AF41347" i="1"/>
  <c r="AF41348" i="1"/>
  <c r="AF41349" i="1"/>
  <c r="AF41350" i="1"/>
  <c r="AF41351" i="1"/>
  <c r="AF41352" i="1"/>
  <c r="AF41353" i="1"/>
  <c r="AF41354" i="1"/>
  <c r="AF41355" i="1"/>
  <c r="AF41356" i="1"/>
  <c r="AF41357" i="1"/>
  <c r="AF41358" i="1"/>
  <c r="AF41359" i="1"/>
  <c r="AF41360" i="1"/>
  <c r="AF41361" i="1"/>
  <c r="AF41362" i="1"/>
  <c r="AF41363" i="1"/>
  <c r="AF41364" i="1"/>
  <c r="AF41365" i="1"/>
  <c r="AF41366" i="1"/>
  <c r="AF41367" i="1"/>
  <c r="AF41368" i="1"/>
  <c r="AF41369" i="1"/>
  <c r="AF41370" i="1"/>
  <c r="AF41371" i="1"/>
  <c r="AF41372" i="1"/>
  <c r="AF41373" i="1"/>
  <c r="AF41374" i="1"/>
  <c r="AF41375" i="1"/>
  <c r="AF41376" i="1"/>
  <c r="AF41377" i="1"/>
  <c r="AF41378" i="1"/>
  <c r="AF41379" i="1"/>
  <c r="AF41380" i="1"/>
  <c r="AF41381" i="1"/>
  <c r="AF41382" i="1"/>
  <c r="AF41383" i="1"/>
  <c r="AF41384" i="1"/>
  <c r="AF41385" i="1"/>
  <c r="AF41386" i="1"/>
  <c r="AF41387" i="1"/>
  <c r="AF41388" i="1"/>
  <c r="AF41389" i="1"/>
  <c r="AF41390" i="1"/>
  <c r="AF41391" i="1"/>
  <c r="AF41392" i="1"/>
  <c r="AF41393" i="1"/>
  <c r="AF41394" i="1"/>
  <c r="AF41395" i="1"/>
  <c r="AF41396" i="1"/>
  <c r="AF41397" i="1"/>
  <c r="AF41398" i="1"/>
  <c r="AF41399" i="1"/>
  <c r="AF41400" i="1"/>
  <c r="AF41401" i="1"/>
  <c r="AF41402" i="1"/>
  <c r="AF41403" i="1"/>
  <c r="AF41404" i="1"/>
  <c r="AF41405" i="1"/>
  <c r="AF41406" i="1"/>
  <c r="AF41407" i="1"/>
  <c r="AF41408" i="1"/>
  <c r="AF41409" i="1"/>
  <c r="AF41410" i="1"/>
  <c r="AF41411" i="1"/>
  <c r="AF41412" i="1"/>
  <c r="AF41413" i="1"/>
  <c r="AF41414" i="1"/>
  <c r="AF41415" i="1"/>
  <c r="AF41416" i="1"/>
  <c r="AF41417" i="1"/>
  <c r="AF41418" i="1"/>
  <c r="AF41419" i="1"/>
  <c r="AF41420" i="1"/>
  <c r="AF41421" i="1"/>
  <c r="AF41422" i="1"/>
  <c r="AF41423" i="1"/>
  <c r="AF41424" i="1"/>
  <c r="AF41425" i="1"/>
  <c r="AF41426" i="1"/>
  <c r="AF41427" i="1"/>
  <c r="AF41428" i="1"/>
  <c r="AF41429" i="1"/>
  <c r="AF41430" i="1"/>
  <c r="AF41431" i="1"/>
  <c r="AF41432" i="1"/>
  <c r="AF41433" i="1"/>
  <c r="AF41434" i="1"/>
  <c r="AF41435" i="1"/>
  <c r="AF41436" i="1"/>
  <c r="AF41437" i="1"/>
  <c r="AF41438" i="1"/>
  <c r="AF41439" i="1"/>
  <c r="AF41440" i="1"/>
  <c r="AF41441" i="1"/>
  <c r="AF41442" i="1"/>
  <c r="AF41443" i="1"/>
  <c r="AF41444" i="1"/>
  <c r="AF41445" i="1"/>
  <c r="AF41446" i="1"/>
  <c r="AF41447" i="1"/>
  <c r="AF41448" i="1"/>
  <c r="AF41449" i="1"/>
  <c r="AF41450" i="1"/>
  <c r="AF41451" i="1"/>
  <c r="AF41452" i="1"/>
  <c r="AF41453" i="1"/>
  <c r="AF41454" i="1"/>
  <c r="AF41455" i="1"/>
  <c r="AF41456" i="1"/>
  <c r="AF41457" i="1"/>
  <c r="AF41458" i="1"/>
  <c r="AF41459" i="1"/>
  <c r="AF41460" i="1"/>
  <c r="AF41461" i="1"/>
  <c r="AF41462" i="1"/>
  <c r="AF41463" i="1"/>
  <c r="AF41464" i="1"/>
  <c r="AF41465" i="1"/>
  <c r="AF41466" i="1"/>
  <c r="AF41467" i="1"/>
  <c r="AF41468" i="1"/>
  <c r="AF41469" i="1"/>
  <c r="AF41470" i="1"/>
  <c r="AF41471" i="1"/>
  <c r="AF41472" i="1"/>
  <c r="AF41473" i="1"/>
  <c r="AF41474" i="1"/>
  <c r="AF41475" i="1"/>
  <c r="AF41476" i="1"/>
  <c r="AF41477" i="1"/>
  <c r="AF41478" i="1"/>
  <c r="AF41479" i="1"/>
  <c r="AF41480" i="1"/>
  <c r="AF41481" i="1"/>
  <c r="AF41482" i="1"/>
  <c r="AF41483" i="1"/>
  <c r="AF41484" i="1"/>
  <c r="AF41485" i="1"/>
  <c r="AF41486" i="1"/>
  <c r="AF41487" i="1"/>
  <c r="AF41488" i="1"/>
  <c r="AF41489" i="1"/>
  <c r="AF41490" i="1"/>
  <c r="AF41491" i="1"/>
  <c r="AF41492" i="1"/>
  <c r="AF41493" i="1"/>
  <c r="AF41494" i="1"/>
  <c r="AF41495" i="1"/>
  <c r="AF41496" i="1"/>
  <c r="AF41497" i="1"/>
  <c r="AF41498" i="1"/>
  <c r="AF41499" i="1"/>
  <c r="AF41500" i="1"/>
  <c r="AF41501" i="1"/>
  <c r="AF41502" i="1"/>
  <c r="AF41503" i="1"/>
  <c r="AF41504" i="1"/>
  <c r="AF41505" i="1"/>
  <c r="AF41506" i="1"/>
  <c r="AF41507" i="1"/>
  <c r="AF41508" i="1"/>
  <c r="AF41509" i="1"/>
  <c r="AF41510" i="1"/>
  <c r="AF41511" i="1"/>
  <c r="AF41512" i="1"/>
  <c r="AF41513" i="1"/>
  <c r="AF41514" i="1"/>
  <c r="AF41515" i="1"/>
  <c r="AF41516" i="1"/>
  <c r="AF41517" i="1"/>
  <c r="AF41518" i="1"/>
  <c r="AF41519" i="1"/>
  <c r="AF41520" i="1"/>
  <c r="AF41521" i="1"/>
  <c r="AF41522" i="1"/>
  <c r="AF41523" i="1"/>
  <c r="AF41524" i="1"/>
  <c r="AF41525" i="1"/>
  <c r="AF41526" i="1"/>
  <c r="AF41527" i="1"/>
  <c r="AF41528" i="1"/>
  <c r="AF41529" i="1"/>
  <c r="AF41530" i="1"/>
  <c r="AF41531" i="1"/>
  <c r="AF41532" i="1"/>
  <c r="AF41533" i="1"/>
  <c r="AF41534" i="1"/>
  <c r="AF41535" i="1"/>
  <c r="AF41536" i="1"/>
  <c r="AF41537" i="1"/>
  <c r="AF41538" i="1"/>
  <c r="AF41539" i="1"/>
  <c r="AF41540" i="1"/>
  <c r="AF41541" i="1"/>
  <c r="AF41542" i="1"/>
  <c r="AF41543" i="1"/>
  <c r="AF41544" i="1"/>
  <c r="AF41545" i="1"/>
  <c r="AF41546" i="1"/>
  <c r="AF41547" i="1"/>
  <c r="AF41548" i="1"/>
  <c r="AF41549" i="1"/>
  <c r="AF41550" i="1"/>
  <c r="AF41551" i="1"/>
  <c r="AF41552" i="1"/>
  <c r="AF41553" i="1"/>
  <c r="AF41554" i="1"/>
  <c r="AF41555" i="1"/>
  <c r="AF41556" i="1"/>
  <c r="AF41557" i="1"/>
  <c r="AF41558" i="1"/>
  <c r="AF41559" i="1"/>
  <c r="AF41560" i="1"/>
  <c r="AF41561" i="1"/>
  <c r="AF41562" i="1"/>
  <c r="AF41563" i="1"/>
  <c r="AF41564" i="1"/>
  <c r="AF41565" i="1"/>
  <c r="AF41566" i="1"/>
  <c r="AF41567" i="1"/>
  <c r="AF41568" i="1"/>
  <c r="AF41569" i="1"/>
  <c r="AF41570" i="1"/>
  <c r="AF41571" i="1"/>
  <c r="AF41572" i="1"/>
  <c r="AF41573" i="1"/>
  <c r="AF41574" i="1"/>
  <c r="AF41575" i="1"/>
  <c r="AF41576" i="1"/>
  <c r="AF41577" i="1"/>
  <c r="AF41578" i="1"/>
  <c r="AF41579" i="1"/>
  <c r="AF41580" i="1"/>
  <c r="AF41581" i="1"/>
  <c r="AF41582" i="1"/>
  <c r="AF41583" i="1"/>
  <c r="AF41584" i="1"/>
  <c r="AF41585" i="1"/>
  <c r="AF41586" i="1"/>
  <c r="AF41587" i="1"/>
  <c r="AF41588" i="1"/>
  <c r="AF41589" i="1"/>
  <c r="AF41590" i="1"/>
  <c r="AF41591" i="1"/>
  <c r="AF41592" i="1"/>
  <c r="AF41593" i="1"/>
  <c r="AF41594" i="1"/>
  <c r="AF41595" i="1"/>
  <c r="AF41596" i="1"/>
  <c r="AF41597" i="1"/>
  <c r="AF41598" i="1"/>
  <c r="AF41599" i="1"/>
  <c r="AF41600" i="1"/>
  <c r="AF41601" i="1"/>
  <c r="AF41602" i="1"/>
  <c r="AF41603" i="1"/>
  <c r="AF41604" i="1"/>
  <c r="AF41605" i="1"/>
  <c r="AF41606" i="1"/>
  <c r="AF41607" i="1"/>
  <c r="AF41608" i="1"/>
  <c r="AF41609" i="1"/>
  <c r="AF41610" i="1"/>
  <c r="AF41611" i="1"/>
  <c r="AF41612" i="1"/>
  <c r="AF41613" i="1"/>
  <c r="AF41614" i="1"/>
  <c r="AF41615" i="1"/>
  <c r="AF41616" i="1"/>
  <c r="AF41617" i="1"/>
  <c r="AF41618" i="1"/>
  <c r="AF41619" i="1"/>
  <c r="AF41620" i="1"/>
  <c r="AF41621" i="1"/>
  <c r="AF41622" i="1"/>
  <c r="AF41623" i="1"/>
  <c r="AF41624" i="1"/>
  <c r="AF41625" i="1"/>
  <c r="AF41626" i="1"/>
  <c r="AF41627" i="1"/>
  <c r="AF41628" i="1"/>
  <c r="AF41629" i="1"/>
  <c r="AF41630" i="1"/>
  <c r="AF41631" i="1"/>
  <c r="AF41632" i="1"/>
  <c r="AF41633" i="1"/>
  <c r="AF41634" i="1"/>
  <c r="AF41635" i="1"/>
  <c r="AF41636" i="1"/>
  <c r="AF41637" i="1"/>
  <c r="AF41638" i="1"/>
  <c r="AF41639" i="1"/>
  <c r="AF41640" i="1"/>
  <c r="AF41641" i="1"/>
  <c r="AF41642" i="1"/>
  <c r="AF41643" i="1"/>
  <c r="AF41644" i="1"/>
  <c r="AF41645" i="1"/>
  <c r="AF41646" i="1"/>
  <c r="AF41647" i="1"/>
  <c r="AF41648" i="1"/>
  <c r="AF41649" i="1"/>
  <c r="AF41650" i="1"/>
  <c r="AF41651" i="1"/>
  <c r="AF41652" i="1"/>
  <c r="AF41653" i="1"/>
  <c r="AF41654" i="1"/>
  <c r="AF41655" i="1"/>
  <c r="AF41656" i="1"/>
  <c r="AF41657" i="1"/>
  <c r="AF41658" i="1"/>
  <c r="AF41659" i="1"/>
  <c r="AF41660" i="1"/>
  <c r="AF41661" i="1"/>
  <c r="AF41662" i="1"/>
  <c r="AF41663" i="1"/>
  <c r="AF41664" i="1"/>
  <c r="AF41665" i="1"/>
  <c r="AF41666" i="1"/>
  <c r="AF41667" i="1"/>
  <c r="AF41668" i="1"/>
  <c r="AF41669" i="1"/>
  <c r="AF41670" i="1"/>
  <c r="AF41671" i="1"/>
  <c r="AF41672" i="1"/>
  <c r="AF41673" i="1"/>
  <c r="AF41674" i="1"/>
  <c r="AF41675" i="1"/>
  <c r="AF41676" i="1"/>
  <c r="AF41677" i="1"/>
  <c r="AF41678" i="1"/>
  <c r="AF41679" i="1"/>
  <c r="AF41680" i="1"/>
  <c r="AF41681" i="1"/>
  <c r="AF41682" i="1"/>
  <c r="AF41683" i="1"/>
  <c r="AF41684" i="1"/>
  <c r="AF41685" i="1"/>
  <c r="AF41686" i="1"/>
  <c r="AF41687" i="1"/>
  <c r="AF41688" i="1"/>
  <c r="AF41689" i="1"/>
  <c r="AF41690" i="1"/>
  <c r="AF41691" i="1"/>
  <c r="AF41692" i="1"/>
  <c r="AF41693" i="1"/>
  <c r="AF41694" i="1"/>
  <c r="AF41695" i="1"/>
  <c r="AF41696" i="1"/>
  <c r="AF41697" i="1"/>
  <c r="AF41698" i="1"/>
  <c r="AF41699" i="1"/>
  <c r="AF41700" i="1"/>
  <c r="AF41701" i="1"/>
  <c r="AF41702" i="1"/>
  <c r="AF41703" i="1"/>
  <c r="AF41704" i="1"/>
  <c r="AF41705" i="1"/>
  <c r="AF41706" i="1"/>
  <c r="AF41707" i="1"/>
  <c r="AF41708" i="1"/>
  <c r="AF41709" i="1"/>
  <c r="AF41710" i="1"/>
  <c r="AF41711" i="1"/>
  <c r="AF41712" i="1"/>
  <c r="AF41713" i="1"/>
  <c r="AF41714" i="1"/>
  <c r="AF41715" i="1"/>
  <c r="AF41716" i="1"/>
  <c r="AF41717" i="1"/>
  <c r="AF41718" i="1"/>
  <c r="AF41719" i="1"/>
  <c r="AF41720" i="1"/>
  <c r="AF41721" i="1"/>
  <c r="AF41722" i="1"/>
  <c r="AF41723" i="1"/>
  <c r="AF41724" i="1"/>
  <c r="AF41725" i="1"/>
  <c r="AF41726" i="1"/>
  <c r="AF41727" i="1"/>
  <c r="AF41728" i="1"/>
  <c r="AF41729" i="1"/>
  <c r="AF41730" i="1"/>
  <c r="AF41731" i="1"/>
  <c r="AF41732" i="1"/>
  <c r="AF41733" i="1"/>
  <c r="AF41734" i="1"/>
  <c r="AF41735" i="1"/>
  <c r="AF41736" i="1"/>
  <c r="AF41737" i="1"/>
  <c r="AF41738" i="1"/>
  <c r="AF41739" i="1"/>
  <c r="AF41740" i="1"/>
  <c r="AF41741" i="1"/>
  <c r="AF41742" i="1"/>
  <c r="AF41743" i="1"/>
  <c r="AF41744" i="1"/>
  <c r="AF41745" i="1"/>
  <c r="AF41746" i="1"/>
  <c r="AF41747" i="1"/>
  <c r="AF41748" i="1"/>
  <c r="AF41749" i="1"/>
  <c r="AF41750" i="1"/>
  <c r="AF41751" i="1"/>
  <c r="AF41752" i="1"/>
  <c r="AF41753" i="1"/>
  <c r="AF41754" i="1"/>
  <c r="AF41755" i="1"/>
  <c r="AF41756" i="1"/>
  <c r="AF41757" i="1"/>
  <c r="AF41758" i="1"/>
  <c r="AF41759" i="1"/>
  <c r="AF41760" i="1"/>
  <c r="AF41761" i="1"/>
  <c r="AF41762" i="1"/>
  <c r="AF41763" i="1"/>
  <c r="AF41764" i="1"/>
  <c r="AF41765" i="1"/>
  <c r="AF41766" i="1"/>
  <c r="AF41767" i="1"/>
  <c r="AF41768" i="1"/>
  <c r="AF41769" i="1"/>
  <c r="AF41770" i="1"/>
  <c r="AF41771" i="1"/>
  <c r="AF41772" i="1"/>
  <c r="AF41773" i="1"/>
  <c r="AF41774" i="1"/>
  <c r="AF41775" i="1"/>
  <c r="AF41776" i="1"/>
  <c r="AF41777" i="1"/>
  <c r="AF41778" i="1"/>
  <c r="AF41779" i="1"/>
  <c r="AF41780" i="1"/>
  <c r="AF41781" i="1"/>
  <c r="AF41782" i="1"/>
  <c r="AF41783" i="1"/>
  <c r="AF41784" i="1"/>
  <c r="AF41785" i="1"/>
  <c r="AF41786" i="1"/>
  <c r="AF41787" i="1"/>
  <c r="AF41788" i="1"/>
  <c r="AF41789" i="1"/>
  <c r="AF41790" i="1"/>
  <c r="AF41791" i="1"/>
  <c r="AF41792" i="1"/>
  <c r="AF41793" i="1"/>
  <c r="AF41794" i="1"/>
  <c r="AF41795" i="1"/>
  <c r="AF41796" i="1"/>
  <c r="AF41797" i="1"/>
  <c r="AF41798" i="1"/>
  <c r="AF41799" i="1"/>
  <c r="AF41800" i="1"/>
  <c r="AF41801" i="1"/>
  <c r="AF41802" i="1"/>
  <c r="AF41803" i="1"/>
  <c r="AF41804" i="1"/>
  <c r="AF41805" i="1"/>
  <c r="AF41806" i="1"/>
  <c r="AF41807" i="1"/>
  <c r="AF41808" i="1"/>
  <c r="AF41809" i="1"/>
  <c r="AF41810" i="1"/>
  <c r="AF41811" i="1"/>
  <c r="AF41812" i="1"/>
  <c r="AF41813" i="1"/>
  <c r="AF41814" i="1"/>
  <c r="AF41815" i="1"/>
  <c r="AF41816" i="1"/>
  <c r="AF41817" i="1"/>
  <c r="AF41818" i="1"/>
  <c r="AF41819" i="1"/>
  <c r="AF41820" i="1"/>
  <c r="AF41821" i="1"/>
  <c r="AF41822" i="1"/>
  <c r="AF41823" i="1"/>
  <c r="AF41824" i="1"/>
  <c r="AF41825" i="1"/>
  <c r="AF41826" i="1"/>
  <c r="AF41827" i="1"/>
  <c r="AF41828" i="1"/>
  <c r="AF41829" i="1"/>
  <c r="AF41830" i="1"/>
  <c r="AF41831" i="1"/>
  <c r="AF41832" i="1"/>
  <c r="AF41833" i="1"/>
  <c r="AF41834" i="1"/>
  <c r="AF41835" i="1"/>
  <c r="AF41836" i="1"/>
  <c r="AF41837" i="1"/>
  <c r="AF41838" i="1"/>
  <c r="AF41839" i="1"/>
  <c r="AF41840" i="1"/>
  <c r="AF41841" i="1"/>
  <c r="AF41842" i="1"/>
  <c r="AF41843" i="1"/>
  <c r="AF41844" i="1"/>
  <c r="AF41845" i="1"/>
  <c r="AF41846" i="1"/>
  <c r="AF41847" i="1"/>
  <c r="AF41848" i="1"/>
  <c r="AF41849" i="1"/>
  <c r="AF41850" i="1"/>
  <c r="AF41851" i="1"/>
  <c r="AF41852" i="1"/>
  <c r="AF41853" i="1"/>
  <c r="AF41854" i="1"/>
  <c r="AF41855" i="1"/>
  <c r="AF41856" i="1"/>
  <c r="AF41857" i="1"/>
  <c r="AF41858" i="1"/>
  <c r="AF41859" i="1"/>
  <c r="AF41860" i="1"/>
  <c r="AF41861" i="1"/>
  <c r="AF41862" i="1"/>
  <c r="AF41863" i="1"/>
  <c r="AF41864" i="1"/>
  <c r="AF41865" i="1"/>
  <c r="AF41866" i="1"/>
  <c r="AF41867" i="1"/>
  <c r="AF41868" i="1"/>
  <c r="AF41869" i="1"/>
  <c r="AF41870" i="1"/>
  <c r="AF41871" i="1"/>
  <c r="AF41872" i="1"/>
  <c r="AF41873" i="1"/>
  <c r="AF41874" i="1"/>
  <c r="AF41875" i="1"/>
  <c r="AF41876" i="1"/>
  <c r="AF41877" i="1"/>
  <c r="AF41878" i="1"/>
  <c r="AF41879" i="1"/>
  <c r="AF41880" i="1"/>
  <c r="AF41881" i="1"/>
  <c r="AF41882" i="1"/>
  <c r="AF41883" i="1"/>
  <c r="AF41884" i="1"/>
  <c r="AF41885" i="1"/>
  <c r="AF41886" i="1"/>
  <c r="AF41887" i="1"/>
  <c r="AF41888" i="1"/>
  <c r="AF41889" i="1"/>
  <c r="AF41890" i="1"/>
  <c r="AF41891" i="1"/>
  <c r="AF41892" i="1"/>
  <c r="AF41893" i="1"/>
  <c r="AF41894" i="1"/>
  <c r="AF41895" i="1"/>
  <c r="AF41896" i="1"/>
  <c r="AF41897" i="1"/>
  <c r="AF41898" i="1"/>
  <c r="AF41899" i="1"/>
  <c r="AF41900" i="1"/>
  <c r="AF41901" i="1"/>
  <c r="AF41902" i="1"/>
  <c r="AF41903" i="1"/>
  <c r="AF41904" i="1"/>
  <c r="AF41905" i="1"/>
  <c r="AF41906" i="1"/>
  <c r="AF41907" i="1"/>
  <c r="AF41908" i="1"/>
  <c r="AF41909" i="1"/>
  <c r="AF41910" i="1"/>
  <c r="AF41911" i="1"/>
  <c r="AF41912" i="1"/>
  <c r="AF41913" i="1"/>
  <c r="AF41914" i="1"/>
  <c r="AF41915" i="1"/>
  <c r="AF41916" i="1"/>
  <c r="AF41917" i="1"/>
  <c r="AF41918" i="1"/>
  <c r="AF41919" i="1"/>
  <c r="AF41920" i="1"/>
  <c r="AF41921" i="1"/>
  <c r="AF41922" i="1"/>
  <c r="AF41923" i="1"/>
  <c r="AF41924" i="1"/>
  <c r="AF41925" i="1"/>
  <c r="AF41926" i="1"/>
  <c r="AF41927" i="1"/>
  <c r="AF41928" i="1"/>
  <c r="AF41929" i="1"/>
  <c r="AF41930" i="1"/>
  <c r="AF41931" i="1"/>
  <c r="AF41932" i="1"/>
  <c r="AF41933" i="1"/>
  <c r="AF41934" i="1"/>
  <c r="AF41935" i="1"/>
  <c r="AF41936" i="1"/>
  <c r="AF41937" i="1"/>
  <c r="AF41938" i="1"/>
  <c r="AF41939" i="1"/>
  <c r="AF41940" i="1"/>
  <c r="AF41941" i="1"/>
  <c r="AF41942" i="1"/>
  <c r="AF41943" i="1"/>
  <c r="AF41944" i="1"/>
  <c r="AF41945" i="1"/>
  <c r="AF41946" i="1"/>
  <c r="AF41947" i="1"/>
  <c r="AF41948" i="1"/>
  <c r="AF41949" i="1"/>
  <c r="AF41950" i="1"/>
  <c r="AF41951" i="1"/>
  <c r="AF41952" i="1"/>
  <c r="AF41953" i="1"/>
  <c r="AF41954" i="1"/>
  <c r="AF41955" i="1"/>
  <c r="AF41956" i="1"/>
  <c r="AF41957" i="1"/>
  <c r="AF41958" i="1"/>
  <c r="AF41959" i="1"/>
  <c r="AF41960" i="1"/>
  <c r="AF41961" i="1"/>
  <c r="AF41962" i="1"/>
  <c r="AF41963" i="1"/>
  <c r="AF41964" i="1"/>
  <c r="AF41965" i="1"/>
  <c r="AF41966" i="1"/>
  <c r="AF41967" i="1"/>
  <c r="AF41968" i="1"/>
  <c r="AF41969" i="1"/>
  <c r="AF41970" i="1"/>
  <c r="AF41971" i="1"/>
  <c r="AF41972" i="1"/>
  <c r="AF41973" i="1"/>
  <c r="AF41974" i="1"/>
  <c r="AF41975" i="1"/>
  <c r="AF41976" i="1"/>
  <c r="AF41977" i="1"/>
  <c r="AF41978" i="1"/>
  <c r="AF41979" i="1"/>
  <c r="AF41980" i="1"/>
  <c r="AF41981" i="1"/>
  <c r="AF41982" i="1"/>
  <c r="AF41983" i="1"/>
  <c r="AF41984" i="1"/>
  <c r="AF41985" i="1"/>
  <c r="AF41986" i="1"/>
  <c r="AF41987" i="1"/>
  <c r="AF41988" i="1"/>
  <c r="AF41989" i="1"/>
  <c r="AF41990" i="1"/>
  <c r="AF41991" i="1"/>
  <c r="AF41992" i="1"/>
  <c r="AF41993" i="1"/>
  <c r="AF41994" i="1"/>
  <c r="AF41995" i="1"/>
  <c r="AF41996" i="1"/>
  <c r="AF41997" i="1"/>
  <c r="AF41998" i="1"/>
  <c r="AF41999" i="1"/>
  <c r="AF42000" i="1"/>
  <c r="AF42001" i="1"/>
  <c r="AF42002" i="1"/>
  <c r="AF42003" i="1"/>
  <c r="AF42004" i="1"/>
  <c r="AF42005" i="1"/>
  <c r="AF42006" i="1"/>
  <c r="AF42007" i="1"/>
  <c r="AF42008" i="1"/>
  <c r="AF42009" i="1"/>
  <c r="AF42010" i="1"/>
  <c r="AF42011" i="1"/>
  <c r="AF42012" i="1"/>
  <c r="AF42013" i="1"/>
  <c r="AF42014" i="1"/>
  <c r="AF42015" i="1"/>
  <c r="AF42016" i="1"/>
  <c r="AF42017" i="1"/>
  <c r="AF42018" i="1"/>
  <c r="AF42019" i="1"/>
  <c r="AF42020" i="1"/>
  <c r="AF42021" i="1"/>
  <c r="AF42022" i="1"/>
  <c r="AF42023" i="1"/>
  <c r="AF42024" i="1"/>
  <c r="AF42025" i="1"/>
  <c r="AF42026" i="1"/>
  <c r="AF42027" i="1"/>
  <c r="AF42028" i="1"/>
  <c r="AF42029" i="1"/>
  <c r="AF42030" i="1"/>
  <c r="AF42031" i="1"/>
  <c r="AF42032" i="1"/>
  <c r="AF42033" i="1"/>
  <c r="AF42034" i="1"/>
  <c r="AF42035" i="1"/>
  <c r="AF42036" i="1"/>
  <c r="AF42037" i="1"/>
  <c r="AF42038" i="1"/>
  <c r="AF42039" i="1"/>
  <c r="AF42040" i="1"/>
  <c r="AF42041" i="1"/>
  <c r="AF42042" i="1"/>
  <c r="AF42043" i="1"/>
  <c r="AF42044" i="1"/>
  <c r="AF42045" i="1"/>
  <c r="AF42046" i="1"/>
  <c r="AF42047" i="1"/>
  <c r="AF42048" i="1"/>
  <c r="AF42049" i="1"/>
  <c r="AF42050" i="1"/>
  <c r="AF42051" i="1"/>
  <c r="AF42052" i="1"/>
  <c r="AF42053" i="1"/>
  <c r="AF42054" i="1"/>
  <c r="AF42055" i="1"/>
  <c r="AF42056" i="1"/>
  <c r="AF42057" i="1"/>
  <c r="AF42058" i="1"/>
  <c r="AF42059" i="1"/>
  <c r="AF42060" i="1"/>
  <c r="AF42061" i="1"/>
  <c r="AF42062" i="1"/>
  <c r="AF42063" i="1"/>
  <c r="AF42064" i="1"/>
  <c r="AF42065" i="1"/>
  <c r="AF42066" i="1"/>
  <c r="AF42067" i="1"/>
  <c r="AF42068" i="1"/>
  <c r="AF42069" i="1"/>
  <c r="AF42070" i="1"/>
  <c r="AF42071" i="1"/>
  <c r="AF42072" i="1"/>
  <c r="AF42073" i="1"/>
  <c r="AF42074" i="1"/>
  <c r="AF42075" i="1"/>
  <c r="AF42076" i="1"/>
  <c r="AF42077" i="1"/>
  <c r="AF42078" i="1"/>
  <c r="AF42079" i="1"/>
  <c r="AF42080" i="1"/>
  <c r="AF42081" i="1"/>
  <c r="AF42082" i="1"/>
  <c r="AF42083" i="1"/>
  <c r="AF42084" i="1"/>
  <c r="AF42085" i="1"/>
  <c r="AF42086" i="1"/>
  <c r="AF42087" i="1"/>
  <c r="AF42088" i="1"/>
  <c r="AF42089" i="1"/>
  <c r="AF42090" i="1"/>
  <c r="AF42091" i="1"/>
  <c r="AF42092" i="1"/>
  <c r="AF42093" i="1"/>
  <c r="AF42094" i="1"/>
  <c r="AF42095" i="1"/>
  <c r="AF42096" i="1"/>
  <c r="AF42097" i="1"/>
  <c r="AF42098" i="1"/>
  <c r="AF42099" i="1"/>
  <c r="AF42100" i="1"/>
  <c r="AF42101" i="1"/>
  <c r="AF42102" i="1"/>
  <c r="AF42103" i="1"/>
  <c r="AF42104" i="1"/>
  <c r="AF42105" i="1"/>
  <c r="AF42106" i="1"/>
  <c r="AF42107" i="1"/>
  <c r="AF42108" i="1"/>
  <c r="AF42109" i="1"/>
  <c r="AF42110" i="1"/>
  <c r="AF42111" i="1"/>
  <c r="AF42112" i="1"/>
  <c r="AF42113" i="1"/>
  <c r="AF42114" i="1"/>
  <c r="AF42115" i="1"/>
  <c r="AF42116" i="1"/>
  <c r="AF42117" i="1"/>
  <c r="AF42118" i="1"/>
  <c r="AF42119" i="1"/>
  <c r="AF42120" i="1"/>
  <c r="AF42121" i="1"/>
  <c r="AF42122" i="1"/>
  <c r="AF42123" i="1"/>
  <c r="AF42124" i="1"/>
  <c r="AF42125" i="1"/>
  <c r="AF42126" i="1"/>
  <c r="AF42127" i="1"/>
  <c r="AF42128" i="1"/>
  <c r="AF42129" i="1"/>
  <c r="AF42130" i="1"/>
  <c r="AF42131" i="1"/>
  <c r="AF42132" i="1"/>
  <c r="AF42133" i="1"/>
  <c r="AF42134" i="1"/>
  <c r="AF42135" i="1"/>
  <c r="AF42136" i="1"/>
  <c r="AF42137" i="1"/>
  <c r="AF42138" i="1"/>
  <c r="AF42139" i="1"/>
  <c r="AF42140" i="1"/>
  <c r="AF42141" i="1"/>
  <c r="AF42142" i="1"/>
  <c r="AF42143" i="1"/>
  <c r="AF42144" i="1"/>
  <c r="AF42145" i="1"/>
  <c r="AF42146" i="1"/>
  <c r="AF42147" i="1"/>
  <c r="AF42148" i="1"/>
  <c r="AF42149" i="1"/>
  <c r="AF42150" i="1"/>
  <c r="AF42151" i="1"/>
  <c r="AF42152" i="1"/>
  <c r="AF42153" i="1"/>
  <c r="AF42154" i="1"/>
  <c r="AF42155" i="1"/>
  <c r="AF42156" i="1"/>
  <c r="AF42157" i="1"/>
  <c r="AF42158" i="1"/>
  <c r="AF42159" i="1"/>
  <c r="AF42160" i="1"/>
  <c r="AF42161" i="1"/>
  <c r="AF42162" i="1"/>
  <c r="AF42163" i="1"/>
  <c r="AF42164" i="1"/>
  <c r="AF42165" i="1"/>
  <c r="AF42166" i="1"/>
  <c r="AF42167" i="1"/>
  <c r="AF42168" i="1"/>
  <c r="AF42169" i="1"/>
  <c r="AF42170" i="1"/>
  <c r="AF42171" i="1"/>
  <c r="AF42172" i="1"/>
  <c r="AF42173" i="1"/>
  <c r="AF42174" i="1"/>
  <c r="AF42175" i="1"/>
  <c r="AF42176" i="1"/>
  <c r="AF42177" i="1"/>
  <c r="AF42178" i="1"/>
  <c r="AF42179" i="1"/>
  <c r="AF42180" i="1"/>
  <c r="AF42181" i="1"/>
  <c r="AF42182" i="1"/>
  <c r="AF42183" i="1"/>
  <c r="AF42184" i="1"/>
  <c r="AF42185" i="1"/>
  <c r="AF42186" i="1"/>
  <c r="AF42187" i="1"/>
  <c r="AF42188" i="1"/>
  <c r="AF42189" i="1"/>
  <c r="AF42190" i="1"/>
  <c r="AF42191" i="1"/>
  <c r="AF42192" i="1"/>
  <c r="AF42193" i="1"/>
  <c r="AF42194" i="1"/>
  <c r="AF42195" i="1"/>
  <c r="AF42196" i="1"/>
  <c r="AF42197" i="1"/>
  <c r="AF42198" i="1"/>
  <c r="AF42199" i="1"/>
  <c r="AF42200" i="1"/>
  <c r="AF42201" i="1"/>
  <c r="AF42202" i="1"/>
  <c r="AF42203" i="1"/>
  <c r="AF42204" i="1"/>
  <c r="AF42205" i="1"/>
  <c r="AF42206" i="1"/>
  <c r="AF42207" i="1"/>
  <c r="AF42208" i="1"/>
  <c r="AF42209" i="1"/>
  <c r="AF42210" i="1"/>
  <c r="AF42211" i="1"/>
  <c r="AF42212" i="1"/>
  <c r="AF42213" i="1"/>
  <c r="AF42214" i="1"/>
  <c r="AF42215" i="1"/>
  <c r="AF42216" i="1"/>
  <c r="AF42217" i="1"/>
  <c r="AF42218" i="1"/>
  <c r="AF42219" i="1"/>
  <c r="AF42220" i="1"/>
  <c r="AF42221" i="1"/>
  <c r="AF42222" i="1"/>
  <c r="AF42223" i="1"/>
  <c r="AF42224" i="1"/>
  <c r="AF42225" i="1"/>
  <c r="AF42226" i="1"/>
  <c r="AF42227" i="1"/>
  <c r="AF42228" i="1"/>
  <c r="AF42229" i="1"/>
  <c r="AF42230" i="1"/>
  <c r="AF42231" i="1"/>
  <c r="AF42232" i="1"/>
  <c r="AF42233" i="1"/>
  <c r="AF42234" i="1"/>
  <c r="AF42235" i="1"/>
  <c r="AF42236" i="1"/>
  <c r="AF42237" i="1"/>
  <c r="AF42238" i="1"/>
  <c r="AF42239" i="1"/>
  <c r="AF42240" i="1"/>
  <c r="AF42241" i="1"/>
  <c r="AF42242" i="1"/>
  <c r="AF42243" i="1"/>
  <c r="AF42244" i="1"/>
  <c r="AF42245" i="1"/>
  <c r="AF42246" i="1"/>
  <c r="AF42247" i="1"/>
  <c r="AF42248" i="1"/>
  <c r="AF42249" i="1"/>
  <c r="AF42250" i="1"/>
  <c r="AF42251" i="1"/>
  <c r="AF42252" i="1"/>
  <c r="AF42253" i="1"/>
  <c r="AF42254" i="1"/>
  <c r="AF42255" i="1"/>
  <c r="AF42256" i="1"/>
  <c r="AF42257" i="1"/>
  <c r="AF42258" i="1"/>
  <c r="AF42259" i="1"/>
  <c r="AF42260" i="1"/>
  <c r="AF42261" i="1"/>
  <c r="AF42262" i="1"/>
  <c r="AF42263" i="1"/>
  <c r="AF42264" i="1"/>
  <c r="AF42265" i="1"/>
  <c r="AF42266" i="1"/>
  <c r="AF42267" i="1"/>
  <c r="AF42268" i="1"/>
  <c r="AF42269" i="1"/>
  <c r="AF42270" i="1"/>
  <c r="AF42271" i="1"/>
  <c r="AF42272" i="1"/>
  <c r="AF42273" i="1"/>
  <c r="AF42274" i="1"/>
  <c r="AF42275" i="1"/>
  <c r="AF42276" i="1"/>
  <c r="AF42277" i="1"/>
  <c r="AF42278" i="1"/>
  <c r="AF42279" i="1"/>
  <c r="AF42280" i="1"/>
  <c r="AF42281" i="1"/>
  <c r="AF42282" i="1"/>
  <c r="AF42283" i="1"/>
  <c r="AF42284" i="1"/>
  <c r="AF42285" i="1"/>
  <c r="AF42286" i="1"/>
  <c r="AF42287" i="1"/>
  <c r="AF42288" i="1"/>
  <c r="AF42289" i="1"/>
  <c r="AF42290" i="1"/>
  <c r="AF42291" i="1"/>
  <c r="AF42292" i="1"/>
  <c r="AF42293" i="1"/>
  <c r="AF42294" i="1"/>
  <c r="AF42295" i="1"/>
  <c r="AF42296" i="1"/>
  <c r="AF42297" i="1"/>
  <c r="AF42298" i="1"/>
  <c r="AF42299" i="1"/>
  <c r="AF42300" i="1"/>
  <c r="AF42301" i="1"/>
  <c r="AF42302" i="1"/>
  <c r="AF42303" i="1"/>
  <c r="AF42304" i="1"/>
  <c r="AF42305" i="1"/>
  <c r="AF42306" i="1"/>
  <c r="AF42307" i="1"/>
  <c r="AF42308" i="1"/>
  <c r="AF42309" i="1"/>
  <c r="AF42310" i="1"/>
  <c r="AF42311" i="1"/>
  <c r="AF42312" i="1"/>
  <c r="AF42313" i="1"/>
  <c r="AF42314" i="1"/>
  <c r="AF42315" i="1"/>
  <c r="AF42316" i="1"/>
  <c r="AF42317" i="1"/>
  <c r="AF42318" i="1"/>
  <c r="AF42319" i="1"/>
  <c r="AF42320" i="1"/>
  <c r="AF42321" i="1"/>
  <c r="AF42322" i="1"/>
  <c r="AF42323" i="1"/>
  <c r="AF42324" i="1"/>
  <c r="AF42325" i="1"/>
  <c r="AF42326" i="1"/>
  <c r="AF42327" i="1"/>
  <c r="AF42328" i="1"/>
  <c r="AF42329" i="1"/>
  <c r="AF42330" i="1"/>
  <c r="AF42331" i="1"/>
  <c r="AF42332" i="1"/>
  <c r="AF42333" i="1"/>
  <c r="AF42334" i="1"/>
  <c r="AF42335" i="1"/>
  <c r="AF42336" i="1"/>
  <c r="AF42337" i="1"/>
  <c r="AF42338" i="1"/>
  <c r="AF42339" i="1"/>
  <c r="AF42340" i="1"/>
  <c r="AF42341" i="1"/>
  <c r="AF42342" i="1"/>
  <c r="AF42343" i="1"/>
  <c r="AF42344" i="1"/>
  <c r="AF42345" i="1"/>
  <c r="AF42346" i="1"/>
  <c r="AF42347" i="1"/>
  <c r="AF42348" i="1"/>
  <c r="AF42349" i="1"/>
  <c r="AF42350" i="1"/>
  <c r="AF42351" i="1"/>
  <c r="AF42352" i="1"/>
  <c r="AF42353" i="1"/>
  <c r="AF42354" i="1"/>
  <c r="AF42355" i="1"/>
  <c r="AF42356" i="1"/>
  <c r="AF42357" i="1"/>
  <c r="AF42358" i="1"/>
  <c r="AF42359" i="1"/>
  <c r="AF42360" i="1"/>
  <c r="AF42361" i="1"/>
  <c r="AF42362" i="1"/>
  <c r="AF42363" i="1"/>
  <c r="AF42364" i="1"/>
  <c r="AF42365" i="1"/>
  <c r="AF42366" i="1"/>
  <c r="AF42367" i="1"/>
  <c r="AF42368" i="1"/>
  <c r="AF42369" i="1"/>
  <c r="AF42370" i="1"/>
  <c r="AF42371" i="1"/>
  <c r="AF42372" i="1"/>
  <c r="AF42373" i="1"/>
  <c r="AF42374" i="1"/>
  <c r="AF42375" i="1"/>
  <c r="AF42376" i="1"/>
  <c r="AF42377" i="1"/>
  <c r="AF42378" i="1"/>
  <c r="AF42379" i="1"/>
  <c r="AF42380" i="1"/>
  <c r="AF42381" i="1"/>
  <c r="AF42382" i="1"/>
  <c r="AF42383" i="1"/>
  <c r="AF42384" i="1"/>
  <c r="AF42385" i="1"/>
  <c r="AF42386" i="1"/>
  <c r="AF42387" i="1"/>
  <c r="AF42388" i="1"/>
  <c r="AF42389" i="1"/>
  <c r="AF42390" i="1"/>
  <c r="AF42391" i="1"/>
  <c r="AF42392" i="1"/>
  <c r="AF42393" i="1"/>
  <c r="AF42394" i="1"/>
  <c r="AF42395" i="1"/>
  <c r="AF42396" i="1"/>
  <c r="AF42397" i="1"/>
  <c r="AF42398" i="1"/>
  <c r="AF42399" i="1"/>
  <c r="AF42400" i="1"/>
  <c r="AF42401" i="1"/>
  <c r="AF42402" i="1"/>
  <c r="AF42403" i="1"/>
  <c r="AF42404" i="1"/>
  <c r="AF42405" i="1"/>
  <c r="AF42406" i="1"/>
  <c r="AF42407" i="1"/>
  <c r="AF42408" i="1"/>
  <c r="AF42409" i="1"/>
  <c r="AF42410" i="1"/>
  <c r="AF42411" i="1"/>
  <c r="AF42412" i="1"/>
  <c r="AF42413" i="1"/>
  <c r="AF42414" i="1"/>
  <c r="AF42415" i="1"/>
  <c r="AF42416" i="1"/>
  <c r="AF42417" i="1"/>
  <c r="AF42418" i="1"/>
  <c r="AF42419" i="1"/>
  <c r="AF42420" i="1"/>
  <c r="AF42421" i="1"/>
  <c r="AF42422" i="1"/>
  <c r="AF42423" i="1"/>
  <c r="AF42424" i="1"/>
  <c r="AF42425" i="1"/>
  <c r="AF42426" i="1"/>
  <c r="AF42427" i="1"/>
  <c r="AF42428" i="1"/>
  <c r="AF42429" i="1"/>
  <c r="AF42430" i="1"/>
  <c r="AF42431" i="1"/>
  <c r="AF42432" i="1"/>
  <c r="AF42433" i="1"/>
  <c r="AF42434" i="1"/>
  <c r="AF42435" i="1"/>
  <c r="AF42436" i="1"/>
  <c r="AF42437" i="1"/>
  <c r="AF42438" i="1"/>
  <c r="AF42439" i="1"/>
  <c r="AF42440" i="1"/>
  <c r="AF42441" i="1"/>
  <c r="AF42442" i="1"/>
  <c r="AF42443" i="1"/>
  <c r="AF42444" i="1"/>
  <c r="AF42445" i="1"/>
  <c r="AF42446" i="1"/>
  <c r="AF42447" i="1"/>
  <c r="AF42448" i="1"/>
  <c r="AF42449" i="1"/>
  <c r="AF42450" i="1"/>
  <c r="AF42451" i="1"/>
  <c r="AF42452" i="1"/>
  <c r="AF42453" i="1"/>
  <c r="AF42454" i="1"/>
  <c r="AF42455" i="1"/>
  <c r="AF42456" i="1"/>
  <c r="AF42457" i="1"/>
  <c r="AF42458" i="1"/>
  <c r="AF42459" i="1"/>
  <c r="AF42460" i="1"/>
  <c r="AF42461" i="1"/>
  <c r="AF42462" i="1"/>
  <c r="AF42463" i="1"/>
  <c r="AF42464" i="1"/>
  <c r="AF42465" i="1"/>
  <c r="AF42466" i="1"/>
  <c r="AF42467" i="1"/>
  <c r="AF42468" i="1"/>
  <c r="AF42469" i="1"/>
  <c r="AF42470" i="1"/>
  <c r="AF42471" i="1"/>
  <c r="AF42472" i="1"/>
  <c r="AF42473" i="1"/>
  <c r="AF42474" i="1"/>
  <c r="AF42475" i="1"/>
  <c r="AF42476" i="1"/>
  <c r="AF42477" i="1"/>
  <c r="AF42478" i="1"/>
  <c r="AF42479" i="1"/>
  <c r="AF42480" i="1"/>
  <c r="AF42481" i="1"/>
  <c r="AF42482" i="1"/>
  <c r="AF42483" i="1"/>
  <c r="AF42484" i="1"/>
  <c r="AF42485" i="1"/>
  <c r="AF42486" i="1"/>
  <c r="AF42487" i="1"/>
  <c r="AF42488" i="1"/>
  <c r="AF42489" i="1"/>
  <c r="AF42490" i="1"/>
  <c r="AF42491" i="1"/>
  <c r="AF42492" i="1"/>
  <c r="AF42493" i="1"/>
  <c r="AF42494" i="1"/>
  <c r="AF42495" i="1"/>
  <c r="AF42496" i="1"/>
  <c r="AF42497" i="1"/>
  <c r="AF42498" i="1"/>
  <c r="AF42499" i="1"/>
  <c r="AF42500" i="1"/>
  <c r="AF42501" i="1"/>
  <c r="AF42502" i="1"/>
  <c r="AF42503" i="1"/>
  <c r="AF42504" i="1"/>
  <c r="AF42505" i="1"/>
  <c r="AF42506" i="1"/>
  <c r="AF42507" i="1"/>
  <c r="AF42508" i="1"/>
  <c r="AF42509" i="1"/>
  <c r="AF42510" i="1"/>
  <c r="AF42511" i="1"/>
  <c r="AF42512" i="1"/>
  <c r="AF42513" i="1"/>
  <c r="AF42514" i="1"/>
  <c r="AF42515" i="1"/>
  <c r="AF42516" i="1"/>
  <c r="AF42517" i="1"/>
  <c r="AF42518" i="1"/>
  <c r="AF42519" i="1"/>
  <c r="AF42520" i="1"/>
  <c r="AF42521" i="1"/>
  <c r="AF42522" i="1"/>
  <c r="AF42523" i="1"/>
  <c r="AF42524" i="1"/>
  <c r="AF42525" i="1"/>
  <c r="AF42526" i="1"/>
  <c r="AF42527" i="1"/>
  <c r="AF42528" i="1"/>
  <c r="AF42529" i="1"/>
  <c r="AF42530" i="1"/>
  <c r="AF42531" i="1"/>
  <c r="AF42532" i="1"/>
  <c r="AF42533" i="1"/>
  <c r="AF42534" i="1"/>
  <c r="AF42535" i="1"/>
  <c r="AF42536" i="1"/>
  <c r="AF42537" i="1"/>
  <c r="AF42538" i="1"/>
  <c r="AF42539" i="1"/>
  <c r="AF42540" i="1"/>
  <c r="AF42541" i="1"/>
  <c r="AF42542" i="1"/>
  <c r="AF42543" i="1"/>
  <c r="AF42544" i="1"/>
  <c r="AF42545" i="1"/>
  <c r="AF42546" i="1"/>
  <c r="AF42547" i="1"/>
  <c r="AF42548" i="1"/>
  <c r="AF42549" i="1"/>
  <c r="AF42550" i="1"/>
  <c r="AF42551" i="1"/>
  <c r="AF42552" i="1"/>
  <c r="AF42553" i="1"/>
  <c r="AF42554" i="1"/>
  <c r="AF42555" i="1"/>
  <c r="AF42556" i="1"/>
  <c r="AF42557" i="1"/>
  <c r="AF42558" i="1"/>
  <c r="AF42559" i="1"/>
  <c r="AF42560" i="1"/>
  <c r="AF42561" i="1"/>
  <c r="AF42562" i="1"/>
  <c r="AF42563" i="1"/>
  <c r="AF42564" i="1"/>
  <c r="AF42565" i="1"/>
  <c r="AF42566" i="1"/>
  <c r="AF42567" i="1"/>
  <c r="AF42568" i="1"/>
  <c r="AF42569" i="1"/>
  <c r="AF42570" i="1"/>
  <c r="AF42571" i="1"/>
  <c r="AF42572" i="1"/>
  <c r="AF42573" i="1"/>
  <c r="AF42574" i="1"/>
  <c r="AF42575" i="1"/>
  <c r="AF42576" i="1"/>
  <c r="AF42577" i="1"/>
  <c r="AF42578" i="1"/>
  <c r="AF42579" i="1"/>
  <c r="AF42580" i="1"/>
  <c r="AF42581" i="1"/>
  <c r="AF42582" i="1"/>
  <c r="AF42583" i="1"/>
  <c r="AF42584" i="1"/>
  <c r="AF42585" i="1"/>
  <c r="AF42586" i="1"/>
  <c r="AF42587" i="1"/>
  <c r="AF42588" i="1"/>
  <c r="AF42589" i="1"/>
  <c r="AF42590" i="1"/>
  <c r="AF42591" i="1"/>
  <c r="AF42592" i="1"/>
  <c r="AF42593" i="1"/>
  <c r="AF42594" i="1"/>
  <c r="AF42595" i="1"/>
  <c r="AF42596" i="1"/>
  <c r="AF42597" i="1"/>
  <c r="AF42598" i="1"/>
  <c r="AF42599" i="1"/>
  <c r="AF42600" i="1"/>
  <c r="AF42601" i="1"/>
  <c r="AF42602" i="1"/>
  <c r="AF42603" i="1"/>
  <c r="AF42604" i="1"/>
  <c r="AF42605" i="1"/>
  <c r="AF42606" i="1"/>
  <c r="AF42607" i="1"/>
  <c r="AF42608" i="1"/>
  <c r="AF42609" i="1"/>
  <c r="AF42610" i="1"/>
  <c r="AF42611" i="1"/>
  <c r="AF42612" i="1"/>
  <c r="AF42613" i="1"/>
  <c r="AF42614" i="1"/>
  <c r="AF42615" i="1"/>
  <c r="AF42616" i="1"/>
  <c r="AF42617" i="1"/>
  <c r="AF42618" i="1"/>
  <c r="AF42619" i="1"/>
  <c r="AF42620" i="1"/>
  <c r="AF42621" i="1"/>
  <c r="AF42622" i="1"/>
  <c r="AF42623" i="1"/>
  <c r="AF42624" i="1"/>
  <c r="AF42625" i="1"/>
  <c r="AF42626" i="1"/>
  <c r="AF42627" i="1"/>
  <c r="AF42628" i="1"/>
  <c r="AF42629" i="1"/>
  <c r="AF42630" i="1"/>
  <c r="AF42631" i="1"/>
  <c r="AF42632" i="1"/>
  <c r="AF42633" i="1"/>
  <c r="AF42634" i="1"/>
  <c r="AF42635" i="1"/>
  <c r="AF42636" i="1"/>
  <c r="AF42637" i="1"/>
  <c r="AF42638" i="1"/>
  <c r="AF42639" i="1"/>
  <c r="AF42640" i="1"/>
  <c r="AF42641" i="1"/>
  <c r="AF42642" i="1"/>
  <c r="AF42643" i="1"/>
  <c r="AF42644" i="1"/>
  <c r="AF42645" i="1"/>
  <c r="AF42646" i="1"/>
  <c r="AF42647" i="1"/>
  <c r="AF42648" i="1"/>
  <c r="AF42649" i="1"/>
  <c r="AF42650" i="1"/>
  <c r="AF42651" i="1"/>
  <c r="AF42652" i="1"/>
  <c r="AF42653" i="1"/>
  <c r="AF42654" i="1"/>
  <c r="AF42655" i="1"/>
  <c r="AF42656" i="1"/>
  <c r="AF42657" i="1"/>
  <c r="AF42658" i="1"/>
  <c r="AF42659" i="1"/>
  <c r="AF42660" i="1"/>
  <c r="AF42661" i="1"/>
  <c r="AF42662" i="1"/>
  <c r="AF42663" i="1"/>
  <c r="AF42664" i="1"/>
  <c r="AF42665" i="1"/>
  <c r="AF42666" i="1"/>
  <c r="AF42667" i="1"/>
  <c r="AF42668" i="1"/>
  <c r="AF42669" i="1"/>
  <c r="AF42670" i="1"/>
  <c r="AF42671" i="1"/>
  <c r="AF42672" i="1"/>
  <c r="AF42673" i="1"/>
  <c r="AF42674" i="1"/>
  <c r="AF42675" i="1"/>
  <c r="AF42676" i="1"/>
  <c r="AF42677" i="1"/>
  <c r="AF42678" i="1"/>
  <c r="AF42679" i="1"/>
  <c r="AF42680" i="1"/>
  <c r="AF42681" i="1"/>
  <c r="AF42682" i="1"/>
  <c r="AF42683" i="1"/>
  <c r="AF42684" i="1"/>
  <c r="AF42685" i="1"/>
  <c r="AF42686" i="1"/>
  <c r="AF42687" i="1"/>
  <c r="AF42688" i="1"/>
  <c r="AF42689" i="1"/>
  <c r="AF42690" i="1"/>
  <c r="AF42691" i="1"/>
  <c r="AF42692" i="1"/>
  <c r="AF42693" i="1"/>
  <c r="AF42694" i="1"/>
  <c r="AF42695" i="1"/>
  <c r="AF42696" i="1"/>
  <c r="AF42697" i="1"/>
  <c r="AF42698" i="1"/>
  <c r="AF42699" i="1"/>
  <c r="AF42700" i="1"/>
  <c r="AF42701" i="1"/>
  <c r="AF42702" i="1"/>
  <c r="AF42703" i="1"/>
  <c r="AF42704" i="1"/>
  <c r="AF42705" i="1"/>
  <c r="AF42706" i="1"/>
  <c r="AF42707" i="1"/>
  <c r="AF42708" i="1"/>
  <c r="AF42709" i="1"/>
  <c r="AF42710" i="1"/>
  <c r="AF42711" i="1"/>
  <c r="AF42712" i="1"/>
  <c r="AF42713" i="1"/>
  <c r="AF42714" i="1"/>
  <c r="AF42715" i="1"/>
  <c r="AF42716" i="1"/>
  <c r="AF42717" i="1"/>
  <c r="AF42718" i="1"/>
  <c r="AF42719" i="1"/>
  <c r="AF42720" i="1"/>
  <c r="AF42721" i="1"/>
  <c r="AF42722" i="1"/>
  <c r="AF42723" i="1"/>
  <c r="AF42724" i="1"/>
  <c r="AF42725" i="1"/>
  <c r="AF42726" i="1"/>
  <c r="AF42727" i="1"/>
  <c r="AF42728" i="1"/>
  <c r="AF42729" i="1"/>
  <c r="AF42730" i="1"/>
  <c r="AF42731" i="1"/>
  <c r="AF42732" i="1"/>
  <c r="AF42733" i="1"/>
  <c r="AF42734" i="1"/>
  <c r="AF42735" i="1"/>
  <c r="AF42736" i="1"/>
  <c r="AF42737" i="1"/>
  <c r="AF42738" i="1"/>
  <c r="AF42739" i="1"/>
  <c r="AF42740" i="1"/>
  <c r="AF42741" i="1"/>
  <c r="AF42742" i="1"/>
  <c r="AF42743" i="1"/>
  <c r="AF42744" i="1"/>
  <c r="AF42745" i="1"/>
  <c r="AF42746" i="1"/>
  <c r="AF42747" i="1"/>
  <c r="AF42748" i="1"/>
  <c r="AF42749" i="1"/>
  <c r="AF42750" i="1"/>
  <c r="AF42751" i="1"/>
  <c r="AF42752" i="1"/>
  <c r="AF42753" i="1"/>
  <c r="AF42754" i="1"/>
  <c r="AF42755" i="1"/>
  <c r="AF42756" i="1"/>
  <c r="AF42757" i="1"/>
  <c r="AF42758" i="1"/>
  <c r="AF42759" i="1"/>
  <c r="AF42760" i="1"/>
  <c r="AF42761" i="1"/>
  <c r="AF42762" i="1"/>
  <c r="AF42763" i="1"/>
  <c r="AF42764" i="1"/>
  <c r="AF42765" i="1"/>
  <c r="AF42766" i="1"/>
  <c r="AF42767" i="1"/>
  <c r="AF42768" i="1"/>
  <c r="AF42769" i="1"/>
  <c r="AF42770" i="1"/>
  <c r="AF42771" i="1"/>
  <c r="AF42772" i="1"/>
  <c r="AF42773" i="1"/>
  <c r="AF42774" i="1"/>
  <c r="AF42775" i="1"/>
  <c r="AF42776" i="1"/>
  <c r="AF42777" i="1"/>
  <c r="AF42778" i="1"/>
  <c r="AF42779" i="1"/>
  <c r="AF42780" i="1"/>
  <c r="AF42781" i="1"/>
  <c r="AF42782" i="1"/>
  <c r="AF42783" i="1"/>
  <c r="AF42784" i="1"/>
  <c r="AF42785" i="1"/>
  <c r="AF42786" i="1"/>
  <c r="AF42787" i="1"/>
  <c r="AF42788" i="1"/>
  <c r="AF42789" i="1"/>
  <c r="AF42790" i="1"/>
  <c r="AF42791" i="1"/>
  <c r="AF42792" i="1"/>
  <c r="AF42793" i="1"/>
  <c r="AF42794" i="1"/>
  <c r="AF42795" i="1"/>
  <c r="AF42796" i="1"/>
  <c r="AF42797" i="1"/>
  <c r="AF42798" i="1"/>
  <c r="AF42799" i="1"/>
  <c r="AF42800" i="1"/>
  <c r="AF42801" i="1"/>
  <c r="AF42802" i="1"/>
  <c r="AF42803" i="1"/>
  <c r="AF42804" i="1"/>
  <c r="AF42805" i="1"/>
  <c r="AF42806" i="1"/>
  <c r="AF42807" i="1"/>
  <c r="AF42808" i="1"/>
  <c r="AF42809" i="1"/>
  <c r="AF42810" i="1"/>
  <c r="AF42811" i="1"/>
  <c r="AF42812" i="1"/>
  <c r="AF42813" i="1"/>
  <c r="AF42814" i="1"/>
  <c r="AF42815" i="1"/>
  <c r="AF42816" i="1"/>
  <c r="AF42817" i="1"/>
  <c r="AF42818" i="1"/>
  <c r="AF42819" i="1"/>
  <c r="AF42820" i="1"/>
  <c r="AF42821" i="1"/>
  <c r="AF42822" i="1"/>
  <c r="AF42823" i="1"/>
  <c r="AF42824" i="1"/>
  <c r="AF42825" i="1"/>
  <c r="AF42826" i="1"/>
  <c r="AF42827" i="1"/>
  <c r="AF42828" i="1"/>
  <c r="AF42829" i="1"/>
  <c r="AF42830" i="1"/>
  <c r="AF42831" i="1"/>
  <c r="AF42832" i="1"/>
  <c r="AF42833" i="1"/>
  <c r="AF42834" i="1"/>
  <c r="AF42835" i="1"/>
  <c r="AF42836" i="1"/>
  <c r="AF42837" i="1"/>
  <c r="AF42838" i="1"/>
  <c r="AF42839" i="1"/>
  <c r="AF42840" i="1"/>
  <c r="AF42841" i="1"/>
  <c r="AF42842" i="1"/>
  <c r="AF42843" i="1"/>
  <c r="AF42844" i="1"/>
  <c r="AF42845" i="1"/>
  <c r="AF42846" i="1"/>
  <c r="AF42847" i="1"/>
  <c r="AF42848" i="1"/>
  <c r="AF42849" i="1"/>
  <c r="AF42850" i="1"/>
  <c r="AF42851" i="1"/>
  <c r="AF42852" i="1"/>
  <c r="AF42853" i="1"/>
  <c r="AF42854" i="1"/>
  <c r="AF42855" i="1"/>
  <c r="AF42856" i="1"/>
  <c r="AF42857" i="1"/>
  <c r="AF42858" i="1"/>
  <c r="AF42859" i="1"/>
  <c r="AF42860" i="1"/>
  <c r="AF42861" i="1"/>
  <c r="AF42862" i="1"/>
  <c r="AF42863" i="1"/>
  <c r="AF42864" i="1"/>
  <c r="AF42865" i="1"/>
  <c r="AF42866" i="1"/>
  <c r="AF42867" i="1"/>
  <c r="AF42868" i="1"/>
  <c r="AF42869" i="1"/>
  <c r="AF42870" i="1"/>
  <c r="AF42871" i="1"/>
  <c r="AF42872" i="1"/>
  <c r="AF42873" i="1"/>
  <c r="AF42874" i="1"/>
  <c r="AF42875" i="1"/>
  <c r="AF42876" i="1"/>
  <c r="AF42877" i="1"/>
  <c r="AF42878" i="1"/>
  <c r="AF42879" i="1"/>
  <c r="AF42880" i="1"/>
  <c r="AF42881" i="1"/>
  <c r="AF42882" i="1"/>
  <c r="AF42883" i="1"/>
  <c r="AF42884" i="1"/>
  <c r="AF42885" i="1"/>
  <c r="AF42886" i="1"/>
  <c r="AF42887" i="1"/>
  <c r="AF42888" i="1"/>
  <c r="AF42889" i="1"/>
  <c r="AF42890" i="1"/>
  <c r="AF42891" i="1"/>
  <c r="AF42892" i="1"/>
  <c r="AF42893" i="1"/>
  <c r="AF42894" i="1"/>
  <c r="AF42895" i="1"/>
  <c r="AF42896" i="1"/>
  <c r="AF42897" i="1"/>
  <c r="AF42898" i="1"/>
  <c r="AF42899" i="1"/>
  <c r="AF42900" i="1"/>
  <c r="AF42901" i="1"/>
  <c r="AF42902" i="1"/>
  <c r="AF42903" i="1"/>
  <c r="AF42904" i="1"/>
  <c r="AF42905" i="1"/>
  <c r="AF42906" i="1"/>
  <c r="AF42907" i="1"/>
  <c r="AF42908" i="1"/>
  <c r="AF42909" i="1"/>
  <c r="AF42910" i="1"/>
  <c r="AF42911" i="1"/>
  <c r="AF42912" i="1"/>
  <c r="AF42913" i="1"/>
  <c r="AF42914" i="1"/>
  <c r="AF42915" i="1"/>
  <c r="AF42916" i="1"/>
  <c r="AF42917" i="1"/>
  <c r="AF42918" i="1"/>
  <c r="AF42919" i="1"/>
  <c r="AF42920" i="1"/>
  <c r="AF42921" i="1"/>
  <c r="AF42922" i="1"/>
  <c r="AF42923" i="1"/>
  <c r="AF42924" i="1"/>
  <c r="AF42925" i="1"/>
  <c r="AF42926" i="1"/>
  <c r="AF42927" i="1"/>
  <c r="AF42928" i="1"/>
  <c r="AF42929" i="1"/>
  <c r="AF42930" i="1"/>
  <c r="AF42931" i="1"/>
  <c r="AF42932" i="1"/>
  <c r="AF42933" i="1"/>
  <c r="AF42934" i="1"/>
  <c r="AF42935" i="1"/>
  <c r="AF42936" i="1"/>
  <c r="AF42937" i="1"/>
  <c r="AF42938" i="1"/>
  <c r="AF42939" i="1"/>
  <c r="AF42940" i="1"/>
  <c r="AF42941" i="1"/>
  <c r="AF42942" i="1"/>
  <c r="AF42943" i="1"/>
  <c r="AF42944" i="1"/>
  <c r="AF42945" i="1"/>
  <c r="AF42946" i="1"/>
  <c r="AF42947" i="1"/>
  <c r="AF42948" i="1"/>
  <c r="AF42949" i="1"/>
  <c r="AF42950" i="1"/>
  <c r="AF42951" i="1"/>
  <c r="AF42952" i="1"/>
  <c r="AF42953" i="1"/>
  <c r="AF42954" i="1"/>
  <c r="AF42955" i="1"/>
  <c r="AF42956" i="1"/>
  <c r="AF42957" i="1"/>
  <c r="AF42958" i="1"/>
  <c r="AF42959" i="1"/>
  <c r="AF42960" i="1"/>
  <c r="AF42961" i="1"/>
  <c r="AF42962" i="1"/>
  <c r="AF42963" i="1"/>
  <c r="AF42964" i="1"/>
  <c r="AF42965" i="1"/>
  <c r="AF42966" i="1"/>
  <c r="AF42967" i="1"/>
  <c r="AF42968" i="1"/>
  <c r="AF42969" i="1"/>
  <c r="AF42970" i="1"/>
  <c r="AF42971" i="1"/>
  <c r="AF42972" i="1"/>
  <c r="AF42973" i="1"/>
  <c r="AF42974" i="1"/>
  <c r="AF42975" i="1"/>
  <c r="AF42976" i="1"/>
  <c r="AF42977" i="1"/>
  <c r="AF42978" i="1"/>
  <c r="AF42979" i="1"/>
  <c r="AF42980" i="1"/>
  <c r="AF42981" i="1"/>
  <c r="AF42982" i="1"/>
  <c r="AF42983" i="1"/>
  <c r="AF42984" i="1"/>
  <c r="AF42985" i="1"/>
  <c r="AF42986" i="1"/>
  <c r="AF42987" i="1"/>
  <c r="AF42988" i="1"/>
  <c r="AF42989" i="1"/>
  <c r="AF42990" i="1"/>
  <c r="AF42991" i="1"/>
  <c r="AF42992" i="1"/>
  <c r="AF42993" i="1"/>
  <c r="AF42994" i="1"/>
  <c r="AF42995" i="1"/>
  <c r="AF42996" i="1"/>
  <c r="AF42997" i="1"/>
  <c r="AF42998" i="1"/>
  <c r="AF42999" i="1"/>
  <c r="AF43000" i="1"/>
  <c r="AF43001" i="1"/>
  <c r="AF43002" i="1"/>
  <c r="AF43003" i="1"/>
  <c r="AF43004" i="1"/>
  <c r="AF43005" i="1"/>
  <c r="AF43006" i="1"/>
  <c r="AF43007" i="1"/>
  <c r="AF43008" i="1"/>
  <c r="AF43009" i="1"/>
  <c r="AF43010" i="1"/>
  <c r="AF43011" i="1"/>
  <c r="AF43012" i="1"/>
  <c r="AF43013" i="1"/>
  <c r="AF43014" i="1"/>
  <c r="AF43015" i="1"/>
  <c r="AF43016" i="1"/>
  <c r="AF43017" i="1"/>
  <c r="AF43018" i="1"/>
  <c r="AF43019" i="1"/>
  <c r="AF43020" i="1"/>
  <c r="AF43021" i="1"/>
  <c r="AF43022" i="1"/>
  <c r="AF43023" i="1"/>
  <c r="AF43024" i="1"/>
  <c r="AF43025" i="1"/>
  <c r="AF43026" i="1"/>
  <c r="AF43027" i="1"/>
  <c r="AF43028" i="1"/>
  <c r="AF43029" i="1"/>
  <c r="AF43030" i="1"/>
  <c r="AF43031" i="1"/>
  <c r="AF43032" i="1"/>
  <c r="AF43033" i="1"/>
  <c r="AF43034" i="1"/>
  <c r="AF43035" i="1"/>
  <c r="AF43036" i="1"/>
  <c r="AF43037" i="1"/>
  <c r="AF43038" i="1"/>
  <c r="AF43039" i="1"/>
  <c r="AF43040" i="1"/>
  <c r="AF43041" i="1"/>
  <c r="AF43042" i="1"/>
  <c r="AF43043" i="1"/>
  <c r="AF43044" i="1"/>
  <c r="AF43045" i="1"/>
  <c r="AF43046" i="1"/>
  <c r="AF43047" i="1"/>
  <c r="AF43048" i="1"/>
  <c r="AF43049" i="1"/>
  <c r="AF43050" i="1"/>
  <c r="AF43051" i="1"/>
  <c r="AF43052" i="1"/>
  <c r="AF43053" i="1"/>
  <c r="AF43054" i="1"/>
  <c r="AF43055" i="1"/>
  <c r="AF43056" i="1"/>
  <c r="AF43057" i="1"/>
  <c r="AF43058" i="1"/>
  <c r="AF43059" i="1"/>
  <c r="AF43060" i="1"/>
  <c r="AF43061" i="1"/>
  <c r="AF43062" i="1"/>
  <c r="AF43063" i="1"/>
  <c r="AF43064" i="1"/>
  <c r="AF43065" i="1"/>
  <c r="AF43066" i="1"/>
  <c r="AF43067" i="1"/>
  <c r="AF43068" i="1"/>
  <c r="AF43069" i="1"/>
  <c r="AF43070" i="1"/>
  <c r="AF43071" i="1"/>
  <c r="AF43072" i="1"/>
  <c r="AF43073" i="1"/>
  <c r="AF43074" i="1"/>
  <c r="AF43075" i="1"/>
  <c r="AF43076" i="1"/>
  <c r="AF43077" i="1"/>
  <c r="AF43078" i="1"/>
  <c r="AF43079" i="1"/>
  <c r="AF43080" i="1"/>
  <c r="AF43081" i="1"/>
  <c r="AF43082" i="1"/>
  <c r="AF43083" i="1"/>
  <c r="AF43084" i="1"/>
  <c r="AF43085" i="1"/>
  <c r="AF43086" i="1"/>
  <c r="AF43087" i="1"/>
  <c r="AF43088" i="1"/>
  <c r="AF43089" i="1"/>
  <c r="AF43090" i="1"/>
  <c r="AF43091" i="1"/>
  <c r="AF43092" i="1"/>
  <c r="AF43093" i="1"/>
  <c r="AF43094" i="1"/>
  <c r="AF43095" i="1"/>
  <c r="AF43096" i="1"/>
  <c r="AF43097" i="1"/>
  <c r="AF43098" i="1"/>
  <c r="AF43099" i="1"/>
  <c r="AF43100" i="1"/>
  <c r="AF43101" i="1"/>
  <c r="AF43102" i="1"/>
  <c r="AF43103" i="1"/>
  <c r="AF43104" i="1"/>
  <c r="AF43105" i="1"/>
  <c r="AF43106" i="1"/>
  <c r="AF43107" i="1"/>
  <c r="AF43108" i="1"/>
  <c r="AF43109" i="1"/>
  <c r="AF43110" i="1"/>
  <c r="AF43111" i="1"/>
  <c r="AF43112" i="1"/>
  <c r="AF43113" i="1"/>
  <c r="AF43114" i="1"/>
  <c r="AF43115" i="1"/>
  <c r="AF43116" i="1"/>
  <c r="AF43117" i="1"/>
  <c r="AF43118" i="1"/>
  <c r="AF43119" i="1"/>
  <c r="AF43120" i="1"/>
  <c r="AF43121" i="1"/>
  <c r="AF43122" i="1"/>
  <c r="AF43123" i="1"/>
  <c r="AF43124" i="1"/>
  <c r="AF43125" i="1"/>
  <c r="AF43126" i="1"/>
  <c r="AF43127" i="1"/>
  <c r="AF43128" i="1"/>
  <c r="AF43129" i="1"/>
  <c r="AF43130" i="1"/>
  <c r="AF43131" i="1"/>
  <c r="AF43132" i="1"/>
  <c r="AF43133" i="1"/>
  <c r="AF43134" i="1"/>
  <c r="AF43135" i="1"/>
  <c r="AF43136" i="1"/>
  <c r="AF43137" i="1"/>
  <c r="AF43138" i="1"/>
  <c r="AF43139" i="1"/>
  <c r="AF43140" i="1"/>
  <c r="AF43141" i="1"/>
  <c r="AF43142" i="1"/>
  <c r="AF43143" i="1"/>
  <c r="AF43144" i="1"/>
  <c r="AF43145" i="1"/>
  <c r="AF43146" i="1"/>
  <c r="AF43147" i="1"/>
  <c r="AF43148" i="1"/>
  <c r="AF43149" i="1"/>
  <c r="AF43150" i="1"/>
  <c r="AF43151" i="1"/>
  <c r="AF43152" i="1"/>
  <c r="AF43153" i="1"/>
  <c r="AF43154" i="1"/>
  <c r="AF43155" i="1"/>
  <c r="AF43156" i="1"/>
  <c r="AF43157" i="1"/>
  <c r="AF43158" i="1"/>
  <c r="AF43159" i="1"/>
  <c r="AF43160" i="1"/>
  <c r="AF43161" i="1"/>
  <c r="AF43162" i="1"/>
  <c r="AF43163" i="1"/>
  <c r="AF43164" i="1"/>
  <c r="AF43165" i="1"/>
  <c r="AF43166" i="1"/>
  <c r="AF43167" i="1"/>
  <c r="AF43168" i="1"/>
  <c r="AF43169" i="1"/>
  <c r="AF43170" i="1"/>
  <c r="AF43171" i="1"/>
  <c r="AF43172" i="1"/>
  <c r="AF43173" i="1"/>
  <c r="AF43174" i="1"/>
  <c r="AF43175" i="1"/>
  <c r="AF43176" i="1"/>
  <c r="AF43177" i="1"/>
  <c r="AF43178" i="1"/>
  <c r="AF43179" i="1"/>
  <c r="AF43180" i="1"/>
  <c r="AF43181" i="1"/>
  <c r="AF43182" i="1"/>
  <c r="AF43183" i="1"/>
  <c r="AF43184" i="1"/>
  <c r="AF43185" i="1"/>
  <c r="AF43186" i="1"/>
  <c r="AF43187" i="1"/>
  <c r="AF43188" i="1"/>
  <c r="AF43189" i="1"/>
  <c r="AF43190" i="1"/>
  <c r="AF43191" i="1"/>
  <c r="AF43192" i="1"/>
  <c r="AF43193" i="1"/>
  <c r="AF43194" i="1"/>
  <c r="AF43195" i="1"/>
  <c r="AF43196" i="1"/>
  <c r="AF43197" i="1"/>
  <c r="AF43198" i="1"/>
  <c r="AF43199" i="1"/>
  <c r="AF43200" i="1"/>
  <c r="AF43201" i="1"/>
  <c r="AF43202" i="1"/>
  <c r="AF43203" i="1"/>
  <c r="AF43204" i="1"/>
  <c r="AF43205" i="1"/>
  <c r="AF43206" i="1"/>
  <c r="AF43207" i="1"/>
  <c r="AF43208" i="1"/>
  <c r="AF43209" i="1"/>
  <c r="AF43210" i="1"/>
  <c r="AF43211" i="1"/>
  <c r="AF43212" i="1"/>
  <c r="AF43213" i="1"/>
  <c r="AF43214" i="1"/>
  <c r="AF43215" i="1"/>
  <c r="AF43216" i="1"/>
  <c r="AF43217" i="1"/>
  <c r="AF43218" i="1"/>
  <c r="AF43219" i="1"/>
  <c r="AF43220" i="1"/>
  <c r="AF43221" i="1"/>
  <c r="AF43222" i="1"/>
  <c r="AF43223" i="1"/>
  <c r="AF43224" i="1"/>
  <c r="AF43225" i="1"/>
  <c r="AF43226" i="1"/>
  <c r="AF43227" i="1"/>
  <c r="AF43228" i="1"/>
  <c r="AF43229" i="1"/>
  <c r="AF43230" i="1"/>
  <c r="AF43231" i="1"/>
  <c r="AF43232" i="1"/>
  <c r="AF43233" i="1"/>
  <c r="AF43234" i="1"/>
  <c r="AF43235" i="1"/>
  <c r="AF43236" i="1"/>
  <c r="AF43237" i="1"/>
  <c r="AF43238" i="1"/>
  <c r="AF43239" i="1"/>
  <c r="AF43240" i="1"/>
  <c r="AF43241" i="1"/>
  <c r="AF43242" i="1"/>
  <c r="AF43243" i="1"/>
  <c r="AF43244" i="1"/>
  <c r="AF43245" i="1"/>
  <c r="AF43246" i="1"/>
  <c r="AF43247" i="1"/>
  <c r="AF43248" i="1"/>
  <c r="AF43249" i="1"/>
  <c r="AF43250" i="1"/>
  <c r="AF43251" i="1"/>
  <c r="AF43252" i="1"/>
  <c r="AF43253" i="1"/>
  <c r="AF43254" i="1"/>
  <c r="AF43255" i="1"/>
  <c r="AF43256" i="1"/>
  <c r="AF43257" i="1"/>
  <c r="AF43258" i="1"/>
  <c r="AF43259" i="1"/>
  <c r="AF43260" i="1"/>
  <c r="AF43261" i="1"/>
  <c r="AF43262" i="1"/>
  <c r="AF43263" i="1"/>
  <c r="AF43264" i="1"/>
  <c r="AF43265" i="1"/>
  <c r="AF43266" i="1"/>
  <c r="AF43267" i="1"/>
  <c r="AF43268" i="1"/>
  <c r="AF43269" i="1"/>
  <c r="AF43270" i="1"/>
  <c r="AF43271" i="1"/>
  <c r="AF43272" i="1"/>
  <c r="AF43273" i="1"/>
  <c r="AF43274" i="1"/>
  <c r="AF43275" i="1"/>
  <c r="AF43276" i="1"/>
  <c r="AF43277" i="1"/>
  <c r="AF43278" i="1"/>
  <c r="AF43279" i="1"/>
  <c r="AF43280" i="1"/>
  <c r="AF43281" i="1"/>
  <c r="AF43282" i="1"/>
  <c r="AF43283" i="1"/>
  <c r="AF43284" i="1"/>
  <c r="AF43285" i="1"/>
  <c r="AF43286" i="1"/>
  <c r="AF43287" i="1"/>
  <c r="AF43288" i="1"/>
  <c r="AF43289" i="1"/>
  <c r="AF43290" i="1"/>
  <c r="AF43291" i="1"/>
  <c r="AF43292" i="1"/>
  <c r="AF43293" i="1"/>
  <c r="AF43294" i="1"/>
  <c r="AF43295" i="1"/>
  <c r="AF43296" i="1"/>
  <c r="AF43297" i="1"/>
  <c r="AF43298" i="1"/>
  <c r="AF43299" i="1"/>
  <c r="AF43300" i="1"/>
  <c r="AF43301" i="1"/>
  <c r="AF43302" i="1"/>
  <c r="AF43303" i="1"/>
  <c r="AF43304" i="1"/>
  <c r="AF43305" i="1"/>
  <c r="AF43306" i="1"/>
  <c r="AF43307" i="1"/>
  <c r="AF43308" i="1"/>
  <c r="AF43309" i="1"/>
  <c r="AF43310" i="1"/>
  <c r="AF43311" i="1"/>
  <c r="AF43312" i="1"/>
  <c r="AF43313" i="1"/>
  <c r="AF43314" i="1"/>
  <c r="AF43315" i="1"/>
  <c r="AF43316" i="1"/>
  <c r="AF43317" i="1"/>
  <c r="AF43318" i="1"/>
  <c r="AF43319" i="1"/>
  <c r="AF43320" i="1"/>
  <c r="AF43321" i="1"/>
  <c r="AF43322" i="1"/>
  <c r="AF43323" i="1"/>
  <c r="AF43324" i="1"/>
  <c r="AF43325" i="1"/>
  <c r="AF43326" i="1"/>
  <c r="AF43327" i="1"/>
  <c r="AF43328" i="1"/>
  <c r="AF43329" i="1"/>
  <c r="AF43330" i="1"/>
  <c r="AF43331" i="1"/>
  <c r="AF43332" i="1"/>
  <c r="AF43333" i="1"/>
  <c r="AF43334" i="1"/>
  <c r="AF43335" i="1"/>
  <c r="AF43336" i="1"/>
  <c r="AF43337" i="1"/>
  <c r="AF43338" i="1"/>
  <c r="AF43339" i="1"/>
  <c r="AF43340" i="1"/>
  <c r="AF43341" i="1"/>
  <c r="AF43342" i="1"/>
  <c r="AF43343" i="1"/>
  <c r="AF43344" i="1"/>
  <c r="AF43345" i="1"/>
  <c r="AF43346" i="1"/>
  <c r="AF43347" i="1"/>
  <c r="AF43348" i="1"/>
  <c r="AF43349" i="1"/>
  <c r="AF43350" i="1"/>
  <c r="AF43351" i="1"/>
  <c r="AF43352" i="1"/>
  <c r="AF43353" i="1"/>
  <c r="AF43354" i="1"/>
  <c r="AF43355" i="1"/>
  <c r="AF43356" i="1"/>
  <c r="AF43357" i="1"/>
  <c r="AF43358" i="1"/>
  <c r="AF43359" i="1"/>
  <c r="AF43360" i="1"/>
  <c r="AF43361" i="1"/>
  <c r="AF43362" i="1"/>
  <c r="AF43363" i="1"/>
  <c r="AF43364" i="1"/>
  <c r="AF43365" i="1"/>
  <c r="AF43366" i="1"/>
  <c r="AF43367" i="1"/>
  <c r="AF43368" i="1"/>
  <c r="AF43369" i="1"/>
  <c r="AF43370" i="1"/>
  <c r="AF43371" i="1"/>
  <c r="AF43372" i="1"/>
  <c r="AF43373" i="1"/>
  <c r="AF43374" i="1"/>
  <c r="AF43375" i="1"/>
  <c r="AF43376" i="1"/>
  <c r="AF43377" i="1"/>
  <c r="AF43378" i="1"/>
  <c r="AF43379" i="1"/>
  <c r="AF43380" i="1"/>
  <c r="AF43381" i="1"/>
  <c r="AF43382" i="1"/>
  <c r="AF43383" i="1"/>
  <c r="AF43384" i="1"/>
  <c r="AF43385" i="1"/>
  <c r="AF43386" i="1"/>
  <c r="AF43387" i="1"/>
  <c r="AF43388" i="1"/>
  <c r="AF43389" i="1"/>
  <c r="AF43390" i="1"/>
  <c r="AF43391" i="1"/>
  <c r="AF43392" i="1"/>
  <c r="AF43393" i="1"/>
  <c r="AF43394" i="1"/>
  <c r="AF43395" i="1"/>
  <c r="AF43396" i="1"/>
  <c r="AF43397" i="1"/>
  <c r="AF43398" i="1"/>
  <c r="AF43399" i="1"/>
  <c r="AF43400" i="1"/>
  <c r="AF43401" i="1"/>
  <c r="AF43402" i="1"/>
  <c r="AF43403" i="1"/>
  <c r="AF43404" i="1"/>
  <c r="AF43405" i="1"/>
  <c r="AF43406" i="1"/>
  <c r="AF43407" i="1"/>
  <c r="AF43408" i="1"/>
  <c r="AF43409" i="1"/>
  <c r="AF43410" i="1"/>
  <c r="AF43411" i="1"/>
  <c r="AF43412" i="1"/>
  <c r="AF43413" i="1"/>
  <c r="AF43414" i="1"/>
  <c r="AF43415" i="1"/>
  <c r="AF43416" i="1"/>
  <c r="AF43417" i="1"/>
  <c r="AF43418" i="1"/>
  <c r="AF43419" i="1"/>
  <c r="AF43420" i="1"/>
  <c r="AF43421" i="1"/>
  <c r="AF43422" i="1"/>
  <c r="AF43423" i="1"/>
  <c r="AF43424" i="1"/>
  <c r="AF43425" i="1"/>
  <c r="AF43426" i="1"/>
  <c r="AF43427" i="1"/>
  <c r="AF43428" i="1"/>
  <c r="AF43429" i="1"/>
  <c r="AF43430" i="1"/>
  <c r="AF43431" i="1"/>
  <c r="AF43432" i="1"/>
  <c r="AF43433" i="1"/>
  <c r="AF43434" i="1"/>
  <c r="AF43435" i="1"/>
  <c r="AF43436" i="1"/>
  <c r="AF43437" i="1"/>
  <c r="AF43438" i="1"/>
  <c r="AF43439" i="1"/>
  <c r="AF43440" i="1"/>
  <c r="AF43441" i="1"/>
  <c r="AF43442" i="1"/>
  <c r="AF43443" i="1"/>
  <c r="AF43444" i="1"/>
  <c r="AF43445" i="1"/>
  <c r="AF43446" i="1"/>
  <c r="AF43447" i="1"/>
  <c r="AF43448" i="1"/>
  <c r="AF43449" i="1"/>
  <c r="AF43450" i="1"/>
  <c r="AF43451" i="1"/>
  <c r="AF43452" i="1"/>
  <c r="AF43453" i="1"/>
  <c r="AF43454" i="1"/>
  <c r="AF43455" i="1"/>
  <c r="AF43456" i="1"/>
  <c r="AF43457" i="1"/>
  <c r="AF43458" i="1"/>
  <c r="AF43459" i="1"/>
  <c r="AF43460" i="1"/>
  <c r="AF43461" i="1"/>
  <c r="AF43462" i="1"/>
  <c r="AF43463" i="1"/>
  <c r="AF43464" i="1"/>
  <c r="AF43465" i="1"/>
  <c r="AF43466" i="1"/>
  <c r="AF43467" i="1"/>
  <c r="AF43468" i="1"/>
  <c r="AF43469" i="1"/>
  <c r="AF43470" i="1"/>
  <c r="AF43471" i="1"/>
  <c r="AF43472" i="1"/>
  <c r="AF43473" i="1"/>
  <c r="AF43474" i="1"/>
  <c r="AF43475" i="1"/>
  <c r="AF43476" i="1"/>
  <c r="AF43477" i="1"/>
  <c r="AF43478" i="1"/>
  <c r="AF43479" i="1"/>
  <c r="AF43480" i="1"/>
  <c r="AF43481" i="1"/>
  <c r="AF43482" i="1"/>
  <c r="AF43483" i="1"/>
  <c r="AF43484" i="1"/>
  <c r="AF43485" i="1"/>
  <c r="AF43486" i="1"/>
  <c r="AF43487" i="1"/>
  <c r="AF43488" i="1"/>
  <c r="AF43489" i="1"/>
  <c r="AF43490" i="1"/>
  <c r="AF43491" i="1"/>
  <c r="AF43492" i="1"/>
  <c r="AF43493" i="1"/>
  <c r="AF43494" i="1"/>
  <c r="AF43495" i="1"/>
  <c r="AF43496" i="1"/>
  <c r="AF43497" i="1"/>
  <c r="AF43498" i="1"/>
  <c r="AF43499" i="1"/>
  <c r="AF43500" i="1"/>
  <c r="AF43501" i="1"/>
  <c r="AF43502" i="1"/>
  <c r="AF43503" i="1"/>
  <c r="AF43504" i="1"/>
  <c r="AF43505" i="1"/>
  <c r="AF43506" i="1"/>
  <c r="AF43507" i="1"/>
  <c r="AF43508" i="1"/>
  <c r="AF43509" i="1"/>
  <c r="AF43510" i="1"/>
  <c r="AF43511" i="1"/>
  <c r="AF43512" i="1"/>
  <c r="AF43513" i="1"/>
  <c r="AF43514" i="1"/>
  <c r="AF43515" i="1"/>
  <c r="AF43516" i="1"/>
  <c r="AF43517" i="1"/>
  <c r="AF43518" i="1"/>
  <c r="AF43519" i="1"/>
  <c r="AF43520" i="1"/>
  <c r="AF43521" i="1"/>
  <c r="AF43522" i="1"/>
  <c r="AF43523" i="1"/>
  <c r="AF43524" i="1"/>
  <c r="AF43525" i="1"/>
  <c r="AF43526" i="1"/>
  <c r="AF43527" i="1"/>
  <c r="AF43528" i="1"/>
  <c r="AF43529" i="1"/>
  <c r="AF43530" i="1"/>
  <c r="AF43531" i="1"/>
  <c r="AF43532" i="1"/>
  <c r="AF43533" i="1"/>
  <c r="AF43534" i="1"/>
  <c r="AF43535" i="1"/>
  <c r="AF43536" i="1"/>
  <c r="AF43537" i="1"/>
  <c r="AF43538" i="1"/>
  <c r="AF43539" i="1"/>
  <c r="AF43540" i="1"/>
  <c r="AF43541" i="1"/>
  <c r="AF43542" i="1"/>
  <c r="AF43543" i="1"/>
  <c r="AF43544" i="1"/>
  <c r="AF43545" i="1"/>
  <c r="AF43546" i="1"/>
  <c r="AF43547" i="1"/>
  <c r="AF43548" i="1"/>
  <c r="AF43549" i="1"/>
  <c r="AF43550" i="1"/>
  <c r="AF43551" i="1"/>
  <c r="AF43552" i="1"/>
  <c r="AF43553" i="1"/>
  <c r="AF43554" i="1"/>
  <c r="AF43555" i="1"/>
  <c r="AF43556" i="1"/>
  <c r="AF43557" i="1"/>
  <c r="AF43558" i="1"/>
  <c r="AF43559" i="1"/>
  <c r="AF43560" i="1"/>
  <c r="AF43561" i="1"/>
  <c r="AF43562" i="1"/>
  <c r="AF43563" i="1"/>
  <c r="AF43564" i="1"/>
  <c r="AF43565" i="1"/>
  <c r="AF43566" i="1"/>
  <c r="AF43567" i="1"/>
  <c r="AF43568" i="1"/>
  <c r="AF43569" i="1"/>
  <c r="AF43570" i="1"/>
  <c r="AF43571" i="1"/>
  <c r="AF43572" i="1"/>
  <c r="AF43573" i="1"/>
  <c r="AF43574" i="1"/>
  <c r="AF43575" i="1"/>
  <c r="AF43576" i="1"/>
  <c r="AF43577" i="1"/>
  <c r="AF43578" i="1"/>
  <c r="AF43579" i="1"/>
  <c r="AF43580" i="1"/>
  <c r="AF43581" i="1"/>
  <c r="AF43582" i="1"/>
  <c r="AF43583" i="1"/>
  <c r="AF43584" i="1"/>
  <c r="AF43585" i="1"/>
  <c r="AF43586" i="1"/>
  <c r="AF43587" i="1"/>
  <c r="AF43588" i="1"/>
  <c r="AF43589" i="1"/>
  <c r="AF43590" i="1"/>
  <c r="AF43591" i="1"/>
  <c r="AF43592" i="1"/>
  <c r="AF43593" i="1"/>
  <c r="AF43594" i="1"/>
  <c r="AF43595" i="1"/>
  <c r="AF43596" i="1"/>
  <c r="AF43597" i="1"/>
  <c r="AF43598" i="1"/>
  <c r="AF43599" i="1"/>
  <c r="AF43600" i="1"/>
  <c r="AF43601" i="1"/>
  <c r="AF43602" i="1"/>
  <c r="AF43603" i="1"/>
  <c r="AF43604" i="1"/>
  <c r="AF43605" i="1"/>
  <c r="AF43606" i="1"/>
  <c r="AF43607" i="1"/>
  <c r="AF43608" i="1"/>
  <c r="AF43609" i="1"/>
  <c r="AF43610" i="1"/>
  <c r="AF43611" i="1"/>
  <c r="AF43612" i="1"/>
  <c r="AF43613" i="1"/>
  <c r="AF43614" i="1"/>
  <c r="AF43615" i="1"/>
  <c r="AF43616" i="1"/>
  <c r="AF43617" i="1"/>
  <c r="AF43618" i="1"/>
  <c r="AF43619" i="1"/>
  <c r="AF43620" i="1"/>
  <c r="AF43621" i="1"/>
  <c r="AF43622" i="1"/>
  <c r="AF43623" i="1"/>
  <c r="AF43624" i="1"/>
  <c r="AF43625" i="1"/>
  <c r="AF43626" i="1"/>
  <c r="AF43627" i="1"/>
  <c r="AF43628" i="1"/>
  <c r="AF43629" i="1"/>
  <c r="AF43630" i="1"/>
  <c r="AF43631" i="1"/>
  <c r="AF43632" i="1"/>
  <c r="AF43633" i="1"/>
  <c r="AF43634" i="1"/>
  <c r="AF43635" i="1"/>
  <c r="AF43636" i="1"/>
  <c r="AF43637" i="1"/>
  <c r="AF43638" i="1"/>
  <c r="AF43639" i="1"/>
  <c r="AF43640" i="1"/>
  <c r="AF43641" i="1"/>
  <c r="AF43642" i="1"/>
  <c r="AF43643" i="1"/>
  <c r="AF43644" i="1"/>
  <c r="AF43645" i="1"/>
  <c r="AF43646" i="1"/>
  <c r="AF43647" i="1"/>
  <c r="AF43648" i="1"/>
  <c r="AF43649" i="1"/>
  <c r="AF43650" i="1"/>
  <c r="AF43651" i="1"/>
  <c r="AF43652" i="1"/>
  <c r="AF43653" i="1"/>
  <c r="AF43654" i="1"/>
  <c r="AF43655" i="1"/>
  <c r="AF43656" i="1"/>
  <c r="AF43657" i="1"/>
  <c r="AF43658" i="1"/>
  <c r="AF43659" i="1"/>
  <c r="AF43660" i="1"/>
  <c r="AF43661" i="1"/>
  <c r="AF43662" i="1"/>
  <c r="AF43663" i="1"/>
  <c r="AF43664" i="1"/>
  <c r="AF43665" i="1"/>
  <c r="AF43666" i="1"/>
  <c r="AF43667" i="1"/>
  <c r="AF43668" i="1"/>
  <c r="AF43669" i="1"/>
  <c r="AF43670" i="1"/>
  <c r="AF43671" i="1"/>
  <c r="AF43672" i="1"/>
  <c r="AF43673" i="1"/>
  <c r="AF43674" i="1"/>
  <c r="AF43675" i="1"/>
  <c r="AF43676" i="1"/>
  <c r="AF43677" i="1"/>
  <c r="AF43678" i="1"/>
  <c r="AF43679" i="1"/>
  <c r="AF43680" i="1"/>
  <c r="AF43681" i="1"/>
  <c r="AF43682" i="1"/>
  <c r="AF43683" i="1"/>
  <c r="AF43684" i="1"/>
  <c r="AF43685" i="1"/>
  <c r="AF43686" i="1"/>
  <c r="AF43687" i="1"/>
  <c r="AF43688" i="1"/>
  <c r="AF43689" i="1"/>
  <c r="AF43690" i="1"/>
  <c r="AF43691" i="1"/>
  <c r="AF43692" i="1"/>
  <c r="AF43693" i="1"/>
  <c r="AF43694" i="1"/>
  <c r="AF43695" i="1"/>
  <c r="AF43696" i="1"/>
  <c r="AF43697" i="1"/>
  <c r="AF43698" i="1"/>
  <c r="AF43699" i="1"/>
  <c r="AF43700" i="1"/>
  <c r="AF43701" i="1"/>
  <c r="AF43702" i="1"/>
  <c r="AF43703" i="1"/>
  <c r="AF43704" i="1"/>
  <c r="AF43705" i="1"/>
  <c r="AF43706" i="1"/>
  <c r="AF43707" i="1"/>
  <c r="AF43708" i="1"/>
  <c r="AF43709" i="1"/>
  <c r="AF43710" i="1"/>
  <c r="AF43711" i="1"/>
  <c r="AF43712" i="1"/>
  <c r="AF43713" i="1"/>
  <c r="AF43714" i="1"/>
  <c r="AF43715" i="1"/>
  <c r="AF43716" i="1"/>
  <c r="AF43717" i="1"/>
  <c r="AF43718" i="1"/>
  <c r="AF43719" i="1"/>
  <c r="AF43720" i="1"/>
  <c r="AF43721" i="1"/>
  <c r="AF43722" i="1"/>
  <c r="AF43723" i="1"/>
  <c r="AF43724" i="1"/>
  <c r="AF43725" i="1"/>
  <c r="AF43726" i="1"/>
  <c r="AF43727" i="1"/>
  <c r="AF43728" i="1"/>
  <c r="AF43729" i="1"/>
  <c r="AF43730" i="1"/>
  <c r="AF43731" i="1"/>
  <c r="AF43732" i="1"/>
  <c r="AF43733" i="1"/>
  <c r="AF43734" i="1"/>
  <c r="AF43735" i="1"/>
  <c r="AF43736" i="1"/>
  <c r="AF43737" i="1"/>
  <c r="AF43738" i="1"/>
  <c r="AF43739" i="1"/>
  <c r="AF43740" i="1"/>
  <c r="AF43741" i="1"/>
  <c r="AF43742" i="1"/>
  <c r="AF43743" i="1"/>
  <c r="AF43744" i="1"/>
  <c r="AF43745" i="1"/>
  <c r="AF43746" i="1"/>
  <c r="AF43747" i="1"/>
  <c r="AF43748" i="1"/>
  <c r="AF43749" i="1"/>
  <c r="AF43750" i="1"/>
  <c r="AF43751" i="1"/>
  <c r="AF43752" i="1"/>
  <c r="AF43753" i="1"/>
  <c r="AF43754" i="1"/>
  <c r="AF43755" i="1"/>
  <c r="AF43756" i="1"/>
  <c r="AF43757" i="1"/>
  <c r="AF43758" i="1"/>
  <c r="AF43759" i="1"/>
  <c r="AF43760" i="1"/>
  <c r="AF43761" i="1"/>
  <c r="AF43762" i="1"/>
  <c r="AF43763" i="1"/>
  <c r="AF43764" i="1"/>
  <c r="AF43765" i="1"/>
  <c r="AF43766" i="1"/>
  <c r="AF43767" i="1"/>
  <c r="AF43768" i="1"/>
  <c r="AF43769" i="1"/>
  <c r="AF43770" i="1"/>
  <c r="AF43771" i="1"/>
  <c r="AF43772" i="1"/>
  <c r="AF43773" i="1"/>
  <c r="AF43774" i="1"/>
  <c r="AF43775" i="1"/>
  <c r="AF43776" i="1"/>
  <c r="AF43777" i="1"/>
  <c r="AF43778" i="1"/>
  <c r="AF43779" i="1"/>
  <c r="AF43780" i="1"/>
  <c r="AF43781" i="1"/>
  <c r="AF43782" i="1"/>
  <c r="AF43783" i="1"/>
  <c r="AF43784" i="1"/>
  <c r="AF43785" i="1"/>
  <c r="AF43786" i="1"/>
  <c r="AF43787" i="1"/>
  <c r="AF43788" i="1"/>
  <c r="AF43789" i="1"/>
  <c r="AF43790" i="1"/>
  <c r="AF43791" i="1"/>
  <c r="AF43792" i="1"/>
  <c r="AF43793" i="1"/>
  <c r="AF43794" i="1"/>
  <c r="AF43795" i="1"/>
  <c r="AF43796" i="1"/>
  <c r="AF43797" i="1"/>
  <c r="AF43798" i="1"/>
  <c r="AF43799" i="1"/>
  <c r="AF43800" i="1"/>
  <c r="AF43801" i="1"/>
  <c r="AF43802" i="1"/>
  <c r="AF43803" i="1"/>
  <c r="AF43804" i="1"/>
  <c r="AF43805" i="1"/>
  <c r="AF43806" i="1"/>
  <c r="AF43807" i="1"/>
  <c r="AF43808" i="1"/>
  <c r="AF43809" i="1"/>
  <c r="AF43810" i="1"/>
  <c r="AF43811" i="1"/>
  <c r="AF43812" i="1"/>
  <c r="AF43813" i="1"/>
  <c r="AF43814" i="1"/>
  <c r="AF43815" i="1"/>
  <c r="AF43816" i="1"/>
  <c r="AF43817" i="1"/>
  <c r="AF43818" i="1"/>
  <c r="AF43819" i="1"/>
  <c r="AF43820" i="1"/>
  <c r="AF43821" i="1"/>
  <c r="AF43822" i="1"/>
  <c r="AF43823" i="1"/>
  <c r="AF43824" i="1"/>
  <c r="AF43825" i="1"/>
  <c r="AF43826" i="1"/>
  <c r="AF43827" i="1"/>
  <c r="AF43828" i="1"/>
  <c r="AF43829" i="1"/>
  <c r="AF43830" i="1"/>
  <c r="AF43831" i="1"/>
  <c r="AF43832" i="1"/>
  <c r="AF43833" i="1"/>
  <c r="AF43834" i="1"/>
  <c r="AF43835" i="1"/>
  <c r="AF43836" i="1"/>
  <c r="AF43837" i="1"/>
  <c r="AF43838" i="1"/>
  <c r="AF43839" i="1"/>
  <c r="AF43840" i="1"/>
  <c r="AF43841" i="1"/>
  <c r="AF43842" i="1"/>
  <c r="AF43843" i="1"/>
  <c r="AF43844" i="1"/>
  <c r="AF43845" i="1"/>
  <c r="AF43846" i="1"/>
  <c r="AF43847" i="1"/>
  <c r="AF43848" i="1"/>
  <c r="AF43849" i="1"/>
  <c r="AF43850" i="1"/>
  <c r="AF43851" i="1"/>
  <c r="AF43852" i="1"/>
  <c r="AF43853" i="1"/>
  <c r="AF43854" i="1"/>
  <c r="AF43855" i="1"/>
  <c r="AF43856" i="1"/>
  <c r="AF43857" i="1"/>
  <c r="AF43858" i="1"/>
  <c r="AF43859" i="1"/>
  <c r="AF43860" i="1"/>
  <c r="AF43861" i="1"/>
  <c r="AF43862" i="1"/>
  <c r="AF43863" i="1"/>
  <c r="AF43864" i="1"/>
  <c r="AF43865" i="1"/>
  <c r="AF43866" i="1"/>
  <c r="AF43867" i="1"/>
  <c r="AF43868" i="1"/>
  <c r="AF43869" i="1"/>
  <c r="AF43870" i="1"/>
  <c r="AF43871" i="1"/>
  <c r="AF43872" i="1"/>
  <c r="AF43873" i="1"/>
  <c r="AF43874" i="1"/>
  <c r="AF43875" i="1"/>
  <c r="AF43876" i="1"/>
  <c r="AF43877" i="1"/>
  <c r="AF43878" i="1"/>
  <c r="AF43879" i="1"/>
  <c r="AF43880" i="1"/>
  <c r="AF43881" i="1"/>
  <c r="AF43882" i="1"/>
  <c r="AF43883" i="1"/>
  <c r="AF43884" i="1"/>
  <c r="AF43885" i="1"/>
  <c r="AF43886" i="1"/>
  <c r="AF43887" i="1"/>
  <c r="AF43888" i="1"/>
  <c r="AF43889" i="1"/>
  <c r="AF43890" i="1"/>
  <c r="AF43891" i="1"/>
  <c r="AF43892" i="1"/>
  <c r="AF43893" i="1"/>
  <c r="AF43894" i="1"/>
  <c r="AF43895" i="1"/>
  <c r="AF43896" i="1"/>
  <c r="AF43897" i="1"/>
  <c r="AF43898" i="1"/>
  <c r="AF43899" i="1"/>
  <c r="AF43900" i="1"/>
  <c r="AF43901" i="1"/>
  <c r="AF43902" i="1"/>
  <c r="AF43903" i="1"/>
  <c r="AF43904" i="1"/>
  <c r="AF43905" i="1"/>
  <c r="AF43906" i="1"/>
  <c r="AF43907" i="1"/>
  <c r="AF43908" i="1"/>
  <c r="AF43909" i="1"/>
  <c r="AF43910" i="1"/>
  <c r="AF43911" i="1"/>
  <c r="AF43912" i="1"/>
  <c r="AF43913" i="1"/>
  <c r="AF43914" i="1"/>
  <c r="AF43915" i="1"/>
  <c r="AF43916" i="1"/>
  <c r="AF43917" i="1"/>
  <c r="AF43918" i="1"/>
  <c r="AF43919" i="1"/>
  <c r="AF43920" i="1"/>
  <c r="AF43921" i="1"/>
  <c r="AF43922" i="1"/>
  <c r="AF43923" i="1"/>
  <c r="AF43924" i="1"/>
  <c r="AF43925" i="1"/>
  <c r="AF43926" i="1"/>
  <c r="AF43927" i="1"/>
  <c r="AF43928" i="1"/>
  <c r="AF43929" i="1"/>
  <c r="AF43930" i="1"/>
  <c r="AF43931" i="1"/>
  <c r="AF43932" i="1"/>
  <c r="AF43933" i="1"/>
  <c r="AF43934" i="1"/>
  <c r="AF43935" i="1"/>
  <c r="AF43936" i="1"/>
  <c r="AF43937" i="1"/>
  <c r="AF43938" i="1"/>
  <c r="AF43939" i="1"/>
  <c r="AF43940" i="1"/>
  <c r="AF43941" i="1"/>
  <c r="AF43942" i="1"/>
  <c r="AF43943" i="1"/>
  <c r="AF43944" i="1"/>
  <c r="AF43945" i="1"/>
  <c r="AF43946" i="1"/>
  <c r="AF43947" i="1"/>
  <c r="AF43948" i="1"/>
  <c r="AF43949" i="1"/>
  <c r="AF43950" i="1"/>
  <c r="AF43951" i="1"/>
  <c r="AF43952" i="1"/>
  <c r="AF43953" i="1"/>
  <c r="AF43954" i="1"/>
  <c r="AF43955" i="1"/>
  <c r="AF43956" i="1"/>
  <c r="AF43957" i="1"/>
  <c r="AF43958" i="1"/>
  <c r="AF43959" i="1"/>
  <c r="AF43960" i="1"/>
  <c r="AF43961" i="1"/>
  <c r="AF43962" i="1"/>
  <c r="AF43963" i="1"/>
  <c r="AF43964" i="1"/>
  <c r="AF43965" i="1"/>
  <c r="AF43966" i="1"/>
  <c r="AF43967" i="1"/>
  <c r="AF43968" i="1"/>
  <c r="AF43969" i="1"/>
  <c r="AF43970" i="1"/>
  <c r="AF43971" i="1"/>
  <c r="AF43972" i="1"/>
  <c r="AF43973" i="1"/>
  <c r="AF43974" i="1"/>
  <c r="AF43975" i="1"/>
  <c r="AF43976" i="1"/>
  <c r="AF43977" i="1"/>
  <c r="AF43978" i="1"/>
  <c r="AF43979" i="1"/>
  <c r="AF43980" i="1"/>
  <c r="AF43981" i="1"/>
  <c r="AF43982" i="1"/>
  <c r="AF43983" i="1"/>
  <c r="AF43984" i="1"/>
  <c r="AF43985" i="1"/>
  <c r="AF43986" i="1"/>
  <c r="AF43987" i="1"/>
  <c r="AF43988" i="1"/>
  <c r="AF43989" i="1"/>
  <c r="AF43990" i="1"/>
  <c r="AF43991" i="1"/>
  <c r="AF43992" i="1"/>
  <c r="AF43993" i="1"/>
  <c r="AF43994" i="1"/>
  <c r="AF43995" i="1"/>
  <c r="AF43996" i="1"/>
  <c r="AF43997" i="1"/>
  <c r="AF43998" i="1"/>
  <c r="AF43999" i="1"/>
  <c r="AF44000" i="1"/>
  <c r="AF44001" i="1"/>
  <c r="AF44002" i="1"/>
  <c r="AF44003" i="1"/>
  <c r="AF44004" i="1"/>
  <c r="AF44005" i="1"/>
  <c r="AF44006" i="1"/>
  <c r="AF44007" i="1"/>
  <c r="AF44008" i="1"/>
  <c r="AF44009" i="1"/>
  <c r="AF44010" i="1"/>
  <c r="AF44011" i="1"/>
  <c r="AF44012" i="1"/>
  <c r="AF44013" i="1"/>
  <c r="AF44014" i="1"/>
  <c r="AF44015" i="1"/>
  <c r="AF44016" i="1"/>
  <c r="AF44017" i="1"/>
  <c r="AF44018" i="1"/>
  <c r="AF44019" i="1"/>
  <c r="AF44020" i="1"/>
  <c r="AF44021" i="1"/>
  <c r="AF44022" i="1"/>
  <c r="AF44023" i="1"/>
  <c r="AF44024" i="1"/>
  <c r="AF44025" i="1"/>
  <c r="AF44026" i="1"/>
  <c r="AF44027" i="1"/>
  <c r="AF44028" i="1"/>
  <c r="AF44029" i="1"/>
  <c r="AF44030" i="1"/>
  <c r="AF44031" i="1"/>
  <c r="AF44032" i="1"/>
  <c r="AF44033" i="1"/>
  <c r="AF44034" i="1"/>
  <c r="AF44035" i="1"/>
  <c r="AF44036" i="1"/>
  <c r="AF44037" i="1"/>
  <c r="AF44038" i="1"/>
  <c r="AF44039" i="1"/>
  <c r="AF44040" i="1"/>
  <c r="AF44041" i="1"/>
  <c r="AF44042" i="1"/>
  <c r="AF44043" i="1"/>
  <c r="AF44044" i="1"/>
  <c r="AF44045" i="1"/>
  <c r="AF44046" i="1"/>
  <c r="AF44047" i="1"/>
  <c r="AF44048" i="1"/>
  <c r="AF44049" i="1"/>
  <c r="AF44050" i="1"/>
  <c r="AF44051" i="1"/>
  <c r="AF44052" i="1"/>
  <c r="AF44053" i="1"/>
  <c r="AF44054" i="1"/>
  <c r="AF44055" i="1"/>
  <c r="AF44056" i="1"/>
  <c r="AF44057" i="1"/>
  <c r="AF44058" i="1"/>
  <c r="AF44059" i="1"/>
  <c r="AF44060" i="1"/>
  <c r="AF44061" i="1"/>
  <c r="AF44062" i="1"/>
  <c r="AF44063" i="1"/>
  <c r="AF44064" i="1"/>
  <c r="AF44065" i="1"/>
  <c r="AF44066" i="1"/>
  <c r="AF44067" i="1"/>
  <c r="AF44068" i="1"/>
  <c r="AF44069" i="1"/>
  <c r="AF44070" i="1"/>
  <c r="AF44071" i="1"/>
  <c r="AF44072" i="1"/>
  <c r="AF44073" i="1"/>
  <c r="AF44074" i="1"/>
  <c r="AF44075" i="1"/>
  <c r="AF44076" i="1"/>
  <c r="AF44077" i="1"/>
  <c r="AF44078" i="1"/>
  <c r="AF44079" i="1"/>
  <c r="AF44080" i="1"/>
  <c r="AF44081" i="1"/>
  <c r="AF44082" i="1"/>
  <c r="AF44083" i="1"/>
  <c r="AF44084" i="1"/>
  <c r="AF44085" i="1"/>
  <c r="AF44086" i="1"/>
  <c r="AF44087" i="1"/>
  <c r="AF44088" i="1"/>
  <c r="AF44089" i="1"/>
  <c r="AF44090" i="1"/>
  <c r="AF44091" i="1"/>
  <c r="AF44092" i="1"/>
  <c r="AF44093" i="1"/>
  <c r="AF44094" i="1"/>
  <c r="AF44095" i="1"/>
  <c r="AF44096" i="1"/>
  <c r="AF44097" i="1"/>
  <c r="AF44098" i="1"/>
  <c r="AF44099" i="1"/>
  <c r="AF44100" i="1"/>
  <c r="AF44101" i="1"/>
  <c r="AF44102" i="1"/>
  <c r="AF44103" i="1"/>
  <c r="AF44104" i="1"/>
  <c r="AF44105" i="1"/>
  <c r="AF44106" i="1"/>
  <c r="AF44107" i="1"/>
  <c r="AF44108" i="1"/>
  <c r="AF44109" i="1"/>
  <c r="AF44110" i="1"/>
  <c r="AF44111" i="1"/>
  <c r="AF44112" i="1"/>
  <c r="AF44113" i="1"/>
  <c r="AF44114" i="1"/>
  <c r="AF44115" i="1"/>
  <c r="AF44116" i="1"/>
  <c r="AF44117" i="1"/>
  <c r="AF44118" i="1"/>
  <c r="AF44119" i="1"/>
  <c r="AF44120" i="1"/>
  <c r="AF44121" i="1"/>
  <c r="AF44122" i="1"/>
  <c r="AF44123" i="1"/>
  <c r="AF44124" i="1"/>
  <c r="AF44125" i="1"/>
  <c r="AF44126" i="1"/>
  <c r="AF44127" i="1"/>
  <c r="AF44128" i="1"/>
  <c r="AF44129" i="1"/>
  <c r="AF44130" i="1"/>
  <c r="AF44131" i="1"/>
  <c r="AF44132" i="1"/>
  <c r="AF44133" i="1"/>
  <c r="AF44134" i="1"/>
  <c r="AF44135" i="1"/>
  <c r="AF44136" i="1"/>
  <c r="AF44137" i="1"/>
  <c r="AF44138" i="1"/>
  <c r="AF44139" i="1"/>
  <c r="AF44140" i="1"/>
  <c r="AF44141" i="1"/>
  <c r="AF44142" i="1"/>
  <c r="AF44143" i="1"/>
  <c r="AF44144" i="1"/>
  <c r="AF44145" i="1"/>
  <c r="AF44146" i="1"/>
  <c r="AF44147" i="1"/>
  <c r="AF44148" i="1"/>
  <c r="AF44149" i="1"/>
  <c r="AF44150" i="1"/>
  <c r="AF44151" i="1"/>
  <c r="AF44152" i="1"/>
  <c r="AF44153" i="1"/>
  <c r="AF44154" i="1"/>
  <c r="AF44155" i="1"/>
  <c r="AF44156" i="1"/>
  <c r="AF44157" i="1"/>
  <c r="AF44158" i="1"/>
  <c r="AF44159" i="1"/>
  <c r="AF44160" i="1"/>
  <c r="AF44161" i="1"/>
  <c r="AF44162" i="1"/>
  <c r="AF44163" i="1"/>
  <c r="AF44164" i="1"/>
  <c r="AF44165" i="1"/>
  <c r="AF44166" i="1"/>
  <c r="AF44167" i="1"/>
  <c r="AF44168" i="1"/>
  <c r="AF44169" i="1"/>
  <c r="AF44170" i="1"/>
  <c r="AF44171" i="1"/>
  <c r="AF44172" i="1"/>
  <c r="AF44173" i="1"/>
  <c r="AF44174" i="1"/>
  <c r="AF44175" i="1"/>
  <c r="AF44176" i="1"/>
  <c r="AF44177" i="1"/>
  <c r="AF44178" i="1"/>
  <c r="AF44179" i="1"/>
  <c r="AF44180" i="1"/>
  <c r="AF44181" i="1"/>
  <c r="AF44182" i="1"/>
  <c r="AF44183" i="1"/>
  <c r="AF44184" i="1"/>
  <c r="AF44185" i="1"/>
  <c r="AF44186" i="1"/>
  <c r="AF44187" i="1"/>
  <c r="AF44188" i="1"/>
  <c r="AF44189" i="1"/>
  <c r="AF44190" i="1"/>
  <c r="AF44191" i="1"/>
  <c r="AF44192" i="1"/>
  <c r="AF44193" i="1"/>
  <c r="AF44194" i="1"/>
  <c r="AF44195" i="1"/>
  <c r="AF44196" i="1"/>
  <c r="AF44197" i="1"/>
  <c r="AF44198" i="1"/>
  <c r="AF44199" i="1"/>
  <c r="AF44200" i="1"/>
  <c r="AF44201" i="1"/>
  <c r="AF44202" i="1"/>
  <c r="AF44203" i="1"/>
  <c r="AF44204" i="1"/>
  <c r="AF44205" i="1"/>
  <c r="AF44206" i="1"/>
  <c r="AF44207" i="1"/>
  <c r="AF44208" i="1"/>
  <c r="AF44209" i="1"/>
  <c r="AF44210" i="1"/>
  <c r="AF44211" i="1"/>
  <c r="AF44212" i="1"/>
  <c r="AF44213" i="1"/>
  <c r="AF44214" i="1"/>
  <c r="AF44215" i="1"/>
  <c r="AF44216" i="1"/>
  <c r="AF44217" i="1"/>
  <c r="AF44218" i="1"/>
  <c r="AF44219" i="1"/>
  <c r="AF44220" i="1"/>
  <c r="AF44221" i="1"/>
  <c r="AF44222" i="1"/>
  <c r="AF44223" i="1"/>
  <c r="AF44224" i="1"/>
  <c r="AF44225" i="1"/>
  <c r="AF44226" i="1"/>
  <c r="AF44227" i="1"/>
  <c r="AF44228" i="1"/>
  <c r="AF44229" i="1"/>
  <c r="AF44230" i="1"/>
  <c r="AF44231" i="1"/>
  <c r="AF44232" i="1"/>
  <c r="AF44233" i="1"/>
  <c r="AF44234" i="1"/>
  <c r="AF44235" i="1"/>
  <c r="AF44236" i="1"/>
  <c r="AF44237" i="1"/>
  <c r="AF44238" i="1"/>
  <c r="AF44239" i="1"/>
  <c r="AF44240" i="1"/>
  <c r="AF44241" i="1"/>
  <c r="AF44242" i="1"/>
  <c r="AF44243" i="1"/>
  <c r="AF44244" i="1"/>
  <c r="AF44245" i="1"/>
  <c r="AF44246" i="1"/>
  <c r="AF44247" i="1"/>
  <c r="AF44248" i="1"/>
  <c r="AF44249" i="1"/>
  <c r="AF44250" i="1"/>
  <c r="AF44251" i="1"/>
  <c r="AF44252" i="1"/>
  <c r="AF44253" i="1"/>
  <c r="AF44254" i="1"/>
  <c r="AF44255" i="1"/>
  <c r="AF44256" i="1"/>
  <c r="AF44257" i="1"/>
  <c r="AF44258" i="1"/>
  <c r="AF44259" i="1"/>
  <c r="AF44260" i="1"/>
  <c r="AF44261" i="1"/>
  <c r="AF44262" i="1"/>
  <c r="AF44263" i="1"/>
  <c r="AF44264" i="1"/>
  <c r="AF44265" i="1"/>
  <c r="AF44266" i="1"/>
  <c r="AF44267" i="1"/>
  <c r="AF44268" i="1"/>
  <c r="AF44269" i="1"/>
  <c r="AF44270" i="1"/>
  <c r="AF44271" i="1"/>
  <c r="AF44272" i="1"/>
  <c r="AF44273" i="1"/>
  <c r="AF44274" i="1"/>
  <c r="AF44275" i="1"/>
  <c r="AF44276" i="1"/>
  <c r="AF44277" i="1"/>
  <c r="AF44278" i="1"/>
  <c r="AF44279" i="1"/>
  <c r="AF44280" i="1"/>
  <c r="AF44281" i="1"/>
  <c r="AF44282" i="1"/>
  <c r="AF44283" i="1"/>
  <c r="AF44284" i="1"/>
  <c r="AF44285" i="1"/>
  <c r="AF44286" i="1"/>
  <c r="AF44287" i="1"/>
  <c r="AF44288" i="1"/>
  <c r="AF44289" i="1"/>
  <c r="AF44290" i="1"/>
  <c r="AF44291" i="1"/>
  <c r="AF44292" i="1"/>
  <c r="AF44293" i="1"/>
  <c r="AF44294" i="1"/>
  <c r="AF44295" i="1"/>
  <c r="AF44296" i="1"/>
  <c r="AF44297" i="1"/>
  <c r="AF44298" i="1"/>
  <c r="AF44299" i="1"/>
  <c r="AF44300" i="1"/>
  <c r="AF44301" i="1"/>
  <c r="AF44302" i="1"/>
  <c r="AF44303" i="1"/>
  <c r="AF44304" i="1"/>
  <c r="AF44305" i="1"/>
  <c r="AF44306" i="1"/>
  <c r="AF44307" i="1"/>
  <c r="AF44308" i="1"/>
  <c r="AF44309" i="1"/>
  <c r="AF44310" i="1"/>
  <c r="AF44311" i="1"/>
  <c r="AF44312" i="1"/>
  <c r="AF44313" i="1"/>
  <c r="AF44314" i="1"/>
  <c r="AF44315" i="1"/>
  <c r="AF44316" i="1"/>
  <c r="AF44317" i="1"/>
  <c r="AF44318" i="1"/>
  <c r="AF44319" i="1"/>
  <c r="AF44320" i="1"/>
  <c r="AF44321" i="1"/>
  <c r="AF44322" i="1"/>
  <c r="AF44323" i="1"/>
  <c r="AF44324" i="1"/>
  <c r="AF44325" i="1"/>
  <c r="AF44326" i="1"/>
  <c r="AF44327" i="1"/>
  <c r="AF44328" i="1"/>
  <c r="AF44329" i="1"/>
  <c r="AF44330" i="1"/>
  <c r="AF44331" i="1"/>
  <c r="AF44332" i="1"/>
  <c r="AF44333" i="1"/>
  <c r="AF44334" i="1"/>
  <c r="AF44335" i="1"/>
  <c r="AF44336" i="1"/>
  <c r="AF44337" i="1"/>
  <c r="AF44338" i="1"/>
  <c r="AF44339" i="1"/>
  <c r="AF44340" i="1"/>
  <c r="AF44341" i="1"/>
  <c r="AF44342" i="1"/>
  <c r="AF44343" i="1"/>
  <c r="AF44344" i="1"/>
  <c r="AF44345" i="1"/>
  <c r="AF44346" i="1"/>
  <c r="AF44347" i="1"/>
  <c r="AF44348" i="1"/>
  <c r="AF44349" i="1"/>
  <c r="AF44350" i="1"/>
  <c r="AF44351" i="1"/>
  <c r="AF44352" i="1"/>
  <c r="AF44353" i="1"/>
  <c r="AF44354" i="1"/>
  <c r="AF44355" i="1"/>
  <c r="AF44356" i="1"/>
  <c r="AF44357" i="1"/>
  <c r="AF44358" i="1"/>
  <c r="AF44359" i="1"/>
  <c r="AF44360" i="1"/>
  <c r="AF44361" i="1"/>
  <c r="AF44362" i="1"/>
  <c r="AF44363" i="1"/>
  <c r="AF44364" i="1"/>
  <c r="AF44365" i="1"/>
  <c r="AF44366" i="1"/>
  <c r="AF44367" i="1"/>
  <c r="AF44368" i="1"/>
  <c r="AF44369" i="1"/>
  <c r="AF44370" i="1"/>
  <c r="AF44371" i="1"/>
  <c r="AF44372" i="1"/>
  <c r="AF44373" i="1"/>
  <c r="AF44374" i="1"/>
  <c r="AF44375" i="1"/>
  <c r="AF44376" i="1"/>
  <c r="AF44377" i="1"/>
  <c r="AF44378" i="1"/>
  <c r="AF44379" i="1"/>
  <c r="AF44380" i="1"/>
  <c r="AF44381" i="1"/>
  <c r="AF44382" i="1"/>
  <c r="AF44383" i="1"/>
  <c r="AF44384" i="1"/>
  <c r="AF44385" i="1"/>
  <c r="AF44386" i="1"/>
  <c r="AF44387" i="1"/>
  <c r="AF44388" i="1"/>
  <c r="AF44389" i="1"/>
  <c r="AF44390" i="1"/>
  <c r="AF44391" i="1"/>
  <c r="AF44392" i="1"/>
  <c r="AF44393" i="1"/>
  <c r="AF44394" i="1"/>
  <c r="AF44395" i="1"/>
  <c r="AF44396" i="1"/>
  <c r="AF44397" i="1"/>
  <c r="AF44398" i="1"/>
  <c r="AF44399" i="1"/>
  <c r="AF44400" i="1"/>
  <c r="AF44401" i="1"/>
  <c r="AF44402" i="1"/>
  <c r="AF44403" i="1"/>
  <c r="AF44404" i="1"/>
  <c r="AF44405" i="1"/>
  <c r="AF44406" i="1"/>
  <c r="AF44407" i="1"/>
  <c r="AF44408" i="1"/>
  <c r="AF44409" i="1"/>
  <c r="AF44410" i="1"/>
  <c r="AF44411" i="1"/>
  <c r="AF44412" i="1"/>
  <c r="AF44413" i="1"/>
  <c r="AF44414" i="1"/>
  <c r="AF44415" i="1"/>
  <c r="AF44416" i="1"/>
  <c r="AF44417" i="1"/>
  <c r="AF44418" i="1"/>
  <c r="AF44419" i="1"/>
  <c r="AF44420" i="1"/>
  <c r="AF44421" i="1"/>
  <c r="AF44422" i="1"/>
  <c r="AF44423" i="1"/>
  <c r="AF44424" i="1"/>
  <c r="AF44425" i="1"/>
  <c r="AF44426" i="1"/>
  <c r="AF44427" i="1"/>
  <c r="AF44428" i="1"/>
  <c r="AF44429" i="1"/>
  <c r="AF44430" i="1"/>
  <c r="AF44431" i="1"/>
  <c r="AF44432" i="1"/>
  <c r="AF44433" i="1"/>
  <c r="AF44434" i="1"/>
  <c r="AF44435" i="1"/>
  <c r="AF44436" i="1"/>
  <c r="AF44437" i="1"/>
  <c r="AF44438" i="1"/>
  <c r="AF44439" i="1"/>
  <c r="AF44440" i="1"/>
  <c r="AF44441" i="1"/>
  <c r="AF44442" i="1"/>
  <c r="AF44443" i="1"/>
  <c r="AF44444" i="1"/>
  <c r="AF44445" i="1"/>
  <c r="AF44446" i="1"/>
  <c r="AF44447" i="1"/>
  <c r="AF44448" i="1"/>
  <c r="AF44449" i="1"/>
  <c r="AF44450" i="1"/>
  <c r="AF44451" i="1"/>
  <c r="AF44452" i="1"/>
  <c r="AF44453" i="1"/>
  <c r="AF44454" i="1"/>
  <c r="AF44455" i="1"/>
  <c r="AF44456" i="1"/>
  <c r="AF44457" i="1"/>
  <c r="AF44458" i="1"/>
  <c r="AF44459" i="1"/>
  <c r="AF44460" i="1"/>
  <c r="AF44461" i="1"/>
  <c r="AF44462" i="1"/>
  <c r="AF44463" i="1"/>
  <c r="AF44464" i="1"/>
  <c r="AF44465" i="1"/>
  <c r="AF44466" i="1"/>
  <c r="AF44467" i="1"/>
  <c r="AF44468" i="1"/>
  <c r="AF44469" i="1"/>
  <c r="AF44470" i="1"/>
  <c r="AF44471" i="1"/>
  <c r="AF44472" i="1"/>
  <c r="AF44473" i="1"/>
  <c r="AF44474" i="1"/>
  <c r="AF44475" i="1"/>
  <c r="AF44476" i="1"/>
  <c r="AF44477" i="1"/>
  <c r="AF44478" i="1"/>
  <c r="AF44479" i="1"/>
  <c r="AF44480" i="1"/>
  <c r="AF44481" i="1"/>
  <c r="AF44482" i="1"/>
  <c r="AF44483" i="1"/>
  <c r="AF44484" i="1"/>
  <c r="AF44485" i="1"/>
  <c r="AF44486" i="1"/>
  <c r="AF44487" i="1"/>
  <c r="AF44488" i="1"/>
  <c r="AF44489" i="1"/>
  <c r="AF44490" i="1"/>
  <c r="AF44491" i="1"/>
  <c r="AF44492" i="1"/>
  <c r="AF44493" i="1"/>
  <c r="AF44494" i="1"/>
  <c r="AF44495" i="1"/>
  <c r="AF44496" i="1"/>
  <c r="AF44497" i="1"/>
  <c r="AF44498" i="1"/>
  <c r="AF44499" i="1"/>
  <c r="AF44500" i="1"/>
  <c r="AF44501" i="1"/>
  <c r="AF44502" i="1"/>
  <c r="AF44503" i="1"/>
  <c r="AF44504" i="1"/>
  <c r="AF44505" i="1"/>
  <c r="AF44506" i="1"/>
  <c r="AF44507" i="1"/>
  <c r="AF44508" i="1"/>
  <c r="AF44509" i="1"/>
  <c r="AF44510" i="1"/>
  <c r="AF44511" i="1"/>
  <c r="AF44512" i="1"/>
  <c r="AF44513" i="1"/>
  <c r="AF44514" i="1"/>
  <c r="AF44515" i="1"/>
  <c r="AF44516" i="1"/>
  <c r="AF44517" i="1"/>
  <c r="AF44518" i="1"/>
  <c r="AF44519" i="1"/>
  <c r="AF44520" i="1"/>
  <c r="AF44521" i="1"/>
  <c r="AF44522" i="1"/>
  <c r="AF44523" i="1"/>
  <c r="AF44524" i="1"/>
  <c r="AF44525" i="1"/>
  <c r="AF44526" i="1"/>
  <c r="AF44527" i="1"/>
  <c r="AF44528" i="1"/>
  <c r="AF44529" i="1"/>
  <c r="AF44530" i="1"/>
  <c r="AF44531" i="1"/>
  <c r="AF44532" i="1"/>
  <c r="AF44533" i="1"/>
  <c r="AF44534" i="1"/>
  <c r="AF44535" i="1"/>
  <c r="AF44536" i="1"/>
  <c r="AF44537" i="1"/>
  <c r="AF44538" i="1"/>
  <c r="AF44539" i="1"/>
  <c r="AF44540" i="1"/>
  <c r="AF44541" i="1"/>
  <c r="AF44542" i="1"/>
  <c r="AF44543" i="1"/>
  <c r="AF44544" i="1"/>
  <c r="AF44545" i="1"/>
  <c r="AF44546" i="1"/>
  <c r="AF44547" i="1"/>
  <c r="AF44548" i="1"/>
  <c r="AF44549" i="1"/>
  <c r="AF44550" i="1"/>
  <c r="AF44551" i="1"/>
  <c r="AF44552" i="1"/>
  <c r="AF44553" i="1"/>
  <c r="AF44554" i="1"/>
  <c r="AF44555" i="1"/>
  <c r="AF44556" i="1"/>
  <c r="AF44557" i="1"/>
  <c r="AF44558" i="1"/>
  <c r="AF44559" i="1"/>
  <c r="AF44560" i="1"/>
  <c r="AF44561" i="1"/>
  <c r="AF44562" i="1"/>
  <c r="AF44563" i="1"/>
  <c r="AF44564" i="1"/>
  <c r="AF44565" i="1"/>
  <c r="AF44566" i="1"/>
  <c r="AF44567" i="1"/>
  <c r="AF44568" i="1"/>
  <c r="AF44569" i="1"/>
  <c r="AF44570" i="1"/>
  <c r="AF44571" i="1"/>
  <c r="AF44572" i="1"/>
  <c r="AF44573" i="1"/>
  <c r="AF44574" i="1"/>
  <c r="AF44575" i="1"/>
  <c r="AF44576" i="1"/>
  <c r="AF44577" i="1"/>
  <c r="AF44578" i="1"/>
  <c r="AF44579" i="1"/>
  <c r="AF44580" i="1"/>
  <c r="AF44581" i="1"/>
  <c r="AF44582" i="1"/>
  <c r="AF44583" i="1"/>
  <c r="AF44584" i="1"/>
  <c r="AF44585" i="1"/>
  <c r="AF44586" i="1"/>
  <c r="AF44587" i="1"/>
  <c r="AF44588" i="1"/>
  <c r="AF44589" i="1"/>
  <c r="AF44590" i="1"/>
  <c r="AF44591" i="1"/>
  <c r="AF44592" i="1"/>
  <c r="AF44593" i="1"/>
  <c r="AF44594" i="1"/>
  <c r="AF44595" i="1"/>
  <c r="AF44596" i="1"/>
  <c r="AF44597" i="1"/>
  <c r="AF44598" i="1"/>
  <c r="AF44599" i="1"/>
  <c r="AF44600" i="1"/>
  <c r="AF44601" i="1"/>
  <c r="AF44602" i="1"/>
  <c r="AF44603" i="1"/>
  <c r="AF44604" i="1"/>
  <c r="AF44605" i="1"/>
  <c r="AF44606" i="1"/>
  <c r="AF44607" i="1"/>
  <c r="AF44608" i="1"/>
  <c r="AF44609" i="1"/>
  <c r="AF44610" i="1"/>
  <c r="AF44611" i="1"/>
  <c r="AF44612" i="1"/>
  <c r="AF44613" i="1"/>
  <c r="AF44614" i="1"/>
  <c r="AF44615" i="1"/>
  <c r="AF44616" i="1"/>
  <c r="AF44617" i="1"/>
  <c r="AF44618" i="1"/>
  <c r="AF44619" i="1"/>
  <c r="AF44620" i="1"/>
  <c r="AF44621" i="1"/>
  <c r="AF44622" i="1"/>
  <c r="AF44623" i="1"/>
  <c r="AF44624" i="1"/>
  <c r="AF44625" i="1"/>
  <c r="AF44626" i="1"/>
  <c r="AF44627" i="1"/>
  <c r="AF44628" i="1"/>
  <c r="AF44629" i="1"/>
  <c r="AF44630" i="1"/>
  <c r="AF44631" i="1"/>
  <c r="AF44632" i="1"/>
  <c r="AF44633" i="1"/>
  <c r="AF44634" i="1"/>
  <c r="AF44635" i="1"/>
  <c r="AF44636" i="1"/>
  <c r="AF44637" i="1"/>
  <c r="AF44638" i="1"/>
  <c r="AF44639" i="1"/>
  <c r="AF44640" i="1"/>
  <c r="AF44641" i="1"/>
  <c r="AF44642" i="1"/>
  <c r="AF44643" i="1"/>
  <c r="AF44644" i="1"/>
  <c r="AF44645" i="1"/>
  <c r="AF44646" i="1"/>
  <c r="AF44647" i="1"/>
  <c r="AF44648" i="1"/>
  <c r="AF44649" i="1"/>
  <c r="AF44650" i="1"/>
  <c r="AF44651" i="1"/>
  <c r="AF44652" i="1"/>
  <c r="AF44653" i="1"/>
  <c r="AF44654" i="1"/>
  <c r="AF44655" i="1"/>
  <c r="AF44656" i="1"/>
  <c r="AF44657" i="1"/>
  <c r="AF44658" i="1"/>
  <c r="AF44659" i="1"/>
  <c r="AF44660" i="1"/>
  <c r="AF44661" i="1"/>
  <c r="AF44662" i="1"/>
  <c r="AF44663" i="1"/>
  <c r="AF44664" i="1"/>
  <c r="AF44665" i="1"/>
  <c r="AF44666" i="1"/>
  <c r="AF44667" i="1"/>
  <c r="AF44668" i="1"/>
  <c r="AF44669" i="1"/>
  <c r="AF44670" i="1"/>
  <c r="AF44671" i="1"/>
  <c r="AF44672" i="1"/>
  <c r="AF44673" i="1"/>
  <c r="AF44674" i="1"/>
  <c r="AF44675" i="1"/>
  <c r="AF44676" i="1"/>
  <c r="AF44677" i="1"/>
  <c r="AF44678" i="1"/>
  <c r="AF44679" i="1"/>
  <c r="AF44680" i="1"/>
  <c r="AF44681" i="1"/>
  <c r="AF44682" i="1"/>
  <c r="AF44683" i="1"/>
  <c r="AF44684" i="1"/>
  <c r="AF44685" i="1"/>
  <c r="AF44686" i="1"/>
  <c r="AF44687" i="1"/>
  <c r="AF44688" i="1"/>
  <c r="AF44689" i="1"/>
  <c r="AF44690" i="1"/>
  <c r="AF44691" i="1"/>
  <c r="AF44692" i="1"/>
  <c r="AF44693" i="1"/>
  <c r="AF44694" i="1"/>
  <c r="AF44695" i="1"/>
  <c r="AF44696" i="1"/>
  <c r="AF44697" i="1"/>
  <c r="AF44698" i="1"/>
  <c r="AF44699" i="1"/>
  <c r="AF44700" i="1"/>
  <c r="AF44701" i="1"/>
  <c r="AF44702" i="1"/>
  <c r="AF44703" i="1"/>
  <c r="AF44704" i="1"/>
  <c r="AF44705" i="1"/>
  <c r="AF44706" i="1"/>
  <c r="AF44707" i="1"/>
  <c r="AF44708" i="1"/>
  <c r="AF44709" i="1"/>
  <c r="AF44710" i="1"/>
  <c r="AF44711" i="1"/>
  <c r="AF44712" i="1"/>
  <c r="AF44713" i="1"/>
  <c r="AF44714" i="1"/>
  <c r="AF44715" i="1"/>
  <c r="AF44716" i="1"/>
  <c r="AF44717" i="1"/>
  <c r="AF44718" i="1"/>
  <c r="AF44719" i="1"/>
  <c r="AF44720" i="1"/>
  <c r="AF44721" i="1"/>
  <c r="AF44722" i="1"/>
  <c r="AF44723" i="1"/>
  <c r="AF44724" i="1"/>
  <c r="AF44725" i="1"/>
  <c r="AF44726" i="1"/>
  <c r="AF44727" i="1"/>
  <c r="AF44728" i="1"/>
  <c r="AF44729" i="1"/>
  <c r="AF44730" i="1"/>
  <c r="AF44731" i="1"/>
  <c r="AF44732" i="1"/>
  <c r="AF44733" i="1"/>
  <c r="AF44734" i="1"/>
  <c r="AF44735" i="1"/>
  <c r="AF44736" i="1"/>
  <c r="AF44737" i="1"/>
  <c r="AF44738" i="1"/>
  <c r="AF44739" i="1"/>
  <c r="AF44740" i="1"/>
  <c r="AF44741" i="1"/>
  <c r="AF44742" i="1"/>
  <c r="AF44743" i="1"/>
  <c r="AF44744" i="1"/>
  <c r="AF44745" i="1"/>
  <c r="AF44746" i="1"/>
  <c r="AF44747" i="1"/>
  <c r="AF44748" i="1"/>
  <c r="AF44749" i="1"/>
  <c r="AF44750" i="1"/>
  <c r="AF44751" i="1"/>
  <c r="AF44752" i="1"/>
  <c r="AF44753" i="1"/>
  <c r="AF44754" i="1"/>
  <c r="AF44755" i="1"/>
  <c r="AF44756" i="1"/>
  <c r="AF44757" i="1"/>
  <c r="AF44758" i="1"/>
  <c r="AF44759" i="1"/>
  <c r="AF44760" i="1"/>
  <c r="AF44761" i="1"/>
  <c r="AF44762" i="1"/>
  <c r="AF44763" i="1"/>
  <c r="AF44764" i="1"/>
  <c r="AF44765" i="1"/>
  <c r="AF44766" i="1"/>
  <c r="AF44767" i="1"/>
  <c r="AF44768" i="1"/>
  <c r="AF44769" i="1"/>
  <c r="AF44770" i="1"/>
  <c r="AF44771" i="1"/>
  <c r="AF44772" i="1"/>
  <c r="AF44773" i="1"/>
  <c r="AF44774" i="1"/>
  <c r="AF44775" i="1"/>
  <c r="AF44776" i="1"/>
  <c r="AF44777" i="1"/>
  <c r="AF44778" i="1"/>
  <c r="AF44779" i="1"/>
  <c r="AF44780" i="1"/>
  <c r="AF44781" i="1"/>
  <c r="AF44782" i="1"/>
  <c r="AF44783" i="1"/>
  <c r="AF44784" i="1"/>
  <c r="AF44785" i="1"/>
  <c r="AF44786" i="1"/>
  <c r="AF44787" i="1"/>
  <c r="AF44788" i="1"/>
  <c r="AF44789" i="1"/>
  <c r="AF44790" i="1"/>
  <c r="AF44791" i="1"/>
  <c r="AF44792" i="1"/>
  <c r="AF44793" i="1"/>
  <c r="AF44794" i="1"/>
  <c r="AF44795" i="1"/>
  <c r="AF44796" i="1"/>
  <c r="AF44797" i="1"/>
  <c r="AF44798" i="1"/>
  <c r="AF44799" i="1"/>
  <c r="AF44800" i="1"/>
  <c r="AF44801" i="1"/>
  <c r="AF44802" i="1"/>
  <c r="AF44803" i="1"/>
  <c r="AF44804" i="1"/>
  <c r="AF44805" i="1"/>
  <c r="AF44806" i="1"/>
  <c r="AF44807" i="1"/>
  <c r="AF44808" i="1"/>
  <c r="AF44809" i="1"/>
  <c r="AF44810" i="1"/>
  <c r="AF44811" i="1"/>
  <c r="AF44812" i="1"/>
  <c r="AF44813" i="1"/>
  <c r="AF44814" i="1"/>
  <c r="AF44815" i="1"/>
  <c r="AF44816" i="1"/>
  <c r="AF44817" i="1"/>
  <c r="AF44818" i="1"/>
  <c r="AF44819" i="1"/>
  <c r="AF44820" i="1"/>
  <c r="AF44821" i="1"/>
  <c r="AF44822" i="1"/>
  <c r="AF44823" i="1"/>
  <c r="AF44824" i="1"/>
  <c r="AF44825" i="1"/>
  <c r="AF44826" i="1"/>
  <c r="AF44827" i="1"/>
  <c r="AF44828" i="1"/>
  <c r="AF44829" i="1"/>
  <c r="AF44830" i="1"/>
  <c r="AF44831" i="1"/>
  <c r="AF44832" i="1"/>
  <c r="AF44833" i="1"/>
  <c r="AF44834" i="1"/>
  <c r="AF44835" i="1"/>
  <c r="AF44836" i="1"/>
  <c r="AF44837" i="1"/>
  <c r="AF44838" i="1"/>
  <c r="AF44839" i="1"/>
  <c r="AF44840" i="1"/>
  <c r="AF44841" i="1"/>
  <c r="AF44842" i="1"/>
  <c r="AF44843" i="1"/>
  <c r="AF44844" i="1"/>
  <c r="AF44845" i="1"/>
  <c r="AF44846" i="1"/>
  <c r="AF44847" i="1"/>
  <c r="AF44848" i="1"/>
  <c r="AF44849" i="1"/>
  <c r="AF44850" i="1"/>
  <c r="AF44851" i="1"/>
  <c r="AF44852" i="1"/>
  <c r="AF44853" i="1"/>
  <c r="AF44854" i="1"/>
  <c r="AF44855" i="1"/>
  <c r="AF44856" i="1"/>
  <c r="AF44857" i="1"/>
  <c r="AF44858" i="1"/>
  <c r="AF44859" i="1"/>
  <c r="AF44860" i="1"/>
  <c r="AF44861" i="1"/>
  <c r="AF44862" i="1"/>
  <c r="AF44863" i="1"/>
  <c r="AF44864" i="1"/>
  <c r="AF44865" i="1"/>
  <c r="AF44866" i="1"/>
  <c r="AF44867" i="1"/>
  <c r="AF44868" i="1"/>
  <c r="AF44869" i="1"/>
  <c r="AF44870" i="1"/>
  <c r="AF44871" i="1"/>
  <c r="AF44872" i="1"/>
  <c r="AF44873" i="1"/>
  <c r="AF44874" i="1"/>
  <c r="AF44875" i="1"/>
  <c r="AF44876" i="1"/>
  <c r="AF44877" i="1"/>
  <c r="AF44878" i="1"/>
  <c r="AF44879" i="1"/>
  <c r="AF44880" i="1"/>
  <c r="AF44881" i="1"/>
  <c r="AF44882" i="1"/>
  <c r="AF44883" i="1"/>
  <c r="AF44884" i="1"/>
  <c r="AF44885" i="1"/>
  <c r="AF44886" i="1"/>
  <c r="AF44887" i="1"/>
  <c r="AF44888" i="1"/>
  <c r="AF44889" i="1"/>
  <c r="AF44890" i="1"/>
  <c r="AF44891" i="1"/>
  <c r="AF44892" i="1"/>
  <c r="AF44893" i="1"/>
  <c r="AF44894" i="1"/>
  <c r="AF44895" i="1"/>
  <c r="AF44896" i="1"/>
  <c r="AF44897" i="1"/>
  <c r="AF44898" i="1"/>
  <c r="AF44899" i="1"/>
  <c r="AF44900" i="1"/>
  <c r="AF44901" i="1"/>
  <c r="AF44902" i="1"/>
  <c r="AF44903" i="1"/>
  <c r="AF44904" i="1"/>
  <c r="AF44905" i="1"/>
  <c r="AF44906" i="1"/>
  <c r="AF44907" i="1"/>
  <c r="AF44908" i="1"/>
  <c r="AF44909" i="1"/>
  <c r="AF44910" i="1"/>
  <c r="AF44911" i="1"/>
  <c r="AF44912" i="1"/>
  <c r="AF44913" i="1"/>
  <c r="AF44914" i="1"/>
  <c r="AF44915" i="1"/>
  <c r="AF44916" i="1"/>
  <c r="AF44917" i="1"/>
  <c r="AF44918" i="1"/>
  <c r="AF44919" i="1"/>
  <c r="AF44920" i="1"/>
  <c r="AF44921" i="1"/>
  <c r="AF44922" i="1"/>
  <c r="AF44923" i="1"/>
  <c r="AF44924" i="1"/>
  <c r="AF44925" i="1"/>
  <c r="AF44926" i="1"/>
  <c r="AF44927" i="1"/>
  <c r="AF44928" i="1"/>
  <c r="AF44929" i="1"/>
  <c r="AF44930" i="1"/>
  <c r="AF44931" i="1"/>
  <c r="AF44932" i="1"/>
  <c r="AF44933" i="1"/>
  <c r="AF44934" i="1"/>
  <c r="AF44935" i="1"/>
  <c r="AF44936" i="1"/>
  <c r="AF44937" i="1"/>
  <c r="AF44938" i="1"/>
  <c r="AF44939" i="1"/>
  <c r="AF44940" i="1"/>
  <c r="AF44941" i="1"/>
  <c r="AF44942" i="1"/>
  <c r="AF44943" i="1"/>
  <c r="AF44944" i="1"/>
  <c r="AF44945" i="1"/>
  <c r="AF44946" i="1"/>
  <c r="AF44947" i="1"/>
  <c r="AF44948" i="1"/>
  <c r="AF44949" i="1"/>
  <c r="AF44950" i="1"/>
  <c r="AF44951" i="1"/>
  <c r="AF44952" i="1"/>
  <c r="AF44953" i="1"/>
  <c r="AF44954" i="1"/>
  <c r="AF44955" i="1"/>
  <c r="AF44956" i="1"/>
  <c r="AF44957" i="1"/>
  <c r="AF44958" i="1"/>
  <c r="AF44959" i="1"/>
  <c r="AF44960" i="1"/>
  <c r="AF44961" i="1"/>
  <c r="AF44962" i="1"/>
  <c r="AF44963" i="1"/>
  <c r="AF44964" i="1"/>
  <c r="AF44965" i="1"/>
  <c r="AF44966" i="1"/>
  <c r="AF44967" i="1"/>
  <c r="AF44968" i="1"/>
  <c r="AF44969" i="1"/>
  <c r="AF44970" i="1"/>
  <c r="AF44971" i="1"/>
  <c r="AF44972" i="1"/>
  <c r="AF44973" i="1"/>
  <c r="AF44974" i="1"/>
  <c r="AF44975" i="1"/>
  <c r="AF44976" i="1"/>
  <c r="AF44977" i="1"/>
  <c r="AF44978" i="1"/>
  <c r="AF44979" i="1"/>
  <c r="AF44980" i="1"/>
  <c r="AF44981" i="1"/>
  <c r="AF44982" i="1"/>
  <c r="AF44983" i="1"/>
  <c r="AF44984" i="1"/>
  <c r="AF44985" i="1"/>
  <c r="AF44986" i="1"/>
  <c r="AF44987" i="1"/>
  <c r="AF44988" i="1"/>
  <c r="AF44989" i="1"/>
  <c r="AF44990" i="1"/>
  <c r="AF44991" i="1"/>
  <c r="AF44992" i="1"/>
  <c r="AF44993" i="1"/>
  <c r="AF44994" i="1"/>
  <c r="AF44995" i="1"/>
  <c r="AF44996" i="1"/>
  <c r="AF44997" i="1"/>
  <c r="AF44998" i="1"/>
  <c r="AF44999" i="1"/>
  <c r="AF45000" i="1"/>
  <c r="AF45001" i="1"/>
  <c r="AF45002" i="1"/>
  <c r="AF45003" i="1"/>
  <c r="AF45004" i="1"/>
  <c r="AF45005" i="1"/>
  <c r="AF45006" i="1"/>
  <c r="AF45007" i="1"/>
  <c r="AF45008" i="1"/>
  <c r="AF45009" i="1"/>
  <c r="AF45010" i="1"/>
  <c r="AF45011" i="1"/>
  <c r="AF45012" i="1"/>
  <c r="AF45013" i="1"/>
  <c r="AF45014" i="1"/>
  <c r="AF45015" i="1"/>
  <c r="AF45016" i="1"/>
  <c r="AF45017" i="1"/>
  <c r="AF45018" i="1"/>
  <c r="AF45019" i="1"/>
  <c r="AF45020" i="1"/>
  <c r="AF45021" i="1"/>
  <c r="AF45022" i="1"/>
  <c r="AF45023" i="1"/>
  <c r="AF45024" i="1"/>
  <c r="AF45025" i="1"/>
  <c r="AF45026" i="1"/>
  <c r="AF45027" i="1"/>
  <c r="AF45028" i="1"/>
  <c r="AF45029" i="1"/>
  <c r="AF45030" i="1"/>
  <c r="AF45031" i="1"/>
  <c r="AF45032" i="1"/>
  <c r="AF45033" i="1"/>
  <c r="AF45034" i="1"/>
  <c r="AF45035" i="1"/>
  <c r="AF45036" i="1"/>
  <c r="AF45037" i="1"/>
  <c r="AF45038" i="1"/>
  <c r="AF45039" i="1"/>
  <c r="AF45040" i="1"/>
  <c r="AF45041" i="1"/>
  <c r="AF45042" i="1"/>
  <c r="AF45043" i="1"/>
  <c r="AF45044" i="1"/>
  <c r="AF45045" i="1"/>
  <c r="AF45046" i="1"/>
  <c r="AF45047" i="1"/>
  <c r="AF45048" i="1"/>
  <c r="AF45049" i="1"/>
  <c r="AF45050" i="1"/>
  <c r="AF45051" i="1"/>
  <c r="AF45052" i="1"/>
  <c r="AF45053" i="1"/>
  <c r="AF45054" i="1"/>
  <c r="AF45055" i="1"/>
  <c r="AF45056" i="1"/>
  <c r="AF45057" i="1"/>
  <c r="AF45058" i="1"/>
  <c r="AF45059" i="1"/>
  <c r="AF45060" i="1"/>
  <c r="AF45061" i="1"/>
  <c r="AF45062" i="1"/>
  <c r="AF45063" i="1"/>
  <c r="AF45064" i="1"/>
  <c r="AF45065" i="1"/>
  <c r="AF45066" i="1"/>
  <c r="AF45067" i="1"/>
  <c r="AF45068" i="1"/>
  <c r="AF45069" i="1"/>
  <c r="AF45070" i="1"/>
  <c r="AF45071" i="1"/>
  <c r="AF45072" i="1"/>
  <c r="AF45073" i="1"/>
  <c r="AF45074" i="1"/>
  <c r="AF45075" i="1"/>
  <c r="AF45076" i="1"/>
  <c r="AF45077" i="1"/>
  <c r="AF45078" i="1"/>
  <c r="AF45079" i="1"/>
  <c r="AF45080" i="1"/>
  <c r="AF45081" i="1"/>
  <c r="AF45082" i="1"/>
  <c r="AF45083" i="1"/>
  <c r="AF45084" i="1"/>
  <c r="AF45085" i="1"/>
  <c r="AF45086" i="1"/>
  <c r="AF45087" i="1"/>
  <c r="AF45088" i="1"/>
  <c r="AF45089" i="1"/>
  <c r="AF45090" i="1"/>
  <c r="AF45091" i="1"/>
  <c r="AF45092" i="1"/>
  <c r="AF45093" i="1"/>
  <c r="AF45094" i="1"/>
  <c r="AF45095" i="1"/>
  <c r="AF45096" i="1"/>
  <c r="AF45097" i="1"/>
  <c r="AF45098" i="1"/>
  <c r="AF45099" i="1"/>
  <c r="AF45100" i="1"/>
  <c r="AF45101" i="1"/>
  <c r="AF45102" i="1"/>
  <c r="AF45103" i="1"/>
  <c r="AF45104" i="1"/>
  <c r="AF45105" i="1"/>
  <c r="AF45106" i="1"/>
  <c r="AF45107" i="1"/>
  <c r="AF45108" i="1"/>
  <c r="AF45109" i="1"/>
  <c r="AF45110" i="1"/>
  <c r="AF45111" i="1"/>
  <c r="AF45112" i="1"/>
  <c r="AF45113" i="1"/>
  <c r="AF45114" i="1"/>
  <c r="AF45115" i="1"/>
  <c r="AF45116" i="1"/>
  <c r="AF45117" i="1"/>
  <c r="AF45118" i="1"/>
  <c r="AF45119" i="1"/>
  <c r="AF45120" i="1"/>
  <c r="AF45121" i="1"/>
  <c r="AF45122" i="1"/>
  <c r="AF45123" i="1"/>
  <c r="AF45124" i="1"/>
  <c r="AF45125" i="1"/>
  <c r="AF45126" i="1"/>
  <c r="AF45127" i="1"/>
  <c r="AF45128" i="1"/>
  <c r="AF45129" i="1"/>
  <c r="AF45130" i="1"/>
  <c r="AF45131" i="1"/>
  <c r="AF45132" i="1"/>
  <c r="AF45133" i="1"/>
  <c r="AF45134" i="1"/>
  <c r="AF45135" i="1"/>
  <c r="AF45136" i="1"/>
  <c r="AF45137" i="1"/>
  <c r="AF45138" i="1"/>
  <c r="AF45139" i="1"/>
  <c r="AF45140" i="1"/>
  <c r="AF45141" i="1"/>
  <c r="AF45142" i="1"/>
  <c r="AF45143" i="1"/>
  <c r="AF45144" i="1"/>
  <c r="AF45145" i="1"/>
  <c r="AF45146" i="1"/>
  <c r="AF45147" i="1"/>
  <c r="AF45148" i="1"/>
  <c r="AF45149" i="1"/>
  <c r="AF45150" i="1"/>
  <c r="AF45151" i="1"/>
  <c r="AF45152" i="1"/>
  <c r="AF45153" i="1"/>
  <c r="AF45154" i="1"/>
  <c r="AF45155" i="1"/>
  <c r="AF45156" i="1"/>
  <c r="AF45157" i="1"/>
  <c r="AF45158" i="1"/>
  <c r="AF45159" i="1"/>
  <c r="AF45160" i="1"/>
  <c r="AF45161" i="1"/>
  <c r="AF45162" i="1"/>
  <c r="AF45163" i="1"/>
  <c r="AF45164" i="1"/>
  <c r="AF45165" i="1"/>
  <c r="AF45166" i="1"/>
  <c r="AF45167" i="1"/>
  <c r="AF45168" i="1"/>
  <c r="AF45169" i="1"/>
  <c r="AF45170" i="1"/>
  <c r="AF45171" i="1"/>
  <c r="AF45172" i="1"/>
  <c r="AF45173" i="1"/>
  <c r="AF45174" i="1"/>
  <c r="AF45175" i="1"/>
  <c r="AF45176" i="1"/>
  <c r="AF45177" i="1"/>
  <c r="AF45178" i="1"/>
  <c r="AF45179" i="1"/>
  <c r="AF45180" i="1"/>
  <c r="AF45181" i="1"/>
  <c r="AF45182" i="1"/>
  <c r="AF45183" i="1"/>
  <c r="AF45184" i="1"/>
  <c r="AF45185" i="1"/>
  <c r="AF45186" i="1"/>
  <c r="AF45187" i="1"/>
  <c r="AF45188" i="1"/>
  <c r="AF45189" i="1"/>
  <c r="AF45190" i="1"/>
  <c r="AF45191" i="1"/>
  <c r="AF45192" i="1"/>
  <c r="AF45193" i="1"/>
  <c r="AF45194" i="1"/>
  <c r="AF45195" i="1"/>
  <c r="AF45196" i="1"/>
  <c r="AF45197" i="1"/>
  <c r="AF45198" i="1"/>
  <c r="AF45199" i="1"/>
  <c r="AF45200" i="1"/>
  <c r="AF45201" i="1"/>
  <c r="AF45202" i="1"/>
  <c r="AF45203" i="1"/>
  <c r="AF45204" i="1"/>
  <c r="AF45205" i="1"/>
  <c r="AF45206" i="1"/>
  <c r="AF45207" i="1"/>
  <c r="AF45208" i="1"/>
  <c r="AF45209" i="1"/>
  <c r="AF45210" i="1"/>
  <c r="AF45211" i="1"/>
  <c r="AF45212" i="1"/>
  <c r="AF45213" i="1"/>
  <c r="AF45214" i="1"/>
  <c r="AF45215" i="1"/>
  <c r="AF45216" i="1"/>
  <c r="AF45217" i="1"/>
  <c r="AF45218" i="1"/>
  <c r="AF45219" i="1"/>
  <c r="AF45220" i="1"/>
  <c r="AF45221" i="1"/>
  <c r="AF45222" i="1"/>
  <c r="AF45223" i="1"/>
  <c r="AF45224" i="1"/>
  <c r="AF45225" i="1"/>
  <c r="AF45226" i="1"/>
  <c r="AF45227" i="1"/>
  <c r="AF45228" i="1"/>
  <c r="AF45229" i="1"/>
  <c r="AF45230" i="1"/>
  <c r="AF45231" i="1"/>
  <c r="AF45232" i="1"/>
  <c r="AF45233" i="1"/>
  <c r="AF45234" i="1"/>
  <c r="AF45235" i="1"/>
  <c r="AF45236" i="1"/>
  <c r="AF45237" i="1"/>
  <c r="AF45238" i="1"/>
  <c r="AF45239" i="1"/>
  <c r="AF45240" i="1"/>
  <c r="AF45241" i="1"/>
  <c r="AF45242" i="1"/>
  <c r="AF45243" i="1"/>
  <c r="AF45244" i="1"/>
  <c r="AF45245" i="1"/>
  <c r="AF45246" i="1"/>
  <c r="AF45247" i="1"/>
  <c r="AF45248" i="1"/>
  <c r="AF45249" i="1"/>
  <c r="AF45250" i="1"/>
  <c r="AF45251" i="1"/>
  <c r="AF45252" i="1"/>
  <c r="AF45253" i="1"/>
  <c r="AF45254" i="1"/>
  <c r="AF45255" i="1"/>
  <c r="AF45256" i="1"/>
  <c r="AF45257" i="1"/>
  <c r="AF45258" i="1"/>
  <c r="AF45259" i="1"/>
  <c r="AF45260" i="1"/>
  <c r="AF45261" i="1"/>
  <c r="AF45262" i="1"/>
  <c r="AF45263" i="1"/>
  <c r="AF45264" i="1"/>
  <c r="AF45265" i="1"/>
  <c r="AF45266" i="1"/>
  <c r="AF45267" i="1"/>
  <c r="AF45268" i="1"/>
  <c r="AF45269" i="1"/>
  <c r="AF45270" i="1"/>
  <c r="AF45271" i="1"/>
  <c r="AF45272" i="1"/>
  <c r="AF45273" i="1"/>
  <c r="AF45274" i="1"/>
  <c r="AF45275" i="1"/>
  <c r="AF45276" i="1"/>
  <c r="AF45277" i="1"/>
  <c r="AF45278" i="1"/>
  <c r="AF45279" i="1"/>
  <c r="AF45280" i="1"/>
  <c r="AF45281" i="1"/>
  <c r="AF45282" i="1"/>
  <c r="AF45283" i="1"/>
  <c r="AF45284" i="1"/>
  <c r="AF45285" i="1"/>
  <c r="AF45286" i="1"/>
  <c r="AF45287" i="1"/>
  <c r="AF45288" i="1"/>
  <c r="AF45289" i="1"/>
  <c r="AF45290" i="1"/>
  <c r="AF45291" i="1"/>
  <c r="AF45292" i="1"/>
  <c r="AF45293" i="1"/>
  <c r="AF45294" i="1"/>
  <c r="AF45295" i="1"/>
  <c r="AF45296" i="1"/>
  <c r="AF45297" i="1"/>
  <c r="AF45298" i="1"/>
  <c r="AF45299" i="1"/>
  <c r="AF45300" i="1"/>
  <c r="AF45301" i="1"/>
  <c r="AF45302" i="1"/>
  <c r="AF45303" i="1"/>
  <c r="AF45304" i="1"/>
  <c r="AF45305" i="1"/>
  <c r="AF45306" i="1"/>
  <c r="AF45307" i="1"/>
  <c r="AF45308" i="1"/>
  <c r="AF45309" i="1"/>
  <c r="AF45310" i="1"/>
  <c r="AF45311" i="1"/>
  <c r="AF45312" i="1"/>
  <c r="AF45313" i="1"/>
  <c r="AF45314" i="1"/>
  <c r="AF45315" i="1"/>
  <c r="AF45316" i="1"/>
  <c r="AF45317" i="1"/>
  <c r="AF45318" i="1"/>
  <c r="AF45319" i="1"/>
  <c r="AF45320" i="1"/>
  <c r="AF45321" i="1"/>
  <c r="AF45322" i="1"/>
  <c r="AF45323" i="1"/>
  <c r="AF45324" i="1"/>
  <c r="AF45325" i="1"/>
  <c r="AF45326" i="1"/>
  <c r="AF45327" i="1"/>
  <c r="AF45328" i="1"/>
  <c r="AF45329" i="1"/>
  <c r="AF45330" i="1"/>
  <c r="AF45331" i="1"/>
  <c r="AF45332" i="1"/>
  <c r="AF45333" i="1"/>
  <c r="AF45334" i="1"/>
  <c r="AF45335" i="1"/>
  <c r="AF45336" i="1"/>
  <c r="AF45337" i="1"/>
  <c r="AF45338" i="1"/>
  <c r="AF45339" i="1"/>
  <c r="AF45340" i="1"/>
  <c r="AF45341" i="1"/>
  <c r="AF45342" i="1"/>
  <c r="AF45343" i="1"/>
  <c r="AF45344" i="1"/>
  <c r="AF45345" i="1"/>
  <c r="AF45346" i="1"/>
  <c r="AF45347" i="1"/>
  <c r="AF45348" i="1"/>
  <c r="AF45349" i="1"/>
  <c r="AF45350" i="1"/>
  <c r="AF45351" i="1"/>
  <c r="AF45352" i="1"/>
  <c r="AF45353" i="1"/>
  <c r="AF45354" i="1"/>
  <c r="AF45355" i="1"/>
  <c r="AF45356" i="1"/>
  <c r="AF45357" i="1"/>
  <c r="AF45358" i="1"/>
  <c r="AF45359" i="1"/>
  <c r="AF45360" i="1"/>
  <c r="AF45361" i="1"/>
  <c r="AF45362" i="1"/>
  <c r="AF45363" i="1"/>
  <c r="AF45364" i="1"/>
  <c r="AF45365" i="1"/>
  <c r="AF45366" i="1"/>
  <c r="AF45367" i="1"/>
  <c r="AF45368" i="1"/>
  <c r="AF45369" i="1"/>
  <c r="AF45370" i="1"/>
  <c r="AF45371" i="1"/>
  <c r="AF45372" i="1"/>
  <c r="AF45373" i="1"/>
  <c r="AF45374" i="1"/>
  <c r="AF45375" i="1"/>
  <c r="AF45376" i="1"/>
  <c r="AF45377" i="1"/>
  <c r="AF45378" i="1"/>
  <c r="AF45379" i="1"/>
  <c r="AF45380" i="1"/>
  <c r="AF45381" i="1"/>
  <c r="AF45382" i="1"/>
  <c r="AF45383" i="1"/>
  <c r="AF45384" i="1"/>
  <c r="AF45385" i="1"/>
  <c r="AF45386" i="1"/>
  <c r="AF45387" i="1"/>
  <c r="AF45388" i="1"/>
  <c r="AF45389" i="1"/>
  <c r="AF45390" i="1"/>
  <c r="AF45391" i="1"/>
  <c r="AF45392" i="1"/>
  <c r="AF45393" i="1"/>
  <c r="AF45394" i="1"/>
  <c r="AF45395" i="1"/>
  <c r="AF45396" i="1"/>
  <c r="AF45397" i="1"/>
  <c r="AF45398" i="1"/>
  <c r="AF45399" i="1"/>
  <c r="AF45400" i="1"/>
  <c r="AF45401" i="1"/>
  <c r="AF45402" i="1"/>
  <c r="AF45403" i="1"/>
  <c r="AF45404" i="1"/>
  <c r="AF45405" i="1"/>
  <c r="AF45406" i="1"/>
  <c r="AF45407" i="1"/>
  <c r="AF45408" i="1"/>
  <c r="AF45409" i="1"/>
  <c r="AF45410" i="1"/>
  <c r="AF45411" i="1"/>
  <c r="AF45412" i="1"/>
  <c r="AF45413" i="1"/>
  <c r="AF45414" i="1"/>
  <c r="AF45415" i="1"/>
  <c r="AF45416" i="1"/>
  <c r="AF45417" i="1"/>
  <c r="AF45418" i="1"/>
  <c r="AF45419" i="1"/>
  <c r="AF45420" i="1"/>
  <c r="AF45421" i="1"/>
  <c r="AF45422" i="1"/>
  <c r="AF45423" i="1"/>
  <c r="AF45424" i="1"/>
  <c r="AF45425" i="1"/>
  <c r="AF45426" i="1"/>
  <c r="AF45427" i="1"/>
  <c r="AF45428" i="1"/>
  <c r="AF45429" i="1"/>
  <c r="AF45430" i="1"/>
  <c r="AF45431" i="1"/>
  <c r="AF45432" i="1"/>
  <c r="AF45433" i="1"/>
  <c r="AF45434" i="1"/>
  <c r="AF45435" i="1"/>
  <c r="AF45436" i="1"/>
  <c r="AF45437" i="1"/>
  <c r="AF45438" i="1"/>
  <c r="AF45439" i="1"/>
  <c r="AF45440" i="1"/>
  <c r="AF45441" i="1"/>
  <c r="AF45442" i="1"/>
  <c r="AF45443" i="1"/>
  <c r="AF45444" i="1"/>
  <c r="AF45445" i="1"/>
  <c r="AF45446" i="1"/>
  <c r="AF45447" i="1"/>
  <c r="AF45448" i="1"/>
  <c r="AF45449" i="1"/>
  <c r="AF45450" i="1"/>
  <c r="AF45451" i="1"/>
  <c r="AF45452" i="1"/>
  <c r="AF45453" i="1"/>
  <c r="AF45454" i="1"/>
  <c r="AF45455" i="1"/>
  <c r="AF45456" i="1"/>
  <c r="AF45457" i="1"/>
  <c r="AF45458" i="1"/>
  <c r="AF45459" i="1"/>
  <c r="AF45460" i="1"/>
  <c r="AF45461" i="1"/>
  <c r="AF45462" i="1"/>
  <c r="AF45463" i="1"/>
  <c r="AF45464" i="1"/>
  <c r="AF45465" i="1"/>
  <c r="AF45466" i="1"/>
  <c r="AF45467" i="1"/>
  <c r="AF45468" i="1"/>
  <c r="AF45469" i="1"/>
  <c r="AF45470" i="1"/>
  <c r="AF45471" i="1"/>
  <c r="AF45472" i="1"/>
  <c r="AF45473" i="1"/>
  <c r="AF45474" i="1"/>
  <c r="AF45475" i="1"/>
  <c r="AF45476" i="1"/>
  <c r="AF45477" i="1"/>
  <c r="AF45478" i="1"/>
  <c r="AF45479" i="1"/>
  <c r="AF45480" i="1"/>
  <c r="AF45481" i="1"/>
  <c r="AF45482" i="1"/>
  <c r="AF45483" i="1"/>
  <c r="AF45484" i="1"/>
  <c r="AF45485" i="1"/>
  <c r="AF45486" i="1"/>
  <c r="AF45487" i="1"/>
  <c r="AF45488" i="1"/>
  <c r="AF45489" i="1"/>
  <c r="AF45490" i="1"/>
  <c r="AF45491" i="1"/>
  <c r="AF45492" i="1"/>
  <c r="AF45493" i="1"/>
  <c r="AF45494" i="1"/>
  <c r="AF45495" i="1"/>
  <c r="AF45496" i="1"/>
  <c r="AF45497" i="1"/>
  <c r="AF45498" i="1"/>
  <c r="AF45499" i="1"/>
  <c r="AF45500" i="1"/>
  <c r="AF45501" i="1"/>
  <c r="AF45502" i="1"/>
  <c r="AF45503" i="1"/>
  <c r="AF45504" i="1"/>
  <c r="AF45505" i="1"/>
  <c r="AF45506" i="1"/>
  <c r="AF45507" i="1"/>
  <c r="AF45508" i="1"/>
  <c r="AF45509" i="1"/>
  <c r="AF45510" i="1"/>
  <c r="AF45511" i="1"/>
  <c r="AF45512" i="1"/>
  <c r="AF45513" i="1"/>
  <c r="AF45514" i="1"/>
  <c r="AF45515" i="1"/>
  <c r="AF45516" i="1"/>
  <c r="AF45517" i="1"/>
  <c r="AF45518" i="1"/>
  <c r="AF45519" i="1"/>
  <c r="AF45520" i="1"/>
  <c r="AF45521" i="1"/>
  <c r="AF45522" i="1"/>
  <c r="AF45523" i="1"/>
  <c r="AF45524" i="1"/>
  <c r="AF45525" i="1"/>
  <c r="AF45526" i="1"/>
  <c r="AF45527" i="1"/>
  <c r="AF45528" i="1"/>
  <c r="AF45529" i="1"/>
  <c r="AF45530" i="1"/>
  <c r="AF45531" i="1"/>
  <c r="AF45532" i="1"/>
  <c r="AF45533" i="1"/>
  <c r="AF45534" i="1"/>
  <c r="AF45535" i="1"/>
  <c r="AF45536" i="1"/>
  <c r="AF45537" i="1"/>
  <c r="AF45538" i="1"/>
  <c r="AF45539" i="1"/>
  <c r="AF45540" i="1"/>
  <c r="AF45541" i="1"/>
  <c r="AF45542" i="1"/>
  <c r="AF45543" i="1"/>
  <c r="AF45544" i="1"/>
  <c r="AF45545" i="1"/>
  <c r="AF45546" i="1"/>
  <c r="AF45547" i="1"/>
  <c r="AF45548" i="1"/>
  <c r="AF45549" i="1"/>
  <c r="AF45550" i="1"/>
  <c r="AF45551" i="1"/>
  <c r="AF45552" i="1"/>
  <c r="AF45553" i="1"/>
  <c r="AF45554" i="1"/>
  <c r="AF45555" i="1"/>
  <c r="AF45556" i="1"/>
  <c r="AF45557" i="1"/>
  <c r="AF45558" i="1"/>
  <c r="AF45559" i="1"/>
  <c r="AF45560" i="1"/>
  <c r="AF45561" i="1"/>
  <c r="AF45562" i="1"/>
  <c r="AF45563" i="1"/>
  <c r="AF45564" i="1"/>
  <c r="AF45565" i="1"/>
  <c r="AF45566" i="1"/>
  <c r="AF45567" i="1"/>
  <c r="AF45568" i="1"/>
  <c r="AF45569" i="1"/>
  <c r="AF45570" i="1"/>
  <c r="AF45571" i="1"/>
  <c r="AF45572" i="1"/>
  <c r="AF45573" i="1"/>
  <c r="AF45574" i="1"/>
  <c r="AF45575" i="1"/>
  <c r="AF45576" i="1"/>
  <c r="AF45577" i="1"/>
  <c r="AF45578" i="1"/>
  <c r="AF45579" i="1"/>
  <c r="AF45580" i="1"/>
  <c r="AF45581" i="1"/>
  <c r="AF45582" i="1"/>
  <c r="AF45583" i="1"/>
  <c r="AF45584" i="1"/>
  <c r="AF45585" i="1"/>
  <c r="AF45586" i="1"/>
  <c r="AF45587" i="1"/>
  <c r="AF45588" i="1"/>
  <c r="AF45589" i="1"/>
  <c r="AF45590" i="1"/>
  <c r="AF45591" i="1"/>
  <c r="AF45592" i="1"/>
  <c r="AF45593" i="1"/>
  <c r="AF45594" i="1"/>
  <c r="AF45595" i="1"/>
  <c r="AF45596" i="1"/>
  <c r="AF45597" i="1"/>
  <c r="AF45598" i="1"/>
  <c r="AF45599" i="1"/>
  <c r="AF45600" i="1"/>
  <c r="AF45601" i="1"/>
  <c r="AF45602" i="1"/>
  <c r="AF45603" i="1"/>
  <c r="AF45604" i="1"/>
  <c r="AF45605" i="1"/>
  <c r="AF45606" i="1"/>
  <c r="AF45607" i="1"/>
  <c r="AF45608" i="1"/>
  <c r="AF45609" i="1"/>
  <c r="AF45610" i="1"/>
  <c r="AF45611" i="1"/>
  <c r="AF45612" i="1"/>
  <c r="AF45613" i="1"/>
  <c r="AF45614" i="1"/>
  <c r="AF45615" i="1"/>
  <c r="AF45616" i="1"/>
  <c r="AF45617" i="1"/>
  <c r="AF45618" i="1"/>
  <c r="AF45619" i="1"/>
  <c r="AF45620" i="1"/>
  <c r="AF45621" i="1"/>
  <c r="AF45622" i="1"/>
  <c r="AF45623" i="1"/>
  <c r="AF45624" i="1"/>
  <c r="AF45625" i="1"/>
  <c r="AF45626" i="1"/>
  <c r="AF45627" i="1"/>
  <c r="AF45628" i="1"/>
  <c r="AF45629" i="1"/>
  <c r="AF45630" i="1"/>
  <c r="AF45631" i="1"/>
  <c r="AF45632" i="1"/>
  <c r="AF45633" i="1"/>
  <c r="AF45634" i="1"/>
  <c r="AF45635" i="1"/>
  <c r="AF45636" i="1"/>
  <c r="AF45637" i="1"/>
  <c r="AF45638" i="1"/>
  <c r="AF45639" i="1"/>
  <c r="AF45640" i="1"/>
  <c r="AF45641" i="1"/>
  <c r="AF45642" i="1"/>
  <c r="AF45643" i="1"/>
  <c r="AF45644" i="1"/>
  <c r="AF45645" i="1"/>
  <c r="AF45646" i="1"/>
  <c r="AF45647" i="1"/>
  <c r="AF45648" i="1"/>
  <c r="AF45649" i="1"/>
  <c r="AF45650" i="1"/>
  <c r="AF45651" i="1"/>
  <c r="AF45652" i="1"/>
  <c r="AF45653" i="1"/>
  <c r="AF45654" i="1"/>
  <c r="AF45655" i="1"/>
  <c r="AF45656" i="1"/>
  <c r="AF45657" i="1"/>
  <c r="AF45658" i="1"/>
  <c r="AF45659" i="1"/>
  <c r="AF45660" i="1"/>
  <c r="AF45661" i="1"/>
  <c r="AF45662" i="1"/>
  <c r="AF45663" i="1"/>
  <c r="AF45664" i="1"/>
  <c r="AF45665" i="1"/>
  <c r="AF45666" i="1"/>
  <c r="AF45667" i="1"/>
  <c r="AF45668" i="1"/>
  <c r="AF45669" i="1"/>
  <c r="AF45670" i="1"/>
  <c r="AF45671" i="1"/>
  <c r="AF45672" i="1"/>
  <c r="AF45673" i="1"/>
  <c r="AF45674" i="1"/>
  <c r="AF45675" i="1"/>
  <c r="AF45676" i="1"/>
  <c r="AF45677" i="1"/>
  <c r="AF45678" i="1"/>
  <c r="AF45679" i="1"/>
  <c r="AF45680" i="1"/>
  <c r="AF45681" i="1"/>
  <c r="AF45682" i="1"/>
  <c r="AF45683" i="1"/>
  <c r="AF45684" i="1"/>
  <c r="AF45685" i="1"/>
  <c r="AF45686" i="1"/>
  <c r="AF45687" i="1"/>
  <c r="AF45688" i="1"/>
  <c r="AF45689" i="1"/>
  <c r="AF45690" i="1"/>
  <c r="AF45691" i="1"/>
  <c r="AF45692" i="1"/>
  <c r="AF45693" i="1"/>
  <c r="AF45694" i="1"/>
  <c r="AF45695" i="1"/>
  <c r="AF45696" i="1"/>
  <c r="AF45697" i="1"/>
  <c r="AF45698" i="1"/>
  <c r="AF45699" i="1"/>
  <c r="AF45700" i="1"/>
  <c r="AF45701" i="1"/>
  <c r="AF45702" i="1"/>
  <c r="AF45703" i="1"/>
  <c r="AF45704" i="1"/>
  <c r="AF45705" i="1"/>
  <c r="AF45706" i="1"/>
  <c r="AF45707" i="1"/>
  <c r="AF45708" i="1"/>
  <c r="AF45709" i="1"/>
  <c r="AF45710" i="1"/>
  <c r="AF45711" i="1"/>
  <c r="AF45712" i="1"/>
  <c r="AF45713" i="1"/>
  <c r="AF45714" i="1"/>
  <c r="AF45715" i="1"/>
  <c r="AF45716" i="1"/>
  <c r="AF45717" i="1"/>
  <c r="AF45718" i="1"/>
  <c r="AF45719" i="1"/>
  <c r="AF45720" i="1"/>
  <c r="AF45721" i="1"/>
  <c r="AF45722" i="1"/>
  <c r="AF45723" i="1"/>
  <c r="AF45724" i="1"/>
  <c r="AF45725" i="1"/>
  <c r="AF45726" i="1"/>
  <c r="AF45727" i="1"/>
  <c r="AF45728" i="1"/>
  <c r="AF45729" i="1"/>
  <c r="AF45730" i="1"/>
  <c r="AF45731" i="1"/>
  <c r="AF45732" i="1"/>
  <c r="AF45733" i="1"/>
  <c r="AF45734" i="1"/>
  <c r="AF45735" i="1"/>
  <c r="AF45736" i="1"/>
  <c r="AF45737" i="1"/>
  <c r="AF45738" i="1"/>
  <c r="AF45739" i="1"/>
  <c r="AF45740" i="1"/>
  <c r="AF45741" i="1"/>
  <c r="AF45742" i="1"/>
  <c r="AF45743" i="1"/>
  <c r="AF45744" i="1"/>
  <c r="AF45745" i="1"/>
  <c r="AF45746" i="1"/>
  <c r="AF45747" i="1"/>
  <c r="AF45748" i="1"/>
  <c r="AF45749" i="1"/>
  <c r="AF45750" i="1"/>
  <c r="AF45751" i="1"/>
  <c r="AF45752" i="1"/>
  <c r="AF45753" i="1"/>
  <c r="AF45754" i="1"/>
  <c r="AF45755" i="1"/>
  <c r="AF45756" i="1"/>
  <c r="AF45757" i="1"/>
  <c r="AF45758" i="1"/>
  <c r="AF45759" i="1"/>
  <c r="AF45760" i="1"/>
  <c r="AF45761" i="1"/>
  <c r="AF45762" i="1"/>
  <c r="AF45763" i="1"/>
  <c r="AF45764" i="1"/>
  <c r="AF45765" i="1"/>
  <c r="AF45766" i="1"/>
  <c r="AF45767" i="1"/>
  <c r="AF45768" i="1"/>
  <c r="AF45769" i="1"/>
  <c r="AF45770" i="1"/>
  <c r="AF45771" i="1"/>
  <c r="AF45772" i="1"/>
  <c r="AF45773" i="1"/>
  <c r="AF45774" i="1"/>
  <c r="AF45775" i="1"/>
  <c r="AF45776" i="1"/>
  <c r="AF45777" i="1"/>
  <c r="AF45778" i="1"/>
  <c r="AF45779" i="1"/>
  <c r="AF45780" i="1"/>
  <c r="AF45781" i="1"/>
  <c r="AF45782" i="1"/>
  <c r="AF45783" i="1"/>
  <c r="AF45784" i="1"/>
  <c r="AF45785" i="1"/>
  <c r="AF45786" i="1"/>
  <c r="AF45787" i="1"/>
  <c r="AF45788" i="1"/>
  <c r="AF45789" i="1"/>
  <c r="AF45790" i="1"/>
  <c r="AF45791" i="1"/>
  <c r="AF45792" i="1"/>
  <c r="AF45793" i="1"/>
  <c r="AF45794" i="1"/>
  <c r="AF45795" i="1"/>
  <c r="AF45796" i="1"/>
  <c r="AF45797" i="1"/>
  <c r="AF45798" i="1"/>
  <c r="AF45799" i="1"/>
  <c r="AF45800" i="1"/>
  <c r="AF45801" i="1"/>
  <c r="AF45802" i="1"/>
  <c r="AF45803" i="1"/>
  <c r="AF45804" i="1"/>
  <c r="AF45805" i="1"/>
  <c r="AF45806" i="1"/>
  <c r="AF45807" i="1"/>
  <c r="AF45808" i="1"/>
  <c r="AF45809" i="1"/>
  <c r="AF45810" i="1"/>
  <c r="AF45811" i="1"/>
  <c r="AF45812" i="1"/>
  <c r="AF45813" i="1"/>
  <c r="AF45814" i="1"/>
  <c r="AF45815" i="1"/>
  <c r="AF45816" i="1"/>
  <c r="AF45817" i="1"/>
  <c r="AF45818" i="1"/>
  <c r="AF45819" i="1"/>
  <c r="AF45820" i="1"/>
  <c r="AF45821" i="1"/>
  <c r="AF45822" i="1"/>
  <c r="AF45823" i="1"/>
  <c r="AF45824" i="1"/>
  <c r="AF45825" i="1"/>
  <c r="AF45826" i="1"/>
  <c r="AF45827" i="1"/>
  <c r="AF45828" i="1"/>
  <c r="AF45829" i="1"/>
  <c r="AF45830" i="1"/>
  <c r="AF45831" i="1"/>
  <c r="AF45832" i="1"/>
  <c r="AF45833" i="1"/>
  <c r="AF45834" i="1"/>
  <c r="AF45835" i="1"/>
  <c r="AF45836" i="1"/>
  <c r="AF45837" i="1"/>
  <c r="AF45838" i="1"/>
  <c r="AF45839" i="1"/>
  <c r="AF45840" i="1"/>
  <c r="AF45841" i="1"/>
  <c r="AF45842" i="1"/>
  <c r="AF45843" i="1"/>
  <c r="AF45844" i="1"/>
  <c r="AF45845" i="1"/>
  <c r="AF45846" i="1"/>
  <c r="AF45847" i="1"/>
  <c r="AF45848" i="1"/>
  <c r="AF45849" i="1"/>
  <c r="AF45850" i="1"/>
  <c r="AF45851" i="1"/>
  <c r="AF45852" i="1"/>
  <c r="AF45853" i="1"/>
  <c r="AF45854" i="1"/>
  <c r="AF45855" i="1"/>
  <c r="AF45856" i="1"/>
  <c r="AF45857" i="1"/>
  <c r="AF45858" i="1"/>
  <c r="AF45859" i="1"/>
  <c r="AF45860" i="1"/>
  <c r="AF45861" i="1"/>
  <c r="AF45862" i="1"/>
  <c r="AF45863" i="1"/>
  <c r="AF45864" i="1"/>
  <c r="AF45865" i="1"/>
  <c r="AF45866" i="1"/>
  <c r="AF45867" i="1"/>
  <c r="AF45868" i="1"/>
  <c r="AF45869" i="1"/>
  <c r="AF45870" i="1"/>
  <c r="AF45871" i="1"/>
  <c r="AF45872" i="1"/>
  <c r="AF45873" i="1"/>
  <c r="AF45874" i="1"/>
  <c r="AF45875" i="1"/>
  <c r="AF45876" i="1"/>
  <c r="AF45877" i="1"/>
  <c r="AF45878" i="1"/>
  <c r="AF45879" i="1"/>
  <c r="AF45880" i="1"/>
  <c r="AF45881" i="1"/>
  <c r="AF45882" i="1"/>
  <c r="AF45883" i="1"/>
  <c r="AF45884" i="1"/>
  <c r="AF45885" i="1"/>
  <c r="AF45886" i="1"/>
  <c r="AF45887" i="1"/>
  <c r="AF45888" i="1"/>
  <c r="AF45889" i="1"/>
  <c r="AF45890" i="1"/>
  <c r="AF45891" i="1"/>
  <c r="AF45892" i="1"/>
  <c r="AF45893" i="1"/>
  <c r="AF45894" i="1"/>
  <c r="AF45895" i="1"/>
  <c r="AF45896" i="1"/>
  <c r="AF45897" i="1"/>
  <c r="AF45898" i="1"/>
  <c r="AF45899" i="1"/>
  <c r="AF45900" i="1"/>
  <c r="AF45901" i="1"/>
  <c r="AF45902" i="1"/>
  <c r="AF45903" i="1"/>
  <c r="AF45904" i="1"/>
  <c r="AF45905" i="1"/>
  <c r="AF45906" i="1"/>
  <c r="AF45907" i="1"/>
  <c r="AF45908" i="1"/>
  <c r="AF45909" i="1"/>
  <c r="AF45910" i="1"/>
  <c r="AF45911" i="1"/>
  <c r="AF45912" i="1"/>
  <c r="AF45913" i="1"/>
  <c r="AF45914" i="1"/>
  <c r="AF45915" i="1"/>
  <c r="AF45916" i="1"/>
  <c r="AF45917" i="1"/>
  <c r="AF45918" i="1"/>
  <c r="AF45919" i="1"/>
  <c r="AF45920" i="1"/>
  <c r="AF45921" i="1"/>
  <c r="AF45922" i="1"/>
  <c r="AF45923" i="1"/>
  <c r="AF45924" i="1"/>
  <c r="AF45925" i="1"/>
  <c r="AF45926" i="1"/>
  <c r="AF45927" i="1"/>
  <c r="AF45928" i="1"/>
  <c r="AF45929" i="1"/>
  <c r="AF45930" i="1"/>
  <c r="AF45931" i="1"/>
  <c r="AF45932" i="1"/>
  <c r="AF45933" i="1"/>
  <c r="AF45934" i="1"/>
  <c r="AF45935" i="1"/>
  <c r="AF45936" i="1"/>
  <c r="AF45937" i="1"/>
  <c r="AF45938" i="1"/>
  <c r="AF45939" i="1"/>
  <c r="AF45940" i="1"/>
  <c r="AF45941" i="1"/>
  <c r="AF45942" i="1"/>
  <c r="AF45943" i="1"/>
  <c r="AF45944" i="1"/>
  <c r="AF45945" i="1"/>
  <c r="AF45946" i="1"/>
  <c r="AF45947" i="1"/>
  <c r="AF45948" i="1"/>
  <c r="AF45949" i="1"/>
  <c r="AF45950" i="1"/>
  <c r="AF45951" i="1"/>
  <c r="AF45952" i="1"/>
  <c r="AF45953" i="1"/>
  <c r="AF45954" i="1"/>
  <c r="AF45955" i="1"/>
  <c r="AF45956" i="1"/>
  <c r="AF45957" i="1"/>
  <c r="AF45958" i="1"/>
  <c r="AF45959" i="1"/>
  <c r="AF45960" i="1"/>
  <c r="AF45961" i="1"/>
  <c r="AF45962" i="1"/>
  <c r="AF45963" i="1"/>
  <c r="AF45964" i="1"/>
  <c r="AF45965" i="1"/>
  <c r="AF45966" i="1"/>
  <c r="AF45967" i="1"/>
  <c r="AF45968" i="1"/>
  <c r="AF45969" i="1"/>
  <c r="AF45970" i="1"/>
  <c r="AF45971" i="1"/>
  <c r="AF45972" i="1"/>
  <c r="AF45973" i="1"/>
  <c r="AF45974" i="1"/>
  <c r="AF45975" i="1"/>
  <c r="AF45976" i="1"/>
  <c r="AF45977" i="1"/>
  <c r="AF45978" i="1"/>
  <c r="AF45979" i="1"/>
  <c r="AF45980" i="1"/>
  <c r="AF45981" i="1"/>
  <c r="AF45982" i="1"/>
  <c r="AF45983" i="1"/>
  <c r="AF45984" i="1"/>
  <c r="AF45985" i="1"/>
  <c r="AF45986" i="1"/>
  <c r="AF45987" i="1"/>
  <c r="AF45988" i="1"/>
  <c r="AF45989" i="1"/>
  <c r="AF45990" i="1"/>
  <c r="AF45991" i="1"/>
  <c r="AF45992" i="1"/>
  <c r="AF45993" i="1"/>
  <c r="AF45994" i="1"/>
  <c r="AF45995" i="1"/>
  <c r="AF45996" i="1"/>
  <c r="AF45997" i="1"/>
  <c r="AF45998" i="1"/>
  <c r="AF45999" i="1"/>
  <c r="AF46000" i="1"/>
  <c r="AF46001" i="1"/>
  <c r="AF46002" i="1"/>
  <c r="AF46003" i="1"/>
  <c r="AF46004" i="1"/>
  <c r="AF46005" i="1"/>
  <c r="AF46006" i="1"/>
  <c r="AF46007" i="1"/>
  <c r="AF46008" i="1"/>
  <c r="AF46009" i="1"/>
  <c r="AF46010" i="1"/>
  <c r="AF46011" i="1"/>
  <c r="AF46012" i="1"/>
  <c r="AF46013" i="1"/>
  <c r="AF46014" i="1"/>
  <c r="AF46015" i="1"/>
  <c r="AF46016" i="1"/>
  <c r="AF46017" i="1"/>
  <c r="AF46018" i="1"/>
  <c r="AF46019" i="1"/>
  <c r="AF46020" i="1"/>
  <c r="AF46021" i="1"/>
  <c r="AF46022" i="1"/>
  <c r="AF46023" i="1"/>
  <c r="AF46024" i="1"/>
  <c r="AF46025" i="1"/>
  <c r="AF46026" i="1"/>
  <c r="AF46027" i="1"/>
  <c r="AF46028" i="1"/>
  <c r="AF46029" i="1"/>
  <c r="AF46030" i="1"/>
  <c r="AF46031" i="1"/>
  <c r="AF46032" i="1"/>
  <c r="AF46033" i="1"/>
  <c r="AF46034" i="1"/>
  <c r="AF46035" i="1"/>
  <c r="AF46036" i="1"/>
  <c r="AF46037" i="1"/>
  <c r="AF46038" i="1"/>
  <c r="AF46039" i="1"/>
  <c r="AF46040" i="1"/>
  <c r="AF46041" i="1"/>
  <c r="AF46042" i="1"/>
  <c r="AF46043" i="1"/>
  <c r="AF46044" i="1"/>
  <c r="AF46045" i="1"/>
  <c r="AF46046" i="1"/>
  <c r="AF46047" i="1"/>
  <c r="AF46048" i="1"/>
  <c r="AF46049" i="1"/>
  <c r="AF46050" i="1"/>
  <c r="AF46051" i="1"/>
  <c r="AF46052" i="1"/>
  <c r="AF46053" i="1"/>
  <c r="AF46054" i="1"/>
  <c r="AF46055" i="1"/>
  <c r="AF46056" i="1"/>
  <c r="AF46057" i="1"/>
  <c r="AF46058" i="1"/>
  <c r="AF46059" i="1"/>
  <c r="AF46060" i="1"/>
  <c r="AF46061" i="1"/>
  <c r="AF46062" i="1"/>
  <c r="AF46063" i="1"/>
  <c r="AF46064" i="1"/>
  <c r="AF46065" i="1"/>
  <c r="AF46066" i="1"/>
  <c r="AF46067" i="1"/>
  <c r="AF46068" i="1"/>
  <c r="AF46069" i="1"/>
  <c r="AF46070" i="1"/>
  <c r="AF46071" i="1"/>
  <c r="AF46072" i="1"/>
  <c r="AF46073" i="1"/>
  <c r="AF46074" i="1"/>
  <c r="AF46075" i="1"/>
  <c r="AF46076" i="1"/>
  <c r="AF46077" i="1"/>
  <c r="AF46078" i="1"/>
  <c r="AF46079" i="1"/>
  <c r="AF46080" i="1"/>
  <c r="AF46081" i="1"/>
  <c r="AF46082" i="1"/>
  <c r="AF46083" i="1"/>
  <c r="AF46084" i="1"/>
  <c r="AF46085" i="1"/>
  <c r="AF46086" i="1"/>
  <c r="AF46087" i="1"/>
  <c r="AF46088" i="1"/>
  <c r="AF46089" i="1"/>
  <c r="AF46090" i="1"/>
  <c r="AF46091" i="1"/>
  <c r="AF46092" i="1"/>
  <c r="AF46093" i="1"/>
  <c r="AF46094" i="1"/>
  <c r="AF46095" i="1"/>
  <c r="AF46096" i="1"/>
  <c r="AF46097" i="1"/>
  <c r="AF46098" i="1"/>
  <c r="AF46099" i="1"/>
  <c r="AF46100" i="1"/>
  <c r="AF46101" i="1"/>
  <c r="AF46102" i="1"/>
  <c r="AF46103" i="1"/>
  <c r="AF46104" i="1"/>
  <c r="AF46105" i="1"/>
  <c r="AF46106" i="1"/>
  <c r="AF46107" i="1"/>
  <c r="AF46108" i="1"/>
  <c r="AF46109" i="1"/>
  <c r="AF46110" i="1"/>
  <c r="AF46111" i="1"/>
  <c r="AF46112" i="1"/>
  <c r="AF46113" i="1"/>
  <c r="AF46114" i="1"/>
  <c r="AF46115" i="1"/>
  <c r="AF46116" i="1"/>
  <c r="AF46117" i="1"/>
  <c r="AF46118" i="1"/>
  <c r="AF46119" i="1"/>
  <c r="AF46120" i="1"/>
  <c r="AF46121" i="1"/>
  <c r="AF46122" i="1"/>
  <c r="AF46123" i="1"/>
  <c r="AF46124" i="1"/>
  <c r="AF46125" i="1"/>
  <c r="AF46126" i="1"/>
  <c r="AF46127" i="1"/>
  <c r="AF46128" i="1"/>
  <c r="AF46129" i="1"/>
  <c r="AF46130" i="1"/>
  <c r="AF46131" i="1"/>
  <c r="AF46132" i="1"/>
  <c r="AF46133" i="1"/>
  <c r="AF46134" i="1"/>
  <c r="AF46135" i="1"/>
  <c r="AF46136" i="1"/>
  <c r="AF46137" i="1"/>
  <c r="AF46138" i="1"/>
  <c r="AF46139" i="1"/>
  <c r="AF46140" i="1"/>
  <c r="AF46141" i="1"/>
  <c r="AF46142" i="1"/>
  <c r="AF46143" i="1"/>
  <c r="AF46144" i="1"/>
  <c r="AF46145" i="1"/>
  <c r="AF46146" i="1"/>
  <c r="AF46147" i="1"/>
  <c r="AF46148" i="1"/>
  <c r="AF46149" i="1"/>
  <c r="AF46150" i="1"/>
  <c r="AF46151" i="1"/>
  <c r="AF46152" i="1"/>
  <c r="AF46153" i="1"/>
  <c r="AF46154" i="1"/>
  <c r="AF46155" i="1"/>
  <c r="AF46156" i="1"/>
  <c r="AF46157" i="1"/>
  <c r="AF46158" i="1"/>
  <c r="AF46159" i="1"/>
  <c r="AF46160" i="1"/>
  <c r="AF46161" i="1"/>
  <c r="AF46162" i="1"/>
  <c r="AF46163" i="1"/>
  <c r="AF46164" i="1"/>
  <c r="AF46165" i="1"/>
  <c r="AF46166" i="1"/>
  <c r="AF46167" i="1"/>
  <c r="AF46168" i="1"/>
  <c r="AF46169" i="1"/>
  <c r="AF46170" i="1"/>
  <c r="AF46171" i="1"/>
  <c r="AF46172" i="1"/>
  <c r="AF46173" i="1"/>
  <c r="AF46174" i="1"/>
  <c r="AF46175" i="1"/>
  <c r="AF46176" i="1"/>
  <c r="AF46177" i="1"/>
  <c r="AF46178" i="1"/>
  <c r="AF46179" i="1"/>
  <c r="AF46180" i="1"/>
  <c r="AF46181" i="1"/>
  <c r="AF46182" i="1"/>
  <c r="AF46183" i="1"/>
  <c r="AF46184" i="1"/>
  <c r="AF46185" i="1"/>
  <c r="AF46186" i="1"/>
  <c r="AF46187" i="1"/>
  <c r="AF46188" i="1"/>
  <c r="AF46189" i="1"/>
  <c r="AF46190" i="1"/>
  <c r="AF46191" i="1"/>
  <c r="AF46192" i="1"/>
  <c r="AF46193" i="1"/>
  <c r="AF46194" i="1"/>
  <c r="AF46195" i="1"/>
  <c r="AF46196" i="1"/>
  <c r="AF46197" i="1"/>
  <c r="AF46198" i="1"/>
  <c r="AF46199" i="1"/>
  <c r="AF46200" i="1"/>
  <c r="AF46201" i="1"/>
  <c r="AF46202" i="1"/>
  <c r="AF46203" i="1"/>
  <c r="AF46204" i="1"/>
  <c r="AF46205" i="1"/>
  <c r="AF46206" i="1"/>
  <c r="AF46207" i="1"/>
  <c r="AF46208" i="1"/>
  <c r="AF46209" i="1"/>
  <c r="AF46210" i="1"/>
  <c r="AF46211" i="1"/>
  <c r="AF46212" i="1"/>
  <c r="AF46213" i="1"/>
  <c r="AF46214" i="1"/>
  <c r="AF46215" i="1"/>
  <c r="AF46216" i="1"/>
  <c r="AF46217" i="1"/>
  <c r="AF46218" i="1"/>
  <c r="AF46219" i="1"/>
  <c r="AF46220" i="1"/>
  <c r="AF46221" i="1"/>
  <c r="AF46222" i="1"/>
  <c r="AF46223" i="1"/>
  <c r="AF46224" i="1"/>
  <c r="AF46225" i="1"/>
  <c r="AF46226" i="1"/>
  <c r="AF46227" i="1"/>
  <c r="AF46228" i="1"/>
  <c r="AF46229" i="1"/>
  <c r="AF46230" i="1"/>
  <c r="AF46231" i="1"/>
  <c r="AF46232" i="1"/>
  <c r="AF46233" i="1"/>
  <c r="AF46234" i="1"/>
  <c r="AF46235" i="1"/>
  <c r="AF46236" i="1"/>
  <c r="AF46237" i="1"/>
  <c r="AF46238" i="1"/>
  <c r="AF46239" i="1"/>
  <c r="AF46240" i="1"/>
  <c r="AF46241" i="1"/>
  <c r="AF46242" i="1"/>
  <c r="AF46243" i="1"/>
  <c r="AF46244" i="1"/>
  <c r="AF46245" i="1"/>
  <c r="AF46246" i="1"/>
  <c r="AF46247" i="1"/>
  <c r="AF46248" i="1"/>
  <c r="AF46249" i="1"/>
  <c r="AF46250" i="1"/>
  <c r="AF46251" i="1"/>
  <c r="AF46252" i="1"/>
  <c r="AF46253" i="1"/>
  <c r="AF46254" i="1"/>
  <c r="AF46255" i="1"/>
  <c r="AF46256" i="1"/>
  <c r="AF46257" i="1"/>
  <c r="AF46258" i="1"/>
  <c r="AF46259" i="1"/>
  <c r="AF46260" i="1"/>
  <c r="AF46261" i="1"/>
  <c r="AF46262" i="1"/>
  <c r="AF46263" i="1"/>
  <c r="AF46264" i="1"/>
  <c r="AF46265" i="1"/>
  <c r="AF46266" i="1"/>
  <c r="AF46267" i="1"/>
  <c r="AF46268" i="1"/>
  <c r="AF46269" i="1"/>
  <c r="AF46270" i="1"/>
  <c r="AF46271" i="1"/>
  <c r="AF46272" i="1"/>
  <c r="AF46273" i="1"/>
  <c r="AF46274" i="1"/>
  <c r="AF46275" i="1"/>
  <c r="AF46276" i="1"/>
  <c r="AF46277" i="1"/>
  <c r="AF46278" i="1"/>
  <c r="AF46279" i="1"/>
  <c r="AF46280" i="1"/>
  <c r="AF46281" i="1"/>
  <c r="AF46282" i="1"/>
  <c r="AF46283" i="1"/>
  <c r="AF46284" i="1"/>
  <c r="AF46285" i="1"/>
  <c r="AF46286" i="1"/>
  <c r="AF46287" i="1"/>
  <c r="AF46288" i="1"/>
  <c r="AF46289" i="1"/>
  <c r="AF46290" i="1"/>
  <c r="AF46291" i="1"/>
  <c r="AF46292" i="1"/>
  <c r="AF46293" i="1"/>
  <c r="AF46294" i="1"/>
  <c r="AF46295" i="1"/>
  <c r="AF46296" i="1"/>
  <c r="AF46297" i="1"/>
  <c r="AF46298" i="1"/>
  <c r="AF46299" i="1"/>
  <c r="AF46300" i="1"/>
  <c r="AF46301" i="1"/>
  <c r="AF46302" i="1"/>
  <c r="AF46303" i="1"/>
  <c r="AF46304" i="1"/>
  <c r="AF46305" i="1"/>
  <c r="AF46306" i="1"/>
  <c r="AF46307" i="1"/>
  <c r="AF46308" i="1"/>
  <c r="AF46309" i="1"/>
  <c r="AF46310" i="1"/>
  <c r="AF46311" i="1"/>
  <c r="AF46312" i="1"/>
  <c r="AF46313" i="1"/>
  <c r="AF46314" i="1"/>
  <c r="AF46315" i="1"/>
  <c r="AF46316" i="1"/>
  <c r="AF46317" i="1"/>
  <c r="AF46318" i="1"/>
  <c r="AF46319" i="1"/>
  <c r="AF46320" i="1"/>
  <c r="AF46321" i="1"/>
  <c r="AF46322" i="1"/>
  <c r="AF46323" i="1"/>
  <c r="AF46324" i="1"/>
  <c r="AF46325" i="1"/>
  <c r="AF46326" i="1"/>
  <c r="AF46327" i="1"/>
  <c r="AF46328" i="1"/>
  <c r="AF46329" i="1"/>
  <c r="AF46330" i="1"/>
  <c r="AF46331" i="1"/>
  <c r="AF46332" i="1"/>
  <c r="AF46333" i="1"/>
  <c r="AF46334" i="1"/>
  <c r="AF46335" i="1"/>
  <c r="AF46336" i="1"/>
  <c r="AF46337" i="1"/>
  <c r="AF46338" i="1"/>
  <c r="AF46339" i="1"/>
  <c r="AF46340" i="1"/>
  <c r="AF46341" i="1"/>
  <c r="AF46342" i="1"/>
  <c r="AF46343" i="1"/>
  <c r="AF46344" i="1"/>
  <c r="AF46345" i="1"/>
  <c r="AF46346" i="1"/>
  <c r="AF46347" i="1"/>
  <c r="AF46348" i="1"/>
  <c r="AF46349" i="1"/>
  <c r="AF46350" i="1"/>
  <c r="AF46351" i="1"/>
  <c r="AF46352" i="1"/>
  <c r="AF46353" i="1"/>
  <c r="AF46354" i="1"/>
  <c r="AF46355" i="1"/>
  <c r="AF46356" i="1"/>
  <c r="AF46357" i="1"/>
  <c r="AF46358" i="1"/>
  <c r="AF46359" i="1"/>
  <c r="AF46360" i="1"/>
  <c r="AF46361" i="1"/>
  <c r="AF46362" i="1"/>
  <c r="AF46363" i="1"/>
  <c r="AF46364" i="1"/>
  <c r="AF46365" i="1"/>
  <c r="AF46366" i="1"/>
  <c r="AF46367" i="1"/>
  <c r="AF46368" i="1"/>
  <c r="AF46369" i="1"/>
  <c r="AF46370" i="1"/>
  <c r="AF46371" i="1"/>
  <c r="AF46372" i="1"/>
  <c r="AF46373" i="1"/>
  <c r="AF46374" i="1"/>
  <c r="AF46375" i="1"/>
  <c r="AF46376" i="1"/>
  <c r="AF46377" i="1"/>
  <c r="AF46378" i="1"/>
  <c r="AF46379" i="1"/>
  <c r="AF46380" i="1"/>
  <c r="AF46381" i="1"/>
  <c r="AF46382" i="1"/>
  <c r="AF46383" i="1"/>
  <c r="AF46384" i="1"/>
  <c r="AF46385" i="1"/>
  <c r="AF46386" i="1"/>
  <c r="AF46387" i="1"/>
  <c r="AF46388" i="1"/>
  <c r="AF46389" i="1"/>
  <c r="AF46390" i="1"/>
  <c r="AF46391" i="1"/>
  <c r="AF46392" i="1"/>
  <c r="AF46393" i="1"/>
  <c r="AF46394" i="1"/>
  <c r="AF46395" i="1"/>
  <c r="AF46396" i="1"/>
  <c r="AF46397" i="1"/>
  <c r="AF46398" i="1"/>
  <c r="AF46399" i="1"/>
  <c r="AF46400" i="1"/>
  <c r="AF46401" i="1"/>
  <c r="AF46402" i="1"/>
  <c r="AF46403" i="1"/>
  <c r="AF46404" i="1"/>
  <c r="AF46405" i="1"/>
  <c r="AF46406" i="1"/>
  <c r="AF46407" i="1"/>
  <c r="AF46408" i="1"/>
  <c r="AF46409" i="1"/>
  <c r="AF46410" i="1"/>
  <c r="AF46411" i="1"/>
  <c r="AF46412" i="1"/>
  <c r="AF46413" i="1"/>
  <c r="AF46414" i="1"/>
  <c r="AF46415" i="1"/>
  <c r="AF46416" i="1"/>
  <c r="AF46417" i="1"/>
  <c r="AF46418" i="1"/>
  <c r="AF46419" i="1"/>
  <c r="AF46420" i="1"/>
  <c r="AF46421" i="1"/>
  <c r="AF46422" i="1"/>
  <c r="AF46423" i="1"/>
  <c r="AF46424" i="1"/>
  <c r="AF46425" i="1"/>
  <c r="AF46426" i="1"/>
  <c r="AF46427" i="1"/>
  <c r="AF46428" i="1"/>
  <c r="AF46429" i="1"/>
  <c r="AF46430" i="1"/>
  <c r="AF46431" i="1"/>
  <c r="AF46432" i="1"/>
  <c r="AF46433" i="1"/>
  <c r="AF46434" i="1"/>
  <c r="AF46435" i="1"/>
  <c r="AF46436" i="1"/>
  <c r="AF46437" i="1"/>
  <c r="AF46438" i="1"/>
  <c r="AF46439" i="1"/>
  <c r="AF46440" i="1"/>
  <c r="AF46441" i="1"/>
  <c r="AF46442" i="1"/>
  <c r="AF46443" i="1"/>
  <c r="AF46444" i="1"/>
  <c r="AF46445" i="1"/>
  <c r="AF46446" i="1"/>
  <c r="AF46447" i="1"/>
  <c r="AF46448" i="1"/>
  <c r="AF46449" i="1"/>
  <c r="AF46450" i="1"/>
  <c r="AF46451" i="1"/>
  <c r="AF46452" i="1"/>
  <c r="AF46453" i="1"/>
  <c r="AF46454" i="1"/>
  <c r="AF46455" i="1"/>
  <c r="AF46456" i="1"/>
  <c r="AF46457" i="1"/>
  <c r="AF46458" i="1"/>
  <c r="AF46459" i="1"/>
  <c r="AF46460" i="1"/>
  <c r="AF46461" i="1"/>
  <c r="AF46462" i="1"/>
  <c r="AF46463" i="1"/>
  <c r="AF46464" i="1"/>
  <c r="AF46465" i="1"/>
  <c r="AF46466" i="1"/>
  <c r="AF46467" i="1"/>
  <c r="AF46468" i="1"/>
  <c r="AF46469" i="1"/>
  <c r="AF46470" i="1"/>
  <c r="AF46471" i="1"/>
  <c r="AF46472" i="1"/>
  <c r="AF46473" i="1"/>
  <c r="AF46474" i="1"/>
  <c r="AF46475" i="1"/>
  <c r="AF46476" i="1"/>
  <c r="AF46477" i="1"/>
  <c r="AF46478" i="1"/>
  <c r="AF46479" i="1"/>
  <c r="AF46480" i="1"/>
  <c r="AF46481" i="1"/>
  <c r="AF46482" i="1"/>
  <c r="AF46483" i="1"/>
  <c r="AF46484" i="1"/>
  <c r="AF46485" i="1"/>
  <c r="AF46486" i="1"/>
  <c r="AF46487" i="1"/>
  <c r="AF46488" i="1"/>
  <c r="AF46489" i="1"/>
  <c r="AF46490" i="1"/>
  <c r="AF46491" i="1"/>
  <c r="AF46492" i="1"/>
  <c r="AF46493" i="1"/>
  <c r="AF46494" i="1"/>
  <c r="AF46495" i="1"/>
  <c r="AF46496" i="1"/>
  <c r="AF46497" i="1"/>
  <c r="AF46498" i="1"/>
  <c r="AF46499" i="1"/>
  <c r="AF46500" i="1"/>
  <c r="AF46501" i="1"/>
  <c r="AF46502" i="1"/>
  <c r="AF46503" i="1"/>
  <c r="AF46504" i="1"/>
  <c r="AF46505" i="1"/>
  <c r="AF46506" i="1"/>
  <c r="AF46507" i="1"/>
  <c r="AF46508" i="1"/>
  <c r="AF46509" i="1"/>
  <c r="AF46510" i="1"/>
  <c r="AF46511" i="1"/>
  <c r="AF46512" i="1"/>
  <c r="AF46513" i="1"/>
  <c r="AF46514" i="1"/>
  <c r="AF46515" i="1"/>
  <c r="AF46516" i="1"/>
  <c r="AF46517" i="1"/>
  <c r="AF46518" i="1"/>
  <c r="AF46519" i="1"/>
  <c r="AF46520" i="1"/>
  <c r="AF46521" i="1"/>
  <c r="AF46522" i="1"/>
  <c r="AF46523" i="1"/>
  <c r="AF46524" i="1"/>
  <c r="AF46525" i="1"/>
  <c r="AF46526" i="1"/>
  <c r="AF46527" i="1"/>
  <c r="AF46528" i="1"/>
  <c r="AF46529" i="1"/>
  <c r="AF46530" i="1"/>
  <c r="AF46531" i="1"/>
  <c r="AF46532" i="1"/>
  <c r="AF46533" i="1"/>
  <c r="AF46534" i="1"/>
  <c r="AF46535" i="1"/>
  <c r="AF46536" i="1"/>
  <c r="AF46537" i="1"/>
  <c r="AF46538" i="1"/>
  <c r="AF46539" i="1"/>
  <c r="AF46540" i="1"/>
  <c r="AF46541" i="1"/>
  <c r="AF46542" i="1"/>
  <c r="AF46543" i="1"/>
  <c r="AF46544" i="1"/>
  <c r="AF46545" i="1"/>
  <c r="AF46546" i="1"/>
  <c r="AF46547" i="1"/>
  <c r="AF46548" i="1"/>
  <c r="AF46549" i="1"/>
  <c r="AF46550" i="1"/>
  <c r="AF46551" i="1"/>
  <c r="AF46552" i="1"/>
  <c r="AF46553" i="1"/>
  <c r="AF46554" i="1"/>
  <c r="AF46555" i="1"/>
  <c r="AF46556" i="1"/>
  <c r="AF46557" i="1"/>
  <c r="AF46558" i="1"/>
  <c r="AF46559" i="1"/>
  <c r="AF46560" i="1"/>
  <c r="AF46561" i="1"/>
  <c r="AF46562" i="1"/>
  <c r="AF46563" i="1"/>
  <c r="AF46564" i="1"/>
  <c r="AF46565" i="1"/>
  <c r="AF46566" i="1"/>
  <c r="AF46567" i="1"/>
  <c r="AF46568" i="1"/>
  <c r="AF46569" i="1"/>
  <c r="AF46570" i="1"/>
  <c r="AF46571" i="1"/>
  <c r="AF46572" i="1"/>
  <c r="AF46573" i="1"/>
  <c r="AF46574" i="1"/>
  <c r="AF46575" i="1"/>
  <c r="AF46576" i="1"/>
  <c r="AF46577" i="1"/>
  <c r="AF46578" i="1"/>
  <c r="AF46579" i="1"/>
  <c r="AF46580" i="1"/>
  <c r="AF46581" i="1"/>
  <c r="AF46582" i="1"/>
  <c r="AF46583" i="1"/>
  <c r="AF46584" i="1"/>
  <c r="AF46585" i="1"/>
  <c r="AF46586" i="1"/>
  <c r="AF46587" i="1"/>
  <c r="AF46588" i="1"/>
  <c r="AF46589" i="1"/>
  <c r="AF46590" i="1"/>
  <c r="AF46591" i="1"/>
  <c r="AF46592" i="1"/>
  <c r="AF46593" i="1"/>
  <c r="AF46594" i="1"/>
  <c r="AF46595" i="1"/>
  <c r="AF46596" i="1"/>
  <c r="AF46597" i="1"/>
  <c r="AF46598" i="1"/>
  <c r="AF46599" i="1"/>
  <c r="AF46600" i="1"/>
  <c r="AF46601" i="1"/>
  <c r="AF46602" i="1"/>
  <c r="AF46603" i="1"/>
  <c r="AF46604" i="1"/>
  <c r="AF46605" i="1"/>
  <c r="AF46606" i="1"/>
  <c r="AF46607" i="1"/>
  <c r="AF46608" i="1"/>
  <c r="AF46609" i="1"/>
  <c r="AF46610" i="1"/>
  <c r="AF46611" i="1"/>
  <c r="AF46612" i="1"/>
  <c r="AF46613" i="1"/>
  <c r="AF46614" i="1"/>
  <c r="AF46615" i="1"/>
  <c r="AF46616" i="1"/>
  <c r="AF46617" i="1"/>
  <c r="AF46618" i="1"/>
  <c r="AF46619" i="1"/>
  <c r="AF46620" i="1"/>
  <c r="AF46621" i="1"/>
  <c r="AF46622" i="1"/>
  <c r="AF46623" i="1"/>
  <c r="AF46624" i="1"/>
  <c r="AF46625" i="1"/>
  <c r="AF46626" i="1"/>
  <c r="AF46627" i="1"/>
  <c r="AF46628" i="1"/>
  <c r="AF46629" i="1"/>
  <c r="AF46630" i="1"/>
  <c r="AF46631" i="1"/>
  <c r="AF46632" i="1"/>
  <c r="AF46633" i="1"/>
  <c r="AF46634" i="1"/>
  <c r="AF46635" i="1"/>
  <c r="AF46636" i="1"/>
  <c r="AF46637" i="1"/>
  <c r="AF46638" i="1"/>
  <c r="AF46639" i="1"/>
  <c r="AF46640" i="1"/>
  <c r="AF46641" i="1"/>
  <c r="AF46642" i="1"/>
  <c r="AF46643" i="1"/>
  <c r="AF46644" i="1"/>
  <c r="AF46645" i="1"/>
  <c r="AF46646" i="1"/>
  <c r="AF46647" i="1"/>
  <c r="AF46648" i="1"/>
  <c r="AF46649" i="1"/>
  <c r="AF46650" i="1"/>
  <c r="AF46651" i="1"/>
  <c r="AF46652" i="1"/>
  <c r="AF46653" i="1"/>
  <c r="AF46654" i="1"/>
  <c r="AF46655" i="1"/>
  <c r="AF46656" i="1"/>
  <c r="AF46657" i="1"/>
  <c r="AF46658" i="1"/>
  <c r="AF46659" i="1"/>
  <c r="AF46660" i="1"/>
  <c r="AF46661" i="1"/>
  <c r="AF46662" i="1"/>
  <c r="AF46663" i="1"/>
  <c r="AF46664" i="1"/>
  <c r="AF46665" i="1"/>
  <c r="AF46666" i="1"/>
  <c r="AF46667" i="1"/>
  <c r="AF46668" i="1"/>
  <c r="AF46669" i="1"/>
  <c r="AF46670" i="1"/>
  <c r="AF46671" i="1"/>
  <c r="AF46672" i="1"/>
  <c r="AF46673" i="1"/>
  <c r="AF46674" i="1"/>
  <c r="AF46675" i="1"/>
  <c r="AF46676" i="1"/>
  <c r="AF46677" i="1"/>
  <c r="AF46678" i="1"/>
  <c r="AF46679" i="1"/>
  <c r="AF46680" i="1"/>
  <c r="AF46681" i="1"/>
  <c r="AF46682" i="1"/>
  <c r="AF46683" i="1"/>
  <c r="AF46684" i="1"/>
  <c r="AF46685" i="1"/>
  <c r="AF46686" i="1"/>
  <c r="AF46687" i="1"/>
  <c r="AF46688" i="1"/>
  <c r="AF46689" i="1"/>
  <c r="AF46690" i="1"/>
  <c r="AF46691" i="1"/>
  <c r="AF46692" i="1"/>
  <c r="AF46693" i="1"/>
  <c r="AF46694" i="1"/>
  <c r="AF46695" i="1"/>
  <c r="AF46696" i="1"/>
  <c r="AF46697" i="1"/>
  <c r="AF46698" i="1"/>
  <c r="AF46699" i="1"/>
  <c r="AF46700" i="1"/>
  <c r="AF46701" i="1"/>
  <c r="AF46702" i="1"/>
  <c r="AF46703" i="1"/>
  <c r="AF46704" i="1"/>
  <c r="AF46705" i="1"/>
  <c r="AF46706" i="1"/>
  <c r="AF46707" i="1"/>
  <c r="AF46708" i="1"/>
  <c r="AF46709" i="1"/>
  <c r="AF46710" i="1"/>
  <c r="AF46711" i="1"/>
  <c r="AF46712" i="1"/>
  <c r="AF46713" i="1"/>
  <c r="AF46714" i="1"/>
  <c r="AF46715" i="1"/>
  <c r="AF46716" i="1"/>
  <c r="AF46717" i="1"/>
  <c r="AF46718" i="1"/>
  <c r="AF46719" i="1"/>
  <c r="AF46720" i="1"/>
  <c r="AF46721" i="1"/>
  <c r="AF46722" i="1"/>
  <c r="AF46723" i="1"/>
  <c r="AF46724" i="1"/>
  <c r="AF46725" i="1"/>
  <c r="AF46726" i="1"/>
  <c r="AF46727" i="1"/>
  <c r="AF46728" i="1"/>
  <c r="AF46729" i="1"/>
  <c r="AF46730" i="1"/>
  <c r="AF46731" i="1"/>
  <c r="AF46732" i="1"/>
  <c r="AF46733" i="1"/>
  <c r="AF46734" i="1"/>
  <c r="AF46735" i="1"/>
  <c r="AF46736" i="1"/>
  <c r="AF46737" i="1"/>
  <c r="AF46738" i="1"/>
  <c r="AF46739" i="1"/>
  <c r="AF46740" i="1"/>
  <c r="AF46741" i="1"/>
  <c r="AF46742" i="1"/>
  <c r="AF46743" i="1"/>
  <c r="AF46744" i="1"/>
  <c r="AF46745" i="1"/>
  <c r="AF46746" i="1"/>
  <c r="AF46747" i="1"/>
  <c r="AF46748" i="1"/>
  <c r="AF46749" i="1"/>
  <c r="AF46750" i="1"/>
  <c r="AF46751" i="1"/>
  <c r="AF46752" i="1"/>
  <c r="AF46753" i="1"/>
  <c r="AF46754" i="1"/>
  <c r="AF46755" i="1"/>
  <c r="AF46756" i="1"/>
  <c r="AF46757" i="1"/>
  <c r="AF46758" i="1"/>
  <c r="AF46759" i="1"/>
  <c r="AF46760" i="1"/>
  <c r="AF46761" i="1"/>
  <c r="AF46762" i="1"/>
  <c r="AF46763" i="1"/>
  <c r="AF46764" i="1"/>
  <c r="AF46765" i="1"/>
  <c r="AF46766" i="1"/>
  <c r="AF46767" i="1"/>
  <c r="AF46768" i="1"/>
  <c r="AF46769" i="1"/>
  <c r="AF46770" i="1"/>
  <c r="AF46771" i="1"/>
  <c r="AF46772" i="1"/>
  <c r="AF46773" i="1"/>
  <c r="AF46774" i="1"/>
  <c r="AF46775" i="1"/>
  <c r="AF46776" i="1"/>
  <c r="AF46777" i="1"/>
  <c r="AF46778" i="1"/>
  <c r="AF46779" i="1"/>
  <c r="AF46780" i="1"/>
  <c r="AF46781" i="1"/>
  <c r="AF46782" i="1"/>
  <c r="AF46783" i="1"/>
  <c r="AF46784" i="1"/>
  <c r="AF46785" i="1"/>
  <c r="AF46786" i="1"/>
  <c r="AF46787" i="1"/>
  <c r="AF46788" i="1"/>
  <c r="AF46789" i="1"/>
  <c r="AF46790" i="1"/>
  <c r="AF46791" i="1"/>
  <c r="AF46792" i="1"/>
  <c r="AF46793" i="1"/>
  <c r="AF46794" i="1"/>
  <c r="AF46795" i="1"/>
  <c r="AF46796" i="1"/>
  <c r="AF46797" i="1"/>
  <c r="AF46798" i="1"/>
  <c r="AF46799" i="1"/>
  <c r="AF46800" i="1"/>
  <c r="AF46801" i="1"/>
  <c r="AF46802" i="1"/>
  <c r="AF46803" i="1"/>
  <c r="AF46804" i="1"/>
  <c r="AF46805" i="1"/>
  <c r="AF46806" i="1"/>
  <c r="AF46807" i="1"/>
  <c r="AF46808" i="1"/>
  <c r="AF46809" i="1"/>
  <c r="AF46810" i="1"/>
  <c r="AF46811" i="1"/>
  <c r="AF46812" i="1"/>
  <c r="AF46813" i="1"/>
  <c r="AF46814" i="1"/>
  <c r="AF46815" i="1"/>
  <c r="AF46816" i="1"/>
  <c r="AF46817" i="1"/>
  <c r="AF46818" i="1"/>
  <c r="AF46819" i="1"/>
  <c r="AF46820" i="1"/>
  <c r="AF46821" i="1"/>
  <c r="AF46822" i="1"/>
  <c r="AF46823" i="1"/>
  <c r="AF46824" i="1"/>
  <c r="AF46825" i="1"/>
  <c r="AF46826" i="1"/>
  <c r="AF46827" i="1"/>
  <c r="AF46828" i="1"/>
  <c r="AF46829" i="1"/>
  <c r="AF46830" i="1"/>
  <c r="AF46831" i="1"/>
  <c r="AF46832" i="1"/>
  <c r="AF46833" i="1"/>
  <c r="AF46834" i="1"/>
  <c r="AF46835" i="1"/>
  <c r="AF46836" i="1"/>
  <c r="AF46837" i="1"/>
  <c r="AF46838" i="1"/>
  <c r="AF46839" i="1"/>
  <c r="AF46840" i="1"/>
  <c r="AF46841" i="1"/>
  <c r="AF46842" i="1"/>
  <c r="AF46843" i="1"/>
  <c r="AF46844" i="1"/>
  <c r="AF46845" i="1"/>
  <c r="AF46846" i="1"/>
  <c r="AF46847" i="1"/>
  <c r="AF46848" i="1"/>
  <c r="AF46849" i="1"/>
  <c r="AF46850" i="1"/>
  <c r="AF46851" i="1"/>
  <c r="AF46852" i="1"/>
  <c r="AF46853" i="1"/>
  <c r="AF46854" i="1"/>
  <c r="AF46855" i="1"/>
  <c r="AF46856" i="1"/>
  <c r="AF46857" i="1"/>
  <c r="AF46858" i="1"/>
  <c r="AF46859" i="1"/>
  <c r="AF46860" i="1"/>
  <c r="AF46861" i="1"/>
  <c r="AF46862" i="1"/>
  <c r="AF46863" i="1"/>
  <c r="AF46864" i="1"/>
  <c r="AF46865" i="1"/>
  <c r="AF46866" i="1"/>
  <c r="AF46867" i="1"/>
  <c r="AF46868" i="1"/>
  <c r="AF46869" i="1"/>
  <c r="AF46870" i="1"/>
  <c r="AF46871" i="1"/>
  <c r="AF46872" i="1"/>
  <c r="AF46873" i="1"/>
  <c r="AF46874" i="1"/>
  <c r="AF46875" i="1"/>
  <c r="AF46876" i="1"/>
  <c r="AF46877" i="1"/>
  <c r="AF46878" i="1"/>
  <c r="AF46879" i="1"/>
  <c r="AF46880" i="1"/>
  <c r="AF46881" i="1"/>
  <c r="AF46882" i="1"/>
  <c r="AF46883" i="1"/>
  <c r="AF46884" i="1"/>
  <c r="AF46885" i="1"/>
  <c r="AF46886" i="1"/>
  <c r="AF46887" i="1"/>
  <c r="AF46888" i="1"/>
  <c r="AF46889" i="1"/>
  <c r="AF46890" i="1"/>
  <c r="AF46891" i="1"/>
  <c r="AF46892" i="1"/>
  <c r="AF46893" i="1"/>
  <c r="AF46894" i="1"/>
  <c r="AF46895" i="1"/>
  <c r="AF46896" i="1"/>
  <c r="AF46897" i="1"/>
  <c r="AF46898" i="1"/>
  <c r="AF46899" i="1"/>
  <c r="AF46900" i="1"/>
  <c r="AF46901" i="1"/>
  <c r="AF46902" i="1"/>
  <c r="AF46903" i="1"/>
  <c r="AF46904" i="1"/>
  <c r="AF46905" i="1"/>
  <c r="AF46906" i="1"/>
  <c r="AF46907" i="1"/>
  <c r="AF46908" i="1"/>
  <c r="AF46909" i="1"/>
  <c r="AF46910" i="1"/>
  <c r="AF46911" i="1"/>
  <c r="AF46912" i="1"/>
  <c r="AF46913" i="1"/>
  <c r="AF46914" i="1"/>
  <c r="AF46915" i="1"/>
  <c r="AF46916" i="1"/>
  <c r="AF46917" i="1"/>
  <c r="AF46918" i="1"/>
  <c r="AF46919" i="1"/>
  <c r="AF46920" i="1"/>
  <c r="AF46921" i="1"/>
  <c r="AF46922" i="1"/>
  <c r="AF46923" i="1"/>
  <c r="AF46924" i="1"/>
  <c r="AF46925" i="1"/>
  <c r="AF46926" i="1"/>
  <c r="AF46927" i="1"/>
  <c r="AF46928" i="1"/>
  <c r="AF46929" i="1"/>
  <c r="AF46930" i="1"/>
  <c r="AF46931" i="1"/>
  <c r="AF46932" i="1"/>
  <c r="AF46933" i="1"/>
  <c r="AF46934" i="1"/>
  <c r="AF46935" i="1"/>
  <c r="AF46936" i="1"/>
  <c r="AF46937" i="1"/>
  <c r="AF46938" i="1"/>
  <c r="AF46939" i="1"/>
  <c r="AF46940" i="1"/>
  <c r="AF46941" i="1"/>
  <c r="AF46942" i="1"/>
  <c r="AF46943" i="1"/>
  <c r="AF46944" i="1"/>
  <c r="AF46945" i="1"/>
  <c r="AF46946" i="1"/>
  <c r="AF46947" i="1"/>
  <c r="AF46948" i="1"/>
  <c r="AF46949" i="1"/>
  <c r="AF46950" i="1"/>
  <c r="AF46951" i="1"/>
  <c r="AF46952" i="1"/>
  <c r="AF46953" i="1"/>
  <c r="AF46954" i="1"/>
  <c r="AF46955" i="1"/>
  <c r="AF46956" i="1"/>
  <c r="AF46957" i="1"/>
  <c r="AF46958" i="1"/>
  <c r="AF46959" i="1"/>
  <c r="AF46960" i="1"/>
  <c r="AF46961" i="1"/>
  <c r="AF46962" i="1"/>
  <c r="AF46963" i="1"/>
  <c r="AF46964" i="1"/>
  <c r="AF46965" i="1"/>
  <c r="AF46966" i="1"/>
  <c r="AF46967" i="1"/>
  <c r="AF46968" i="1"/>
  <c r="AF46969" i="1"/>
  <c r="AF46970" i="1"/>
  <c r="AF46971" i="1"/>
  <c r="AF46972" i="1"/>
  <c r="AF46973" i="1"/>
  <c r="AF46974" i="1"/>
  <c r="AF46975" i="1"/>
  <c r="AF46976" i="1"/>
  <c r="AF46977" i="1"/>
  <c r="AF46978" i="1"/>
  <c r="AF46979" i="1"/>
  <c r="AF46980" i="1"/>
  <c r="AF46981" i="1"/>
  <c r="AF46982" i="1"/>
  <c r="AF46983" i="1"/>
  <c r="AF46984" i="1"/>
  <c r="AF46985" i="1"/>
  <c r="AF46986" i="1"/>
  <c r="AF46987" i="1"/>
  <c r="AF46988" i="1"/>
  <c r="AF46989" i="1"/>
  <c r="AF46990" i="1"/>
  <c r="AF46991" i="1"/>
  <c r="AF46992" i="1"/>
  <c r="AF46993" i="1"/>
  <c r="AF46994" i="1"/>
  <c r="AF46995" i="1"/>
  <c r="AF46996" i="1"/>
  <c r="AF46997" i="1"/>
  <c r="AF46998" i="1"/>
  <c r="AF46999" i="1"/>
  <c r="AF47000" i="1"/>
  <c r="AF47001" i="1"/>
  <c r="AF47002" i="1"/>
  <c r="AF47003" i="1"/>
  <c r="AF47004" i="1"/>
  <c r="AF47005" i="1"/>
  <c r="AF47006" i="1"/>
  <c r="AF47007" i="1"/>
  <c r="AF47008" i="1"/>
  <c r="AF47009" i="1"/>
  <c r="AF47010" i="1"/>
  <c r="AF47011" i="1"/>
  <c r="AF47012" i="1"/>
  <c r="AF47013" i="1"/>
  <c r="AF47014" i="1"/>
  <c r="AF47015" i="1"/>
  <c r="AF47016" i="1"/>
  <c r="AF47017" i="1"/>
  <c r="AF47018" i="1"/>
  <c r="AF47019" i="1"/>
  <c r="AF47020" i="1"/>
  <c r="AF47021" i="1"/>
  <c r="AF47022" i="1"/>
  <c r="AF47023" i="1"/>
  <c r="AF47024" i="1"/>
  <c r="AF47025" i="1"/>
  <c r="AF47026" i="1"/>
  <c r="AF47027" i="1"/>
  <c r="AF47028" i="1"/>
  <c r="AF47029" i="1"/>
  <c r="AF47030" i="1"/>
  <c r="AF47031" i="1"/>
  <c r="AF47032" i="1"/>
  <c r="AF47033" i="1"/>
  <c r="AF47034" i="1"/>
  <c r="AF47035" i="1"/>
  <c r="AF47036" i="1"/>
  <c r="AF47037" i="1"/>
  <c r="AF47038" i="1"/>
  <c r="AF47039" i="1"/>
  <c r="AF47040" i="1"/>
  <c r="AF47041" i="1"/>
  <c r="AF47042" i="1"/>
  <c r="AF47043" i="1"/>
  <c r="AF47044" i="1"/>
  <c r="AF47045" i="1"/>
  <c r="AF47046" i="1"/>
  <c r="AF47047" i="1"/>
  <c r="AF47048" i="1"/>
  <c r="AF47049" i="1"/>
  <c r="AF47050" i="1"/>
  <c r="AF47051" i="1"/>
  <c r="AF47052" i="1"/>
  <c r="AF47053" i="1"/>
  <c r="AF47054" i="1"/>
  <c r="AF47055" i="1"/>
  <c r="AF47056" i="1"/>
  <c r="AF47057" i="1"/>
  <c r="AF47058" i="1"/>
  <c r="AF47059" i="1"/>
  <c r="AF47060" i="1"/>
  <c r="AF47061" i="1"/>
  <c r="AF47062" i="1"/>
  <c r="AF47063" i="1"/>
  <c r="AF47064" i="1"/>
  <c r="AF47065" i="1"/>
  <c r="AF47066" i="1"/>
  <c r="AF47067" i="1"/>
  <c r="AF47068" i="1"/>
  <c r="AF47069" i="1"/>
  <c r="AF47070" i="1"/>
  <c r="AF47071" i="1"/>
  <c r="AF47072" i="1"/>
  <c r="AF47073" i="1"/>
  <c r="AF47074" i="1"/>
  <c r="AF47075" i="1"/>
  <c r="AF47076" i="1"/>
  <c r="AF47077" i="1"/>
  <c r="AF47078" i="1"/>
  <c r="AF47079" i="1"/>
  <c r="AF47080" i="1"/>
  <c r="AF47081" i="1"/>
  <c r="AF47082" i="1"/>
  <c r="AF47083" i="1"/>
  <c r="AF47084" i="1"/>
  <c r="AF47085" i="1"/>
  <c r="AF47086" i="1"/>
  <c r="AF47087" i="1"/>
  <c r="AF47088" i="1"/>
  <c r="AF47089" i="1"/>
  <c r="AF47090" i="1"/>
  <c r="AF47091" i="1"/>
  <c r="AF47092" i="1"/>
  <c r="AF47093" i="1"/>
  <c r="AF47094" i="1"/>
  <c r="AF47095" i="1"/>
  <c r="AF47096" i="1"/>
  <c r="AF47097" i="1"/>
  <c r="AF47098" i="1"/>
  <c r="AF47099" i="1"/>
  <c r="AF47100" i="1"/>
  <c r="AF47101" i="1"/>
  <c r="AF47102" i="1"/>
  <c r="AF47103" i="1"/>
  <c r="AF47104" i="1"/>
  <c r="AF47105" i="1"/>
  <c r="AF47106" i="1"/>
  <c r="AF47107" i="1"/>
  <c r="AF47108" i="1"/>
  <c r="AF47109" i="1"/>
  <c r="AF47110" i="1"/>
  <c r="AF47111" i="1"/>
  <c r="AF47112" i="1"/>
  <c r="AF47113" i="1"/>
  <c r="AF47114" i="1"/>
  <c r="AF47115" i="1"/>
  <c r="AF47116" i="1"/>
  <c r="AF47117" i="1"/>
  <c r="AF47118" i="1"/>
  <c r="AF47119" i="1"/>
  <c r="AF47120" i="1"/>
  <c r="AF47121" i="1"/>
  <c r="AF47122" i="1"/>
  <c r="AF47123" i="1"/>
  <c r="AF47124" i="1"/>
  <c r="AF47125" i="1"/>
  <c r="AF47126" i="1"/>
  <c r="AF47127" i="1"/>
  <c r="AF47128" i="1"/>
  <c r="AF47129" i="1"/>
  <c r="AF47130" i="1"/>
  <c r="AF47131" i="1"/>
  <c r="AF47132" i="1"/>
  <c r="AF47133" i="1"/>
  <c r="AF47134" i="1"/>
  <c r="AF47135" i="1"/>
  <c r="AF47136" i="1"/>
  <c r="AF47137" i="1"/>
  <c r="AF47138" i="1"/>
  <c r="AF47139" i="1"/>
  <c r="AF47140" i="1"/>
  <c r="AF47141" i="1"/>
  <c r="AF47142" i="1"/>
  <c r="AF47143" i="1"/>
  <c r="AF47144" i="1"/>
  <c r="AF47145" i="1"/>
  <c r="AF47146" i="1"/>
  <c r="AF47147" i="1"/>
  <c r="AF47148" i="1"/>
  <c r="AF47149" i="1"/>
  <c r="AF47150" i="1"/>
  <c r="AF47151" i="1"/>
  <c r="AF47152" i="1"/>
  <c r="AF47153" i="1"/>
  <c r="AF47154" i="1"/>
  <c r="AF47155" i="1"/>
  <c r="AF47156" i="1"/>
  <c r="AF47157" i="1"/>
  <c r="AF47158" i="1"/>
  <c r="AF47159" i="1"/>
  <c r="AF47160" i="1"/>
  <c r="AF47161" i="1"/>
  <c r="AF47162" i="1"/>
  <c r="AF47163" i="1"/>
  <c r="AF47164" i="1"/>
  <c r="AF47165" i="1"/>
  <c r="AF47166" i="1"/>
  <c r="AF47167" i="1"/>
  <c r="AF47168" i="1"/>
  <c r="AF47169" i="1"/>
  <c r="AF47170" i="1"/>
  <c r="AF47171" i="1"/>
  <c r="AF47172" i="1"/>
  <c r="AF47173" i="1"/>
  <c r="AF47174" i="1"/>
  <c r="AF47175" i="1"/>
  <c r="AF47176" i="1"/>
  <c r="AF47177" i="1"/>
  <c r="AF47178" i="1"/>
  <c r="AF47179" i="1"/>
  <c r="AF47180" i="1"/>
  <c r="AF47181" i="1"/>
  <c r="AF47182" i="1"/>
  <c r="AF47183" i="1"/>
  <c r="AF47184" i="1"/>
  <c r="AF47185" i="1"/>
  <c r="AF47186" i="1"/>
  <c r="AF47187" i="1"/>
  <c r="AF47188" i="1"/>
  <c r="AF47189" i="1"/>
  <c r="AF47190" i="1"/>
  <c r="AF47191" i="1"/>
  <c r="AF47192" i="1"/>
  <c r="AF47193" i="1"/>
  <c r="AF47194" i="1"/>
  <c r="AF47195" i="1"/>
  <c r="AF47196" i="1"/>
  <c r="AF47197" i="1"/>
  <c r="AF47198" i="1"/>
  <c r="AF47199" i="1"/>
  <c r="AF47200" i="1"/>
  <c r="AF47201" i="1"/>
  <c r="AF47202" i="1"/>
  <c r="AF47203" i="1"/>
  <c r="AF47204" i="1"/>
  <c r="AF47205" i="1"/>
  <c r="AF47206" i="1"/>
  <c r="AF47207" i="1"/>
  <c r="AF47208" i="1"/>
  <c r="AF47209" i="1"/>
  <c r="AF47210" i="1"/>
  <c r="AF47211" i="1"/>
  <c r="AF47212" i="1"/>
  <c r="AF47213" i="1"/>
  <c r="AF47214" i="1"/>
  <c r="AF47215" i="1"/>
  <c r="AF47216" i="1"/>
  <c r="AF47217" i="1"/>
  <c r="AF47218" i="1"/>
  <c r="AF47219" i="1"/>
  <c r="AF47220" i="1"/>
  <c r="AF47221" i="1"/>
  <c r="AF47222" i="1"/>
  <c r="AF47223" i="1"/>
  <c r="AF47224" i="1"/>
  <c r="AF47225" i="1"/>
  <c r="AF47226" i="1"/>
  <c r="AF47227" i="1"/>
  <c r="AF47228" i="1"/>
  <c r="AF47229" i="1"/>
  <c r="AF47230" i="1"/>
  <c r="AF47231" i="1"/>
  <c r="AF47232" i="1"/>
  <c r="AF47233" i="1"/>
  <c r="AF47234" i="1"/>
  <c r="AF47235" i="1"/>
  <c r="AF47236" i="1"/>
  <c r="AF47237" i="1"/>
  <c r="AF47238" i="1"/>
  <c r="AF47239" i="1"/>
  <c r="AF47240" i="1"/>
  <c r="AF47241" i="1"/>
  <c r="AF47242" i="1"/>
  <c r="AF47243" i="1"/>
  <c r="AF47244" i="1"/>
  <c r="AF47245" i="1"/>
  <c r="AF47246" i="1"/>
  <c r="AF47247" i="1"/>
  <c r="AF47248" i="1"/>
  <c r="AF47249" i="1"/>
  <c r="AF47250" i="1"/>
  <c r="AF47251" i="1"/>
  <c r="AF47252" i="1"/>
  <c r="AF47253" i="1"/>
  <c r="AF47254" i="1"/>
  <c r="AF47255" i="1"/>
  <c r="AF47256" i="1"/>
  <c r="AF47257" i="1"/>
  <c r="AF47258" i="1"/>
  <c r="AF47259" i="1"/>
  <c r="AF47260" i="1"/>
  <c r="AF47261" i="1"/>
  <c r="AF47262" i="1"/>
  <c r="AF47263" i="1"/>
  <c r="AF47264" i="1"/>
  <c r="AF47265" i="1"/>
  <c r="AF47266" i="1"/>
  <c r="AF47267" i="1"/>
  <c r="AF47268" i="1"/>
  <c r="AF47269" i="1"/>
  <c r="AF47270" i="1"/>
  <c r="AF47271" i="1"/>
  <c r="AF47272" i="1"/>
  <c r="AF47273" i="1"/>
  <c r="AF47274" i="1"/>
  <c r="AF47275" i="1"/>
  <c r="AF47276" i="1"/>
  <c r="AF47277" i="1"/>
  <c r="AF47278" i="1"/>
  <c r="AF47279" i="1"/>
  <c r="AF47280" i="1"/>
  <c r="AF47281" i="1"/>
  <c r="AF47282" i="1"/>
  <c r="AF47283" i="1"/>
  <c r="AF47284" i="1"/>
  <c r="AF47285" i="1"/>
  <c r="AF47286" i="1"/>
  <c r="AF47287" i="1"/>
  <c r="AF47288" i="1"/>
  <c r="AF47289" i="1"/>
  <c r="AF47290" i="1"/>
  <c r="AF47291" i="1"/>
  <c r="AF47292" i="1"/>
  <c r="AF47293" i="1"/>
  <c r="AF47294" i="1"/>
  <c r="AF47295" i="1"/>
  <c r="AF47296" i="1"/>
  <c r="AF47297" i="1"/>
  <c r="AF47298" i="1"/>
  <c r="AF47299" i="1"/>
  <c r="AF47300" i="1"/>
  <c r="AF47301" i="1"/>
  <c r="AF47302" i="1"/>
  <c r="AF47303" i="1"/>
  <c r="AF47304" i="1"/>
  <c r="AF47305" i="1"/>
  <c r="AF47306" i="1"/>
  <c r="AF47307" i="1"/>
  <c r="AF47308" i="1"/>
  <c r="AF47309" i="1"/>
  <c r="AF47310" i="1"/>
  <c r="AF47311" i="1"/>
  <c r="AF47312" i="1"/>
  <c r="AF47313" i="1"/>
  <c r="AF47314" i="1"/>
  <c r="AF47315" i="1"/>
  <c r="AF47316" i="1"/>
  <c r="AF47317" i="1"/>
  <c r="AF47318" i="1"/>
  <c r="AF47319" i="1"/>
  <c r="AF47320" i="1"/>
  <c r="AF47321" i="1"/>
  <c r="AF47322" i="1"/>
  <c r="AF47323" i="1"/>
  <c r="AF47324" i="1"/>
  <c r="AF47325" i="1"/>
  <c r="AF47326" i="1"/>
  <c r="AF47327" i="1"/>
  <c r="AF47328" i="1"/>
  <c r="AF47329" i="1"/>
  <c r="AF47330" i="1"/>
  <c r="AF47331" i="1"/>
  <c r="AF47332" i="1"/>
  <c r="AF47333" i="1"/>
  <c r="AF47334" i="1"/>
  <c r="AF47335" i="1"/>
  <c r="AF47336" i="1"/>
  <c r="AF47337" i="1"/>
  <c r="AF47338" i="1"/>
  <c r="AF47339" i="1"/>
  <c r="AF47340" i="1"/>
  <c r="AF47341" i="1"/>
  <c r="AF47342" i="1"/>
  <c r="AF47343" i="1"/>
  <c r="AF47344" i="1"/>
  <c r="AF47345" i="1"/>
  <c r="AF47346" i="1"/>
  <c r="AF47347" i="1"/>
  <c r="AF47348" i="1"/>
  <c r="AF47349" i="1"/>
  <c r="AF47350" i="1"/>
  <c r="AF47351" i="1"/>
  <c r="AF47352" i="1"/>
  <c r="AF47353" i="1"/>
  <c r="AF47354" i="1"/>
  <c r="AF47355" i="1"/>
  <c r="AF47356" i="1"/>
  <c r="AF47357" i="1"/>
  <c r="AF47358" i="1"/>
  <c r="AF47359" i="1"/>
  <c r="AF47360" i="1"/>
  <c r="AF47361" i="1"/>
  <c r="AF47362" i="1"/>
  <c r="AF47363" i="1"/>
  <c r="AF47364" i="1"/>
  <c r="AF47365" i="1"/>
  <c r="AF47366" i="1"/>
  <c r="AF47367" i="1"/>
  <c r="AF47368" i="1"/>
  <c r="AF47369" i="1"/>
  <c r="AF47370" i="1"/>
  <c r="AF47371" i="1"/>
  <c r="AF47372" i="1"/>
  <c r="AF47373" i="1"/>
  <c r="AF47374" i="1"/>
  <c r="AF47375" i="1"/>
  <c r="AF47376" i="1"/>
  <c r="AF47377" i="1"/>
  <c r="AF47378" i="1"/>
  <c r="AF47379" i="1"/>
  <c r="AF47380" i="1"/>
  <c r="AF47381" i="1"/>
  <c r="AF47382" i="1"/>
  <c r="AF47383" i="1"/>
  <c r="AF47384" i="1"/>
  <c r="AF47385" i="1"/>
  <c r="AF47386" i="1"/>
  <c r="AF47387" i="1"/>
  <c r="AF47388" i="1"/>
  <c r="AF47389" i="1"/>
  <c r="AF47390" i="1"/>
  <c r="AF47391" i="1"/>
  <c r="AF47392" i="1"/>
  <c r="AF47393" i="1"/>
  <c r="AF47394" i="1"/>
  <c r="AF47395" i="1"/>
  <c r="AF47396" i="1"/>
  <c r="AF47397" i="1"/>
  <c r="AF47398" i="1"/>
  <c r="AF47399" i="1"/>
  <c r="AF47400" i="1"/>
  <c r="AF47401" i="1"/>
  <c r="AF47402" i="1"/>
  <c r="AF47403" i="1"/>
  <c r="AF47404" i="1"/>
  <c r="AF47405" i="1"/>
  <c r="AF47406" i="1"/>
  <c r="AF47407" i="1"/>
  <c r="AF47408" i="1"/>
  <c r="AF47409" i="1"/>
  <c r="AF47410" i="1"/>
  <c r="AF47411" i="1"/>
  <c r="AF47412" i="1"/>
  <c r="AF47413" i="1"/>
  <c r="AF47414" i="1"/>
  <c r="AF47415" i="1"/>
  <c r="AF47416" i="1"/>
  <c r="AF47417" i="1"/>
  <c r="AF47418" i="1"/>
  <c r="AF47419" i="1"/>
  <c r="AF47420" i="1"/>
  <c r="AF47421" i="1"/>
  <c r="AF47422" i="1"/>
  <c r="AF47423" i="1"/>
  <c r="AF47424" i="1"/>
  <c r="AF47425" i="1"/>
  <c r="AF47426" i="1"/>
  <c r="AF47427" i="1"/>
  <c r="AF47428" i="1"/>
  <c r="AF47429" i="1"/>
  <c r="AF47430" i="1"/>
  <c r="AF47431" i="1"/>
  <c r="AF47432" i="1"/>
  <c r="AF47433" i="1"/>
  <c r="AF47434" i="1"/>
  <c r="AF47435" i="1"/>
  <c r="AF47436" i="1"/>
  <c r="AF47437" i="1"/>
  <c r="AF47438" i="1"/>
  <c r="AF47439" i="1"/>
  <c r="AF47440" i="1"/>
  <c r="AF47441" i="1"/>
  <c r="AF47442" i="1"/>
  <c r="AF47443" i="1"/>
  <c r="AF47444" i="1"/>
  <c r="AF47445" i="1"/>
  <c r="AF47446" i="1"/>
  <c r="AF47447" i="1"/>
  <c r="AF47448" i="1"/>
  <c r="AF47449" i="1"/>
  <c r="AF47450" i="1"/>
  <c r="AF47451" i="1"/>
  <c r="AF47452" i="1"/>
  <c r="AF47453" i="1"/>
  <c r="AF47454" i="1"/>
  <c r="AF47455" i="1"/>
  <c r="AF47456" i="1"/>
  <c r="AF47457" i="1"/>
  <c r="AF47458" i="1"/>
  <c r="AF47459" i="1"/>
  <c r="AF47460" i="1"/>
  <c r="AF47461" i="1"/>
  <c r="AF47462" i="1"/>
  <c r="AF47463" i="1"/>
  <c r="AF47464" i="1"/>
  <c r="AF47465" i="1"/>
  <c r="AF47466" i="1"/>
  <c r="AF47467" i="1"/>
  <c r="AF47468" i="1"/>
  <c r="AF47469" i="1"/>
  <c r="AF47470" i="1"/>
  <c r="AF47471" i="1"/>
  <c r="AF47472" i="1"/>
  <c r="AF47473" i="1"/>
  <c r="AF47474" i="1"/>
  <c r="AF47475" i="1"/>
  <c r="AF47476" i="1"/>
  <c r="AF47477" i="1"/>
  <c r="AF47478" i="1"/>
  <c r="AF47479" i="1"/>
  <c r="AF47480" i="1"/>
  <c r="AF47481" i="1"/>
  <c r="AF47482" i="1"/>
  <c r="AF47483" i="1"/>
  <c r="AF47484" i="1"/>
  <c r="AF47485" i="1"/>
  <c r="AF47486" i="1"/>
  <c r="AF47487" i="1"/>
  <c r="AF47488" i="1"/>
  <c r="AF47489" i="1"/>
  <c r="AF47490" i="1"/>
  <c r="AF47491" i="1"/>
  <c r="AF47492" i="1"/>
  <c r="AF47493" i="1"/>
  <c r="AF47494" i="1"/>
  <c r="AF47495" i="1"/>
  <c r="AF47496" i="1"/>
  <c r="AF47497" i="1"/>
  <c r="AF47498" i="1"/>
  <c r="AF47499" i="1"/>
  <c r="AF47500" i="1"/>
  <c r="AF47501" i="1"/>
  <c r="AF47502" i="1"/>
  <c r="AF47503" i="1"/>
  <c r="AF47504" i="1"/>
  <c r="AF47505" i="1"/>
  <c r="AF47506" i="1"/>
  <c r="AF47507" i="1"/>
  <c r="AF47508" i="1"/>
  <c r="AF47509" i="1"/>
  <c r="AF47510" i="1"/>
  <c r="AF47511" i="1"/>
  <c r="AF47512" i="1"/>
  <c r="AF47513" i="1"/>
  <c r="AF47514" i="1"/>
  <c r="AF47515" i="1"/>
  <c r="AF47516" i="1"/>
  <c r="AF47517" i="1"/>
  <c r="AF47518" i="1"/>
  <c r="AF47519" i="1"/>
  <c r="AF47520" i="1"/>
  <c r="AF47521" i="1"/>
  <c r="AF47522" i="1"/>
  <c r="AF47523" i="1"/>
  <c r="AF47524" i="1"/>
  <c r="AF47525" i="1"/>
  <c r="AF47526" i="1"/>
  <c r="AF47527" i="1"/>
  <c r="AF47528" i="1"/>
  <c r="AF47529" i="1"/>
  <c r="AF47530" i="1"/>
  <c r="AF47531" i="1"/>
  <c r="AF47532" i="1"/>
  <c r="AF47533" i="1"/>
  <c r="AF47534" i="1"/>
  <c r="AF47535" i="1"/>
  <c r="AF47536" i="1"/>
  <c r="AF47537" i="1"/>
  <c r="AF47538" i="1"/>
  <c r="AF47539" i="1"/>
  <c r="AF47540" i="1"/>
  <c r="AF47541" i="1"/>
  <c r="AF47542" i="1"/>
  <c r="AF47543" i="1"/>
  <c r="AF47544" i="1"/>
  <c r="AF47545" i="1"/>
  <c r="AF47546" i="1"/>
  <c r="AF47547" i="1"/>
  <c r="AF47548" i="1"/>
  <c r="AF47549" i="1"/>
  <c r="AF47550" i="1"/>
  <c r="AF47551" i="1"/>
  <c r="AF47552" i="1"/>
  <c r="AF47553" i="1"/>
  <c r="AF47554" i="1"/>
  <c r="AF47555" i="1"/>
  <c r="AF47556" i="1"/>
  <c r="AF47557" i="1"/>
  <c r="AF47558" i="1"/>
  <c r="AF47559" i="1"/>
  <c r="AF47560" i="1"/>
  <c r="AF47561" i="1"/>
  <c r="AF47562" i="1"/>
  <c r="AF47563" i="1"/>
  <c r="AF47564" i="1"/>
  <c r="AF47565" i="1"/>
  <c r="AF47566" i="1"/>
  <c r="AF47567" i="1"/>
  <c r="AF47568" i="1"/>
  <c r="AF47569" i="1"/>
  <c r="AF47570" i="1"/>
  <c r="AF47571" i="1"/>
  <c r="AF47572" i="1"/>
  <c r="AF47573" i="1"/>
  <c r="AF47574" i="1"/>
  <c r="AF47575" i="1"/>
  <c r="AF47576" i="1"/>
  <c r="AF47577" i="1"/>
  <c r="AF47578" i="1"/>
  <c r="AF47579" i="1"/>
  <c r="AF47580" i="1"/>
  <c r="AF47581" i="1"/>
  <c r="AF47582" i="1"/>
  <c r="AF47583" i="1"/>
  <c r="AF47584" i="1"/>
  <c r="AF47585" i="1"/>
  <c r="AF47586" i="1"/>
  <c r="AF47587" i="1"/>
  <c r="AF47588" i="1"/>
  <c r="AF47589" i="1"/>
  <c r="AF47590" i="1"/>
  <c r="AF47591" i="1"/>
  <c r="AF47592" i="1"/>
  <c r="AF47593" i="1"/>
  <c r="AF47594" i="1"/>
  <c r="AF47595" i="1"/>
  <c r="AF47596" i="1"/>
  <c r="AF47597" i="1"/>
  <c r="AF47598" i="1"/>
  <c r="AF47599" i="1"/>
  <c r="AF47600" i="1"/>
  <c r="AF47601" i="1"/>
  <c r="AF47602" i="1"/>
  <c r="AF47603" i="1"/>
  <c r="AF47604" i="1"/>
  <c r="AF47605" i="1"/>
  <c r="AF47606" i="1"/>
  <c r="AF47607" i="1"/>
  <c r="AF47608" i="1"/>
  <c r="AF47609" i="1"/>
  <c r="AF47610" i="1"/>
  <c r="AF47611" i="1"/>
  <c r="AF47612" i="1"/>
  <c r="AF47613" i="1"/>
  <c r="AF47614" i="1"/>
  <c r="AF47615" i="1"/>
  <c r="AF47616" i="1"/>
  <c r="AF47617" i="1"/>
  <c r="AF47618" i="1"/>
  <c r="AF47619" i="1"/>
  <c r="AF47620" i="1"/>
  <c r="AF47621" i="1"/>
  <c r="AF47622" i="1"/>
  <c r="AF47623" i="1"/>
  <c r="AF47624" i="1"/>
  <c r="AF47625" i="1"/>
  <c r="AF47626" i="1"/>
  <c r="AF47627" i="1"/>
  <c r="AF47628" i="1"/>
  <c r="AF47629" i="1"/>
  <c r="AF47630" i="1"/>
  <c r="AF47631" i="1"/>
  <c r="AF47632" i="1"/>
  <c r="AF47633" i="1"/>
  <c r="AF47634" i="1"/>
  <c r="AF47635" i="1"/>
  <c r="AF47636" i="1"/>
  <c r="AF47637" i="1"/>
  <c r="AF47638" i="1"/>
  <c r="AF47639" i="1"/>
  <c r="AF47640" i="1"/>
  <c r="AF47641" i="1"/>
  <c r="AF47642" i="1"/>
  <c r="AF47643" i="1"/>
  <c r="AF47644" i="1"/>
  <c r="AF47645" i="1"/>
  <c r="AF47646" i="1"/>
  <c r="AF47647" i="1"/>
  <c r="AF47648" i="1"/>
  <c r="AF47649" i="1"/>
  <c r="AF47650" i="1"/>
  <c r="AF47651" i="1"/>
  <c r="AF47652" i="1"/>
  <c r="AF47653" i="1"/>
  <c r="AF47654" i="1"/>
  <c r="AF47655" i="1"/>
  <c r="AF47656" i="1"/>
  <c r="AF47657" i="1"/>
  <c r="AF47658" i="1"/>
  <c r="AF47659" i="1"/>
  <c r="AF47660" i="1"/>
  <c r="AF47661" i="1"/>
  <c r="AF47662" i="1"/>
  <c r="AF47663" i="1"/>
  <c r="AF47664" i="1"/>
  <c r="AF47665" i="1"/>
  <c r="AF47666" i="1"/>
  <c r="AF47667" i="1"/>
  <c r="AF47668" i="1"/>
  <c r="AF47669" i="1"/>
  <c r="AF47670" i="1"/>
  <c r="AF47671" i="1"/>
  <c r="AF47672" i="1"/>
  <c r="AF47673" i="1"/>
  <c r="AF47674" i="1"/>
  <c r="AF47675" i="1"/>
  <c r="AF47676" i="1"/>
  <c r="AF47677" i="1"/>
  <c r="AF47678" i="1"/>
  <c r="AF47679" i="1"/>
  <c r="AF47680" i="1"/>
  <c r="AF47681" i="1"/>
  <c r="AF47682" i="1"/>
  <c r="AF47683" i="1"/>
  <c r="AF47684" i="1"/>
  <c r="AF47685" i="1"/>
  <c r="AF47686" i="1"/>
  <c r="AF47687" i="1"/>
  <c r="AF47688" i="1"/>
  <c r="AF47689" i="1"/>
  <c r="AF47690" i="1"/>
  <c r="AF47691" i="1"/>
  <c r="AF47692" i="1"/>
  <c r="AF47693" i="1"/>
  <c r="AF47694" i="1"/>
  <c r="AF47695" i="1"/>
  <c r="AF47696" i="1"/>
  <c r="AF47697" i="1"/>
  <c r="AF47698" i="1"/>
  <c r="AF47699" i="1"/>
  <c r="AF47700" i="1"/>
  <c r="AF47701" i="1"/>
  <c r="AF47702" i="1"/>
  <c r="AF47703" i="1"/>
  <c r="AF47704" i="1"/>
  <c r="AF47705" i="1"/>
  <c r="AF47706" i="1"/>
  <c r="AF47707" i="1"/>
  <c r="AF47708" i="1"/>
  <c r="AF47709" i="1"/>
  <c r="AF47710" i="1"/>
  <c r="AF47711" i="1"/>
  <c r="AF47712" i="1"/>
  <c r="AF47713" i="1"/>
  <c r="AF47714" i="1"/>
  <c r="AF47715" i="1"/>
  <c r="AF47716" i="1"/>
  <c r="AF47717" i="1"/>
  <c r="AF47718" i="1"/>
  <c r="AF47719" i="1"/>
  <c r="AF47720" i="1"/>
  <c r="AF47721" i="1"/>
  <c r="AF47722" i="1"/>
  <c r="AF47723" i="1"/>
  <c r="AF47724" i="1"/>
  <c r="AF47725" i="1"/>
  <c r="AF47726" i="1"/>
  <c r="AF47727" i="1"/>
  <c r="AF47728" i="1"/>
  <c r="AF47729" i="1"/>
  <c r="AF47730" i="1"/>
  <c r="AF47731" i="1"/>
  <c r="AF47732" i="1"/>
  <c r="AF47733" i="1"/>
  <c r="AF47734" i="1"/>
  <c r="AF47735" i="1"/>
  <c r="AF47736" i="1"/>
  <c r="AF47737" i="1"/>
  <c r="AF47738" i="1"/>
  <c r="AF47739" i="1"/>
  <c r="AF47740" i="1"/>
  <c r="AF47741" i="1"/>
  <c r="AF47742" i="1"/>
  <c r="AF47743" i="1"/>
  <c r="AF47744" i="1"/>
  <c r="AF47745" i="1"/>
  <c r="AF47746" i="1"/>
  <c r="AF47747" i="1"/>
  <c r="AF47748" i="1"/>
  <c r="AF47749" i="1"/>
  <c r="AF47750" i="1"/>
  <c r="AF47751" i="1"/>
  <c r="AF47752" i="1"/>
  <c r="AF47753" i="1"/>
  <c r="AF47754" i="1"/>
  <c r="AF47755" i="1"/>
  <c r="AF47756" i="1"/>
  <c r="AF47757" i="1"/>
  <c r="AF47758" i="1"/>
  <c r="AF47759" i="1"/>
  <c r="AF47760" i="1"/>
  <c r="AF47761" i="1"/>
  <c r="AF47762" i="1"/>
  <c r="AF47763" i="1"/>
  <c r="AF47764" i="1"/>
  <c r="AF47765" i="1"/>
  <c r="AF47766" i="1"/>
  <c r="AF47767" i="1"/>
  <c r="AF47768" i="1"/>
  <c r="AF47769" i="1"/>
  <c r="AF47770" i="1"/>
  <c r="AF47771" i="1"/>
  <c r="AF47772" i="1"/>
  <c r="AF47773" i="1"/>
  <c r="AF47774" i="1"/>
  <c r="AF47775" i="1"/>
  <c r="AF47776" i="1"/>
  <c r="AF47777" i="1"/>
  <c r="AF47778" i="1"/>
  <c r="AF47779" i="1"/>
  <c r="AF47780" i="1"/>
  <c r="AF47781" i="1"/>
  <c r="AF47782" i="1"/>
  <c r="AF47783" i="1"/>
  <c r="AF47784" i="1"/>
  <c r="AF47785" i="1"/>
  <c r="AF47786" i="1"/>
  <c r="AF47787" i="1"/>
  <c r="AF47788" i="1"/>
  <c r="AF47789" i="1"/>
  <c r="AF47790" i="1"/>
  <c r="AF47791" i="1"/>
  <c r="AF47792" i="1"/>
  <c r="AF47793" i="1"/>
  <c r="AF47794" i="1"/>
  <c r="AF47795" i="1"/>
  <c r="AF47796" i="1"/>
  <c r="AF47797" i="1"/>
  <c r="AF47798" i="1"/>
  <c r="AF47799" i="1"/>
  <c r="AF47800" i="1"/>
  <c r="AF47801" i="1"/>
  <c r="AF47802" i="1"/>
  <c r="AF47803" i="1"/>
  <c r="AF47804" i="1"/>
  <c r="AF47805" i="1"/>
  <c r="AF47806" i="1"/>
  <c r="AF47807" i="1"/>
  <c r="AF47808" i="1"/>
  <c r="AF47809" i="1"/>
  <c r="AF47810" i="1"/>
  <c r="AF47811" i="1"/>
  <c r="AF47812" i="1"/>
  <c r="AF47813" i="1"/>
  <c r="AF47814" i="1"/>
  <c r="AF47815" i="1"/>
  <c r="AF47816" i="1"/>
  <c r="AF47817" i="1"/>
  <c r="AF47818" i="1"/>
  <c r="AF47819" i="1"/>
  <c r="AF47820" i="1"/>
  <c r="AF47821" i="1"/>
  <c r="AF47822" i="1"/>
  <c r="AF47823" i="1"/>
  <c r="AF47824" i="1"/>
  <c r="AF47825" i="1"/>
  <c r="AF47826" i="1"/>
  <c r="AF47827" i="1"/>
  <c r="AF47828" i="1"/>
  <c r="AF47829" i="1"/>
  <c r="AF47830" i="1"/>
  <c r="AF47831" i="1"/>
  <c r="AF47832" i="1"/>
  <c r="AF47833" i="1"/>
  <c r="AF47834" i="1"/>
  <c r="AF47835" i="1"/>
  <c r="AF47836" i="1"/>
  <c r="AF47837" i="1"/>
  <c r="AF47838" i="1"/>
  <c r="AF47839" i="1"/>
  <c r="AF47840" i="1"/>
  <c r="AF47841" i="1"/>
  <c r="AF47842" i="1"/>
  <c r="AF47843" i="1"/>
  <c r="AF47844" i="1"/>
  <c r="AF47845" i="1"/>
  <c r="AF47846" i="1"/>
  <c r="AF47847" i="1"/>
  <c r="AF47848" i="1"/>
  <c r="AF47849" i="1"/>
  <c r="AF47850" i="1"/>
  <c r="AF47851" i="1"/>
  <c r="AF47852" i="1"/>
  <c r="AF47853" i="1"/>
  <c r="AF47854" i="1"/>
  <c r="AF47855" i="1"/>
  <c r="AF47856" i="1"/>
  <c r="AF47857" i="1"/>
  <c r="AF47858" i="1"/>
  <c r="AF47859" i="1"/>
  <c r="AF47860" i="1"/>
  <c r="AF47861" i="1"/>
  <c r="AF47862" i="1"/>
  <c r="AF47863" i="1"/>
  <c r="AF47864" i="1"/>
  <c r="AF47865" i="1"/>
  <c r="AF47866" i="1"/>
  <c r="AF47867" i="1"/>
  <c r="AF47868" i="1"/>
  <c r="AF47869" i="1"/>
  <c r="AF47870" i="1"/>
  <c r="AF47871" i="1"/>
  <c r="AF47872" i="1"/>
  <c r="AF47873" i="1"/>
  <c r="AF47874" i="1"/>
  <c r="AF47875" i="1"/>
  <c r="AF47876" i="1"/>
  <c r="AF47877" i="1"/>
  <c r="AF47878" i="1"/>
  <c r="AF47879" i="1"/>
  <c r="AF47880" i="1"/>
  <c r="AF47881" i="1"/>
  <c r="AF47882" i="1"/>
  <c r="AF47883" i="1"/>
  <c r="AF47884" i="1"/>
  <c r="AF47885" i="1"/>
  <c r="AF47886" i="1"/>
  <c r="AF47887" i="1"/>
  <c r="AF47888" i="1"/>
  <c r="AF47889" i="1"/>
  <c r="AF47890" i="1"/>
  <c r="AF47891" i="1"/>
  <c r="AF47892" i="1"/>
  <c r="AF47893" i="1"/>
  <c r="AF47894" i="1"/>
  <c r="AF47895" i="1"/>
  <c r="AF47896" i="1"/>
  <c r="AF47897" i="1"/>
  <c r="AF47898" i="1"/>
  <c r="AF47899" i="1"/>
  <c r="AF47900" i="1"/>
  <c r="AF47901" i="1"/>
  <c r="AF47902" i="1"/>
  <c r="AF47903" i="1"/>
  <c r="AF47904" i="1"/>
  <c r="AF47905" i="1"/>
  <c r="AF47906" i="1"/>
  <c r="AF47907" i="1"/>
  <c r="AF47908" i="1"/>
  <c r="AF47909" i="1"/>
  <c r="AF47910" i="1"/>
  <c r="AF47911" i="1"/>
  <c r="AF47912" i="1"/>
  <c r="AF47913" i="1"/>
  <c r="AF47914" i="1"/>
  <c r="AF47915" i="1"/>
  <c r="AF47916" i="1"/>
  <c r="AF47917" i="1"/>
  <c r="AF47918" i="1"/>
  <c r="AF47919" i="1"/>
  <c r="AF47920" i="1"/>
  <c r="AF47921" i="1"/>
  <c r="AF47922" i="1"/>
  <c r="AF47923" i="1"/>
  <c r="AF47924" i="1"/>
  <c r="AF47925" i="1"/>
  <c r="AF47926" i="1"/>
  <c r="AF47927" i="1"/>
  <c r="AF47928" i="1"/>
  <c r="AF47929" i="1"/>
  <c r="AF47930" i="1"/>
  <c r="AF47931" i="1"/>
  <c r="AF47932" i="1"/>
  <c r="AF47933" i="1"/>
  <c r="AF47934" i="1"/>
  <c r="AF47935" i="1"/>
  <c r="AF47936" i="1"/>
  <c r="AF47937" i="1"/>
  <c r="AF47938" i="1"/>
  <c r="AF47939" i="1"/>
  <c r="AF47940" i="1"/>
  <c r="AF47941" i="1"/>
  <c r="AF47942" i="1"/>
  <c r="AF47943" i="1"/>
  <c r="AF47944" i="1"/>
  <c r="AF47945" i="1"/>
  <c r="AF47946" i="1"/>
  <c r="AF47947" i="1"/>
  <c r="AF47948" i="1"/>
  <c r="AF47949" i="1"/>
  <c r="AF47950" i="1"/>
  <c r="AF47951" i="1"/>
  <c r="AF47952" i="1"/>
  <c r="AF47953" i="1"/>
  <c r="AF47954" i="1"/>
  <c r="AF47955" i="1"/>
  <c r="AF47956" i="1"/>
  <c r="AF47957" i="1"/>
  <c r="AF47958" i="1"/>
  <c r="AF47959" i="1"/>
  <c r="AF47960" i="1"/>
  <c r="AF47961" i="1"/>
  <c r="AF47962" i="1"/>
  <c r="AF47963" i="1"/>
  <c r="AF47964" i="1"/>
  <c r="AF47965" i="1"/>
  <c r="AF47966" i="1"/>
  <c r="AF47967" i="1"/>
  <c r="AF47968" i="1"/>
  <c r="AF47969" i="1"/>
  <c r="AF47970" i="1"/>
  <c r="AF47971" i="1"/>
  <c r="AF47972" i="1"/>
  <c r="AF47973" i="1"/>
  <c r="AF47974" i="1"/>
  <c r="AF47975" i="1"/>
  <c r="AF47976" i="1"/>
  <c r="AF47977" i="1"/>
  <c r="AF47978" i="1"/>
  <c r="AF47979" i="1"/>
  <c r="AF47980" i="1"/>
  <c r="AF47981" i="1"/>
  <c r="AF47982" i="1"/>
  <c r="AF47983" i="1"/>
  <c r="AF47984" i="1"/>
  <c r="AF47985" i="1"/>
  <c r="AF47986" i="1"/>
  <c r="AF47987" i="1"/>
  <c r="AF47988" i="1"/>
  <c r="AF47989" i="1"/>
  <c r="AF47990" i="1"/>
  <c r="AF47991" i="1"/>
  <c r="AF47992" i="1"/>
  <c r="AF47993" i="1"/>
  <c r="AF47994" i="1"/>
  <c r="AF47995" i="1"/>
  <c r="AF47996" i="1"/>
  <c r="AF47997" i="1"/>
  <c r="AF47998" i="1"/>
  <c r="AF47999" i="1"/>
  <c r="AF48000" i="1"/>
  <c r="AF48001" i="1"/>
  <c r="AF48002" i="1"/>
  <c r="AF48003" i="1"/>
  <c r="AF48004" i="1"/>
  <c r="AF48005" i="1"/>
  <c r="AF48006" i="1"/>
  <c r="AF48007" i="1"/>
  <c r="AF48008" i="1"/>
  <c r="AF48009" i="1"/>
  <c r="AF48010" i="1"/>
  <c r="AF48011" i="1"/>
  <c r="AF48012" i="1"/>
  <c r="AF48013" i="1"/>
  <c r="AF48014" i="1"/>
  <c r="AF48015" i="1"/>
  <c r="AF48016" i="1"/>
  <c r="AF48017" i="1"/>
  <c r="AF48018" i="1"/>
  <c r="AF48019" i="1"/>
  <c r="AF48020" i="1"/>
  <c r="AF48021" i="1"/>
  <c r="AF48022" i="1"/>
  <c r="AF48023" i="1"/>
  <c r="AF48024" i="1"/>
  <c r="AF48025" i="1"/>
  <c r="AF48026" i="1"/>
  <c r="AF48027" i="1"/>
  <c r="AF48028" i="1"/>
  <c r="AF48029" i="1"/>
  <c r="AF48030" i="1"/>
  <c r="AF48031" i="1"/>
  <c r="AF48032" i="1"/>
  <c r="AF48033" i="1"/>
  <c r="AF48034" i="1"/>
  <c r="AF48035" i="1"/>
  <c r="AF48036" i="1"/>
  <c r="AF48037" i="1"/>
  <c r="AF48038" i="1"/>
  <c r="AF48039" i="1"/>
  <c r="AF48040" i="1"/>
  <c r="AF48041" i="1"/>
  <c r="AF48042" i="1"/>
  <c r="AF48043" i="1"/>
  <c r="AF48044" i="1"/>
  <c r="AF48045" i="1"/>
  <c r="AF48046" i="1"/>
  <c r="AF48047" i="1"/>
  <c r="AF48048" i="1"/>
  <c r="AF48049" i="1"/>
  <c r="AF48050" i="1"/>
  <c r="AF48051" i="1"/>
  <c r="AF48052" i="1"/>
  <c r="AF48053" i="1"/>
  <c r="AF48054" i="1"/>
  <c r="AF48055" i="1"/>
  <c r="AF48056" i="1"/>
  <c r="AF48057" i="1"/>
  <c r="AF48058" i="1"/>
  <c r="AF48059" i="1"/>
  <c r="AF48060" i="1"/>
  <c r="AF48061" i="1"/>
  <c r="AF48062" i="1"/>
  <c r="AF48063" i="1"/>
  <c r="AF48064" i="1"/>
  <c r="AF48065" i="1"/>
  <c r="AF48066" i="1"/>
  <c r="AF48067" i="1"/>
  <c r="AF48068" i="1"/>
  <c r="AF48069" i="1"/>
  <c r="AF48070" i="1"/>
  <c r="AF48071" i="1"/>
  <c r="AF48072" i="1"/>
  <c r="AF48073" i="1"/>
  <c r="AF48074" i="1"/>
  <c r="AF48075" i="1"/>
  <c r="AF48076" i="1"/>
  <c r="AF48077" i="1"/>
  <c r="AF48078" i="1"/>
  <c r="AF48079" i="1"/>
  <c r="AF48080" i="1"/>
  <c r="AF48081" i="1"/>
  <c r="AF48082" i="1"/>
  <c r="AF48083" i="1"/>
  <c r="AF48084" i="1"/>
  <c r="AF48085" i="1"/>
  <c r="AF48086" i="1"/>
  <c r="AF48087" i="1"/>
  <c r="AF48088" i="1"/>
  <c r="AF48089" i="1"/>
  <c r="AF48090" i="1"/>
  <c r="AF48091" i="1"/>
  <c r="AF48092" i="1"/>
  <c r="AF48093" i="1"/>
  <c r="AF48094" i="1"/>
  <c r="AF48095" i="1"/>
  <c r="AF48096" i="1"/>
  <c r="AF48097" i="1"/>
  <c r="AF48098" i="1"/>
  <c r="AF48099" i="1"/>
  <c r="AF48100" i="1"/>
  <c r="AF48101" i="1"/>
  <c r="AF48102" i="1"/>
  <c r="AF48103" i="1"/>
  <c r="AF48104" i="1"/>
  <c r="AF48105" i="1"/>
  <c r="AF48106" i="1"/>
  <c r="AF48107" i="1"/>
  <c r="AF48108" i="1"/>
  <c r="AF48109" i="1"/>
  <c r="AF48110" i="1"/>
  <c r="AF48111" i="1"/>
  <c r="AF48112" i="1"/>
  <c r="AF48113" i="1"/>
  <c r="AF48114" i="1"/>
  <c r="AF48115" i="1"/>
  <c r="AF48116" i="1"/>
  <c r="AF48117" i="1"/>
  <c r="AF48118" i="1"/>
  <c r="AF48119" i="1"/>
  <c r="AF48120" i="1"/>
  <c r="AF48121" i="1"/>
  <c r="AF48122" i="1"/>
  <c r="AF48123" i="1"/>
  <c r="AF48124" i="1"/>
  <c r="AF48125" i="1"/>
  <c r="AF48126" i="1"/>
  <c r="AF48127" i="1"/>
  <c r="AF48128" i="1"/>
  <c r="AF48129" i="1"/>
  <c r="AF48130" i="1"/>
  <c r="AF48131" i="1"/>
  <c r="AF48132" i="1"/>
  <c r="AF48133" i="1"/>
  <c r="AF48134" i="1"/>
  <c r="AF48135" i="1"/>
  <c r="AF48136" i="1"/>
  <c r="AF48137" i="1"/>
  <c r="AF48138" i="1"/>
  <c r="AF48139" i="1"/>
  <c r="AF48140" i="1"/>
  <c r="AF48141" i="1"/>
  <c r="AF48142" i="1"/>
  <c r="AF48143" i="1"/>
  <c r="AF48144" i="1"/>
  <c r="AF48145" i="1"/>
  <c r="AF48146" i="1"/>
  <c r="AF48147" i="1"/>
  <c r="AF48148" i="1"/>
  <c r="AF48149" i="1"/>
  <c r="AF48150" i="1"/>
  <c r="AF48151" i="1"/>
  <c r="AF48152" i="1"/>
  <c r="AF48153" i="1"/>
  <c r="AF48154" i="1"/>
  <c r="AF48155" i="1"/>
  <c r="AF48156" i="1"/>
  <c r="AF48157" i="1"/>
  <c r="AF48158" i="1"/>
  <c r="AF48159" i="1"/>
  <c r="AF48160" i="1"/>
  <c r="AF48161" i="1"/>
  <c r="AF48162" i="1"/>
  <c r="AF48163" i="1"/>
  <c r="AF48164" i="1"/>
  <c r="AF48165" i="1"/>
  <c r="AF48166" i="1"/>
  <c r="AF48167" i="1"/>
  <c r="AF48168" i="1"/>
  <c r="AF48169" i="1"/>
  <c r="AF48170" i="1"/>
  <c r="AF48171" i="1"/>
  <c r="AF48172" i="1"/>
  <c r="AF48173" i="1"/>
  <c r="AF48174" i="1"/>
  <c r="AF48175" i="1"/>
  <c r="AF48176" i="1"/>
  <c r="AF48177" i="1"/>
  <c r="AF48178" i="1"/>
  <c r="AF48179" i="1"/>
  <c r="AF48180" i="1"/>
  <c r="AF48181" i="1"/>
  <c r="AF48182" i="1"/>
  <c r="AF48183" i="1"/>
  <c r="AF48184" i="1"/>
  <c r="AF48185" i="1"/>
  <c r="AF48186" i="1"/>
  <c r="AF48187" i="1"/>
  <c r="AF48188" i="1"/>
  <c r="AF48189" i="1"/>
  <c r="AF48190" i="1"/>
  <c r="AF48191" i="1"/>
  <c r="AF48192" i="1"/>
  <c r="AF48193" i="1"/>
  <c r="AF48194" i="1"/>
  <c r="AF48195" i="1"/>
  <c r="AF48196" i="1"/>
  <c r="AF48197" i="1"/>
  <c r="AF48198" i="1"/>
  <c r="AF48199" i="1"/>
  <c r="AF48200" i="1"/>
  <c r="AF48201" i="1"/>
  <c r="AF48202" i="1"/>
  <c r="AF48203" i="1"/>
  <c r="AF48204" i="1"/>
  <c r="AF48205" i="1"/>
  <c r="AF48206" i="1"/>
  <c r="AF48207" i="1"/>
  <c r="AF48208" i="1"/>
  <c r="AF48209" i="1"/>
  <c r="AF48210" i="1"/>
  <c r="AF48211" i="1"/>
  <c r="AF48212" i="1"/>
  <c r="AF48213" i="1"/>
  <c r="AF48214" i="1"/>
  <c r="AF48215" i="1"/>
  <c r="AF48216" i="1"/>
  <c r="AF48217" i="1"/>
  <c r="AF48218" i="1"/>
  <c r="AF48219" i="1"/>
  <c r="AF48220" i="1"/>
  <c r="AF48221" i="1"/>
  <c r="AF48222" i="1"/>
  <c r="AF48223" i="1"/>
  <c r="AF48224" i="1"/>
  <c r="AF48225" i="1"/>
  <c r="AF48226" i="1"/>
  <c r="AF48227" i="1"/>
  <c r="AF48228" i="1"/>
  <c r="AF48229" i="1"/>
  <c r="AF48230" i="1"/>
  <c r="AF48231" i="1"/>
  <c r="AF48232" i="1"/>
  <c r="AF48233" i="1"/>
  <c r="AF48234" i="1"/>
  <c r="AF48235" i="1"/>
  <c r="AF48236" i="1"/>
  <c r="AF48237" i="1"/>
  <c r="AF48238" i="1"/>
  <c r="AF48239" i="1"/>
  <c r="AF48240" i="1"/>
  <c r="AF48241" i="1"/>
  <c r="AF48242" i="1"/>
  <c r="AF48243" i="1"/>
  <c r="AF48244" i="1"/>
  <c r="AF48245" i="1"/>
  <c r="AF48246" i="1"/>
  <c r="AF48247" i="1"/>
  <c r="AF48248" i="1"/>
  <c r="AF48249" i="1"/>
  <c r="AF48250" i="1"/>
  <c r="AF48251" i="1"/>
  <c r="AF48252" i="1"/>
  <c r="AF48253" i="1"/>
  <c r="AF48254" i="1"/>
  <c r="AF48255" i="1"/>
  <c r="AF48256" i="1"/>
  <c r="AF48257" i="1"/>
  <c r="AF48258" i="1"/>
  <c r="AF48259" i="1"/>
  <c r="AF48260" i="1"/>
  <c r="AF48261" i="1"/>
  <c r="AF48262" i="1"/>
  <c r="AF48263" i="1"/>
  <c r="AF48264" i="1"/>
  <c r="AF48265" i="1"/>
  <c r="AF48266" i="1"/>
  <c r="AF48267" i="1"/>
  <c r="AF48268" i="1"/>
  <c r="AF48269" i="1"/>
  <c r="AF48270" i="1"/>
  <c r="AF48271" i="1"/>
  <c r="AF48272" i="1"/>
  <c r="AF48273" i="1"/>
  <c r="AF48274" i="1"/>
  <c r="AF48275" i="1"/>
  <c r="AF48276" i="1"/>
  <c r="AF48277" i="1"/>
  <c r="AF48278" i="1"/>
  <c r="AF48279" i="1"/>
  <c r="AF48280" i="1"/>
  <c r="AF48281" i="1"/>
  <c r="AF48282" i="1"/>
  <c r="AF48283" i="1"/>
  <c r="AF48284" i="1"/>
  <c r="AF48285" i="1"/>
  <c r="AF48286" i="1"/>
  <c r="AF48287" i="1"/>
  <c r="AF48288" i="1"/>
  <c r="AF48289" i="1"/>
  <c r="AF48290" i="1"/>
  <c r="AF48291" i="1"/>
  <c r="AF48292" i="1"/>
  <c r="AF48293" i="1"/>
  <c r="AF48294" i="1"/>
  <c r="AF48295" i="1"/>
  <c r="AF48296" i="1"/>
  <c r="AF48297" i="1"/>
  <c r="AF48298" i="1"/>
  <c r="AF48299" i="1"/>
  <c r="AF48300" i="1"/>
  <c r="AF48301" i="1"/>
  <c r="AF48302" i="1"/>
  <c r="AF48303" i="1"/>
  <c r="AF48304" i="1"/>
  <c r="AF48305" i="1"/>
  <c r="AF48306" i="1"/>
  <c r="AF48307" i="1"/>
  <c r="AF48308" i="1"/>
  <c r="AF48309" i="1"/>
  <c r="AF48310" i="1"/>
  <c r="AF48311" i="1"/>
  <c r="AF48312" i="1"/>
  <c r="AF48313" i="1"/>
  <c r="AF48314" i="1"/>
  <c r="AF48315" i="1"/>
  <c r="AF48316" i="1"/>
  <c r="AF48317" i="1"/>
  <c r="AF48318" i="1"/>
  <c r="AF48319" i="1"/>
  <c r="AF48320" i="1"/>
  <c r="AF48321" i="1"/>
  <c r="AF48322" i="1"/>
  <c r="AF48323" i="1"/>
  <c r="AF48324" i="1"/>
  <c r="AF48325" i="1"/>
  <c r="AF48326" i="1"/>
  <c r="AF48327" i="1"/>
  <c r="AF48328" i="1"/>
  <c r="AF48329" i="1"/>
  <c r="AF48330" i="1"/>
  <c r="AF48331" i="1"/>
  <c r="AF48332" i="1"/>
  <c r="AF48333" i="1"/>
  <c r="AF48334" i="1"/>
  <c r="AF48335" i="1"/>
  <c r="AF48336" i="1"/>
  <c r="AF48337" i="1"/>
  <c r="AF48338" i="1"/>
  <c r="AF48339" i="1"/>
  <c r="AF48340" i="1"/>
  <c r="AF48341" i="1"/>
  <c r="AF48342" i="1"/>
  <c r="AF48343" i="1"/>
  <c r="AF48344" i="1"/>
  <c r="AF48345" i="1"/>
  <c r="AF48346" i="1"/>
  <c r="AF48347" i="1"/>
  <c r="AF48348" i="1"/>
  <c r="AF48349" i="1"/>
  <c r="AF48350" i="1"/>
  <c r="AF48351" i="1"/>
  <c r="AF48352" i="1"/>
  <c r="AF48353" i="1"/>
  <c r="AF48354" i="1"/>
  <c r="AF48355" i="1"/>
  <c r="AF48356" i="1"/>
  <c r="AF48357" i="1"/>
  <c r="AF48358" i="1"/>
  <c r="AF48359" i="1"/>
  <c r="AF48360" i="1"/>
  <c r="AF48361" i="1"/>
  <c r="AF48362" i="1"/>
  <c r="AF48363" i="1"/>
  <c r="AF48364" i="1"/>
  <c r="AF48365" i="1"/>
  <c r="AF48366" i="1"/>
  <c r="AF48367" i="1"/>
  <c r="AF48368" i="1"/>
  <c r="AF48369" i="1"/>
  <c r="AF48370" i="1"/>
  <c r="AF48371" i="1"/>
  <c r="AF48372" i="1"/>
  <c r="AF48373" i="1"/>
  <c r="AF48374" i="1"/>
  <c r="AF48375" i="1"/>
  <c r="AF48376" i="1"/>
  <c r="AF48377" i="1"/>
  <c r="AF48378" i="1"/>
  <c r="AF48379" i="1"/>
  <c r="AF48380" i="1"/>
  <c r="AF48381" i="1"/>
  <c r="AF48382" i="1"/>
  <c r="AF48383" i="1"/>
  <c r="AF48384" i="1"/>
  <c r="AF48385" i="1"/>
  <c r="AF48386" i="1"/>
  <c r="AF48387" i="1"/>
  <c r="AF48388" i="1"/>
  <c r="AF48389" i="1"/>
  <c r="AF48390" i="1"/>
  <c r="AF48391" i="1"/>
  <c r="AF48392" i="1"/>
  <c r="AF48393" i="1"/>
  <c r="AF48394" i="1"/>
  <c r="AF48395" i="1"/>
  <c r="AF48396" i="1"/>
  <c r="AF48397" i="1"/>
  <c r="AF48398" i="1"/>
  <c r="AF48399" i="1"/>
  <c r="AF48400" i="1"/>
  <c r="AF48401" i="1"/>
  <c r="AF48402" i="1"/>
  <c r="AF48403" i="1"/>
  <c r="AF48404" i="1"/>
  <c r="AF48405" i="1"/>
  <c r="AF48406" i="1"/>
  <c r="AF48407" i="1"/>
  <c r="AF48408" i="1"/>
  <c r="AF48409" i="1"/>
  <c r="AF48410" i="1"/>
  <c r="AF48411" i="1"/>
  <c r="AF48412" i="1"/>
  <c r="AF48413" i="1"/>
  <c r="AF48414" i="1"/>
  <c r="AF48415" i="1"/>
  <c r="AF48416" i="1"/>
  <c r="AF48417" i="1"/>
  <c r="AF48418" i="1"/>
  <c r="AF48419" i="1"/>
  <c r="AF48420" i="1"/>
  <c r="AF48421" i="1"/>
  <c r="AF48422" i="1"/>
  <c r="AF48423" i="1"/>
  <c r="AF48424" i="1"/>
  <c r="AF48425" i="1"/>
  <c r="AF48426" i="1"/>
  <c r="AF48427" i="1"/>
  <c r="AF48428" i="1"/>
  <c r="AF48429" i="1"/>
  <c r="AF48430" i="1"/>
  <c r="AF48431" i="1"/>
  <c r="AF48432" i="1"/>
  <c r="AF48433" i="1"/>
  <c r="AF48434" i="1"/>
  <c r="AF48435" i="1"/>
  <c r="AF48436" i="1"/>
  <c r="AF48437" i="1"/>
  <c r="AF48438" i="1"/>
  <c r="AF48439" i="1"/>
  <c r="AF48440" i="1"/>
  <c r="AF48441" i="1"/>
  <c r="AF48442" i="1"/>
  <c r="AF48443" i="1"/>
  <c r="AF48444" i="1"/>
  <c r="AF48445" i="1"/>
  <c r="AF48446" i="1"/>
  <c r="AF48447" i="1"/>
  <c r="AF48448" i="1"/>
  <c r="AF48449" i="1"/>
  <c r="AF48450" i="1"/>
  <c r="AF48451" i="1"/>
  <c r="AF48452" i="1"/>
  <c r="AF48453" i="1"/>
  <c r="AF48454" i="1"/>
  <c r="AF48455" i="1"/>
  <c r="AF48456" i="1"/>
  <c r="AF48457" i="1"/>
  <c r="AF48458" i="1"/>
  <c r="AF48459" i="1"/>
  <c r="AF48460" i="1"/>
  <c r="AF48461" i="1"/>
  <c r="AF48462" i="1"/>
  <c r="AF48463" i="1"/>
  <c r="AF48464" i="1"/>
  <c r="AF48465" i="1"/>
  <c r="AF48466" i="1"/>
  <c r="AF48467" i="1"/>
  <c r="AF48468" i="1"/>
  <c r="AF48469" i="1"/>
  <c r="AF48470" i="1"/>
  <c r="AF48471" i="1"/>
  <c r="AF48472" i="1"/>
  <c r="AF48473" i="1"/>
  <c r="AF48474" i="1"/>
  <c r="AF48475" i="1"/>
  <c r="AF48476" i="1"/>
  <c r="AF48477" i="1"/>
  <c r="AF48478" i="1"/>
  <c r="AF48479" i="1"/>
  <c r="AF48480" i="1"/>
  <c r="AF48481" i="1"/>
  <c r="AF48482" i="1"/>
  <c r="AF48483" i="1"/>
  <c r="AF48484" i="1"/>
  <c r="AF48485" i="1"/>
  <c r="AF48486" i="1"/>
  <c r="AF48487" i="1"/>
  <c r="AF48488" i="1"/>
  <c r="AF48489" i="1"/>
  <c r="AF48490" i="1"/>
  <c r="AF48491" i="1"/>
  <c r="AF48492" i="1"/>
  <c r="AF48493" i="1"/>
  <c r="AF48494" i="1"/>
  <c r="AF48495" i="1"/>
  <c r="AF48496" i="1"/>
  <c r="AF48497" i="1"/>
  <c r="AF48498" i="1"/>
  <c r="AF48499" i="1"/>
  <c r="AF48500" i="1"/>
  <c r="AF48501" i="1"/>
  <c r="AF48502" i="1"/>
  <c r="AF48503" i="1"/>
  <c r="AF48504" i="1"/>
  <c r="AF48505" i="1"/>
  <c r="AF48506" i="1"/>
  <c r="AF48507" i="1"/>
  <c r="AF48508" i="1"/>
  <c r="AF48509" i="1"/>
  <c r="AF48510" i="1"/>
  <c r="AF48511" i="1"/>
  <c r="AF48512" i="1"/>
  <c r="AF48513" i="1"/>
  <c r="AF48514" i="1"/>
  <c r="AF48515" i="1"/>
  <c r="AF48516" i="1"/>
  <c r="AF48517" i="1"/>
  <c r="AF48518" i="1"/>
  <c r="AF48519" i="1"/>
  <c r="AF48520" i="1"/>
  <c r="AF48521" i="1"/>
  <c r="AF48522" i="1"/>
  <c r="AF48523" i="1"/>
  <c r="AF48524" i="1"/>
  <c r="AF48525" i="1"/>
  <c r="AF48526" i="1"/>
  <c r="AF48527" i="1"/>
  <c r="AF48528" i="1"/>
  <c r="AF48529" i="1"/>
  <c r="AF48530" i="1"/>
  <c r="AF48531" i="1"/>
  <c r="AF48532" i="1"/>
  <c r="AF48533" i="1"/>
  <c r="AF48534" i="1"/>
  <c r="AF48535" i="1"/>
  <c r="AF48536" i="1"/>
  <c r="AF48537" i="1"/>
  <c r="AF48538" i="1"/>
  <c r="AF48539" i="1"/>
  <c r="AF48540" i="1"/>
  <c r="AF48541" i="1"/>
  <c r="AF48542" i="1"/>
  <c r="AF48543" i="1"/>
  <c r="AF48544" i="1"/>
  <c r="AF48545" i="1"/>
  <c r="AF48546" i="1"/>
  <c r="AF48547" i="1"/>
  <c r="AF48548" i="1"/>
  <c r="AF48549" i="1"/>
  <c r="AF48550" i="1"/>
  <c r="AF48551" i="1"/>
  <c r="AF48552" i="1"/>
  <c r="AF48553" i="1"/>
  <c r="AF48554" i="1"/>
  <c r="AF48555" i="1"/>
  <c r="AF48556" i="1"/>
  <c r="AF48557" i="1"/>
  <c r="AF48558" i="1"/>
  <c r="AF48559" i="1"/>
  <c r="AF48560" i="1"/>
  <c r="AF48561" i="1"/>
  <c r="AF48562" i="1"/>
  <c r="AF48563" i="1"/>
  <c r="AF48564" i="1"/>
  <c r="AF48565" i="1"/>
  <c r="AF48566" i="1"/>
  <c r="AF48567" i="1"/>
  <c r="AF48568" i="1"/>
  <c r="AF48569" i="1"/>
  <c r="AF48570" i="1"/>
  <c r="AF48571" i="1"/>
  <c r="AF48572" i="1"/>
  <c r="AF48573" i="1"/>
  <c r="AF48574" i="1"/>
  <c r="AF48575" i="1"/>
  <c r="AF48576" i="1"/>
  <c r="AF48577" i="1"/>
  <c r="AF48578" i="1"/>
  <c r="AF48579" i="1"/>
  <c r="AF48580" i="1"/>
  <c r="AF48581" i="1"/>
  <c r="AF48582" i="1"/>
  <c r="AF48583" i="1"/>
  <c r="AF48584" i="1"/>
  <c r="AF48585" i="1"/>
  <c r="AF48586" i="1"/>
  <c r="AF48587" i="1"/>
  <c r="AF48588" i="1"/>
  <c r="AF48589" i="1"/>
  <c r="AF48590" i="1"/>
  <c r="AF48591" i="1"/>
  <c r="AF48592" i="1"/>
  <c r="AF48593" i="1"/>
  <c r="AF48594" i="1"/>
  <c r="AF48595" i="1"/>
  <c r="AF48596" i="1"/>
  <c r="AF48597" i="1"/>
  <c r="AF48598" i="1"/>
  <c r="AF48599" i="1"/>
  <c r="AF48600" i="1"/>
  <c r="AF48601" i="1"/>
  <c r="AF48602" i="1"/>
  <c r="AF48603" i="1"/>
  <c r="AF48604" i="1"/>
  <c r="AF48605" i="1"/>
  <c r="AF48606" i="1"/>
  <c r="AF48607" i="1"/>
  <c r="AF48608" i="1"/>
  <c r="AF48609" i="1"/>
  <c r="AF48610" i="1"/>
  <c r="AF48611" i="1"/>
  <c r="AF48612" i="1"/>
  <c r="AF48613" i="1"/>
  <c r="AF48614" i="1"/>
  <c r="AF48615" i="1"/>
  <c r="AF48616" i="1"/>
  <c r="AF48617" i="1"/>
  <c r="AF48618" i="1"/>
  <c r="AF48619" i="1"/>
  <c r="AF48620" i="1"/>
  <c r="AF48621" i="1"/>
  <c r="AF48622" i="1"/>
  <c r="AF48623" i="1"/>
  <c r="AF48624" i="1"/>
  <c r="AF48625" i="1"/>
  <c r="AF48626" i="1"/>
  <c r="AF48627" i="1"/>
  <c r="AF48628" i="1"/>
  <c r="AF48629" i="1"/>
  <c r="AF48630" i="1"/>
  <c r="AF48631" i="1"/>
  <c r="AF48632" i="1"/>
  <c r="AF48633" i="1"/>
  <c r="AF48634" i="1"/>
  <c r="AF48635" i="1"/>
  <c r="AF48636" i="1"/>
  <c r="AF48637" i="1"/>
  <c r="AF48638" i="1"/>
  <c r="AF48639" i="1"/>
  <c r="AF48640" i="1"/>
  <c r="AF48641" i="1"/>
  <c r="AF48642" i="1"/>
  <c r="AF48643" i="1"/>
  <c r="AF48644" i="1"/>
  <c r="AF48645" i="1"/>
  <c r="AF48646" i="1"/>
  <c r="AF48647" i="1"/>
  <c r="AF48648" i="1"/>
  <c r="AF48649" i="1"/>
  <c r="AF48650" i="1"/>
  <c r="AF48651" i="1"/>
  <c r="AF48652" i="1"/>
  <c r="AF48653" i="1"/>
  <c r="AF48654" i="1"/>
  <c r="AF48655" i="1"/>
  <c r="AF48656" i="1"/>
  <c r="AF48657" i="1"/>
  <c r="AF48658" i="1"/>
  <c r="AF48659" i="1"/>
  <c r="AF48660" i="1"/>
  <c r="AF48661" i="1"/>
  <c r="AF48662" i="1"/>
  <c r="AF48663" i="1"/>
  <c r="AF48664" i="1"/>
  <c r="AF48665" i="1"/>
  <c r="AF48666" i="1"/>
  <c r="AF48667" i="1"/>
  <c r="AF48668" i="1"/>
  <c r="AF48669" i="1"/>
  <c r="AF48670" i="1"/>
  <c r="AF48671" i="1"/>
  <c r="AF48672" i="1"/>
  <c r="AF48673" i="1"/>
  <c r="AF48674" i="1"/>
  <c r="AF48675" i="1"/>
  <c r="AF48676" i="1"/>
  <c r="AF48677" i="1"/>
  <c r="AF48678" i="1"/>
  <c r="AF48679" i="1"/>
  <c r="AF48680" i="1"/>
  <c r="AF48681" i="1"/>
  <c r="AF48682" i="1"/>
  <c r="AF48683" i="1"/>
  <c r="AF48684" i="1"/>
  <c r="AF48685" i="1"/>
  <c r="AF48686" i="1"/>
  <c r="AF48687" i="1"/>
  <c r="AF48688" i="1"/>
  <c r="AF48689" i="1"/>
  <c r="AF48690" i="1"/>
  <c r="AF48691" i="1"/>
  <c r="AF48692" i="1"/>
  <c r="AF48693" i="1"/>
  <c r="AF48694" i="1"/>
  <c r="AF48695" i="1"/>
  <c r="AF48696" i="1"/>
  <c r="AF48697" i="1"/>
  <c r="AF48698" i="1"/>
  <c r="AF48699" i="1"/>
  <c r="AF48700" i="1"/>
  <c r="AF48701" i="1"/>
  <c r="AF48702" i="1"/>
  <c r="AF48703" i="1"/>
  <c r="AF48704" i="1"/>
  <c r="AF48705" i="1"/>
  <c r="AF48706" i="1"/>
  <c r="AF48707" i="1"/>
  <c r="AF48708" i="1"/>
  <c r="AF48709" i="1"/>
  <c r="AF48710" i="1"/>
  <c r="AF48711" i="1"/>
  <c r="AF48712" i="1"/>
  <c r="AF48713" i="1"/>
  <c r="AF48714" i="1"/>
  <c r="AF48715" i="1"/>
  <c r="AF48716" i="1"/>
  <c r="AF48717" i="1"/>
  <c r="AF48718" i="1"/>
  <c r="AF48719" i="1"/>
  <c r="AF48720" i="1"/>
  <c r="AF48721" i="1"/>
  <c r="AF48722" i="1"/>
  <c r="AF48723" i="1"/>
  <c r="AF48724" i="1"/>
  <c r="AF48725" i="1"/>
  <c r="AF48726" i="1"/>
  <c r="AF48727" i="1"/>
  <c r="AF48728" i="1"/>
  <c r="AF48729" i="1"/>
  <c r="AF48730" i="1"/>
  <c r="AF48731" i="1"/>
  <c r="AF48732" i="1"/>
  <c r="AF48733" i="1"/>
  <c r="AF48734" i="1"/>
  <c r="AF48735" i="1"/>
  <c r="AF48736" i="1"/>
  <c r="AF48737" i="1"/>
  <c r="AF48738" i="1"/>
  <c r="AF48739" i="1"/>
  <c r="AF48740" i="1"/>
  <c r="AF48741" i="1"/>
  <c r="AF48742" i="1"/>
  <c r="AF48743" i="1"/>
  <c r="AF48744" i="1"/>
  <c r="AF48745" i="1"/>
  <c r="AF48746" i="1"/>
  <c r="AF48747" i="1"/>
  <c r="AF48748" i="1"/>
  <c r="AF48749" i="1"/>
  <c r="AF48750" i="1"/>
  <c r="AF48751" i="1"/>
  <c r="AF48752" i="1"/>
  <c r="AF48753" i="1"/>
  <c r="AF48754" i="1"/>
  <c r="AF48755" i="1"/>
  <c r="AF48756" i="1"/>
  <c r="AF48757" i="1"/>
  <c r="AF48758" i="1"/>
  <c r="AF48759" i="1"/>
  <c r="AF48760" i="1"/>
  <c r="AF48761" i="1"/>
  <c r="AF48762" i="1"/>
  <c r="AF48763" i="1"/>
  <c r="AF48764" i="1"/>
  <c r="AF48765" i="1"/>
  <c r="AF48766" i="1"/>
  <c r="AF48767" i="1"/>
  <c r="AF48768" i="1"/>
  <c r="AF48769" i="1"/>
  <c r="AF48770" i="1"/>
  <c r="AF48771" i="1"/>
  <c r="AF48772" i="1"/>
  <c r="AF48773" i="1"/>
  <c r="AF48774" i="1"/>
  <c r="AF48775" i="1"/>
  <c r="AF48776" i="1"/>
  <c r="AF48777" i="1"/>
  <c r="AF48778" i="1"/>
  <c r="AF48779" i="1"/>
  <c r="AF48780" i="1"/>
  <c r="AF48781" i="1"/>
  <c r="AF48782" i="1"/>
  <c r="AF48783" i="1"/>
  <c r="AF48784" i="1"/>
  <c r="AF48785" i="1"/>
  <c r="AF48786" i="1"/>
  <c r="AF48787" i="1"/>
  <c r="AF48788" i="1"/>
  <c r="AF48789" i="1"/>
  <c r="AF48790" i="1"/>
  <c r="AF48791" i="1"/>
  <c r="AF48792" i="1"/>
  <c r="AF48793" i="1"/>
  <c r="AF48794" i="1"/>
  <c r="AF48795" i="1"/>
  <c r="AF48796" i="1"/>
  <c r="AF48797" i="1"/>
  <c r="AF48798" i="1"/>
  <c r="AF48799" i="1"/>
  <c r="AF48800" i="1"/>
  <c r="AF48801" i="1"/>
  <c r="AF48802" i="1"/>
  <c r="AF48803" i="1"/>
  <c r="AF48804" i="1"/>
  <c r="AF48805" i="1"/>
  <c r="AF48806" i="1"/>
  <c r="AF48807" i="1"/>
  <c r="AF48808" i="1"/>
  <c r="AF48809" i="1"/>
  <c r="AF48810" i="1"/>
  <c r="AF48811" i="1"/>
  <c r="AF48812" i="1"/>
  <c r="AF48813" i="1"/>
  <c r="AF48814" i="1"/>
  <c r="AF48815" i="1"/>
  <c r="AF48816" i="1"/>
  <c r="AF48817" i="1"/>
  <c r="AF48818" i="1"/>
  <c r="AF48819" i="1"/>
  <c r="AF48820" i="1"/>
  <c r="AF48821" i="1"/>
  <c r="AF48822" i="1"/>
  <c r="AF48823" i="1"/>
  <c r="AF48824" i="1"/>
  <c r="AF48825" i="1"/>
  <c r="AF48826" i="1"/>
  <c r="AF48827" i="1"/>
  <c r="AF48828" i="1"/>
  <c r="AF48829" i="1"/>
  <c r="AF48830" i="1"/>
  <c r="AF48831" i="1"/>
  <c r="AF48832" i="1"/>
  <c r="AF48833" i="1"/>
  <c r="AF48834" i="1"/>
  <c r="AF48835" i="1"/>
  <c r="AF48836" i="1"/>
  <c r="AF48837" i="1"/>
  <c r="AF48838" i="1"/>
  <c r="AF48839" i="1"/>
  <c r="AF48840" i="1"/>
  <c r="AF48841" i="1"/>
  <c r="AF48842" i="1"/>
  <c r="AF48843" i="1"/>
  <c r="AF48844" i="1"/>
  <c r="AF48845" i="1"/>
  <c r="AF48846" i="1"/>
  <c r="AF48847" i="1"/>
  <c r="AF48848" i="1"/>
  <c r="AF48849" i="1"/>
  <c r="AF48850" i="1"/>
  <c r="AF48851" i="1"/>
  <c r="AF48852" i="1"/>
  <c r="AF48853" i="1"/>
  <c r="AF48854" i="1"/>
  <c r="AF48855" i="1"/>
  <c r="AF48856" i="1"/>
  <c r="AF48857" i="1"/>
  <c r="AF48858" i="1"/>
  <c r="AF48859" i="1"/>
  <c r="AF48860" i="1"/>
  <c r="AF48861" i="1"/>
  <c r="AF48862" i="1"/>
  <c r="AF48863" i="1"/>
  <c r="AF48864" i="1"/>
  <c r="AF48865" i="1"/>
  <c r="AF48866" i="1"/>
  <c r="AF48867" i="1"/>
  <c r="AF48868" i="1"/>
  <c r="AF48869" i="1"/>
  <c r="AF48870" i="1"/>
  <c r="AF48871" i="1"/>
  <c r="AF48872" i="1"/>
  <c r="AF48873" i="1"/>
  <c r="AF48874" i="1"/>
  <c r="AF48875" i="1"/>
  <c r="AF48876" i="1"/>
  <c r="AF48877" i="1"/>
  <c r="AF48878" i="1"/>
  <c r="AF48879" i="1"/>
  <c r="AF48880" i="1"/>
  <c r="AF48881" i="1"/>
  <c r="AF48882" i="1"/>
  <c r="AF48883" i="1"/>
  <c r="AF48884" i="1"/>
  <c r="AF48885" i="1"/>
  <c r="AF48886" i="1"/>
  <c r="AF48887" i="1"/>
  <c r="AF48888" i="1"/>
  <c r="AF48889" i="1"/>
  <c r="AF48890" i="1"/>
  <c r="AF48891" i="1"/>
  <c r="AF48892" i="1"/>
  <c r="AF48893" i="1"/>
  <c r="AF48894" i="1"/>
  <c r="AF48895" i="1"/>
  <c r="AF48896" i="1"/>
  <c r="AF48897" i="1"/>
  <c r="AF48898" i="1"/>
  <c r="AF48899" i="1"/>
  <c r="AF48900" i="1"/>
  <c r="AF48901" i="1"/>
  <c r="AF48902" i="1"/>
  <c r="AF48903" i="1"/>
  <c r="AF48904" i="1"/>
  <c r="AF48905" i="1"/>
  <c r="AF48906" i="1"/>
  <c r="AF48907" i="1"/>
  <c r="AF48908" i="1"/>
  <c r="AF48909" i="1"/>
  <c r="AF48910" i="1"/>
  <c r="AF48911" i="1"/>
  <c r="AF48912" i="1"/>
  <c r="AF48913" i="1"/>
  <c r="AF48914" i="1"/>
  <c r="AF48915" i="1"/>
  <c r="AF48916" i="1"/>
  <c r="AF48917" i="1"/>
  <c r="AF48918" i="1"/>
  <c r="AF48919" i="1"/>
  <c r="AF48920" i="1"/>
  <c r="AF48921" i="1"/>
  <c r="AF48922" i="1"/>
  <c r="AF48923" i="1"/>
  <c r="AF48924" i="1"/>
  <c r="AF48925" i="1"/>
  <c r="AF48926" i="1"/>
  <c r="AF48927" i="1"/>
  <c r="AF48928" i="1"/>
  <c r="AF48929" i="1"/>
  <c r="AF48930" i="1"/>
  <c r="AF48931" i="1"/>
  <c r="AF48932" i="1"/>
  <c r="AF48933" i="1"/>
  <c r="AF48934" i="1"/>
  <c r="AF48935" i="1"/>
  <c r="AF48936" i="1"/>
  <c r="AF48937" i="1"/>
  <c r="AF48938" i="1"/>
  <c r="AF48939" i="1"/>
  <c r="AF48940" i="1"/>
  <c r="AF48941" i="1"/>
  <c r="AF48942" i="1"/>
  <c r="AF48943" i="1"/>
  <c r="AF48944" i="1"/>
  <c r="AF48945" i="1"/>
  <c r="AF48946" i="1"/>
  <c r="AF48947" i="1"/>
  <c r="AF48948" i="1"/>
  <c r="AF48949" i="1"/>
  <c r="AF48950" i="1"/>
  <c r="AF48951" i="1"/>
  <c r="AF48952" i="1"/>
  <c r="AF48953" i="1"/>
  <c r="AF48954" i="1"/>
  <c r="AF48955" i="1"/>
  <c r="AF48956" i="1"/>
  <c r="AF48957" i="1"/>
  <c r="AF48958" i="1"/>
  <c r="AF48959" i="1"/>
  <c r="AF48960" i="1"/>
  <c r="AF48961" i="1"/>
  <c r="AF48962" i="1"/>
  <c r="AF48963" i="1"/>
  <c r="AF48964" i="1"/>
  <c r="AF48965" i="1"/>
  <c r="AF48966" i="1"/>
  <c r="AF48967" i="1"/>
  <c r="AF48968" i="1"/>
  <c r="AF48969" i="1"/>
  <c r="AF48970" i="1"/>
  <c r="AF48971" i="1"/>
  <c r="AF48972" i="1"/>
  <c r="AF48973" i="1"/>
  <c r="AF48974" i="1"/>
  <c r="AF48975" i="1"/>
  <c r="AF48976" i="1"/>
  <c r="AF48977" i="1"/>
  <c r="AF48978" i="1"/>
  <c r="AF48979" i="1"/>
  <c r="AF48980" i="1"/>
  <c r="AF48981" i="1"/>
  <c r="AF48982" i="1"/>
  <c r="AF48983" i="1"/>
  <c r="AF48984" i="1"/>
  <c r="AF48985" i="1"/>
  <c r="AF48986" i="1"/>
  <c r="AF48987" i="1"/>
  <c r="AF48988" i="1"/>
  <c r="AF48989" i="1"/>
  <c r="AF48990" i="1"/>
  <c r="AF48991" i="1"/>
  <c r="AF48992" i="1"/>
  <c r="AF48993" i="1"/>
  <c r="AF48994" i="1"/>
  <c r="AF48995" i="1"/>
  <c r="AF48996" i="1"/>
  <c r="AF48997" i="1"/>
  <c r="AF48998" i="1"/>
  <c r="AF48999" i="1"/>
  <c r="AF49000" i="1"/>
  <c r="AF49001" i="1"/>
  <c r="AF49002" i="1"/>
  <c r="AF49003" i="1"/>
  <c r="AF49004" i="1"/>
  <c r="AF49005" i="1"/>
  <c r="AF49006" i="1"/>
  <c r="AF49007" i="1"/>
  <c r="AF49008" i="1"/>
  <c r="AF49009" i="1"/>
  <c r="AF49010" i="1"/>
  <c r="AF49011" i="1"/>
  <c r="AF49012" i="1"/>
  <c r="AF49013" i="1"/>
  <c r="AF49014" i="1"/>
  <c r="AF49015" i="1"/>
  <c r="AF49016" i="1"/>
  <c r="AF49017" i="1"/>
  <c r="AF49018" i="1"/>
  <c r="AF49019" i="1"/>
  <c r="AF49020" i="1"/>
  <c r="AF49021" i="1"/>
  <c r="AF49022" i="1"/>
  <c r="AF49023" i="1"/>
  <c r="AF49024" i="1"/>
  <c r="AF49025" i="1"/>
  <c r="AF49026" i="1"/>
  <c r="AF49027" i="1"/>
  <c r="AF49028" i="1"/>
  <c r="AF49029" i="1"/>
  <c r="AF49030" i="1"/>
  <c r="AF49031" i="1"/>
  <c r="AF49032" i="1"/>
  <c r="AF49033" i="1"/>
  <c r="AF49034" i="1"/>
  <c r="AF49035" i="1"/>
  <c r="AF49036" i="1"/>
  <c r="AF49037" i="1"/>
  <c r="AF49038" i="1"/>
  <c r="AF49039" i="1"/>
  <c r="AF49040" i="1"/>
  <c r="AF49041" i="1"/>
  <c r="AF49042" i="1"/>
  <c r="AF49043" i="1"/>
  <c r="AF49044" i="1"/>
  <c r="AF49045" i="1"/>
  <c r="AF49046" i="1"/>
  <c r="AF49047" i="1"/>
  <c r="AF49048" i="1"/>
  <c r="AF49049" i="1"/>
  <c r="AF49050" i="1"/>
  <c r="AF49051" i="1"/>
  <c r="AF49052" i="1"/>
  <c r="AF49053" i="1"/>
  <c r="AF49054" i="1"/>
  <c r="AF49055" i="1"/>
  <c r="AF49056" i="1"/>
  <c r="AF49057" i="1"/>
  <c r="AF49058" i="1"/>
  <c r="AF49059" i="1"/>
  <c r="AF49060" i="1"/>
  <c r="AF49061" i="1"/>
  <c r="AF49062" i="1"/>
  <c r="AF49063" i="1"/>
  <c r="AF49064" i="1"/>
  <c r="AF49065" i="1"/>
  <c r="AF49066" i="1"/>
  <c r="AF49067" i="1"/>
  <c r="AF49068" i="1"/>
  <c r="AF49069" i="1"/>
  <c r="AF49070" i="1"/>
  <c r="AF49071" i="1"/>
  <c r="AF49072" i="1"/>
  <c r="AF49073" i="1"/>
  <c r="AF49074" i="1"/>
  <c r="AF49075" i="1"/>
  <c r="AF49076" i="1"/>
  <c r="AF49077" i="1"/>
  <c r="AF49078" i="1"/>
  <c r="AF49079" i="1"/>
  <c r="AF49080" i="1"/>
  <c r="AF49081" i="1"/>
  <c r="AF49082" i="1"/>
  <c r="AF49083" i="1"/>
  <c r="AF49084" i="1"/>
  <c r="AF49085" i="1"/>
  <c r="AF49086" i="1"/>
  <c r="AF49087" i="1"/>
  <c r="AF49088" i="1"/>
  <c r="AF49089" i="1"/>
  <c r="AF49090" i="1"/>
  <c r="AF49091" i="1"/>
  <c r="AF49092" i="1"/>
  <c r="AF49093" i="1"/>
  <c r="AF49094" i="1"/>
  <c r="AF49095" i="1"/>
  <c r="AF49096" i="1"/>
  <c r="AF49097" i="1"/>
  <c r="AF49098" i="1"/>
  <c r="AF49099" i="1"/>
  <c r="AF49100" i="1"/>
  <c r="AF49101" i="1"/>
  <c r="AF49102" i="1"/>
  <c r="AF49103" i="1"/>
  <c r="AF49104" i="1"/>
  <c r="AF49105" i="1"/>
  <c r="AF49106" i="1"/>
  <c r="AF49107" i="1"/>
  <c r="AF49108" i="1"/>
  <c r="AF49109" i="1"/>
  <c r="AF49110" i="1"/>
  <c r="AF49111" i="1"/>
  <c r="AF49112" i="1"/>
  <c r="AF49113" i="1"/>
  <c r="AF49114" i="1"/>
  <c r="AF49115" i="1"/>
  <c r="AF49116" i="1"/>
  <c r="AF49117" i="1"/>
  <c r="AF49118" i="1"/>
  <c r="AF49119" i="1"/>
  <c r="AF49120" i="1"/>
  <c r="AF49121" i="1"/>
  <c r="AF49122" i="1"/>
  <c r="AF49123" i="1"/>
  <c r="AF49124" i="1"/>
  <c r="AF49125" i="1"/>
  <c r="AF49126" i="1"/>
  <c r="AF49127" i="1"/>
  <c r="AF49128" i="1"/>
  <c r="AF49129" i="1"/>
  <c r="AF49130" i="1"/>
  <c r="AF49131" i="1"/>
  <c r="AF49132" i="1"/>
  <c r="AF49133" i="1"/>
  <c r="AF49134" i="1"/>
  <c r="AF49135" i="1"/>
  <c r="AF49136" i="1"/>
  <c r="AF49137" i="1"/>
  <c r="AF49138" i="1"/>
  <c r="AF49139" i="1"/>
  <c r="AF49140" i="1"/>
  <c r="AF49141" i="1"/>
  <c r="AF49142" i="1"/>
  <c r="AF49143" i="1"/>
  <c r="AF49144" i="1"/>
  <c r="AF49145" i="1"/>
  <c r="AF49146" i="1"/>
  <c r="AF49147" i="1"/>
  <c r="AF49148" i="1"/>
  <c r="AF49149" i="1"/>
  <c r="AF49150" i="1"/>
  <c r="AF49151" i="1"/>
  <c r="AF49152" i="1"/>
  <c r="AF49153" i="1"/>
  <c r="AF49154" i="1"/>
  <c r="AF49155" i="1"/>
  <c r="AF49156" i="1"/>
  <c r="AF49157" i="1"/>
  <c r="AF49158" i="1"/>
  <c r="AF49159" i="1"/>
  <c r="AF49160" i="1"/>
  <c r="AF49161" i="1"/>
  <c r="AF49162" i="1"/>
  <c r="AF49163" i="1"/>
  <c r="AF49164" i="1"/>
  <c r="AF49165" i="1"/>
  <c r="AF49166" i="1"/>
  <c r="AF49167" i="1"/>
  <c r="AF49168" i="1"/>
  <c r="AF49169" i="1"/>
  <c r="AF49170" i="1"/>
  <c r="AF49171" i="1"/>
  <c r="AF49172" i="1"/>
  <c r="AF49173" i="1"/>
  <c r="AF49174" i="1"/>
  <c r="AF49175" i="1"/>
  <c r="AF49176" i="1"/>
  <c r="AF49177" i="1"/>
  <c r="AF49178" i="1"/>
  <c r="AF49179" i="1"/>
  <c r="AF49180" i="1"/>
  <c r="AF49181" i="1"/>
  <c r="AF49182" i="1"/>
  <c r="AF49183" i="1"/>
  <c r="AF49184" i="1"/>
  <c r="AF49185" i="1"/>
  <c r="AF49186" i="1"/>
  <c r="AF49187" i="1"/>
  <c r="AF49188" i="1"/>
  <c r="AF49189" i="1"/>
  <c r="AF49190" i="1"/>
  <c r="AF49191" i="1"/>
  <c r="AF49192" i="1"/>
  <c r="AF49193" i="1"/>
  <c r="AF49194" i="1"/>
  <c r="AF49195" i="1"/>
  <c r="AF49196" i="1"/>
  <c r="AF49197" i="1"/>
  <c r="AF49198" i="1"/>
  <c r="AF49199" i="1"/>
  <c r="AF49200" i="1"/>
  <c r="AF49201" i="1"/>
  <c r="AF49202" i="1"/>
  <c r="AF49203" i="1"/>
  <c r="AF49204" i="1"/>
  <c r="AF49205" i="1"/>
  <c r="AF49206" i="1"/>
  <c r="AF49207" i="1"/>
  <c r="AF49208" i="1"/>
  <c r="AF49209" i="1"/>
  <c r="AF49210" i="1"/>
  <c r="AF49211" i="1"/>
  <c r="AF49212" i="1"/>
  <c r="AF49213" i="1"/>
  <c r="AF49214" i="1"/>
  <c r="AF49215" i="1"/>
  <c r="AF49216" i="1"/>
  <c r="AF49217" i="1"/>
  <c r="AF49218" i="1"/>
  <c r="AF49219" i="1"/>
  <c r="AF49220" i="1"/>
  <c r="AF49221" i="1"/>
  <c r="AF49222" i="1"/>
  <c r="AF49223" i="1"/>
  <c r="AF49224" i="1"/>
  <c r="AF49225" i="1"/>
  <c r="AF49226" i="1"/>
  <c r="AF49227" i="1"/>
  <c r="AF49228" i="1"/>
  <c r="AF49229" i="1"/>
  <c r="AF49230" i="1"/>
  <c r="AF49231" i="1"/>
  <c r="AF49232" i="1"/>
  <c r="AF49233" i="1"/>
  <c r="AF49234" i="1"/>
  <c r="AF49235" i="1"/>
  <c r="AF49236" i="1"/>
  <c r="AF49237" i="1"/>
  <c r="AF49238" i="1"/>
  <c r="AF49239" i="1"/>
  <c r="AF49240" i="1"/>
  <c r="AF49241" i="1"/>
  <c r="AF49242" i="1"/>
  <c r="AF49243" i="1"/>
  <c r="AF49244" i="1"/>
  <c r="AF49245" i="1"/>
  <c r="AF49246" i="1"/>
  <c r="AF49247" i="1"/>
  <c r="AF49248" i="1"/>
  <c r="AF49249" i="1"/>
  <c r="AF49250" i="1"/>
  <c r="AF49251" i="1"/>
  <c r="AF49252" i="1"/>
  <c r="AF49253" i="1"/>
  <c r="AF49254" i="1"/>
  <c r="AF49255" i="1"/>
  <c r="AF49256" i="1"/>
  <c r="AF49257" i="1"/>
  <c r="AF49258" i="1"/>
  <c r="AF49259" i="1"/>
  <c r="AF49260" i="1"/>
  <c r="AF49261" i="1"/>
  <c r="AF49262" i="1"/>
  <c r="AF49263" i="1"/>
  <c r="AF49264" i="1"/>
  <c r="AF49265" i="1"/>
  <c r="AF49266" i="1"/>
  <c r="AF49267" i="1"/>
  <c r="AF49268" i="1"/>
  <c r="AF49269" i="1"/>
  <c r="AF49270" i="1"/>
  <c r="AF49271" i="1"/>
  <c r="AF49272" i="1"/>
  <c r="AF49273" i="1"/>
  <c r="AF49274" i="1"/>
  <c r="AF49275" i="1"/>
  <c r="AF49276" i="1"/>
  <c r="AF49277" i="1"/>
  <c r="AF49278" i="1"/>
  <c r="AF49279" i="1"/>
  <c r="AF49280" i="1"/>
  <c r="AF49281" i="1"/>
  <c r="AF49282" i="1"/>
  <c r="AF49283" i="1"/>
  <c r="AF49284" i="1"/>
  <c r="AF49285" i="1"/>
  <c r="AF49286" i="1"/>
  <c r="AF49287" i="1"/>
  <c r="AF49288" i="1"/>
  <c r="AF49289" i="1"/>
  <c r="AF49290" i="1"/>
  <c r="AF49291" i="1"/>
  <c r="AF49292" i="1"/>
  <c r="AF49293" i="1"/>
  <c r="AF49294" i="1"/>
  <c r="AF49295" i="1"/>
  <c r="AF49296" i="1"/>
  <c r="AF49297" i="1"/>
  <c r="AF49298" i="1"/>
  <c r="AF49299" i="1"/>
  <c r="AF49300" i="1"/>
  <c r="AF49301" i="1"/>
  <c r="AF49302" i="1"/>
  <c r="AF49303" i="1"/>
  <c r="AF49304" i="1"/>
  <c r="AF49305" i="1"/>
  <c r="AF49306" i="1"/>
  <c r="AF49307" i="1"/>
  <c r="AF49308" i="1"/>
  <c r="AF49309" i="1"/>
  <c r="AF49310" i="1"/>
  <c r="AF49311" i="1"/>
  <c r="AF49312" i="1"/>
  <c r="AF49313" i="1"/>
  <c r="AF49314" i="1"/>
  <c r="AF49315" i="1"/>
  <c r="AF49316" i="1"/>
  <c r="AF49317" i="1"/>
  <c r="AF49318" i="1"/>
  <c r="AF49319" i="1"/>
  <c r="AF49320" i="1"/>
  <c r="AF49321" i="1"/>
  <c r="AF49322" i="1"/>
  <c r="AF49323" i="1"/>
  <c r="AF49324" i="1"/>
  <c r="AF49325" i="1"/>
  <c r="AF49326" i="1"/>
  <c r="AF49327" i="1"/>
  <c r="AF49328" i="1"/>
  <c r="AF49329" i="1"/>
  <c r="AF49330" i="1"/>
  <c r="AF49331" i="1"/>
  <c r="AF49332" i="1"/>
  <c r="AF49333" i="1"/>
  <c r="AF49334" i="1"/>
  <c r="AF49335" i="1"/>
  <c r="AF49336" i="1"/>
  <c r="AF49337" i="1"/>
  <c r="AF49338" i="1"/>
  <c r="AF49339" i="1"/>
  <c r="AF49340" i="1"/>
  <c r="AF49341" i="1"/>
  <c r="AF49342" i="1"/>
  <c r="AF49343" i="1"/>
  <c r="AF49344" i="1"/>
  <c r="AF49345" i="1"/>
  <c r="AF49346" i="1"/>
  <c r="AF49347" i="1"/>
  <c r="AF49348" i="1"/>
  <c r="AF49349" i="1"/>
  <c r="AF49350" i="1"/>
  <c r="AF49351" i="1"/>
  <c r="AF49352" i="1"/>
  <c r="AF49353" i="1"/>
  <c r="AF49354" i="1"/>
  <c r="AF49355" i="1"/>
  <c r="AF49356" i="1"/>
  <c r="AF49357" i="1"/>
  <c r="AF49358" i="1"/>
  <c r="AF49359" i="1"/>
  <c r="AF49360" i="1"/>
  <c r="AF49361" i="1"/>
  <c r="AF49362" i="1"/>
  <c r="AF49363" i="1"/>
  <c r="AF49364" i="1"/>
  <c r="AF49365" i="1"/>
  <c r="AF49366" i="1"/>
  <c r="AF49367" i="1"/>
  <c r="AF49368" i="1"/>
  <c r="AF49369" i="1"/>
  <c r="AF49370" i="1"/>
  <c r="AF49371" i="1"/>
  <c r="AF49372" i="1"/>
  <c r="AF49373" i="1"/>
  <c r="AF49374" i="1"/>
  <c r="AF49375" i="1"/>
  <c r="AF49376" i="1"/>
  <c r="AF49377" i="1"/>
  <c r="AF49378" i="1"/>
  <c r="AF49379" i="1"/>
  <c r="AF49380" i="1"/>
  <c r="AF49381" i="1"/>
  <c r="AF49382" i="1"/>
  <c r="AF49383" i="1"/>
  <c r="AF49384" i="1"/>
  <c r="AF49385" i="1"/>
  <c r="AF49386" i="1"/>
  <c r="AF49387" i="1"/>
  <c r="AF49388" i="1"/>
  <c r="AF49389" i="1"/>
  <c r="AF49390" i="1"/>
  <c r="AF49391" i="1"/>
  <c r="AF49392" i="1"/>
  <c r="AF49393" i="1"/>
  <c r="AF49394" i="1"/>
  <c r="AF49395" i="1"/>
  <c r="AF49396" i="1"/>
  <c r="AF49397" i="1"/>
  <c r="AF49398" i="1"/>
  <c r="AF49399" i="1"/>
  <c r="AF49400" i="1"/>
  <c r="AF49401" i="1"/>
  <c r="AF49402" i="1"/>
  <c r="AF49403" i="1"/>
  <c r="AF49404" i="1"/>
  <c r="AF49405" i="1"/>
  <c r="AF49406" i="1"/>
  <c r="AF49407" i="1"/>
  <c r="AF49408" i="1"/>
  <c r="AF49409" i="1"/>
  <c r="AF49410" i="1"/>
  <c r="AF49411" i="1"/>
  <c r="AF49412" i="1"/>
  <c r="AF49413" i="1"/>
  <c r="AF49414" i="1"/>
  <c r="AF49415" i="1"/>
  <c r="AF49416" i="1"/>
  <c r="AF49417" i="1"/>
  <c r="AF49418" i="1"/>
  <c r="AF49419" i="1"/>
  <c r="AF49420" i="1"/>
  <c r="AF49421" i="1"/>
  <c r="AF49422" i="1"/>
  <c r="AF49423" i="1"/>
  <c r="AF49424" i="1"/>
  <c r="AF49425" i="1"/>
  <c r="AF49426" i="1"/>
  <c r="AF49427" i="1"/>
  <c r="AF49428" i="1"/>
  <c r="AF49429" i="1"/>
  <c r="AF49430" i="1"/>
  <c r="AF49431" i="1"/>
  <c r="AF49432" i="1"/>
  <c r="AF49433" i="1"/>
  <c r="AF49434" i="1"/>
  <c r="AF49435" i="1"/>
  <c r="AF49436" i="1"/>
  <c r="AF49437" i="1"/>
  <c r="AF49438" i="1"/>
  <c r="AF49439" i="1"/>
  <c r="AF49440" i="1"/>
  <c r="AF49441" i="1"/>
  <c r="AF49442" i="1"/>
  <c r="AF49443" i="1"/>
  <c r="AF49444" i="1"/>
  <c r="AF49445" i="1"/>
  <c r="AF49446" i="1"/>
  <c r="AF49447" i="1"/>
  <c r="AF49448" i="1"/>
  <c r="AF49449" i="1"/>
  <c r="AF49450" i="1"/>
  <c r="AF49451" i="1"/>
  <c r="AF49452" i="1"/>
  <c r="AF49453" i="1"/>
  <c r="AF49454" i="1"/>
  <c r="AF49455" i="1"/>
  <c r="AF49456" i="1"/>
  <c r="AF49457" i="1"/>
  <c r="AF49458" i="1"/>
  <c r="AF49459" i="1"/>
  <c r="AF49460" i="1"/>
  <c r="AF49461" i="1"/>
  <c r="AF49462" i="1"/>
  <c r="AF49463" i="1"/>
  <c r="AF49464" i="1"/>
  <c r="AF49465" i="1"/>
  <c r="AF49466" i="1"/>
  <c r="AF49467" i="1"/>
  <c r="AF49468" i="1"/>
  <c r="AF49469" i="1"/>
  <c r="AF49470" i="1"/>
  <c r="AF49471" i="1"/>
  <c r="AF49472" i="1"/>
  <c r="AF49473" i="1"/>
  <c r="AF49474" i="1"/>
  <c r="AF49475" i="1"/>
  <c r="AF49476" i="1"/>
  <c r="AF49477" i="1"/>
  <c r="AF49478" i="1"/>
  <c r="AF49479" i="1"/>
  <c r="AF49480" i="1"/>
  <c r="AF49481" i="1"/>
  <c r="AF49482" i="1"/>
  <c r="AF49483" i="1"/>
  <c r="AF49484" i="1"/>
  <c r="AF49485" i="1"/>
  <c r="AF49486" i="1"/>
  <c r="AF49487" i="1"/>
  <c r="AF49488" i="1"/>
  <c r="AF49489" i="1"/>
  <c r="AF49490" i="1"/>
  <c r="AF49491" i="1"/>
  <c r="AF49492" i="1"/>
  <c r="AF49493" i="1"/>
  <c r="AF49494" i="1"/>
  <c r="AF49495" i="1"/>
  <c r="AF49496" i="1"/>
  <c r="AF49497" i="1"/>
  <c r="AF49498" i="1"/>
  <c r="AF49499" i="1"/>
  <c r="AF49500" i="1"/>
  <c r="AF49501" i="1"/>
  <c r="AF49502" i="1"/>
  <c r="AF49503" i="1"/>
  <c r="AF49504" i="1"/>
  <c r="AF49505" i="1"/>
  <c r="AF49506" i="1"/>
  <c r="AF49507" i="1"/>
  <c r="AF49508" i="1"/>
  <c r="AF49509" i="1"/>
  <c r="AF49510" i="1"/>
  <c r="AF49511" i="1"/>
  <c r="AF49512" i="1"/>
  <c r="AF49513" i="1"/>
  <c r="AF49514" i="1"/>
  <c r="AF49515" i="1"/>
  <c r="AF49516" i="1"/>
  <c r="AF49517" i="1"/>
  <c r="AF49518" i="1"/>
  <c r="AF49519" i="1"/>
  <c r="AF49520" i="1"/>
  <c r="AF49521" i="1"/>
  <c r="AF49522" i="1"/>
  <c r="AF49523" i="1"/>
  <c r="AF49524" i="1"/>
  <c r="AF49525" i="1"/>
  <c r="AF49526" i="1"/>
  <c r="AF49527" i="1"/>
  <c r="AF49528" i="1"/>
  <c r="AF49529" i="1"/>
  <c r="AF49530" i="1"/>
  <c r="AF49531" i="1"/>
  <c r="AF49532" i="1"/>
  <c r="AF49533" i="1"/>
  <c r="AF49534" i="1"/>
  <c r="AF49535" i="1"/>
  <c r="AF49536" i="1"/>
  <c r="AF49537" i="1"/>
  <c r="AF49538" i="1"/>
  <c r="AF49539" i="1"/>
  <c r="AF49540" i="1"/>
  <c r="AF49541" i="1"/>
  <c r="AF49542" i="1"/>
  <c r="AF49543" i="1"/>
  <c r="AF49544" i="1"/>
  <c r="AF49545" i="1"/>
  <c r="AF49546" i="1"/>
  <c r="AF49547" i="1"/>
  <c r="AF49548" i="1"/>
  <c r="AF49549" i="1"/>
  <c r="AF49550" i="1"/>
  <c r="AF49551" i="1"/>
  <c r="AF49552" i="1"/>
  <c r="AF49553" i="1"/>
  <c r="AF49554" i="1"/>
  <c r="AF49555" i="1"/>
  <c r="AF49556" i="1"/>
  <c r="AF49557" i="1"/>
  <c r="AF49558" i="1"/>
  <c r="AF49559" i="1"/>
  <c r="AF49560" i="1"/>
  <c r="AF49561" i="1"/>
  <c r="AF49562" i="1"/>
  <c r="AF49563" i="1"/>
  <c r="AF49564" i="1"/>
  <c r="AF49565" i="1"/>
  <c r="AF49566" i="1"/>
  <c r="AF49567" i="1"/>
  <c r="AF49568" i="1"/>
  <c r="AF49569" i="1"/>
  <c r="AF49570" i="1"/>
  <c r="AF49571" i="1"/>
  <c r="AF49572" i="1"/>
  <c r="AF49573" i="1"/>
  <c r="AF49574" i="1"/>
  <c r="AF49575" i="1"/>
  <c r="AF49576" i="1"/>
  <c r="AF49577" i="1"/>
  <c r="AF49578" i="1"/>
  <c r="AF49579" i="1"/>
  <c r="AF49580" i="1"/>
  <c r="AF49581" i="1"/>
  <c r="AF49582" i="1"/>
  <c r="AF49583" i="1"/>
  <c r="AF49584" i="1"/>
  <c r="AF49585" i="1"/>
  <c r="AF49586" i="1"/>
  <c r="AF49587" i="1"/>
  <c r="AF49588" i="1"/>
  <c r="AF49589" i="1"/>
  <c r="AF49590" i="1"/>
  <c r="AF49591" i="1"/>
  <c r="AF49592" i="1"/>
  <c r="AF49593" i="1"/>
  <c r="AF49594" i="1"/>
  <c r="AF49595" i="1"/>
  <c r="AF49596" i="1"/>
  <c r="AF49597" i="1"/>
  <c r="AF49598" i="1"/>
  <c r="AF49599" i="1"/>
  <c r="AF49600" i="1"/>
  <c r="AF49601" i="1"/>
  <c r="AF49602" i="1"/>
  <c r="AF49603" i="1"/>
  <c r="AF49604" i="1"/>
  <c r="AF49605" i="1"/>
  <c r="AF49606" i="1"/>
  <c r="AF49607" i="1"/>
  <c r="AF49608" i="1"/>
  <c r="AF49609" i="1"/>
  <c r="AF49610" i="1"/>
  <c r="AF49611" i="1"/>
  <c r="AF49612" i="1"/>
  <c r="AF49613" i="1"/>
  <c r="AF49614" i="1"/>
  <c r="AF49615" i="1"/>
  <c r="AF49616" i="1"/>
  <c r="AF49617" i="1"/>
  <c r="AF49618" i="1"/>
  <c r="AF49619" i="1"/>
  <c r="AF49620" i="1"/>
  <c r="AF49621" i="1"/>
  <c r="AF49622" i="1"/>
  <c r="AF49623" i="1"/>
  <c r="AF49624" i="1"/>
  <c r="AF49625" i="1"/>
  <c r="AF49626" i="1"/>
  <c r="AF49627" i="1"/>
  <c r="AF49628" i="1"/>
  <c r="AF49629" i="1"/>
  <c r="AF49630" i="1"/>
  <c r="AF49631" i="1"/>
  <c r="AF49632" i="1"/>
  <c r="AF49633" i="1"/>
  <c r="AF49634" i="1"/>
  <c r="AF49635" i="1"/>
  <c r="AF49636" i="1"/>
  <c r="AF49637" i="1"/>
  <c r="AF49638" i="1"/>
  <c r="AF49639" i="1"/>
  <c r="AF49640" i="1"/>
  <c r="AF49641" i="1"/>
  <c r="AF49642" i="1"/>
  <c r="AF49643" i="1"/>
  <c r="AF49644" i="1"/>
  <c r="AF49645" i="1"/>
  <c r="AF49646" i="1"/>
  <c r="AF49647" i="1"/>
  <c r="AF49648" i="1"/>
  <c r="AF49649" i="1"/>
  <c r="AF49650" i="1"/>
  <c r="AF49651" i="1"/>
  <c r="AF49652" i="1"/>
  <c r="AF49653" i="1"/>
  <c r="AF49654" i="1"/>
  <c r="AF49655" i="1"/>
  <c r="AF49656" i="1"/>
  <c r="AF49657" i="1"/>
  <c r="AF49658" i="1"/>
  <c r="AF49659" i="1"/>
  <c r="AF49660" i="1"/>
  <c r="AF49661" i="1"/>
  <c r="AF49662" i="1"/>
  <c r="AF49663" i="1"/>
  <c r="AF49664" i="1"/>
  <c r="AF49665" i="1"/>
  <c r="AF49666" i="1"/>
  <c r="AF49667" i="1"/>
  <c r="AF49668" i="1"/>
  <c r="AF49669" i="1"/>
  <c r="AF49670" i="1"/>
  <c r="AF49671" i="1"/>
  <c r="AF49672" i="1"/>
  <c r="AF49673" i="1"/>
  <c r="AF49674" i="1"/>
  <c r="AF49675" i="1"/>
  <c r="AF49676" i="1"/>
  <c r="AF49677" i="1"/>
  <c r="AF49678" i="1"/>
  <c r="AF49679" i="1"/>
  <c r="AF49680" i="1"/>
  <c r="AF49681" i="1"/>
  <c r="AF49682" i="1"/>
  <c r="AF49683" i="1"/>
  <c r="AF49684" i="1"/>
  <c r="AF49685" i="1"/>
  <c r="AF49686" i="1"/>
  <c r="AF49687" i="1"/>
  <c r="AF49688" i="1"/>
  <c r="AF49689" i="1"/>
  <c r="AF49690" i="1"/>
  <c r="AF49691" i="1"/>
  <c r="AF49692" i="1"/>
  <c r="AF49693" i="1"/>
  <c r="AF49694" i="1"/>
  <c r="AF49695" i="1"/>
  <c r="AF49696" i="1"/>
  <c r="AF49697" i="1"/>
  <c r="AF49698" i="1"/>
  <c r="AF49699" i="1"/>
  <c r="AF49700" i="1"/>
  <c r="AF49701" i="1"/>
  <c r="AF49702" i="1"/>
  <c r="AF49703" i="1"/>
  <c r="AF49704" i="1"/>
  <c r="AF49705" i="1"/>
  <c r="AF49706" i="1"/>
  <c r="AF49707" i="1"/>
  <c r="AF49708" i="1"/>
  <c r="AF49709" i="1"/>
  <c r="AF49710" i="1"/>
  <c r="AF49711" i="1"/>
  <c r="AF49712" i="1"/>
  <c r="AF49713" i="1"/>
  <c r="AF49714" i="1"/>
  <c r="AF49715" i="1"/>
  <c r="AF49716" i="1"/>
  <c r="AF49717" i="1"/>
  <c r="AF49718" i="1"/>
  <c r="AF49719" i="1"/>
  <c r="AF49720" i="1"/>
  <c r="AF49721" i="1"/>
  <c r="AF49722" i="1"/>
  <c r="AF49723" i="1"/>
  <c r="AF49724" i="1"/>
  <c r="AF49725" i="1"/>
  <c r="AF49726" i="1"/>
  <c r="AF49727" i="1"/>
  <c r="AF49728" i="1"/>
  <c r="AF49729" i="1"/>
  <c r="AF49730" i="1"/>
  <c r="AF49731" i="1"/>
  <c r="AF49732" i="1"/>
  <c r="AF49733" i="1"/>
  <c r="AF49734" i="1"/>
  <c r="AF49735" i="1"/>
  <c r="AF49736" i="1"/>
  <c r="AF49737" i="1"/>
  <c r="AF49738" i="1"/>
  <c r="AF49739" i="1"/>
  <c r="AF49740" i="1"/>
  <c r="AF49741" i="1"/>
  <c r="AF49742" i="1"/>
  <c r="AF49743" i="1"/>
  <c r="AF49744" i="1"/>
  <c r="AF49745" i="1"/>
  <c r="AF49746" i="1"/>
  <c r="AF49747" i="1"/>
  <c r="AF49748" i="1"/>
  <c r="AF49749" i="1"/>
  <c r="AF49750" i="1"/>
  <c r="AF49751" i="1"/>
  <c r="AF49752" i="1"/>
  <c r="AF49753" i="1"/>
  <c r="AF49754" i="1"/>
  <c r="AF49755" i="1"/>
  <c r="AF49756" i="1"/>
  <c r="AF49757" i="1"/>
  <c r="AF49758" i="1"/>
  <c r="AF49759" i="1"/>
  <c r="AF49760" i="1"/>
  <c r="AF49761" i="1"/>
  <c r="AF49762" i="1"/>
  <c r="AF49763" i="1"/>
  <c r="AF49764" i="1"/>
  <c r="AF49765" i="1"/>
  <c r="AF49766" i="1"/>
  <c r="AF49767" i="1"/>
  <c r="AF49768" i="1"/>
  <c r="AF49769" i="1"/>
  <c r="AF49770" i="1"/>
  <c r="AF49771" i="1"/>
  <c r="AF49772" i="1"/>
  <c r="AF49773" i="1"/>
  <c r="AF49774" i="1"/>
  <c r="AF49775" i="1"/>
  <c r="AF49776" i="1"/>
  <c r="AF49777" i="1"/>
  <c r="AF49778" i="1"/>
  <c r="AF49779" i="1"/>
  <c r="AF49780" i="1"/>
  <c r="AF49781" i="1"/>
  <c r="AF49782" i="1"/>
  <c r="AF49783" i="1"/>
  <c r="AF49784" i="1"/>
  <c r="AF49785" i="1"/>
  <c r="AF49786" i="1"/>
  <c r="AF49787" i="1"/>
  <c r="AF49788" i="1"/>
  <c r="AF49789" i="1"/>
  <c r="AF49790" i="1"/>
  <c r="AF49791" i="1"/>
  <c r="AF49792" i="1"/>
  <c r="AF49793" i="1"/>
  <c r="AF49794" i="1"/>
  <c r="AF49795" i="1"/>
  <c r="AF49796" i="1"/>
  <c r="AF49797" i="1"/>
  <c r="AF49798" i="1"/>
  <c r="AF49799" i="1"/>
  <c r="AF49800" i="1"/>
  <c r="AF49801" i="1"/>
  <c r="AF49802" i="1"/>
  <c r="AF49803" i="1"/>
  <c r="AF49804" i="1"/>
  <c r="AF49805" i="1"/>
  <c r="AF49806" i="1"/>
  <c r="AF49807" i="1"/>
  <c r="AF49808" i="1"/>
  <c r="AF49809" i="1"/>
  <c r="AF49810" i="1"/>
  <c r="AF49811" i="1"/>
  <c r="AF49812" i="1"/>
  <c r="AF49813" i="1"/>
  <c r="AF49814" i="1"/>
  <c r="AF49815" i="1"/>
  <c r="AF49816" i="1"/>
  <c r="AF49817" i="1"/>
  <c r="AF49818" i="1"/>
  <c r="AF49819" i="1"/>
  <c r="AF49820" i="1"/>
  <c r="AF49821" i="1"/>
  <c r="AF49822" i="1"/>
  <c r="AF49823" i="1"/>
  <c r="AF49824" i="1"/>
  <c r="AF49825" i="1"/>
  <c r="AF49826" i="1"/>
  <c r="AF49827" i="1"/>
  <c r="AF49828" i="1"/>
  <c r="AF49829" i="1"/>
  <c r="AF49830" i="1"/>
  <c r="AF49831" i="1"/>
  <c r="AF49832" i="1"/>
  <c r="AF49833" i="1"/>
  <c r="AF49834" i="1"/>
  <c r="AF49835" i="1"/>
  <c r="AF49836" i="1"/>
  <c r="AF49837" i="1"/>
  <c r="AF49838" i="1"/>
  <c r="AF49839" i="1"/>
  <c r="AF49840" i="1"/>
  <c r="AF49841" i="1"/>
  <c r="AF49842" i="1"/>
  <c r="AF49843" i="1"/>
  <c r="AF49844" i="1"/>
  <c r="AF49845" i="1"/>
  <c r="AF49846" i="1"/>
  <c r="AF49847" i="1"/>
  <c r="AF49848" i="1"/>
  <c r="AF49849" i="1"/>
  <c r="AF49850" i="1"/>
  <c r="AF49851" i="1"/>
  <c r="AF49852" i="1"/>
  <c r="AF49853" i="1"/>
  <c r="AF49854" i="1"/>
  <c r="AF49855" i="1"/>
  <c r="AF49856" i="1"/>
  <c r="AF49857" i="1"/>
  <c r="AF49858" i="1"/>
  <c r="AF49859" i="1"/>
  <c r="AF49860" i="1"/>
  <c r="AF49861" i="1"/>
  <c r="AF49862" i="1"/>
  <c r="AF49863" i="1"/>
  <c r="AF49864" i="1"/>
  <c r="AF49865" i="1"/>
  <c r="AF49866" i="1"/>
  <c r="AF49867" i="1"/>
  <c r="AF49868" i="1"/>
  <c r="AF49869" i="1"/>
  <c r="AF49870" i="1"/>
  <c r="AF49871" i="1"/>
  <c r="AF49872" i="1"/>
  <c r="AF49873" i="1"/>
  <c r="AF49874" i="1"/>
  <c r="AF49875" i="1"/>
  <c r="AF49876" i="1"/>
  <c r="AF49877" i="1"/>
  <c r="AF49878" i="1"/>
  <c r="AF49879" i="1"/>
  <c r="AF49880" i="1"/>
  <c r="AF49881" i="1"/>
  <c r="AF49882" i="1"/>
  <c r="AF49883" i="1"/>
  <c r="AF49884" i="1"/>
  <c r="AF49885" i="1"/>
  <c r="AF49886" i="1"/>
  <c r="AF49887" i="1"/>
  <c r="AF49888" i="1"/>
  <c r="AF49889" i="1"/>
  <c r="AF49890" i="1"/>
  <c r="AF49891" i="1"/>
  <c r="AF49892" i="1"/>
  <c r="AF49893" i="1"/>
  <c r="AF49894" i="1"/>
  <c r="AF49895" i="1"/>
  <c r="AF49896" i="1"/>
  <c r="AF49897" i="1"/>
  <c r="AF49898" i="1"/>
  <c r="AF49899" i="1"/>
  <c r="AF49900" i="1"/>
  <c r="AF49901" i="1"/>
  <c r="AF49902" i="1"/>
  <c r="AF49903" i="1"/>
  <c r="AF49904" i="1"/>
  <c r="AF49905" i="1"/>
  <c r="AF49906" i="1"/>
  <c r="AF49907" i="1"/>
  <c r="AF49908" i="1"/>
  <c r="AF49909" i="1"/>
  <c r="AF49910" i="1"/>
  <c r="AF49911" i="1"/>
  <c r="AF49912" i="1"/>
  <c r="AF49913" i="1"/>
  <c r="AF49914" i="1"/>
  <c r="AF49915" i="1"/>
  <c r="AF49916" i="1"/>
  <c r="AF49917" i="1"/>
  <c r="AF49918" i="1"/>
  <c r="AF49919" i="1"/>
  <c r="AF49920" i="1"/>
  <c r="AF49921" i="1"/>
  <c r="AF49922" i="1"/>
  <c r="AF49923" i="1"/>
  <c r="AF49924" i="1"/>
  <c r="AF49925" i="1"/>
  <c r="AF49926" i="1"/>
  <c r="AF49927" i="1"/>
  <c r="AF49928" i="1"/>
  <c r="AF49929" i="1"/>
  <c r="AF49930" i="1"/>
  <c r="AF49931" i="1"/>
  <c r="AF49932" i="1"/>
  <c r="AF49933" i="1"/>
  <c r="AF49934" i="1"/>
  <c r="AF49935" i="1"/>
  <c r="AF49936" i="1"/>
  <c r="AF49937" i="1"/>
  <c r="AF49938" i="1"/>
  <c r="AF49939" i="1"/>
  <c r="AF49940" i="1"/>
  <c r="AF49941" i="1"/>
  <c r="AF49942" i="1"/>
  <c r="AF49943" i="1"/>
  <c r="AF49944" i="1"/>
  <c r="AF49945" i="1"/>
  <c r="AF49946" i="1"/>
  <c r="AF49947" i="1"/>
  <c r="AF49948" i="1"/>
  <c r="AF49949" i="1"/>
  <c r="AF49950" i="1"/>
  <c r="AF49951" i="1"/>
  <c r="AF49952" i="1"/>
  <c r="AF49953" i="1"/>
  <c r="AF49954" i="1"/>
  <c r="AF49955" i="1"/>
  <c r="AF49956" i="1"/>
  <c r="AF49957" i="1"/>
  <c r="AF49958" i="1"/>
  <c r="AF49959" i="1"/>
  <c r="AF49960" i="1"/>
  <c r="AF49961" i="1"/>
  <c r="AF49962" i="1"/>
  <c r="AF49963" i="1"/>
  <c r="AF49964" i="1"/>
  <c r="AF49965" i="1"/>
  <c r="AF49966" i="1"/>
  <c r="AF49967" i="1"/>
  <c r="AF49968" i="1"/>
  <c r="AF49969" i="1"/>
  <c r="AF49970" i="1"/>
  <c r="AF49971" i="1"/>
  <c r="AF49972" i="1"/>
  <c r="AF49973" i="1"/>
  <c r="AF49974" i="1"/>
  <c r="AF49975" i="1"/>
  <c r="AF49976" i="1"/>
  <c r="AF49977" i="1"/>
  <c r="AF49978" i="1"/>
  <c r="AF49979" i="1"/>
  <c r="AF49980" i="1"/>
  <c r="AF49981" i="1"/>
  <c r="AF49982" i="1"/>
  <c r="AF49983" i="1"/>
  <c r="AF49984" i="1"/>
  <c r="AF49985" i="1"/>
  <c r="AF49986" i="1"/>
  <c r="AF49987" i="1"/>
  <c r="AF49988" i="1"/>
  <c r="AF49989" i="1"/>
  <c r="AF49990" i="1"/>
  <c r="AF49991" i="1"/>
  <c r="AF49992" i="1"/>
  <c r="AF49993" i="1"/>
  <c r="AF49994" i="1"/>
  <c r="AF49995" i="1"/>
  <c r="AF49996" i="1"/>
  <c r="AF49997" i="1"/>
  <c r="AF49998" i="1"/>
  <c r="AF49999" i="1"/>
  <c r="AF50000" i="1"/>
  <c r="AF50001" i="1"/>
  <c r="AF50002" i="1"/>
  <c r="AF50003" i="1"/>
  <c r="AF50004" i="1"/>
  <c r="AF50005" i="1"/>
  <c r="AF50006" i="1"/>
  <c r="AF50007" i="1"/>
  <c r="AF50008" i="1"/>
  <c r="AF50009" i="1"/>
  <c r="AF50010" i="1"/>
  <c r="AF50011" i="1"/>
  <c r="AF50012" i="1"/>
  <c r="AF50013" i="1"/>
  <c r="AF50014" i="1"/>
  <c r="AF50015" i="1"/>
  <c r="AF50016" i="1"/>
  <c r="AF50017" i="1"/>
  <c r="AF50018" i="1"/>
  <c r="AF50019" i="1"/>
  <c r="AF50020" i="1"/>
  <c r="AF50021" i="1"/>
  <c r="AF50022" i="1"/>
  <c r="AF50023" i="1"/>
  <c r="AF50024" i="1"/>
  <c r="AF50025" i="1"/>
  <c r="AF50026" i="1"/>
  <c r="AF50027" i="1"/>
  <c r="AF50028" i="1"/>
  <c r="AF50029" i="1"/>
  <c r="AF50030" i="1"/>
  <c r="AF50031" i="1"/>
  <c r="AF50032" i="1"/>
  <c r="AF50033" i="1"/>
  <c r="AF50034" i="1"/>
  <c r="AF50035" i="1"/>
  <c r="AF50036" i="1"/>
  <c r="AF50037" i="1"/>
  <c r="AF50038" i="1"/>
  <c r="AF50039" i="1"/>
  <c r="AF50040" i="1"/>
  <c r="AF50041" i="1"/>
  <c r="AF50042" i="1"/>
  <c r="AF50043" i="1"/>
  <c r="AF50044" i="1"/>
  <c r="AF50045" i="1"/>
  <c r="AF50046" i="1"/>
  <c r="AF50047" i="1"/>
  <c r="AF50048" i="1"/>
  <c r="AF50049" i="1"/>
  <c r="AF50050" i="1"/>
  <c r="AF50051" i="1"/>
  <c r="AF50052" i="1"/>
  <c r="AF50053" i="1"/>
  <c r="AF50054" i="1"/>
  <c r="AF50055" i="1"/>
  <c r="AF50056" i="1"/>
  <c r="AF50057" i="1"/>
  <c r="AF50058" i="1"/>
  <c r="AF50059" i="1"/>
  <c r="AF50060" i="1"/>
  <c r="AF50061" i="1"/>
  <c r="AF50062" i="1"/>
  <c r="AF50063" i="1"/>
  <c r="AF50064" i="1"/>
  <c r="AF50065" i="1"/>
  <c r="AF50066" i="1"/>
  <c r="AF50067" i="1"/>
  <c r="AF50068" i="1"/>
  <c r="AF50069" i="1"/>
  <c r="AF50070" i="1"/>
  <c r="AF50071" i="1"/>
  <c r="AF50072" i="1"/>
  <c r="AF50073" i="1"/>
  <c r="AF50074" i="1"/>
  <c r="AF50075" i="1"/>
  <c r="AF50076" i="1"/>
  <c r="AF50077" i="1"/>
  <c r="AF50078" i="1"/>
  <c r="AF50079" i="1"/>
  <c r="AF50080" i="1"/>
  <c r="AF50081" i="1"/>
  <c r="AF50082" i="1"/>
  <c r="AF50083" i="1"/>
  <c r="AF50084" i="1"/>
  <c r="AF50085" i="1"/>
  <c r="AF50086" i="1"/>
  <c r="AF50087" i="1"/>
  <c r="AF50088" i="1"/>
  <c r="AF50089" i="1"/>
  <c r="AF50090" i="1"/>
  <c r="AF50091" i="1"/>
  <c r="AF50092" i="1"/>
  <c r="AF50093" i="1"/>
  <c r="AF50094" i="1"/>
  <c r="AF50095" i="1"/>
  <c r="AF50096" i="1"/>
  <c r="AF50097" i="1"/>
  <c r="AF50098" i="1"/>
  <c r="AF50099" i="1"/>
  <c r="AF50100" i="1"/>
  <c r="AF50101" i="1"/>
  <c r="AF50102" i="1"/>
  <c r="AF50103" i="1"/>
  <c r="AF50104" i="1"/>
  <c r="AF50105" i="1"/>
  <c r="AF50106" i="1"/>
  <c r="AF50107" i="1"/>
  <c r="AF50108" i="1"/>
  <c r="AF50109" i="1"/>
  <c r="AF50110" i="1"/>
  <c r="AF50111" i="1"/>
  <c r="AF50112" i="1"/>
  <c r="AF50113" i="1"/>
  <c r="AF50114" i="1"/>
  <c r="AF50115" i="1"/>
  <c r="AF50116" i="1"/>
  <c r="AF50117" i="1"/>
  <c r="AF50118" i="1"/>
  <c r="AF50119" i="1"/>
  <c r="AF50120" i="1"/>
  <c r="AF50121" i="1"/>
  <c r="AF50122" i="1"/>
  <c r="AF50123" i="1"/>
  <c r="AF50124" i="1"/>
  <c r="AF50125" i="1"/>
  <c r="AF50126" i="1"/>
  <c r="AF50127" i="1"/>
  <c r="AF50128" i="1"/>
  <c r="AF50129" i="1"/>
  <c r="AF50130" i="1"/>
  <c r="AF50131" i="1"/>
  <c r="AF50132" i="1"/>
  <c r="AF50133" i="1"/>
  <c r="AF50134" i="1"/>
  <c r="AF50135" i="1"/>
  <c r="AF50136" i="1"/>
  <c r="AF50137" i="1"/>
  <c r="AF50138" i="1"/>
  <c r="AF50139" i="1"/>
  <c r="AF50140" i="1"/>
  <c r="AF50141" i="1"/>
  <c r="AF50142" i="1"/>
  <c r="AF50143" i="1"/>
  <c r="AF50144" i="1"/>
  <c r="AF50145" i="1"/>
  <c r="AF50146" i="1"/>
  <c r="AF50147" i="1"/>
  <c r="AF50148" i="1"/>
  <c r="AF50149" i="1"/>
  <c r="AF50150" i="1"/>
  <c r="AF50151" i="1"/>
  <c r="AF50152" i="1"/>
  <c r="AF50153" i="1"/>
  <c r="AF50154" i="1"/>
  <c r="AF50155" i="1"/>
  <c r="AF50156" i="1"/>
  <c r="AF50157" i="1"/>
  <c r="AF50158" i="1"/>
  <c r="AF50159" i="1"/>
  <c r="AF50160" i="1"/>
  <c r="AF50161" i="1"/>
  <c r="AF50162" i="1"/>
  <c r="AF50163" i="1"/>
  <c r="AF50164" i="1"/>
  <c r="AF50165" i="1"/>
  <c r="AF50166" i="1"/>
  <c r="AF50167" i="1"/>
  <c r="AF50168" i="1"/>
  <c r="AF50169" i="1"/>
  <c r="AF50170" i="1"/>
  <c r="AF50171" i="1"/>
  <c r="AF50172" i="1"/>
  <c r="AF50173" i="1"/>
  <c r="AF50174" i="1"/>
  <c r="AF50175" i="1"/>
  <c r="AF50176" i="1"/>
  <c r="AF50177" i="1"/>
  <c r="AF50178" i="1"/>
  <c r="AF50179" i="1"/>
  <c r="AF50180" i="1"/>
  <c r="AF50181" i="1"/>
  <c r="AF50182" i="1"/>
  <c r="AF50183" i="1"/>
  <c r="AF50184" i="1"/>
  <c r="AF50185" i="1"/>
  <c r="AF50186" i="1"/>
  <c r="AF50187" i="1"/>
  <c r="AF50188" i="1"/>
  <c r="AF50189" i="1"/>
  <c r="AF50190" i="1"/>
  <c r="AF50191" i="1"/>
  <c r="AF50192" i="1"/>
  <c r="AF50193" i="1"/>
  <c r="AF50194" i="1"/>
  <c r="AF50195" i="1"/>
  <c r="AF50196" i="1"/>
  <c r="AF50197" i="1"/>
  <c r="AF50198" i="1"/>
  <c r="AF50199" i="1"/>
  <c r="AF50200" i="1"/>
  <c r="AF50201" i="1"/>
  <c r="AF50202" i="1"/>
  <c r="AF50203" i="1"/>
  <c r="AF50204" i="1"/>
  <c r="AF50205" i="1"/>
  <c r="AF50206" i="1"/>
  <c r="AF50207" i="1"/>
  <c r="AF50208" i="1"/>
  <c r="AF50209" i="1"/>
  <c r="AF50210" i="1"/>
  <c r="AF50211" i="1"/>
  <c r="AF50212" i="1"/>
  <c r="AF50213" i="1"/>
  <c r="AF50214" i="1"/>
  <c r="AF50215" i="1"/>
  <c r="AF50216" i="1"/>
  <c r="AF50217" i="1"/>
  <c r="AF50218" i="1"/>
  <c r="AF50219" i="1"/>
  <c r="AF50220" i="1"/>
  <c r="AF50221" i="1"/>
  <c r="AF50222" i="1"/>
  <c r="AF50223" i="1"/>
  <c r="AF50224" i="1"/>
  <c r="AF50225" i="1"/>
  <c r="AF50226" i="1"/>
  <c r="AF50227" i="1"/>
  <c r="AF50228" i="1"/>
  <c r="AF50229" i="1"/>
  <c r="AF50230" i="1"/>
  <c r="AF50231" i="1"/>
  <c r="AF50232" i="1"/>
  <c r="AF50233" i="1"/>
  <c r="AF50234" i="1"/>
  <c r="AF50235" i="1"/>
  <c r="AF50236" i="1"/>
  <c r="AF50237" i="1"/>
  <c r="AF50238" i="1"/>
  <c r="AF50239" i="1"/>
  <c r="AF50240" i="1"/>
  <c r="AF50241" i="1"/>
  <c r="AF50242" i="1"/>
  <c r="AF50243" i="1"/>
  <c r="AF50244" i="1"/>
  <c r="AF50245" i="1"/>
  <c r="AF50246" i="1"/>
  <c r="AF50247" i="1"/>
  <c r="AF50248" i="1"/>
  <c r="AF50249" i="1"/>
  <c r="AF50250" i="1"/>
  <c r="AF50251" i="1"/>
  <c r="AF50252" i="1"/>
  <c r="AF50253" i="1"/>
  <c r="AF50254" i="1"/>
  <c r="AF50255" i="1"/>
  <c r="AF50256" i="1"/>
  <c r="AF50257" i="1"/>
  <c r="AF50258" i="1"/>
  <c r="AF50259" i="1"/>
  <c r="AF50260" i="1"/>
  <c r="AF50261" i="1"/>
  <c r="AF50262" i="1"/>
  <c r="AF50263" i="1"/>
  <c r="AF50264" i="1"/>
  <c r="AF50265" i="1"/>
  <c r="AF50266" i="1"/>
  <c r="AF50267" i="1"/>
  <c r="AF50268" i="1"/>
  <c r="AF50269" i="1"/>
  <c r="AF50270" i="1"/>
  <c r="AF50271" i="1"/>
  <c r="AF50272" i="1"/>
  <c r="AF50273" i="1"/>
  <c r="AF50274" i="1"/>
  <c r="AF50275" i="1"/>
  <c r="AF50276" i="1"/>
  <c r="AF50277" i="1"/>
  <c r="AF50278" i="1"/>
  <c r="AF50279" i="1"/>
  <c r="AF50280" i="1"/>
  <c r="AF50281" i="1"/>
  <c r="AF50282" i="1"/>
  <c r="AF50283" i="1"/>
  <c r="AF50284" i="1"/>
  <c r="AF50285" i="1"/>
  <c r="AF50286" i="1"/>
  <c r="AF50287" i="1"/>
  <c r="AF50288" i="1"/>
  <c r="AF50289" i="1"/>
  <c r="AF50290" i="1"/>
  <c r="AF50291" i="1"/>
  <c r="AF50292" i="1"/>
  <c r="AF50293" i="1"/>
  <c r="AF50294" i="1"/>
  <c r="AF50295" i="1"/>
  <c r="AF50296" i="1"/>
  <c r="AF50297" i="1"/>
  <c r="AF50298" i="1"/>
  <c r="AF50299" i="1"/>
  <c r="AF50300" i="1"/>
  <c r="AF50301" i="1"/>
  <c r="AF50302" i="1"/>
  <c r="AF50303" i="1"/>
  <c r="AF50304" i="1"/>
  <c r="AF50305" i="1"/>
  <c r="AF50306" i="1"/>
  <c r="AF50307" i="1"/>
  <c r="AF50308" i="1"/>
  <c r="AF50309" i="1"/>
  <c r="AF50310" i="1"/>
  <c r="AF50311" i="1"/>
  <c r="AF50312" i="1"/>
  <c r="AF50313" i="1"/>
  <c r="AF50314" i="1"/>
  <c r="AF50315" i="1"/>
  <c r="AF50316" i="1"/>
  <c r="AF50317" i="1"/>
  <c r="AF50318" i="1"/>
  <c r="AF50319" i="1"/>
  <c r="AF50320" i="1"/>
  <c r="AF50321" i="1"/>
  <c r="AF50322" i="1"/>
  <c r="AF50323" i="1"/>
  <c r="AF50324" i="1"/>
  <c r="AF50325" i="1"/>
  <c r="AF50326" i="1"/>
  <c r="AF50327" i="1"/>
  <c r="AF50328" i="1"/>
  <c r="AF50329" i="1"/>
  <c r="AF50330" i="1"/>
  <c r="AF50331" i="1"/>
  <c r="AF50332" i="1"/>
  <c r="AF50333" i="1"/>
  <c r="AF50334" i="1"/>
  <c r="AF50335" i="1"/>
  <c r="AF50336" i="1"/>
  <c r="AF50337" i="1"/>
  <c r="AF50338" i="1"/>
  <c r="AF50339" i="1"/>
  <c r="AF50340" i="1"/>
  <c r="AF50341" i="1"/>
  <c r="AF50342" i="1"/>
  <c r="AF50343" i="1"/>
  <c r="AF50344" i="1"/>
  <c r="AF50345" i="1"/>
  <c r="AF50346" i="1"/>
  <c r="AF50347" i="1"/>
  <c r="AF50348" i="1"/>
  <c r="AF50349" i="1"/>
  <c r="AF50350" i="1"/>
  <c r="AF50351" i="1"/>
  <c r="AF50352" i="1"/>
  <c r="AF50353" i="1"/>
  <c r="AF50354" i="1"/>
  <c r="AF50355" i="1"/>
  <c r="AF50356" i="1"/>
  <c r="AF50357" i="1"/>
  <c r="AF50358" i="1"/>
  <c r="AF50359" i="1"/>
  <c r="AF50360" i="1"/>
  <c r="AF50361" i="1"/>
  <c r="AF50362" i="1"/>
  <c r="AF50363" i="1"/>
  <c r="AF50364" i="1"/>
  <c r="AF50365" i="1"/>
  <c r="AF50366" i="1"/>
  <c r="AF50367" i="1"/>
  <c r="AF50368" i="1"/>
  <c r="AF50369" i="1"/>
  <c r="AF50370" i="1"/>
  <c r="AF50371" i="1"/>
  <c r="AF50372" i="1"/>
  <c r="AF50373" i="1"/>
  <c r="AF50374" i="1"/>
  <c r="AF50375" i="1"/>
  <c r="AF50376" i="1"/>
  <c r="AF50377" i="1"/>
  <c r="AF50378" i="1"/>
  <c r="AF50379" i="1"/>
  <c r="AF50380" i="1"/>
  <c r="AF50381" i="1"/>
  <c r="AF50382" i="1"/>
  <c r="AF50383" i="1"/>
  <c r="AF50384" i="1"/>
  <c r="AF50385" i="1"/>
  <c r="AF50386" i="1"/>
  <c r="AF50387" i="1"/>
  <c r="AF50388" i="1"/>
  <c r="AF50389" i="1"/>
  <c r="AF50390" i="1"/>
  <c r="AF50391" i="1"/>
  <c r="AF50392" i="1"/>
  <c r="AF50393" i="1"/>
  <c r="AF50394" i="1"/>
  <c r="AF50395" i="1"/>
  <c r="AF50396" i="1"/>
  <c r="AF50397" i="1"/>
  <c r="AF50398" i="1"/>
  <c r="AF50399" i="1"/>
  <c r="AF50400" i="1"/>
  <c r="AF50401" i="1"/>
  <c r="AF50402" i="1"/>
  <c r="AF50403" i="1"/>
  <c r="AF50404" i="1"/>
  <c r="AF50405" i="1"/>
  <c r="AF50406" i="1"/>
  <c r="AF50407" i="1"/>
  <c r="AF50408" i="1"/>
  <c r="AF50409" i="1"/>
  <c r="AF50410" i="1"/>
  <c r="AF50411" i="1"/>
  <c r="AF50412" i="1"/>
  <c r="AF50413" i="1"/>
  <c r="AF50414" i="1"/>
  <c r="AF50415" i="1"/>
  <c r="AF50416" i="1"/>
  <c r="AF50417" i="1"/>
  <c r="AF50418" i="1"/>
  <c r="AF50419" i="1"/>
  <c r="AF50420" i="1"/>
  <c r="AF50421" i="1"/>
  <c r="AF50422" i="1"/>
  <c r="AF50423" i="1"/>
  <c r="AF50424" i="1"/>
  <c r="AF50425" i="1"/>
  <c r="AF50426" i="1"/>
  <c r="AF50427" i="1"/>
  <c r="AF50428" i="1"/>
  <c r="AF50429" i="1"/>
  <c r="AF50430" i="1"/>
  <c r="AF50431" i="1"/>
  <c r="AF50432" i="1"/>
  <c r="AF50433" i="1"/>
  <c r="AF50434" i="1"/>
  <c r="AF50435" i="1"/>
  <c r="AF50436" i="1"/>
  <c r="AF50437" i="1"/>
  <c r="AF50438" i="1"/>
  <c r="AF50439" i="1"/>
  <c r="AF50440" i="1"/>
  <c r="AF50441" i="1"/>
  <c r="AF50442" i="1"/>
  <c r="AF50443" i="1"/>
  <c r="AF50444" i="1"/>
  <c r="AF50445" i="1"/>
  <c r="AF50446" i="1"/>
  <c r="AF50447" i="1"/>
  <c r="AF50448" i="1"/>
  <c r="AF50449" i="1"/>
  <c r="AF50450" i="1"/>
  <c r="AF50451" i="1"/>
  <c r="AF50452" i="1"/>
  <c r="AF50453" i="1"/>
  <c r="AF50454" i="1"/>
  <c r="AF50455" i="1"/>
  <c r="AF50456" i="1"/>
  <c r="AF50457" i="1"/>
  <c r="AF50458" i="1"/>
  <c r="AF50459" i="1"/>
  <c r="AF50460" i="1"/>
  <c r="AF50461" i="1"/>
  <c r="AF50462" i="1"/>
  <c r="AF50463" i="1"/>
  <c r="AF50464" i="1"/>
  <c r="AF50465" i="1"/>
  <c r="AF50466" i="1"/>
  <c r="AF50467" i="1"/>
  <c r="AF50468" i="1"/>
  <c r="AF50469" i="1"/>
  <c r="AF50470" i="1"/>
  <c r="AF50471" i="1"/>
  <c r="AF50472" i="1"/>
  <c r="AF50473" i="1"/>
  <c r="AF50474" i="1"/>
  <c r="AF50475" i="1"/>
  <c r="AF50476" i="1"/>
  <c r="AF50477" i="1"/>
  <c r="AF50478" i="1"/>
  <c r="AF50479" i="1"/>
  <c r="AF50480" i="1"/>
  <c r="AF50481" i="1"/>
  <c r="AF50482" i="1"/>
  <c r="AF50483" i="1"/>
  <c r="AF50484" i="1"/>
  <c r="AF50485" i="1"/>
  <c r="AF50486" i="1"/>
  <c r="AF50487" i="1"/>
  <c r="AF50488" i="1"/>
  <c r="AF50489" i="1"/>
  <c r="AF50490" i="1"/>
  <c r="AF50491" i="1"/>
  <c r="AF50492" i="1"/>
  <c r="AF50493" i="1"/>
  <c r="AF50494" i="1"/>
  <c r="AF50495" i="1"/>
  <c r="AF50496" i="1"/>
  <c r="AF50497" i="1"/>
  <c r="AF50498" i="1"/>
  <c r="AF50499" i="1"/>
  <c r="AF50500" i="1"/>
  <c r="AF50501" i="1"/>
  <c r="AF50502" i="1"/>
  <c r="AF50503" i="1"/>
  <c r="AF50504" i="1"/>
  <c r="AF50505" i="1"/>
  <c r="AF50506" i="1"/>
  <c r="AF50507" i="1"/>
  <c r="AF50508" i="1"/>
  <c r="AF50509" i="1"/>
  <c r="AF50510" i="1"/>
  <c r="AF50511" i="1"/>
  <c r="AF50512" i="1"/>
  <c r="AF50513" i="1"/>
  <c r="AF50514" i="1"/>
  <c r="AF50515" i="1"/>
  <c r="AF50516" i="1"/>
  <c r="AF50517" i="1"/>
  <c r="AF50518" i="1"/>
  <c r="AF50519" i="1"/>
  <c r="AF50520" i="1"/>
  <c r="AF50521" i="1"/>
  <c r="AF50522" i="1"/>
  <c r="AF50523" i="1"/>
  <c r="AF50524" i="1"/>
  <c r="AF50525" i="1"/>
  <c r="AF50526" i="1"/>
  <c r="AF50527" i="1"/>
  <c r="AF50528" i="1"/>
  <c r="AF50529" i="1"/>
  <c r="AF50530" i="1"/>
  <c r="AF50531" i="1"/>
  <c r="AF50532" i="1"/>
  <c r="AF50533" i="1"/>
  <c r="AF50534" i="1"/>
  <c r="AF50535" i="1"/>
  <c r="AF50536" i="1"/>
  <c r="AF50537" i="1"/>
  <c r="AF50538" i="1"/>
  <c r="AF50539" i="1"/>
  <c r="AF50540" i="1"/>
  <c r="AF50541" i="1"/>
  <c r="AF50542" i="1"/>
  <c r="AF50543" i="1"/>
  <c r="AF50544" i="1"/>
  <c r="AF50545" i="1"/>
  <c r="AF50546" i="1"/>
  <c r="AF50547" i="1"/>
  <c r="AF50548" i="1"/>
  <c r="AF50549" i="1"/>
  <c r="AF50550" i="1"/>
  <c r="AF50551" i="1"/>
  <c r="AF50552" i="1"/>
  <c r="AF50553" i="1"/>
  <c r="AF50554" i="1"/>
  <c r="AF50555" i="1"/>
  <c r="AF50556" i="1"/>
  <c r="AF50557" i="1"/>
  <c r="AF50558" i="1"/>
  <c r="AF50559" i="1"/>
  <c r="AF50560" i="1"/>
  <c r="AF50561" i="1"/>
  <c r="AF50562" i="1"/>
  <c r="AF50563" i="1"/>
  <c r="AF50564" i="1"/>
  <c r="AF50565" i="1"/>
  <c r="AF50566" i="1"/>
  <c r="AF50567" i="1"/>
  <c r="AF50568" i="1"/>
  <c r="AF50569" i="1"/>
  <c r="AF50570" i="1"/>
  <c r="AF50571" i="1"/>
  <c r="AF50572" i="1"/>
  <c r="AF50573" i="1"/>
  <c r="AF50574" i="1"/>
  <c r="AF50575" i="1"/>
  <c r="AF50576" i="1"/>
  <c r="AF50577" i="1"/>
  <c r="AF50578" i="1"/>
  <c r="AF50579" i="1"/>
  <c r="AF50580" i="1"/>
  <c r="AF50581" i="1"/>
  <c r="AF50582" i="1"/>
  <c r="AF50583" i="1"/>
  <c r="AF50584" i="1"/>
  <c r="AF50585" i="1"/>
  <c r="AF50586" i="1"/>
  <c r="AF50587" i="1"/>
  <c r="AF50588" i="1"/>
  <c r="AF50589" i="1"/>
  <c r="AF50590" i="1"/>
  <c r="AF50591" i="1"/>
  <c r="AF50592" i="1"/>
  <c r="AF50593" i="1"/>
  <c r="AF50594" i="1"/>
  <c r="AF50595" i="1"/>
  <c r="AF50596" i="1"/>
  <c r="AF50597" i="1"/>
  <c r="AF50598" i="1"/>
  <c r="AF50599" i="1"/>
  <c r="AF50600" i="1"/>
  <c r="AF50601" i="1"/>
  <c r="AF50602" i="1"/>
  <c r="AF50603" i="1"/>
  <c r="AF50604" i="1"/>
  <c r="AF50605" i="1"/>
  <c r="AF50606" i="1"/>
  <c r="AF50607" i="1"/>
  <c r="AF50608" i="1"/>
  <c r="AF50609" i="1"/>
  <c r="AF50610" i="1"/>
  <c r="AF50611" i="1"/>
  <c r="AF50612" i="1"/>
  <c r="AF50613" i="1"/>
  <c r="AF50614" i="1"/>
  <c r="AF50615" i="1"/>
  <c r="AF50616" i="1"/>
  <c r="AF50617" i="1"/>
  <c r="AF50618" i="1"/>
  <c r="AF50619" i="1"/>
  <c r="AF50620" i="1"/>
  <c r="AF50621" i="1"/>
  <c r="AF50622" i="1"/>
  <c r="AF50623" i="1"/>
  <c r="AF50624" i="1"/>
  <c r="AF50625" i="1"/>
  <c r="AF50626" i="1"/>
  <c r="AF50627" i="1"/>
  <c r="AF50628" i="1"/>
  <c r="AF50629" i="1"/>
  <c r="AF50630" i="1"/>
  <c r="AF50631" i="1"/>
  <c r="AF50632" i="1"/>
  <c r="AF50633" i="1"/>
  <c r="AF50634" i="1"/>
  <c r="AF50635" i="1"/>
  <c r="AF50636" i="1"/>
  <c r="AF50637" i="1"/>
  <c r="AF50638" i="1"/>
  <c r="AF50639" i="1"/>
  <c r="AF50640" i="1"/>
  <c r="AF50641" i="1"/>
  <c r="AF50642" i="1"/>
  <c r="AF50643" i="1"/>
  <c r="AF50644" i="1"/>
  <c r="AF50645" i="1"/>
  <c r="AF50646" i="1"/>
  <c r="AF50647" i="1"/>
  <c r="AF50648" i="1"/>
  <c r="AF50649" i="1"/>
  <c r="AF50650" i="1"/>
  <c r="AF50651" i="1"/>
  <c r="AF50652" i="1"/>
  <c r="AF50653" i="1"/>
  <c r="AF50654" i="1"/>
  <c r="AF50655" i="1"/>
  <c r="AF50656" i="1"/>
  <c r="AF50657" i="1"/>
  <c r="AF50658" i="1"/>
  <c r="AF50659" i="1"/>
  <c r="AF50660" i="1"/>
  <c r="AF50661" i="1"/>
  <c r="AF50662" i="1"/>
  <c r="AF50663" i="1"/>
  <c r="AF50664" i="1"/>
  <c r="AF50665" i="1"/>
  <c r="AF50666" i="1"/>
  <c r="AF50667" i="1"/>
  <c r="AF50668" i="1"/>
  <c r="AF50669" i="1"/>
  <c r="AF50670" i="1"/>
  <c r="AF50671" i="1"/>
  <c r="AF50672" i="1"/>
  <c r="AF50673" i="1"/>
  <c r="AF50674" i="1"/>
  <c r="AF50675" i="1"/>
  <c r="AF50676" i="1"/>
  <c r="AF50677" i="1"/>
  <c r="AF50678" i="1"/>
  <c r="AF50679" i="1"/>
  <c r="AF50680" i="1"/>
  <c r="AF50681" i="1"/>
  <c r="AF50682" i="1"/>
  <c r="AF50683" i="1"/>
  <c r="AF50684" i="1"/>
  <c r="AF50685" i="1"/>
  <c r="AF50686" i="1"/>
  <c r="AF50687" i="1"/>
  <c r="AF50688" i="1"/>
  <c r="AF50689" i="1"/>
  <c r="AF50690" i="1"/>
  <c r="AF50691" i="1"/>
  <c r="AF50692" i="1"/>
  <c r="AF50693" i="1"/>
  <c r="AF50694" i="1"/>
  <c r="AF50695" i="1"/>
  <c r="AF50696" i="1"/>
  <c r="AF50697" i="1"/>
  <c r="AF50698" i="1"/>
  <c r="AF50699" i="1"/>
  <c r="AF50700" i="1"/>
  <c r="AF50701" i="1"/>
  <c r="AF50702" i="1"/>
  <c r="AF50703" i="1"/>
  <c r="AF50704" i="1"/>
  <c r="AF50705" i="1"/>
  <c r="AF50706" i="1"/>
  <c r="AF50707" i="1"/>
  <c r="AF50708" i="1"/>
  <c r="AF50709" i="1"/>
  <c r="AF50710" i="1"/>
  <c r="AF50711" i="1"/>
  <c r="AF50712" i="1"/>
  <c r="AF50713" i="1"/>
  <c r="AF50714" i="1"/>
  <c r="AF50715" i="1"/>
  <c r="AF50716" i="1"/>
  <c r="AF50717" i="1"/>
  <c r="AF50718" i="1"/>
  <c r="AF50719" i="1"/>
  <c r="AF50720" i="1"/>
  <c r="AF50721" i="1"/>
  <c r="AF50722" i="1"/>
  <c r="AF50723" i="1"/>
  <c r="AF50724" i="1"/>
  <c r="AF50725" i="1"/>
  <c r="AF50726" i="1"/>
  <c r="AF50727" i="1"/>
  <c r="AF50728" i="1"/>
  <c r="AF50729" i="1"/>
  <c r="AF50730" i="1"/>
  <c r="AF50731" i="1"/>
  <c r="AF50732" i="1"/>
  <c r="AF50733" i="1"/>
  <c r="AF50734" i="1"/>
  <c r="AF50735" i="1"/>
  <c r="AF50736" i="1"/>
  <c r="AF50737" i="1"/>
  <c r="AF50738" i="1"/>
  <c r="AF50739" i="1"/>
  <c r="AF50740" i="1"/>
  <c r="AF50741" i="1"/>
  <c r="AF50742" i="1"/>
  <c r="AF50743" i="1"/>
  <c r="AF50744" i="1"/>
  <c r="AF50745" i="1"/>
  <c r="AF50746" i="1"/>
  <c r="AF50747" i="1"/>
  <c r="AF50748" i="1"/>
  <c r="AF50749" i="1"/>
  <c r="AF50750" i="1"/>
  <c r="AF50751" i="1"/>
  <c r="AF50752" i="1"/>
  <c r="AF50753" i="1"/>
  <c r="AF50754" i="1"/>
  <c r="AF50755" i="1"/>
  <c r="AF50756" i="1"/>
  <c r="AF50757" i="1"/>
  <c r="AF50758" i="1"/>
  <c r="AF50759" i="1"/>
  <c r="AF50760" i="1"/>
  <c r="AF50761" i="1"/>
  <c r="AF50762" i="1"/>
  <c r="AF50763" i="1"/>
  <c r="AF50764" i="1"/>
  <c r="AF50765" i="1"/>
  <c r="AF50766" i="1"/>
  <c r="AF50767" i="1"/>
  <c r="AF50768" i="1"/>
  <c r="AF50769" i="1"/>
  <c r="AF50770" i="1"/>
  <c r="AF50771" i="1"/>
  <c r="AF50772" i="1"/>
  <c r="AF50773" i="1"/>
  <c r="AF50774" i="1"/>
  <c r="AF50775" i="1"/>
  <c r="AF50776" i="1"/>
  <c r="AF50777" i="1"/>
  <c r="AF50778" i="1"/>
  <c r="AF50779" i="1"/>
  <c r="AF50780" i="1"/>
  <c r="AF50781" i="1"/>
  <c r="AF50782" i="1"/>
  <c r="AF50783" i="1"/>
  <c r="AF50784" i="1"/>
  <c r="AF50785" i="1"/>
  <c r="AF50786" i="1"/>
  <c r="AF50787" i="1"/>
  <c r="AF50788" i="1"/>
  <c r="AF50789" i="1"/>
  <c r="AF50790" i="1"/>
  <c r="AF50791" i="1"/>
  <c r="AF50792" i="1"/>
  <c r="AF50793" i="1"/>
  <c r="AF50794" i="1"/>
  <c r="AF50795" i="1"/>
  <c r="AF50796" i="1"/>
  <c r="AF50797" i="1"/>
  <c r="AF50798" i="1"/>
  <c r="AF50799" i="1"/>
  <c r="AF50800" i="1"/>
  <c r="AF50801" i="1"/>
  <c r="AF50802" i="1"/>
  <c r="AF50803" i="1"/>
  <c r="AF50804" i="1"/>
  <c r="AF50805" i="1"/>
  <c r="AF50806" i="1"/>
  <c r="AF50807" i="1"/>
  <c r="AF50808" i="1"/>
  <c r="AF50809" i="1"/>
  <c r="AF50810" i="1"/>
  <c r="AF50811" i="1"/>
  <c r="AF50812" i="1"/>
  <c r="AF50813" i="1"/>
  <c r="AF50814" i="1"/>
  <c r="AF50815" i="1"/>
  <c r="AF50816" i="1"/>
  <c r="AF50817" i="1"/>
  <c r="AF50818" i="1"/>
  <c r="AF50819" i="1"/>
  <c r="AF50820" i="1"/>
  <c r="AF50821" i="1"/>
  <c r="AF50822" i="1"/>
  <c r="AF50823" i="1"/>
  <c r="AF50824" i="1"/>
  <c r="AF50825" i="1"/>
  <c r="AF50826" i="1"/>
  <c r="AF50827" i="1"/>
  <c r="AF50828" i="1"/>
  <c r="AF50829" i="1"/>
  <c r="AF50830" i="1"/>
  <c r="AF50831" i="1"/>
  <c r="AF50832" i="1"/>
  <c r="AF50833" i="1"/>
  <c r="AF50834" i="1"/>
  <c r="AF50835" i="1"/>
  <c r="AF50836" i="1"/>
  <c r="AF50837" i="1"/>
  <c r="AF50838" i="1"/>
  <c r="AF50839" i="1"/>
  <c r="AF50840" i="1"/>
  <c r="AF50841" i="1"/>
  <c r="AF50842" i="1"/>
  <c r="AF50843" i="1"/>
  <c r="AF50844" i="1"/>
  <c r="AF50845" i="1"/>
  <c r="AF50846" i="1"/>
  <c r="AF50847" i="1"/>
  <c r="AF50848" i="1"/>
  <c r="AF50849" i="1"/>
  <c r="AF50850" i="1"/>
  <c r="AF50851" i="1"/>
  <c r="AF50852" i="1"/>
  <c r="AF50853" i="1"/>
  <c r="AF50854" i="1"/>
  <c r="AF50855" i="1"/>
  <c r="AF50856" i="1"/>
  <c r="AF50857" i="1"/>
  <c r="AF50858" i="1"/>
  <c r="AF50859" i="1"/>
  <c r="AF50860" i="1"/>
  <c r="AF50861" i="1"/>
  <c r="AF50862" i="1"/>
  <c r="AF50863" i="1"/>
  <c r="AF50864" i="1"/>
  <c r="AF50865" i="1"/>
  <c r="AF50866" i="1"/>
  <c r="AF50867" i="1"/>
  <c r="AF50868" i="1"/>
  <c r="AF50869" i="1"/>
  <c r="AF50870" i="1"/>
  <c r="AF50871" i="1"/>
  <c r="AF50872" i="1"/>
  <c r="AF50873" i="1"/>
  <c r="AF50874" i="1"/>
  <c r="AF50875" i="1"/>
  <c r="AF50876" i="1"/>
  <c r="AF50877" i="1"/>
  <c r="AF50878" i="1"/>
  <c r="AF50879" i="1"/>
  <c r="AF50880" i="1"/>
  <c r="AF50881" i="1"/>
  <c r="AF50882" i="1"/>
  <c r="AF50883" i="1"/>
  <c r="AF50884" i="1"/>
  <c r="AF50885" i="1"/>
  <c r="AF50886" i="1"/>
  <c r="AF50887" i="1"/>
  <c r="AF50888" i="1"/>
  <c r="AF50889" i="1"/>
  <c r="AF50890" i="1"/>
  <c r="AF50891" i="1"/>
  <c r="AF50892" i="1"/>
  <c r="AF50893" i="1"/>
  <c r="AF50894" i="1"/>
  <c r="AF50895" i="1"/>
  <c r="AF50896" i="1"/>
  <c r="AF50897" i="1"/>
  <c r="AF50898" i="1"/>
  <c r="AF50899" i="1"/>
  <c r="AF50900" i="1"/>
  <c r="AF50901" i="1"/>
  <c r="AF50902" i="1"/>
  <c r="AF50903" i="1"/>
  <c r="AF50904" i="1"/>
  <c r="AF50905" i="1"/>
  <c r="AF50906" i="1"/>
  <c r="AF50907" i="1"/>
  <c r="AF50908" i="1"/>
  <c r="AF50909" i="1"/>
  <c r="AF50910" i="1"/>
  <c r="AF50911" i="1"/>
  <c r="AF50912" i="1"/>
  <c r="AF50913" i="1"/>
  <c r="AF50914" i="1"/>
  <c r="AF50915" i="1"/>
  <c r="AF50916" i="1"/>
  <c r="AF50917" i="1"/>
  <c r="AF50918" i="1"/>
  <c r="AF50919" i="1"/>
  <c r="AF50920" i="1"/>
  <c r="AF50921" i="1"/>
  <c r="AF50922" i="1"/>
  <c r="AF50923" i="1"/>
  <c r="AF50924" i="1"/>
  <c r="AF50925" i="1"/>
  <c r="AF50926" i="1"/>
  <c r="AF50927" i="1"/>
  <c r="AF50928" i="1"/>
  <c r="AF50929" i="1"/>
  <c r="AF50930" i="1"/>
  <c r="AF50931" i="1"/>
  <c r="AF50932" i="1"/>
  <c r="AF50933" i="1"/>
  <c r="AF50934" i="1"/>
  <c r="AF50935" i="1"/>
  <c r="AF50936" i="1"/>
  <c r="AF50937" i="1"/>
  <c r="AF50938" i="1"/>
  <c r="AF50939" i="1"/>
  <c r="AF50940" i="1"/>
  <c r="AF50941" i="1"/>
  <c r="AF50942" i="1"/>
  <c r="AF50943" i="1"/>
  <c r="AF50944" i="1"/>
  <c r="AF50945" i="1"/>
  <c r="AF50946" i="1"/>
  <c r="AF50947" i="1"/>
  <c r="AF50948" i="1"/>
  <c r="AF50949" i="1"/>
  <c r="AF50950" i="1"/>
  <c r="AF50951" i="1"/>
  <c r="AF50952" i="1"/>
  <c r="AF50953" i="1"/>
  <c r="AF50954" i="1"/>
  <c r="AF50955" i="1"/>
  <c r="AF50956" i="1"/>
  <c r="AF50957" i="1"/>
  <c r="AF50958" i="1"/>
  <c r="AF50959" i="1"/>
  <c r="AF50960" i="1"/>
  <c r="AF50961" i="1"/>
  <c r="AF50962" i="1"/>
  <c r="AF50963" i="1"/>
  <c r="AF50964" i="1"/>
  <c r="AF50965" i="1"/>
  <c r="AF50966" i="1"/>
  <c r="AF50967" i="1"/>
  <c r="AF50968" i="1"/>
  <c r="AF50969" i="1"/>
  <c r="AF50970" i="1"/>
  <c r="AF50971" i="1"/>
  <c r="AF50972" i="1"/>
  <c r="AF50973" i="1"/>
  <c r="AF50974" i="1"/>
  <c r="AF50975" i="1"/>
  <c r="AF50976" i="1"/>
  <c r="AF50977" i="1"/>
  <c r="AF50978" i="1"/>
  <c r="AF50979" i="1"/>
  <c r="AF50980" i="1"/>
  <c r="AF50981" i="1"/>
  <c r="AF50982" i="1"/>
  <c r="AF50983" i="1"/>
  <c r="AF50984" i="1"/>
  <c r="AF50985" i="1"/>
  <c r="AF50986" i="1"/>
  <c r="AF50987" i="1"/>
  <c r="AF50988" i="1"/>
  <c r="AF50989" i="1"/>
  <c r="AF50990" i="1"/>
  <c r="AF50991" i="1"/>
  <c r="AF50992" i="1"/>
  <c r="AF50993" i="1"/>
  <c r="AF50994" i="1"/>
  <c r="AF50995" i="1"/>
  <c r="AF50996" i="1"/>
  <c r="AF50997" i="1"/>
  <c r="AF50998" i="1"/>
  <c r="AF50999" i="1"/>
  <c r="AF51000" i="1"/>
  <c r="AF51001" i="1"/>
  <c r="AF51002" i="1"/>
  <c r="AF51003" i="1"/>
  <c r="AF51004" i="1"/>
  <c r="AF51005" i="1"/>
  <c r="AF51006" i="1"/>
  <c r="AF51007" i="1"/>
  <c r="AF51008" i="1"/>
  <c r="AF51009" i="1"/>
  <c r="AF51010" i="1"/>
  <c r="AF51011" i="1"/>
  <c r="AF51012" i="1"/>
  <c r="AF51013" i="1"/>
  <c r="AF51014" i="1"/>
  <c r="AF51015" i="1"/>
  <c r="AF51016" i="1"/>
  <c r="AF51017" i="1"/>
  <c r="AF51018" i="1"/>
  <c r="AF51019" i="1"/>
  <c r="AF51020" i="1"/>
  <c r="AF51021" i="1"/>
  <c r="AF51022" i="1"/>
  <c r="AF51023" i="1"/>
  <c r="AF51024" i="1"/>
  <c r="AF51025" i="1"/>
  <c r="AF51026" i="1"/>
  <c r="AF51027" i="1"/>
  <c r="AF51028" i="1"/>
  <c r="AF51029" i="1"/>
  <c r="AF51030" i="1"/>
  <c r="AF51031" i="1"/>
  <c r="AF51032" i="1"/>
  <c r="AF51033" i="1"/>
  <c r="AF51034" i="1"/>
  <c r="AF51035" i="1"/>
  <c r="AF51036" i="1"/>
  <c r="AF51037" i="1"/>
  <c r="AF51038" i="1"/>
  <c r="AF51039" i="1"/>
  <c r="AF51040" i="1"/>
  <c r="AF51041" i="1"/>
  <c r="AF51042" i="1"/>
  <c r="AF51043" i="1"/>
  <c r="AF51044" i="1"/>
  <c r="AF51045" i="1"/>
  <c r="AF51046" i="1"/>
  <c r="AF51047" i="1"/>
  <c r="AF51048" i="1"/>
  <c r="AF51049" i="1"/>
  <c r="AF51050" i="1"/>
  <c r="AF51051" i="1"/>
  <c r="AF51052" i="1"/>
  <c r="AF51053" i="1"/>
  <c r="AF51054" i="1"/>
  <c r="AF51055" i="1"/>
  <c r="AF51056" i="1"/>
  <c r="AF51057" i="1"/>
  <c r="AF51058" i="1"/>
  <c r="AF51059" i="1"/>
  <c r="AF51060" i="1"/>
  <c r="AF51061" i="1"/>
  <c r="AF51062" i="1"/>
  <c r="AF51063" i="1"/>
  <c r="AF51064" i="1"/>
  <c r="AF51065" i="1"/>
  <c r="AF51066" i="1"/>
  <c r="AF51067" i="1"/>
  <c r="AF51068" i="1"/>
  <c r="AF51069" i="1"/>
  <c r="AF51070" i="1"/>
  <c r="AF51071" i="1"/>
  <c r="AF51072" i="1"/>
  <c r="AF51073" i="1"/>
  <c r="AF51074" i="1"/>
  <c r="AF51075" i="1"/>
  <c r="AF51076" i="1"/>
  <c r="AF51077" i="1"/>
  <c r="AF51078" i="1"/>
  <c r="AF51079" i="1"/>
  <c r="AF51080" i="1"/>
  <c r="AF51081" i="1"/>
  <c r="AF51082" i="1"/>
  <c r="AF51083" i="1"/>
  <c r="AF51084" i="1"/>
  <c r="AF51085" i="1"/>
  <c r="AF51086" i="1"/>
  <c r="AF51087" i="1"/>
  <c r="AF51088" i="1"/>
  <c r="AF51089" i="1"/>
  <c r="AF51090" i="1"/>
  <c r="AF51091" i="1"/>
  <c r="AF51092" i="1"/>
  <c r="AF51093" i="1"/>
  <c r="AF51094" i="1"/>
  <c r="AF51095" i="1"/>
  <c r="AF51096" i="1"/>
  <c r="AF51097" i="1"/>
  <c r="AF51098" i="1"/>
  <c r="AF51099" i="1"/>
  <c r="AF51100" i="1"/>
  <c r="AF51101" i="1"/>
  <c r="AF51102" i="1"/>
  <c r="AF51103" i="1"/>
  <c r="AF51104" i="1"/>
  <c r="AF51105" i="1"/>
  <c r="AF51106" i="1"/>
  <c r="AF51107" i="1"/>
  <c r="AF51108" i="1"/>
  <c r="AF51109" i="1"/>
  <c r="AF51110" i="1"/>
  <c r="AF51111" i="1"/>
  <c r="AF51112" i="1"/>
  <c r="AF51113" i="1"/>
  <c r="AF51114" i="1"/>
  <c r="AF51115" i="1"/>
  <c r="AF51116" i="1"/>
  <c r="AF51117" i="1"/>
  <c r="AF51118" i="1"/>
  <c r="AF51119" i="1"/>
  <c r="AF51120" i="1"/>
  <c r="AF51121" i="1"/>
  <c r="AF51122" i="1"/>
  <c r="AF51123" i="1"/>
  <c r="AF51124" i="1"/>
  <c r="AF51125" i="1"/>
  <c r="AF51126" i="1"/>
  <c r="AF51127" i="1"/>
  <c r="AF51128" i="1"/>
  <c r="AF51129" i="1"/>
  <c r="AF51130" i="1"/>
  <c r="AF51131" i="1"/>
  <c r="AF51132" i="1"/>
  <c r="AF51133" i="1"/>
  <c r="AF51134" i="1"/>
  <c r="AF51135" i="1"/>
  <c r="AF51136" i="1"/>
  <c r="AF51137" i="1"/>
  <c r="AF51138" i="1"/>
  <c r="AF51139" i="1"/>
  <c r="AF51140" i="1"/>
  <c r="AF51141" i="1"/>
  <c r="AF51142" i="1"/>
  <c r="AF51143" i="1"/>
  <c r="AF51144" i="1"/>
  <c r="AF51145" i="1"/>
  <c r="AF51146" i="1"/>
  <c r="AF51147" i="1"/>
  <c r="AF51148" i="1"/>
  <c r="AF51149" i="1"/>
  <c r="AF51150" i="1"/>
  <c r="AF51151" i="1"/>
  <c r="AF51152" i="1"/>
  <c r="AF51153" i="1"/>
  <c r="AF51154" i="1"/>
  <c r="AF51155" i="1"/>
  <c r="AF51156" i="1"/>
  <c r="AF51157" i="1"/>
  <c r="AF51158" i="1"/>
  <c r="AF51159" i="1"/>
  <c r="AF51160" i="1"/>
  <c r="AF51161" i="1"/>
  <c r="AF51162" i="1"/>
  <c r="AF51163" i="1"/>
  <c r="AF51164" i="1"/>
  <c r="AF51165" i="1"/>
  <c r="AF51166" i="1"/>
  <c r="AF51167" i="1"/>
  <c r="AF51168" i="1"/>
  <c r="AF51169" i="1"/>
  <c r="AF51170" i="1"/>
  <c r="AF51171" i="1"/>
  <c r="AF51172" i="1"/>
  <c r="AF51173" i="1"/>
  <c r="AF51174" i="1"/>
  <c r="AF51175" i="1"/>
  <c r="AF51176" i="1"/>
  <c r="AF51177" i="1"/>
  <c r="AF51178" i="1"/>
  <c r="AF51179" i="1"/>
  <c r="AF51180" i="1"/>
  <c r="AF51181" i="1"/>
  <c r="AF51182" i="1"/>
  <c r="AF51183" i="1"/>
  <c r="AF51184" i="1"/>
  <c r="AF51185" i="1"/>
  <c r="AF51186" i="1"/>
  <c r="AF51187" i="1"/>
  <c r="AF51188" i="1"/>
  <c r="AF51189" i="1"/>
  <c r="AF51190" i="1"/>
  <c r="AF51191" i="1"/>
  <c r="AF51192" i="1"/>
  <c r="AF51193" i="1"/>
  <c r="AF51194" i="1"/>
  <c r="AF51195" i="1"/>
  <c r="AF51196" i="1"/>
  <c r="AF51197" i="1"/>
  <c r="AF51198" i="1"/>
  <c r="AF51199" i="1"/>
  <c r="AF51200" i="1"/>
  <c r="AF51201" i="1"/>
  <c r="AF51202" i="1"/>
  <c r="AF51203" i="1"/>
  <c r="AF51204" i="1"/>
  <c r="AF51205" i="1"/>
  <c r="AF51206" i="1"/>
  <c r="AF51207" i="1"/>
  <c r="AF51208" i="1"/>
  <c r="AF51209" i="1"/>
  <c r="AF51210" i="1"/>
  <c r="AF51211" i="1"/>
  <c r="AF51212" i="1"/>
  <c r="AF51213" i="1"/>
  <c r="AF51214" i="1"/>
  <c r="AF51215" i="1"/>
  <c r="AF51216" i="1"/>
  <c r="AF51217" i="1"/>
  <c r="AF51218" i="1"/>
  <c r="AF51219" i="1"/>
  <c r="AF51220" i="1"/>
  <c r="AF51221" i="1"/>
  <c r="AF51222" i="1"/>
  <c r="AF51223" i="1"/>
  <c r="AF51224" i="1"/>
  <c r="AF51225" i="1"/>
  <c r="AF51226" i="1"/>
  <c r="AF51227" i="1"/>
  <c r="AF51228" i="1"/>
  <c r="AF51229" i="1"/>
  <c r="AF51230" i="1"/>
  <c r="AF51231" i="1"/>
  <c r="AF51232" i="1"/>
  <c r="AF51233" i="1"/>
  <c r="AF51234" i="1"/>
  <c r="AF51235" i="1"/>
  <c r="AF51236" i="1"/>
  <c r="AF51237" i="1"/>
  <c r="AF51238" i="1"/>
  <c r="AF51239" i="1"/>
  <c r="AF51240" i="1"/>
  <c r="AF51241" i="1"/>
  <c r="AF51242" i="1"/>
  <c r="AF51243" i="1"/>
  <c r="AF51244" i="1"/>
  <c r="AF51245" i="1"/>
  <c r="AF51246" i="1"/>
  <c r="AF51247" i="1"/>
  <c r="AF51248" i="1"/>
  <c r="AF51249" i="1"/>
  <c r="AF51250" i="1"/>
  <c r="AF51251" i="1"/>
  <c r="AF51252" i="1"/>
  <c r="AF51253" i="1"/>
  <c r="AF51254" i="1"/>
  <c r="AF51255" i="1"/>
  <c r="AF51256" i="1"/>
  <c r="AF51257" i="1"/>
  <c r="AF51258" i="1"/>
  <c r="AF51259" i="1"/>
  <c r="AF51260" i="1"/>
  <c r="AF51261" i="1"/>
  <c r="AF51262" i="1"/>
  <c r="AF51263" i="1"/>
  <c r="AF51264" i="1"/>
  <c r="AF51265" i="1"/>
  <c r="AF51266" i="1"/>
  <c r="AF51267" i="1"/>
  <c r="AF51268" i="1"/>
  <c r="AF51269" i="1"/>
  <c r="AF51270" i="1"/>
  <c r="AF51271" i="1"/>
  <c r="AF51272" i="1"/>
  <c r="AF51273" i="1"/>
  <c r="AF51274" i="1"/>
  <c r="AF51275" i="1"/>
  <c r="AF51276" i="1"/>
  <c r="AF51277" i="1"/>
  <c r="AF51278" i="1"/>
  <c r="AF51279" i="1"/>
  <c r="AF51280" i="1"/>
  <c r="AF51281" i="1"/>
  <c r="AF51282" i="1"/>
  <c r="AF51283" i="1"/>
  <c r="AF51284" i="1"/>
  <c r="AF51285" i="1"/>
  <c r="AF51286" i="1"/>
  <c r="AF51287" i="1"/>
  <c r="AF51288" i="1"/>
  <c r="AF51289" i="1"/>
  <c r="AF51290" i="1"/>
  <c r="AF51291" i="1"/>
  <c r="AF51292" i="1"/>
  <c r="AF51293" i="1"/>
  <c r="AF51294" i="1"/>
  <c r="AF51295" i="1"/>
  <c r="AF51296" i="1"/>
  <c r="AF51297" i="1"/>
  <c r="AF51298" i="1"/>
  <c r="AF51299" i="1"/>
  <c r="AF51300" i="1"/>
  <c r="AF51301" i="1"/>
  <c r="AF51302" i="1"/>
  <c r="AF51303" i="1"/>
  <c r="AF51304" i="1"/>
  <c r="AF51305" i="1"/>
  <c r="AF51306" i="1"/>
  <c r="AF51307" i="1"/>
  <c r="AF51308" i="1"/>
  <c r="AF51309" i="1"/>
  <c r="AF51310" i="1"/>
  <c r="AF51311" i="1"/>
  <c r="AF51312" i="1"/>
  <c r="AF51313" i="1"/>
  <c r="AF51314" i="1"/>
  <c r="AF51315" i="1"/>
  <c r="AF51316" i="1"/>
  <c r="AF51317" i="1"/>
  <c r="AF51318" i="1"/>
  <c r="AF51319" i="1"/>
  <c r="AF51320" i="1"/>
  <c r="AF51321" i="1"/>
  <c r="AF51322" i="1"/>
  <c r="AF51323" i="1"/>
  <c r="AF51324" i="1"/>
  <c r="AF51325" i="1"/>
  <c r="AF51326" i="1"/>
  <c r="AF51327" i="1"/>
  <c r="AF51328" i="1"/>
  <c r="AF51329" i="1"/>
  <c r="AF51330" i="1"/>
  <c r="AF51331" i="1"/>
  <c r="AF51332" i="1"/>
  <c r="AF51333" i="1"/>
  <c r="AF51334" i="1"/>
  <c r="AF51335" i="1"/>
  <c r="AF51336" i="1"/>
  <c r="AF51337" i="1"/>
  <c r="AF51338" i="1"/>
  <c r="AF51339" i="1"/>
  <c r="AF51340" i="1"/>
  <c r="AF51341" i="1"/>
  <c r="AF51342" i="1"/>
  <c r="AF51343" i="1"/>
  <c r="AF51344" i="1"/>
  <c r="AF51345" i="1"/>
  <c r="AF51346" i="1"/>
  <c r="AF51347" i="1"/>
  <c r="AF51348" i="1"/>
  <c r="AF51349" i="1"/>
  <c r="AF51350" i="1"/>
  <c r="AF51351" i="1"/>
  <c r="AF51352" i="1"/>
  <c r="AF51353" i="1"/>
  <c r="AF51354" i="1"/>
  <c r="AF51355" i="1"/>
  <c r="AF51356" i="1"/>
  <c r="AF51357" i="1"/>
  <c r="AF51358" i="1"/>
  <c r="AF51359" i="1"/>
  <c r="AF51360" i="1"/>
  <c r="AF51361" i="1"/>
  <c r="AF51362" i="1"/>
  <c r="AF51363" i="1"/>
  <c r="AF51364" i="1"/>
  <c r="AF51365" i="1"/>
  <c r="AF51366" i="1"/>
  <c r="AF51367" i="1"/>
  <c r="AF51368" i="1"/>
  <c r="AF51369" i="1"/>
  <c r="AF51370" i="1"/>
  <c r="AF51371" i="1"/>
  <c r="AF51372" i="1"/>
  <c r="AF51373" i="1"/>
  <c r="AF51374" i="1"/>
  <c r="AF51375" i="1"/>
  <c r="AF51376" i="1"/>
  <c r="AF51377" i="1"/>
  <c r="AF51378" i="1"/>
  <c r="AF51379" i="1"/>
  <c r="AF51380" i="1"/>
  <c r="AF51381" i="1"/>
  <c r="AF51382" i="1"/>
  <c r="AF51383" i="1"/>
  <c r="AF51384" i="1"/>
  <c r="AF51385" i="1"/>
  <c r="AF51386" i="1"/>
  <c r="AF51387" i="1"/>
  <c r="AF51388" i="1"/>
  <c r="AF51389" i="1"/>
  <c r="AF51390" i="1"/>
  <c r="AF51391" i="1"/>
  <c r="AF51392" i="1"/>
  <c r="AF51393" i="1"/>
  <c r="AF51394" i="1"/>
  <c r="AF51395" i="1"/>
  <c r="AF51396" i="1"/>
  <c r="AF51397" i="1"/>
  <c r="AF51398" i="1"/>
  <c r="AF51399" i="1"/>
  <c r="AF51400" i="1"/>
  <c r="AF51401" i="1"/>
  <c r="AF51402" i="1"/>
  <c r="AF51403" i="1"/>
  <c r="AF51404" i="1"/>
  <c r="AF51405" i="1"/>
  <c r="AF51406" i="1"/>
  <c r="AF51407" i="1"/>
  <c r="AF51408" i="1"/>
  <c r="AF51409" i="1"/>
  <c r="AF51410" i="1"/>
  <c r="AF51411" i="1"/>
  <c r="AF51412" i="1"/>
  <c r="AF51413" i="1"/>
  <c r="AF51414" i="1"/>
  <c r="AF51415" i="1"/>
  <c r="AF51416" i="1"/>
  <c r="AF51417" i="1"/>
  <c r="AF51418" i="1"/>
  <c r="AF51419" i="1"/>
  <c r="AF51420" i="1"/>
  <c r="AF51421" i="1"/>
  <c r="AF51422" i="1"/>
  <c r="AF51423" i="1"/>
  <c r="AF51424" i="1"/>
  <c r="AF51425" i="1"/>
  <c r="AF51426" i="1"/>
  <c r="AF51427" i="1"/>
  <c r="AF51428" i="1"/>
  <c r="AF51429" i="1"/>
  <c r="AF51430" i="1"/>
  <c r="AF51431" i="1"/>
  <c r="AF51432" i="1"/>
  <c r="AF51433" i="1"/>
  <c r="AF51434" i="1"/>
  <c r="AF51435" i="1"/>
  <c r="AF51436" i="1"/>
  <c r="AF51437" i="1"/>
  <c r="AF51438" i="1"/>
  <c r="AF51439" i="1"/>
  <c r="AF51440" i="1"/>
  <c r="AF51441" i="1"/>
  <c r="AF51442" i="1"/>
  <c r="AF51443" i="1"/>
  <c r="AF51444" i="1"/>
  <c r="AF51445" i="1"/>
  <c r="AF51446" i="1"/>
  <c r="AF51447" i="1"/>
  <c r="AF51448" i="1"/>
  <c r="AF51449" i="1"/>
  <c r="AF51450" i="1"/>
  <c r="AF51451" i="1"/>
  <c r="AF51452" i="1"/>
  <c r="AF51453" i="1"/>
  <c r="AF51454" i="1"/>
  <c r="AF51455" i="1"/>
  <c r="AF51456" i="1"/>
  <c r="AF51457" i="1"/>
  <c r="AF51458" i="1"/>
  <c r="AF51459" i="1"/>
  <c r="AF51460" i="1"/>
  <c r="AF51461" i="1"/>
  <c r="AF51462" i="1"/>
  <c r="AF51463" i="1"/>
  <c r="AF51464" i="1"/>
  <c r="AF51465" i="1"/>
  <c r="AF51466" i="1"/>
  <c r="AF51467" i="1"/>
  <c r="AF51468" i="1"/>
  <c r="AF51469" i="1"/>
  <c r="AF51470" i="1"/>
  <c r="AF51471" i="1"/>
  <c r="AF51472" i="1"/>
  <c r="AF51473" i="1"/>
  <c r="AF51474" i="1"/>
  <c r="AF51475" i="1"/>
  <c r="AF51476" i="1"/>
  <c r="AF51477" i="1"/>
  <c r="AF51478" i="1"/>
  <c r="AF51479" i="1"/>
  <c r="AF51480" i="1"/>
  <c r="AF51481" i="1"/>
  <c r="AF51482" i="1"/>
  <c r="AF51483" i="1"/>
  <c r="AF51484" i="1"/>
  <c r="AF51485" i="1"/>
  <c r="AF51486" i="1"/>
  <c r="AF51487" i="1"/>
  <c r="AF51488" i="1"/>
  <c r="AF51489" i="1"/>
  <c r="AF51490" i="1"/>
  <c r="AF51491" i="1"/>
  <c r="AF51492" i="1"/>
  <c r="AF51493" i="1"/>
  <c r="AF51494" i="1"/>
  <c r="AF51495" i="1"/>
  <c r="AF51496" i="1"/>
  <c r="AF51497" i="1"/>
  <c r="AF51498" i="1"/>
  <c r="AF51499" i="1"/>
  <c r="AF51500" i="1"/>
  <c r="AF51501" i="1"/>
  <c r="AF51502" i="1"/>
  <c r="AF51503" i="1"/>
  <c r="AF51504" i="1"/>
  <c r="AF51505" i="1"/>
  <c r="AF51506" i="1"/>
  <c r="AF51507" i="1"/>
  <c r="AF51508" i="1"/>
  <c r="AF51509" i="1"/>
  <c r="AF51510" i="1"/>
  <c r="AF51511" i="1"/>
  <c r="AF51512" i="1"/>
  <c r="AF51513" i="1"/>
  <c r="AF51514" i="1"/>
  <c r="AF51515" i="1"/>
  <c r="AF51516" i="1"/>
  <c r="AF51517" i="1"/>
  <c r="AF51518" i="1"/>
  <c r="AF51519" i="1"/>
  <c r="AF51520" i="1"/>
  <c r="AF51521" i="1"/>
  <c r="AF51522" i="1"/>
  <c r="AF51523" i="1"/>
  <c r="AF51524" i="1"/>
  <c r="AF51525" i="1"/>
  <c r="AF51526" i="1"/>
  <c r="AF51527" i="1"/>
  <c r="AF51528" i="1"/>
  <c r="AF51529" i="1"/>
  <c r="AF51530" i="1"/>
  <c r="AF51531" i="1"/>
  <c r="AF51532" i="1"/>
  <c r="AF51533" i="1"/>
  <c r="AF51534" i="1"/>
  <c r="AF51535" i="1"/>
  <c r="AF51536" i="1"/>
  <c r="AF51537" i="1"/>
  <c r="AF51538" i="1"/>
  <c r="AF51539" i="1"/>
  <c r="AF51540" i="1"/>
  <c r="AF51541" i="1"/>
  <c r="AF51542" i="1"/>
  <c r="AF51543" i="1"/>
  <c r="AF51544" i="1"/>
  <c r="AF51545" i="1"/>
  <c r="AF51546" i="1"/>
  <c r="AF51547" i="1"/>
  <c r="AF51548" i="1"/>
  <c r="AF51549" i="1"/>
  <c r="AF51550" i="1"/>
  <c r="AF51551" i="1"/>
  <c r="AF51552" i="1"/>
  <c r="AF51553" i="1"/>
  <c r="AF51554" i="1"/>
  <c r="AF51555" i="1"/>
  <c r="AF51556" i="1"/>
  <c r="AF51557" i="1"/>
  <c r="AF51558" i="1"/>
  <c r="AF51559" i="1"/>
  <c r="AF51560" i="1"/>
  <c r="AF51561" i="1"/>
  <c r="AF51562" i="1"/>
  <c r="AF51563" i="1"/>
  <c r="AF51564" i="1"/>
  <c r="AF51565" i="1"/>
  <c r="AF51566" i="1"/>
  <c r="AF51567" i="1"/>
  <c r="AF51568" i="1"/>
  <c r="AF51569" i="1"/>
  <c r="AF51570" i="1"/>
  <c r="AF51571" i="1"/>
  <c r="AF51572" i="1"/>
  <c r="AF51573" i="1"/>
  <c r="AF51574" i="1"/>
  <c r="AF51575" i="1"/>
  <c r="AF51576" i="1"/>
  <c r="AF51577" i="1"/>
  <c r="AF51578" i="1"/>
  <c r="AF51579" i="1"/>
  <c r="AF51580" i="1"/>
  <c r="AF51581" i="1"/>
  <c r="AF51582" i="1"/>
  <c r="AF51583" i="1"/>
  <c r="AF51584" i="1"/>
  <c r="AF51585" i="1"/>
  <c r="AF51586" i="1"/>
  <c r="AF51587" i="1"/>
  <c r="AF51588" i="1"/>
  <c r="AF51589" i="1"/>
  <c r="AF51590" i="1"/>
  <c r="AF51591" i="1"/>
  <c r="AF51592" i="1"/>
  <c r="AF51593" i="1"/>
  <c r="AF51594" i="1"/>
  <c r="AF51595" i="1"/>
  <c r="AF51596" i="1"/>
  <c r="AF51597" i="1"/>
  <c r="AF51598" i="1"/>
  <c r="AF51599" i="1"/>
  <c r="AF51600" i="1"/>
  <c r="AF51601" i="1"/>
  <c r="AF51602" i="1"/>
  <c r="AF51603" i="1"/>
  <c r="AF51604" i="1"/>
  <c r="AF51605" i="1"/>
  <c r="AF51606" i="1"/>
  <c r="AF51607" i="1"/>
  <c r="AF51608" i="1"/>
  <c r="AF51609" i="1"/>
  <c r="AF51610" i="1"/>
  <c r="AF51611" i="1"/>
  <c r="AF51612" i="1"/>
  <c r="AF51613" i="1"/>
  <c r="AF51614" i="1"/>
  <c r="AF51615" i="1"/>
  <c r="AF51616" i="1"/>
  <c r="AF51617" i="1"/>
  <c r="AF51618" i="1"/>
  <c r="AF51619" i="1"/>
  <c r="AF51620" i="1"/>
  <c r="AF51621" i="1"/>
  <c r="AF51622" i="1"/>
  <c r="AF51623" i="1"/>
  <c r="AF51624" i="1"/>
  <c r="AF51625" i="1"/>
  <c r="AF51626" i="1"/>
  <c r="AF51627" i="1"/>
  <c r="AF51628" i="1"/>
  <c r="AF51629" i="1"/>
  <c r="AF51630" i="1"/>
  <c r="AF51631" i="1"/>
  <c r="AF51632" i="1"/>
  <c r="AF51633" i="1"/>
  <c r="AF51634" i="1"/>
  <c r="AF51635" i="1"/>
  <c r="AF51636" i="1"/>
  <c r="AF51637" i="1"/>
  <c r="AF51638" i="1"/>
  <c r="AF51639" i="1"/>
  <c r="AF51640" i="1"/>
  <c r="AF51641" i="1"/>
  <c r="AF51642" i="1"/>
  <c r="AF51643" i="1"/>
  <c r="AF51644" i="1"/>
  <c r="AF51645" i="1"/>
  <c r="AF51646" i="1"/>
  <c r="AF51647" i="1"/>
  <c r="AF51648" i="1"/>
  <c r="AF51649" i="1"/>
  <c r="AF51650" i="1"/>
  <c r="AF51651" i="1"/>
  <c r="AF51652" i="1"/>
  <c r="AF51653" i="1"/>
  <c r="AF51654" i="1"/>
  <c r="AF51655" i="1"/>
  <c r="AF51656" i="1"/>
  <c r="AF51657" i="1"/>
  <c r="AF51658" i="1"/>
  <c r="AF51659" i="1"/>
  <c r="AF51660" i="1"/>
  <c r="AF51661" i="1"/>
  <c r="AF51662" i="1"/>
  <c r="AF51663" i="1"/>
  <c r="AF51664" i="1"/>
  <c r="AF51665" i="1"/>
  <c r="AF51666" i="1"/>
  <c r="AF51667" i="1"/>
  <c r="AF51668" i="1"/>
  <c r="AF51669" i="1"/>
  <c r="AF51670" i="1"/>
  <c r="AF51671" i="1"/>
  <c r="AF51672" i="1"/>
  <c r="AF51673" i="1"/>
  <c r="AF51674" i="1"/>
  <c r="AF51675" i="1"/>
  <c r="AF51676" i="1"/>
  <c r="AF51677" i="1"/>
  <c r="AF51678" i="1"/>
  <c r="AF51679" i="1"/>
  <c r="AF51680" i="1"/>
  <c r="AF51681" i="1"/>
  <c r="AF51682" i="1"/>
  <c r="AF51683" i="1"/>
  <c r="AF51684" i="1"/>
  <c r="AF51685" i="1"/>
  <c r="AF51686" i="1"/>
  <c r="AF51687" i="1"/>
  <c r="AF51688" i="1"/>
  <c r="AF51689" i="1"/>
  <c r="AF51690" i="1"/>
  <c r="AF51691" i="1"/>
  <c r="AF51692" i="1"/>
  <c r="AF51693" i="1"/>
  <c r="AF51694" i="1"/>
  <c r="AF51695" i="1"/>
  <c r="AF51696" i="1"/>
  <c r="AF51697" i="1"/>
  <c r="AF51698" i="1"/>
  <c r="AF51699" i="1"/>
  <c r="AF51700" i="1"/>
  <c r="AF51701" i="1"/>
  <c r="AF51702" i="1"/>
  <c r="AF51703" i="1"/>
  <c r="AF51704" i="1"/>
  <c r="AF51705" i="1"/>
  <c r="AF51706" i="1"/>
  <c r="AF51707" i="1"/>
  <c r="AF51708" i="1"/>
  <c r="AF51709" i="1"/>
  <c r="AF51710" i="1"/>
  <c r="AF51711" i="1"/>
  <c r="AF51712" i="1"/>
  <c r="AF51713" i="1"/>
  <c r="AF51714" i="1"/>
  <c r="AF51715" i="1"/>
  <c r="AF51716" i="1"/>
  <c r="AF51717" i="1"/>
  <c r="AF51718" i="1"/>
  <c r="AF51719" i="1"/>
  <c r="AF51720" i="1"/>
  <c r="AF51721" i="1"/>
  <c r="AF51722" i="1"/>
  <c r="AF51723" i="1"/>
  <c r="AF51724" i="1"/>
  <c r="AF51725" i="1"/>
  <c r="AF51726" i="1"/>
  <c r="AF51727" i="1"/>
  <c r="AF51728" i="1"/>
  <c r="AF51729" i="1"/>
  <c r="AF51730" i="1"/>
  <c r="AF51731" i="1"/>
  <c r="AF51732" i="1"/>
  <c r="AF51733" i="1"/>
  <c r="AF51734" i="1"/>
  <c r="AF51735" i="1"/>
  <c r="AF51736" i="1"/>
  <c r="AF51737" i="1"/>
  <c r="AF51738" i="1"/>
  <c r="AF51739" i="1"/>
  <c r="AF51740" i="1"/>
  <c r="AF51741" i="1"/>
  <c r="AF51742" i="1"/>
  <c r="AF51743" i="1"/>
  <c r="AF51744" i="1"/>
  <c r="AF51745" i="1"/>
  <c r="AF51746" i="1"/>
  <c r="AF51747" i="1"/>
  <c r="AF51748" i="1"/>
  <c r="AF51749" i="1"/>
  <c r="AF51750" i="1"/>
  <c r="AF51751" i="1"/>
  <c r="AF51752" i="1"/>
  <c r="AF51753" i="1"/>
  <c r="AF51754" i="1"/>
  <c r="AF51755" i="1"/>
  <c r="AF51756" i="1"/>
  <c r="AF51757" i="1"/>
  <c r="AF51758" i="1"/>
  <c r="AF51759" i="1"/>
  <c r="AF51760" i="1"/>
  <c r="AF51761" i="1"/>
  <c r="AF51762" i="1"/>
  <c r="AF51763" i="1"/>
  <c r="AF51764" i="1"/>
  <c r="AF51765" i="1"/>
  <c r="AF51766" i="1"/>
  <c r="AF51767" i="1"/>
  <c r="AF51768" i="1"/>
  <c r="AF51769" i="1"/>
  <c r="AF51770" i="1"/>
  <c r="AF51771" i="1"/>
  <c r="AF51772" i="1"/>
  <c r="AF51773" i="1"/>
  <c r="AF51774" i="1"/>
  <c r="AF51775" i="1"/>
  <c r="AF51776" i="1"/>
  <c r="AF51777" i="1"/>
  <c r="AF51778" i="1"/>
  <c r="AF51779" i="1"/>
  <c r="AF51780" i="1"/>
  <c r="AF51781" i="1"/>
  <c r="AF51782" i="1"/>
  <c r="AF51783" i="1"/>
  <c r="AF51784" i="1"/>
  <c r="AF51785" i="1"/>
  <c r="AF51786" i="1"/>
  <c r="AF51787" i="1"/>
  <c r="AF51788" i="1"/>
  <c r="AF51789" i="1"/>
  <c r="AF51790" i="1"/>
  <c r="AF51791" i="1"/>
  <c r="AF51792" i="1"/>
  <c r="AF51793" i="1"/>
  <c r="AF51794" i="1"/>
  <c r="AF51795" i="1"/>
  <c r="AF51796" i="1"/>
  <c r="AF51797" i="1"/>
  <c r="AF51798" i="1"/>
  <c r="AF51799" i="1"/>
  <c r="AF51800" i="1"/>
  <c r="AF51801" i="1"/>
  <c r="AF51802" i="1"/>
  <c r="AF51803" i="1"/>
  <c r="AF51804" i="1"/>
  <c r="AF51805" i="1"/>
  <c r="AF51806" i="1"/>
  <c r="AF51807" i="1"/>
  <c r="AF51808" i="1"/>
  <c r="AF51809" i="1"/>
  <c r="AF51810" i="1"/>
  <c r="AF51811" i="1"/>
  <c r="AF51812" i="1"/>
  <c r="AF51813" i="1"/>
  <c r="AF51814" i="1"/>
  <c r="AF51815" i="1"/>
  <c r="AF51816" i="1"/>
  <c r="AF51817" i="1"/>
  <c r="AF51818" i="1"/>
  <c r="AF51819" i="1"/>
  <c r="AF51820" i="1"/>
  <c r="AF51821" i="1"/>
  <c r="AF51822" i="1"/>
  <c r="AF51823" i="1"/>
  <c r="AF51824" i="1"/>
  <c r="AF51825" i="1"/>
  <c r="AF51826" i="1"/>
  <c r="AF51827" i="1"/>
  <c r="AF51828" i="1"/>
  <c r="AF51829" i="1"/>
  <c r="AF51830" i="1"/>
  <c r="AF51831" i="1"/>
  <c r="AF51832" i="1"/>
  <c r="AF51833" i="1"/>
  <c r="AF51834" i="1"/>
  <c r="AF51835" i="1"/>
  <c r="AF51836" i="1"/>
  <c r="AF51837" i="1"/>
  <c r="AF51838" i="1"/>
  <c r="AF51839" i="1"/>
  <c r="AF51840" i="1"/>
  <c r="AF51841" i="1"/>
  <c r="AF51842" i="1"/>
  <c r="AF51843" i="1"/>
  <c r="AF51844" i="1"/>
  <c r="AF51845" i="1"/>
  <c r="AF51846" i="1"/>
  <c r="AF51847" i="1"/>
  <c r="AF51848" i="1"/>
  <c r="AF51849" i="1"/>
  <c r="AF51850" i="1"/>
  <c r="AF51851" i="1"/>
  <c r="AF51852" i="1"/>
  <c r="AF51853" i="1"/>
  <c r="AF51854" i="1"/>
  <c r="AF51855" i="1"/>
  <c r="AF51856" i="1"/>
  <c r="AF51857" i="1"/>
  <c r="AF51858" i="1"/>
  <c r="AF51859" i="1"/>
  <c r="AF51860" i="1"/>
  <c r="AF51861" i="1"/>
  <c r="AF51862" i="1"/>
  <c r="AF51863" i="1"/>
  <c r="AF51864" i="1"/>
  <c r="AF51865" i="1"/>
  <c r="AF51866" i="1"/>
  <c r="AF51867" i="1"/>
  <c r="AF51868" i="1"/>
  <c r="AF51869" i="1"/>
  <c r="AF51870" i="1"/>
  <c r="AF51871" i="1"/>
  <c r="AF51872" i="1"/>
  <c r="AF51873" i="1"/>
  <c r="AF51874" i="1"/>
  <c r="AF51875" i="1"/>
  <c r="AF51876" i="1"/>
  <c r="AF51877" i="1"/>
  <c r="AF51878" i="1"/>
  <c r="AF51879" i="1"/>
  <c r="AF51880" i="1"/>
  <c r="AF51881" i="1"/>
  <c r="AF51882" i="1"/>
  <c r="AF51883" i="1"/>
  <c r="AF51884" i="1"/>
  <c r="AF51885" i="1"/>
  <c r="AF51886" i="1"/>
  <c r="AF51887" i="1"/>
  <c r="AF51888" i="1"/>
  <c r="AF51889" i="1"/>
  <c r="AF51890" i="1"/>
  <c r="AF51891" i="1"/>
  <c r="AF51892" i="1"/>
  <c r="AF51893" i="1"/>
  <c r="AF51894" i="1"/>
  <c r="AF51895" i="1"/>
  <c r="AF51896" i="1"/>
  <c r="AF51897" i="1"/>
  <c r="AF51898" i="1"/>
  <c r="AF51899" i="1"/>
  <c r="AF51900" i="1"/>
  <c r="AF51901" i="1"/>
  <c r="AF51902" i="1"/>
  <c r="AF51903" i="1"/>
  <c r="AF51904" i="1"/>
  <c r="AF51905" i="1"/>
  <c r="AF51906" i="1"/>
  <c r="AF51907" i="1"/>
  <c r="AF51908" i="1"/>
  <c r="AF51909" i="1"/>
  <c r="AF51910" i="1"/>
  <c r="AF51911" i="1"/>
  <c r="AF51912" i="1"/>
  <c r="AF51913" i="1"/>
  <c r="AF51914" i="1"/>
  <c r="AF51915" i="1"/>
  <c r="AF51916" i="1"/>
  <c r="AF51917" i="1"/>
  <c r="AF51918" i="1"/>
  <c r="AF51919" i="1"/>
  <c r="AF51920" i="1"/>
  <c r="AF51921" i="1"/>
  <c r="AF51922" i="1"/>
  <c r="AF51923" i="1"/>
  <c r="AF51924" i="1"/>
  <c r="AF51925" i="1"/>
  <c r="AF51926" i="1"/>
  <c r="AF51927" i="1"/>
  <c r="AF51928" i="1"/>
  <c r="AF51929" i="1"/>
  <c r="AF51930" i="1"/>
  <c r="AF51931" i="1"/>
  <c r="AF51932" i="1"/>
  <c r="AF51933" i="1"/>
  <c r="AF51934" i="1"/>
  <c r="AF51935" i="1"/>
  <c r="AF51936" i="1"/>
  <c r="AF51937" i="1"/>
  <c r="AF51938" i="1"/>
  <c r="AF51939" i="1"/>
  <c r="AF51940" i="1"/>
  <c r="AF51941" i="1"/>
  <c r="AF51942" i="1"/>
  <c r="AF51943" i="1"/>
  <c r="AF51944" i="1"/>
  <c r="AF51945" i="1"/>
  <c r="AF51946" i="1"/>
  <c r="AF51947" i="1"/>
  <c r="AF51948" i="1"/>
  <c r="AF51949" i="1"/>
  <c r="AF51950" i="1"/>
  <c r="AF51951" i="1"/>
  <c r="AF51952" i="1"/>
  <c r="AF51953" i="1"/>
  <c r="AF51954" i="1"/>
  <c r="AF51955" i="1"/>
  <c r="AF51956" i="1"/>
  <c r="AF51957" i="1"/>
  <c r="AF51958" i="1"/>
  <c r="AF51959" i="1"/>
  <c r="AF51960" i="1"/>
  <c r="AF51961" i="1"/>
  <c r="AF51962" i="1"/>
  <c r="AF51963" i="1"/>
  <c r="AF51964" i="1"/>
  <c r="AF51965" i="1"/>
  <c r="AF51966" i="1"/>
  <c r="AF51967" i="1"/>
  <c r="AF51968" i="1"/>
  <c r="AF51969" i="1"/>
  <c r="AF51970" i="1"/>
  <c r="AF51971" i="1"/>
  <c r="AF51972" i="1"/>
  <c r="AF51973" i="1"/>
  <c r="AF51974" i="1"/>
  <c r="AF51975" i="1"/>
  <c r="AF51976" i="1"/>
  <c r="AF51977" i="1"/>
  <c r="AF51978" i="1"/>
  <c r="AF51979" i="1"/>
  <c r="AF51980" i="1"/>
  <c r="AF51981" i="1"/>
  <c r="AF51982" i="1"/>
  <c r="AF51983" i="1"/>
  <c r="AF51984" i="1"/>
  <c r="AF51985" i="1"/>
  <c r="AF51986" i="1"/>
  <c r="AF51987" i="1"/>
  <c r="AF51988" i="1"/>
  <c r="AF51989" i="1"/>
  <c r="AF51990" i="1"/>
  <c r="AF51991" i="1"/>
  <c r="AF51992" i="1"/>
  <c r="AF51993" i="1"/>
  <c r="AF51994" i="1"/>
  <c r="AF51995" i="1"/>
  <c r="AF51996" i="1"/>
  <c r="AF51997" i="1"/>
  <c r="AF51998" i="1"/>
  <c r="AF51999" i="1"/>
  <c r="AF52000" i="1"/>
  <c r="AF52001" i="1"/>
  <c r="AF52002" i="1"/>
  <c r="AF52003" i="1"/>
  <c r="AF52004" i="1"/>
  <c r="AF52005" i="1"/>
  <c r="AF52006" i="1"/>
  <c r="AF52007" i="1"/>
  <c r="AF52008" i="1"/>
  <c r="AF52009" i="1"/>
  <c r="AF52010" i="1"/>
  <c r="AF52011" i="1"/>
  <c r="AF52012" i="1"/>
  <c r="AF52013" i="1"/>
  <c r="AF52014" i="1"/>
  <c r="AF52015" i="1"/>
  <c r="AF52016" i="1"/>
  <c r="AF52017" i="1"/>
  <c r="AF52018" i="1"/>
  <c r="AF52019" i="1"/>
  <c r="AF52020" i="1"/>
  <c r="AF52021" i="1"/>
  <c r="AF52022" i="1"/>
  <c r="AF52023" i="1"/>
  <c r="AF52024" i="1"/>
  <c r="AF52025" i="1"/>
  <c r="AF52026" i="1"/>
  <c r="AF52027" i="1"/>
  <c r="AF52028" i="1"/>
  <c r="AF52029" i="1"/>
  <c r="AF52030" i="1"/>
  <c r="AF52031" i="1"/>
  <c r="AF52032" i="1"/>
  <c r="AF52033" i="1"/>
  <c r="AF52034" i="1"/>
  <c r="AF52035" i="1"/>
  <c r="AF52036" i="1"/>
  <c r="AF52037" i="1"/>
  <c r="AF52038" i="1"/>
  <c r="AF52039" i="1"/>
  <c r="AF52040" i="1"/>
  <c r="AF52041" i="1"/>
  <c r="AF52042" i="1"/>
  <c r="AF52043" i="1"/>
  <c r="AF52044" i="1"/>
  <c r="AF52045" i="1"/>
  <c r="AF52046" i="1"/>
  <c r="AF52047" i="1"/>
  <c r="AF52048" i="1"/>
  <c r="AF52049" i="1"/>
  <c r="AF52050" i="1"/>
  <c r="AF52051" i="1"/>
  <c r="AF52052" i="1"/>
  <c r="AF52053" i="1"/>
  <c r="AF52054" i="1"/>
  <c r="AF52055" i="1"/>
  <c r="AF52056" i="1"/>
  <c r="AF52057" i="1"/>
  <c r="AF52058" i="1"/>
  <c r="AF52059" i="1"/>
  <c r="AF52060" i="1"/>
  <c r="AF52061" i="1"/>
  <c r="AF52062" i="1"/>
  <c r="AF52063" i="1"/>
  <c r="AF52064" i="1"/>
  <c r="AF52065" i="1"/>
  <c r="AF52066" i="1"/>
  <c r="AF52067" i="1"/>
  <c r="AF52068" i="1"/>
  <c r="AF52069" i="1"/>
  <c r="AF52070" i="1"/>
  <c r="AF52071" i="1"/>
  <c r="AF52072" i="1"/>
  <c r="AF52073" i="1"/>
  <c r="AF52074" i="1"/>
  <c r="AF52075" i="1"/>
  <c r="AF52076" i="1"/>
  <c r="AF52077" i="1"/>
  <c r="AF52078" i="1"/>
  <c r="AF52079" i="1"/>
  <c r="AF52080" i="1"/>
  <c r="AF52081" i="1"/>
  <c r="AF52082" i="1"/>
  <c r="AF52083" i="1"/>
  <c r="AF52084" i="1"/>
  <c r="AF52085" i="1"/>
  <c r="AF52086" i="1"/>
  <c r="AF52087" i="1"/>
  <c r="AF52088" i="1"/>
  <c r="AF52089" i="1"/>
  <c r="AF52090" i="1"/>
  <c r="AF52091" i="1"/>
  <c r="AF52092" i="1"/>
  <c r="AF52093" i="1"/>
  <c r="AF52094" i="1"/>
  <c r="AF52095" i="1"/>
  <c r="AF52096" i="1"/>
  <c r="AF52097" i="1"/>
  <c r="AF52098" i="1"/>
  <c r="AF52099" i="1"/>
  <c r="AF52100" i="1"/>
  <c r="AF52101" i="1"/>
  <c r="AF52102" i="1"/>
  <c r="AF52103" i="1"/>
  <c r="AF52104" i="1"/>
  <c r="AF52105" i="1"/>
  <c r="AF52106" i="1"/>
  <c r="AF52107" i="1"/>
  <c r="AF52108" i="1"/>
  <c r="AF52109" i="1"/>
  <c r="AF52110" i="1"/>
  <c r="AF52111" i="1"/>
  <c r="AF52112" i="1"/>
  <c r="AF52113" i="1"/>
  <c r="AF52114" i="1"/>
  <c r="AF52115" i="1"/>
  <c r="AF52116" i="1"/>
  <c r="AF52117" i="1"/>
  <c r="AF52118" i="1"/>
  <c r="AF52119" i="1"/>
  <c r="AF52120" i="1"/>
  <c r="AF52121" i="1"/>
  <c r="AF52122" i="1"/>
  <c r="AF52123" i="1"/>
  <c r="AF52124" i="1"/>
  <c r="AF52125" i="1"/>
  <c r="AF52126" i="1"/>
  <c r="AF52127" i="1"/>
  <c r="AF52128" i="1"/>
  <c r="AF52129" i="1"/>
  <c r="AF52130" i="1"/>
  <c r="AF52131" i="1"/>
  <c r="AF52132" i="1"/>
  <c r="AF52133" i="1"/>
  <c r="AF52134" i="1"/>
  <c r="AF52135" i="1"/>
  <c r="AF52136" i="1"/>
  <c r="AF52137" i="1"/>
  <c r="AF52138" i="1"/>
  <c r="AF52139" i="1"/>
  <c r="AF52140" i="1"/>
  <c r="AF52141" i="1"/>
  <c r="AF52142" i="1"/>
  <c r="AF52143" i="1"/>
  <c r="AF52144" i="1"/>
  <c r="AF52145" i="1"/>
  <c r="AF52146" i="1"/>
  <c r="AF52147" i="1"/>
  <c r="AF52148" i="1"/>
  <c r="AF52149" i="1"/>
  <c r="AF52150" i="1"/>
  <c r="AF52151" i="1"/>
  <c r="AF52152" i="1"/>
  <c r="AF52153" i="1"/>
  <c r="AF52154" i="1"/>
  <c r="AF52155" i="1"/>
  <c r="AF52156" i="1"/>
  <c r="AF52157" i="1"/>
  <c r="AF52158" i="1"/>
  <c r="AF52159" i="1"/>
  <c r="AF52160" i="1"/>
  <c r="AF52161" i="1"/>
  <c r="AF52162" i="1"/>
  <c r="AF52163" i="1"/>
  <c r="AF52164" i="1"/>
  <c r="AF52165" i="1"/>
  <c r="AF52166" i="1"/>
  <c r="AF52167" i="1"/>
  <c r="AF52168" i="1"/>
  <c r="AF52169" i="1"/>
  <c r="AF52170" i="1"/>
  <c r="AF52171" i="1"/>
  <c r="AF52172" i="1"/>
  <c r="AF52173" i="1"/>
  <c r="AF52174" i="1"/>
  <c r="AF52175" i="1"/>
  <c r="AF52176" i="1"/>
  <c r="AF52177" i="1"/>
  <c r="AF52178" i="1"/>
  <c r="AF52179" i="1"/>
  <c r="AF52180" i="1"/>
  <c r="AF52181" i="1"/>
  <c r="AF52182" i="1"/>
  <c r="AF52183" i="1"/>
  <c r="AF52184" i="1"/>
  <c r="AF52185" i="1"/>
  <c r="AF52186" i="1"/>
  <c r="AF52187" i="1"/>
  <c r="AF52188" i="1"/>
  <c r="AF52189" i="1"/>
  <c r="AF52190" i="1"/>
  <c r="AF52191" i="1"/>
  <c r="AF52192" i="1"/>
  <c r="AF52193" i="1"/>
  <c r="AF52194" i="1"/>
  <c r="AF52195" i="1"/>
  <c r="AF52196" i="1"/>
  <c r="AF52197" i="1"/>
  <c r="AF52198" i="1"/>
  <c r="AF52199" i="1"/>
  <c r="AF52200" i="1"/>
  <c r="AF52201" i="1"/>
  <c r="AF52202" i="1"/>
  <c r="AF52203" i="1"/>
  <c r="AF52204" i="1"/>
  <c r="AF52205" i="1"/>
  <c r="AF52206" i="1"/>
  <c r="AF52207" i="1"/>
  <c r="AF52208" i="1"/>
  <c r="AF52209" i="1"/>
  <c r="AF52210" i="1"/>
  <c r="AF52211" i="1"/>
  <c r="AF52212" i="1"/>
  <c r="AF52213" i="1"/>
  <c r="AF52214" i="1"/>
  <c r="AF52215" i="1"/>
  <c r="AF52216" i="1"/>
  <c r="AF52217" i="1"/>
  <c r="AF52218" i="1"/>
  <c r="AF52219" i="1"/>
  <c r="AF52220" i="1"/>
  <c r="AF52221" i="1"/>
  <c r="AF52222" i="1"/>
  <c r="AF52223" i="1"/>
  <c r="AF52224" i="1"/>
  <c r="AF52225" i="1"/>
  <c r="AF52226" i="1"/>
  <c r="AF52227" i="1"/>
  <c r="AF52228" i="1"/>
  <c r="AF52229" i="1"/>
  <c r="AF52230" i="1"/>
  <c r="AF52231" i="1"/>
  <c r="AF52232" i="1"/>
  <c r="AF52233" i="1"/>
  <c r="AF52234" i="1"/>
  <c r="AF52235" i="1"/>
  <c r="AF52236" i="1"/>
  <c r="AF52237" i="1"/>
  <c r="AF52238" i="1"/>
  <c r="AF52239" i="1"/>
  <c r="AF52240" i="1"/>
  <c r="AF52241" i="1"/>
  <c r="AF52242" i="1"/>
  <c r="AF52243" i="1"/>
  <c r="AF52244" i="1"/>
  <c r="AF52245" i="1"/>
  <c r="AF52246" i="1"/>
  <c r="AF52247" i="1"/>
  <c r="AF52248" i="1"/>
  <c r="AF52249" i="1"/>
  <c r="AF52250" i="1"/>
  <c r="AF52251" i="1"/>
  <c r="AF52252" i="1"/>
  <c r="AF52253" i="1"/>
  <c r="AF52254" i="1"/>
  <c r="AF52255" i="1"/>
  <c r="AF52256" i="1"/>
  <c r="AF52257" i="1"/>
  <c r="AF52258" i="1"/>
  <c r="AF52259" i="1"/>
  <c r="AF52260" i="1"/>
  <c r="AF52261" i="1"/>
  <c r="AF52262" i="1"/>
  <c r="AF52263" i="1"/>
  <c r="AF52264" i="1"/>
  <c r="AF52265" i="1"/>
  <c r="AF52266" i="1"/>
  <c r="AF52267" i="1"/>
  <c r="AF52268" i="1"/>
  <c r="AF52269" i="1"/>
  <c r="AF52270" i="1"/>
  <c r="AF52271" i="1"/>
  <c r="AF52272" i="1"/>
  <c r="AF52273" i="1"/>
  <c r="AF52274" i="1"/>
  <c r="AF52275" i="1"/>
  <c r="AF52276" i="1"/>
  <c r="AF52277" i="1"/>
  <c r="AF52278" i="1"/>
  <c r="AF52279" i="1"/>
  <c r="AF52280" i="1"/>
  <c r="AF52281" i="1"/>
  <c r="AF52282" i="1"/>
  <c r="AF52283" i="1"/>
  <c r="AF52284" i="1"/>
  <c r="AF52285" i="1"/>
  <c r="AF52286" i="1"/>
  <c r="AF52287" i="1"/>
  <c r="AF52288" i="1"/>
  <c r="AF52289" i="1"/>
  <c r="AF52290" i="1"/>
  <c r="AF52291" i="1"/>
  <c r="AF52292" i="1"/>
  <c r="AF52293" i="1"/>
  <c r="AF52294" i="1"/>
  <c r="AF52295" i="1"/>
  <c r="AF52296" i="1"/>
  <c r="AF52297" i="1"/>
  <c r="AF52298" i="1"/>
  <c r="AF52299" i="1"/>
  <c r="AF52300" i="1"/>
  <c r="AF52301" i="1"/>
  <c r="AF52302" i="1"/>
  <c r="AF52303" i="1"/>
  <c r="AF52304" i="1"/>
  <c r="AF52305" i="1"/>
  <c r="AF52306" i="1"/>
  <c r="AF52307" i="1"/>
  <c r="AF52308" i="1"/>
  <c r="AF52309" i="1"/>
  <c r="AF52310" i="1"/>
  <c r="AF52311" i="1"/>
  <c r="AF52312" i="1"/>
  <c r="AF52313" i="1"/>
  <c r="AF52314" i="1"/>
  <c r="AF52315" i="1"/>
  <c r="AF52316" i="1"/>
  <c r="AF52317" i="1"/>
  <c r="AF52318" i="1"/>
  <c r="AF52319" i="1"/>
  <c r="AF52320" i="1"/>
  <c r="AF52321" i="1"/>
  <c r="AF52322" i="1"/>
  <c r="AF52323" i="1"/>
  <c r="AF52324" i="1"/>
  <c r="AF52325" i="1"/>
  <c r="AF52326" i="1"/>
  <c r="AF52327" i="1"/>
  <c r="AF52328" i="1"/>
  <c r="AF52329" i="1"/>
  <c r="AF52330" i="1"/>
  <c r="AF52331" i="1"/>
  <c r="AF52332" i="1"/>
  <c r="AF52333" i="1"/>
  <c r="AF52334" i="1"/>
  <c r="AF52335" i="1"/>
  <c r="AF52336" i="1"/>
  <c r="AF52337" i="1"/>
  <c r="AF52338" i="1"/>
  <c r="AF52339" i="1"/>
  <c r="AF52340" i="1"/>
  <c r="AF52341" i="1"/>
  <c r="AF52342" i="1"/>
  <c r="AF52343" i="1"/>
  <c r="AF52344" i="1"/>
  <c r="AF52345" i="1"/>
  <c r="AF52346" i="1"/>
  <c r="AF52347" i="1"/>
  <c r="AF52348" i="1"/>
  <c r="AF52349" i="1"/>
  <c r="AF52350" i="1"/>
  <c r="AF52351" i="1"/>
  <c r="AF52352" i="1"/>
  <c r="AF52353" i="1"/>
  <c r="AF52354" i="1"/>
  <c r="AF52355" i="1"/>
  <c r="AF52356" i="1"/>
  <c r="AF52357" i="1"/>
  <c r="AF52358" i="1"/>
  <c r="AF52359" i="1"/>
  <c r="AF52360" i="1"/>
  <c r="AF52361" i="1"/>
  <c r="AF52362" i="1"/>
  <c r="AF52363" i="1"/>
  <c r="AF52364" i="1"/>
  <c r="AF52365" i="1"/>
  <c r="AF52366" i="1"/>
  <c r="AF52367" i="1"/>
  <c r="AF52368" i="1"/>
  <c r="AF52369" i="1"/>
  <c r="AF52370" i="1"/>
  <c r="AF52371" i="1"/>
  <c r="AF52372" i="1"/>
  <c r="AF52373" i="1"/>
  <c r="AF52374" i="1"/>
  <c r="AF52375" i="1"/>
  <c r="AF52376" i="1"/>
  <c r="AF52377" i="1"/>
  <c r="AF52378" i="1"/>
  <c r="AF52379" i="1"/>
  <c r="AF52380" i="1"/>
  <c r="AF52381" i="1"/>
  <c r="AF52382" i="1"/>
  <c r="AF52383" i="1"/>
  <c r="AF52384" i="1"/>
  <c r="AF52385" i="1"/>
  <c r="AF52386" i="1"/>
  <c r="AF52387" i="1"/>
  <c r="AF52388" i="1"/>
  <c r="AF52389" i="1"/>
  <c r="AF52390" i="1"/>
  <c r="AF52391" i="1"/>
  <c r="AF52392" i="1"/>
  <c r="AF52393" i="1"/>
  <c r="AF52394" i="1"/>
  <c r="AF52395" i="1"/>
  <c r="AF52396" i="1"/>
  <c r="AF52397" i="1"/>
  <c r="AF52398" i="1"/>
  <c r="AF52399" i="1"/>
  <c r="AF52400" i="1"/>
  <c r="AF52401" i="1"/>
  <c r="AF52402" i="1"/>
  <c r="AF52403" i="1"/>
  <c r="AF52404" i="1"/>
  <c r="AF52405" i="1"/>
  <c r="AF52406" i="1"/>
  <c r="AF52407" i="1"/>
  <c r="AF52408" i="1"/>
  <c r="AF52409" i="1"/>
  <c r="AF52410" i="1"/>
  <c r="AF52411" i="1"/>
  <c r="AF52412" i="1"/>
  <c r="AF52413" i="1"/>
  <c r="AF52414" i="1"/>
  <c r="AF52415" i="1"/>
  <c r="AF52416" i="1"/>
  <c r="AF52417" i="1"/>
  <c r="AF52418" i="1"/>
  <c r="AF52419" i="1"/>
  <c r="AF52420" i="1"/>
  <c r="AF52421" i="1"/>
  <c r="AF52422" i="1"/>
  <c r="AF52423" i="1"/>
  <c r="AF52424" i="1"/>
  <c r="AF52425" i="1"/>
  <c r="AF52426" i="1"/>
  <c r="AF52427" i="1"/>
  <c r="AF52428" i="1"/>
  <c r="AF52429" i="1"/>
  <c r="AF52430" i="1"/>
  <c r="AF52431" i="1"/>
  <c r="AF52432" i="1"/>
  <c r="AF52433" i="1"/>
  <c r="AF52434" i="1"/>
  <c r="AF52435" i="1"/>
  <c r="AF52436" i="1"/>
  <c r="AF52437" i="1"/>
  <c r="AF52438" i="1"/>
  <c r="AF52439" i="1"/>
  <c r="AF52440" i="1"/>
  <c r="AF52441" i="1"/>
  <c r="AF52442" i="1"/>
  <c r="AF52443" i="1"/>
  <c r="AF52444" i="1"/>
  <c r="AF52445" i="1"/>
  <c r="AF52446" i="1"/>
  <c r="AF52447" i="1"/>
  <c r="AF52448" i="1"/>
  <c r="AF52449" i="1"/>
  <c r="AF52450" i="1"/>
  <c r="AF52451" i="1"/>
  <c r="AF52452" i="1"/>
  <c r="AF52453" i="1"/>
  <c r="AF52454" i="1"/>
  <c r="AF52455" i="1"/>
  <c r="AF52456" i="1"/>
  <c r="AF52457" i="1"/>
  <c r="AF52458" i="1"/>
  <c r="AF52459" i="1"/>
  <c r="AF52460" i="1"/>
  <c r="AF52461" i="1"/>
  <c r="AF52462" i="1"/>
  <c r="AF52463" i="1"/>
  <c r="AF52464" i="1"/>
  <c r="AF52465" i="1"/>
  <c r="AF52466" i="1"/>
  <c r="AF52467" i="1"/>
  <c r="AF52468" i="1"/>
  <c r="AF52469" i="1"/>
  <c r="AF52470" i="1"/>
  <c r="AF52471" i="1"/>
  <c r="AF52472" i="1"/>
  <c r="AF52473" i="1"/>
  <c r="AF52474" i="1"/>
  <c r="AF52475" i="1"/>
  <c r="AF52476" i="1"/>
  <c r="AF52477" i="1"/>
  <c r="AF52478" i="1"/>
  <c r="AF52479" i="1"/>
  <c r="AF52480" i="1"/>
  <c r="AF52481" i="1"/>
  <c r="AF52482" i="1"/>
  <c r="AF52483" i="1"/>
  <c r="AF52484" i="1"/>
  <c r="AF52485" i="1"/>
  <c r="AF52486" i="1"/>
  <c r="AF52487" i="1"/>
  <c r="AF52488" i="1"/>
  <c r="AF52489" i="1"/>
  <c r="AF52490" i="1"/>
  <c r="AF52491" i="1"/>
  <c r="AF52492" i="1"/>
  <c r="AF52493" i="1"/>
  <c r="AF52494" i="1"/>
  <c r="AF52495" i="1"/>
  <c r="AF52496" i="1"/>
  <c r="AF52497" i="1"/>
  <c r="AF52498" i="1"/>
  <c r="AF52499" i="1"/>
  <c r="AF52500" i="1"/>
  <c r="AF52501" i="1"/>
  <c r="AF52502" i="1"/>
  <c r="AF52503" i="1"/>
  <c r="AF52504" i="1"/>
  <c r="AF52505" i="1"/>
  <c r="AF52506" i="1"/>
  <c r="AF52507" i="1"/>
  <c r="AF52508" i="1"/>
  <c r="AF52509" i="1"/>
  <c r="AF52510" i="1"/>
  <c r="AF52511" i="1"/>
  <c r="AF52512" i="1"/>
  <c r="AF52513" i="1"/>
  <c r="AF52514" i="1"/>
  <c r="AF52515" i="1"/>
  <c r="AF52516" i="1"/>
  <c r="AF52517" i="1"/>
  <c r="AF52518" i="1"/>
  <c r="AF52519" i="1"/>
  <c r="AF52520" i="1"/>
  <c r="AF52521" i="1"/>
  <c r="AF52522" i="1"/>
  <c r="AF52523" i="1"/>
  <c r="AF52524" i="1"/>
  <c r="AF52525" i="1"/>
  <c r="AF52526" i="1"/>
  <c r="AF52527" i="1"/>
  <c r="AF52528" i="1"/>
  <c r="AF52529" i="1"/>
  <c r="AF52530" i="1"/>
  <c r="AF52531" i="1"/>
  <c r="AF52532" i="1"/>
  <c r="AF52533" i="1"/>
  <c r="AF52534" i="1"/>
  <c r="AF52535" i="1"/>
  <c r="AF52536" i="1"/>
  <c r="AF52537" i="1"/>
  <c r="AF52538" i="1"/>
  <c r="AF52539" i="1"/>
  <c r="AF52540" i="1"/>
  <c r="AF52541" i="1"/>
  <c r="AF52542" i="1"/>
  <c r="AF52543" i="1"/>
  <c r="AF52544" i="1"/>
  <c r="AF52545" i="1"/>
  <c r="AF52546" i="1"/>
  <c r="AF52547" i="1"/>
  <c r="AF52548" i="1"/>
  <c r="AF52549" i="1"/>
  <c r="AF52550" i="1"/>
  <c r="AF52551" i="1"/>
  <c r="AF52552" i="1"/>
  <c r="AF52553" i="1"/>
  <c r="AF52554" i="1"/>
  <c r="AF52555" i="1"/>
  <c r="AF52556" i="1"/>
  <c r="AF52557" i="1"/>
  <c r="AF52558" i="1"/>
  <c r="AF52559" i="1"/>
  <c r="AF52560" i="1"/>
  <c r="AF52561" i="1"/>
  <c r="AF52562" i="1"/>
  <c r="AF52563" i="1"/>
  <c r="AF52564" i="1"/>
  <c r="AF52565" i="1"/>
  <c r="AF52566" i="1"/>
  <c r="AF52567" i="1"/>
  <c r="AF52568" i="1"/>
  <c r="AF52569" i="1"/>
  <c r="AF52570" i="1"/>
  <c r="AF52571" i="1"/>
  <c r="AF52572" i="1"/>
  <c r="AF52573" i="1"/>
  <c r="AF52574" i="1"/>
  <c r="AF52575" i="1"/>
  <c r="AF52576" i="1"/>
  <c r="AF52577" i="1"/>
  <c r="AF52578" i="1"/>
  <c r="AF52579" i="1"/>
  <c r="AF52580" i="1"/>
  <c r="AF52581" i="1"/>
  <c r="AF52582" i="1"/>
  <c r="AF52583" i="1"/>
  <c r="AF52584" i="1"/>
  <c r="AF52585" i="1"/>
  <c r="AF52586" i="1"/>
  <c r="AF52587" i="1"/>
  <c r="AF52588" i="1"/>
  <c r="AF52589" i="1"/>
  <c r="AF52590" i="1"/>
  <c r="AF52591" i="1"/>
  <c r="AF52592" i="1"/>
  <c r="AF52593" i="1"/>
  <c r="AF52594" i="1"/>
  <c r="AF52595" i="1"/>
  <c r="AF52596" i="1"/>
  <c r="AF52597" i="1"/>
  <c r="AF52598" i="1"/>
  <c r="AF52599" i="1"/>
  <c r="AF52600" i="1"/>
  <c r="AF52601" i="1"/>
  <c r="AF52602" i="1"/>
  <c r="AF52603" i="1"/>
  <c r="AF52604" i="1"/>
  <c r="AF52605" i="1"/>
  <c r="AF52606" i="1"/>
  <c r="AF52607" i="1"/>
  <c r="AF52608" i="1"/>
  <c r="AF52609" i="1"/>
  <c r="AF52610" i="1"/>
  <c r="AF52611" i="1"/>
  <c r="AF52612" i="1"/>
  <c r="AF52613" i="1"/>
  <c r="AF52614" i="1"/>
  <c r="AF52615" i="1"/>
  <c r="AF52616" i="1"/>
  <c r="AF52617" i="1"/>
  <c r="AF52618" i="1"/>
  <c r="AF52619" i="1"/>
  <c r="AF52620" i="1"/>
  <c r="AF52621" i="1"/>
  <c r="AF52622" i="1"/>
  <c r="AF52623" i="1"/>
  <c r="AF52624" i="1"/>
  <c r="AF52625" i="1"/>
  <c r="AF52626" i="1"/>
  <c r="AF52627" i="1"/>
  <c r="AF52628" i="1"/>
  <c r="AF52629" i="1"/>
  <c r="AF52630" i="1"/>
  <c r="AF52631" i="1"/>
  <c r="AF52632" i="1"/>
  <c r="AF52633" i="1"/>
  <c r="AF52634" i="1"/>
  <c r="AF52635" i="1"/>
  <c r="AF52636" i="1"/>
  <c r="AF52637" i="1"/>
  <c r="AF52638" i="1"/>
  <c r="AF52639" i="1"/>
  <c r="AF52640" i="1"/>
  <c r="AF52641" i="1"/>
  <c r="AF52642" i="1"/>
  <c r="AF52643" i="1"/>
  <c r="AF52644" i="1"/>
  <c r="AF52645" i="1"/>
  <c r="AF52646" i="1"/>
  <c r="AF52647" i="1"/>
  <c r="AF52648" i="1"/>
  <c r="AF52649" i="1"/>
  <c r="AF52650" i="1"/>
  <c r="AF52651" i="1"/>
  <c r="AF52652" i="1"/>
  <c r="AF52653" i="1"/>
  <c r="AF52654" i="1"/>
  <c r="AF52655" i="1"/>
  <c r="AF52656" i="1"/>
  <c r="AF52657" i="1"/>
  <c r="AF52658" i="1"/>
  <c r="AF52659" i="1"/>
  <c r="AF52660" i="1"/>
  <c r="AF52661" i="1"/>
  <c r="AF52662" i="1"/>
  <c r="AF52663" i="1"/>
  <c r="AF52664" i="1"/>
  <c r="AF52665" i="1"/>
  <c r="AF52666" i="1"/>
  <c r="AF52667" i="1"/>
  <c r="AF52668" i="1"/>
  <c r="AF52669" i="1"/>
  <c r="AF52670" i="1"/>
  <c r="AF52671" i="1"/>
  <c r="AF52672" i="1"/>
  <c r="AF52673" i="1"/>
  <c r="AF52674" i="1"/>
  <c r="AF52675" i="1"/>
  <c r="AF52676" i="1"/>
  <c r="AF52677" i="1"/>
  <c r="AF52678" i="1"/>
  <c r="AF52679" i="1"/>
  <c r="AF52680" i="1"/>
  <c r="AF52681" i="1"/>
  <c r="AF52682" i="1"/>
  <c r="AF52683" i="1"/>
  <c r="AF52684" i="1"/>
  <c r="AF52685" i="1"/>
  <c r="AF52686" i="1"/>
  <c r="AF52687" i="1"/>
  <c r="AF52688" i="1"/>
  <c r="AF52689" i="1"/>
  <c r="AF52690" i="1"/>
  <c r="AF52691" i="1"/>
  <c r="AF52692" i="1"/>
  <c r="AF52693" i="1"/>
  <c r="AF52694" i="1"/>
  <c r="AF52695" i="1"/>
  <c r="AF52696" i="1"/>
  <c r="AF52697" i="1"/>
  <c r="AF52698" i="1"/>
  <c r="AF52699" i="1"/>
  <c r="AF52700" i="1"/>
  <c r="AF52701" i="1"/>
  <c r="AF52702" i="1"/>
  <c r="AF52703" i="1"/>
  <c r="AF52704" i="1"/>
  <c r="AF52705" i="1"/>
  <c r="AF52706" i="1"/>
  <c r="AF52707" i="1"/>
  <c r="AF52708" i="1"/>
  <c r="AF52709" i="1"/>
  <c r="AF52710" i="1"/>
  <c r="AF52711" i="1"/>
  <c r="AF52712" i="1"/>
  <c r="AF52713" i="1"/>
  <c r="AF52714" i="1"/>
  <c r="AF52715" i="1"/>
  <c r="AF52716" i="1"/>
  <c r="AF52717" i="1"/>
  <c r="AF52718" i="1"/>
  <c r="AF52719" i="1"/>
  <c r="AF52720" i="1"/>
  <c r="AF52721" i="1"/>
  <c r="AF52722" i="1"/>
  <c r="AF52723" i="1"/>
  <c r="AF52724" i="1"/>
  <c r="AF52725" i="1"/>
  <c r="AF52726" i="1"/>
  <c r="AF52727" i="1"/>
  <c r="AF52728" i="1"/>
  <c r="AF52729" i="1"/>
  <c r="AF52730" i="1"/>
  <c r="AF52731" i="1"/>
  <c r="AF52732" i="1"/>
  <c r="AF52733" i="1"/>
  <c r="AF52734" i="1"/>
  <c r="AF52735" i="1"/>
  <c r="AF52736" i="1"/>
  <c r="AF52737" i="1"/>
  <c r="AF52738" i="1"/>
  <c r="AF52739" i="1"/>
  <c r="AF52740" i="1"/>
  <c r="AF52741" i="1"/>
  <c r="AF52742" i="1"/>
  <c r="AF52743" i="1"/>
  <c r="AF52744" i="1"/>
  <c r="AF52745" i="1"/>
  <c r="AF52746" i="1"/>
  <c r="AF52747" i="1"/>
  <c r="AF52748" i="1"/>
  <c r="AF52749" i="1"/>
  <c r="AF52750" i="1"/>
  <c r="AF52751" i="1"/>
  <c r="AF52752" i="1"/>
  <c r="AF52753" i="1"/>
  <c r="AF52754" i="1"/>
  <c r="AF52755" i="1"/>
  <c r="AF52756" i="1"/>
  <c r="AF52757" i="1"/>
  <c r="AF52758" i="1"/>
  <c r="AF52759" i="1"/>
  <c r="AF52760" i="1"/>
  <c r="AF52761" i="1"/>
  <c r="AF52762" i="1"/>
  <c r="AF52763" i="1"/>
  <c r="AF52764" i="1"/>
  <c r="AF52765" i="1"/>
  <c r="AF52766" i="1"/>
  <c r="AF52767" i="1"/>
  <c r="AF52768" i="1"/>
  <c r="AF52769" i="1"/>
  <c r="AF52770" i="1"/>
  <c r="AF52771" i="1"/>
  <c r="AF52772" i="1"/>
  <c r="AF52773" i="1"/>
  <c r="AF52774" i="1"/>
  <c r="AF52775" i="1"/>
  <c r="AF52776" i="1"/>
  <c r="AF52777" i="1"/>
  <c r="AF52778" i="1"/>
  <c r="AF52779" i="1"/>
  <c r="AF52780" i="1"/>
  <c r="AF52781" i="1"/>
  <c r="AF52782" i="1"/>
  <c r="AF52783" i="1"/>
  <c r="AF52784" i="1"/>
  <c r="AF52785" i="1"/>
  <c r="AF52786" i="1"/>
  <c r="AF52787" i="1"/>
  <c r="AF52788" i="1"/>
  <c r="AF52789" i="1"/>
  <c r="AF52790" i="1"/>
  <c r="AF52791" i="1"/>
  <c r="AF52792" i="1"/>
  <c r="AF52793" i="1"/>
  <c r="AF52794" i="1"/>
  <c r="AF52795" i="1"/>
  <c r="AF52796" i="1"/>
  <c r="AF52797" i="1"/>
  <c r="AF52798" i="1"/>
  <c r="AF52799" i="1"/>
  <c r="AF52800" i="1"/>
  <c r="AF52801" i="1"/>
  <c r="AF52802" i="1"/>
  <c r="AF52803" i="1"/>
  <c r="AF52804" i="1"/>
  <c r="AF52805" i="1"/>
  <c r="AF52806" i="1"/>
  <c r="AF52807" i="1"/>
  <c r="AF52808" i="1"/>
  <c r="AF52809" i="1"/>
  <c r="AF52810" i="1"/>
  <c r="AF52811" i="1"/>
  <c r="AF52812" i="1"/>
  <c r="AF52813" i="1"/>
  <c r="AF52814" i="1"/>
  <c r="AF52815" i="1"/>
  <c r="AF52816" i="1"/>
  <c r="AF52817" i="1"/>
  <c r="AF52818" i="1"/>
  <c r="AF52819" i="1"/>
  <c r="AF52820" i="1"/>
  <c r="AF52821" i="1"/>
  <c r="AF52822" i="1"/>
  <c r="AF52823" i="1"/>
  <c r="AF52824" i="1"/>
  <c r="AF52825" i="1"/>
  <c r="AF52826" i="1"/>
  <c r="AF52827" i="1"/>
  <c r="AF52828" i="1"/>
  <c r="AF52829" i="1"/>
  <c r="AF52830" i="1"/>
  <c r="AF52831" i="1"/>
  <c r="AF52832" i="1"/>
  <c r="AF52833" i="1"/>
  <c r="AF52834" i="1"/>
  <c r="AF52835" i="1"/>
  <c r="AF52836" i="1"/>
  <c r="AF52837" i="1"/>
  <c r="AF52838" i="1"/>
  <c r="AF52839" i="1"/>
  <c r="AF52840" i="1"/>
  <c r="AF52841" i="1"/>
  <c r="AF52842" i="1"/>
  <c r="AF52843" i="1"/>
  <c r="AF52844" i="1"/>
  <c r="AF52845" i="1"/>
  <c r="AF52846" i="1"/>
  <c r="AF52847" i="1"/>
  <c r="AF52848" i="1"/>
  <c r="AF52849" i="1"/>
  <c r="AF52850" i="1"/>
  <c r="AF52851" i="1"/>
  <c r="AF52852" i="1"/>
  <c r="AF52853" i="1"/>
  <c r="AF52854" i="1"/>
  <c r="AF52855" i="1"/>
  <c r="AF52856" i="1"/>
  <c r="AF52857" i="1"/>
  <c r="AF52858" i="1"/>
  <c r="AF52859" i="1"/>
  <c r="AF52860" i="1"/>
  <c r="AF52861" i="1"/>
  <c r="AF52862" i="1"/>
  <c r="AF52863" i="1"/>
  <c r="AF52864" i="1"/>
  <c r="AF52865" i="1"/>
  <c r="AF52866" i="1"/>
  <c r="AF52867" i="1"/>
  <c r="AF52868" i="1"/>
  <c r="AF52869" i="1"/>
  <c r="AF52870" i="1"/>
  <c r="AF52871" i="1"/>
  <c r="AF52872" i="1"/>
  <c r="AF52873" i="1"/>
  <c r="AF52874" i="1"/>
  <c r="AF52875" i="1"/>
  <c r="AF52876" i="1"/>
  <c r="AF52877" i="1"/>
  <c r="AF52878" i="1"/>
  <c r="AF52879" i="1"/>
  <c r="AF52880" i="1"/>
  <c r="AF52881" i="1"/>
  <c r="AF52882" i="1"/>
  <c r="AF52883" i="1"/>
  <c r="AF52884" i="1"/>
  <c r="AF52885" i="1"/>
  <c r="AF52886" i="1"/>
  <c r="AF52887" i="1"/>
  <c r="AF52888" i="1"/>
  <c r="AF52889" i="1"/>
  <c r="AF52890" i="1"/>
  <c r="AF52891" i="1"/>
  <c r="AF52892" i="1"/>
  <c r="AF52893" i="1"/>
  <c r="AF52894" i="1"/>
  <c r="AF52895" i="1"/>
  <c r="AF52896" i="1"/>
  <c r="AF52897" i="1"/>
  <c r="AF52898" i="1"/>
  <c r="AF52899" i="1"/>
  <c r="AF52900" i="1"/>
  <c r="AF52901" i="1"/>
  <c r="AF52902" i="1"/>
  <c r="AF52903" i="1"/>
  <c r="AF52904" i="1"/>
  <c r="AF52905" i="1"/>
  <c r="AF52906" i="1"/>
  <c r="AF52907" i="1"/>
  <c r="AF52908" i="1"/>
  <c r="AF52909" i="1"/>
  <c r="AF52910" i="1"/>
  <c r="AF52911" i="1"/>
  <c r="AF52912" i="1"/>
  <c r="AF52913" i="1"/>
  <c r="AF52914" i="1"/>
  <c r="AF52915" i="1"/>
  <c r="AF52916" i="1"/>
  <c r="AF52917" i="1"/>
  <c r="AF52918" i="1"/>
  <c r="AF52919" i="1"/>
  <c r="AF52920" i="1"/>
  <c r="AF52921" i="1"/>
  <c r="AF52922" i="1"/>
  <c r="AF52923" i="1"/>
  <c r="AF52924" i="1"/>
  <c r="AF52925" i="1"/>
  <c r="AF52926" i="1"/>
  <c r="AF52927" i="1"/>
  <c r="AF52928" i="1"/>
  <c r="AF52929" i="1"/>
  <c r="AF52930" i="1"/>
  <c r="AF52931" i="1"/>
  <c r="AF52932" i="1"/>
  <c r="AF52933" i="1"/>
  <c r="AF52934" i="1"/>
  <c r="AF52935" i="1"/>
  <c r="AF52936" i="1"/>
  <c r="AF52937" i="1"/>
  <c r="AF52938" i="1"/>
  <c r="AF52939" i="1"/>
  <c r="AF52940" i="1"/>
  <c r="AF52941" i="1"/>
  <c r="AF52942" i="1"/>
  <c r="AF52943" i="1"/>
  <c r="AF52944" i="1"/>
  <c r="AF52945" i="1"/>
  <c r="AF52946" i="1"/>
  <c r="AF52947" i="1"/>
  <c r="AF52948" i="1"/>
  <c r="AF52949" i="1"/>
  <c r="AF52950" i="1"/>
  <c r="AF52951" i="1"/>
  <c r="AF52952" i="1"/>
  <c r="AF52953" i="1"/>
  <c r="AF52954" i="1"/>
  <c r="AF52955" i="1"/>
  <c r="AF52956" i="1"/>
  <c r="AF52957" i="1"/>
  <c r="AF52958" i="1"/>
  <c r="AF52959" i="1"/>
  <c r="AF52960" i="1"/>
  <c r="AF52961" i="1"/>
  <c r="AF52962" i="1"/>
  <c r="AF52963" i="1"/>
  <c r="AF52964" i="1"/>
  <c r="AF52965" i="1"/>
  <c r="AF52966" i="1"/>
  <c r="AF52967" i="1"/>
  <c r="AF52968" i="1"/>
  <c r="AF52969" i="1"/>
  <c r="AF52970" i="1"/>
  <c r="AF52971" i="1"/>
  <c r="AF52972" i="1"/>
  <c r="AF52973" i="1"/>
  <c r="AF52974" i="1"/>
  <c r="AF52975" i="1"/>
  <c r="AF52976" i="1"/>
  <c r="AF52977" i="1"/>
  <c r="AF52978" i="1"/>
  <c r="AF52979" i="1"/>
  <c r="AF52980" i="1"/>
  <c r="AF52981" i="1"/>
  <c r="AF52982" i="1"/>
  <c r="AF52983" i="1"/>
  <c r="AF52984" i="1"/>
  <c r="AF52985" i="1"/>
  <c r="AF52986" i="1"/>
  <c r="AF52987" i="1"/>
  <c r="AF52988" i="1"/>
  <c r="AF52989" i="1"/>
  <c r="AF52990" i="1"/>
  <c r="AF52991" i="1"/>
  <c r="AF52992" i="1"/>
  <c r="AF52993" i="1"/>
  <c r="AF52994" i="1"/>
  <c r="AF52995" i="1"/>
  <c r="AF52996" i="1"/>
  <c r="AF52997" i="1"/>
  <c r="AF52998" i="1"/>
  <c r="AF52999" i="1"/>
  <c r="AF53000" i="1"/>
  <c r="AF53001" i="1"/>
  <c r="AF53002" i="1"/>
  <c r="AF53003" i="1"/>
  <c r="AF53004" i="1"/>
  <c r="AF53005" i="1"/>
  <c r="AF53006" i="1"/>
  <c r="AF53007" i="1"/>
  <c r="AF53008" i="1"/>
  <c r="AF53009" i="1"/>
  <c r="AF53010" i="1"/>
  <c r="AF53011" i="1"/>
  <c r="AF53012" i="1"/>
  <c r="AF53013" i="1"/>
  <c r="AF53014" i="1"/>
  <c r="AF53015" i="1"/>
  <c r="AF53016" i="1"/>
  <c r="AF53017" i="1"/>
  <c r="AF53018" i="1"/>
  <c r="AF53019" i="1"/>
  <c r="AF53020" i="1"/>
  <c r="AF53021" i="1"/>
  <c r="AF53022" i="1"/>
  <c r="AF53023" i="1"/>
  <c r="AF53024" i="1"/>
  <c r="AF53025" i="1"/>
  <c r="AF53026" i="1"/>
  <c r="AF53027" i="1"/>
  <c r="AF53028" i="1"/>
  <c r="AF53029" i="1"/>
  <c r="AF53030" i="1"/>
  <c r="AF53031" i="1"/>
  <c r="AF53032" i="1"/>
  <c r="AF53033" i="1"/>
  <c r="AF53034" i="1"/>
  <c r="AF53035" i="1"/>
  <c r="AF53036" i="1"/>
  <c r="AF53037" i="1"/>
  <c r="AF53038" i="1"/>
  <c r="AF53039" i="1"/>
  <c r="AF53040" i="1"/>
  <c r="AF53041" i="1"/>
  <c r="AF53042" i="1"/>
  <c r="AF53043" i="1"/>
  <c r="AF53044" i="1"/>
  <c r="AF53045" i="1"/>
  <c r="AF53046" i="1"/>
  <c r="AF53047" i="1"/>
  <c r="AF53048" i="1"/>
  <c r="AF53049" i="1"/>
  <c r="AF53050" i="1"/>
  <c r="AF53051" i="1"/>
  <c r="AF53052" i="1"/>
  <c r="AF53053" i="1"/>
  <c r="AF53054" i="1"/>
  <c r="AF53055" i="1"/>
  <c r="AF53056" i="1"/>
  <c r="AF53057" i="1"/>
  <c r="AF53058" i="1"/>
  <c r="AF53059" i="1"/>
  <c r="AF53060" i="1"/>
  <c r="AF53061" i="1"/>
  <c r="AF53062" i="1"/>
  <c r="AF53063" i="1"/>
  <c r="AF53064" i="1"/>
  <c r="AF53065" i="1"/>
  <c r="AF53066" i="1"/>
  <c r="AF53067" i="1"/>
  <c r="AF53068" i="1"/>
  <c r="AF53069" i="1"/>
  <c r="AF53070" i="1"/>
  <c r="AF53071" i="1"/>
  <c r="AF53072" i="1"/>
  <c r="AF53073" i="1"/>
  <c r="AF53074" i="1"/>
  <c r="AF53075" i="1"/>
  <c r="AF53076" i="1"/>
  <c r="AF53077" i="1"/>
  <c r="AF53078" i="1"/>
  <c r="AF53079" i="1"/>
  <c r="AF53080" i="1"/>
  <c r="AF53081" i="1"/>
  <c r="AF53082" i="1"/>
  <c r="AF53083" i="1"/>
  <c r="AF53084" i="1"/>
  <c r="AF53085" i="1"/>
  <c r="AF53086" i="1"/>
  <c r="AF53087" i="1"/>
  <c r="AF53088" i="1"/>
  <c r="AF53089" i="1"/>
  <c r="AF53090" i="1"/>
  <c r="AF53091" i="1"/>
  <c r="AF53092" i="1"/>
  <c r="AF53093" i="1"/>
  <c r="AF53094" i="1"/>
  <c r="AF53095" i="1"/>
  <c r="AF53096" i="1"/>
  <c r="AF53097" i="1"/>
  <c r="AF53098" i="1"/>
  <c r="AF53099" i="1"/>
  <c r="AF53100" i="1"/>
  <c r="AF53101" i="1"/>
  <c r="AF53102" i="1"/>
  <c r="AF53103" i="1"/>
  <c r="AF53104" i="1"/>
  <c r="AF53105" i="1"/>
  <c r="AF53106" i="1"/>
  <c r="AF53107" i="1"/>
  <c r="AF53108" i="1"/>
  <c r="AF53109" i="1"/>
  <c r="AF53110" i="1"/>
  <c r="AF53111" i="1"/>
  <c r="AF53112" i="1"/>
  <c r="AF53113" i="1"/>
  <c r="AF53114" i="1"/>
  <c r="AF53115" i="1"/>
  <c r="AF53116" i="1"/>
  <c r="AF53117" i="1"/>
  <c r="AF53118" i="1"/>
  <c r="AF53119" i="1"/>
  <c r="AF53120" i="1"/>
  <c r="AF53121" i="1"/>
  <c r="AF53122" i="1"/>
  <c r="AF53123" i="1"/>
  <c r="AF53124" i="1"/>
  <c r="AF53125" i="1"/>
  <c r="AF53126" i="1"/>
  <c r="AF53127" i="1"/>
  <c r="AF53128" i="1"/>
  <c r="AF53129" i="1"/>
  <c r="AF53130" i="1"/>
  <c r="AF53131" i="1"/>
  <c r="AF53132" i="1"/>
  <c r="AF53133" i="1"/>
  <c r="AF53134" i="1"/>
  <c r="AF53135" i="1"/>
  <c r="AF53136" i="1"/>
  <c r="AF53137" i="1"/>
  <c r="AF53138" i="1"/>
  <c r="AF53139" i="1"/>
  <c r="AF53140" i="1"/>
  <c r="AF53141" i="1"/>
  <c r="AF53142" i="1"/>
  <c r="AF53143" i="1"/>
  <c r="AF53144" i="1"/>
  <c r="AF53145" i="1"/>
  <c r="AF53146" i="1"/>
  <c r="AF53147" i="1"/>
  <c r="AF53148" i="1"/>
  <c r="AF53149" i="1"/>
  <c r="AF53150" i="1"/>
  <c r="AF53151" i="1"/>
  <c r="AF53152" i="1"/>
  <c r="AF53153" i="1"/>
  <c r="AF53154" i="1"/>
  <c r="AF53155" i="1"/>
  <c r="AF53156" i="1"/>
  <c r="AF53157" i="1"/>
  <c r="AF53158" i="1"/>
  <c r="AF53159" i="1"/>
  <c r="AF53160" i="1"/>
  <c r="AF53161" i="1"/>
  <c r="AF53162" i="1"/>
  <c r="AF53163" i="1"/>
  <c r="AF53164" i="1"/>
  <c r="AF53165" i="1"/>
  <c r="AF53166" i="1"/>
  <c r="AF53167" i="1"/>
  <c r="AF53168" i="1"/>
  <c r="AF53169" i="1"/>
  <c r="AF53170" i="1"/>
  <c r="AF53171" i="1"/>
  <c r="AF53172" i="1"/>
  <c r="AF53173" i="1"/>
  <c r="AF53174" i="1"/>
  <c r="AF53175" i="1"/>
  <c r="AF53176" i="1"/>
  <c r="AF53177" i="1"/>
  <c r="AF53178" i="1"/>
  <c r="AF53179" i="1"/>
  <c r="AF53180" i="1"/>
  <c r="AF53181" i="1"/>
  <c r="AF53182" i="1"/>
  <c r="AF53183" i="1"/>
  <c r="AF53184" i="1"/>
  <c r="AF53185" i="1"/>
  <c r="AF53186" i="1"/>
  <c r="AF53187" i="1"/>
  <c r="AF53188" i="1"/>
  <c r="AF53189" i="1"/>
  <c r="AF53190" i="1"/>
  <c r="AF53191" i="1"/>
  <c r="AF53192" i="1"/>
  <c r="AF53193" i="1"/>
  <c r="AF53194" i="1"/>
  <c r="AF53195" i="1"/>
  <c r="AF53196" i="1"/>
  <c r="AF53197" i="1"/>
  <c r="AF53198" i="1"/>
  <c r="AF53199" i="1"/>
  <c r="AF53200" i="1"/>
  <c r="AF53201" i="1"/>
  <c r="AF53202" i="1"/>
  <c r="AF53203" i="1"/>
  <c r="AF53204" i="1"/>
  <c r="AF53205" i="1"/>
  <c r="AF53206" i="1"/>
  <c r="AF53207" i="1"/>
  <c r="AF53208" i="1"/>
  <c r="AF53209" i="1"/>
  <c r="AF53210" i="1"/>
  <c r="AF53211" i="1"/>
  <c r="AF53212" i="1"/>
  <c r="AF53213" i="1"/>
  <c r="AF53214" i="1"/>
  <c r="AF53215" i="1"/>
  <c r="AF53216" i="1"/>
  <c r="AF53217" i="1"/>
  <c r="AF53218" i="1"/>
  <c r="AF53219" i="1"/>
  <c r="AF53220" i="1"/>
  <c r="AF53221" i="1"/>
  <c r="AF53222" i="1"/>
  <c r="AF53223" i="1"/>
  <c r="AF53224" i="1"/>
  <c r="AF53225" i="1"/>
  <c r="AF53226" i="1"/>
  <c r="AF53227" i="1"/>
  <c r="AF53228" i="1"/>
  <c r="AF53229" i="1"/>
  <c r="AF53230" i="1"/>
  <c r="AF53231" i="1"/>
  <c r="AF53232" i="1"/>
  <c r="AF53233" i="1"/>
  <c r="AF53234" i="1"/>
  <c r="AF53235" i="1"/>
  <c r="AF53236" i="1"/>
  <c r="AF53237" i="1"/>
  <c r="AF53238" i="1"/>
  <c r="AF53239" i="1"/>
  <c r="AF53240" i="1"/>
  <c r="AF53241" i="1"/>
  <c r="AF53242" i="1"/>
  <c r="AF53243" i="1"/>
  <c r="AF53244" i="1"/>
  <c r="AF53245" i="1"/>
  <c r="AF53246" i="1"/>
  <c r="AF53247" i="1"/>
  <c r="AF53248" i="1"/>
  <c r="AF53249" i="1"/>
  <c r="AF53250" i="1"/>
  <c r="AF53251" i="1"/>
  <c r="AF53252" i="1"/>
  <c r="AF53253" i="1"/>
  <c r="AF53254" i="1"/>
  <c r="AF53255" i="1"/>
  <c r="AF53256" i="1"/>
  <c r="AF53257" i="1"/>
  <c r="AF53258" i="1"/>
  <c r="AF53259" i="1"/>
  <c r="AF53260" i="1"/>
  <c r="AF53261" i="1"/>
  <c r="AF53262" i="1"/>
  <c r="AF53263" i="1"/>
  <c r="AF53264" i="1"/>
  <c r="AF53265" i="1"/>
  <c r="AF53266" i="1"/>
  <c r="AF53267" i="1"/>
  <c r="AF53268" i="1"/>
  <c r="AF53269" i="1"/>
  <c r="AF53270" i="1"/>
  <c r="AF53271" i="1"/>
  <c r="AF53272" i="1"/>
  <c r="AF53273" i="1"/>
  <c r="AF53274" i="1"/>
  <c r="AF53275" i="1"/>
  <c r="AF53276" i="1"/>
  <c r="AF53277" i="1"/>
  <c r="AF53278" i="1"/>
  <c r="AF53279" i="1"/>
  <c r="AF53280" i="1"/>
  <c r="AF53281" i="1"/>
  <c r="AF53282" i="1"/>
  <c r="AF53283" i="1"/>
  <c r="AF53284" i="1"/>
  <c r="AF53285" i="1"/>
  <c r="AF53286" i="1"/>
  <c r="AF53287" i="1"/>
  <c r="AF53288" i="1"/>
  <c r="AF53289" i="1"/>
  <c r="AF53290" i="1"/>
  <c r="AF53291" i="1"/>
  <c r="AF53292" i="1"/>
  <c r="AF53293" i="1"/>
  <c r="AF53294" i="1"/>
  <c r="AF53295" i="1"/>
  <c r="AF53296" i="1"/>
  <c r="AF53297" i="1"/>
  <c r="AF53298" i="1"/>
  <c r="AF53299" i="1"/>
  <c r="AF53300" i="1"/>
  <c r="AF53301" i="1"/>
  <c r="AF53302" i="1"/>
  <c r="AF53303" i="1"/>
  <c r="AF53304" i="1"/>
  <c r="AF53305" i="1"/>
  <c r="AF53306" i="1"/>
  <c r="AF53307" i="1"/>
  <c r="AF53308" i="1"/>
  <c r="AF53309" i="1"/>
  <c r="AF53310" i="1"/>
  <c r="AF53311" i="1"/>
  <c r="AF53312" i="1"/>
  <c r="AF53313" i="1"/>
  <c r="AF53314" i="1"/>
  <c r="AF53315" i="1"/>
  <c r="AF53316" i="1"/>
  <c r="AF53317" i="1"/>
  <c r="AF53318" i="1"/>
  <c r="AF53319" i="1"/>
  <c r="AF53320" i="1"/>
  <c r="AF53321" i="1"/>
  <c r="AF53322" i="1"/>
  <c r="AF53323" i="1"/>
  <c r="AF53324" i="1"/>
  <c r="AF53325" i="1"/>
  <c r="AF53326" i="1"/>
  <c r="AF53327" i="1"/>
  <c r="AF53328" i="1"/>
  <c r="AF53329" i="1"/>
  <c r="AF53330" i="1"/>
  <c r="AF53331" i="1"/>
  <c r="AF53332" i="1"/>
  <c r="AF53333" i="1"/>
  <c r="AF53334" i="1"/>
  <c r="AF53335" i="1"/>
  <c r="AF53336" i="1"/>
  <c r="AF53337" i="1"/>
  <c r="AF53338" i="1"/>
  <c r="AF53339" i="1"/>
  <c r="AF53340" i="1"/>
  <c r="AF53341" i="1"/>
  <c r="AF53342" i="1"/>
  <c r="AF53343" i="1"/>
  <c r="AF53344" i="1"/>
  <c r="AF53345" i="1"/>
  <c r="AF53346" i="1"/>
  <c r="AF53347" i="1"/>
  <c r="AF53348" i="1"/>
  <c r="AF53349" i="1"/>
  <c r="AF53350" i="1"/>
  <c r="AF53351" i="1"/>
  <c r="AF53352" i="1"/>
  <c r="AF53353" i="1"/>
  <c r="AF53354" i="1"/>
  <c r="AF53355" i="1"/>
  <c r="AF53356" i="1"/>
  <c r="AF53357" i="1"/>
  <c r="AF53358" i="1"/>
  <c r="AF53359" i="1"/>
  <c r="AF53360" i="1"/>
  <c r="AF53361" i="1"/>
  <c r="AF53362" i="1"/>
  <c r="AF53363" i="1"/>
  <c r="AF53364" i="1"/>
  <c r="AF53365" i="1"/>
  <c r="AF53366" i="1"/>
  <c r="AF53367" i="1"/>
  <c r="AF53368" i="1"/>
  <c r="AF53369" i="1"/>
  <c r="AF53370" i="1"/>
  <c r="AF53371" i="1"/>
  <c r="AF53372" i="1"/>
  <c r="AF53373" i="1"/>
  <c r="AF53374" i="1"/>
  <c r="AF53375" i="1"/>
  <c r="AF53376" i="1"/>
  <c r="AF53377" i="1"/>
  <c r="AF53378" i="1"/>
  <c r="AF53379" i="1"/>
  <c r="AF53380" i="1"/>
  <c r="AF53381" i="1"/>
  <c r="AF53382" i="1"/>
  <c r="AF53383" i="1"/>
  <c r="AF53384" i="1"/>
  <c r="AF53385" i="1"/>
  <c r="AF53386" i="1"/>
  <c r="AF53387" i="1"/>
  <c r="AF53388" i="1"/>
  <c r="AF53389" i="1"/>
  <c r="AF53390" i="1"/>
  <c r="AF53391" i="1"/>
  <c r="AF53392" i="1"/>
  <c r="AF53393" i="1"/>
  <c r="AF53394" i="1"/>
  <c r="AF53395" i="1"/>
  <c r="AF53396" i="1"/>
  <c r="AF53397" i="1"/>
  <c r="AF53398" i="1"/>
  <c r="AF53399" i="1"/>
  <c r="AF53400" i="1"/>
  <c r="AF53401" i="1"/>
  <c r="AF53402" i="1"/>
  <c r="AF53403" i="1"/>
  <c r="AF53404" i="1"/>
  <c r="AF53405" i="1"/>
  <c r="AF53406" i="1"/>
  <c r="AF53407" i="1"/>
  <c r="AF53408" i="1"/>
  <c r="AF53409" i="1"/>
  <c r="AF53410" i="1"/>
  <c r="AF53411" i="1"/>
  <c r="AF53412" i="1"/>
  <c r="AF53413" i="1"/>
  <c r="AF53414" i="1"/>
  <c r="AF53415" i="1"/>
  <c r="AF53416" i="1"/>
  <c r="AF53417" i="1"/>
  <c r="AF53418" i="1"/>
  <c r="AF53419" i="1"/>
  <c r="AF53420" i="1"/>
  <c r="AF53421" i="1"/>
  <c r="AF53422" i="1"/>
  <c r="AF53423" i="1"/>
  <c r="AF53424" i="1"/>
  <c r="AF53425" i="1"/>
  <c r="AF53426" i="1"/>
  <c r="AF53427" i="1"/>
  <c r="AF53428" i="1"/>
  <c r="AF53429" i="1"/>
  <c r="AF53430" i="1"/>
  <c r="AF53431" i="1"/>
  <c r="AF53432" i="1"/>
  <c r="AF53433" i="1"/>
  <c r="AF53434" i="1"/>
  <c r="AF53435" i="1"/>
  <c r="AF53436" i="1"/>
  <c r="AF53437" i="1"/>
  <c r="AF53438" i="1"/>
  <c r="AF53439" i="1"/>
  <c r="AF53440" i="1"/>
  <c r="AF53441" i="1"/>
  <c r="AF53442" i="1"/>
  <c r="AF53443" i="1"/>
  <c r="AF53444" i="1"/>
  <c r="AF53445" i="1"/>
  <c r="AF53446" i="1"/>
  <c r="AF53447" i="1"/>
  <c r="AF53448" i="1"/>
  <c r="AF53449" i="1"/>
  <c r="AF53450" i="1"/>
  <c r="AF53451" i="1"/>
  <c r="AF53452" i="1"/>
  <c r="AF53453" i="1"/>
  <c r="AF53454" i="1"/>
  <c r="AF53455" i="1"/>
  <c r="AF53456" i="1"/>
  <c r="AF53457" i="1"/>
  <c r="AF53458" i="1"/>
  <c r="AF53459" i="1"/>
  <c r="AF53460" i="1"/>
  <c r="AF53461" i="1"/>
  <c r="AF53462" i="1"/>
  <c r="AF53463" i="1"/>
  <c r="AF53464" i="1"/>
  <c r="AF53465" i="1"/>
  <c r="AF53466" i="1"/>
  <c r="AF53467" i="1"/>
  <c r="AF53468" i="1"/>
  <c r="AF53469" i="1"/>
  <c r="AF53470" i="1"/>
  <c r="AF53471" i="1"/>
  <c r="AF53472" i="1"/>
  <c r="AF53473" i="1"/>
  <c r="AF53474" i="1"/>
  <c r="AF53475" i="1"/>
  <c r="AF53476" i="1"/>
  <c r="AF53477" i="1"/>
  <c r="AF53478" i="1"/>
  <c r="AF53479" i="1"/>
  <c r="AF53480" i="1"/>
  <c r="AF53481" i="1"/>
  <c r="AF53482" i="1"/>
  <c r="AF53483" i="1"/>
  <c r="AF53484" i="1"/>
  <c r="AF53485" i="1"/>
  <c r="AF53486" i="1"/>
  <c r="AF53487" i="1"/>
  <c r="AF53488" i="1"/>
  <c r="AF53489" i="1"/>
  <c r="AF53490" i="1"/>
  <c r="AF53491" i="1"/>
  <c r="AF53492" i="1"/>
  <c r="AF53493" i="1"/>
  <c r="AF53494" i="1"/>
  <c r="AF53495" i="1"/>
  <c r="AF53496" i="1"/>
  <c r="AF53497" i="1"/>
  <c r="AF53498" i="1"/>
  <c r="AF53499" i="1"/>
  <c r="AF53500" i="1"/>
  <c r="AF53501" i="1"/>
  <c r="AF53502" i="1"/>
  <c r="AF53503" i="1"/>
  <c r="AF53504" i="1"/>
  <c r="AF53505" i="1"/>
  <c r="AF53506" i="1"/>
  <c r="AF53507" i="1"/>
  <c r="AF53508" i="1"/>
  <c r="AF53509" i="1"/>
  <c r="AF53510" i="1"/>
  <c r="AF53511" i="1"/>
  <c r="AF53512" i="1"/>
  <c r="AF53513" i="1"/>
  <c r="AF53514" i="1"/>
  <c r="AF53515" i="1"/>
  <c r="AF53516" i="1"/>
  <c r="AF53517" i="1"/>
  <c r="AF53518" i="1"/>
  <c r="AF53519" i="1"/>
  <c r="AF53520" i="1"/>
  <c r="AF53521" i="1"/>
  <c r="AF53522" i="1"/>
  <c r="AF53523" i="1"/>
  <c r="AF53524" i="1"/>
  <c r="AF53525" i="1"/>
  <c r="AF53526" i="1"/>
  <c r="AF53527" i="1"/>
  <c r="AF53528" i="1"/>
  <c r="AF53529" i="1"/>
  <c r="AF53530" i="1"/>
  <c r="AF53531" i="1"/>
  <c r="AF53532" i="1"/>
  <c r="AF53533" i="1"/>
  <c r="AF53534" i="1"/>
  <c r="AF53535" i="1"/>
  <c r="AF53536" i="1"/>
  <c r="AF53537" i="1"/>
  <c r="AF53538" i="1"/>
  <c r="AF53539" i="1"/>
  <c r="AF53540" i="1"/>
  <c r="AF53541" i="1"/>
  <c r="AF53542" i="1"/>
  <c r="AF53543" i="1"/>
  <c r="AF53544" i="1"/>
  <c r="AF53545" i="1"/>
  <c r="AF53546" i="1"/>
  <c r="AF53547" i="1"/>
  <c r="AF53548" i="1"/>
  <c r="AF53549" i="1"/>
  <c r="AF53550" i="1"/>
  <c r="AF53551" i="1"/>
  <c r="AF53552" i="1"/>
  <c r="AF53553" i="1"/>
  <c r="AF53554" i="1"/>
  <c r="AF53555" i="1"/>
  <c r="AF53556" i="1"/>
  <c r="AF53557" i="1"/>
  <c r="AF53558" i="1"/>
  <c r="AF53559" i="1"/>
  <c r="AF53560" i="1"/>
  <c r="AF53561" i="1"/>
  <c r="AF53562" i="1"/>
  <c r="AF53563" i="1"/>
  <c r="AF53564" i="1"/>
  <c r="AF53565" i="1"/>
  <c r="AF53566" i="1"/>
  <c r="AF53567" i="1"/>
  <c r="AF53568" i="1"/>
  <c r="AF53569" i="1"/>
  <c r="AF53570" i="1"/>
  <c r="AF53571" i="1"/>
  <c r="AF53572" i="1"/>
  <c r="AF53573" i="1"/>
  <c r="AF53574" i="1"/>
  <c r="AF53575" i="1"/>
  <c r="AF53576" i="1"/>
  <c r="AF53577" i="1"/>
  <c r="AF53578" i="1"/>
  <c r="AF53579" i="1"/>
  <c r="AF53580" i="1"/>
  <c r="AF53581" i="1"/>
  <c r="AF53582" i="1"/>
  <c r="AF53583" i="1"/>
  <c r="AF53584" i="1"/>
  <c r="AF53585" i="1"/>
  <c r="AF53586" i="1"/>
  <c r="AF53587" i="1"/>
  <c r="AF53588" i="1"/>
  <c r="AF53589" i="1"/>
  <c r="AF53590" i="1"/>
  <c r="AF53591" i="1"/>
  <c r="AF53592" i="1"/>
  <c r="AF53593" i="1"/>
  <c r="AF53594" i="1"/>
  <c r="AF53595" i="1"/>
  <c r="AF53596" i="1"/>
  <c r="AF53597" i="1"/>
  <c r="AF53598" i="1"/>
  <c r="AF53599" i="1"/>
  <c r="AF53600" i="1"/>
  <c r="AF53601" i="1"/>
  <c r="AF53602" i="1"/>
  <c r="AF53603" i="1"/>
  <c r="AF53604" i="1"/>
  <c r="AF53605" i="1"/>
  <c r="AF53606" i="1"/>
  <c r="AF53607" i="1"/>
  <c r="AF53608" i="1"/>
  <c r="AF53609" i="1"/>
  <c r="AF53610" i="1"/>
  <c r="AF53611" i="1"/>
  <c r="AF53612" i="1"/>
  <c r="AF53613" i="1"/>
  <c r="AF53614" i="1"/>
  <c r="AF53615" i="1"/>
  <c r="AF53616" i="1"/>
  <c r="AF53617" i="1"/>
  <c r="AF53618" i="1"/>
  <c r="AF53619" i="1"/>
  <c r="AF53620" i="1"/>
  <c r="AF53621" i="1"/>
  <c r="AF53622" i="1"/>
  <c r="AF53623" i="1"/>
  <c r="AF53624" i="1"/>
  <c r="AF53625" i="1"/>
  <c r="AF53626" i="1"/>
  <c r="AF53627" i="1"/>
  <c r="AF53628" i="1"/>
  <c r="AF53629" i="1"/>
  <c r="AF53630" i="1"/>
  <c r="AF53631" i="1"/>
  <c r="AF53632" i="1"/>
  <c r="AF53633" i="1"/>
  <c r="AF53634" i="1"/>
  <c r="AF53635" i="1"/>
  <c r="AF53636" i="1"/>
  <c r="AF53637" i="1"/>
  <c r="AF53638" i="1"/>
  <c r="AF53639" i="1"/>
  <c r="AF53640" i="1"/>
  <c r="AF53641" i="1"/>
  <c r="AF53642" i="1"/>
  <c r="AF53643" i="1"/>
  <c r="AF53644" i="1"/>
  <c r="AF53645" i="1"/>
  <c r="AF53646" i="1"/>
  <c r="AF53647" i="1"/>
  <c r="AF53648" i="1"/>
  <c r="AF53649" i="1"/>
  <c r="AF53650" i="1"/>
  <c r="AF53651" i="1"/>
  <c r="AF53652" i="1"/>
  <c r="AF53653" i="1"/>
  <c r="AF53654" i="1"/>
  <c r="AF53655" i="1"/>
  <c r="AF53656" i="1"/>
  <c r="AF53657" i="1"/>
  <c r="AF53658" i="1"/>
  <c r="AF53659" i="1"/>
  <c r="AF53660" i="1"/>
  <c r="AF53661" i="1"/>
  <c r="AF53662" i="1"/>
  <c r="AF53663" i="1"/>
  <c r="AF53664" i="1"/>
  <c r="AF53665" i="1"/>
  <c r="AF53666" i="1"/>
  <c r="AF53667" i="1"/>
  <c r="AF53668" i="1"/>
  <c r="AF53669" i="1"/>
  <c r="AF53670" i="1"/>
  <c r="AF53671" i="1"/>
  <c r="AF53672" i="1"/>
  <c r="AF53673" i="1"/>
  <c r="AF53674" i="1"/>
  <c r="AF53675" i="1"/>
  <c r="AF53676" i="1"/>
  <c r="AF53677" i="1"/>
  <c r="AF53678" i="1"/>
  <c r="AF53679" i="1"/>
  <c r="AF53680" i="1"/>
  <c r="AF53681" i="1"/>
  <c r="AF53682" i="1"/>
  <c r="AF53683" i="1"/>
  <c r="AF53684" i="1"/>
  <c r="AF53685" i="1"/>
  <c r="AF53686" i="1"/>
  <c r="AF53687" i="1"/>
  <c r="AF53688" i="1"/>
  <c r="AF53689" i="1"/>
  <c r="AF53690" i="1"/>
  <c r="AF53691" i="1"/>
  <c r="AF53692" i="1"/>
  <c r="AF53693" i="1"/>
  <c r="AF53694" i="1"/>
  <c r="AF53695" i="1"/>
  <c r="AF53696" i="1"/>
  <c r="AF53697" i="1"/>
  <c r="AF53698" i="1"/>
  <c r="AF53699" i="1"/>
  <c r="AF53700" i="1"/>
  <c r="AF53701" i="1"/>
  <c r="AF53702" i="1"/>
  <c r="AF53703" i="1"/>
  <c r="AF53704" i="1"/>
  <c r="AF53705" i="1"/>
  <c r="AF53706" i="1"/>
  <c r="AF53707" i="1"/>
  <c r="AF53708" i="1"/>
  <c r="AF53709" i="1"/>
  <c r="AF53710" i="1"/>
  <c r="AF53711" i="1"/>
  <c r="AF53712" i="1"/>
  <c r="AF53713" i="1"/>
  <c r="AF53714" i="1"/>
  <c r="AF53715" i="1"/>
  <c r="AF53716" i="1"/>
  <c r="AF53717" i="1"/>
  <c r="AF53718" i="1"/>
  <c r="AF53719" i="1"/>
  <c r="AF53720" i="1"/>
  <c r="AF53721" i="1"/>
  <c r="AF53722" i="1"/>
  <c r="AF53723" i="1"/>
  <c r="AF53724" i="1"/>
  <c r="AF53725" i="1"/>
  <c r="AF53726" i="1"/>
  <c r="AF53727" i="1"/>
  <c r="AF53728" i="1"/>
  <c r="AF53729" i="1"/>
  <c r="AF53730" i="1"/>
  <c r="AF53731" i="1"/>
  <c r="AF53732" i="1"/>
  <c r="AF53733" i="1"/>
  <c r="AF53734" i="1"/>
  <c r="AF53735" i="1"/>
  <c r="AF53736" i="1"/>
  <c r="AF53737" i="1"/>
  <c r="AF53738" i="1"/>
  <c r="AF53739" i="1"/>
  <c r="AF53740" i="1"/>
  <c r="AF53741" i="1"/>
  <c r="AF53742" i="1"/>
  <c r="AF53743" i="1"/>
  <c r="AF53744" i="1"/>
  <c r="AF53745" i="1"/>
  <c r="AF53746" i="1"/>
  <c r="AF53747" i="1"/>
  <c r="AF53748" i="1"/>
  <c r="AF53749" i="1"/>
  <c r="AF53750" i="1"/>
  <c r="AF53751" i="1"/>
  <c r="AF53752" i="1"/>
  <c r="AF53753" i="1"/>
  <c r="AF53754" i="1"/>
  <c r="AF53755" i="1"/>
  <c r="AF53756" i="1"/>
  <c r="AF53757" i="1"/>
  <c r="AF53758" i="1"/>
  <c r="AF53759" i="1"/>
  <c r="AF53760" i="1"/>
  <c r="AF53761" i="1"/>
  <c r="AF53762" i="1"/>
  <c r="AF53763" i="1"/>
  <c r="AF53764" i="1"/>
  <c r="AF53765" i="1"/>
  <c r="AF53766" i="1"/>
  <c r="AF53767" i="1"/>
  <c r="AF53768" i="1"/>
  <c r="AF53769" i="1"/>
  <c r="AF53770" i="1"/>
  <c r="AF53771" i="1"/>
  <c r="AF53772" i="1"/>
  <c r="AF53773" i="1"/>
  <c r="AF53774" i="1"/>
  <c r="AF53775" i="1"/>
  <c r="AF53776" i="1"/>
  <c r="AF53777" i="1"/>
  <c r="AF53778" i="1"/>
  <c r="AF53779" i="1"/>
  <c r="AF53780" i="1"/>
  <c r="AF53781" i="1"/>
  <c r="AF53782" i="1"/>
  <c r="AF53783" i="1"/>
  <c r="AF53784" i="1"/>
  <c r="AF53785" i="1"/>
  <c r="AF53786" i="1"/>
  <c r="AF53787" i="1"/>
  <c r="AF53788" i="1"/>
  <c r="AF53789" i="1"/>
  <c r="AF53790" i="1"/>
  <c r="AF53791" i="1"/>
  <c r="AF53792" i="1"/>
  <c r="AF53793" i="1"/>
  <c r="AF53794" i="1"/>
  <c r="AF53795" i="1"/>
  <c r="AF53796" i="1"/>
  <c r="AF53797" i="1"/>
  <c r="AF53798" i="1"/>
  <c r="AF53799" i="1"/>
  <c r="AF53800" i="1"/>
  <c r="AF53801" i="1"/>
  <c r="AF53802" i="1"/>
  <c r="AF53803" i="1"/>
  <c r="AF53804" i="1"/>
  <c r="AF53805" i="1"/>
  <c r="AF53806" i="1"/>
  <c r="AF53807" i="1"/>
  <c r="AF53808" i="1"/>
  <c r="AF53809" i="1"/>
  <c r="AF53810" i="1"/>
  <c r="AF53811" i="1"/>
  <c r="AF53812" i="1"/>
  <c r="AF53813" i="1"/>
  <c r="AF53814" i="1"/>
  <c r="AF53815" i="1"/>
  <c r="AF53816" i="1"/>
  <c r="AF53817" i="1"/>
  <c r="AF53818" i="1"/>
  <c r="AF53819" i="1"/>
  <c r="AF53820" i="1"/>
  <c r="AF53821" i="1"/>
  <c r="AF53822" i="1"/>
  <c r="AF53823" i="1"/>
  <c r="AF53824" i="1"/>
  <c r="AF53825" i="1"/>
  <c r="AF53826" i="1"/>
  <c r="AF53827" i="1"/>
  <c r="AF53828" i="1"/>
  <c r="AF53829" i="1"/>
  <c r="AF53830" i="1"/>
  <c r="AF53831" i="1"/>
  <c r="AF53832" i="1"/>
  <c r="AF53833" i="1"/>
  <c r="AF53834" i="1"/>
  <c r="AF53835" i="1"/>
  <c r="AF53836" i="1"/>
  <c r="AF53837" i="1"/>
  <c r="AF53838" i="1"/>
  <c r="AF53839" i="1"/>
  <c r="AF53840" i="1"/>
  <c r="AF53841" i="1"/>
  <c r="AF53842" i="1"/>
  <c r="AF53843" i="1"/>
  <c r="AF53844" i="1"/>
  <c r="AF53845" i="1"/>
  <c r="AF53846" i="1"/>
  <c r="AF53847" i="1"/>
  <c r="AF53848" i="1"/>
  <c r="AF53849" i="1"/>
  <c r="AF53850" i="1"/>
  <c r="AF53851" i="1"/>
  <c r="AF53852" i="1"/>
  <c r="AF53853" i="1"/>
  <c r="AF53854" i="1"/>
  <c r="AF53855" i="1"/>
  <c r="AF53856" i="1"/>
  <c r="AF53857" i="1"/>
  <c r="AF53858" i="1"/>
  <c r="AF53859" i="1"/>
  <c r="AF53860" i="1"/>
  <c r="AF53861" i="1"/>
  <c r="AF53862" i="1"/>
  <c r="AF53863" i="1"/>
  <c r="AF53864" i="1"/>
  <c r="AF53865" i="1"/>
  <c r="AF53866" i="1"/>
  <c r="AF53867" i="1"/>
  <c r="AF53868" i="1"/>
  <c r="AF53869" i="1"/>
  <c r="AF53870" i="1"/>
  <c r="AF53871" i="1"/>
  <c r="AF53872" i="1"/>
  <c r="AF53873" i="1"/>
  <c r="AF53874" i="1"/>
  <c r="AF53875" i="1"/>
  <c r="AF53876" i="1"/>
  <c r="AF53877" i="1"/>
  <c r="AF53878" i="1"/>
  <c r="AF53879" i="1"/>
  <c r="AF53880" i="1"/>
  <c r="AF53881" i="1"/>
  <c r="AF53882" i="1"/>
  <c r="AF53883" i="1"/>
  <c r="AF53884" i="1"/>
  <c r="AF53885" i="1"/>
  <c r="AF53886" i="1"/>
  <c r="AF53887" i="1"/>
  <c r="AF53888" i="1"/>
  <c r="AF53889" i="1"/>
  <c r="AF53890" i="1"/>
  <c r="AF53891" i="1"/>
  <c r="AF53892" i="1"/>
  <c r="AF53893" i="1"/>
  <c r="AF53894" i="1"/>
  <c r="AF53895" i="1"/>
  <c r="AF53896" i="1"/>
  <c r="AF53897" i="1"/>
  <c r="AF53898" i="1"/>
  <c r="AF53899" i="1"/>
  <c r="AF53900" i="1"/>
  <c r="AF53901" i="1"/>
  <c r="AF53902" i="1"/>
  <c r="AF53903" i="1"/>
  <c r="AF53904" i="1"/>
  <c r="AF53905" i="1"/>
  <c r="AF53906" i="1"/>
  <c r="AF53907" i="1"/>
  <c r="AF53908" i="1"/>
  <c r="AF53909" i="1"/>
  <c r="AF53910" i="1"/>
  <c r="AF53911" i="1"/>
  <c r="AF53912" i="1"/>
  <c r="AF53913" i="1"/>
  <c r="AF53914" i="1"/>
  <c r="AF53915" i="1"/>
  <c r="AF53916" i="1"/>
  <c r="AF53917" i="1"/>
  <c r="AF53918" i="1"/>
  <c r="AF53919" i="1"/>
  <c r="AF53920" i="1"/>
  <c r="AF53921" i="1"/>
  <c r="AF53922" i="1"/>
  <c r="AF53923" i="1"/>
  <c r="AF53924" i="1"/>
  <c r="AF53925" i="1"/>
  <c r="AF53926" i="1"/>
  <c r="AF53927" i="1"/>
  <c r="AF53928" i="1"/>
  <c r="AF53929" i="1"/>
  <c r="AF53930" i="1"/>
  <c r="AF53931" i="1"/>
  <c r="AF53932" i="1"/>
  <c r="AF53933" i="1"/>
  <c r="AF53934" i="1"/>
  <c r="AF53935" i="1"/>
  <c r="AF53936" i="1"/>
  <c r="AF53937" i="1"/>
  <c r="AF53938" i="1"/>
  <c r="AF53939" i="1"/>
  <c r="AF53940" i="1"/>
  <c r="AF53941" i="1"/>
  <c r="AF53942" i="1"/>
  <c r="AF53943" i="1"/>
  <c r="AF53944" i="1"/>
  <c r="AF53945" i="1"/>
  <c r="AF53946" i="1"/>
  <c r="AF53947" i="1"/>
  <c r="AF53948" i="1"/>
  <c r="AF53949" i="1"/>
  <c r="AF53950" i="1"/>
  <c r="AF53951" i="1"/>
  <c r="AF53952" i="1"/>
  <c r="AF53953" i="1"/>
  <c r="AF53954" i="1"/>
  <c r="AF53955" i="1"/>
  <c r="AF53956" i="1"/>
  <c r="AF53957" i="1"/>
  <c r="AF53958" i="1"/>
  <c r="AF53959" i="1"/>
  <c r="AF53960" i="1"/>
  <c r="AF53961" i="1"/>
  <c r="AF53962" i="1"/>
  <c r="AF53963" i="1"/>
  <c r="AF53964" i="1"/>
  <c r="AF53965" i="1"/>
  <c r="AF53966" i="1"/>
  <c r="AF53967" i="1"/>
  <c r="AF53968" i="1"/>
  <c r="AF53969" i="1"/>
  <c r="AF53970" i="1"/>
  <c r="AF53971" i="1"/>
  <c r="AF53972" i="1"/>
  <c r="AF53973" i="1"/>
  <c r="AF53974" i="1"/>
  <c r="AF53975" i="1"/>
  <c r="AF53976" i="1"/>
  <c r="AF53977" i="1"/>
  <c r="AF53978" i="1"/>
  <c r="AF53979" i="1"/>
  <c r="AF53980" i="1"/>
  <c r="AF53981" i="1"/>
  <c r="AF53982" i="1"/>
  <c r="AF53983" i="1"/>
  <c r="AF53984" i="1"/>
  <c r="AF53985" i="1"/>
  <c r="AF53986" i="1"/>
  <c r="AF53987" i="1"/>
  <c r="AF53988" i="1"/>
  <c r="AF53989" i="1"/>
  <c r="AF53990" i="1"/>
  <c r="AF53991" i="1"/>
  <c r="AF53992" i="1"/>
  <c r="AF53993" i="1"/>
  <c r="AF53994" i="1"/>
  <c r="AF53995" i="1"/>
  <c r="AF53996" i="1"/>
  <c r="AF53997" i="1"/>
  <c r="AF53998" i="1"/>
  <c r="AF53999" i="1"/>
  <c r="AF54000" i="1"/>
  <c r="AF54001" i="1"/>
  <c r="AF54002" i="1"/>
  <c r="AF54003" i="1"/>
  <c r="AF54004" i="1"/>
  <c r="AF54005" i="1"/>
  <c r="AF54006" i="1"/>
  <c r="AF54007" i="1"/>
  <c r="AF54008" i="1"/>
  <c r="AF54009" i="1"/>
  <c r="AF54010" i="1"/>
  <c r="AF54011" i="1"/>
  <c r="AF54012" i="1"/>
  <c r="AF54013" i="1"/>
  <c r="AF54014" i="1"/>
  <c r="AF54015" i="1"/>
  <c r="AF54016" i="1"/>
  <c r="AF54017" i="1"/>
  <c r="AF54018" i="1"/>
  <c r="AF54019" i="1"/>
  <c r="AF54020" i="1"/>
  <c r="AF54021" i="1"/>
  <c r="AF54022" i="1"/>
  <c r="AF54023" i="1"/>
  <c r="AF54024" i="1"/>
  <c r="AF54025" i="1"/>
  <c r="AF54026" i="1"/>
  <c r="AF54027" i="1"/>
  <c r="AF54028" i="1"/>
  <c r="AF54029" i="1"/>
  <c r="AF54030" i="1"/>
  <c r="AF54031" i="1"/>
  <c r="AF54032" i="1"/>
  <c r="AF54033" i="1"/>
  <c r="AF54034" i="1"/>
  <c r="AF54035" i="1"/>
  <c r="AF54036" i="1"/>
  <c r="AF54037" i="1"/>
  <c r="AF54038" i="1"/>
  <c r="AF54039" i="1"/>
  <c r="AF54040" i="1"/>
  <c r="AF54041" i="1"/>
  <c r="AF54042" i="1"/>
  <c r="AF54043" i="1"/>
  <c r="AF54044" i="1"/>
  <c r="AF54045" i="1"/>
  <c r="AF54046" i="1"/>
  <c r="AF54047" i="1"/>
  <c r="AF54048" i="1"/>
  <c r="AF54049" i="1"/>
  <c r="AF54050" i="1"/>
  <c r="AF54051" i="1"/>
  <c r="AF54052" i="1"/>
  <c r="AF54053" i="1"/>
  <c r="AF54054" i="1"/>
  <c r="AF54055" i="1"/>
  <c r="AF54056" i="1"/>
  <c r="AF54057" i="1"/>
  <c r="AF54058" i="1"/>
  <c r="AF54059" i="1"/>
  <c r="AF54060" i="1"/>
  <c r="AF54061" i="1"/>
  <c r="AF54062" i="1"/>
  <c r="AF54063" i="1"/>
  <c r="AF54064" i="1"/>
  <c r="AF54065" i="1"/>
  <c r="AF54066" i="1"/>
  <c r="AF54067" i="1"/>
  <c r="AF54068" i="1"/>
  <c r="AF54069" i="1"/>
  <c r="AF54070" i="1"/>
  <c r="AF54071" i="1"/>
  <c r="AF54072" i="1"/>
  <c r="AF54073" i="1"/>
  <c r="AF54074" i="1"/>
  <c r="AF54075" i="1"/>
  <c r="AF54076" i="1"/>
  <c r="AF54077" i="1"/>
  <c r="AF54078" i="1"/>
  <c r="AF54079" i="1"/>
  <c r="AF54080" i="1"/>
  <c r="AF54081" i="1"/>
  <c r="AF54082" i="1"/>
  <c r="AF54083" i="1"/>
  <c r="AF54084" i="1"/>
  <c r="AF54085" i="1"/>
  <c r="AF54086" i="1"/>
  <c r="AF54087" i="1"/>
  <c r="AF54088" i="1"/>
  <c r="AF54089" i="1"/>
  <c r="AF54090" i="1"/>
  <c r="AF54091" i="1"/>
  <c r="AF54092" i="1"/>
  <c r="AF54093" i="1"/>
  <c r="AF54094" i="1"/>
  <c r="AF54095" i="1"/>
  <c r="AF54096" i="1"/>
  <c r="AF54097" i="1"/>
  <c r="AF54098" i="1"/>
  <c r="AF54099" i="1"/>
  <c r="AF54100" i="1"/>
  <c r="AF54101" i="1"/>
  <c r="AF54102" i="1"/>
  <c r="AF54103" i="1"/>
  <c r="AF54104" i="1"/>
  <c r="AF54105" i="1"/>
  <c r="AF54106" i="1"/>
  <c r="AF54107" i="1"/>
  <c r="AF54108" i="1"/>
  <c r="AF54109" i="1"/>
  <c r="AF54110" i="1"/>
  <c r="AF54111" i="1"/>
  <c r="AF54112" i="1"/>
  <c r="AF54113" i="1"/>
  <c r="AF54114" i="1"/>
  <c r="AF54115" i="1"/>
  <c r="AF54116" i="1"/>
  <c r="AF54117" i="1"/>
  <c r="AF54118" i="1"/>
  <c r="AF54119" i="1"/>
  <c r="AF54120" i="1"/>
  <c r="AF54121" i="1"/>
  <c r="AF54122" i="1"/>
  <c r="AF54123" i="1"/>
  <c r="AF54124" i="1"/>
  <c r="AF54125" i="1"/>
  <c r="AF54126" i="1"/>
  <c r="AF54127" i="1"/>
  <c r="AF54128" i="1"/>
  <c r="AF54129" i="1"/>
  <c r="AF54130" i="1"/>
  <c r="AF54131" i="1"/>
  <c r="AF54132" i="1"/>
  <c r="AF54133" i="1"/>
  <c r="AF54134" i="1"/>
  <c r="AF54135" i="1"/>
  <c r="AF54136" i="1"/>
  <c r="AF54137" i="1"/>
  <c r="AF54138" i="1"/>
  <c r="AF54139" i="1"/>
  <c r="AF54140" i="1"/>
  <c r="AF54141" i="1"/>
  <c r="AF54142" i="1"/>
  <c r="AF54143" i="1"/>
  <c r="AF54144" i="1"/>
  <c r="AF54145" i="1"/>
  <c r="AF54146" i="1"/>
  <c r="AF54147" i="1"/>
  <c r="AF54148" i="1"/>
  <c r="AF54149" i="1"/>
  <c r="AF54150" i="1"/>
  <c r="AF54151" i="1"/>
  <c r="AF54152" i="1"/>
  <c r="AF54153" i="1"/>
  <c r="AF54154" i="1"/>
  <c r="AF54155" i="1"/>
  <c r="AF54156" i="1"/>
  <c r="AF54157" i="1"/>
  <c r="AF54158" i="1"/>
  <c r="AF54159" i="1"/>
  <c r="AF54160" i="1"/>
  <c r="AF54161" i="1"/>
  <c r="AF54162" i="1"/>
  <c r="AF54163" i="1"/>
  <c r="AF54164" i="1"/>
  <c r="AF54165" i="1"/>
  <c r="AF54166" i="1"/>
  <c r="AF54167" i="1"/>
  <c r="AF54168" i="1"/>
  <c r="AF54169" i="1"/>
  <c r="AF54170" i="1"/>
  <c r="AF54171" i="1"/>
  <c r="AF54172" i="1"/>
  <c r="AF54173" i="1"/>
  <c r="AF54174" i="1"/>
  <c r="AF54175" i="1"/>
  <c r="AF54176" i="1"/>
  <c r="AF54177" i="1"/>
  <c r="AF54178" i="1"/>
  <c r="AF54179" i="1"/>
  <c r="AF54180" i="1"/>
  <c r="AF54181" i="1"/>
  <c r="AF54182" i="1"/>
  <c r="AF54183" i="1"/>
  <c r="AF54184" i="1"/>
  <c r="AF54185" i="1"/>
  <c r="AF54186" i="1"/>
  <c r="AF54187" i="1"/>
  <c r="AF54188" i="1"/>
  <c r="AF54189" i="1"/>
  <c r="AF54190" i="1"/>
  <c r="AF54191" i="1"/>
  <c r="AF54192" i="1"/>
  <c r="AF54193" i="1"/>
  <c r="AF54194" i="1"/>
  <c r="AF54195" i="1"/>
  <c r="AF54196" i="1"/>
  <c r="AF54197" i="1"/>
  <c r="AF54198" i="1"/>
  <c r="AF54199" i="1"/>
  <c r="AF54200" i="1"/>
  <c r="AF54201" i="1"/>
  <c r="AF54202" i="1"/>
  <c r="AF54203" i="1"/>
  <c r="AF54204" i="1"/>
  <c r="AF54205" i="1"/>
  <c r="AF54206" i="1"/>
  <c r="AF54207" i="1"/>
  <c r="AF54208" i="1"/>
  <c r="AF54209" i="1"/>
  <c r="AF54210" i="1"/>
  <c r="AF54211" i="1"/>
  <c r="AF54212" i="1"/>
  <c r="AF54213" i="1"/>
  <c r="AF54214" i="1"/>
  <c r="AF54215" i="1"/>
  <c r="AF54216" i="1"/>
  <c r="AF54217" i="1"/>
  <c r="AF54218" i="1"/>
  <c r="AF54219" i="1"/>
  <c r="AF54220" i="1"/>
  <c r="AF54221" i="1"/>
  <c r="AF54222" i="1"/>
  <c r="AF54223" i="1"/>
  <c r="AF54224" i="1"/>
  <c r="AF54225" i="1"/>
  <c r="AF54226" i="1"/>
  <c r="AF54227" i="1"/>
  <c r="AF54228" i="1"/>
  <c r="AF54229" i="1"/>
  <c r="AF54230" i="1"/>
  <c r="AF54231" i="1"/>
  <c r="AF54232" i="1"/>
  <c r="AF54233" i="1"/>
  <c r="AF54234" i="1"/>
  <c r="AF54235" i="1"/>
  <c r="AF54236" i="1"/>
  <c r="AF54237" i="1"/>
  <c r="AF54238" i="1"/>
  <c r="AF54239" i="1"/>
  <c r="AF54240" i="1"/>
  <c r="AF54241" i="1"/>
  <c r="AF54242" i="1"/>
  <c r="AF54243" i="1"/>
  <c r="AF54244" i="1"/>
  <c r="AF54245" i="1"/>
  <c r="AF54246" i="1"/>
  <c r="AF54247" i="1"/>
  <c r="AF54248" i="1"/>
  <c r="AF54249" i="1"/>
  <c r="AF54250" i="1"/>
  <c r="AF54251" i="1"/>
  <c r="AF54252" i="1"/>
  <c r="AF54253" i="1"/>
  <c r="AF54254" i="1"/>
  <c r="AF54255" i="1"/>
  <c r="AF54256" i="1"/>
  <c r="AF54257" i="1"/>
  <c r="AF54258" i="1"/>
  <c r="AF54259" i="1"/>
  <c r="AF54260" i="1"/>
  <c r="AF54261" i="1"/>
  <c r="AF54262" i="1"/>
  <c r="AF54263" i="1"/>
  <c r="AF54264" i="1"/>
  <c r="AF54265" i="1"/>
  <c r="AF54266" i="1"/>
  <c r="AF54267" i="1"/>
  <c r="AF54268" i="1"/>
  <c r="AF54269" i="1"/>
  <c r="AF54270" i="1"/>
  <c r="AF54271" i="1"/>
  <c r="AF54272" i="1"/>
  <c r="AF54273" i="1"/>
  <c r="AF54274" i="1"/>
  <c r="AF54275" i="1"/>
  <c r="AF54276" i="1"/>
  <c r="AF54277" i="1"/>
  <c r="AF54278" i="1"/>
  <c r="AF54279" i="1"/>
  <c r="AF54280" i="1"/>
  <c r="AF54281" i="1"/>
  <c r="AF54282" i="1"/>
  <c r="AF54283" i="1"/>
  <c r="AF54284" i="1"/>
  <c r="AF54285" i="1"/>
  <c r="AF54286" i="1"/>
  <c r="AF54287" i="1"/>
  <c r="AF54288" i="1"/>
  <c r="AF54289" i="1"/>
  <c r="AF54290" i="1"/>
  <c r="AF54291" i="1"/>
  <c r="AF54292" i="1"/>
  <c r="AF54293" i="1"/>
  <c r="AF54294" i="1"/>
  <c r="AF54295" i="1"/>
  <c r="AF54296" i="1"/>
  <c r="AF54297" i="1"/>
  <c r="AF54298" i="1"/>
  <c r="AF54299" i="1"/>
  <c r="AF54300" i="1"/>
  <c r="AF54301" i="1"/>
  <c r="AF54302" i="1"/>
  <c r="AF54303" i="1"/>
  <c r="AF54304" i="1"/>
  <c r="AF54305" i="1"/>
  <c r="AF54306" i="1"/>
  <c r="AF54307" i="1"/>
  <c r="AF54308" i="1"/>
  <c r="AF54309" i="1"/>
  <c r="AF54310" i="1"/>
  <c r="AF54311" i="1"/>
  <c r="AF54312" i="1"/>
  <c r="AF54313" i="1"/>
  <c r="AF54314" i="1"/>
  <c r="AF54315" i="1"/>
  <c r="AF54316" i="1"/>
  <c r="AF54317" i="1"/>
  <c r="AF54318" i="1"/>
  <c r="AF54319" i="1"/>
  <c r="AF54320" i="1"/>
  <c r="AF54321" i="1"/>
  <c r="AF54322" i="1"/>
  <c r="AF54323" i="1"/>
  <c r="AF54324" i="1"/>
  <c r="AF54325" i="1"/>
  <c r="AF54326" i="1"/>
  <c r="AF54327" i="1"/>
  <c r="AF54328" i="1"/>
  <c r="AF54329" i="1"/>
  <c r="AF54330" i="1"/>
  <c r="AF54331" i="1"/>
  <c r="AF54332" i="1"/>
  <c r="AF54333" i="1"/>
  <c r="AF54334" i="1"/>
  <c r="AF54335" i="1"/>
  <c r="AF54336" i="1"/>
  <c r="AF54337" i="1"/>
  <c r="AF54338" i="1"/>
  <c r="AF54339" i="1"/>
  <c r="AF54340" i="1"/>
  <c r="AF54341" i="1"/>
  <c r="AF54342" i="1"/>
  <c r="AF54343" i="1"/>
  <c r="AF54344" i="1"/>
  <c r="AF54345" i="1"/>
  <c r="AF54346" i="1"/>
  <c r="AF54347" i="1"/>
  <c r="AF54348" i="1"/>
  <c r="AF54349" i="1"/>
  <c r="AF54350" i="1"/>
  <c r="AF54351" i="1"/>
  <c r="AF54352" i="1"/>
  <c r="AF54353" i="1"/>
  <c r="AF54354" i="1"/>
  <c r="AF54355" i="1"/>
  <c r="AF54356" i="1"/>
  <c r="AF54357" i="1"/>
  <c r="AF54358" i="1"/>
  <c r="AF54359" i="1"/>
  <c r="AF54360" i="1"/>
  <c r="AF54361" i="1"/>
  <c r="AF54362" i="1"/>
  <c r="AF54363" i="1"/>
  <c r="AF54364" i="1"/>
  <c r="AF54365" i="1"/>
  <c r="AF54366" i="1"/>
  <c r="AF54367" i="1"/>
  <c r="AF54368" i="1"/>
  <c r="AF54369" i="1"/>
  <c r="AF54370" i="1"/>
  <c r="AF54371" i="1"/>
  <c r="AF54372" i="1"/>
  <c r="AF54373" i="1"/>
  <c r="AF54374" i="1"/>
  <c r="AF54375" i="1"/>
  <c r="AF54376" i="1"/>
  <c r="AF54377" i="1"/>
  <c r="AF54378" i="1"/>
  <c r="AF54379" i="1"/>
  <c r="AF54380" i="1"/>
  <c r="AF54381" i="1"/>
  <c r="AF54382" i="1"/>
  <c r="AF54383" i="1"/>
  <c r="AF54384" i="1"/>
  <c r="AF54385" i="1"/>
  <c r="AF54386" i="1"/>
  <c r="AF54387" i="1"/>
  <c r="AF54388" i="1"/>
  <c r="AF54389" i="1"/>
  <c r="AF54390" i="1"/>
  <c r="AF54391" i="1"/>
  <c r="AF54392" i="1"/>
  <c r="AF54393" i="1"/>
  <c r="AF54394" i="1"/>
  <c r="AF54395" i="1"/>
  <c r="AF54396" i="1"/>
  <c r="AF54397" i="1"/>
  <c r="AF54398" i="1"/>
  <c r="AF54399" i="1"/>
  <c r="AF54400" i="1"/>
  <c r="AF54401" i="1"/>
  <c r="AF54402" i="1"/>
  <c r="AF54403" i="1"/>
  <c r="AF54404" i="1"/>
  <c r="AF54405" i="1"/>
  <c r="AF54406" i="1"/>
  <c r="AF54407" i="1"/>
  <c r="AF54408" i="1"/>
  <c r="AF54409" i="1"/>
  <c r="AF54410" i="1"/>
  <c r="AF54411" i="1"/>
  <c r="AF54412" i="1"/>
  <c r="AF54413" i="1"/>
  <c r="AF54414" i="1"/>
  <c r="AF54415" i="1"/>
  <c r="AF54416" i="1"/>
  <c r="AF54417" i="1"/>
  <c r="AF54418" i="1"/>
  <c r="AF54419" i="1"/>
  <c r="AF54420" i="1"/>
  <c r="AF54421" i="1"/>
  <c r="AF54422" i="1"/>
  <c r="AF54423" i="1"/>
  <c r="AF54424" i="1"/>
  <c r="AF54425" i="1"/>
  <c r="AF54426" i="1"/>
  <c r="AF54427" i="1"/>
  <c r="AF54428" i="1"/>
  <c r="AF54429" i="1"/>
  <c r="AF54430" i="1"/>
  <c r="AF54431" i="1"/>
  <c r="AF54432" i="1"/>
  <c r="AF54433" i="1"/>
  <c r="AF54434" i="1"/>
  <c r="AF54435" i="1"/>
  <c r="AF54436" i="1"/>
  <c r="AF54437" i="1"/>
  <c r="AF54438" i="1"/>
  <c r="AF54439" i="1"/>
  <c r="AF54440" i="1"/>
  <c r="AF54441" i="1"/>
  <c r="AF54442" i="1"/>
  <c r="AF54443" i="1"/>
  <c r="AF54444" i="1"/>
  <c r="AF54445" i="1"/>
  <c r="AF54446" i="1"/>
  <c r="AF54447" i="1"/>
  <c r="AF54448" i="1"/>
  <c r="AF54449" i="1"/>
  <c r="AF54450" i="1"/>
  <c r="AF54451" i="1"/>
  <c r="AF54452" i="1"/>
  <c r="AF54453" i="1"/>
  <c r="AF54454" i="1"/>
  <c r="AF54455" i="1"/>
  <c r="AF54456" i="1"/>
  <c r="AF54457" i="1"/>
  <c r="AF54458" i="1"/>
  <c r="AF54459" i="1"/>
  <c r="AF54460" i="1"/>
  <c r="AF54461" i="1"/>
  <c r="AF54462" i="1"/>
  <c r="AF54463" i="1"/>
  <c r="AF54464" i="1"/>
  <c r="AF54465" i="1"/>
  <c r="AF54466" i="1"/>
  <c r="AF54467" i="1"/>
  <c r="AF54468" i="1"/>
  <c r="AF54469" i="1"/>
  <c r="AF54470" i="1"/>
  <c r="AF54471" i="1"/>
  <c r="AF54472" i="1"/>
  <c r="AF54473" i="1"/>
  <c r="AF54474" i="1"/>
  <c r="AF54475" i="1"/>
  <c r="AF54476" i="1"/>
  <c r="AF54477" i="1"/>
  <c r="AF54478" i="1"/>
  <c r="AF54479" i="1"/>
  <c r="AF54480" i="1"/>
  <c r="AF54481" i="1"/>
  <c r="AF54482" i="1"/>
  <c r="AF54483" i="1"/>
  <c r="AF54484" i="1"/>
  <c r="AF54485" i="1"/>
  <c r="AF54486" i="1"/>
  <c r="AF54487" i="1"/>
  <c r="AF54488" i="1"/>
  <c r="AF54489" i="1"/>
  <c r="AF54490" i="1"/>
  <c r="AF54491" i="1"/>
  <c r="AF54492" i="1"/>
  <c r="AF54493" i="1"/>
  <c r="AF54494" i="1"/>
  <c r="AF54495" i="1"/>
  <c r="AF54496" i="1"/>
  <c r="AF54497" i="1"/>
  <c r="AF54498" i="1"/>
  <c r="AF54499" i="1"/>
  <c r="AF54500" i="1"/>
  <c r="AF54501" i="1"/>
  <c r="AF54502" i="1"/>
  <c r="AF54503" i="1"/>
  <c r="AF54504" i="1"/>
  <c r="AF54505" i="1"/>
  <c r="AF54506" i="1"/>
  <c r="AF54507" i="1"/>
  <c r="AF54508" i="1"/>
  <c r="AF54509" i="1"/>
  <c r="AF54510" i="1"/>
  <c r="AF54511" i="1"/>
  <c r="AF54512" i="1"/>
  <c r="AF54513" i="1"/>
  <c r="AF54514" i="1"/>
  <c r="AF54515" i="1"/>
  <c r="AF54516" i="1"/>
  <c r="AF54517" i="1"/>
  <c r="AF54518" i="1"/>
  <c r="AF54519" i="1"/>
  <c r="AF54520" i="1"/>
  <c r="AF54521" i="1"/>
  <c r="AF54522" i="1"/>
  <c r="AF54523" i="1"/>
  <c r="AF54524" i="1"/>
  <c r="AF54525" i="1"/>
  <c r="AF54526" i="1"/>
  <c r="AF54527" i="1"/>
  <c r="AF54528" i="1"/>
  <c r="AF54529" i="1"/>
  <c r="AF54530" i="1"/>
  <c r="AF54531" i="1"/>
  <c r="AF54532" i="1"/>
  <c r="AF54533" i="1"/>
  <c r="AF54534" i="1"/>
  <c r="AF54535" i="1"/>
  <c r="AF54536" i="1"/>
  <c r="AF54537" i="1"/>
  <c r="AF54538" i="1"/>
  <c r="AF54539" i="1"/>
  <c r="AF54540" i="1"/>
  <c r="AF54541" i="1"/>
  <c r="AF54542" i="1"/>
  <c r="AF54543" i="1"/>
  <c r="AF54544" i="1"/>
  <c r="AF54545" i="1"/>
  <c r="AF54546" i="1"/>
  <c r="AF54547" i="1"/>
  <c r="AF54548" i="1"/>
  <c r="AF54549" i="1"/>
  <c r="AF54550" i="1"/>
  <c r="AF54551" i="1"/>
  <c r="AF54552" i="1"/>
  <c r="AF54553" i="1"/>
  <c r="AF54554" i="1"/>
  <c r="AF54555" i="1"/>
  <c r="AF54556" i="1"/>
  <c r="AF54557" i="1"/>
  <c r="AF54558" i="1"/>
  <c r="AF54559" i="1"/>
  <c r="AF54560" i="1"/>
  <c r="AF54561" i="1"/>
  <c r="AF54562" i="1"/>
  <c r="AF54563" i="1"/>
  <c r="AF54564" i="1"/>
  <c r="AF54565" i="1"/>
  <c r="AF54566" i="1"/>
  <c r="AF54567" i="1"/>
  <c r="AF54568" i="1"/>
  <c r="AF54569" i="1"/>
  <c r="AF54570" i="1"/>
  <c r="AF54571" i="1"/>
  <c r="AF54572" i="1"/>
  <c r="AF54573" i="1"/>
  <c r="AF54574" i="1"/>
  <c r="AF54575" i="1"/>
  <c r="AF54576" i="1"/>
  <c r="AF54577" i="1"/>
  <c r="AF54578" i="1"/>
  <c r="AF54579" i="1"/>
  <c r="AF54580" i="1"/>
  <c r="AF54581" i="1"/>
  <c r="AF54582" i="1"/>
  <c r="AF54583" i="1"/>
  <c r="AF54584" i="1"/>
  <c r="AF54585" i="1"/>
  <c r="AF54586" i="1"/>
  <c r="AF54587" i="1"/>
  <c r="AF54588" i="1"/>
  <c r="AF54589" i="1"/>
  <c r="AF54590" i="1"/>
  <c r="AF54591" i="1"/>
  <c r="AF54592" i="1"/>
  <c r="AF54593" i="1"/>
  <c r="AF54594" i="1"/>
  <c r="AF54595" i="1"/>
  <c r="AF54596" i="1"/>
  <c r="AF54597" i="1"/>
  <c r="AF54598" i="1"/>
  <c r="AF54599" i="1"/>
  <c r="AF54600" i="1"/>
  <c r="AF54601" i="1"/>
  <c r="AF54602" i="1"/>
  <c r="AF54603" i="1"/>
  <c r="AF54604" i="1"/>
  <c r="AF54605" i="1"/>
  <c r="AF54606" i="1"/>
  <c r="AF54607" i="1"/>
  <c r="AF54608" i="1"/>
  <c r="AF54609" i="1"/>
  <c r="AF54610" i="1"/>
  <c r="AF54611" i="1"/>
  <c r="AF54612" i="1"/>
  <c r="AF54613" i="1"/>
  <c r="AF54614" i="1"/>
  <c r="AF54615" i="1"/>
  <c r="AF54616" i="1"/>
  <c r="AF54617" i="1"/>
  <c r="AF54618" i="1"/>
  <c r="AF54619" i="1"/>
  <c r="AF54620" i="1"/>
  <c r="AF54621" i="1"/>
  <c r="AF54622" i="1"/>
  <c r="AF54623" i="1"/>
  <c r="AF54624" i="1"/>
  <c r="AF54625" i="1"/>
  <c r="AF54626" i="1"/>
  <c r="AF54627" i="1"/>
  <c r="AF54628" i="1"/>
  <c r="AF54629" i="1"/>
  <c r="AF54630" i="1"/>
  <c r="AF54631" i="1"/>
  <c r="AF54632" i="1"/>
  <c r="AF54633" i="1"/>
  <c r="AF54634" i="1"/>
  <c r="AF54635" i="1"/>
  <c r="AF54636" i="1"/>
  <c r="AF54637" i="1"/>
  <c r="AF54638" i="1"/>
  <c r="AF54639" i="1"/>
  <c r="AF54640" i="1"/>
  <c r="AF54641" i="1"/>
  <c r="AF54642" i="1"/>
  <c r="AF54643" i="1"/>
  <c r="AF54644" i="1"/>
  <c r="AF54645" i="1"/>
  <c r="AF54646" i="1"/>
  <c r="AF54647" i="1"/>
  <c r="AF54648" i="1"/>
  <c r="AF54649" i="1"/>
  <c r="AF54650" i="1"/>
  <c r="AF54651" i="1"/>
  <c r="AF54652" i="1"/>
  <c r="AF54653" i="1"/>
  <c r="AF54654" i="1"/>
  <c r="AF54655" i="1"/>
  <c r="AF54656" i="1"/>
  <c r="AF54657" i="1"/>
  <c r="AF54658" i="1"/>
  <c r="AF54659" i="1"/>
  <c r="AF54660" i="1"/>
  <c r="AF54661" i="1"/>
  <c r="AF54662" i="1"/>
  <c r="AF54663" i="1"/>
  <c r="AF54664" i="1"/>
  <c r="AF54665" i="1"/>
  <c r="AF54666" i="1"/>
  <c r="AF54667" i="1"/>
  <c r="AF54668" i="1"/>
  <c r="AF54669" i="1"/>
  <c r="AF54670" i="1"/>
  <c r="AF54671" i="1"/>
  <c r="AF54672" i="1"/>
  <c r="AF54673" i="1"/>
  <c r="AF54674" i="1"/>
  <c r="AF54675" i="1"/>
  <c r="AF54676" i="1"/>
  <c r="AF54677" i="1"/>
  <c r="AF54678" i="1"/>
  <c r="AF54679" i="1"/>
  <c r="AF54680" i="1"/>
  <c r="AF54681" i="1"/>
  <c r="AF54682" i="1"/>
  <c r="AF54683" i="1"/>
  <c r="AF54684" i="1"/>
  <c r="AF54685" i="1"/>
  <c r="AF54686" i="1"/>
  <c r="AF54687" i="1"/>
  <c r="AF54688" i="1"/>
  <c r="AF54689" i="1"/>
  <c r="AF54690" i="1"/>
  <c r="AF54691" i="1"/>
  <c r="AF54692" i="1"/>
  <c r="AF54693" i="1"/>
  <c r="AF54694" i="1"/>
  <c r="AF54695" i="1"/>
  <c r="AF54696" i="1"/>
  <c r="AF54697" i="1"/>
  <c r="AF54698" i="1"/>
  <c r="AF54699" i="1"/>
  <c r="AF54700" i="1"/>
  <c r="AF54701" i="1"/>
  <c r="AF54702" i="1"/>
  <c r="AF54703" i="1"/>
  <c r="AF54704" i="1"/>
  <c r="AF54705" i="1"/>
  <c r="AF54706" i="1"/>
  <c r="AF54707" i="1"/>
  <c r="AF54708" i="1"/>
  <c r="AF54709" i="1"/>
  <c r="AF54710" i="1"/>
  <c r="AF54711" i="1"/>
  <c r="AF54712" i="1"/>
  <c r="AF54713" i="1"/>
  <c r="AF54714" i="1"/>
  <c r="AF54715" i="1"/>
  <c r="AF54716" i="1"/>
  <c r="AF54717" i="1"/>
  <c r="AF54718" i="1"/>
  <c r="AF54719" i="1"/>
  <c r="AF54720" i="1"/>
  <c r="AF54721" i="1"/>
  <c r="AF54722" i="1"/>
  <c r="AF54723" i="1"/>
  <c r="AF54724" i="1"/>
  <c r="AF54725" i="1"/>
  <c r="AF54726" i="1"/>
  <c r="AF54727" i="1"/>
  <c r="AF54728" i="1"/>
  <c r="AF54729" i="1"/>
  <c r="AF54730" i="1"/>
  <c r="AF54731" i="1"/>
  <c r="AF54732" i="1"/>
  <c r="AF54733" i="1"/>
  <c r="AF54734" i="1"/>
  <c r="AF54735" i="1"/>
  <c r="AF54736" i="1"/>
  <c r="AF54737" i="1"/>
  <c r="AF54738" i="1"/>
  <c r="AF54739" i="1"/>
  <c r="AF54740" i="1"/>
  <c r="AF54741" i="1"/>
  <c r="AF54742" i="1"/>
  <c r="AF54743" i="1"/>
  <c r="AF54744" i="1"/>
  <c r="AF54745" i="1"/>
  <c r="AF54746" i="1"/>
  <c r="AF54747" i="1"/>
  <c r="AF54748" i="1"/>
  <c r="AF54749" i="1"/>
  <c r="AF54750" i="1"/>
  <c r="AF54751" i="1"/>
  <c r="AF54752" i="1"/>
  <c r="AF54753" i="1"/>
  <c r="AF54754" i="1"/>
  <c r="AF54755" i="1"/>
  <c r="AF54756" i="1"/>
  <c r="AF54757" i="1"/>
  <c r="AF54758" i="1"/>
  <c r="AF54759" i="1"/>
  <c r="AF54760" i="1"/>
  <c r="AF54761" i="1"/>
  <c r="AF54762" i="1"/>
  <c r="AF54763" i="1"/>
  <c r="AF54764" i="1"/>
  <c r="AF54765" i="1"/>
  <c r="AF54766" i="1"/>
  <c r="AF54767" i="1"/>
  <c r="AF54768" i="1"/>
  <c r="AF54769" i="1"/>
  <c r="AF54770" i="1"/>
  <c r="AF54771" i="1"/>
  <c r="AF54772" i="1"/>
  <c r="AF54773" i="1"/>
  <c r="AF54774" i="1"/>
  <c r="AF54775" i="1"/>
  <c r="AF54776" i="1"/>
  <c r="AF54777" i="1"/>
  <c r="AF54778" i="1"/>
  <c r="AF54779" i="1"/>
  <c r="AF54780" i="1"/>
  <c r="AF54781" i="1"/>
  <c r="AF54782" i="1"/>
  <c r="AF54783" i="1"/>
  <c r="AF54784" i="1"/>
  <c r="AF54785" i="1"/>
  <c r="AF54786" i="1"/>
  <c r="AF54787" i="1"/>
  <c r="AF54788" i="1"/>
  <c r="AF54789" i="1"/>
  <c r="AF54790" i="1"/>
  <c r="AF54791" i="1"/>
  <c r="AF54792" i="1"/>
  <c r="AF54793" i="1"/>
  <c r="AF54794" i="1"/>
  <c r="AF54795" i="1"/>
  <c r="AF54796" i="1"/>
  <c r="AF54797" i="1"/>
  <c r="AF54798" i="1"/>
  <c r="AF54799" i="1"/>
  <c r="AF54800" i="1"/>
  <c r="AF54801" i="1"/>
  <c r="AF54802" i="1"/>
  <c r="AF54803" i="1"/>
  <c r="AF54804" i="1"/>
  <c r="AF54805" i="1"/>
  <c r="AF54806" i="1"/>
  <c r="AF54807" i="1"/>
  <c r="AF54808" i="1"/>
  <c r="AF54809" i="1"/>
  <c r="AF54810" i="1"/>
  <c r="AF54811" i="1"/>
  <c r="AF54812" i="1"/>
  <c r="AF54813" i="1"/>
  <c r="AF54814" i="1"/>
  <c r="AF54815" i="1"/>
  <c r="AF54816" i="1"/>
  <c r="AF54817" i="1"/>
  <c r="AF54818" i="1"/>
  <c r="AF54819" i="1"/>
  <c r="AF54820" i="1"/>
  <c r="AF54821" i="1"/>
  <c r="AF54822" i="1"/>
  <c r="AF54823" i="1"/>
  <c r="AF54824" i="1"/>
  <c r="AF54825" i="1"/>
  <c r="AF54826" i="1"/>
  <c r="AF54827" i="1"/>
  <c r="AF54828" i="1"/>
  <c r="AF54829" i="1"/>
  <c r="AF54830" i="1"/>
  <c r="AF54831" i="1"/>
  <c r="AF54832" i="1"/>
  <c r="AF54833" i="1"/>
  <c r="AF54834" i="1"/>
  <c r="AF54835" i="1"/>
  <c r="AF54836" i="1"/>
  <c r="AF54837" i="1"/>
  <c r="AF54838" i="1"/>
  <c r="AF54839" i="1"/>
  <c r="AF54840" i="1"/>
  <c r="AF54841" i="1"/>
  <c r="AF54842" i="1"/>
  <c r="AF54843" i="1"/>
  <c r="AF54844" i="1"/>
  <c r="AF54845" i="1"/>
  <c r="AF54846" i="1"/>
  <c r="AF54847" i="1"/>
  <c r="AF54848" i="1"/>
  <c r="AF54849" i="1"/>
  <c r="AF54850" i="1"/>
  <c r="AF54851" i="1"/>
  <c r="AF54852" i="1"/>
  <c r="AF54853" i="1"/>
  <c r="AF54854" i="1"/>
  <c r="AF54855" i="1"/>
  <c r="AF54856" i="1"/>
  <c r="AF54857" i="1"/>
  <c r="AF54858" i="1"/>
  <c r="AF54859" i="1"/>
  <c r="AF54860" i="1"/>
  <c r="AF54861" i="1"/>
  <c r="AF54862" i="1"/>
  <c r="AF54863" i="1"/>
  <c r="AF54864" i="1"/>
  <c r="AF54865" i="1"/>
  <c r="AF54866" i="1"/>
  <c r="AF54867" i="1"/>
  <c r="AF54868" i="1"/>
  <c r="AF54869" i="1"/>
  <c r="AF54870" i="1"/>
  <c r="AF54871" i="1"/>
  <c r="AF54872" i="1"/>
  <c r="AF54873" i="1"/>
  <c r="AF54874" i="1"/>
  <c r="AF54875" i="1"/>
  <c r="AF54876" i="1"/>
  <c r="AF54877" i="1"/>
  <c r="AF54878" i="1"/>
  <c r="AF54879" i="1"/>
  <c r="AF54880" i="1"/>
  <c r="AF54881" i="1"/>
  <c r="AF54882" i="1"/>
  <c r="AF54883" i="1"/>
  <c r="AF54884" i="1"/>
  <c r="AF54885" i="1"/>
  <c r="AF54886" i="1"/>
  <c r="AF54887" i="1"/>
  <c r="AF54888" i="1"/>
  <c r="AF54889" i="1"/>
  <c r="AF54890" i="1"/>
  <c r="AF54891" i="1"/>
  <c r="AF54892" i="1"/>
  <c r="AF54893" i="1"/>
  <c r="AF54894" i="1"/>
  <c r="AF54895" i="1"/>
  <c r="AF54896" i="1"/>
  <c r="AF54897" i="1"/>
  <c r="AF54898" i="1"/>
  <c r="AF54899" i="1"/>
  <c r="AF54900" i="1"/>
  <c r="AF54901" i="1"/>
  <c r="AF54902" i="1"/>
  <c r="AF54903" i="1"/>
  <c r="AF54904" i="1"/>
  <c r="AF54905" i="1"/>
  <c r="AF54906" i="1"/>
  <c r="AF54907" i="1"/>
  <c r="AF54908" i="1"/>
  <c r="AF54909" i="1"/>
  <c r="AF54910" i="1"/>
  <c r="AF54911" i="1"/>
  <c r="AF54912" i="1"/>
  <c r="AF54913" i="1"/>
  <c r="AF54914" i="1"/>
  <c r="AF54915" i="1"/>
  <c r="AF54916" i="1"/>
  <c r="AF54917" i="1"/>
  <c r="AF54918" i="1"/>
  <c r="AF54919" i="1"/>
  <c r="AF54920" i="1"/>
  <c r="AF54921" i="1"/>
  <c r="AF54922" i="1"/>
  <c r="AF54923" i="1"/>
  <c r="AF54924" i="1"/>
  <c r="AF54925" i="1"/>
  <c r="AF54926" i="1"/>
  <c r="AF54927" i="1"/>
  <c r="AF54928" i="1"/>
  <c r="AF54929" i="1"/>
  <c r="AF54930" i="1"/>
  <c r="AF54931" i="1"/>
  <c r="AF54932" i="1"/>
  <c r="AF54933" i="1"/>
  <c r="AF54934" i="1"/>
  <c r="AF54935" i="1"/>
  <c r="AF54936" i="1"/>
  <c r="AF54937" i="1"/>
  <c r="AF54938" i="1"/>
  <c r="AF54939" i="1"/>
  <c r="AF54940" i="1"/>
  <c r="AF54941" i="1"/>
  <c r="AF54942" i="1"/>
  <c r="AF54943" i="1"/>
  <c r="AF54944" i="1"/>
  <c r="AF54945" i="1"/>
  <c r="AF54946" i="1"/>
  <c r="AF54947" i="1"/>
  <c r="AF54948" i="1"/>
  <c r="AF54949" i="1"/>
  <c r="AF54950" i="1"/>
  <c r="AF54951" i="1"/>
  <c r="AF54952" i="1"/>
  <c r="AF54953" i="1"/>
  <c r="AF54954" i="1"/>
  <c r="AF54955" i="1"/>
  <c r="AF54956" i="1"/>
  <c r="AF54957" i="1"/>
  <c r="AF54958" i="1"/>
  <c r="AF54959" i="1"/>
  <c r="AF54960" i="1"/>
  <c r="AF54961" i="1"/>
  <c r="AF54962" i="1"/>
  <c r="AF54963" i="1"/>
  <c r="AF54964" i="1"/>
  <c r="AF54965" i="1"/>
  <c r="AF54966" i="1"/>
  <c r="AF54967" i="1"/>
  <c r="AF54968" i="1"/>
  <c r="AF54969" i="1"/>
  <c r="AF54970" i="1"/>
  <c r="AF54971" i="1"/>
  <c r="AF54972" i="1"/>
  <c r="AF54973" i="1"/>
  <c r="AF54974" i="1"/>
  <c r="AF54975" i="1"/>
  <c r="AF54976" i="1"/>
  <c r="AF54977" i="1"/>
  <c r="AF54978" i="1"/>
  <c r="AF54979" i="1"/>
  <c r="AF54980" i="1"/>
  <c r="AF54981" i="1"/>
  <c r="AF54982" i="1"/>
  <c r="AF54983" i="1"/>
  <c r="AF54984" i="1"/>
  <c r="AF54985" i="1"/>
  <c r="AF54986" i="1"/>
  <c r="AF54987" i="1"/>
  <c r="AF54988" i="1"/>
  <c r="AF54989" i="1"/>
  <c r="AF54990" i="1"/>
  <c r="AF54991" i="1"/>
  <c r="AF54992" i="1"/>
  <c r="AF54993" i="1"/>
  <c r="AF54994" i="1"/>
  <c r="AF54995" i="1"/>
  <c r="AF54996" i="1"/>
  <c r="AF54997" i="1"/>
  <c r="AF54998" i="1"/>
  <c r="AF54999" i="1"/>
  <c r="AF55000" i="1"/>
  <c r="AF55001" i="1"/>
  <c r="AF55002" i="1"/>
  <c r="AF55003" i="1"/>
  <c r="AF55004" i="1"/>
  <c r="AF55005" i="1"/>
  <c r="AF55006" i="1"/>
  <c r="AF55007" i="1"/>
  <c r="AF55008" i="1"/>
  <c r="AF55009" i="1"/>
  <c r="AF55010" i="1"/>
  <c r="AF55011" i="1"/>
  <c r="AF55012" i="1"/>
  <c r="AF55013" i="1"/>
  <c r="AF55014" i="1"/>
  <c r="AF55015" i="1"/>
  <c r="AF55016" i="1"/>
  <c r="AF55017" i="1"/>
  <c r="AF55018" i="1"/>
  <c r="AF55019" i="1"/>
  <c r="AF55020" i="1"/>
  <c r="AF55021" i="1"/>
  <c r="AF55022" i="1"/>
  <c r="AF55023" i="1"/>
  <c r="AF55024" i="1"/>
  <c r="AF55025" i="1"/>
  <c r="AF55026" i="1"/>
  <c r="AF55027" i="1"/>
  <c r="AF55028" i="1"/>
  <c r="AF55029" i="1"/>
  <c r="AF55030" i="1"/>
  <c r="AF55031" i="1"/>
  <c r="AF55032" i="1"/>
  <c r="AF55033" i="1"/>
  <c r="AF55034" i="1"/>
  <c r="AF55035" i="1"/>
  <c r="AF55036" i="1"/>
  <c r="AF55037" i="1"/>
  <c r="AF55038" i="1"/>
  <c r="AF55039" i="1"/>
  <c r="AF55040" i="1"/>
  <c r="AF55041" i="1"/>
  <c r="AF55042" i="1"/>
  <c r="AF55043" i="1"/>
  <c r="AF55044" i="1"/>
  <c r="AF55045" i="1"/>
  <c r="AF55046" i="1"/>
  <c r="AF55047" i="1"/>
  <c r="AF55048" i="1"/>
  <c r="AF55049" i="1"/>
  <c r="AF55050" i="1"/>
  <c r="AF55051" i="1"/>
  <c r="AF55052" i="1"/>
  <c r="AF55053" i="1"/>
  <c r="AF55054" i="1"/>
  <c r="AF55055" i="1"/>
  <c r="AF55056" i="1"/>
  <c r="AF55057" i="1"/>
  <c r="AF55058" i="1"/>
  <c r="AF55059" i="1"/>
  <c r="AF55060" i="1"/>
  <c r="AF55061" i="1"/>
  <c r="AF55062" i="1"/>
  <c r="AF55063" i="1"/>
  <c r="AF55064" i="1"/>
  <c r="AF55065" i="1"/>
  <c r="AF55066" i="1"/>
  <c r="AF55067" i="1"/>
  <c r="AF55068" i="1"/>
  <c r="AF55069" i="1"/>
  <c r="AF55070" i="1"/>
  <c r="AF55071" i="1"/>
  <c r="AF55072" i="1"/>
  <c r="AF55073" i="1"/>
  <c r="AF55074" i="1"/>
  <c r="AF55075" i="1"/>
  <c r="AF55076" i="1"/>
  <c r="AF55077" i="1"/>
  <c r="AF55078" i="1"/>
  <c r="AF55079" i="1"/>
  <c r="AF55080" i="1"/>
  <c r="AF55081" i="1"/>
  <c r="AF55082" i="1"/>
  <c r="AF55083" i="1"/>
  <c r="AF55084" i="1"/>
  <c r="AF55085" i="1"/>
  <c r="AF55086" i="1"/>
  <c r="AF55087" i="1"/>
  <c r="AF55088" i="1"/>
  <c r="AF55089" i="1"/>
  <c r="AF55090" i="1"/>
  <c r="AF55091" i="1"/>
  <c r="AF55092" i="1"/>
  <c r="AF55093" i="1"/>
  <c r="AF55094" i="1"/>
  <c r="AF55095" i="1"/>
  <c r="AF55096" i="1"/>
  <c r="AF55097" i="1"/>
  <c r="AF55098" i="1"/>
  <c r="AF55099" i="1"/>
  <c r="AF55100" i="1"/>
  <c r="AF55101" i="1"/>
  <c r="AF55102" i="1"/>
  <c r="AF55103" i="1"/>
  <c r="AF55104" i="1"/>
  <c r="AF55105" i="1"/>
  <c r="AF55106" i="1"/>
  <c r="AF55107" i="1"/>
  <c r="AF55108" i="1"/>
  <c r="AF55109" i="1"/>
  <c r="AF55110" i="1"/>
  <c r="AF55111" i="1"/>
  <c r="AF55112" i="1"/>
  <c r="AF55113" i="1"/>
  <c r="AF55114" i="1"/>
  <c r="AF55115" i="1"/>
  <c r="AF55116" i="1"/>
  <c r="AF55117" i="1"/>
  <c r="AF55118" i="1"/>
  <c r="AF55119" i="1"/>
  <c r="AF55120" i="1"/>
  <c r="AF55121" i="1"/>
  <c r="AF55122" i="1"/>
  <c r="AF55123" i="1"/>
  <c r="AF55124" i="1"/>
  <c r="AF55125" i="1"/>
  <c r="AF55126" i="1"/>
  <c r="AF55127" i="1"/>
  <c r="AF55128" i="1"/>
  <c r="AF55129" i="1"/>
  <c r="AF55130" i="1"/>
  <c r="AF55131" i="1"/>
  <c r="AF55132" i="1"/>
  <c r="AF55133" i="1"/>
  <c r="AF55134" i="1"/>
  <c r="AF55135" i="1"/>
  <c r="AF55136" i="1"/>
  <c r="AF55137" i="1"/>
  <c r="AF55138" i="1"/>
  <c r="AF55139" i="1"/>
  <c r="AF55140" i="1"/>
  <c r="AF55141" i="1"/>
  <c r="AF55142" i="1"/>
  <c r="AF55143" i="1"/>
  <c r="AF55144" i="1"/>
  <c r="AF55145" i="1"/>
  <c r="AF55146" i="1"/>
  <c r="AF55147" i="1"/>
  <c r="AF55148" i="1"/>
  <c r="AF55149" i="1"/>
  <c r="AF55150" i="1"/>
  <c r="AF55151" i="1"/>
  <c r="AF55152" i="1"/>
  <c r="AF55153" i="1"/>
  <c r="AF55154" i="1"/>
  <c r="AF55155" i="1"/>
  <c r="AF55156" i="1"/>
  <c r="AF55157" i="1"/>
  <c r="AF55158" i="1"/>
  <c r="AF55159" i="1"/>
  <c r="AF55160" i="1"/>
  <c r="AF55161" i="1"/>
  <c r="AF55162" i="1"/>
  <c r="AF55163" i="1"/>
  <c r="AF55164" i="1"/>
  <c r="AF55165" i="1"/>
  <c r="AF55166" i="1"/>
  <c r="AF55167" i="1"/>
  <c r="AF55168" i="1"/>
  <c r="AF55169" i="1"/>
  <c r="AF55170" i="1"/>
  <c r="AF55171" i="1"/>
  <c r="AF55172" i="1"/>
  <c r="AF55173" i="1"/>
  <c r="AF55174" i="1"/>
  <c r="AF55175" i="1"/>
  <c r="AF55176" i="1"/>
  <c r="AF55177" i="1"/>
  <c r="AF55178" i="1"/>
  <c r="AF55179" i="1"/>
  <c r="AF55180" i="1"/>
  <c r="AF55181" i="1"/>
  <c r="AF55182" i="1"/>
  <c r="AF55183" i="1"/>
  <c r="AF55184" i="1"/>
  <c r="AF55185" i="1"/>
  <c r="AF55186" i="1"/>
  <c r="AF55187" i="1"/>
  <c r="AF55188" i="1"/>
  <c r="AF55189" i="1"/>
  <c r="AF55190" i="1"/>
  <c r="AF55191" i="1"/>
  <c r="AF55192" i="1"/>
  <c r="AF55193" i="1"/>
  <c r="AF55194" i="1"/>
  <c r="AF55195" i="1"/>
  <c r="AF55196" i="1"/>
  <c r="AF55197" i="1"/>
  <c r="AF55198" i="1"/>
  <c r="AF55199" i="1"/>
  <c r="AF55200" i="1"/>
  <c r="AF55201" i="1"/>
  <c r="AF55202" i="1"/>
  <c r="AF55203" i="1"/>
  <c r="AF55204" i="1"/>
  <c r="AF55205" i="1"/>
  <c r="AF55206" i="1"/>
  <c r="AF55207" i="1"/>
  <c r="AF55208" i="1"/>
  <c r="AF55209" i="1"/>
  <c r="AF55210" i="1"/>
  <c r="AF55211" i="1"/>
  <c r="AF55212" i="1"/>
  <c r="AF55213" i="1"/>
  <c r="AF55214" i="1"/>
  <c r="AF55215" i="1"/>
  <c r="AF55216" i="1"/>
  <c r="AF55217" i="1"/>
  <c r="AF55218" i="1"/>
  <c r="AF55219" i="1"/>
  <c r="AF55220" i="1"/>
  <c r="AF55221" i="1"/>
  <c r="AF55222" i="1"/>
  <c r="AF55223" i="1"/>
  <c r="AF55224" i="1"/>
  <c r="AF55225" i="1"/>
  <c r="AF55226" i="1"/>
  <c r="AF55227" i="1"/>
  <c r="AF55228" i="1"/>
  <c r="AF55229" i="1"/>
  <c r="AF55230" i="1"/>
  <c r="AF55231" i="1"/>
  <c r="AF55232" i="1"/>
  <c r="AF55233" i="1"/>
  <c r="AF55234" i="1"/>
  <c r="AF55235" i="1"/>
  <c r="AF55236" i="1"/>
  <c r="AF55237" i="1"/>
  <c r="AF55238" i="1"/>
  <c r="AF55239" i="1"/>
  <c r="AF55240" i="1"/>
  <c r="AF55241" i="1"/>
  <c r="AF55242" i="1"/>
  <c r="AF55243" i="1"/>
  <c r="AF55244" i="1"/>
  <c r="AF55245" i="1"/>
  <c r="AF55246" i="1"/>
  <c r="AF55247" i="1"/>
  <c r="AF55248" i="1"/>
  <c r="AF55249" i="1"/>
  <c r="AF55250" i="1"/>
  <c r="AF55251" i="1"/>
  <c r="AF55252" i="1"/>
  <c r="AF55253" i="1"/>
  <c r="AF55254" i="1"/>
  <c r="AF55255" i="1"/>
  <c r="AF55256" i="1"/>
  <c r="AF55257" i="1"/>
  <c r="AF55258" i="1"/>
  <c r="AF55259" i="1"/>
  <c r="AF55260" i="1"/>
  <c r="AF55261" i="1"/>
  <c r="AF55262" i="1"/>
  <c r="AF55263" i="1"/>
  <c r="AF55264" i="1"/>
  <c r="AF55265" i="1"/>
  <c r="AF55266" i="1"/>
  <c r="AF55267" i="1"/>
  <c r="AF55268" i="1"/>
  <c r="AF55269" i="1"/>
  <c r="AF55270" i="1"/>
  <c r="AF55271" i="1"/>
  <c r="AF55272" i="1"/>
  <c r="AF55273" i="1"/>
  <c r="AF55274" i="1"/>
  <c r="AF55275" i="1"/>
  <c r="AF55276" i="1"/>
  <c r="AF55277" i="1"/>
  <c r="AF55278" i="1"/>
  <c r="AF55279" i="1"/>
  <c r="AF55280" i="1"/>
  <c r="AF55281" i="1"/>
  <c r="AF55282" i="1"/>
  <c r="AF55283" i="1"/>
  <c r="AF55284" i="1"/>
  <c r="AF55285" i="1"/>
  <c r="AF55286" i="1"/>
  <c r="AF55287" i="1"/>
  <c r="AF55288" i="1"/>
  <c r="AF55289" i="1"/>
  <c r="AF55290" i="1"/>
  <c r="AF55291" i="1"/>
  <c r="AF55292" i="1"/>
  <c r="AF55293" i="1"/>
  <c r="AF55294" i="1"/>
  <c r="AF55295" i="1"/>
  <c r="AF55296" i="1"/>
  <c r="AF55297" i="1"/>
  <c r="AF55298" i="1"/>
  <c r="AF55299" i="1"/>
  <c r="AF55300" i="1"/>
  <c r="AF55301" i="1"/>
  <c r="AF55302" i="1"/>
  <c r="AF55303" i="1"/>
  <c r="AF55304" i="1"/>
  <c r="AF55305" i="1"/>
  <c r="AF55306" i="1"/>
  <c r="AF55307" i="1"/>
  <c r="AF55308" i="1"/>
  <c r="AF55309" i="1"/>
  <c r="AF55310" i="1"/>
  <c r="AF55311" i="1"/>
  <c r="AF55312" i="1"/>
  <c r="AF55313" i="1"/>
  <c r="AF55314" i="1"/>
  <c r="AF55315" i="1"/>
  <c r="AF55316" i="1"/>
  <c r="AF55317" i="1"/>
  <c r="AF55318" i="1"/>
  <c r="AF55319" i="1"/>
  <c r="AF55320" i="1"/>
  <c r="AF55321" i="1"/>
  <c r="AF55322" i="1"/>
  <c r="AF55323" i="1"/>
  <c r="AF55324" i="1"/>
  <c r="AF55325" i="1"/>
  <c r="AF55326" i="1"/>
  <c r="AF55327" i="1"/>
  <c r="AF55328" i="1"/>
  <c r="AF55329" i="1"/>
  <c r="AF55330" i="1"/>
  <c r="AF55331" i="1"/>
  <c r="AF55332" i="1"/>
  <c r="AF55333" i="1"/>
  <c r="AF55334" i="1"/>
  <c r="AF55335" i="1"/>
  <c r="AF55336" i="1"/>
  <c r="AF55337" i="1"/>
  <c r="AF55338" i="1"/>
  <c r="AF55339" i="1"/>
  <c r="AF55340" i="1"/>
  <c r="AF55341" i="1"/>
  <c r="AF55342" i="1"/>
  <c r="AF55343" i="1"/>
  <c r="AF55344" i="1"/>
  <c r="AF55345" i="1"/>
  <c r="AF55346" i="1"/>
  <c r="AF55347" i="1"/>
  <c r="AF55348" i="1"/>
  <c r="AF55349" i="1"/>
  <c r="AF55350" i="1"/>
  <c r="AF55351" i="1"/>
  <c r="AF55352" i="1"/>
  <c r="AF55353" i="1"/>
  <c r="AF55354" i="1"/>
  <c r="AF55355" i="1"/>
  <c r="AF55356" i="1"/>
  <c r="AF55357" i="1"/>
  <c r="AF55358" i="1"/>
  <c r="AF55359" i="1"/>
  <c r="AF55360" i="1"/>
  <c r="AF55361" i="1"/>
  <c r="AF55362" i="1"/>
  <c r="AF55363" i="1"/>
  <c r="AF55364" i="1"/>
  <c r="AF55365" i="1"/>
  <c r="AF55366" i="1"/>
  <c r="AF55367" i="1"/>
  <c r="AF55368" i="1"/>
  <c r="AF55369" i="1"/>
  <c r="AF55370" i="1"/>
  <c r="AF55371" i="1"/>
  <c r="AF55372" i="1"/>
  <c r="AF55373" i="1"/>
  <c r="AF55374" i="1"/>
  <c r="AF55375" i="1"/>
  <c r="AF55376" i="1"/>
  <c r="AF55377" i="1"/>
  <c r="AF55378" i="1"/>
  <c r="AF55379" i="1"/>
  <c r="AF55380" i="1"/>
  <c r="AF55381" i="1"/>
  <c r="AF55382" i="1"/>
  <c r="AF55383" i="1"/>
  <c r="AF55384" i="1"/>
  <c r="AF55385" i="1"/>
  <c r="AF55386" i="1"/>
  <c r="AF55387" i="1"/>
  <c r="AF55388" i="1"/>
  <c r="AF55389" i="1"/>
  <c r="AF55390" i="1"/>
  <c r="AF55391" i="1"/>
  <c r="AF55392" i="1"/>
  <c r="AF55393" i="1"/>
  <c r="AF55394" i="1"/>
  <c r="AF55395" i="1"/>
  <c r="AF55396" i="1"/>
  <c r="AF55397" i="1"/>
  <c r="AF55398" i="1"/>
  <c r="AF55399" i="1"/>
  <c r="AF55400" i="1"/>
  <c r="AF55401" i="1"/>
  <c r="AF55402" i="1"/>
  <c r="AF55403" i="1"/>
  <c r="AF55404" i="1"/>
  <c r="AF55405" i="1"/>
  <c r="AF55406" i="1"/>
  <c r="AF55407" i="1"/>
  <c r="AF55408" i="1"/>
  <c r="AF55409" i="1"/>
  <c r="AF55410" i="1"/>
  <c r="AF55411" i="1"/>
  <c r="AF55412" i="1"/>
  <c r="AF55413" i="1"/>
  <c r="AF55414" i="1"/>
  <c r="AF55415" i="1"/>
  <c r="AF55416" i="1"/>
  <c r="AF55417" i="1"/>
  <c r="AF55418" i="1"/>
  <c r="AF55419" i="1"/>
  <c r="AF55420" i="1"/>
  <c r="AF55421" i="1"/>
  <c r="AF55422" i="1"/>
  <c r="AF55423" i="1"/>
  <c r="AF55424" i="1"/>
  <c r="AF55425" i="1"/>
  <c r="AF55426" i="1"/>
  <c r="AF55427" i="1"/>
  <c r="AF55428" i="1"/>
  <c r="AF55429" i="1"/>
  <c r="AF55430" i="1"/>
  <c r="AF55431" i="1"/>
  <c r="AF55432" i="1"/>
  <c r="AF55433" i="1"/>
  <c r="AF55434" i="1"/>
  <c r="AF55435" i="1"/>
  <c r="AF55436" i="1"/>
  <c r="AF55437" i="1"/>
  <c r="AF55438" i="1"/>
  <c r="AF55439" i="1"/>
  <c r="AF55440" i="1"/>
  <c r="AF55441" i="1"/>
  <c r="AF55442" i="1"/>
  <c r="AF55443" i="1"/>
  <c r="AF55444" i="1"/>
  <c r="AF55445" i="1"/>
  <c r="AF55446" i="1"/>
  <c r="AF55447" i="1"/>
  <c r="AF55448" i="1"/>
  <c r="AF55449" i="1"/>
  <c r="AF55450" i="1"/>
  <c r="AF55451" i="1"/>
  <c r="AF55452" i="1"/>
  <c r="AF55453" i="1"/>
  <c r="AF55454" i="1"/>
  <c r="AF55455" i="1"/>
  <c r="AF55456" i="1"/>
  <c r="AF55457" i="1"/>
  <c r="AF55458" i="1"/>
  <c r="AF55459" i="1"/>
  <c r="AF55460" i="1"/>
  <c r="AF55461" i="1"/>
  <c r="AF55462" i="1"/>
  <c r="AF55463" i="1"/>
  <c r="AF55464" i="1"/>
  <c r="AF55465" i="1"/>
  <c r="AF55466" i="1"/>
  <c r="AF55467" i="1"/>
  <c r="AF55468" i="1"/>
  <c r="AF55469" i="1"/>
  <c r="AF55470" i="1"/>
  <c r="AF55471" i="1"/>
  <c r="AF55472" i="1"/>
  <c r="AF55473" i="1"/>
  <c r="AF55474" i="1"/>
  <c r="AF55475" i="1"/>
  <c r="AF55476" i="1"/>
  <c r="AF55477" i="1"/>
  <c r="AF55478" i="1"/>
  <c r="AF55479" i="1"/>
  <c r="AF55480" i="1"/>
  <c r="AF55481" i="1"/>
  <c r="AF55482" i="1"/>
  <c r="AF55483" i="1"/>
  <c r="AF55484" i="1"/>
  <c r="AF55485" i="1"/>
  <c r="AF55486" i="1"/>
  <c r="AF55487" i="1"/>
  <c r="AF55488" i="1"/>
  <c r="AF55489" i="1"/>
  <c r="AF55490" i="1"/>
  <c r="AF55491" i="1"/>
  <c r="AF55492" i="1"/>
  <c r="AF55493" i="1"/>
  <c r="AF55494" i="1"/>
  <c r="AF55495" i="1"/>
  <c r="AF55496" i="1"/>
  <c r="AF55497" i="1"/>
  <c r="AF55498" i="1"/>
  <c r="AF55499" i="1"/>
  <c r="AF55500" i="1"/>
  <c r="AF55501" i="1"/>
  <c r="AF55502" i="1"/>
  <c r="AF55503" i="1"/>
  <c r="AF55504" i="1"/>
  <c r="AF55505" i="1"/>
  <c r="AF55506" i="1"/>
  <c r="AF55507" i="1"/>
  <c r="AF55508" i="1"/>
  <c r="AF55509" i="1"/>
  <c r="AF55510" i="1"/>
  <c r="AF55511" i="1"/>
  <c r="AF55512" i="1"/>
  <c r="AF55513" i="1"/>
  <c r="AF55514" i="1"/>
  <c r="AF55515" i="1"/>
  <c r="AF55516" i="1"/>
  <c r="AF55517" i="1"/>
  <c r="AF55518" i="1"/>
  <c r="AF55519" i="1"/>
  <c r="AF55520" i="1"/>
  <c r="AF55521" i="1"/>
  <c r="AF55522" i="1"/>
  <c r="AF55523" i="1"/>
  <c r="AF55524" i="1"/>
  <c r="AF55525" i="1"/>
  <c r="AF55526" i="1"/>
  <c r="AF55527" i="1"/>
  <c r="AF55528" i="1"/>
  <c r="AF55529" i="1"/>
  <c r="AF55530" i="1"/>
  <c r="AF55531" i="1"/>
  <c r="AF55532" i="1"/>
  <c r="AF55533" i="1"/>
  <c r="AF55534" i="1"/>
  <c r="AF55535" i="1"/>
  <c r="AF55536" i="1"/>
  <c r="AF55537" i="1"/>
  <c r="AF55538" i="1"/>
  <c r="AF55539" i="1"/>
  <c r="AF55540" i="1"/>
  <c r="AF55541" i="1"/>
  <c r="AF55542" i="1"/>
  <c r="AF55543" i="1"/>
  <c r="AF55544" i="1"/>
  <c r="AF55545" i="1"/>
  <c r="AF55546" i="1"/>
  <c r="AF55547" i="1"/>
  <c r="AF55548" i="1"/>
  <c r="AF55549" i="1"/>
  <c r="AF55550" i="1"/>
  <c r="AF55551" i="1"/>
  <c r="AF55552" i="1"/>
  <c r="AF55553" i="1"/>
  <c r="AF55554" i="1"/>
  <c r="AF55555" i="1"/>
  <c r="AF55556" i="1"/>
  <c r="AF55557" i="1"/>
  <c r="AF55558" i="1"/>
  <c r="AF55559" i="1"/>
  <c r="AF55560" i="1"/>
  <c r="AF55561" i="1"/>
  <c r="AF55562" i="1"/>
  <c r="AF55563" i="1"/>
  <c r="AF55564" i="1"/>
  <c r="AF55565" i="1"/>
  <c r="AF55566" i="1"/>
  <c r="AF55567" i="1"/>
  <c r="AF55568" i="1"/>
  <c r="AF55569" i="1"/>
  <c r="AF55570" i="1"/>
  <c r="AF55571" i="1"/>
  <c r="AF55572" i="1"/>
  <c r="AF55573" i="1"/>
  <c r="AF55574" i="1"/>
  <c r="AF55575" i="1"/>
  <c r="AF55576" i="1"/>
  <c r="AF55577" i="1"/>
  <c r="AF55578" i="1"/>
  <c r="AF55579" i="1"/>
  <c r="AF55580" i="1"/>
  <c r="AF55581" i="1"/>
  <c r="AF55582" i="1"/>
  <c r="AF55583" i="1"/>
  <c r="AF55584" i="1"/>
  <c r="AF55585" i="1"/>
  <c r="AF55586" i="1"/>
  <c r="AF55587" i="1"/>
  <c r="AF55588" i="1"/>
  <c r="AF55589" i="1"/>
  <c r="AF55590" i="1"/>
  <c r="AF55591" i="1"/>
  <c r="AF55592" i="1"/>
  <c r="AF55593" i="1"/>
  <c r="AF55594" i="1"/>
  <c r="AF55595" i="1"/>
  <c r="AF55596" i="1"/>
  <c r="AF55597" i="1"/>
  <c r="AF55598" i="1"/>
  <c r="AF55599" i="1"/>
  <c r="AF55600" i="1"/>
  <c r="AF55601" i="1"/>
  <c r="AF55602" i="1"/>
  <c r="AF55603" i="1"/>
  <c r="AF55604" i="1"/>
  <c r="AF55605" i="1"/>
  <c r="AF55606" i="1"/>
  <c r="AF55607" i="1"/>
  <c r="AF55608" i="1"/>
  <c r="AF55609" i="1"/>
  <c r="AF55610" i="1"/>
  <c r="AF55611" i="1"/>
  <c r="AF55612" i="1"/>
  <c r="AF55613" i="1"/>
  <c r="AF55614" i="1"/>
  <c r="AF55615" i="1"/>
  <c r="AF55616" i="1"/>
  <c r="AF55617" i="1"/>
  <c r="AF55618" i="1"/>
  <c r="AF55619" i="1"/>
  <c r="AF55620" i="1"/>
  <c r="AF55621" i="1"/>
  <c r="AF55622" i="1"/>
  <c r="AF55623" i="1"/>
  <c r="AF55624" i="1"/>
  <c r="AF55625" i="1"/>
  <c r="AF55626" i="1"/>
  <c r="AF55627" i="1"/>
  <c r="AF55628" i="1"/>
  <c r="AF55629" i="1"/>
  <c r="AF55630" i="1"/>
  <c r="AF55631" i="1"/>
  <c r="AF55632" i="1"/>
  <c r="AF55633" i="1"/>
  <c r="AF55634" i="1"/>
  <c r="AF55635" i="1"/>
  <c r="AF55636" i="1"/>
  <c r="AF55637" i="1"/>
  <c r="AF55638" i="1"/>
  <c r="AF55639" i="1"/>
  <c r="AF55640" i="1"/>
  <c r="AF55641" i="1"/>
  <c r="AF55642" i="1"/>
  <c r="AF55643" i="1"/>
  <c r="AF55644" i="1"/>
  <c r="AF55645" i="1"/>
  <c r="AF55646" i="1"/>
  <c r="AF55647" i="1"/>
  <c r="AF55648" i="1"/>
  <c r="AF55649" i="1"/>
  <c r="AF55650" i="1"/>
  <c r="AF55651" i="1"/>
  <c r="AF55652" i="1"/>
  <c r="AF55653" i="1"/>
  <c r="AF55654" i="1"/>
  <c r="AF55655" i="1"/>
  <c r="AF55656" i="1"/>
  <c r="AF55657" i="1"/>
  <c r="AF55658" i="1"/>
  <c r="AF55659" i="1"/>
  <c r="AF55660" i="1"/>
  <c r="AF55661" i="1"/>
  <c r="AF55662" i="1"/>
  <c r="AF55663" i="1"/>
  <c r="AF55664" i="1"/>
  <c r="AF55665" i="1"/>
  <c r="AF55666" i="1"/>
  <c r="AF55667" i="1"/>
  <c r="AF55668" i="1"/>
  <c r="AF55669" i="1"/>
  <c r="AF55670" i="1"/>
  <c r="AF55671" i="1"/>
  <c r="AF55672" i="1"/>
  <c r="AF55673" i="1"/>
  <c r="AF55674" i="1"/>
  <c r="AF55675" i="1"/>
  <c r="AF55676" i="1"/>
  <c r="AF55677" i="1"/>
  <c r="AF55678" i="1"/>
  <c r="AF55679" i="1"/>
  <c r="AF55680" i="1"/>
  <c r="AF55681" i="1"/>
  <c r="AF55682" i="1"/>
  <c r="AF55683" i="1"/>
  <c r="AF55684" i="1"/>
  <c r="AF55685" i="1"/>
  <c r="AF55686" i="1"/>
  <c r="AF55687" i="1"/>
  <c r="AF55688" i="1"/>
  <c r="AF55689" i="1"/>
  <c r="AF55690" i="1"/>
  <c r="AF55691" i="1"/>
  <c r="AF55692" i="1"/>
  <c r="AF55693" i="1"/>
  <c r="AF55694" i="1"/>
  <c r="AF55695" i="1"/>
  <c r="AF55696" i="1"/>
  <c r="AF55697" i="1"/>
  <c r="AF55698" i="1"/>
  <c r="AF55699" i="1"/>
  <c r="AF55700" i="1"/>
  <c r="AF55701" i="1"/>
  <c r="AF55702" i="1"/>
  <c r="AF55703" i="1"/>
  <c r="AF55704" i="1"/>
  <c r="AF55705" i="1"/>
  <c r="AF55706" i="1"/>
  <c r="AF55707" i="1"/>
  <c r="AF55708" i="1"/>
  <c r="AF55709" i="1"/>
  <c r="AF55710" i="1"/>
  <c r="AF55711" i="1"/>
  <c r="AF55712" i="1"/>
  <c r="AF55713" i="1"/>
  <c r="AF55714" i="1"/>
  <c r="AF55715" i="1"/>
  <c r="AF55716" i="1"/>
  <c r="AF55717" i="1"/>
  <c r="AF55718" i="1"/>
  <c r="AF55719" i="1"/>
  <c r="AF55720" i="1"/>
  <c r="AF55721" i="1"/>
  <c r="AF55722" i="1"/>
  <c r="AF55723" i="1"/>
  <c r="AF55724" i="1"/>
  <c r="AF55725" i="1"/>
  <c r="AF55726" i="1"/>
  <c r="AF55727" i="1"/>
  <c r="AF55728" i="1"/>
  <c r="AF55729" i="1"/>
  <c r="AF55730" i="1"/>
  <c r="AF55731" i="1"/>
  <c r="AF55732" i="1"/>
  <c r="AF55733" i="1"/>
  <c r="AF55734" i="1"/>
  <c r="AF55735" i="1"/>
  <c r="AF55736" i="1"/>
  <c r="AF55737" i="1"/>
  <c r="AF55738" i="1"/>
  <c r="AF55739" i="1"/>
  <c r="AF55740" i="1"/>
  <c r="AF55741" i="1"/>
  <c r="AF55742" i="1"/>
  <c r="AF55743" i="1"/>
  <c r="AF55744" i="1"/>
  <c r="AF55745" i="1"/>
  <c r="AF55746" i="1"/>
  <c r="AF55747" i="1"/>
  <c r="AF55748" i="1"/>
  <c r="AF55749" i="1"/>
  <c r="AF55750" i="1"/>
  <c r="AF55751" i="1"/>
  <c r="AF55752" i="1"/>
  <c r="AF55753" i="1"/>
  <c r="AF55754" i="1"/>
  <c r="AF55755" i="1"/>
  <c r="AF55756" i="1"/>
  <c r="AF55757" i="1"/>
  <c r="AF55758" i="1"/>
  <c r="AF55759" i="1"/>
  <c r="AF55760" i="1"/>
  <c r="AF55761" i="1"/>
  <c r="AF55762" i="1"/>
  <c r="AF55763" i="1"/>
  <c r="AF55764" i="1"/>
  <c r="AF55765" i="1"/>
  <c r="AF55766" i="1"/>
  <c r="AF55767" i="1"/>
  <c r="AF55768" i="1"/>
  <c r="AF55769" i="1"/>
  <c r="AF55770" i="1"/>
  <c r="AF55771" i="1"/>
  <c r="AF55772" i="1"/>
  <c r="AF55773" i="1"/>
  <c r="AF55774" i="1"/>
  <c r="AF55775" i="1"/>
  <c r="AF55776" i="1"/>
  <c r="AF55777" i="1"/>
  <c r="AF55778" i="1"/>
  <c r="AF55779" i="1"/>
  <c r="AF55780" i="1"/>
  <c r="AF55781" i="1"/>
  <c r="AF55782" i="1"/>
  <c r="AF55783" i="1"/>
  <c r="AF55784" i="1"/>
  <c r="AF55785" i="1"/>
  <c r="AF55786" i="1"/>
  <c r="AF55787" i="1"/>
  <c r="AF55788" i="1"/>
  <c r="AF55789" i="1"/>
  <c r="AF55790" i="1"/>
  <c r="AF55791" i="1"/>
  <c r="AF55792" i="1"/>
  <c r="AF55793" i="1"/>
  <c r="AF55794" i="1"/>
  <c r="AF55795" i="1"/>
  <c r="AF55796" i="1"/>
  <c r="AF55797" i="1"/>
  <c r="AF55798" i="1"/>
  <c r="AF55799" i="1"/>
  <c r="AF55800" i="1"/>
  <c r="AF55801" i="1"/>
  <c r="AF55802" i="1"/>
  <c r="AF55803" i="1"/>
  <c r="AF55804" i="1"/>
  <c r="AF55805" i="1"/>
  <c r="AF55806" i="1"/>
  <c r="AF55807" i="1"/>
  <c r="AF55808" i="1"/>
  <c r="AF55809" i="1"/>
  <c r="AF55810" i="1"/>
  <c r="AF55811" i="1"/>
  <c r="AF55812" i="1"/>
  <c r="AF55813" i="1"/>
  <c r="AF55814" i="1"/>
  <c r="AF55815" i="1"/>
  <c r="AF55816" i="1"/>
  <c r="AF55817" i="1"/>
  <c r="AF55818" i="1"/>
  <c r="AF55819" i="1"/>
  <c r="AF55820" i="1"/>
  <c r="AF55821" i="1"/>
  <c r="AF55822" i="1"/>
  <c r="AF55823" i="1"/>
  <c r="AF55824" i="1"/>
  <c r="AF55825" i="1"/>
  <c r="AF55826" i="1"/>
  <c r="AF55827" i="1"/>
  <c r="AF55828" i="1"/>
  <c r="AF55829" i="1"/>
  <c r="AF55830" i="1"/>
  <c r="AF55831" i="1"/>
  <c r="AF55832" i="1"/>
  <c r="AF55833" i="1"/>
  <c r="AF55834" i="1"/>
  <c r="AF55835" i="1"/>
  <c r="AF55836" i="1"/>
  <c r="AF55837" i="1"/>
  <c r="AF55838" i="1"/>
  <c r="AF55839" i="1"/>
  <c r="AF55840" i="1"/>
  <c r="AF55841" i="1"/>
  <c r="AF55842" i="1"/>
  <c r="AF55843" i="1"/>
  <c r="AF55844" i="1"/>
  <c r="AF55845" i="1"/>
  <c r="AF55846" i="1"/>
  <c r="AF55847" i="1"/>
  <c r="AF55848" i="1"/>
  <c r="AF55849" i="1"/>
  <c r="AF55850" i="1"/>
  <c r="AF55851" i="1"/>
  <c r="AF55852" i="1"/>
  <c r="AF55853" i="1"/>
  <c r="AF55854" i="1"/>
  <c r="AF55855" i="1"/>
  <c r="AF55856" i="1"/>
  <c r="AF55857" i="1"/>
  <c r="AF55858" i="1"/>
  <c r="AF55859" i="1"/>
  <c r="AF55860" i="1"/>
  <c r="AF55861" i="1"/>
  <c r="AF55862" i="1"/>
  <c r="AF55863" i="1"/>
  <c r="AF55864" i="1"/>
  <c r="AF55865" i="1"/>
  <c r="AF55866" i="1"/>
  <c r="AF55867" i="1"/>
  <c r="AF55868" i="1"/>
  <c r="AF55869" i="1"/>
  <c r="AF55870" i="1"/>
  <c r="AF55871" i="1"/>
  <c r="AF55872" i="1"/>
  <c r="AF55873" i="1"/>
  <c r="AF55874" i="1"/>
  <c r="AF55875" i="1"/>
  <c r="AF55876" i="1"/>
  <c r="AF55877" i="1"/>
  <c r="AF55878" i="1"/>
  <c r="AF55879" i="1"/>
  <c r="AF55880" i="1"/>
  <c r="AF55881" i="1"/>
  <c r="AF55882" i="1"/>
  <c r="AF55883" i="1"/>
  <c r="AF55884" i="1"/>
  <c r="AF55885" i="1"/>
  <c r="AF55886" i="1"/>
  <c r="AF55887" i="1"/>
  <c r="AF55888" i="1"/>
  <c r="AF55889" i="1"/>
  <c r="AF55890" i="1"/>
  <c r="AF55891" i="1"/>
  <c r="AF55892" i="1"/>
  <c r="AF55893" i="1"/>
  <c r="AF55894" i="1"/>
  <c r="AF55895" i="1"/>
  <c r="AF55896" i="1"/>
  <c r="AF55897" i="1"/>
  <c r="AF55898" i="1"/>
  <c r="AF55899" i="1"/>
  <c r="AF55900" i="1"/>
  <c r="AF55901" i="1"/>
  <c r="AF55902" i="1"/>
  <c r="AF55903" i="1"/>
  <c r="AF55904" i="1"/>
  <c r="AF55905" i="1"/>
  <c r="AF55906" i="1"/>
  <c r="AF55907" i="1"/>
  <c r="AF55908" i="1"/>
  <c r="AF55909" i="1"/>
  <c r="AF55910" i="1"/>
  <c r="AF55911" i="1"/>
  <c r="AF55912" i="1"/>
  <c r="AF55913" i="1"/>
  <c r="AF55914" i="1"/>
  <c r="AF55915" i="1"/>
  <c r="AF55916" i="1"/>
  <c r="AF55917" i="1"/>
  <c r="AF55918" i="1"/>
  <c r="AF55919" i="1"/>
  <c r="AF55920" i="1"/>
  <c r="AF55921" i="1"/>
  <c r="AF55922" i="1"/>
  <c r="AF55923" i="1"/>
  <c r="AF55924" i="1"/>
  <c r="AF55925" i="1"/>
  <c r="AF55926" i="1"/>
  <c r="AF55927" i="1"/>
  <c r="AF55928" i="1"/>
  <c r="AF55929" i="1"/>
  <c r="AF55930" i="1"/>
  <c r="AF55931" i="1"/>
  <c r="AF55932" i="1"/>
  <c r="AF55933" i="1"/>
  <c r="AF55934" i="1"/>
  <c r="AF55935" i="1"/>
  <c r="AF55936" i="1"/>
  <c r="AF55937" i="1"/>
  <c r="AF55938" i="1"/>
  <c r="AF55939" i="1"/>
  <c r="AF55940" i="1"/>
  <c r="AF55941" i="1"/>
  <c r="AF55942" i="1"/>
  <c r="AF55943" i="1"/>
  <c r="AF55944" i="1"/>
  <c r="AF55945" i="1"/>
  <c r="AF55946" i="1"/>
  <c r="AF55947" i="1"/>
  <c r="AF55948" i="1"/>
  <c r="AF55949" i="1"/>
  <c r="AF55950" i="1"/>
  <c r="AF55951" i="1"/>
  <c r="AF55952" i="1"/>
  <c r="AF55953" i="1"/>
  <c r="AF55954" i="1"/>
  <c r="AF55955" i="1"/>
  <c r="AF55956" i="1"/>
  <c r="AF55957" i="1"/>
  <c r="AF55958" i="1"/>
  <c r="AF55959" i="1"/>
  <c r="AF55960" i="1"/>
  <c r="AF55961" i="1"/>
  <c r="AF55962" i="1"/>
  <c r="AF55963" i="1"/>
  <c r="AF55964" i="1"/>
  <c r="AF55965" i="1"/>
  <c r="AF55966" i="1"/>
  <c r="AF55967" i="1"/>
  <c r="AF55968" i="1"/>
  <c r="AF55969" i="1"/>
  <c r="AF55970" i="1"/>
  <c r="AF55971" i="1"/>
  <c r="AF55972" i="1"/>
  <c r="AF55973" i="1"/>
  <c r="AF55974" i="1"/>
  <c r="AF55975" i="1"/>
  <c r="AF55976" i="1"/>
  <c r="AF55977" i="1"/>
  <c r="AF55978" i="1"/>
  <c r="AF55979" i="1"/>
  <c r="AF55980" i="1"/>
  <c r="AF55981" i="1"/>
  <c r="AF55982" i="1"/>
  <c r="AF55983" i="1"/>
  <c r="AF55984" i="1"/>
  <c r="AF55985" i="1"/>
  <c r="AF55986" i="1"/>
  <c r="AF55987" i="1"/>
  <c r="AF55988" i="1"/>
  <c r="AF55989" i="1"/>
  <c r="AF55990" i="1"/>
  <c r="AF55991" i="1"/>
  <c r="AF55992" i="1"/>
  <c r="AF55993" i="1"/>
  <c r="AF55994" i="1"/>
  <c r="AF55995" i="1"/>
  <c r="AF55996" i="1"/>
  <c r="AF55997" i="1"/>
  <c r="AF55998" i="1"/>
  <c r="AF55999" i="1"/>
  <c r="AF56000" i="1"/>
  <c r="AF56001" i="1"/>
  <c r="AF56002" i="1"/>
  <c r="AF56003" i="1"/>
  <c r="AF56004" i="1"/>
  <c r="AF56005" i="1"/>
  <c r="AF56006" i="1"/>
  <c r="AF56007" i="1"/>
  <c r="AF56008" i="1"/>
  <c r="AF56009" i="1"/>
  <c r="AF56010" i="1"/>
  <c r="AF56011" i="1"/>
  <c r="AF56012" i="1"/>
  <c r="AF56013" i="1"/>
  <c r="AF56014" i="1"/>
  <c r="AF56015" i="1"/>
  <c r="AF56016" i="1"/>
  <c r="AF56017" i="1"/>
  <c r="AF56018" i="1"/>
  <c r="AF56019" i="1"/>
  <c r="AF56020" i="1"/>
  <c r="AF56021" i="1"/>
  <c r="AF56022" i="1"/>
  <c r="AF56023" i="1"/>
  <c r="AF56024" i="1"/>
  <c r="AF56025" i="1"/>
  <c r="AF56026" i="1"/>
  <c r="AF56027" i="1"/>
  <c r="AF56028" i="1"/>
  <c r="AF56029" i="1"/>
  <c r="AF56030" i="1"/>
  <c r="AF56031" i="1"/>
  <c r="AF56032" i="1"/>
  <c r="AF56033" i="1"/>
  <c r="AF56034" i="1"/>
  <c r="AF56035" i="1"/>
  <c r="AF56036" i="1"/>
  <c r="AF56037" i="1"/>
  <c r="AF56038" i="1"/>
  <c r="AF56039" i="1"/>
  <c r="AF56040" i="1"/>
  <c r="AF56041" i="1"/>
  <c r="AF56042" i="1"/>
  <c r="AF56043" i="1"/>
  <c r="AF56044" i="1"/>
  <c r="AF56045" i="1"/>
  <c r="AF56046" i="1"/>
  <c r="AF56047" i="1"/>
  <c r="AF56048" i="1"/>
  <c r="AF56049" i="1"/>
  <c r="AF56050" i="1"/>
  <c r="AF56051" i="1"/>
  <c r="AF56052" i="1"/>
  <c r="AF56053" i="1"/>
  <c r="AF56054" i="1"/>
  <c r="AF56055" i="1"/>
  <c r="AF56056" i="1"/>
  <c r="AF56057" i="1"/>
  <c r="AF56058" i="1"/>
  <c r="AF56059" i="1"/>
  <c r="AF56060" i="1"/>
  <c r="AF56061" i="1"/>
  <c r="AF56062" i="1"/>
  <c r="AF56063" i="1"/>
  <c r="AF56064" i="1"/>
  <c r="AF56065" i="1"/>
  <c r="AF56066" i="1"/>
  <c r="AF56067" i="1"/>
  <c r="AF56068" i="1"/>
  <c r="AF56069" i="1"/>
  <c r="AF56070" i="1"/>
  <c r="AF56071" i="1"/>
  <c r="AF56072" i="1"/>
  <c r="AF56073" i="1"/>
  <c r="AF56074" i="1"/>
  <c r="AF56075" i="1"/>
  <c r="AF56076" i="1"/>
  <c r="AF56077" i="1"/>
  <c r="AF56078" i="1"/>
  <c r="AF56079" i="1"/>
  <c r="AF56080" i="1"/>
  <c r="AF56081" i="1"/>
  <c r="AF56082" i="1"/>
  <c r="AF56083" i="1"/>
  <c r="AF56084" i="1"/>
  <c r="AF56085" i="1"/>
  <c r="AF56086" i="1"/>
  <c r="AF56087" i="1"/>
  <c r="AF56088" i="1"/>
  <c r="AF56089" i="1"/>
  <c r="AF56090" i="1"/>
  <c r="AF56091" i="1"/>
  <c r="AF56092" i="1"/>
  <c r="AF56093" i="1"/>
  <c r="AF56094" i="1"/>
  <c r="AF56095" i="1"/>
  <c r="AF56096" i="1"/>
  <c r="AF56097" i="1"/>
  <c r="AF56098" i="1"/>
  <c r="AF56099" i="1"/>
  <c r="AF56100" i="1"/>
  <c r="AF56101" i="1"/>
  <c r="AF56102" i="1"/>
  <c r="AF56103" i="1"/>
  <c r="AF56104" i="1"/>
  <c r="AF56105" i="1"/>
  <c r="AF56106" i="1"/>
  <c r="AF56107" i="1"/>
  <c r="AF56108" i="1"/>
  <c r="AF56109" i="1"/>
  <c r="AF56110" i="1"/>
  <c r="AF56111" i="1"/>
  <c r="AF56112" i="1"/>
  <c r="AF56113" i="1"/>
  <c r="AF56114" i="1"/>
  <c r="AF56115" i="1"/>
  <c r="AF56116" i="1"/>
  <c r="AF56117" i="1"/>
  <c r="AF56118" i="1"/>
  <c r="AF56119" i="1"/>
  <c r="AF56120" i="1"/>
  <c r="AF56121" i="1"/>
  <c r="AF56122" i="1"/>
  <c r="AF56123" i="1"/>
  <c r="AF56124" i="1"/>
  <c r="AF56125" i="1"/>
  <c r="AF56126" i="1"/>
  <c r="AF56127" i="1"/>
  <c r="AF56128" i="1"/>
  <c r="AF56129" i="1"/>
  <c r="AF56130" i="1"/>
  <c r="AF56131" i="1"/>
  <c r="AF56132" i="1"/>
  <c r="AF56133" i="1"/>
  <c r="AF56134" i="1"/>
  <c r="AF56135" i="1"/>
  <c r="AF56136" i="1"/>
  <c r="AF56137" i="1"/>
  <c r="AF56138" i="1"/>
  <c r="AF56139" i="1"/>
  <c r="AF56140" i="1"/>
  <c r="AF56141" i="1"/>
  <c r="AF56142" i="1"/>
  <c r="AF56143" i="1"/>
  <c r="AF56144" i="1"/>
  <c r="AF56145" i="1"/>
  <c r="AF56146" i="1"/>
  <c r="AF56147" i="1"/>
  <c r="AF56148" i="1"/>
  <c r="AF56149" i="1"/>
  <c r="AF56150" i="1"/>
  <c r="AF56151" i="1"/>
  <c r="AF56152" i="1"/>
  <c r="AF56153" i="1"/>
  <c r="AF56154" i="1"/>
  <c r="AF56155" i="1"/>
  <c r="AF56156" i="1"/>
  <c r="AF56157" i="1"/>
  <c r="AF56158" i="1"/>
  <c r="AF56159" i="1"/>
  <c r="AF56160" i="1"/>
  <c r="AF56161" i="1"/>
  <c r="AF56162" i="1"/>
  <c r="AF56163" i="1"/>
  <c r="AF56164" i="1"/>
  <c r="AF56165" i="1"/>
  <c r="AF56166" i="1"/>
  <c r="AF56167" i="1"/>
  <c r="AF56168" i="1"/>
  <c r="AF56169" i="1"/>
  <c r="AF56170" i="1"/>
  <c r="AF56171" i="1"/>
  <c r="AF56172" i="1"/>
  <c r="AF56173" i="1"/>
  <c r="AF56174" i="1"/>
  <c r="AF56175" i="1"/>
  <c r="AF56176" i="1"/>
  <c r="AF56177" i="1"/>
  <c r="AF56178" i="1"/>
  <c r="AF56179" i="1"/>
  <c r="AF56180" i="1"/>
  <c r="AF56181" i="1"/>
  <c r="AF56182" i="1"/>
  <c r="AF56183" i="1"/>
  <c r="AF56184" i="1"/>
  <c r="AF56185" i="1"/>
  <c r="AF56186" i="1"/>
  <c r="AF56187" i="1"/>
  <c r="AF56188" i="1"/>
  <c r="AF56189" i="1"/>
  <c r="AF56190" i="1"/>
  <c r="AF56191" i="1"/>
  <c r="AF56192" i="1"/>
  <c r="AF56193" i="1"/>
  <c r="AF56194" i="1"/>
  <c r="AF56195" i="1"/>
  <c r="AF56196" i="1"/>
  <c r="AF56197" i="1"/>
  <c r="AF56198" i="1"/>
  <c r="AF56199" i="1"/>
  <c r="AF56200" i="1"/>
  <c r="AF56201" i="1"/>
  <c r="AF56202" i="1"/>
  <c r="AF56203" i="1"/>
  <c r="AF56204" i="1"/>
  <c r="AF56205" i="1"/>
  <c r="AF56206" i="1"/>
  <c r="AF56207" i="1"/>
  <c r="AF56208" i="1"/>
  <c r="AF56209" i="1"/>
  <c r="AF56210" i="1"/>
  <c r="AF56211" i="1"/>
  <c r="AF56212" i="1"/>
  <c r="AF56213" i="1"/>
  <c r="AF56214" i="1"/>
  <c r="AF56215" i="1"/>
  <c r="AF56216" i="1"/>
  <c r="AF56217" i="1"/>
  <c r="AF56218" i="1"/>
  <c r="AF56219" i="1"/>
  <c r="AF56220" i="1"/>
  <c r="AF56221" i="1"/>
  <c r="AF56222" i="1"/>
  <c r="AF56223" i="1"/>
  <c r="AF56224" i="1"/>
  <c r="AF56225" i="1"/>
  <c r="AF56226" i="1"/>
  <c r="AF56227" i="1"/>
  <c r="AF56228" i="1"/>
  <c r="AF56229" i="1"/>
  <c r="AF56230" i="1"/>
  <c r="AF56231" i="1"/>
  <c r="AF56232" i="1"/>
  <c r="AF56233" i="1"/>
  <c r="AF56234" i="1"/>
  <c r="AF56235" i="1"/>
  <c r="AF56236" i="1"/>
  <c r="AF56237" i="1"/>
  <c r="AF56238" i="1"/>
  <c r="AF56239" i="1"/>
  <c r="AF56240" i="1"/>
  <c r="AF56241" i="1"/>
  <c r="AF56242" i="1"/>
  <c r="AF56243" i="1"/>
  <c r="AF56244" i="1"/>
  <c r="AF56245" i="1"/>
  <c r="AF56246" i="1"/>
  <c r="AF56247" i="1"/>
  <c r="AF56248" i="1"/>
  <c r="AF56249" i="1"/>
  <c r="AF56250" i="1"/>
  <c r="AF56251" i="1"/>
  <c r="AF56252" i="1"/>
  <c r="AF56253" i="1"/>
  <c r="AF56254" i="1"/>
  <c r="AF56255" i="1"/>
  <c r="AF56256" i="1"/>
  <c r="AF56257" i="1"/>
  <c r="AF56258" i="1"/>
  <c r="AF56259" i="1"/>
  <c r="AF56260" i="1"/>
  <c r="AF56261" i="1"/>
  <c r="AF56262" i="1"/>
  <c r="AF56263" i="1"/>
  <c r="AF56264" i="1"/>
  <c r="AF56265" i="1"/>
  <c r="AF56266" i="1"/>
  <c r="AF56267" i="1"/>
  <c r="AF56268" i="1"/>
  <c r="AF56269" i="1"/>
  <c r="AF56270" i="1"/>
  <c r="AF56271" i="1"/>
  <c r="AF56272" i="1"/>
  <c r="AF56273" i="1"/>
  <c r="AF56274" i="1"/>
  <c r="AF56275" i="1"/>
  <c r="AF56276" i="1"/>
  <c r="AF56277" i="1"/>
  <c r="AF56278" i="1"/>
  <c r="AF56279" i="1"/>
  <c r="AF56280" i="1"/>
  <c r="AF56281" i="1"/>
  <c r="AF56282" i="1"/>
  <c r="AF56283" i="1"/>
  <c r="AF56284" i="1"/>
  <c r="AF56285" i="1"/>
  <c r="AF56286" i="1"/>
  <c r="AF56287" i="1"/>
  <c r="AF56288" i="1"/>
  <c r="AF56289" i="1"/>
  <c r="AF56290" i="1"/>
  <c r="AF56291" i="1"/>
  <c r="AF56292" i="1"/>
  <c r="AF56293" i="1"/>
  <c r="AF56294" i="1"/>
  <c r="AF56295" i="1"/>
  <c r="AF56296" i="1"/>
  <c r="AF56297" i="1"/>
  <c r="AF56298" i="1"/>
  <c r="AF56299" i="1"/>
  <c r="AF56300" i="1"/>
  <c r="AF56301" i="1"/>
  <c r="AF56302" i="1"/>
  <c r="AF56303" i="1"/>
  <c r="AF56304" i="1"/>
  <c r="AF56305" i="1"/>
  <c r="AF56306" i="1"/>
  <c r="AF56307" i="1"/>
  <c r="AF56308" i="1"/>
  <c r="AF56309" i="1"/>
  <c r="AF56310" i="1"/>
  <c r="AF56311" i="1"/>
  <c r="AF56312" i="1"/>
  <c r="AF56313" i="1"/>
  <c r="AF56314" i="1"/>
  <c r="AF56315" i="1"/>
  <c r="AF56316" i="1"/>
  <c r="AF56317" i="1"/>
  <c r="AF56318" i="1"/>
  <c r="AF56319" i="1"/>
  <c r="AF56320" i="1"/>
  <c r="AF56321" i="1"/>
  <c r="AF56322" i="1"/>
  <c r="AF56323" i="1"/>
  <c r="AF56324" i="1"/>
  <c r="AF56325" i="1"/>
  <c r="AF56326" i="1"/>
  <c r="AF56327" i="1"/>
  <c r="AF56328" i="1"/>
  <c r="AF56329" i="1"/>
  <c r="AF56330" i="1"/>
  <c r="AF56331" i="1"/>
  <c r="AF56332" i="1"/>
  <c r="AF56333" i="1"/>
  <c r="AF56334" i="1"/>
  <c r="AF56335" i="1"/>
  <c r="AF56336" i="1"/>
  <c r="AF56337" i="1"/>
  <c r="AF56338" i="1"/>
  <c r="AF56339" i="1"/>
  <c r="AF56340" i="1"/>
  <c r="AF56341" i="1"/>
  <c r="AF56342" i="1"/>
  <c r="AF56343" i="1"/>
  <c r="AF56344" i="1"/>
  <c r="AF56345" i="1"/>
  <c r="AF56346" i="1"/>
  <c r="AF56347" i="1"/>
  <c r="AF56348" i="1"/>
  <c r="AF56349" i="1"/>
  <c r="AF56350" i="1"/>
  <c r="AF56351" i="1"/>
  <c r="AF56352" i="1"/>
  <c r="AF56353" i="1"/>
  <c r="AF56354" i="1"/>
  <c r="AF56355" i="1"/>
  <c r="AF56356" i="1"/>
  <c r="AF56357" i="1"/>
  <c r="AF56358" i="1"/>
  <c r="AF56359" i="1"/>
  <c r="AF56360" i="1"/>
  <c r="AF56361" i="1"/>
  <c r="AF56362" i="1"/>
  <c r="AF56363" i="1"/>
  <c r="AF56364" i="1"/>
  <c r="AF56365" i="1"/>
  <c r="AF56366" i="1"/>
  <c r="AF56367" i="1"/>
  <c r="AF56368" i="1"/>
  <c r="AF56369" i="1"/>
  <c r="AF56370" i="1"/>
  <c r="AF56371" i="1"/>
  <c r="AF56372" i="1"/>
  <c r="AF56373" i="1"/>
  <c r="AF56374" i="1"/>
  <c r="AF56375" i="1"/>
  <c r="AF56376" i="1"/>
  <c r="AF56377" i="1"/>
  <c r="AF56378" i="1"/>
  <c r="AF56379" i="1"/>
  <c r="AF56380" i="1"/>
  <c r="AF56381" i="1"/>
  <c r="AF56382" i="1"/>
  <c r="AF56383" i="1"/>
  <c r="AF56384" i="1"/>
  <c r="AF56385" i="1"/>
  <c r="AF56386" i="1"/>
  <c r="AF56387" i="1"/>
  <c r="AF56388" i="1"/>
  <c r="AF56389" i="1"/>
  <c r="AF56390" i="1"/>
  <c r="AF56391" i="1"/>
  <c r="AF56392" i="1"/>
  <c r="AF56393" i="1"/>
  <c r="AF56394" i="1"/>
  <c r="AF56395" i="1"/>
  <c r="AF56396" i="1"/>
  <c r="AF56397" i="1"/>
  <c r="AF56398" i="1"/>
  <c r="AF56399" i="1"/>
  <c r="AF56400" i="1"/>
  <c r="AF56401" i="1"/>
  <c r="AF56402" i="1"/>
  <c r="AF56403" i="1"/>
  <c r="AF56404" i="1"/>
  <c r="AF56405" i="1"/>
  <c r="AF56406" i="1"/>
  <c r="AF56407" i="1"/>
  <c r="AF56408" i="1"/>
  <c r="AF56409" i="1"/>
  <c r="AF56410" i="1"/>
  <c r="AF56411" i="1"/>
  <c r="AF56412" i="1"/>
  <c r="AF56413" i="1"/>
  <c r="AF56414" i="1"/>
  <c r="AF56415" i="1"/>
  <c r="AF56416" i="1"/>
  <c r="AF56417" i="1"/>
  <c r="AF56418" i="1"/>
  <c r="AF56419" i="1"/>
  <c r="AF56420" i="1"/>
  <c r="AF56421" i="1"/>
  <c r="AF56422" i="1"/>
  <c r="AF56423" i="1"/>
  <c r="AF56424" i="1"/>
  <c r="AF56425" i="1"/>
  <c r="AF56426" i="1"/>
  <c r="AF56427" i="1"/>
  <c r="AF56428" i="1"/>
  <c r="AF56429" i="1"/>
  <c r="AF56430" i="1"/>
  <c r="AF56431" i="1"/>
  <c r="AF56432" i="1"/>
  <c r="AF56433" i="1"/>
  <c r="AF56434" i="1"/>
  <c r="AF56435" i="1"/>
  <c r="AF56436" i="1"/>
  <c r="AF56437" i="1"/>
  <c r="AF56438" i="1"/>
  <c r="AF56439" i="1"/>
  <c r="AF56440" i="1"/>
  <c r="AF56441" i="1"/>
  <c r="AF56442" i="1"/>
  <c r="AF56443" i="1"/>
  <c r="AF56444" i="1"/>
  <c r="AF56445" i="1"/>
  <c r="AF56446" i="1"/>
  <c r="AF56447" i="1"/>
  <c r="AF56448" i="1"/>
  <c r="AF56449" i="1"/>
  <c r="AF56450" i="1"/>
  <c r="AF56451" i="1"/>
  <c r="AF56452" i="1"/>
  <c r="AF56453" i="1"/>
  <c r="AF56454" i="1"/>
  <c r="AF56455" i="1"/>
  <c r="AF56456" i="1"/>
  <c r="AF56457" i="1"/>
  <c r="AF56458" i="1"/>
  <c r="AF56459" i="1"/>
  <c r="AF56460" i="1"/>
  <c r="AF56461" i="1"/>
  <c r="AF56462" i="1"/>
  <c r="AF56463" i="1"/>
  <c r="AF56464" i="1"/>
  <c r="AF56465" i="1"/>
  <c r="AF56466" i="1"/>
  <c r="AF56467" i="1"/>
  <c r="AF56468" i="1"/>
  <c r="AF56469" i="1"/>
  <c r="AF56470" i="1"/>
  <c r="AF56471" i="1"/>
  <c r="AF56472" i="1"/>
  <c r="AF56473" i="1"/>
  <c r="AF56474" i="1"/>
  <c r="AF56475" i="1"/>
  <c r="AF56476" i="1"/>
  <c r="AF56477" i="1"/>
  <c r="AF56478" i="1"/>
  <c r="AF56479" i="1"/>
  <c r="AF56480" i="1"/>
  <c r="AF56481" i="1"/>
  <c r="AF56482" i="1"/>
  <c r="AF56483" i="1"/>
  <c r="AF56484" i="1"/>
  <c r="AF56485" i="1"/>
  <c r="AF56486" i="1"/>
  <c r="AF56487" i="1"/>
  <c r="AF56488" i="1"/>
  <c r="AF56489" i="1"/>
  <c r="AF56490" i="1"/>
  <c r="AF56491" i="1"/>
  <c r="AF56492" i="1"/>
  <c r="AF56493" i="1"/>
  <c r="AF56494" i="1"/>
  <c r="AF56495" i="1"/>
  <c r="AF56496" i="1"/>
  <c r="AF56497" i="1"/>
  <c r="AF56498" i="1"/>
  <c r="AF56499" i="1"/>
  <c r="AF56500" i="1"/>
  <c r="AF56501" i="1"/>
  <c r="AF56502" i="1"/>
  <c r="AF56503" i="1"/>
  <c r="AF56504" i="1"/>
  <c r="AF56505" i="1"/>
  <c r="AF56506" i="1"/>
  <c r="AF56507" i="1"/>
  <c r="AF56508" i="1"/>
  <c r="AF56509" i="1"/>
  <c r="AF56510" i="1"/>
  <c r="AF56511" i="1"/>
  <c r="AF56512" i="1"/>
  <c r="AF56513" i="1"/>
  <c r="AF56514" i="1"/>
  <c r="AF56515" i="1"/>
  <c r="AF56516" i="1"/>
  <c r="AF56517" i="1"/>
  <c r="AF56518" i="1"/>
  <c r="AF56519" i="1"/>
  <c r="AF56520" i="1"/>
  <c r="AF56521" i="1"/>
  <c r="AF56522" i="1"/>
  <c r="AF56523" i="1"/>
  <c r="AF56524" i="1"/>
  <c r="AF56525" i="1"/>
  <c r="AF56526" i="1"/>
  <c r="AF56527" i="1"/>
  <c r="AF56528" i="1"/>
  <c r="AF56529" i="1"/>
  <c r="AF56530" i="1"/>
  <c r="AF56531" i="1"/>
  <c r="AF56532" i="1"/>
  <c r="AF56533" i="1"/>
  <c r="AF56534" i="1"/>
  <c r="AF56535" i="1"/>
  <c r="AF56536" i="1"/>
  <c r="AF56537" i="1"/>
  <c r="AF56538" i="1"/>
  <c r="AF56539" i="1"/>
  <c r="AF56540" i="1"/>
  <c r="AF56541" i="1"/>
  <c r="AF56542" i="1"/>
  <c r="AF56543" i="1"/>
  <c r="AF56544" i="1"/>
  <c r="AF56545" i="1"/>
  <c r="AF56546" i="1"/>
  <c r="AF56547" i="1"/>
  <c r="AF56548" i="1"/>
  <c r="AF56549" i="1"/>
  <c r="AF56550" i="1"/>
  <c r="AF56551" i="1"/>
  <c r="AF56552" i="1"/>
  <c r="AF56553" i="1"/>
  <c r="AF56554" i="1"/>
  <c r="AF56555" i="1"/>
  <c r="AF56556" i="1"/>
  <c r="AF56557" i="1"/>
  <c r="AF56558" i="1"/>
  <c r="AF56559" i="1"/>
  <c r="AF56560" i="1"/>
  <c r="AF56561" i="1"/>
  <c r="AF56562" i="1"/>
  <c r="AF56563" i="1"/>
  <c r="AF56564" i="1"/>
  <c r="AF56565" i="1"/>
  <c r="AF56566" i="1"/>
  <c r="AF56567" i="1"/>
  <c r="AF56568" i="1"/>
  <c r="AF56569" i="1"/>
  <c r="AF56570" i="1"/>
  <c r="AF56571" i="1"/>
  <c r="AF56572" i="1"/>
  <c r="AF56573" i="1"/>
  <c r="AF56574" i="1"/>
  <c r="AF56575" i="1"/>
  <c r="AF56576" i="1"/>
  <c r="AF56577" i="1"/>
  <c r="AF56578" i="1"/>
  <c r="AF56579" i="1"/>
  <c r="AF56580" i="1"/>
  <c r="AF56581" i="1"/>
  <c r="AF56582" i="1"/>
  <c r="AF56583" i="1"/>
  <c r="AF56584" i="1"/>
  <c r="AF56585" i="1"/>
  <c r="AF56586" i="1"/>
  <c r="AF56587" i="1"/>
  <c r="AF56588" i="1"/>
  <c r="AF56589" i="1"/>
  <c r="AF56590" i="1"/>
  <c r="AF56591" i="1"/>
  <c r="AF56592" i="1"/>
  <c r="AF56593" i="1"/>
  <c r="AF56594" i="1"/>
  <c r="AF56595" i="1"/>
  <c r="AF56596" i="1"/>
  <c r="AF56597" i="1"/>
  <c r="AF56598" i="1"/>
  <c r="AF56599" i="1"/>
  <c r="AF56600" i="1"/>
  <c r="AF56601" i="1"/>
  <c r="AF56602" i="1"/>
  <c r="AF56603" i="1"/>
  <c r="AF56604" i="1"/>
  <c r="AF56605" i="1"/>
  <c r="AF56606" i="1"/>
  <c r="AF56607" i="1"/>
  <c r="AF56608" i="1"/>
  <c r="AF56609" i="1"/>
  <c r="AF56610" i="1"/>
  <c r="AF56611" i="1"/>
  <c r="AF56612" i="1"/>
  <c r="AF56613" i="1"/>
  <c r="AF56614" i="1"/>
  <c r="AF56615" i="1"/>
  <c r="AF56616" i="1"/>
  <c r="AF56617" i="1"/>
  <c r="AF56618" i="1"/>
  <c r="AF56619" i="1"/>
  <c r="AF56620" i="1"/>
  <c r="AF56621" i="1"/>
  <c r="AF56622" i="1"/>
  <c r="AF56623" i="1"/>
  <c r="AF56624" i="1"/>
  <c r="AF56625" i="1"/>
  <c r="AF56626" i="1"/>
  <c r="AF56627" i="1"/>
  <c r="AF56628" i="1"/>
  <c r="AF56629" i="1"/>
  <c r="AF56630" i="1"/>
  <c r="AF56631" i="1"/>
  <c r="AF56632" i="1"/>
  <c r="AF56633" i="1"/>
  <c r="AF56634" i="1"/>
  <c r="AF56635" i="1"/>
  <c r="AF56636" i="1"/>
  <c r="AF56637" i="1"/>
  <c r="AF56638" i="1"/>
  <c r="AF56639" i="1"/>
  <c r="AF56640" i="1"/>
  <c r="AF56641" i="1"/>
  <c r="AF56642" i="1"/>
  <c r="AF56643" i="1"/>
  <c r="AF56644" i="1"/>
  <c r="AF56645" i="1"/>
  <c r="AF56646" i="1"/>
  <c r="AF56647" i="1"/>
  <c r="AF56648" i="1"/>
  <c r="AF56649" i="1"/>
  <c r="AF56650" i="1"/>
  <c r="AF56651" i="1"/>
  <c r="AF56652" i="1"/>
  <c r="AF56653" i="1"/>
  <c r="AF56654" i="1"/>
  <c r="AF56655" i="1"/>
  <c r="AF56656" i="1"/>
  <c r="AF56657" i="1"/>
  <c r="AF56658" i="1"/>
  <c r="AF56659" i="1"/>
  <c r="AF56660" i="1"/>
  <c r="AF56661" i="1"/>
  <c r="AF56662" i="1"/>
  <c r="AF56663" i="1"/>
  <c r="AF56664" i="1"/>
  <c r="AF56665" i="1"/>
  <c r="AF56666" i="1"/>
  <c r="AF56667" i="1"/>
  <c r="AF56668" i="1"/>
  <c r="AF56669" i="1"/>
  <c r="AF56670" i="1"/>
  <c r="AF56671" i="1"/>
  <c r="AF56672" i="1"/>
  <c r="AF56673" i="1"/>
  <c r="AF56674" i="1"/>
  <c r="AF56675" i="1"/>
  <c r="AF56676" i="1"/>
  <c r="AF56677" i="1"/>
  <c r="AF56678" i="1"/>
  <c r="AF56679" i="1"/>
  <c r="AF56680" i="1"/>
  <c r="AF56681" i="1"/>
  <c r="AF56682" i="1"/>
  <c r="AF56683" i="1"/>
  <c r="AF56684" i="1"/>
  <c r="AF56685" i="1"/>
  <c r="AF56686" i="1"/>
  <c r="AF56687" i="1"/>
  <c r="AF56688" i="1"/>
  <c r="AF56689" i="1"/>
  <c r="AF56690" i="1"/>
  <c r="AF56691" i="1"/>
  <c r="AF56692" i="1"/>
  <c r="AF56693" i="1"/>
  <c r="AF56694" i="1"/>
  <c r="AF56695" i="1"/>
  <c r="AF56696" i="1"/>
  <c r="AF56697" i="1"/>
  <c r="AF56698" i="1"/>
  <c r="AF56699" i="1"/>
  <c r="AF56700" i="1"/>
  <c r="AF56701" i="1"/>
  <c r="AF56702" i="1"/>
  <c r="AF56703" i="1"/>
  <c r="AF56704" i="1"/>
  <c r="AF56705" i="1"/>
  <c r="AF56706" i="1"/>
  <c r="AF56707" i="1"/>
  <c r="AF56708" i="1"/>
  <c r="AF56709" i="1"/>
  <c r="AF56710" i="1"/>
  <c r="AF56711" i="1"/>
  <c r="AF56712" i="1"/>
  <c r="AF56713" i="1"/>
  <c r="AF56714" i="1"/>
  <c r="AF56715" i="1"/>
  <c r="AF56716" i="1"/>
  <c r="AF56717" i="1"/>
  <c r="AF56718" i="1"/>
  <c r="AF56719" i="1"/>
  <c r="AF56720" i="1"/>
  <c r="AF56721" i="1"/>
  <c r="AF56722" i="1"/>
  <c r="AF56723" i="1"/>
  <c r="AF56724" i="1"/>
  <c r="AF56725" i="1"/>
  <c r="AF56726" i="1"/>
  <c r="AF56727" i="1"/>
  <c r="AF56728" i="1"/>
  <c r="AF56729" i="1"/>
  <c r="AF56730" i="1"/>
  <c r="AF56731" i="1"/>
  <c r="AF56732" i="1"/>
  <c r="AF56733" i="1"/>
  <c r="AF56734" i="1"/>
  <c r="AF56735" i="1"/>
  <c r="AF56736" i="1"/>
  <c r="AF56737" i="1"/>
  <c r="AF56738" i="1"/>
  <c r="AF56739" i="1"/>
  <c r="AF56740" i="1"/>
  <c r="AF56741" i="1"/>
  <c r="AF56742" i="1"/>
  <c r="AF56743" i="1"/>
  <c r="AF56744" i="1"/>
  <c r="AF56745" i="1"/>
  <c r="AF56746" i="1"/>
  <c r="AF56747" i="1"/>
  <c r="AF56748" i="1"/>
  <c r="AF56749" i="1"/>
  <c r="AF56750" i="1"/>
  <c r="AF56751" i="1"/>
  <c r="AF56752" i="1"/>
  <c r="AF56753" i="1"/>
  <c r="AF56754" i="1"/>
  <c r="AF56755" i="1"/>
  <c r="AF56756" i="1"/>
  <c r="AF56757" i="1"/>
  <c r="AF56758" i="1"/>
  <c r="AF56759" i="1"/>
  <c r="AF56760" i="1"/>
  <c r="AF56761" i="1"/>
  <c r="AF56762" i="1"/>
  <c r="AF56763" i="1"/>
  <c r="AF56764" i="1"/>
  <c r="AF56765" i="1"/>
  <c r="AF56766" i="1"/>
  <c r="AF56767" i="1"/>
  <c r="AF56768" i="1"/>
  <c r="AF56769" i="1"/>
  <c r="AF56770" i="1"/>
  <c r="AF56771" i="1"/>
  <c r="AF56772" i="1"/>
  <c r="AF56773" i="1"/>
  <c r="AF56774" i="1"/>
  <c r="AF56775" i="1"/>
  <c r="AF56776" i="1"/>
  <c r="AF56777" i="1"/>
  <c r="AF56778" i="1"/>
  <c r="AF56779" i="1"/>
  <c r="AF56780" i="1"/>
  <c r="AF56781" i="1"/>
  <c r="AF56782" i="1"/>
  <c r="AF56783" i="1"/>
  <c r="AF56784" i="1"/>
  <c r="AF56785" i="1"/>
  <c r="AF56786" i="1"/>
  <c r="AF56787" i="1"/>
  <c r="AF56788" i="1"/>
  <c r="AF56789" i="1"/>
  <c r="AF56790" i="1"/>
  <c r="AF56791" i="1"/>
  <c r="AF56792" i="1"/>
  <c r="AF56793" i="1"/>
  <c r="AF56794" i="1"/>
  <c r="AF56795" i="1"/>
  <c r="AF56796" i="1"/>
  <c r="AF56797" i="1"/>
  <c r="AF56798" i="1"/>
  <c r="AF56799" i="1"/>
  <c r="AF56800" i="1"/>
  <c r="AF56801" i="1"/>
  <c r="AF56802" i="1"/>
  <c r="AF56803" i="1"/>
  <c r="AF56804" i="1"/>
  <c r="AF56805" i="1"/>
  <c r="AF56806" i="1"/>
  <c r="AF56807" i="1"/>
  <c r="AF56808" i="1"/>
  <c r="AF56809" i="1"/>
  <c r="AF56810" i="1"/>
  <c r="AF56811" i="1"/>
  <c r="AF56812" i="1"/>
  <c r="AF56813" i="1"/>
  <c r="AF56814" i="1"/>
  <c r="AF56815" i="1"/>
  <c r="AF56816" i="1"/>
  <c r="AF56817" i="1"/>
  <c r="AF56818" i="1"/>
  <c r="AF56819" i="1"/>
  <c r="AF56820" i="1"/>
  <c r="AF56821" i="1"/>
  <c r="AF56822" i="1"/>
  <c r="AF56823" i="1"/>
  <c r="AF56824" i="1"/>
  <c r="AF56825" i="1"/>
  <c r="AF56826" i="1"/>
  <c r="AF56827" i="1"/>
  <c r="AF56828" i="1"/>
  <c r="AF56829" i="1"/>
  <c r="AF56830" i="1"/>
  <c r="AF56831" i="1"/>
  <c r="AF56832" i="1"/>
  <c r="AF56833" i="1"/>
  <c r="AF56834" i="1"/>
  <c r="AF56835" i="1"/>
  <c r="AF56836" i="1"/>
  <c r="AF56837" i="1"/>
  <c r="AF56838" i="1"/>
  <c r="AF56839" i="1"/>
  <c r="AF56840" i="1"/>
  <c r="AF56841" i="1"/>
  <c r="AF56842" i="1"/>
  <c r="AF56843" i="1"/>
  <c r="AF56844" i="1"/>
  <c r="AF56845" i="1"/>
  <c r="AF56846" i="1"/>
  <c r="AF56847" i="1"/>
  <c r="AF56848" i="1"/>
  <c r="AF56849" i="1"/>
  <c r="AF56850" i="1"/>
  <c r="AF56851" i="1"/>
  <c r="AF56852" i="1"/>
  <c r="AF56853" i="1"/>
  <c r="AF56854" i="1"/>
  <c r="AF56855" i="1"/>
  <c r="AF56856" i="1"/>
  <c r="AF56857" i="1"/>
  <c r="AF56858" i="1"/>
  <c r="AF56859" i="1"/>
  <c r="AF56860" i="1"/>
  <c r="AF56861" i="1"/>
  <c r="AF56862" i="1"/>
  <c r="AF56863" i="1"/>
  <c r="AF56864" i="1"/>
  <c r="AF56865" i="1"/>
  <c r="AF56866" i="1"/>
  <c r="AF56867" i="1"/>
  <c r="AF56868" i="1"/>
  <c r="AF56869" i="1"/>
  <c r="AF56870" i="1"/>
  <c r="AF56871" i="1"/>
  <c r="AF56872" i="1"/>
  <c r="AF56873" i="1"/>
  <c r="AF56874" i="1"/>
  <c r="AF56875" i="1"/>
  <c r="AF56876" i="1"/>
  <c r="AF56877" i="1"/>
  <c r="AF56878" i="1"/>
  <c r="AF56879" i="1"/>
  <c r="AF56880" i="1"/>
  <c r="AF56881" i="1"/>
  <c r="AF56882" i="1"/>
  <c r="AF56883" i="1"/>
  <c r="AF56884" i="1"/>
  <c r="AF56885" i="1"/>
  <c r="AF56886" i="1"/>
  <c r="AF56887" i="1"/>
  <c r="AF56888" i="1"/>
  <c r="AF56889" i="1"/>
  <c r="AF56890" i="1"/>
  <c r="AF56891" i="1"/>
  <c r="AF56892" i="1"/>
  <c r="AF56893" i="1"/>
  <c r="AF56894" i="1"/>
  <c r="AF56895" i="1"/>
  <c r="AF56896" i="1"/>
  <c r="AF56897" i="1"/>
  <c r="AF56898" i="1"/>
  <c r="AF56899" i="1"/>
  <c r="AF56900" i="1"/>
  <c r="AF56901" i="1"/>
  <c r="AF56902" i="1"/>
  <c r="AF56903" i="1"/>
  <c r="AF56904" i="1"/>
  <c r="AF56905" i="1"/>
  <c r="AF56906" i="1"/>
  <c r="AF56907" i="1"/>
  <c r="AF56908" i="1"/>
  <c r="AF56909" i="1"/>
  <c r="AF56910" i="1"/>
  <c r="AF56911" i="1"/>
  <c r="AF56912" i="1"/>
  <c r="AF56913" i="1"/>
  <c r="AF56914" i="1"/>
  <c r="AF56915" i="1"/>
  <c r="AF56916" i="1"/>
  <c r="AF56917" i="1"/>
  <c r="AF56918" i="1"/>
  <c r="AF56919" i="1"/>
  <c r="AF56920" i="1"/>
  <c r="AF56921" i="1"/>
  <c r="AF56922" i="1"/>
  <c r="AF56923" i="1"/>
  <c r="AF56924" i="1"/>
  <c r="AF56925" i="1"/>
  <c r="AF56926" i="1"/>
  <c r="AF56927" i="1"/>
  <c r="AF56928" i="1"/>
  <c r="AF56929" i="1"/>
  <c r="AF56930" i="1"/>
  <c r="AF56931" i="1"/>
  <c r="AF56932" i="1"/>
  <c r="AF56933" i="1"/>
  <c r="AF56934" i="1"/>
  <c r="AF56935" i="1"/>
  <c r="AF56936" i="1"/>
  <c r="AF56937" i="1"/>
  <c r="AF56938" i="1"/>
  <c r="AF56939" i="1"/>
  <c r="AF56940" i="1"/>
  <c r="AF56941" i="1"/>
  <c r="AF56942" i="1"/>
  <c r="AF56943" i="1"/>
  <c r="AF56944" i="1"/>
  <c r="AF56945" i="1"/>
  <c r="AF56946" i="1"/>
  <c r="AF56947" i="1"/>
  <c r="AF56948" i="1"/>
  <c r="AF56949" i="1"/>
  <c r="AF56950" i="1"/>
  <c r="AF56951" i="1"/>
  <c r="AF56952" i="1"/>
  <c r="AF56953" i="1"/>
  <c r="AF56954" i="1"/>
  <c r="AF56955" i="1"/>
  <c r="AF56956" i="1"/>
  <c r="AF56957" i="1"/>
  <c r="AF56958" i="1"/>
  <c r="AF56959" i="1"/>
  <c r="AF56960" i="1"/>
  <c r="AF56961" i="1"/>
  <c r="AF56962" i="1"/>
  <c r="AF56963" i="1"/>
  <c r="AF56964" i="1"/>
  <c r="AF56965" i="1"/>
  <c r="AF56966" i="1"/>
  <c r="AF56967" i="1"/>
  <c r="AF56968" i="1"/>
  <c r="AF56969" i="1"/>
  <c r="AF56970" i="1"/>
  <c r="AF56971" i="1"/>
  <c r="AF56972" i="1"/>
  <c r="AF56973" i="1"/>
  <c r="AF56974" i="1"/>
  <c r="AF56975" i="1"/>
  <c r="AF56976" i="1"/>
  <c r="AF56977" i="1"/>
  <c r="AF56978" i="1"/>
  <c r="AF56979" i="1"/>
  <c r="AF56980" i="1"/>
  <c r="AF56981" i="1"/>
  <c r="AF56982" i="1"/>
  <c r="AF56983" i="1"/>
  <c r="AF56984" i="1"/>
  <c r="AF56985" i="1"/>
  <c r="AF56986" i="1"/>
  <c r="AF56987" i="1"/>
  <c r="AF56988" i="1"/>
  <c r="AF56989" i="1"/>
  <c r="AF56990" i="1"/>
  <c r="AF56991" i="1"/>
  <c r="AF56992" i="1"/>
  <c r="AF56993" i="1"/>
  <c r="AF56994" i="1"/>
  <c r="AF56995" i="1"/>
  <c r="AF56996" i="1"/>
  <c r="AF56997" i="1"/>
  <c r="AF56998" i="1"/>
  <c r="AF56999" i="1"/>
  <c r="AF57000" i="1"/>
  <c r="AF57001" i="1"/>
  <c r="AF57002" i="1"/>
  <c r="AF57003" i="1"/>
  <c r="AF57004" i="1"/>
  <c r="AF57005" i="1"/>
  <c r="AF57006" i="1"/>
  <c r="AF57007" i="1"/>
  <c r="AF57008" i="1"/>
  <c r="AF57009" i="1"/>
  <c r="AF57010" i="1"/>
  <c r="AF57011" i="1"/>
  <c r="AF57012" i="1"/>
  <c r="AF57013" i="1"/>
  <c r="AF57014" i="1"/>
  <c r="AF57015" i="1"/>
  <c r="AF57016" i="1"/>
  <c r="AF57017" i="1"/>
  <c r="AF57018" i="1"/>
  <c r="AF57019" i="1"/>
  <c r="AF57020" i="1"/>
  <c r="AF57021" i="1"/>
  <c r="AF57022" i="1"/>
  <c r="AF57023" i="1"/>
  <c r="AF57024" i="1"/>
  <c r="AF57025" i="1"/>
  <c r="AF57026" i="1"/>
  <c r="AF57027" i="1"/>
  <c r="AF57028" i="1"/>
  <c r="AF57029" i="1"/>
  <c r="AF57030" i="1"/>
  <c r="AF57031" i="1"/>
  <c r="AF57032" i="1"/>
  <c r="AF57033" i="1"/>
  <c r="AF57034" i="1"/>
  <c r="AF57035" i="1"/>
  <c r="AF57036" i="1"/>
  <c r="AF57037" i="1"/>
  <c r="AF57038" i="1"/>
  <c r="AF57039" i="1"/>
  <c r="AF57040" i="1"/>
  <c r="AF57041" i="1"/>
  <c r="AF57042" i="1"/>
  <c r="AF57043" i="1"/>
  <c r="AF57044" i="1"/>
  <c r="AF57045" i="1"/>
  <c r="AF57046" i="1"/>
  <c r="AF57047" i="1"/>
  <c r="AF57048" i="1"/>
  <c r="AF57049" i="1"/>
  <c r="AF57050" i="1"/>
  <c r="AF57051" i="1"/>
  <c r="AF57052" i="1"/>
  <c r="AF57053" i="1"/>
  <c r="AF57054" i="1"/>
  <c r="AF57055" i="1"/>
  <c r="AF57056" i="1"/>
  <c r="AF57057" i="1"/>
  <c r="AF57058" i="1"/>
  <c r="AF57059" i="1"/>
  <c r="AF57060" i="1"/>
  <c r="AF57061" i="1"/>
  <c r="AF57062" i="1"/>
  <c r="AF57063" i="1"/>
  <c r="AF57064" i="1"/>
  <c r="AF57065" i="1"/>
  <c r="AF57066" i="1"/>
  <c r="AF57067" i="1"/>
  <c r="AF57068" i="1"/>
  <c r="AF57069" i="1"/>
  <c r="AF57070" i="1"/>
  <c r="AF57071" i="1"/>
  <c r="AF57072" i="1"/>
  <c r="AF57073" i="1"/>
  <c r="AF57074" i="1"/>
  <c r="AF57075" i="1"/>
  <c r="AF57076" i="1"/>
  <c r="AF57077" i="1"/>
  <c r="AF57078" i="1"/>
  <c r="AF57079" i="1"/>
  <c r="AF57080" i="1"/>
  <c r="AF57081" i="1"/>
  <c r="AF57082" i="1"/>
  <c r="AF57083" i="1"/>
  <c r="AF57084" i="1"/>
  <c r="AF57085" i="1"/>
  <c r="AF57086" i="1"/>
  <c r="AF57087" i="1"/>
  <c r="AF57088" i="1"/>
  <c r="AF57089" i="1"/>
  <c r="AF57090" i="1"/>
  <c r="AF57091" i="1"/>
  <c r="AF57092" i="1"/>
  <c r="AF57093" i="1"/>
  <c r="AF57094" i="1"/>
  <c r="AF57095" i="1"/>
  <c r="AF57096" i="1"/>
  <c r="AF57097" i="1"/>
  <c r="AF57098" i="1"/>
  <c r="AF57099" i="1"/>
  <c r="AF57100" i="1"/>
  <c r="AF57101" i="1"/>
  <c r="AF57102" i="1"/>
  <c r="AF57103" i="1"/>
  <c r="AF57104" i="1"/>
  <c r="AF57105" i="1"/>
  <c r="AF57106" i="1"/>
  <c r="AF57107" i="1"/>
  <c r="AF57108" i="1"/>
  <c r="AF57109" i="1"/>
  <c r="AF57110" i="1"/>
  <c r="AF57111" i="1"/>
  <c r="AF57112" i="1"/>
  <c r="AF57113" i="1"/>
  <c r="AF57114" i="1"/>
  <c r="AF57115" i="1"/>
  <c r="AF57116" i="1"/>
  <c r="AF57117" i="1"/>
  <c r="AF57118" i="1"/>
  <c r="AF57119" i="1"/>
  <c r="AF57120" i="1"/>
  <c r="AF57121" i="1"/>
  <c r="AF57122" i="1"/>
  <c r="AF57123" i="1"/>
  <c r="AF57124" i="1"/>
  <c r="AF57125" i="1"/>
  <c r="AF57126" i="1"/>
  <c r="AF57127" i="1"/>
  <c r="AF57128" i="1"/>
  <c r="AF57129" i="1"/>
  <c r="AF57130" i="1"/>
  <c r="AF57131" i="1"/>
  <c r="AF57132" i="1"/>
  <c r="AF57133" i="1"/>
  <c r="AF57134" i="1"/>
  <c r="AF57135" i="1"/>
  <c r="AF57136" i="1"/>
  <c r="AF57137" i="1"/>
  <c r="AF57138" i="1"/>
  <c r="AF57139" i="1"/>
  <c r="AF57140" i="1"/>
  <c r="AF57141" i="1"/>
  <c r="AF57142" i="1"/>
  <c r="AF57143" i="1"/>
  <c r="AF57144" i="1"/>
  <c r="AF57145" i="1"/>
  <c r="AF57146" i="1"/>
  <c r="AF57147" i="1"/>
  <c r="AF57148" i="1"/>
  <c r="AF57149" i="1"/>
  <c r="AF57150" i="1"/>
  <c r="AF57151" i="1"/>
  <c r="AF57152" i="1"/>
  <c r="AF57153" i="1"/>
  <c r="AF57154" i="1"/>
  <c r="AF57155" i="1"/>
  <c r="AF57156" i="1"/>
  <c r="AF57157" i="1"/>
  <c r="AF57158" i="1"/>
  <c r="AF57159" i="1"/>
  <c r="AF57160" i="1"/>
  <c r="AF57161" i="1"/>
  <c r="AF57162" i="1"/>
  <c r="AF57163" i="1"/>
  <c r="AF57164" i="1"/>
  <c r="AF57165" i="1"/>
  <c r="AF57166" i="1"/>
  <c r="AF57167" i="1"/>
  <c r="AF57168" i="1"/>
  <c r="AF57169" i="1"/>
  <c r="AF57170" i="1"/>
  <c r="AF57171" i="1"/>
  <c r="AF57172" i="1"/>
  <c r="AF57173" i="1"/>
  <c r="AF57174" i="1"/>
  <c r="AF57175" i="1"/>
  <c r="AF57176" i="1"/>
  <c r="AF57177" i="1"/>
  <c r="AF57178" i="1"/>
  <c r="AF57179" i="1"/>
  <c r="AF57180" i="1"/>
  <c r="AF57181" i="1"/>
  <c r="AF57182" i="1"/>
  <c r="AF57183" i="1"/>
  <c r="AF57184" i="1"/>
  <c r="AF57185" i="1"/>
  <c r="AF57186" i="1"/>
  <c r="AF57187" i="1"/>
  <c r="AF57188" i="1"/>
  <c r="AF57189" i="1"/>
  <c r="AF57190" i="1"/>
  <c r="AF57191" i="1"/>
  <c r="AF57192" i="1"/>
  <c r="AF57193" i="1"/>
  <c r="AF57194" i="1"/>
  <c r="AF57195" i="1"/>
  <c r="AF57196" i="1"/>
  <c r="AF57197" i="1"/>
  <c r="AF57198" i="1"/>
  <c r="AF57199" i="1"/>
  <c r="AF57200" i="1"/>
  <c r="AF57201" i="1"/>
  <c r="AF57202" i="1"/>
  <c r="AF57203" i="1"/>
  <c r="AF57204" i="1"/>
  <c r="AF57205" i="1"/>
  <c r="AF57206" i="1"/>
  <c r="AF57207" i="1"/>
  <c r="AF57208" i="1"/>
  <c r="AF57209" i="1"/>
  <c r="AF57210" i="1"/>
  <c r="AF57211" i="1"/>
  <c r="AF57212" i="1"/>
  <c r="AF57213" i="1"/>
  <c r="AF57214" i="1"/>
  <c r="AF57215" i="1"/>
  <c r="AF57216" i="1"/>
  <c r="AF57217" i="1"/>
  <c r="AF57218" i="1"/>
  <c r="AF57219" i="1"/>
  <c r="AF57220" i="1"/>
  <c r="AF57221" i="1"/>
  <c r="AF57222" i="1"/>
  <c r="AF57223" i="1"/>
  <c r="AF57224" i="1"/>
  <c r="AF57225" i="1"/>
  <c r="AF57226" i="1"/>
  <c r="AF57227" i="1"/>
  <c r="AF57228" i="1"/>
  <c r="AF57229" i="1"/>
  <c r="AF57230" i="1"/>
  <c r="AF57231" i="1"/>
  <c r="AF57232" i="1"/>
  <c r="AF57233" i="1"/>
  <c r="AF57234" i="1"/>
  <c r="AF57235" i="1"/>
  <c r="AF57236" i="1"/>
  <c r="AF57237" i="1"/>
  <c r="AF57238" i="1"/>
  <c r="AF57239" i="1"/>
  <c r="AF57240" i="1"/>
  <c r="AF57241" i="1"/>
  <c r="AF57242" i="1"/>
  <c r="AF57243" i="1"/>
  <c r="AF57244" i="1"/>
  <c r="AF57245" i="1"/>
  <c r="AF57246" i="1"/>
  <c r="AF57247" i="1"/>
  <c r="AF57248" i="1"/>
  <c r="AF57249" i="1"/>
  <c r="AF57250" i="1"/>
  <c r="AF57251" i="1"/>
  <c r="AF57252" i="1"/>
  <c r="AF57253" i="1"/>
  <c r="AF57254" i="1"/>
  <c r="AF57255" i="1"/>
  <c r="AF57256" i="1"/>
  <c r="AF57257" i="1"/>
  <c r="AF57258" i="1"/>
  <c r="AF57259" i="1"/>
  <c r="AF57260" i="1"/>
  <c r="AF57261" i="1"/>
  <c r="AF57262" i="1"/>
  <c r="AF57263" i="1"/>
  <c r="AF57264" i="1"/>
  <c r="AF57265" i="1"/>
  <c r="AF57266" i="1"/>
  <c r="AF57267" i="1"/>
  <c r="AF57268" i="1"/>
  <c r="AF57269" i="1"/>
  <c r="AF57270" i="1"/>
  <c r="AF57271" i="1"/>
  <c r="AF57272" i="1"/>
  <c r="AF57273" i="1"/>
  <c r="AF57274" i="1"/>
  <c r="AF57275" i="1"/>
  <c r="AF57276" i="1"/>
  <c r="AF57277" i="1"/>
  <c r="AF57278" i="1"/>
  <c r="AF57279" i="1"/>
  <c r="AF57280" i="1"/>
  <c r="AF57281" i="1"/>
  <c r="AF57282" i="1"/>
  <c r="AF57283" i="1"/>
  <c r="AF57284" i="1"/>
  <c r="AF57285" i="1"/>
  <c r="AF57286" i="1"/>
  <c r="AF57287" i="1"/>
  <c r="AF57288" i="1"/>
  <c r="AF57289" i="1"/>
  <c r="AF57290" i="1"/>
  <c r="AF57291" i="1"/>
  <c r="AF57292" i="1"/>
  <c r="AF57293" i="1"/>
  <c r="AF57294" i="1"/>
  <c r="AF57295" i="1"/>
  <c r="AF57296" i="1"/>
  <c r="AF57297" i="1"/>
  <c r="AF57298" i="1"/>
  <c r="AF57299" i="1"/>
  <c r="AF57300" i="1"/>
  <c r="AF57301" i="1"/>
  <c r="AF57302" i="1"/>
  <c r="AF57303" i="1"/>
  <c r="AF57304" i="1"/>
  <c r="AF57305" i="1"/>
  <c r="AF57306" i="1"/>
  <c r="AF57307" i="1"/>
  <c r="AF57308" i="1"/>
  <c r="AF57309" i="1"/>
  <c r="AF57310" i="1"/>
  <c r="AF57311" i="1"/>
  <c r="AF57312" i="1"/>
  <c r="AF57313" i="1"/>
  <c r="AF57314" i="1"/>
  <c r="AF57315" i="1"/>
  <c r="AF57316" i="1"/>
  <c r="AF57317" i="1"/>
  <c r="AF57318" i="1"/>
  <c r="AF57319" i="1"/>
  <c r="AF57320" i="1"/>
  <c r="AF57321" i="1"/>
  <c r="AF57322" i="1"/>
  <c r="AF57323" i="1"/>
  <c r="AF57324" i="1"/>
  <c r="AF57325" i="1"/>
  <c r="AF57326" i="1"/>
  <c r="AF57327" i="1"/>
  <c r="AF57328" i="1"/>
  <c r="AF57329" i="1"/>
  <c r="AF57330" i="1"/>
  <c r="AF57331" i="1"/>
  <c r="AF57332" i="1"/>
  <c r="AF57333" i="1"/>
  <c r="AF57334" i="1"/>
  <c r="AF57335" i="1"/>
  <c r="AF57336" i="1"/>
  <c r="AF57337" i="1"/>
  <c r="AF57338" i="1"/>
  <c r="AF57339" i="1"/>
  <c r="AF57340" i="1"/>
  <c r="AF57341" i="1"/>
  <c r="AF57342" i="1"/>
  <c r="AF57343" i="1"/>
  <c r="AF57344" i="1"/>
  <c r="AF57345" i="1"/>
  <c r="AF57346" i="1"/>
  <c r="AF57347" i="1"/>
  <c r="AF57348" i="1"/>
  <c r="AF57349" i="1"/>
  <c r="AF57350" i="1"/>
  <c r="AF57351" i="1"/>
  <c r="AF57352" i="1"/>
  <c r="AF57353" i="1"/>
  <c r="AF57354" i="1"/>
  <c r="AF57355" i="1"/>
  <c r="AF57356" i="1"/>
  <c r="AF57357" i="1"/>
  <c r="AF57358" i="1"/>
  <c r="AF57359" i="1"/>
  <c r="AF57360" i="1"/>
  <c r="AF57361" i="1"/>
  <c r="AF57362" i="1"/>
  <c r="AF57363" i="1"/>
  <c r="AF57364" i="1"/>
  <c r="AF57365" i="1"/>
  <c r="AF57366" i="1"/>
  <c r="AF57367" i="1"/>
  <c r="AF57368" i="1"/>
  <c r="AF57369" i="1"/>
  <c r="AF57370" i="1"/>
  <c r="AF57371" i="1"/>
  <c r="AF57372" i="1"/>
  <c r="AF57373" i="1"/>
  <c r="AF57374" i="1"/>
  <c r="AF57375" i="1"/>
  <c r="AF57376" i="1"/>
  <c r="AF57377" i="1"/>
  <c r="AF57378" i="1"/>
  <c r="AF57379" i="1"/>
  <c r="AF57380" i="1"/>
  <c r="AF57381" i="1"/>
  <c r="AF57382" i="1"/>
  <c r="AF57383" i="1"/>
  <c r="AF57384" i="1"/>
  <c r="AF57385" i="1"/>
  <c r="AF57386" i="1"/>
  <c r="AF57387" i="1"/>
  <c r="AF57388" i="1"/>
  <c r="AF57389" i="1"/>
  <c r="AF57390" i="1"/>
  <c r="AF57391" i="1"/>
  <c r="AF57392" i="1"/>
  <c r="AF57393" i="1"/>
  <c r="AF57394" i="1"/>
  <c r="AF57395" i="1"/>
  <c r="AF57396" i="1"/>
  <c r="AF57397" i="1"/>
  <c r="AF57398" i="1"/>
  <c r="AF57399" i="1"/>
  <c r="AF57400" i="1"/>
  <c r="AF57401" i="1"/>
  <c r="AF57402" i="1"/>
  <c r="AF57403" i="1"/>
  <c r="AF57404" i="1"/>
  <c r="AF57405" i="1"/>
  <c r="AF57406" i="1"/>
  <c r="AF57407" i="1"/>
  <c r="AF57408" i="1"/>
  <c r="AF57409" i="1"/>
  <c r="AF57410" i="1"/>
  <c r="AF57411" i="1"/>
  <c r="AF57412" i="1"/>
  <c r="AF57413" i="1"/>
  <c r="AF57414" i="1"/>
  <c r="AF57415" i="1"/>
  <c r="AF57416" i="1"/>
  <c r="AF57417" i="1"/>
  <c r="AF57418" i="1"/>
  <c r="AF57419" i="1"/>
  <c r="AF57420" i="1"/>
  <c r="AF57421" i="1"/>
  <c r="AF57422" i="1"/>
  <c r="AF57423" i="1"/>
  <c r="AF57424" i="1"/>
  <c r="AF57425" i="1"/>
  <c r="AF57426" i="1"/>
  <c r="AF57427" i="1"/>
  <c r="AF57428" i="1"/>
  <c r="AF57429" i="1"/>
  <c r="AF57430" i="1"/>
  <c r="AF57431" i="1"/>
  <c r="AF57432" i="1"/>
  <c r="AF57433" i="1"/>
  <c r="AF57434" i="1"/>
  <c r="AF57435" i="1"/>
  <c r="AF57436" i="1"/>
  <c r="AF57437" i="1"/>
  <c r="AF57438" i="1"/>
  <c r="AF57439" i="1"/>
  <c r="AF57440" i="1"/>
  <c r="AF57441" i="1"/>
  <c r="AF57442" i="1"/>
  <c r="AF57443" i="1"/>
  <c r="AF57444" i="1"/>
  <c r="AF57445" i="1"/>
  <c r="AF57446" i="1"/>
  <c r="AF57447" i="1"/>
  <c r="AF57448" i="1"/>
  <c r="AF57449" i="1"/>
  <c r="AF57450" i="1"/>
  <c r="AF57451" i="1"/>
  <c r="AF57452" i="1"/>
  <c r="AF57453" i="1"/>
  <c r="AF57454" i="1"/>
  <c r="AF57455" i="1"/>
  <c r="AF57456" i="1"/>
  <c r="AF57457" i="1"/>
  <c r="AF57458" i="1"/>
  <c r="AF57459" i="1"/>
  <c r="AF57460" i="1"/>
  <c r="AF57461" i="1"/>
  <c r="AF57462" i="1"/>
  <c r="AF57463" i="1"/>
  <c r="AF57464" i="1"/>
  <c r="AF57465" i="1"/>
  <c r="AF57466" i="1"/>
  <c r="AF57467" i="1"/>
  <c r="AF57468" i="1"/>
  <c r="AF57469" i="1"/>
  <c r="AF57470" i="1"/>
  <c r="AF57471" i="1"/>
  <c r="AF57472" i="1"/>
  <c r="AF57473" i="1"/>
  <c r="AF57474" i="1"/>
  <c r="AF57475" i="1"/>
  <c r="AF57476" i="1"/>
  <c r="AF57477" i="1"/>
  <c r="AF57478" i="1"/>
  <c r="AF57479" i="1"/>
  <c r="AF57480" i="1"/>
  <c r="AF57481" i="1"/>
  <c r="AF57482" i="1"/>
  <c r="AF57483" i="1"/>
  <c r="AF57484" i="1"/>
  <c r="AF57485" i="1"/>
  <c r="AF57486" i="1"/>
  <c r="AF57487" i="1"/>
  <c r="AF57488" i="1"/>
  <c r="AF57489" i="1"/>
  <c r="AF57490" i="1"/>
  <c r="AF57491" i="1"/>
  <c r="AF57492" i="1"/>
  <c r="AF57493" i="1"/>
  <c r="AF57494" i="1"/>
  <c r="AF57495" i="1"/>
  <c r="AF57496" i="1"/>
  <c r="AF57497" i="1"/>
  <c r="AF57498" i="1"/>
  <c r="AF57499" i="1"/>
  <c r="AF57500" i="1"/>
  <c r="AF57501" i="1"/>
  <c r="AF57502" i="1"/>
  <c r="AF57503" i="1"/>
  <c r="AF57504" i="1"/>
  <c r="AF57505" i="1"/>
  <c r="AF57506" i="1"/>
  <c r="AF57507" i="1"/>
  <c r="AF57508" i="1"/>
  <c r="AF57509" i="1"/>
  <c r="AF57510" i="1"/>
  <c r="AF57511" i="1"/>
  <c r="AF57512" i="1"/>
  <c r="AF57513" i="1"/>
  <c r="AF57514" i="1"/>
  <c r="AF57515" i="1"/>
  <c r="AF57516" i="1"/>
  <c r="AF57517" i="1"/>
  <c r="AF57518" i="1"/>
  <c r="AF57519" i="1"/>
  <c r="AF57520" i="1"/>
  <c r="AF57521" i="1"/>
  <c r="AF57522" i="1"/>
  <c r="AF57523" i="1"/>
  <c r="AF57524" i="1"/>
  <c r="AF57525" i="1"/>
  <c r="AF57526" i="1"/>
  <c r="AF57527" i="1"/>
  <c r="AF57528" i="1"/>
  <c r="AF57529" i="1"/>
  <c r="AF57530" i="1"/>
  <c r="AF57531" i="1"/>
  <c r="AF57532" i="1"/>
  <c r="AF57533" i="1"/>
  <c r="AF57534" i="1"/>
  <c r="AF57535" i="1"/>
  <c r="AF57536" i="1"/>
  <c r="AF57537" i="1"/>
  <c r="AF57538" i="1"/>
  <c r="AF57539" i="1"/>
  <c r="AF57540" i="1"/>
  <c r="AF57541" i="1"/>
  <c r="AF57542" i="1"/>
  <c r="AF57543" i="1"/>
  <c r="AF57544" i="1"/>
  <c r="AF57545" i="1"/>
  <c r="AF57546" i="1"/>
  <c r="AF57547" i="1"/>
  <c r="AF57548" i="1"/>
  <c r="AF57549" i="1"/>
  <c r="AF57550" i="1"/>
  <c r="AF57551" i="1"/>
  <c r="AF57552" i="1"/>
  <c r="AF57553" i="1"/>
  <c r="AF57554" i="1"/>
  <c r="AF57555" i="1"/>
  <c r="AF57556" i="1"/>
  <c r="AF57557" i="1"/>
  <c r="AF57558" i="1"/>
  <c r="AF57559" i="1"/>
  <c r="AF57560" i="1"/>
  <c r="AF57561" i="1"/>
  <c r="AF57562" i="1"/>
  <c r="AF57563" i="1"/>
  <c r="AF57564" i="1"/>
  <c r="AF57565" i="1"/>
  <c r="AF57566" i="1"/>
  <c r="AF57567" i="1"/>
  <c r="AF57568" i="1"/>
  <c r="AF57569" i="1"/>
  <c r="AF57570" i="1"/>
  <c r="AF57571" i="1"/>
  <c r="AF57572" i="1"/>
  <c r="AF57573" i="1"/>
  <c r="AF57574" i="1"/>
  <c r="AF57575" i="1"/>
  <c r="AF57576" i="1"/>
  <c r="AF57577" i="1"/>
  <c r="AF57578" i="1"/>
  <c r="AF57579" i="1"/>
  <c r="AF57580" i="1"/>
  <c r="AF57581" i="1"/>
  <c r="AF57582" i="1"/>
  <c r="AF57583" i="1"/>
  <c r="AF57584" i="1"/>
  <c r="AF57585" i="1"/>
  <c r="AF57586" i="1"/>
  <c r="AF57587" i="1"/>
  <c r="AF57588" i="1"/>
  <c r="AF57589" i="1"/>
  <c r="AF57590" i="1"/>
  <c r="AF57591" i="1"/>
  <c r="AF57592" i="1"/>
  <c r="AF57593" i="1"/>
  <c r="AF57594" i="1"/>
  <c r="AF57595" i="1"/>
  <c r="AF57596" i="1"/>
  <c r="AF57597" i="1"/>
  <c r="AF57598" i="1"/>
  <c r="AF57599" i="1"/>
  <c r="AF57600" i="1"/>
  <c r="AF57601" i="1"/>
  <c r="AF57602" i="1"/>
  <c r="AF57603" i="1"/>
  <c r="AF57604" i="1"/>
  <c r="AF57605" i="1"/>
  <c r="AF57606" i="1"/>
  <c r="AF57607" i="1"/>
  <c r="AF57608" i="1"/>
  <c r="AF57609" i="1"/>
  <c r="AF57610" i="1"/>
  <c r="AF57611" i="1"/>
  <c r="AF57612" i="1"/>
  <c r="AF57613" i="1"/>
  <c r="AF57614" i="1"/>
  <c r="AF57615" i="1"/>
  <c r="AF57616" i="1"/>
  <c r="AF57617" i="1"/>
  <c r="AF57618" i="1"/>
  <c r="AF57619" i="1"/>
  <c r="AF57620" i="1"/>
  <c r="AF57621" i="1"/>
  <c r="AF57622" i="1"/>
  <c r="AF57623" i="1"/>
  <c r="AF57624" i="1"/>
  <c r="AF57625" i="1"/>
  <c r="AF57626" i="1"/>
  <c r="AF57627" i="1"/>
  <c r="AF57628" i="1"/>
  <c r="AF57629" i="1"/>
  <c r="AF57630" i="1"/>
  <c r="AF57631" i="1"/>
  <c r="AF57632" i="1"/>
  <c r="AF57633" i="1"/>
  <c r="AF57634" i="1"/>
  <c r="AF57635" i="1"/>
  <c r="AF57636" i="1"/>
  <c r="AF57637" i="1"/>
  <c r="AF57638" i="1"/>
  <c r="AF57639" i="1"/>
  <c r="AF57640" i="1"/>
  <c r="AF57641" i="1"/>
  <c r="AF57642" i="1"/>
  <c r="AF57643" i="1"/>
  <c r="AF57644" i="1"/>
  <c r="AF57645" i="1"/>
  <c r="AF57646" i="1"/>
  <c r="AF57647" i="1"/>
  <c r="AF57648" i="1"/>
  <c r="AF57649" i="1"/>
  <c r="AF57650" i="1"/>
  <c r="AF57651" i="1"/>
  <c r="AF57652" i="1"/>
  <c r="AF57653" i="1"/>
  <c r="AF57654" i="1"/>
  <c r="AF57655" i="1"/>
  <c r="AF57656" i="1"/>
  <c r="AF57657" i="1"/>
  <c r="AF57658" i="1"/>
  <c r="AF57659" i="1"/>
  <c r="AF57660" i="1"/>
  <c r="AF57661" i="1"/>
  <c r="AF57662" i="1"/>
  <c r="AF57663" i="1"/>
  <c r="AF57664" i="1"/>
  <c r="AF57665" i="1"/>
  <c r="AF57666" i="1"/>
  <c r="AF57667" i="1"/>
  <c r="AF57668" i="1"/>
  <c r="AF57669" i="1"/>
  <c r="AF57670" i="1"/>
  <c r="AF57671" i="1"/>
  <c r="AF57672" i="1"/>
  <c r="AF57673" i="1"/>
  <c r="AF57674" i="1"/>
  <c r="AF57675" i="1"/>
  <c r="AF57676" i="1"/>
  <c r="AF57677" i="1"/>
  <c r="AF57678" i="1"/>
  <c r="AF57679" i="1"/>
  <c r="AF57680" i="1"/>
  <c r="AF57681" i="1"/>
  <c r="AF57682" i="1"/>
  <c r="AF57683" i="1"/>
  <c r="AF57684" i="1"/>
  <c r="AF57685" i="1"/>
  <c r="AF57686" i="1"/>
  <c r="AF57687" i="1"/>
  <c r="AF57688" i="1"/>
  <c r="AF57689" i="1"/>
  <c r="AF57690" i="1"/>
  <c r="AF57691" i="1"/>
  <c r="AF57692" i="1"/>
  <c r="AF57693" i="1"/>
  <c r="AF57694" i="1"/>
  <c r="AF57695" i="1"/>
  <c r="AF57696" i="1"/>
  <c r="AF57697" i="1"/>
  <c r="AF57698" i="1"/>
  <c r="AF57699" i="1"/>
  <c r="AF57700" i="1"/>
  <c r="AF57701" i="1"/>
  <c r="AF57702" i="1"/>
  <c r="AF57703" i="1"/>
  <c r="AF57704" i="1"/>
  <c r="AF57705" i="1"/>
  <c r="AF57706" i="1"/>
  <c r="AF57707" i="1"/>
  <c r="AF57708" i="1"/>
  <c r="AF57709" i="1"/>
  <c r="AF57710" i="1"/>
  <c r="AF57711" i="1"/>
  <c r="AF57712" i="1"/>
  <c r="AF57713" i="1"/>
  <c r="AF57714" i="1"/>
  <c r="AF57715" i="1"/>
  <c r="AF57716" i="1"/>
  <c r="AF57717" i="1"/>
  <c r="AF57718" i="1"/>
  <c r="AF57719" i="1"/>
  <c r="AF57720" i="1"/>
  <c r="AF57721" i="1"/>
  <c r="AF57722" i="1"/>
  <c r="AF57723" i="1"/>
  <c r="AF57724" i="1"/>
  <c r="AF57725" i="1"/>
  <c r="AF57726" i="1"/>
  <c r="AF57727" i="1"/>
  <c r="AF57728" i="1"/>
  <c r="AF57729" i="1"/>
  <c r="AF57730" i="1"/>
  <c r="AF57731" i="1"/>
  <c r="AF57732" i="1"/>
  <c r="AF57733" i="1"/>
  <c r="AF57734" i="1"/>
  <c r="AF57735" i="1"/>
  <c r="AF57736" i="1"/>
  <c r="AF57737" i="1"/>
  <c r="AF57738" i="1"/>
  <c r="AF57739" i="1"/>
  <c r="AF57740" i="1"/>
  <c r="AF57741" i="1"/>
  <c r="AF57742" i="1"/>
  <c r="AF57743" i="1"/>
  <c r="AF57744" i="1"/>
  <c r="AF57745" i="1"/>
  <c r="AF57746" i="1"/>
  <c r="AF57747" i="1"/>
  <c r="AF57748" i="1"/>
  <c r="AF57749" i="1"/>
  <c r="AF57750" i="1"/>
  <c r="AF57751" i="1"/>
  <c r="AF57752" i="1"/>
  <c r="AF57753" i="1"/>
  <c r="AF57754" i="1"/>
  <c r="AF57755" i="1"/>
  <c r="AF57756" i="1"/>
  <c r="AF57757" i="1"/>
  <c r="AF57758" i="1"/>
  <c r="AF57759" i="1"/>
  <c r="AF57760" i="1"/>
  <c r="AF57761" i="1"/>
  <c r="AF57762" i="1"/>
  <c r="AF57763" i="1"/>
  <c r="AF57764" i="1"/>
  <c r="AF57765" i="1"/>
  <c r="AF57766" i="1"/>
  <c r="AF57767" i="1"/>
  <c r="AF57768" i="1"/>
  <c r="AF57769" i="1"/>
  <c r="AF57770" i="1"/>
  <c r="AF57771" i="1"/>
  <c r="AF57772" i="1"/>
  <c r="AF57773" i="1"/>
  <c r="AF57774" i="1"/>
  <c r="AF57775" i="1"/>
  <c r="AF57776" i="1"/>
  <c r="AF57777" i="1"/>
  <c r="AF57778" i="1"/>
  <c r="AF57779" i="1"/>
  <c r="AF57780" i="1"/>
  <c r="AF57781" i="1"/>
  <c r="AF57782" i="1"/>
  <c r="AF57783" i="1"/>
  <c r="AF57784" i="1"/>
  <c r="AF57785" i="1"/>
  <c r="AF57786" i="1"/>
  <c r="AF57787" i="1"/>
  <c r="AF57788" i="1"/>
  <c r="AF57789" i="1"/>
  <c r="AF57790" i="1"/>
  <c r="AF57791" i="1"/>
  <c r="AF57792" i="1"/>
  <c r="AF57793" i="1"/>
  <c r="AF57794" i="1"/>
  <c r="AF57795" i="1"/>
  <c r="AF57796" i="1"/>
  <c r="AF57797" i="1"/>
  <c r="AF57798" i="1"/>
  <c r="AF57799" i="1"/>
  <c r="AF57800" i="1"/>
  <c r="AF57801" i="1"/>
  <c r="AF57802" i="1"/>
  <c r="AF57803" i="1"/>
  <c r="AF57804" i="1"/>
  <c r="AF57805" i="1"/>
  <c r="AF57806" i="1"/>
  <c r="AF57807" i="1"/>
  <c r="AF57808" i="1"/>
  <c r="AF57809" i="1"/>
  <c r="AF57810" i="1"/>
  <c r="AF57811" i="1"/>
  <c r="AF57812" i="1"/>
  <c r="AF57813" i="1"/>
  <c r="AF57814" i="1"/>
  <c r="AF57815" i="1"/>
  <c r="AF57816" i="1"/>
  <c r="AF57817" i="1"/>
  <c r="AF57818" i="1"/>
  <c r="AF57819" i="1"/>
  <c r="AF57820" i="1"/>
  <c r="AF57821" i="1"/>
  <c r="AF57822" i="1"/>
  <c r="AF57823" i="1"/>
  <c r="AF57824" i="1"/>
  <c r="AF57825" i="1"/>
  <c r="AF57826" i="1"/>
  <c r="AF57827" i="1"/>
  <c r="AF57828" i="1"/>
  <c r="AF57829" i="1"/>
  <c r="AF57830" i="1"/>
  <c r="AF57831" i="1"/>
  <c r="AF57832" i="1"/>
  <c r="AF57833" i="1"/>
  <c r="AF57834" i="1"/>
  <c r="AF57835" i="1"/>
  <c r="AF57836" i="1"/>
  <c r="AF57837" i="1"/>
  <c r="AF57838" i="1"/>
  <c r="AF57839" i="1"/>
  <c r="AF57840" i="1"/>
  <c r="AF57841" i="1"/>
  <c r="AF57842" i="1"/>
  <c r="AF57843" i="1"/>
  <c r="AF57844" i="1"/>
  <c r="AF57845" i="1"/>
  <c r="AF57846" i="1"/>
  <c r="AF57847" i="1"/>
  <c r="AF57848" i="1"/>
  <c r="AF57849" i="1"/>
  <c r="AF57850" i="1"/>
  <c r="AF57851" i="1"/>
  <c r="AF57852" i="1"/>
  <c r="AF57853" i="1"/>
  <c r="AF57854" i="1"/>
  <c r="AF57855" i="1"/>
  <c r="AF57856" i="1"/>
  <c r="AF57857" i="1"/>
  <c r="AF57858" i="1"/>
  <c r="AF57859" i="1"/>
  <c r="AF57860" i="1"/>
  <c r="AF57861" i="1"/>
  <c r="AF57862" i="1"/>
  <c r="AF57863" i="1"/>
  <c r="AF57864" i="1"/>
  <c r="AF57865" i="1"/>
  <c r="AF57866" i="1"/>
  <c r="AF57867" i="1"/>
  <c r="AF57868" i="1"/>
  <c r="AF57869" i="1"/>
  <c r="AF57870" i="1"/>
  <c r="AF57871" i="1"/>
  <c r="AF57872" i="1"/>
  <c r="AF57873" i="1"/>
  <c r="AF57874" i="1"/>
  <c r="AF57875" i="1"/>
  <c r="AF57876" i="1"/>
  <c r="AF57877" i="1"/>
  <c r="AF57878" i="1"/>
  <c r="AF57879" i="1"/>
  <c r="AF57880" i="1"/>
  <c r="AF57881" i="1"/>
  <c r="AF57882" i="1"/>
  <c r="AF57883" i="1"/>
  <c r="AF57884" i="1"/>
  <c r="AF57885" i="1"/>
  <c r="AF57886" i="1"/>
  <c r="AF57887" i="1"/>
  <c r="AF57888" i="1"/>
  <c r="AF57889" i="1"/>
  <c r="AF57890" i="1"/>
  <c r="AF57891" i="1"/>
  <c r="AF57892" i="1"/>
  <c r="AF57893" i="1"/>
  <c r="AF57894" i="1"/>
  <c r="AF57895" i="1"/>
  <c r="AF57896" i="1"/>
  <c r="AF57897" i="1"/>
  <c r="AF57898" i="1"/>
  <c r="AF57899" i="1"/>
  <c r="AF57900" i="1"/>
  <c r="AF57901" i="1"/>
  <c r="AF57902" i="1"/>
  <c r="AF57903" i="1"/>
  <c r="AF57904" i="1"/>
  <c r="AF57905" i="1"/>
  <c r="AF57906" i="1"/>
  <c r="AF57907" i="1"/>
  <c r="AF57908" i="1"/>
  <c r="AF57909" i="1"/>
  <c r="AF57910" i="1"/>
  <c r="AF57911" i="1"/>
  <c r="AF57912" i="1"/>
  <c r="AF57913" i="1"/>
  <c r="AF57914" i="1"/>
  <c r="AF57915" i="1"/>
  <c r="AF57916" i="1"/>
  <c r="AF57917" i="1"/>
  <c r="AF57918" i="1"/>
  <c r="AF57919" i="1"/>
  <c r="AF57920" i="1"/>
  <c r="AF57921" i="1"/>
  <c r="AF57922" i="1"/>
  <c r="AF57923" i="1"/>
  <c r="AF57924" i="1"/>
  <c r="AF57925" i="1"/>
  <c r="AF57926" i="1"/>
  <c r="AF57927" i="1"/>
  <c r="AF57928" i="1"/>
  <c r="AF57929" i="1"/>
  <c r="AF57930" i="1"/>
  <c r="AF57931" i="1"/>
  <c r="AF57932" i="1"/>
  <c r="AF57933" i="1"/>
  <c r="AF57934" i="1"/>
  <c r="AF57935" i="1"/>
  <c r="AF57936" i="1"/>
  <c r="AF57937" i="1"/>
  <c r="AF57938" i="1"/>
  <c r="AF57939" i="1"/>
  <c r="AF57940" i="1"/>
  <c r="AF57941" i="1"/>
  <c r="AF57942" i="1"/>
  <c r="AF57943" i="1"/>
  <c r="AF57944" i="1"/>
  <c r="AF57945" i="1"/>
  <c r="AF57946" i="1"/>
  <c r="AF57947" i="1"/>
  <c r="AF57948" i="1"/>
  <c r="AF57949" i="1"/>
  <c r="AF57950" i="1"/>
  <c r="AF57951" i="1"/>
  <c r="AF57952" i="1"/>
  <c r="AF57953" i="1"/>
  <c r="AF57954" i="1"/>
  <c r="AF57955" i="1"/>
  <c r="AF57956" i="1"/>
  <c r="AF57957" i="1"/>
  <c r="AF57958" i="1"/>
  <c r="AF57959" i="1"/>
  <c r="AF57960" i="1"/>
  <c r="AF57961" i="1"/>
  <c r="AF57962" i="1"/>
  <c r="AF57963" i="1"/>
  <c r="AF57964" i="1"/>
  <c r="AF57965" i="1"/>
  <c r="AF57966" i="1"/>
  <c r="AF57967" i="1"/>
  <c r="AF57968" i="1"/>
  <c r="AF57969" i="1"/>
  <c r="AF57970" i="1"/>
  <c r="AF57971" i="1"/>
  <c r="AF57972" i="1"/>
  <c r="AF57973" i="1"/>
  <c r="AF57974" i="1"/>
  <c r="AF57975" i="1"/>
  <c r="AF57976" i="1"/>
  <c r="AF57977" i="1"/>
  <c r="AF57978" i="1"/>
  <c r="AF57979" i="1"/>
  <c r="AF57980" i="1"/>
  <c r="AF57981" i="1"/>
  <c r="AF57982" i="1"/>
  <c r="AF57983" i="1"/>
  <c r="AF57984" i="1"/>
  <c r="AF57985" i="1"/>
  <c r="AF57986" i="1"/>
  <c r="AF57987" i="1"/>
  <c r="AF57988" i="1"/>
  <c r="AF57989" i="1"/>
  <c r="AF57990" i="1"/>
  <c r="AF57991" i="1"/>
  <c r="AF57992" i="1"/>
  <c r="AF57993" i="1"/>
  <c r="AF57994" i="1"/>
  <c r="AF57995" i="1"/>
  <c r="AF57996" i="1"/>
  <c r="AF57997" i="1"/>
  <c r="AF57998" i="1"/>
  <c r="AF57999" i="1"/>
  <c r="AF58000" i="1"/>
  <c r="AF58001" i="1"/>
  <c r="AF58002" i="1"/>
  <c r="AF58003" i="1"/>
  <c r="AF58004" i="1"/>
  <c r="AF58005" i="1"/>
  <c r="AF58006" i="1"/>
  <c r="AF58007" i="1"/>
  <c r="AF58008" i="1"/>
  <c r="AF58009" i="1"/>
  <c r="AF58010" i="1"/>
  <c r="AF58011" i="1"/>
  <c r="AF58012" i="1"/>
  <c r="AF58013" i="1"/>
  <c r="AF58014" i="1"/>
  <c r="AF58015" i="1"/>
  <c r="AF58016" i="1"/>
  <c r="AF58017" i="1"/>
  <c r="AF58018" i="1"/>
  <c r="AF58019" i="1"/>
  <c r="AF58020" i="1"/>
  <c r="AF58021" i="1"/>
  <c r="AF58022" i="1"/>
  <c r="AF58023" i="1"/>
  <c r="AF58024" i="1"/>
  <c r="AF58025" i="1"/>
  <c r="AF58026" i="1"/>
  <c r="AF58027" i="1"/>
  <c r="AF58028" i="1"/>
  <c r="AF58029" i="1"/>
  <c r="AF58030" i="1"/>
  <c r="AF58031" i="1"/>
  <c r="AF58032" i="1"/>
  <c r="AF58033" i="1"/>
  <c r="AF58034" i="1"/>
  <c r="AF58035" i="1"/>
  <c r="AF58036" i="1"/>
  <c r="AF58037" i="1"/>
  <c r="AF58038" i="1"/>
  <c r="AF58039" i="1"/>
  <c r="AF58040" i="1"/>
  <c r="AF58041" i="1"/>
  <c r="AF58042" i="1"/>
  <c r="AF58043" i="1"/>
  <c r="AF58044" i="1"/>
  <c r="AF58045" i="1"/>
  <c r="AF58046" i="1"/>
  <c r="AF58047" i="1"/>
  <c r="AF58048" i="1"/>
  <c r="AF58049" i="1"/>
  <c r="AF58050" i="1"/>
  <c r="AF58051" i="1"/>
  <c r="AF58052" i="1"/>
  <c r="AF58053" i="1"/>
  <c r="AF58054" i="1"/>
  <c r="AF58055" i="1"/>
  <c r="AF58056" i="1"/>
  <c r="AF58057" i="1"/>
  <c r="AF58058" i="1"/>
  <c r="AF58059" i="1"/>
  <c r="AF58060" i="1"/>
  <c r="AF58061" i="1"/>
  <c r="AF58062" i="1"/>
  <c r="AF58063" i="1"/>
  <c r="AF58064" i="1"/>
  <c r="AF58065" i="1"/>
  <c r="AF58066" i="1"/>
  <c r="AF58067" i="1"/>
  <c r="AF58068" i="1"/>
  <c r="AF58069" i="1"/>
  <c r="AF58070" i="1"/>
  <c r="AF58071" i="1"/>
  <c r="AF58072" i="1"/>
  <c r="AF58073" i="1"/>
  <c r="AF58074" i="1"/>
  <c r="AF58075" i="1"/>
  <c r="AF58076" i="1"/>
  <c r="AF58077" i="1"/>
  <c r="AF58078" i="1"/>
  <c r="AF58079" i="1"/>
  <c r="AF58080" i="1"/>
  <c r="AF58081" i="1"/>
  <c r="AF58082" i="1"/>
  <c r="AF58083" i="1"/>
  <c r="AF58084" i="1"/>
  <c r="AF58085" i="1"/>
  <c r="AF58086" i="1"/>
  <c r="AF58087" i="1"/>
  <c r="AF58088" i="1"/>
  <c r="AF58089" i="1"/>
  <c r="AF58090" i="1"/>
  <c r="AF58091" i="1"/>
  <c r="AF58092" i="1"/>
  <c r="AF58093" i="1"/>
  <c r="AF58094" i="1"/>
  <c r="AF58095" i="1"/>
  <c r="AF58096" i="1"/>
  <c r="AF58097" i="1"/>
  <c r="AF58098" i="1"/>
  <c r="AF58099" i="1"/>
  <c r="AF58100" i="1"/>
  <c r="AF58101" i="1"/>
  <c r="AF58102" i="1"/>
  <c r="AF58103" i="1"/>
  <c r="AF58104" i="1"/>
  <c r="AF58105" i="1"/>
  <c r="AF58106" i="1"/>
  <c r="AF58107" i="1"/>
  <c r="AF58108" i="1"/>
  <c r="AF58109" i="1"/>
  <c r="AF58110" i="1"/>
  <c r="AF58111" i="1"/>
  <c r="AF58112" i="1"/>
  <c r="AF58113" i="1"/>
  <c r="AF58114" i="1"/>
  <c r="AF58115" i="1"/>
  <c r="AF58116" i="1"/>
  <c r="AF58117" i="1"/>
  <c r="AF58118" i="1"/>
  <c r="AF58119" i="1"/>
  <c r="AF58120" i="1"/>
  <c r="AF58121" i="1"/>
  <c r="AF58122" i="1"/>
  <c r="AF58123" i="1"/>
  <c r="AF58124" i="1"/>
  <c r="AF58125" i="1"/>
  <c r="AF58126" i="1"/>
  <c r="AF58127" i="1"/>
  <c r="AF58128" i="1"/>
  <c r="AF58129" i="1"/>
  <c r="AF58130" i="1"/>
  <c r="AF58131" i="1"/>
  <c r="AF58132" i="1"/>
  <c r="AF58133" i="1"/>
  <c r="AF58134" i="1"/>
  <c r="AF58135" i="1"/>
  <c r="AF58136" i="1"/>
  <c r="AF58137" i="1"/>
  <c r="AF58138" i="1"/>
  <c r="AF58139" i="1"/>
  <c r="AF58140" i="1"/>
  <c r="AF58141" i="1"/>
  <c r="AF58142" i="1"/>
  <c r="AF58143" i="1"/>
  <c r="AF58144" i="1"/>
  <c r="AF58145" i="1"/>
  <c r="AF58146" i="1"/>
  <c r="AF58147" i="1"/>
  <c r="AF58148" i="1"/>
  <c r="AF58149" i="1"/>
  <c r="AF58150" i="1"/>
  <c r="AF58151" i="1"/>
  <c r="AF58152" i="1"/>
  <c r="AF58153" i="1"/>
  <c r="AF58154" i="1"/>
  <c r="AF58155" i="1"/>
  <c r="AF58156" i="1"/>
  <c r="AF58157" i="1"/>
  <c r="AF58158" i="1"/>
  <c r="AF58159" i="1"/>
  <c r="AF58160" i="1"/>
  <c r="AF58161" i="1"/>
  <c r="AF58162" i="1"/>
  <c r="AF58163" i="1"/>
  <c r="AF58164" i="1"/>
  <c r="AF58165" i="1"/>
  <c r="AF58166" i="1"/>
  <c r="AF58167" i="1"/>
  <c r="AF58168" i="1"/>
  <c r="AF58169" i="1"/>
  <c r="AF58170" i="1"/>
  <c r="AF58171" i="1"/>
  <c r="AF58172" i="1"/>
  <c r="AF58173" i="1"/>
  <c r="AF58174" i="1"/>
  <c r="AF58175" i="1"/>
  <c r="AF58176" i="1"/>
  <c r="AF58177" i="1"/>
  <c r="AF58178" i="1"/>
  <c r="AF58179" i="1"/>
  <c r="AF58180" i="1"/>
  <c r="AF58181" i="1"/>
  <c r="AF58182" i="1"/>
  <c r="AF58183" i="1"/>
  <c r="AF58184" i="1"/>
  <c r="AF58185" i="1"/>
  <c r="AF58186" i="1"/>
  <c r="AF58187" i="1"/>
  <c r="AF58188" i="1"/>
  <c r="AF58189" i="1"/>
  <c r="AF58190" i="1"/>
  <c r="AF58191" i="1"/>
  <c r="AF58192" i="1"/>
  <c r="AF58193" i="1"/>
  <c r="AF58194" i="1"/>
  <c r="AF58195" i="1"/>
  <c r="AF58196" i="1"/>
  <c r="AF58197" i="1"/>
  <c r="AF58198" i="1"/>
  <c r="AF58199" i="1"/>
  <c r="AF58200" i="1"/>
  <c r="AF58201" i="1"/>
  <c r="AF58202" i="1"/>
  <c r="AF58203" i="1"/>
  <c r="AF58204" i="1"/>
  <c r="AF58205" i="1"/>
  <c r="AF58206" i="1"/>
  <c r="AF58207" i="1"/>
  <c r="AF58208" i="1"/>
  <c r="AF58209" i="1"/>
  <c r="AF58210" i="1"/>
  <c r="AF58211" i="1"/>
  <c r="AF58212" i="1"/>
  <c r="AF58213" i="1"/>
  <c r="AF58214" i="1"/>
  <c r="AF58215" i="1"/>
  <c r="AF58216" i="1"/>
  <c r="AF58217" i="1"/>
  <c r="AF58218" i="1"/>
  <c r="AF58219" i="1"/>
  <c r="AF58220" i="1"/>
  <c r="AF58221" i="1"/>
  <c r="AF58222" i="1"/>
  <c r="AF58223" i="1"/>
  <c r="AF58224" i="1"/>
  <c r="AF58225" i="1"/>
  <c r="AF58226" i="1"/>
  <c r="AF58227" i="1"/>
  <c r="AF58228" i="1"/>
  <c r="AF58229" i="1"/>
  <c r="AF58230" i="1"/>
  <c r="AF58231" i="1"/>
  <c r="AF58232" i="1"/>
  <c r="AF58233" i="1"/>
  <c r="AF58234" i="1"/>
  <c r="AF58235" i="1"/>
  <c r="AF58236" i="1"/>
  <c r="AF58237" i="1"/>
  <c r="AF58238" i="1"/>
  <c r="AF58239" i="1"/>
  <c r="AF58240" i="1"/>
  <c r="AF58241" i="1"/>
  <c r="AF58242" i="1"/>
  <c r="AF58243" i="1"/>
  <c r="AF58244" i="1"/>
  <c r="AF58245" i="1"/>
  <c r="AF58246" i="1"/>
  <c r="AF58247" i="1"/>
  <c r="AF58248" i="1"/>
  <c r="AF58249" i="1"/>
  <c r="AF58250" i="1"/>
  <c r="AF58251" i="1"/>
  <c r="AF58252" i="1"/>
  <c r="AF58253" i="1"/>
  <c r="AF58254" i="1"/>
  <c r="AF58255" i="1"/>
  <c r="AF58256" i="1"/>
  <c r="AF58257" i="1"/>
  <c r="AF58258" i="1"/>
  <c r="AF58259" i="1"/>
  <c r="AF58260" i="1"/>
  <c r="AF58261" i="1"/>
  <c r="AF58262" i="1"/>
  <c r="AF58263" i="1"/>
  <c r="AF58264" i="1"/>
  <c r="AF58265" i="1"/>
  <c r="AF58266" i="1"/>
  <c r="AF58267" i="1"/>
  <c r="AF58268" i="1"/>
  <c r="AF58269" i="1"/>
  <c r="AF58270" i="1"/>
  <c r="AF58271" i="1"/>
  <c r="AF58272" i="1"/>
  <c r="AF58273" i="1"/>
  <c r="AF58274" i="1"/>
  <c r="AF58275" i="1"/>
  <c r="AF58276" i="1"/>
  <c r="AF58277" i="1"/>
  <c r="AF58278" i="1"/>
  <c r="AF58279" i="1"/>
  <c r="AF58280" i="1"/>
  <c r="AF58281" i="1"/>
  <c r="AF58282" i="1"/>
  <c r="AF58283" i="1"/>
  <c r="AF58284" i="1"/>
  <c r="AF58285" i="1"/>
  <c r="AF58286" i="1"/>
  <c r="AF58287" i="1"/>
  <c r="AF58288" i="1"/>
  <c r="AF58289" i="1"/>
  <c r="AF58290" i="1"/>
  <c r="AF58291" i="1"/>
  <c r="AF58292" i="1"/>
  <c r="AF58293" i="1"/>
  <c r="AF58294" i="1"/>
  <c r="AF58295" i="1"/>
  <c r="AF58296" i="1"/>
  <c r="AF58297" i="1"/>
  <c r="AF58298" i="1"/>
  <c r="AF58299" i="1"/>
  <c r="AF58300" i="1"/>
  <c r="AF58301" i="1"/>
  <c r="AF58302" i="1"/>
  <c r="AF58303" i="1"/>
  <c r="AF58304" i="1"/>
  <c r="AF58305" i="1"/>
  <c r="AF58306" i="1"/>
  <c r="AF58307" i="1"/>
  <c r="AF58308" i="1"/>
  <c r="AF58309" i="1"/>
  <c r="AF58310" i="1"/>
  <c r="AF58311" i="1"/>
  <c r="AF58312" i="1"/>
  <c r="AF58313" i="1"/>
  <c r="AF58314" i="1"/>
  <c r="AF58315" i="1"/>
  <c r="AF58316" i="1"/>
  <c r="AF58317" i="1"/>
  <c r="AF58318" i="1"/>
  <c r="AF58319" i="1"/>
  <c r="AF58320" i="1"/>
  <c r="AF58321" i="1"/>
  <c r="AF58322" i="1"/>
  <c r="AF58323" i="1"/>
  <c r="AF58324" i="1"/>
  <c r="AF58325" i="1"/>
  <c r="AF58326" i="1"/>
  <c r="AF58327" i="1"/>
  <c r="AF58328" i="1"/>
  <c r="AF58329" i="1"/>
  <c r="AF58330" i="1"/>
  <c r="AF58331" i="1"/>
  <c r="AF58332" i="1"/>
  <c r="AF58333" i="1"/>
  <c r="AF58334" i="1"/>
  <c r="AF58335" i="1"/>
  <c r="AF58336" i="1"/>
  <c r="AF58337" i="1"/>
  <c r="AF58338" i="1"/>
  <c r="AF58339" i="1"/>
  <c r="AF58340" i="1"/>
  <c r="AF58341" i="1"/>
  <c r="AF58342" i="1"/>
  <c r="AF58343" i="1"/>
  <c r="AF58344" i="1"/>
  <c r="AF58345" i="1"/>
  <c r="AF58346" i="1"/>
  <c r="AF58347" i="1"/>
  <c r="AF58348" i="1"/>
  <c r="AF58349" i="1"/>
  <c r="AF58350" i="1"/>
  <c r="AF58351" i="1"/>
  <c r="AF58352" i="1"/>
  <c r="AF58353" i="1"/>
  <c r="AF58354" i="1"/>
  <c r="AF58355" i="1"/>
  <c r="AF58356" i="1"/>
  <c r="AF58357" i="1"/>
  <c r="AF58358" i="1"/>
  <c r="AF58359" i="1"/>
  <c r="AF58360" i="1"/>
  <c r="AF58361" i="1"/>
  <c r="AF58362" i="1"/>
  <c r="AF58363" i="1"/>
  <c r="AF58364" i="1"/>
  <c r="AF58365" i="1"/>
  <c r="AF58366" i="1"/>
  <c r="AF58367" i="1"/>
  <c r="AF58368" i="1"/>
  <c r="AF58369" i="1"/>
  <c r="AF58370" i="1"/>
  <c r="AF58371" i="1"/>
  <c r="AF58372" i="1"/>
  <c r="AF58373" i="1"/>
  <c r="AF58374" i="1"/>
  <c r="AF58375" i="1"/>
  <c r="AF58376" i="1"/>
  <c r="AF58377" i="1"/>
  <c r="AF58378" i="1"/>
  <c r="AF58379" i="1"/>
  <c r="AF58380" i="1"/>
  <c r="AF58381" i="1"/>
  <c r="AF58382" i="1"/>
  <c r="AF58383" i="1"/>
  <c r="AF58384" i="1"/>
  <c r="AF58385" i="1"/>
  <c r="AF58386" i="1"/>
  <c r="AF58387" i="1"/>
  <c r="AF58388" i="1"/>
  <c r="AF58389" i="1"/>
  <c r="AF58390" i="1"/>
  <c r="AF58391" i="1"/>
  <c r="AF58392" i="1"/>
  <c r="AF58393" i="1"/>
  <c r="AF58394" i="1"/>
  <c r="AF58395" i="1"/>
  <c r="AF58396" i="1"/>
  <c r="AF58397" i="1"/>
  <c r="AF58398" i="1"/>
  <c r="AF58399" i="1"/>
  <c r="AF58400" i="1"/>
  <c r="AF58401" i="1"/>
  <c r="AF58402" i="1"/>
  <c r="AF58403" i="1"/>
  <c r="AF58404" i="1"/>
  <c r="AF58405" i="1"/>
  <c r="AF58406" i="1"/>
  <c r="AF58407" i="1"/>
  <c r="AF58408" i="1"/>
  <c r="AF58409" i="1"/>
  <c r="AF58410" i="1"/>
  <c r="AF58411" i="1"/>
  <c r="AF58412" i="1"/>
  <c r="AF58413" i="1"/>
  <c r="AF58414" i="1"/>
  <c r="AF58415" i="1"/>
  <c r="AF58416" i="1"/>
  <c r="AF58417" i="1"/>
  <c r="AF58418" i="1"/>
  <c r="AF58419" i="1"/>
  <c r="AF58420" i="1"/>
  <c r="AF58421" i="1"/>
  <c r="AF58422" i="1"/>
  <c r="AF58423" i="1"/>
  <c r="AF58424" i="1"/>
  <c r="AF58425" i="1"/>
  <c r="AF58426" i="1"/>
  <c r="AF58427" i="1"/>
  <c r="AF58428" i="1"/>
  <c r="AF58429" i="1"/>
  <c r="AF58430" i="1"/>
  <c r="AF58431" i="1"/>
  <c r="AF58432" i="1"/>
  <c r="AF58433" i="1"/>
  <c r="AF58434" i="1"/>
  <c r="AF58435" i="1"/>
  <c r="AF58436" i="1"/>
  <c r="AF58437" i="1"/>
  <c r="AF58438" i="1"/>
  <c r="AF58439" i="1"/>
  <c r="AF58440" i="1"/>
  <c r="AF58441" i="1"/>
  <c r="AF58442" i="1"/>
  <c r="AF58443" i="1"/>
  <c r="AF58444" i="1"/>
  <c r="AF58445" i="1"/>
  <c r="AF58446" i="1"/>
  <c r="AF58447" i="1"/>
  <c r="AF58448" i="1"/>
  <c r="AF58449" i="1"/>
  <c r="AF58450" i="1"/>
  <c r="AF58451" i="1"/>
  <c r="AF58452" i="1"/>
  <c r="AF58453" i="1"/>
  <c r="AF58454" i="1"/>
  <c r="AF58455" i="1"/>
  <c r="AF58456" i="1"/>
  <c r="AF58457" i="1"/>
  <c r="AF58458" i="1"/>
  <c r="AF58459" i="1"/>
  <c r="AF58460" i="1"/>
  <c r="AF58461" i="1"/>
  <c r="AF58462" i="1"/>
  <c r="AF58463" i="1"/>
  <c r="AF58464" i="1"/>
  <c r="AF58465" i="1"/>
  <c r="AF58466" i="1"/>
  <c r="AF58467" i="1"/>
  <c r="AF58468" i="1"/>
  <c r="AF58469" i="1"/>
  <c r="AF58470" i="1"/>
  <c r="AF58471" i="1"/>
  <c r="AF58472" i="1"/>
  <c r="AF58473" i="1"/>
  <c r="AF58474" i="1"/>
  <c r="AF58475" i="1"/>
  <c r="AF58476" i="1"/>
  <c r="AF58477" i="1"/>
  <c r="AF58478" i="1"/>
  <c r="AF58479" i="1"/>
  <c r="AF58480" i="1"/>
  <c r="AF58481" i="1"/>
  <c r="AF58482" i="1"/>
  <c r="AF58483" i="1"/>
  <c r="AF58484" i="1"/>
  <c r="AF58485" i="1"/>
  <c r="AF58486" i="1"/>
  <c r="AF58487" i="1"/>
  <c r="AF58488" i="1"/>
  <c r="AF58489" i="1"/>
  <c r="AF58490" i="1"/>
  <c r="AF58491" i="1"/>
  <c r="AF58492" i="1"/>
  <c r="AF58493" i="1"/>
  <c r="AF58494" i="1"/>
  <c r="AF58495" i="1"/>
  <c r="AF58496" i="1"/>
  <c r="AF58497" i="1"/>
  <c r="AF58498" i="1"/>
  <c r="AF58499" i="1"/>
  <c r="AF58500" i="1"/>
  <c r="AF58501" i="1"/>
  <c r="AF58502" i="1"/>
  <c r="AF58503" i="1"/>
  <c r="AF58504" i="1"/>
  <c r="AF58505" i="1"/>
  <c r="AF58506" i="1"/>
  <c r="AF58507" i="1"/>
  <c r="AF58508" i="1"/>
  <c r="AF58509" i="1"/>
  <c r="AF58510" i="1"/>
  <c r="AF58511" i="1"/>
  <c r="AF58512" i="1"/>
  <c r="AF58513" i="1"/>
  <c r="AF58514" i="1"/>
  <c r="AF58515" i="1"/>
  <c r="AF58516" i="1"/>
  <c r="AF58517" i="1"/>
  <c r="AF58518" i="1"/>
  <c r="AF58519" i="1"/>
  <c r="AF58520" i="1"/>
  <c r="AF58521" i="1"/>
  <c r="AF58522" i="1"/>
  <c r="AF58523" i="1"/>
  <c r="AF58524" i="1"/>
  <c r="AF58525" i="1"/>
  <c r="AF58526" i="1"/>
  <c r="AF58527" i="1"/>
  <c r="AF58528" i="1"/>
  <c r="AF58529" i="1"/>
  <c r="AF58530" i="1"/>
  <c r="AF58531" i="1"/>
  <c r="AF58532" i="1"/>
  <c r="AF58533" i="1"/>
  <c r="AF58534" i="1"/>
  <c r="AF58535" i="1"/>
  <c r="AF58536" i="1"/>
  <c r="AF58537" i="1"/>
  <c r="AF58538" i="1"/>
  <c r="AF58539" i="1"/>
  <c r="AF58540" i="1"/>
  <c r="AF58541" i="1"/>
  <c r="AF58542" i="1"/>
  <c r="AF58543" i="1"/>
  <c r="AF58544" i="1"/>
  <c r="AF58545" i="1"/>
  <c r="AF58546" i="1"/>
  <c r="AF58547" i="1"/>
  <c r="AF58548" i="1"/>
  <c r="AF58549" i="1"/>
  <c r="AF58550" i="1"/>
  <c r="AF58551" i="1"/>
  <c r="AF58552" i="1"/>
  <c r="AF58553" i="1"/>
  <c r="AF58554" i="1"/>
  <c r="AF58555" i="1"/>
  <c r="AF58556" i="1"/>
  <c r="AF58557" i="1"/>
  <c r="AF58558" i="1"/>
  <c r="AF58559" i="1"/>
  <c r="AF58560" i="1"/>
  <c r="AF58561" i="1"/>
  <c r="AF58562" i="1"/>
  <c r="AF58563" i="1"/>
  <c r="AF58564" i="1"/>
  <c r="AF58565" i="1"/>
  <c r="AF58566" i="1"/>
  <c r="AF58567" i="1"/>
  <c r="AF58568" i="1"/>
  <c r="AF58569" i="1"/>
  <c r="AF58570" i="1"/>
  <c r="AF58571" i="1"/>
  <c r="AF58572" i="1"/>
  <c r="AF58573" i="1"/>
  <c r="AF58574" i="1"/>
  <c r="AF58575" i="1"/>
  <c r="AF58576" i="1"/>
  <c r="AF58577" i="1"/>
  <c r="AF58578" i="1"/>
  <c r="AF58579" i="1"/>
  <c r="AF58580" i="1"/>
  <c r="AF58581" i="1"/>
  <c r="AF58582" i="1"/>
  <c r="AF58583" i="1"/>
  <c r="AF58584" i="1"/>
  <c r="AF58585" i="1"/>
  <c r="AF58586" i="1"/>
  <c r="AF58587" i="1"/>
  <c r="AF58588" i="1"/>
  <c r="AF58589" i="1"/>
  <c r="AF58590" i="1"/>
  <c r="AF58591" i="1"/>
  <c r="AF58592" i="1"/>
  <c r="AF58593" i="1"/>
  <c r="AF58594" i="1"/>
  <c r="AF58595" i="1"/>
  <c r="AF58596" i="1"/>
  <c r="AF58597" i="1"/>
  <c r="AF58598" i="1"/>
  <c r="AF58599" i="1"/>
  <c r="AF58600" i="1"/>
  <c r="AF58601" i="1"/>
  <c r="AF58602" i="1"/>
  <c r="AF58603" i="1"/>
  <c r="AF58604" i="1"/>
  <c r="AF58605" i="1"/>
  <c r="AF58606" i="1"/>
  <c r="AF58607" i="1"/>
  <c r="AF58608" i="1"/>
  <c r="AF58609" i="1"/>
  <c r="AF58610" i="1"/>
  <c r="AF58611" i="1"/>
  <c r="AF58612" i="1"/>
  <c r="AF58613" i="1"/>
  <c r="AF58614" i="1"/>
  <c r="AF58615" i="1"/>
  <c r="AF58616" i="1"/>
  <c r="AF58617" i="1"/>
  <c r="AF58618" i="1"/>
  <c r="AF58619" i="1"/>
  <c r="AF58620" i="1"/>
  <c r="AF58621" i="1"/>
  <c r="AF58622" i="1"/>
  <c r="AF58623" i="1"/>
  <c r="AF58624" i="1"/>
  <c r="AF58625" i="1"/>
  <c r="AF58626" i="1"/>
  <c r="AF58627" i="1"/>
  <c r="AF58628" i="1"/>
  <c r="AF58629" i="1"/>
  <c r="AF58630" i="1"/>
  <c r="AF58631" i="1"/>
  <c r="AF58632" i="1"/>
  <c r="AF58633" i="1"/>
  <c r="AF58634" i="1"/>
  <c r="AF58635" i="1"/>
  <c r="AF58636" i="1"/>
  <c r="AF58637" i="1"/>
  <c r="AF58638" i="1"/>
  <c r="AF58639" i="1"/>
  <c r="AF58640" i="1"/>
  <c r="AF58641" i="1"/>
  <c r="AF58642" i="1"/>
  <c r="AF58643" i="1"/>
  <c r="AF58644" i="1"/>
  <c r="AF58645" i="1"/>
  <c r="AF58646" i="1"/>
  <c r="AF58647" i="1"/>
  <c r="AF58648" i="1"/>
  <c r="AF58649" i="1"/>
  <c r="AF58650" i="1"/>
  <c r="AF58651" i="1"/>
  <c r="AF58652" i="1"/>
  <c r="AF58653" i="1"/>
  <c r="AF58654" i="1"/>
  <c r="AF58655" i="1"/>
  <c r="AF58656" i="1"/>
  <c r="AF58657" i="1"/>
  <c r="AF58658" i="1"/>
  <c r="AF58659" i="1"/>
  <c r="AF58660" i="1"/>
  <c r="AF58661" i="1"/>
  <c r="AF58662" i="1"/>
  <c r="AF58663" i="1"/>
  <c r="AF58664" i="1"/>
  <c r="AF58665" i="1"/>
  <c r="AF58666" i="1"/>
  <c r="AF58667" i="1"/>
  <c r="AF58668" i="1"/>
  <c r="AF58669" i="1"/>
  <c r="AF58670" i="1"/>
  <c r="AF58671" i="1"/>
  <c r="AF58672" i="1"/>
  <c r="AF58673" i="1"/>
  <c r="AF58674" i="1"/>
  <c r="AF58675" i="1"/>
  <c r="AF58676" i="1"/>
  <c r="AF58677" i="1"/>
  <c r="AF58678" i="1"/>
  <c r="AF58679" i="1"/>
  <c r="AF58680" i="1"/>
  <c r="AF58681" i="1"/>
  <c r="AF58682" i="1"/>
  <c r="AF58683" i="1"/>
  <c r="AF58684" i="1"/>
  <c r="AF58685" i="1"/>
  <c r="AF58686" i="1"/>
  <c r="AF58687" i="1"/>
  <c r="AF58688" i="1"/>
  <c r="AF58689" i="1"/>
  <c r="AF58690" i="1"/>
  <c r="AF58691" i="1"/>
  <c r="AF58692" i="1"/>
  <c r="AF58693" i="1"/>
  <c r="AF58694" i="1"/>
  <c r="AF58695" i="1"/>
  <c r="AF58696" i="1"/>
  <c r="AF58697" i="1"/>
  <c r="AF58698" i="1"/>
  <c r="AF58699" i="1"/>
  <c r="AF58700" i="1"/>
  <c r="AF58701" i="1"/>
  <c r="AF58702" i="1"/>
  <c r="AF58703" i="1"/>
  <c r="AF58704" i="1"/>
  <c r="AF58705" i="1"/>
  <c r="AF58706" i="1"/>
  <c r="AF58707" i="1"/>
  <c r="AF58708" i="1"/>
  <c r="AF58709" i="1"/>
  <c r="AF58710" i="1"/>
  <c r="AF58711" i="1"/>
  <c r="AF58712" i="1"/>
  <c r="AF58713" i="1"/>
  <c r="AF58714" i="1"/>
  <c r="AF58715" i="1"/>
  <c r="AF58716" i="1"/>
  <c r="AF58717" i="1"/>
  <c r="AF58718" i="1"/>
  <c r="AF58719" i="1"/>
  <c r="AF58720" i="1"/>
  <c r="AF58721" i="1"/>
  <c r="AF58722" i="1"/>
  <c r="AF58723" i="1"/>
  <c r="AF58724" i="1"/>
  <c r="AF58725" i="1"/>
  <c r="AF58726" i="1"/>
  <c r="AF58727" i="1"/>
  <c r="AF58728" i="1"/>
  <c r="AF58729" i="1"/>
  <c r="AF58730" i="1"/>
  <c r="AF58731" i="1"/>
  <c r="AF58732" i="1"/>
  <c r="AF58733" i="1"/>
  <c r="AF58734" i="1"/>
  <c r="AF58735" i="1"/>
  <c r="AF58736" i="1"/>
  <c r="AF58737" i="1"/>
  <c r="AF58738" i="1"/>
  <c r="AF58739" i="1"/>
  <c r="AF58740" i="1"/>
  <c r="AF58741" i="1"/>
  <c r="AF58742" i="1"/>
  <c r="AF58743" i="1"/>
  <c r="AF58744" i="1"/>
  <c r="AF58745" i="1"/>
  <c r="AF58746" i="1"/>
  <c r="AF58747" i="1"/>
  <c r="AF58748" i="1"/>
  <c r="AF58749" i="1"/>
  <c r="AF58750" i="1"/>
  <c r="AF58751" i="1"/>
  <c r="AF58752" i="1"/>
  <c r="AF58753" i="1"/>
  <c r="AF58754" i="1"/>
  <c r="AF58755" i="1"/>
  <c r="AF58756" i="1"/>
  <c r="AF58757" i="1"/>
  <c r="AF58758" i="1"/>
  <c r="AF58759" i="1"/>
  <c r="AF58760" i="1"/>
  <c r="AF58761" i="1"/>
  <c r="AF58762" i="1"/>
  <c r="AF58763" i="1"/>
  <c r="AF58764" i="1"/>
  <c r="AF58765" i="1"/>
  <c r="AF58766" i="1"/>
  <c r="AF58767" i="1"/>
  <c r="AF58768" i="1"/>
  <c r="AF58769" i="1"/>
  <c r="AF58770" i="1"/>
  <c r="AF58771" i="1"/>
  <c r="AF58772" i="1"/>
  <c r="AF58773" i="1"/>
  <c r="AF58774" i="1"/>
  <c r="AF58775" i="1"/>
  <c r="AF58776" i="1"/>
  <c r="AF58777" i="1"/>
  <c r="AF58778" i="1"/>
  <c r="AF58779" i="1"/>
  <c r="AF58780" i="1"/>
  <c r="AF58781" i="1"/>
  <c r="AF58782" i="1"/>
  <c r="AF58783" i="1"/>
  <c r="AF58784" i="1"/>
  <c r="AF58785" i="1"/>
  <c r="AF58786" i="1"/>
  <c r="AF58787" i="1"/>
  <c r="AF58788" i="1"/>
  <c r="AF58789" i="1"/>
  <c r="AF58790" i="1"/>
  <c r="AF58791" i="1"/>
  <c r="AF58792" i="1"/>
  <c r="AF58793" i="1"/>
  <c r="AF58794" i="1"/>
  <c r="AF58795" i="1"/>
  <c r="AF58796" i="1"/>
  <c r="AF58797" i="1"/>
  <c r="AF58798" i="1"/>
  <c r="AF58799" i="1"/>
  <c r="AF58800" i="1"/>
  <c r="AF58801" i="1"/>
  <c r="AF58802" i="1"/>
  <c r="AF58803" i="1"/>
  <c r="AF58804" i="1"/>
  <c r="AF58805" i="1"/>
  <c r="AF58806" i="1"/>
  <c r="AF58807" i="1"/>
  <c r="AF58808" i="1"/>
  <c r="AF58809" i="1"/>
  <c r="AF58810" i="1"/>
  <c r="AF58811" i="1"/>
  <c r="AF58812" i="1"/>
  <c r="AF58813" i="1"/>
  <c r="AF58814" i="1"/>
  <c r="AF58815" i="1"/>
  <c r="AF58816" i="1"/>
  <c r="AF58817" i="1"/>
  <c r="AF58818" i="1"/>
  <c r="AF58819" i="1"/>
  <c r="AF58820" i="1"/>
  <c r="AF58821" i="1"/>
  <c r="AF58822" i="1"/>
  <c r="AF58823" i="1"/>
  <c r="AF58824" i="1"/>
  <c r="AF58825" i="1"/>
  <c r="AF58826" i="1"/>
  <c r="AF58827" i="1"/>
  <c r="AF58828" i="1"/>
  <c r="AF58829" i="1"/>
  <c r="AF58830" i="1"/>
  <c r="AF58831" i="1"/>
  <c r="AF58832" i="1"/>
  <c r="AF58833" i="1"/>
  <c r="AF58834" i="1"/>
  <c r="AF58835" i="1"/>
  <c r="AF58836" i="1"/>
  <c r="AF58837" i="1"/>
  <c r="AF58838" i="1"/>
  <c r="AF58839" i="1"/>
  <c r="AF58840" i="1"/>
  <c r="AF58841" i="1"/>
  <c r="AF58842" i="1"/>
  <c r="AF58843" i="1"/>
  <c r="AF58844" i="1"/>
  <c r="AF58845" i="1"/>
  <c r="AF58846" i="1"/>
  <c r="AF58847" i="1"/>
  <c r="AF58848" i="1"/>
  <c r="AF58849" i="1"/>
  <c r="AF58850" i="1"/>
  <c r="AF58851" i="1"/>
  <c r="AF58852" i="1"/>
  <c r="AF58853" i="1"/>
  <c r="AF58854" i="1"/>
  <c r="AF58855" i="1"/>
  <c r="AF58856" i="1"/>
  <c r="AF58857" i="1"/>
  <c r="AF58858" i="1"/>
  <c r="AF58859" i="1"/>
  <c r="AF58860" i="1"/>
  <c r="AF58861" i="1"/>
  <c r="AF58862" i="1"/>
  <c r="AF58863" i="1"/>
  <c r="AF58864" i="1"/>
  <c r="AF58865" i="1"/>
  <c r="AF58866" i="1"/>
  <c r="AF58867" i="1"/>
  <c r="AF58868" i="1"/>
  <c r="AF58869" i="1"/>
  <c r="AF58870" i="1"/>
  <c r="AF58871" i="1"/>
  <c r="AF58872" i="1"/>
  <c r="AF58873" i="1"/>
  <c r="AF58874" i="1"/>
  <c r="AF58875" i="1"/>
  <c r="AF58876" i="1"/>
  <c r="AF58877" i="1"/>
  <c r="AF58878" i="1"/>
  <c r="AF58879" i="1"/>
  <c r="AF58880" i="1"/>
  <c r="AF58881" i="1"/>
  <c r="AF58882" i="1"/>
  <c r="AF58883" i="1"/>
  <c r="AF58884" i="1"/>
  <c r="AF58885" i="1"/>
  <c r="AF58886" i="1"/>
  <c r="AF58887" i="1"/>
  <c r="AF58888" i="1"/>
  <c r="AF58889" i="1"/>
  <c r="AF58890" i="1"/>
  <c r="AF58891" i="1"/>
  <c r="AF58892" i="1"/>
  <c r="AF58893" i="1"/>
  <c r="AF58894" i="1"/>
  <c r="AF58895" i="1"/>
  <c r="AF58896" i="1"/>
  <c r="AF58897" i="1"/>
  <c r="AF58898" i="1"/>
  <c r="AF58899" i="1"/>
  <c r="AF58900" i="1"/>
  <c r="AF58901" i="1"/>
  <c r="AF58902" i="1"/>
  <c r="AF58903" i="1"/>
  <c r="AF58904" i="1"/>
  <c r="AF58905" i="1"/>
  <c r="AF58906" i="1"/>
  <c r="AF58907" i="1"/>
  <c r="AF58908" i="1"/>
  <c r="AF58909" i="1"/>
  <c r="AF58910" i="1"/>
  <c r="AF58911" i="1"/>
  <c r="AF58912" i="1"/>
  <c r="AF58913" i="1"/>
  <c r="AF58914" i="1"/>
  <c r="AF58915" i="1"/>
  <c r="AF58916" i="1"/>
  <c r="AF58917" i="1"/>
  <c r="AF58918" i="1"/>
  <c r="AF58919" i="1"/>
  <c r="AF58920" i="1"/>
  <c r="AF58921" i="1"/>
  <c r="AF58922" i="1"/>
  <c r="AF58923" i="1"/>
  <c r="AF58924" i="1"/>
  <c r="AF58925" i="1"/>
  <c r="AF58926" i="1"/>
  <c r="AF58927" i="1"/>
  <c r="AF58928" i="1"/>
  <c r="AF58929" i="1"/>
  <c r="AF58930" i="1"/>
  <c r="AF58931" i="1"/>
  <c r="AF58932" i="1"/>
  <c r="AF58933" i="1"/>
  <c r="AF58934" i="1"/>
  <c r="AF58935" i="1"/>
  <c r="AF58936" i="1"/>
  <c r="AF58937" i="1"/>
  <c r="AF58938" i="1"/>
  <c r="AF58939" i="1"/>
  <c r="AF58940" i="1"/>
  <c r="AF58941" i="1"/>
  <c r="AF58942" i="1"/>
  <c r="AF58943" i="1"/>
  <c r="AF58944" i="1"/>
  <c r="AF58945" i="1"/>
  <c r="AF58946" i="1"/>
  <c r="AF58947" i="1"/>
  <c r="AF58948" i="1"/>
  <c r="AF58949" i="1"/>
  <c r="AF58950" i="1"/>
  <c r="AF58951" i="1"/>
  <c r="AF58952" i="1"/>
  <c r="AF58953" i="1"/>
  <c r="AF58954" i="1"/>
  <c r="AF58955" i="1"/>
  <c r="AF58956" i="1"/>
  <c r="AF58957" i="1"/>
  <c r="AF58958" i="1"/>
  <c r="AF58959" i="1"/>
  <c r="AF58960" i="1"/>
  <c r="AF58961" i="1"/>
  <c r="AF58962" i="1"/>
  <c r="AF58963" i="1"/>
  <c r="AF58964" i="1"/>
  <c r="AF58965" i="1"/>
  <c r="AF58966" i="1"/>
  <c r="AF58967" i="1"/>
  <c r="AF58968" i="1"/>
  <c r="AF58969" i="1"/>
  <c r="AF58970" i="1"/>
  <c r="AF58971" i="1"/>
  <c r="AF58972" i="1"/>
  <c r="AF58973" i="1"/>
  <c r="AF58974" i="1"/>
  <c r="AF58975" i="1"/>
  <c r="AF58976" i="1"/>
  <c r="AF58977" i="1"/>
  <c r="AF58978" i="1"/>
  <c r="AF58979" i="1"/>
  <c r="AF58980" i="1"/>
  <c r="AF58981" i="1"/>
  <c r="AF58982" i="1"/>
  <c r="AF58983" i="1"/>
  <c r="AF58984" i="1"/>
  <c r="AF58985" i="1"/>
  <c r="AF58986" i="1"/>
  <c r="AF58987" i="1"/>
  <c r="AF58988" i="1"/>
  <c r="AF58989" i="1"/>
  <c r="AF58990" i="1"/>
  <c r="AF58991" i="1"/>
  <c r="AF58992" i="1"/>
  <c r="AF58993" i="1"/>
  <c r="AF58994" i="1"/>
  <c r="AF58995" i="1"/>
  <c r="AF58996" i="1"/>
  <c r="AF58997" i="1"/>
  <c r="AF58998" i="1"/>
  <c r="AF58999" i="1"/>
  <c r="AF59000" i="1"/>
  <c r="AF59001" i="1"/>
  <c r="AF59002" i="1"/>
  <c r="AF59003" i="1"/>
  <c r="AF59004" i="1"/>
  <c r="AF59005" i="1"/>
  <c r="AF59006" i="1"/>
  <c r="AF59007" i="1"/>
  <c r="AF59008" i="1"/>
  <c r="AF59009" i="1"/>
  <c r="AF59010" i="1"/>
  <c r="AF59011" i="1"/>
  <c r="AF59012" i="1"/>
  <c r="AF59013" i="1"/>
  <c r="AF59014" i="1"/>
  <c r="AF59015" i="1"/>
  <c r="AF59016" i="1"/>
  <c r="AF59017" i="1"/>
  <c r="AF59018" i="1"/>
  <c r="AF59019" i="1"/>
  <c r="AF59020" i="1"/>
  <c r="AF59021" i="1"/>
  <c r="AF59022" i="1"/>
  <c r="AF59023" i="1"/>
  <c r="AF59024" i="1"/>
  <c r="AF59025" i="1"/>
  <c r="AF59026" i="1"/>
  <c r="AF59027" i="1"/>
  <c r="AF59028" i="1"/>
  <c r="AF59029" i="1"/>
  <c r="AF59030" i="1"/>
  <c r="AF59031" i="1"/>
  <c r="AF59032" i="1"/>
  <c r="AF59033" i="1"/>
  <c r="AF59034" i="1"/>
  <c r="AF59035" i="1"/>
  <c r="AF59036" i="1"/>
  <c r="AF59037" i="1"/>
  <c r="AF59038" i="1"/>
  <c r="AF59039" i="1"/>
  <c r="AF59040" i="1"/>
  <c r="AF59041" i="1"/>
  <c r="AF59042" i="1"/>
  <c r="AF59043" i="1"/>
  <c r="AF59044" i="1"/>
  <c r="AF59045" i="1"/>
  <c r="AF59046" i="1"/>
  <c r="AF59047" i="1"/>
  <c r="AF59048" i="1"/>
  <c r="AF59049" i="1"/>
  <c r="AF59050" i="1"/>
  <c r="AF59051" i="1"/>
  <c r="AF59052" i="1"/>
  <c r="AF59053" i="1"/>
  <c r="AF59054" i="1"/>
  <c r="AF59055" i="1"/>
  <c r="AF59056" i="1"/>
  <c r="AF59057" i="1"/>
  <c r="AF59058" i="1"/>
  <c r="AF59059" i="1"/>
  <c r="AF59060" i="1"/>
  <c r="AF59061" i="1"/>
  <c r="AF59062" i="1"/>
  <c r="AF59063" i="1"/>
  <c r="AF59064" i="1"/>
  <c r="AF59065" i="1"/>
  <c r="AF59066" i="1"/>
  <c r="AF59067" i="1"/>
  <c r="AF59068" i="1"/>
  <c r="AF59069" i="1"/>
  <c r="AF59070" i="1"/>
  <c r="AF59071" i="1"/>
  <c r="AF59072" i="1"/>
  <c r="AF59073" i="1"/>
  <c r="AF59074" i="1"/>
  <c r="AF59075" i="1"/>
  <c r="AF59076" i="1"/>
  <c r="AF59077" i="1"/>
  <c r="AF59078" i="1"/>
  <c r="AF59079" i="1"/>
  <c r="AF59080" i="1"/>
  <c r="AF59081" i="1"/>
  <c r="AF59082" i="1"/>
  <c r="AF59083" i="1"/>
  <c r="AF59084" i="1"/>
  <c r="AF59085" i="1"/>
  <c r="AF59086" i="1"/>
  <c r="AF59087" i="1"/>
  <c r="AF59088" i="1"/>
  <c r="AF59089" i="1"/>
  <c r="AF59090" i="1"/>
  <c r="AF59091" i="1"/>
  <c r="AF59092" i="1"/>
  <c r="AF59093" i="1"/>
  <c r="AF59094" i="1"/>
  <c r="AF59095" i="1"/>
  <c r="AF59096" i="1"/>
  <c r="AF59097" i="1"/>
  <c r="AF59098" i="1"/>
  <c r="AF59099" i="1"/>
  <c r="AF59100" i="1"/>
  <c r="AF59101" i="1"/>
  <c r="AF59102" i="1"/>
  <c r="AF59103" i="1"/>
  <c r="AF59104" i="1"/>
  <c r="AF59105" i="1"/>
  <c r="AF59106" i="1"/>
  <c r="AF59107" i="1"/>
  <c r="AF59108" i="1"/>
  <c r="AF59109" i="1"/>
  <c r="AF59110" i="1"/>
  <c r="AF59111" i="1"/>
  <c r="AF59112" i="1"/>
  <c r="AF59113" i="1"/>
  <c r="AF59114" i="1"/>
  <c r="AF59115" i="1"/>
  <c r="AF59116" i="1"/>
  <c r="AF59117" i="1"/>
  <c r="AF59118" i="1"/>
  <c r="AF59119" i="1"/>
  <c r="AF59120" i="1"/>
  <c r="AF59121" i="1"/>
  <c r="AF59122" i="1"/>
  <c r="AF59123" i="1"/>
  <c r="AF59124" i="1"/>
  <c r="AF59125" i="1"/>
  <c r="AF59126" i="1"/>
  <c r="AF59127" i="1"/>
  <c r="AF59128" i="1"/>
  <c r="AF59129" i="1"/>
  <c r="AF59130" i="1"/>
  <c r="AF59131" i="1"/>
  <c r="AF59132" i="1"/>
  <c r="AF59133" i="1"/>
  <c r="AF59134" i="1"/>
  <c r="AF59135" i="1"/>
  <c r="AF59136" i="1"/>
  <c r="AF59137" i="1"/>
  <c r="AF59138" i="1"/>
  <c r="AF59139" i="1"/>
  <c r="AF59140" i="1"/>
  <c r="AF59141" i="1"/>
  <c r="AF59142" i="1"/>
  <c r="AF59143" i="1"/>
  <c r="AF59144" i="1"/>
  <c r="AF59145" i="1"/>
  <c r="AF59146" i="1"/>
  <c r="AF59147" i="1"/>
  <c r="AF59148" i="1"/>
  <c r="AF59149" i="1"/>
  <c r="AF59150" i="1"/>
  <c r="AF59151" i="1"/>
  <c r="AF59152" i="1"/>
  <c r="AF59153" i="1"/>
  <c r="AF59154" i="1"/>
  <c r="AF59155" i="1"/>
  <c r="AF59156" i="1"/>
  <c r="AF59157" i="1"/>
  <c r="AF59158" i="1"/>
  <c r="AF59159" i="1"/>
  <c r="AF59160" i="1"/>
  <c r="AF59161" i="1"/>
  <c r="AF59162" i="1"/>
  <c r="AF59163" i="1"/>
  <c r="AF59164" i="1"/>
  <c r="AF59165" i="1"/>
  <c r="AF59166" i="1"/>
  <c r="AF59167" i="1"/>
  <c r="AF59168" i="1"/>
  <c r="AF59169" i="1"/>
  <c r="AF59170" i="1"/>
  <c r="AF59171" i="1"/>
  <c r="AF59172" i="1"/>
  <c r="AF59173" i="1"/>
  <c r="AF59174" i="1"/>
  <c r="AF59175" i="1"/>
  <c r="AF59176" i="1"/>
  <c r="AF59177" i="1"/>
  <c r="AF59178" i="1"/>
  <c r="AF59179" i="1"/>
  <c r="AF59180" i="1"/>
  <c r="AF59181" i="1"/>
  <c r="AF59182" i="1"/>
  <c r="AF59183" i="1"/>
  <c r="AF59184" i="1"/>
  <c r="AF59185" i="1"/>
  <c r="AF59186" i="1"/>
  <c r="AF59187" i="1"/>
  <c r="AF59188" i="1"/>
  <c r="AF59189" i="1"/>
  <c r="AF59190" i="1"/>
  <c r="AF59191" i="1"/>
  <c r="AF59192" i="1"/>
  <c r="AF59193" i="1"/>
  <c r="AF59194" i="1"/>
  <c r="AF59195" i="1"/>
  <c r="AF59196" i="1"/>
  <c r="AF59197" i="1"/>
  <c r="AF59198" i="1"/>
  <c r="AF59199" i="1"/>
  <c r="AF59200" i="1"/>
  <c r="AF59201" i="1"/>
  <c r="AF59202" i="1"/>
  <c r="AF59203" i="1"/>
  <c r="AF59204" i="1"/>
  <c r="AF59205" i="1"/>
  <c r="AF59206" i="1"/>
  <c r="AF59207" i="1"/>
  <c r="AF59208" i="1"/>
  <c r="AF59209" i="1"/>
  <c r="AF59210" i="1"/>
  <c r="AF59211" i="1"/>
  <c r="AF59212" i="1"/>
  <c r="AF59213" i="1"/>
  <c r="AF59214" i="1"/>
  <c r="AF59215" i="1"/>
  <c r="AF59216" i="1"/>
  <c r="AF59217" i="1"/>
  <c r="AF59218" i="1"/>
  <c r="AF59219" i="1"/>
  <c r="AF59220" i="1"/>
  <c r="AF59221" i="1"/>
  <c r="AF59222" i="1"/>
  <c r="AF59223" i="1"/>
  <c r="AF59224" i="1"/>
  <c r="AF59225" i="1"/>
  <c r="AF59226" i="1"/>
  <c r="AF59227" i="1"/>
  <c r="AF59228" i="1"/>
  <c r="AF59229" i="1"/>
  <c r="AF59230" i="1"/>
  <c r="AF59231" i="1"/>
  <c r="AF59232" i="1"/>
  <c r="AF59233" i="1"/>
  <c r="AF59234" i="1"/>
  <c r="AF59235" i="1"/>
  <c r="AF59236" i="1"/>
  <c r="AF59237" i="1"/>
  <c r="AF59238" i="1"/>
  <c r="AF59239" i="1"/>
  <c r="AF59240" i="1"/>
  <c r="AF59241" i="1"/>
  <c r="AF59242" i="1"/>
  <c r="AF59243" i="1"/>
  <c r="AF59244" i="1"/>
  <c r="AF59245" i="1"/>
  <c r="AF59246" i="1"/>
  <c r="AF59247" i="1"/>
  <c r="AF59248" i="1"/>
  <c r="AF59249" i="1"/>
  <c r="AF59250" i="1"/>
  <c r="AF59251" i="1"/>
  <c r="AF59252" i="1"/>
  <c r="AF59253" i="1"/>
  <c r="AF59254" i="1"/>
  <c r="AF59255" i="1"/>
  <c r="AF59256" i="1"/>
  <c r="AF59257" i="1"/>
  <c r="AF59258" i="1"/>
  <c r="AF59259" i="1"/>
  <c r="AF59260" i="1"/>
  <c r="AF59261" i="1"/>
  <c r="AF59262" i="1"/>
  <c r="AF59263" i="1"/>
  <c r="AF59264" i="1"/>
  <c r="AF59265" i="1"/>
  <c r="AF59266" i="1"/>
  <c r="AF59267" i="1"/>
  <c r="AF59268" i="1"/>
  <c r="AF59269" i="1"/>
  <c r="AF59270" i="1"/>
  <c r="AF59271" i="1"/>
  <c r="AF59272" i="1"/>
  <c r="AF59273" i="1"/>
  <c r="AF59274" i="1"/>
  <c r="AF59275" i="1"/>
  <c r="AF59276" i="1"/>
  <c r="AF59277" i="1"/>
  <c r="AF59278" i="1"/>
  <c r="AF59279" i="1"/>
  <c r="AF59280" i="1"/>
  <c r="AF59281" i="1"/>
  <c r="AF59282" i="1"/>
  <c r="AF59283" i="1"/>
  <c r="AF59284" i="1"/>
  <c r="AF59285" i="1"/>
  <c r="AF59286" i="1"/>
  <c r="AF59287" i="1"/>
  <c r="AF59288" i="1"/>
  <c r="AF59289" i="1"/>
  <c r="AF59290" i="1"/>
  <c r="AF59291" i="1"/>
  <c r="AF59292" i="1"/>
  <c r="AF59293" i="1"/>
  <c r="AF59294" i="1"/>
  <c r="AF59295" i="1"/>
  <c r="AF59296" i="1"/>
  <c r="AF59297" i="1"/>
  <c r="AF59298" i="1"/>
  <c r="AF59299" i="1"/>
  <c r="AF59300" i="1"/>
  <c r="AF59301" i="1"/>
  <c r="AF59302" i="1"/>
  <c r="AF59303" i="1"/>
  <c r="AF59304" i="1"/>
  <c r="AF59305" i="1"/>
  <c r="AF59306" i="1"/>
  <c r="AF59307" i="1"/>
  <c r="AF59308" i="1"/>
  <c r="AF59309" i="1"/>
  <c r="AF59310" i="1"/>
  <c r="AF59311" i="1"/>
  <c r="AF59312" i="1"/>
  <c r="AF59313" i="1"/>
  <c r="AF59314" i="1"/>
  <c r="AF59315" i="1"/>
  <c r="AF59316" i="1"/>
  <c r="AF59317" i="1"/>
  <c r="AF59318" i="1"/>
  <c r="AF59319" i="1"/>
  <c r="AF59320" i="1"/>
  <c r="AF59321" i="1"/>
  <c r="AF59322" i="1"/>
  <c r="AF59323" i="1"/>
  <c r="AF59324" i="1"/>
  <c r="AF59325" i="1"/>
  <c r="AF59326" i="1"/>
  <c r="AF59327" i="1"/>
  <c r="AF59328" i="1"/>
  <c r="AF59329" i="1"/>
  <c r="AF59330" i="1"/>
  <c r="AF59331" i="1"/>
  <c r="AF59332" i="1"/>
  <c r="AF59333" i="1"/>
  <c r="AF59334" i="1"/>
  <c r="AF59335" i="1"/>
  <c r="AF59336" i="1"/>
  <c r="AF59337" i="1"/>
  <c r="AF59338" i="1"/>
  <c r="AF59339" i="1"/>
  <c r="AF59340" i="1"/>
  <c r="AF59341" i="1"/>
  <c r="AF59342" i="1"/>
  <c r="AF59343" i="1"/>
  <c r="AF59344" i="1"/>
  <c r="AF59345" i="1"/>
  <c r="AF59346" i="1"/>
  <c r="AF59347" i="1"/>
  <c r="AF59348" i="1"/>
  <c r="AF59349" i="1"/>
  <c r="AF59350" i="1"/>
  <c r="AF59351" i="1"/>
  <c r="AF59352" i="1"/>
  <c r="AF59353" i="1"/>
  <c r="AF59354" i="1"/>
  <c r="AF59355" i="1"/>
  <c r="AF59356" i="1"/>
  <c r="AF59357" i="1"/>
  <c r="AF59358" i="1"/>
  <c r="AF59359" i="1"/>
  <c r="AF59360" i="1"/>
  <c r="AF59361" i="1"/>
  <c r="AF59362" i="1"/>
  <c r="AF59363" i="1"/>
  <c r="AF59364" i="1"/>
  <c r="AF59365" i="1"/>
  <c r="AF59366" i="1"/>
  <c r="AF59367" i="1"/>
  <c r="AF59368" i="1"/>
  <c r="AF59369" i="1"/>
  <c r="AF59370" i="1"/>
  <c r="AF59371" i="1"/>
  <c r="AF59372" i="1"/>
  <c r="AF59373" i="1"/>
  <c r="AF59374" i="1"/>
  <c r="AF59375" i="1"/>
  <c r="AF59376" i="1"/>
  <c r="AF59377" i="1"/>
  <c r="AF59378" i="1"/>
  <c r="AF59379" i="1"/>
  <c r="AF59380" i="1"/>
  <c r="AF59381" i="1"/>
  <c r="AF59382" i="1"/>
  <c r="AF59383" i="1"/>
  <c r="AF59384" i="1"/>
  <c r="AF59385" i="1"/>
  <c r="AF59386" i="1"/>
  <c r="AF59387" i="1"/>
  <c r="AF59388" i="1"/>
  <c r="AF59389" i="1"/>
  <c r="AF59390" i="1"/>
  <c r="AF59391" i="1"/>
  <c r="AF59392" i="1"/>
  <c r="AF59393" i="1"/>
  <c r="AF59394" i="1"/>
  <c r="AF59395" i="1"/>
  <c r="AF59396" i="1"/>
  <c r="AF59397" i="1"/>
  <c r="AF59398" i="1"/>
  <c r="AF59399" i="1"/>
  <c r="AF59400" i="1"/>
  <c r="AF59401" i="1"/>
  <c r="AF59402" i="1"/>
  <c r="AF59403" i="1"/>
  <c r="AF59404" i="1"/>
  <c r="AF59405" i="1"/>
  <c r="AF59406" i="1"/>
  <c r="AF59407" i="1"/>
  <c r="AF59408" i="1"/>
  <c r="AF59409" i="1"/>
  <c r="AF59410" i="1"/>
  <c r="AF59411" i="1"/>
  <c r="AF59412" i="1"/>
  <c r="AF59413" i="1"/>
  <c r="AF59414" i="1"/>
  <c r="AF59415" i="1"/>
  <c r="AF59416" i="1"/>
  <c r="AF59417" i="1"/>
  <c r="AF59418" i="1"/>
  <c r="AF59419" i="1"/>
  <c r="AF59420" i="1"/>
  <c r="AF59421" i="1"/>
  <c r="AF59422" i="1"/>
  <c r="AF59423" i="1"/>
  <c r="AF59424" i="1"/>
  <c r="AF59425" i="1"/>
  <c r="AF59426" i="1"/>
  <c r="AF59427" i="1"/>
  <c r="AF59428" i="1"/>
  <c r="AF59429" i="1"/>
  <c r="AF59430" i="1"/>
  <c r="AF59431" i="1"/>
  <c r="AF59432" i="1"/>
  <c r="AF59433" i="1"/>
  <c r="AF59434" i="1"/>
  <c r="AF59435" i="1"/>
  <c r="AF59436" i="1"/>
  <c r="AF59437" i="1"/>
  <c r="AF59438" i="1"/>
  <c r="AF59439" i="1"/>
  <c r="AF59440" i="1"/>
  <c r="AF59441" i="1"/>
  <c r="AF59442" i="1"/>
  <c r="AF59443" i="1"/>
  <c r="AF59444" i="1"/>
  <c r="AF59445" i="1"/>
  <c r="AF59446" i="1"/>
  <c r="AF59447" i="1"/>
  <c r="AF59448" i="1"/>
  <c r="AF59449" i="1"/>
  <c r="AF59450" i="1"/>
  <c r="AF59451" i="1"/>
  <c r="AF59452" i="1"/>
  <c r="AF59453" i="1"/>
  <c r="AF59454" i="1"/>
  <c r="AF59455" i="1"/>
  <c r="AF59456" i="1"/>
  <c r="AF59457" i="1"/>
  <c r="AF59458" i="1"/>
  <c r="AF59459" i="1"/>
  <c r="AF59460" i="1"/>
  <c r="AF59461" i="1"/>
  <c r="AF59462" i="1"/>
  <c r="AF59463" i="1"/>
  <c r="AF59464" i="1"/>
  <c r="AF59465" i="1"/>
  <c r="AF59466" i="1"/>
  <c r="AF59467" i="1"/>
  <c r="AF59468" i="1"/>
  <c r="AF59469" i="1"/>
  <c r="AF59470" i="1"/>
  <c r="AF59471" i="1"/>
  <c r="AF59472" i="1"/>
  <c r="AF59473" i="1"/>
  <c r="AF59474" i="1"/>
  <c r="AF59475" i="1"/>
  <c r="AF59476" i="1"/>
  <c r="AF59477" i="1"/>
  <c r="AF59478" i="1"/>
  <c r="AF59479" i="1"/>
  <c r="AF59480" i="1"/>
  <c r="AF59481" i="1"/>
  <c r="AF59482" i="1"/>
  <c r="AF59483" i="1"/>
  <c r="AF59484" i="1"/>
  <c r="AF59485" i="1"/>
  <c r="AF59486" i="1"/>
  <c r="AF59487" i="1"/>
  <c r="AF59488" i="1"/>
  <c r="AF59489" i="1"/>
  <c r="AF59490" i="1"/>
  <c r="AF59491" i="1"/>
  <c r="AF59492" i="1"/>
  <c r="AF59493" i="1"/>
  <c r="AF59494" i="1"/>
  <c r="AF59495" i="1"/>
  <c r="AF59496" i="1"/>
  <c r="AF59497" i="1"/>
  <c r="AF59498" i="1"/>
  <c r="AF59499" i="1"/>
  <c r="AF59500" i="1"/>
  <c r="AF59501" i="1"/>
  <c r="AF59502" i="1"/>
  <c r="AF59503" i="1"/>
  <c r="AF59504" i="1"/>
  <c r="AF59505" i="1"/>
  <c r="AF59506" i="1"/>
  <c r="AF59507" i="1"/>
  <c r="AF59508" i="1"/>
  <c r="AF59509" i="1"/>
  <c r="AF59510" i="1"/>
  <c r="AF59511" i="1"/>
  <c r="AF59512" i="1"/>
  <c r="AF59513" i="1"/>
  <c r="AF59514" i="1"/>
  <c r="AF59515" i="1"/>
  <c r="AF59516" i="1"/>
  <c r="AF59517" i="1"/>
  <c r="AF59518" i="1"/>
  <c r="AF59519" i="1"/>
  <c r="AF59520" i="1"/>
  <c r="AF59521" i="1"/>
  <c r="AF59522" i="1"/>
  <c r="AF59523" i="1"/>
  <c r="AF59524" i="1"/>
  <c r="AF59525" i="1"/>
  <c r="AF59526" i="1"/>
  <c r="AF59527" i="1"/>
  <c r="AF59528" i="1"/>
  <c r="AF59529" i="1"/>
  <c r="AF59530" i="1"/>
  <c r="AF59531" i="1"/>
  <c r="AF59532" i="1"/>
  <c r="AF59533" i="1"/>
  <c r="AF59534" i="1"/>
  <c r="AF59535" i="1"/>
  <c r="AF59536" i="1"/>
  <c r="AF59537" i="1"/>
  <c r="AF59538" i="1"/>
  <c r="AF59539" i="1"/>
  <c r="AF59540" i="1"/>
  <c r="AF59541" i="1"/>
  <c r="AF59542" i="1"/>
  <c r="AF59543" i="1"/>
  <c r="AF59544" i="1"/>
  <c r="AF59545" i="1"/>
  <c r="AF59546" i="1"/>
  <c r="AF59547" i="1"/>
  <c r="AF59548" i="1"/>
  <c r="AF59549" i="1"/>
  <c r="AF59550" i="1"/>
  <c r="AF59551" i="1"/>
  <c r="AF59552" i="1"/>
  <c r="AF59553" i="1"/>
  <c r="AF59554" i="1"/>
  <c r="AF59555" i="1"/>
  <c r="AF59556" i="1"/>
  <c r="AF59557" i="1"/>
  <c r="AF59558" i="1"/>
  <c r="AF59559" i="1"/>
  <c r="AF59560" i="1"/>
  <c r="AF59561" i="1"/>
  <c r="AF59562" i="1"/>
  <c r="AF59563" i="1"/>
  <c r="AF59564" i="1"/>
  <c r="AF59565" i="1"/>
  <c r="AF59566" i="1"/>
  <c r="AF59567" i="1"/>
  <c r="AF59568" i="1"/>
  <c r="AF59569" i="1"/>
  <c r="AF59570" i="1"/>
  <c r="AF59571" i="1"/>
  <c r="AF59572" i="1"/>
  <c r="AF59573" i="1"/>
  <c r="AF59574" i="1"/>
  <c r="AF59575" i="1"/>
  <c r="AF59576" i="1"/>
  <c r="AF59577" i="1"/>
  <c r="AF59578" i="1"/>
  <c r="AF59579" i="1"/>
  <c r="AF59580" i="1"/>
  <c r="AF59581" i="1"/>
  <c r="AF59582" i="1"/>
  <c r="AF59583" i="1"/>
  <c r="AF59584" i="1"/>
  <c r="AF59585" i="1"/>
  <c r="AF59586" i="1"/>
  <c r="AF59587" i="1"/>
  <c r="AF59588" i="1"/>
  <c r="AF59589" i="1"/>
  <c r="AF59590" i="1"/>
  <c r="AF59591" i="1"/>
  <c r="AF59592" i="1"/>
  <c r="AF59593" i="1"/>
  <c r="AF59594" i="1"/>
  <c r="AF59595" i="1"/>
  <c r="AF59596" i="1"/>
  <c r="AF59597" i="1"/>
  <c r="AF59598" i="1"/>
  <c r="AF59599" i="1"/>
  <c r="AF59600" i="1"/>
  <c r="AF59601" i="1"/>
  <c r="AF59602" i="1"/>
  <c r="AF59603" i="1"/>
  <c r="AF59604" i="1"/>
  <c r="AF59605" i="1"/>
  <c r="AF59606" i="1"/>
  <c r="AF59607" i="1"/>
  <c r="AF59608" i="1"/>
  <c r="AF59609" i="1"/>
  <c r="AF59610" i="1"/>
  <c r="AF59611" i="1"/>
  <c r="AF59612" i="1"/>
  <c r="AF59613" i="1"/>
  <c r="AF59614" i="1"/>
  <c r="AF59615" i="1"/>
  <c r="AF59616" i="1"/>
  <c r="AF59617" i="1"/>
  <c r="AF59618" i="1"/>
  <c r="AF59619" i="1"/>
  <c r="AF59620" i="1"/>
  <c r="AF59621" i="1"/>
  <c r="AF59622" i="1"/>
  <c r="AF59623" i="1"/>
  <c r="AF59624" i="1"/>
  <c r="AF59625" i="1"/>
  <c r="AF59626" i="1"/>
  <c r="AF59627" i="1"/>
  <c r="AF59628" i="1"/>
  <c r="AF59629" i="1"/>
  <c r="AF59630" i="1"/>
  <c r="AF59631" i="1"/>
  <c r="AF59632" i="1"/>
  <c r="AF59633" i="1"/>
  <c r="AF59634" i="1"/>
  <c r="AF59635" i="1"/>
  <c r="AF59636" i="1"/>
  <c r="AF59637" i="1"/>
  <c r="AF59638" i="1"/>
  <c r="AF59639" i="1"/>
  <c r="AF59640" i="1"/>
  <c r="AF59641" i="1"/>
  <c r="AF59642" i="1"/>
  <c r="AF59643" i="1"/>
  <c r="AF59644" i="1"/>
  <c r="AF59645" i="1"/>
  <c r="AF59646" i="1"/>
  <c r="AF59647" i="1"/>
  <c r="AF59648" i="1"/>
  <c r="AF59649" i="1"/>
  <c r="AF59650" i="1"/>
  <c r="AF59651" i="1"/>
  <c r="AF59652" i="1"/>
  <c r="AF59653" i="1"/>
  <c r="AF59654" i="1"/>
  <c r="AF59655" i="1"/>
  <c r="AF59656" i="1"/>
  <c r="AF59657" i="1"/>
  <c r="AF59658" i="1"/>
  <c r="AF59659" i="1"/>
  <c r="AF59660" i="1"/>
  <c r="AF59661" i="1"/>
  <c r="AF59662" i="1"/>
  <c r="AF59663" i="1"/>
  <c r="AF59664" i="1"/>
  <c r="AF59665" i="1"/>
  <c r="AF59666" i="1"/>
  <c r="AF59667" i="1"/>
  <c r="AF59668" i="1"/>
  <c r="AF59669" i="1"/>
  <c r="AF59670" i="1"/>
  <c r="AF59671" i="1"/>
  <c r="AF59672" i="1"/>
  <c r="AF59673" i="1"/>
  <c r="AF59674" i="1"/>
  <c r="AF59675" i="1"/>
  <c r="AF59676" i="1"/>
  <c r="AF59677" i="1"/>
  <c r="AF59678" i="1"/>
  <c r="AF59679" i="1"/>
  <c r="AF59680" i="1"/>
  <c r="AF59681" i="1"/>
  <c r="AF59682" i="1"/>
  <c r="AF59683" i="1"/>
  <c r="AF59684" i="1"/>
  <c r="AF59685" i="1"/>
  <c r="AF59686" i="1"/>
  <c r="AF59687" i="1"/>
  <c r="AF59688" i="1"/>
  <c r="AF59689" i="1"/>
  <c r="AF59690" i="1"/>
  <c r="AF59691" i="1"/>
  <c r="AF59692" i="1"/>
  <c r="AF59693" i="1"/>
  <c r="AF59694" i="1"/>
  <c r="AF59695" i="1"/>
  <c r="AF59696" i="1"/>
  <c r="AF59697" i="1"/>
  <c r="AF59698" i="1"/>
  <c r="AF59699" i="1"/>
  <c r="AF59700" i="1"/>
  <c r="AF59701" i="1"/>
  <c r="AF59702" i="1"/>
  <c r="AF59703" i="1"/>
  <c r="AF59704" i="1"/>
  <c r="AF59705" i="1"/>
  <c r="AF59706" i="1"/>
  <c r="AF59707" i="1"/>
  <c r="AF59708" i="1"/>
  <c r="AF59709" i="1"/>
  <c r="AF59710" i="1"/>
  <c r="AF59711" i="1"/>
  <c r="AF59712" i="1"/>
  <c r="AF59713" i="1"/>
  <c r="AF59714" i="1"/>
  <c r="AF59715" i="1"/>
  <c r="AF59716" i="1"/>
  <c r="AF59717" i="1"/>
  <c r="AF59718" i="1"/>
  <c r="AF59719" i="1"/>
  <c r="AF59720" i="1"/>
  <c r="AF59721" i="1"/>
  <c r="AF59722" i="1"/>
  <c r="AF59723" i="1"/>
  <c r="AF59724" i="1"/>
  <c r="AF59725" i="1"/>
  <c r="AF59726" i="1"/>
  <c r="AF59727" i="1"/>
  <c r="AF59728" i="1"/>
  <c r="AF59729" i="1"/>
  <c r="AF59730" i="1"/>
  <c r="AF59731" i="1"/>
  <c r="AF59732" i="1"/>
  <c r="AF59733" i="1"/>
  <c r="AF59734" i="1"/>
  <c r="AF59735" i="1"/>
  <c r="AF59736" i="1"/>
  <c r="AF59737" i="1"/>
  <c r="AF59738" i="1"/>
  <c r="AF59739" i="1"/>
  <c r="AF59740" i="1"/>
  <c r="AF59741" i="1"/>
  <c r="AF59742" i="1"/>
  <c r="AF59743" i="1"/>
  <c r="AF59744" i="1"/>
  <c r="AF59745" i="1"/>
  <c r="AF59746" i="1"/>
  <c r="AF59747" i="1"/>
  <c r="AF59748" i="1"/>
  <c r="AF59749" i="1"/>
  <c r="AF59750" i="1"/>
  <c r="AF59751" i="1"/>
  <c r="AF59752" i="1"/>
  <c r="AF59753" i="1"/>
  <c r="AF59754" i="1"/>
  <c r="AF59755" i="1"/>
  <c r="AF59756" i="1"/>
  <c r="AF59757" i="1"/>
  <c r="AF59758" i="1"/>
  <c r="AF59759" i="1"/>
  <c r="AF59760" i="1"/>
  <c r="AF59761" i="1"/>
  <c r="AF59762" i="1"/>
  <c r="AF59763" i="1"/>
  <c r="AF59764" i="1"/>
  <c r="AF59765" i="1"/>
  <c r="AF59766" i="1"/>
  <c r="AF59767" i="1"/>
  <c r="AF59768" i="1"/>
  <c r="AF59769" i="1"/>
  <c r="AF59770" i="1"/>
  <c r="AF59771" i="1"/>
  <c r="AF59772" i="1"/>
  <c r="AF59773" i="1"/>
  <c r="AF59774" i="1"/>
  <c r="AF59775" i="1"/>
  <c r="AF59776" i="1"/>
  <c r="AF59777" i="1"/>
  <c r="AF59778" i="1"/>
  <c r="AF59779" i="1"/>
  <c r="AF59780" i="1"/>
  <c r="AF59781" i="1"/>
  <c r="AF59782" i="1"/>
  <c r="AF59783" i="1"/>
  <c r="AF59784" i="1"/>
  <c r="AF59785" i="1"/>
  <c r="AF59786" i="1"/>
  <c r="AF59787" i="1"/>
  <c r="AF59788" i="1"/>
  <c r="AF59789" i="1"/>
  <c r="AF59790" i="1"/>
  <c r="AF59791" i="1"/>
  <c r="AF59792" i="1"/>
  <c r="AF59793" i="1"/>
  <c r="AF59794" i="1"/>
  <c r="AF59795" i="1"/>
  <c r="AF59796" i="1"/>
  <c r="AF59797" i="1"/>
  <c r="AF59798" i="1"/>
  <c r="AF59799" i="1"/>
  <c r="AF59800" i="1"/>
  <c r="AF59801" i="1"/>
  <c r="AF59802" i="1"/>
  <c r="AF59803" i="1"/>
  <c r="AF59804" i="1"/>
  <c r="AF59805" i="1"/>
  <c r="AF59806" i="1"/>
  <c r="AF59807" i="1"/>
  <c r="AF59808" i="1"/>
  <c r="AF59809" i="1"/>
  <c r="AF59810" i="1"/>
  <c r="AF59811" i="1"/>
  <c r="AF59812" i="1"/>
  <c r="AF59813" i="1"/>
  <c r="AF59814" i="1"/>
  <c r="AF59815" i="1"/>
  <c r="AF59816" i="1"/>
  <c r="AF59817" i="1"/>
  <c r="AF59818" i="1"/>
  <c r="AF59819" i="1"/>
  <c r="AF59820" i="1"/>
  <c r="AF59821" i="1"/>
  <c r="AF59822" i="1"/>
  <c r="AF59823" i="1"/>
  <c r="AF59824" i="1"/>
  <c r="AF59825" i="1"/>
  <c r="AF59826" i="1"/>
  <c r="AF59827" i="1"/>
  <c r="AF59828" i="1"/>
  <c r="AF59829" i="1"/>
  <c r="AF59830" i="1"/>
  <c r="AF59831" i="1"/>
  <c r="AF59832" i="1"/>
  <c r="AF59833" i="1"/>
  <c r="AF59834" i="1"/>
  <c r="AF59835" i="1"/>
  <c r="AF59836" i="1"/>
  <c r="AF59837" i="1"/>
  <c r="AF59838" i="1"/>
  <c r="AF59839" i="1"/>
  <c r="AF59840" i="1"/>
  <c r="AF59841" i="1"/>
  <c r="AF59842" i="1"/>
  <c r="AF59843" i="1"/>
  <c r="AF59844" i="1"/>
  <c r="AF59845" i="1"/>
  <c r="AF59846" i="1"/>
  <c r="AF59847" i="1"/>
  <c r="AF59848" i="1"/>
  <c r="AF59849" i="1"/>
  <c r="AF59850" i="1"/>
  <c r="AF59851" i="1"/>
  <c r="AF59852" i="1"/>
  <c r="AF59853" i="1"/>
  <c r="AF59854" i="1"/>
  <c r="AF59855" i="1"/>
  <c r="AF59856" i="1"/>
  <c r="AF59857" i="1"/>
  <c r="AF59858" i="1"/>
  <c r="AF59859" i="1"/>
  <c r="AF59860" i="1"/>
  <c r="AF59861" i="1"/>
  <c r="AF59862" i="1"/>
  <c r="AF59863" i="1"/>
  <c r="AF59864" i="1"/>
  <c r="AF59865" i="1"/>
  <c r="AF59866" i="1"/>
  <c r="AF59867" i="1"/>
  <c r="AF59868" i="1"/>
  <c r="AF59869" i="1"/>
  <c r="AF59870" i="1"/>
  <c r="AF59871" i="1"/>
  <c r="AF59872" i="1"/>
  <c r="AF59873" i="1"/>
  <c r="AF59874" i="1"/>
  <c r="AF59875" i="1"/>
  <c r="AF59876" i="1"/>
  <c r="AF59877" i="1"/>
  <c r="AF59878" i="1"/>
  <c r="AF59879" i="1"/>
  <c r="AF59880" i="1"/>
  <c r="AF59881" i="1"/>
  <c r="AF59882" i="1"/>
  <c r="AF59883" i="1"/>
  <c r="AF59884" i="1"/>
  <c r="AF59885" i="1"/>
  <c r="AF59886" i="1"/>
  <c r="AF59887" i="1"/>
  <c r="AF59888" i="1"/>
  <c r="AF59889" i="1"/>
  <c r="AF59890" i="1"/>
  <c r="AF59891" i="1"/>
  <c r="AF59892" i="1"/>
  <c r="AF59893" i="1"/>
  <c r="AF59894" i="1"/>
  <c r="AF59895" i="1"/>
  <c r="AF59896" i="1"/>
  <c r="AF59897" i="1"/>
  <c r="AF59898" i="1"/>
  <c r="AF59899" i="1"/>
  <c r="AF59900" i="1"/>
  <c r="AF59901" i="1"/>
  <c r="AF59902" i="1"/>
  <c r="AF59903" i="1"/>
  <c r="AF59904" i="1"/>
  <c r="AF59905" i="1"/>
  <c r="AF59906" i="1"/>
  <c r="AF59907" i="1"/>
  <c r="AF59908" i="1"/>
  <c r="AF59909" i="1"/>
  <c r="AF59910" i="1"/>
  <c r="AF59911" i="1"/>
  <c r="AF59912" i="1"/>
  <c r="AF59913" i="1"/>
  <c r="AF59914" i="1"/>
  <c r="AF59915" i="1"/>
  <c r="AF59916" i="1"/>
  <c r="AF59917" i="1"/>
  <c r="AF59918" i="1"/>
  <c r="AF59919" i="1"/>
  <c r="AF59920" i="1"/>
  <c r="AF59921" i="1"/>
  <c r="AF59922" i="1"/>
  <c r="AF59923" i="1"/>
  <c r="AF59924" i="1"/>
  <c r="AF59925" i="1"/>
  <c r="AF59926" i="1"/>
  <c r="AF59927" i="1"/>
  <c r="AF59928" i="1"/>
  <c r="AF59929" i="1"/>
  <c r="AF59930" i="1"/>
  <c r="AF59931" i="1"/>
  <c r="AF59932" i="1"/>
  <c r="AF59933" i="1"/>
  <c r="AF59934" i="1"/>
  <c r="AF59935" i="1"/>
  <c r="AF59936" i="1"/>
  <c r="AF59937" i="1"/>
  <c r="AF59938" i="1"/>
  <c r="AF59939" i="1"/>
  <c r="AF59940" i="1"/>
  <c r="AF59941" i="1"/>
  <c r="AF59942" i="1"/>
  <c r="AF59943" i="1"/>
  <c r="AF59944" i="1"/>
  <c r="AF59945" i="1"/>
  <c r="AF59946" i="1"/>
  <c r="AF59947" i="1"/>
  <c r="AF59948" i="1"/>
  <c r="AF59949" i="1"/>
  <c r="AF59950" i="1"/>
  <c r="AF59951" i="1"/>
  <c r="AF59952" i="1"/>
  <c r="AF59953" i="1"/>
  <c r="AF59954" i="1"/>
  <c r="AF59955" i="1"/>
  <c r="AF59956" i="1"/>
  <c r="AF59957" i="1"/>
  <c r="AF59958" i="1"/>
  <c r="AF59959" i="1"/>
  <c r="AF59960" i="1"/>
  <c r="AF59961" i="1"/>
  <c r="AF59962" i="1"/>
  <c r="AF59963" i="1"/>
  <c r="AF59964" i="1"/>
  <c r="AF59965" i="1"/>
  <c r="AF59966" i="1"/>
  <c r="AF59967" i="1"/>
  <c r="AF59968" i="1"/>
  <c r="AF59969" i="1"/>
  <c r="AF59970" i="1"/>
  <c r="AF59971" i="1"/>
  <c r="AF59972" i="1"/>
  <c r="AF59973" i="1"/>
  <c r="AF59974" i="1"/>
  <c r="AF59975" i="1"/>
  <c r="AF59976" i="1"/>
  <c r="AF59977" i="1"/>
  <c r="AF59978" i="1"/>
  <c r="AF59979" i="1"/>
  <c r="AF59980" i="1"/>
  <c r="AF59981" i="1"/>
  <c r="AF59982" i="1"/>
  <c r="AF59983" i="1"/>
  <c r="AF59984" i="1"/>
  <c r="AF59985" i="1"/>
  <c r="AF59986" i="1"/>
  <c r="AF59987" i="1"/>
  <c r="AF59988" i="1"/>
  <c r="AF59989" i="1"/>
  <c r="AF59990" i="1"/>
  <c r="AF59991" i="1"/>
  <c r="AF59992" i="1"/>
  <c r="AF59993" i="1"/>
  <c r="AF59994" i="1"/>
  <c r="AF59995" i="1"/>
  <c r="AF59996" i="1"/>
  <c r="AF59997" i="1"/>
  <c r="AF59998" i="1"/>
  <c r="AF59999" i="1"/>
  <c r="AF60000" i="1"/>
  <c r="AF60001" i="1"/>
  <c r="AF60002" i="1"/>
  <c r="AF60003" i="1"/>
  <c r="AF60004" i="1"/>
  <c r="AF60005" i="1"/>
  <c r="AF60006" i="1"/>
  <c r="AF60007" i="1"/>
  <c r="AF60008" i="1"/>
  <c r="AF60009" i="1"/>
  <c r="AF60010" i="1"/>
  <c r="AF60011" i="1"/>
  <c r="AF60012" i="1"/>
  <c r="AF60013" i="1"/>
  <c r="AF60014" i="1"/>
  <c r="AF60015" i="1"/>
  <c r="AF60016" i="1"/>
  <c r="AF60017" i="1"/>
  <c r="AF60018" i="1"/>
  <c r="AF60019" i="1"/>
  <c r="AF60020" i="1"/>
  <c r="AF60021" i="1"/>
  <c r="AF60022" i="1"/>
  <c r="AF60023" i="1"/>
  <c r="AF60024" i="1"/>
  <c r="AF60025" i="1"/>
  <c r="AF60026" i="1"/>
  <c r="AF60027" i="1"/>
  <c r="AF60028" i="1"/>
  <c r="AF60029" i="1"/>
  <c r="AF60030" i="1"/>
  <c r="AF60031" i="1"/>
  <c r="AF60032" i="1"/>
  <c r="AF60033" i="1"/>
  <c r="AF60034" i="1"/>
  <c r="AF60035" i="1"/>
  <c r="AF60036" i="1"/>
  <c r="AF60037" i="1"/>
  <c r="AF60038" i="1"/>
  <c r="AF60039" i="1"/>
  <c r="AF60040" i="1"/>
  <c r="AF60041" i="1"/>
  <c r="AF60042" i="1"/>
  <c r="AF60043" i="1"/>
  <c r="AF60044" i="1"/>
  <c r="AF60045" i="1"/>
  <c r="AF60046" i="1"/>
  <c r="AF60047" i="1"/>
  <c r="AF60048" i="1"/>
  <c r="AF60049" i="1"/>
  <c r="AF60050" i="1"/>
  <c r="AF60051" i="1"/>
  <c r="AF60052" i="1"/>
  <c r="AF60053" i="1"/>
  <c r="AF60054" i="1"/>
  <c r="AF60055" i="1"/>
  <c r="AF60056" i="1"/>
  <c r="AF60057" i="1"/>
  <c r="AF60058" i="1"/>
  <c r="AF60059" i="1"/>
  <c r="AF60060" i="1"/>
  <c r="AF60061" i="1"/>
  <c r="AF60062" i="1"/>
  <c r="AF60063" i="1"/>
  <c r="AF60064" i="1"/>
  <c r="AF60065" i="1"/>
  <c r="AF60066" i="1"/>
  <c r="AF60067" i="1"/>
  <c r="AF60068" i="1"/>
  <c r="AF60069" i="1"/>
  <c r="AF60070" i="1"/>
  <c r="AF60071" i="1"/>
  <c r="AF60072" i="1"/>
  <c r="AF60073" i="1"/>
  <c r="AF60074" i="1"/>
  <c r="AF60075" i="1"/>
  <c r="AF60076" i="1"/>
  <c r="AF60077" i="1"/>
  <c r="AF60078" i="1"/>
  <c r="AF60079" i="1"/>
  <c r="AF60080" i="1"/>
  <c r="AF60081" i="1"/>
  <c r="AF60082" i="1"/>
  <c r="AF60083" i="1"/>
  <c r="AF60084" i="1"/>
  <c r="AF60085" i="1"/>
  <c r="AF60086" i="1"/>
  <c r="AF60087" i="1"/>
  <c r="AF60088" i="1"/>
  <c r="AF60089" i="1"/>
  <c r="AF60090" i="1"/>
  <c r="AF60091" i="1"/>
  <c r="AF60092" i="1"/>
  <c r="AF60093" i="1"/>
  <c r="AF60094" i="1"/>
  <c r="AF60095" i="1"/>
  <c r="AF60096" i="1"/>
  <c r="AF60097" i="1"/>
  <c r="AF60098" i="1"/>
  <c r="AF60099" i="1"/>
  <c r="AF60100" i="1"/>
  <c r="AF60101" i="1"/>
  <c r="AF60102" i="1"/>
  <c r="AF60103" i="1"/>
  <c r="AF60104" i="1"/>
  <c r="AF60105" i="1"/>
  <c r="AF60106" i="1"/>
  <c r="AF60107" i="1"/>
  <c r="AF60108" i="1"/>
  <c r="AF60109" i="1"/>
  <c r="AF60110" i="1"/>
  <c r="AF60111" i="1"/>
  <c r="AF60112" i="1"/>
  <c r="AF60113" i="1"/>
  <c r="AF60114" i="1"/>
  <c r="AF60115" i="1"/>
  <c r="AF60116" i="1"/>
  <c r="AF60117" i="1"/>
  <c r="AF60118" i="1"/>
  <c r="AF60119" i="1"/>
  <c r="AF60120" i="1"/>
  <c r="AF60121" i="1"/>
  <c r="AF60122" i="1"/>
  <c r="AF60123" i="1"/>
  <c r="AF60124" i="1"/>
  <c r="AF60125" i="1"/>
  <c r="AF60126" i="1"/>
  <c r="AF60127" i="1"/>
  <c r="AF60128" i="1"/>
  <c r="AF60129" i="1"/>
  <c r="AF60130" i="1"/>
  <c r="AF60131" i="1"/>
  <c r="AF60132" i="1"/>
  <c r="AF60133" i="1"/>
  <c r="AF60134" i="1"/>
  <c r="AF60135" i="1"/>
  <c r="AF60136" i="1"/>
  <c r="AF60137" i="1"/>
  <c r="AF60138" i="1"/>
  <c r="AF60139" i="1"/>
  <c r="AF60140" i="1"/>
  <c r="AF60141" i="1"/>
  <c r="AF60142" i="1"/>
  <c r="AF60143" i="1"/>
  <c r="AF60144" i="1"/>
  <c r="AF60145" i="1"/>
  <c r="AF60146" i="1"/>
  <c r="AF60147" i="1"/>
  <c r="AF60148" i="1"/>
  <c r="AF60149" i="1"/>
  <c r="AF60150" i="1"/>
  <c r="AF60151" i="1"/>
  <c r="AF60152" i="1"/>
  <c r="AF60153" i="1"/>
  <c r="AF60154" i="1"/>
  <c r="AF60155" i="1"/>
  <c r="AF60156" i="1"/>
  <c r="AF60157" i="1"/>
  <c r="AF60158" i="1"/>
  <c r="AF60159" i="1"/>
  <c r="AF60160" i="1"/>
  <c r="AF60161" i="1"/>
  <c r="AF60162" i="1"/>
  <c r="AF60163" i="1"/>
  <c r="AF60164" i="1"/>
  <c r="AF60165" i="1"/>
  <c r="AF60166" i="1"/>
  <c r="AF60167" i="1"/>
  <c r="AF60168" i="1"/>
  <c r="AF60169" i="1"/>
  <c r="AF60170" i="1"/>
  <c r="AF60171" i="1"/>
  <c r="AF60172" i="1"/>
  <c r="AF60173" i="1"/>
  <c r="AF60174" i="1"/>
  <c r="AF60175" i="1"/>
  <c r="AF60176" i="1"/>
  <c r="AF60177" i="1"/>
  <c r="AF60178" i="1"/>
  <c r="AF60179" i="1"/>
  <c r="AF60180" i="1"/>
  <c r="AF60181" i="1"/>
  <c r="AF60182" i="1"/>
  <c r="AF60183" i="1"/>
  <c r="AF60184" i="1"/>
  <c r="AF60185" i="1"/>
  <c r="AF60186" i="1"/>
  <c r="AF60187" i="1"/>
  <c r="AF60188" i="1"/>
  <c r="AF60189" i="1"/>
  <c r="AF60190" i="1"/>
  <c r="AF60191" i="1"/>
  <c r="AF60192" i="1"/>
  <c r="AF60193" i="1"/>
  <c r="AF60194" i="1"/>
  <c r="AF60195" i="1"/>
  <c r="AF60196" i="1"/>
  <c r="AF60197" i="1"/>
  <c r="AF60198" i="1"/>
  <c r="AF60199" i="1"/>
  <c r="AF60200" i="1"/>
  <c r="AF60201" i="1"/>
  <c r="AF60202" i="1"/>
  <c r="AF60203" i="1"/>
  <c r="AF60204" i="1"/>
  <c r="AF60205" i="1"/>
  <c r="AF60206" i="1"/>
  <c r="AF60207" i="1"/>
  <c r="AF60208" i="1"/>
  <c r="AF60209" i="1"/>
  <c r="AF60210" i="1"/>
  <c r="AF60211" i="1"/>
  <c r="AF60212" i="1"/>
  <c r="AF60213" i="1"/>
  <c r="AF60214" i="1"/>
  <c r="AF60215" i="1"/>
  <c r="AF60216" i="1"/>
  <c r="AF60217" i="1"/>
  <c r="AF60218" i="1"/>
  <c r="AF60219" i="1"/>
  <c r="AF60220" i="1"/>
  <c r="AF60221" i="1"/>
  <c r="AF60222" i="1"/>
  <c r="AF60223" i="1"/>
  <c r="AF60224" i="1"/>
  <c r="AF60225" i="1"/>
  <c r="AF60226" i="1"/>
  <c r="AF60227" i="1"/>
  <c r="AF60228" i="1"/>
  <c r="AF60229" i="1"/>
  <c r="AF60230" i="1"/>
  <c r="AF60231" i="1"/>
  <c r="AF60232" i="1"/>
  <c r="AF60233" i="1"/>
  <c r="AF60234" i="1"/>
  <c r="AF60235" i="1"/>
  <c r="AF60236" i="1"/>
  <c r="AF60237" i="1"/>
  <c r="AF60238" i="1"/>
  <c r="AF60239" i="1"/>
  <c r="AF60240" i="1"/>
  <c r="AF60241" i="1"/>
  <c r="AF60242" i="1"/>
  <c r="AF60243" i="1"/>
  <c r="AF60244" i="1"/>
  <c r="AF60245" i="1"/>
  <c r="AF60246" i="1"/>
  <c r="AF60247" i="1"/>
  <c r="AF60248" i="1"/>
  <c r="AF60249" i="1"/>
  <c r="AF60250" i="1"/>
  <c r="AF60251" i="1"/>
  <c r="AF60252" i="1"/>
  <c r="AF60253" i="1"/>
  <c r="AF60254" i="1"/>
  <c r="AF60255" i="1"/>
  <c r="AF60256" i="1"/>
  <c r="AF60257" i="1"/>
  <c r="AF60258" i="1"/>
  <c r="AF60259" i="1"/>
  <c r="AF60260" i="1"/>
  <c r="AF60261" i="1"/>
  <c r="AF60262" i="1"/>
  <c r="AF60263" i="1"/>
  <c r="AF60264" i="1"/>
  <c r="AF60265" i="1"/>
  <c r="AF60266" i="1"/>
  <c r="AF60267" i="1"/>
  <c r="AF60268" i="1"/>
  <c r="AF60269" i="1"/>
  <c r="AF60270" i="1"/>
  <c r="AF60271" i="1"/>
  <c r="AF60272" i="1"/>
  <c r="AF60273" i="1"/>
  <c r="AF60274" i="1"/>
  <c r="AF60275" i="1"/>
  <c r="AF60276" i="1"/>
  <c r="AF60277" i="1"/>
  <c r="AF60278" i="1"/>
  <c r="AF60279" i="1"/>
  <c r="AF60280" i="1"/>
  <c r="AF60281" i="1"/>
  <c r="AF60282" i="1"/>
  <c r="AF60283" i="1"/>
  <c r="AF60284" i="1"/>
  <c r="AF60285" i="1"/>
  <c r="AF60286" i="1"/>
  <c r="AF60287" i="1"/>
  <c r="AF60288" i="1"/>
  <c r="AF60289" i="1"/>
  <c r="AF60290" i="1"/>
  <c r="AF60291" i="1"/>
  <c r="AF60292" i="1"/>
  <c r="AF60293" i="1"/>
  <c r="AF60294" i="1"/>
  <c r="AF60295" i="1"/>
  <c r="AF60296" i="1"/>
  <c r="AF60297" i="1"/>
  <c r="AF60298" i="1"/>
  <c r="AF60299" i="1"/>
  <c r="AF60300" i="1"/>
  <c r="AF60301" i="1"/>
  <c r="AF60302" i="1"/>
  <c r="AF60303" i="1"/>
  <c r="AF60304" i="1"/>
  <c r="AF60305" i="1"/>
  <c r="AF60306" i="1"/>
  <c r="AF60307" i="1"/>
  <c r="AF60308" i="1"/>
  <c r="AF60309" i="1"/>
  <c r="AF60310" i="1"/>
  <c r="AF60311" i="1"/>
  <c r="AF60312" i="1"/>
  <c r="AF60313" i="1"/>
  <c r="AF60314" i="1"/>
  <c r="AF60315" i="1"/>
  <c r="AF60316" i="1"/>
  <c r="AF60317" i="1"/>
  <c r="AF60318" i="1"/>
  <c r="AF60319" i="1"/>
  <c r="AF60320" i="1"/>
  <c r="AF60321" i="1"/>
  <c r="AF60322" i="1"/>
  <c r="AF60323" i="1"/>
  <c r="AF60324" i="1"/>
  <c r="AF60325" i="1"/>
  <c r="AF60326" i="1"/>
  <c r="AF60327" i="1"/>
  <c r="AF60328" i="1"/>
  <c r="AF60329" i="1"/>
  <c r="AF60330" i="1"/>
  <c r="AF60331" i="1"/>
  <c r="AF60332" i="1"/>
  <c r="AF60333" i="1"/>
  <c r="AF60334" i="1"/>
  <c r="AF60335" i="1"/>
  <c r="AF60336" i="1"/>
  <c r="AF60337" i="1"/>
  <c r="AF60338" i="1"/>
  <c r="AF60339" i="1"/>
  <c r="AF60340" i="1"/>
  <c r="AF60341" i="1"/>
  <c r="AF60342" i="1"/>
  <c r="AF60343" i="1"/>
  <c r="AF60344" i="1"/>
  <c r="AF60345" i="1"/>
  <c r="AF60346" i="1"/>
  <c r="AF60347" i="1"/>
  <c r="AF60348" i="1"/>
  <c r="AF60349" i="1"/>
  <c r="AF60350" i="1"/>
  <c r="AF60351" i="1"/>
  <c r="AF60352" i="1"/>
  <c r="AF60353" i="1"/>
  <c r="AF60354" i="1"/>
  <c r="AF60355" i="1"/>
  <c r="AF60356" i="1"/>
  <c r="AF60357" i="1"/>
  <c r="AF60358" i="1"/>
  <c r="AF60359" i="1"/>
  <c r="AF60360" i="1"/>
  <c r="AF60361" i="1"/>
  <c r="AF60362" i="1"/>
  <c r="AF60363" i="1"/>
  <c r="AF60364" i="1"/>
  <c r="AF60365" i="1"/>
  <c r="AF60366" i="1"/>
  <c r="AF60367" i="1"/>
  <c r="AF60368" i="1"/>
  <c r="AF60369" i="1"/>
  <c r="AF60370" i="1"/>
  <c r="AF60371" i="1"/>
  <c r="AF60372" i="1"/>
  <c r="AF60373" i="1"/>
  <c r="AF60374" i="1"/>
  <c r="AF60375" i="1"/>
  <c r="AF60376" i="1"/>
  <c r="AF60377" i="1"/>
  <c r="AF60378" i="1"/>
  <c r="AF60379" i="1"/>
  <c r="AF60380" i="1"/>
  <c r="AF60381" i="1"/>
  <c r="AF60382" i="1"/>
  <c r="AF60383" i="1"/>
  <c r="AF60384" i="1"/>
  <c r="AF60385" i="1"/>
  <c r="AF60386" i="1"/>
  <c r="AF60387" i="1"/>
  <c r="AF60388" i="1"/>
  <c r="AF60389" i="1"/>
  <c r="AF60390" i="1"/>
  <c r="AF60391" i="1"/>
  <c r="AF60392" i="1"/>
  <c r="AF60393" i="1"/>
  <c r="AF60394" i="1"/>
  <c r="AF60395" i="1"/>
  <c r="AF60396" i="1"/>
  <c r="AF60397" i="1"/>
  <c r="AF60398" i="1"/>
  <c r="AF60399" i="1"/>
  <c r="AF60400" i="1"/>
  <c r="AF60401" i="1"/>
  <c r="AF60402" i="1"/>
  <c r="AF60403" i="1"/>
  <c r="AF60404" i="1"/>
  <c r="AF60405" i="1"/>
  <c r="AF60406" i="1"/>
  <c r="AF60407" i="1"/>
  <c r="AF60408" i="1"/>
  <c r="AF60409" i="1"/>
  <c r="AF60410" i="1"/>
  <c r="AF60411" i="1"/>
  <c r="AF60412" i="1"/>
  <c r="AF60413" i="1"/>
  <c r="AF60414" i="1"/>
  <c r="AF60415" i="1"/>
  <c r="AF60416" i="1"/>
  <c r="AF60417" i="1"/>
  <c r="AF60418" i="1"/>
  <c r="AF60419" i="1"/>
  <c r="AF60420" i="1"/>
  <c r="AF60421" i="1"/>
  <c r="AF60422" i="1"/>
  <c r="AF60423" i="1"/>
  <c r="AF60424" i="1"/>
  <c r="AF60425" i="1"/>
  <c r="AF60426" i="1"/>
  <c r="AF60427" i="1"/>
  <c r="AF60428" i="1"/>
  <c r="AF60429" i="1"/>
  <c r="AF60430" i="1"/>
  <c r="AF60431" i="1"/>
  <c r="AF60432" i="1"/>
  <c r="AF60433" i="1"/>
  <c r="AF60434" i="1"/>
  <c r="AF60435" i="1"/>
  <c r="AF60436" i="1"/>
  <c r="AF60437" i="1"/>
  <c r="AF60438" i="1"/>
  <c r="AF60439" i="1"/>
  <c r="AF60440" i="1"/>
  <c r="AF60441" i="1"/>
  <c r="AF60442" i="1"/>
  <c r="AF60443" i="1"/>
  <c r="AF60444" i="1"/>
  <c r="AF60445" i="1"/>
  <c r="AF60446" i="1"/>
  <c r="AF60447" i="1"/>
  <c r="AF60448" i="1"/>
  <c r="AF60449" i="1"/>
  <c r="AF60450" i="1"/>
  <c r="AF60451" i="1"/>
  <c r="AF60452" i="1"/>
  <c r="AF60453" i="1"/>
  <c r="AF60454" i="1"/>
  <c r="AF60455" i="1"/>
  <c r="AF60456" i="1"/>
  <c r="AF60457" i="1"/>
  <c r="AF60458" i="1"/>
  <c r="AF60459" i="1"/>
  <c r="AF60460" i="1"/>
  <c r="AF60461" i="1"/>
  <c r="AF60462" i="1"/>
  <c r="AF60463" i="1"/>
  <c r="AF60464" i="1"/>
  <c r="AF60465" i="1"/>
  <c r="AF60466" i="1"/>
  <c r="AF60467" i="1"/>
  <c r="AF60468" i="1"/>
  <c r="AF60469" i="1"/>
  <c r="AF60470" i="1"/>
  <c r="AF60471" i="1"/>
  <c r="AF60472" i="1"/>
  <c r="AF60473" i="1"/>
  <c r="AF60474" i="1"/>
  <c r="AF60475" i="1"/>
  <c r="AF60476" i="1"/>
  <c r="AF60477" i="1"/>
  <c r="AF60478" i="1"/>
  <c r="AF60479" i="1"/>
  <c r="AF60480" i="1"/>
  <c r="AF60481" i="1"/>
  <c r="AF60482" i="1"/>
  <c r="AF60483" i="1"/>
  <c r="AF60484" i="1"/>
  <c r="AF60485" i="1"/>
  <c r="AF60486" i="1"/>
  <c r="AF60487" i="1"/>
  <c r="AF60488" i="1"/>
  <c r="AF60489" i="1"/>
  <c r="AF60490" i="1"/>
  <c r="AF60491" i="1"/>
  <c r="AF60492" i="1"/>
  <c r="AF60493" i="1"/>
  <c r="AF60494" i="1"/>
  <c r="AF60495" i="1"/>
  <c r="AF60496" i="1"/>
  <c r="AF60497" i="1"/>
  <c r="AF60498" i="1"/>
  <c r="AF60499" i="1"/>
  <c r="AF60500" i="1"/>
  <c r="AF60501" i="1"/>
  <c r="AF60502" i="1"/>
  <c r="AF60503" i="1"/>
  <c r="AF60504" i="1"/>
  <c r="AF60505" i="1"/>
  <c r="AF60506" i="1"/>
  <c r="AF60507" i="1"/>
  <c r="AF60508" i="1"/>
  <c r="AF60509" i="1"/>
  <c r="AF60510" i="1"/>
  <c r="AF60511" i="1"/>
  <c r="AF60512" i="1"/>
  <c r="AF60513" i="1"/>
  <c r="AF60514" i="1"/>
  <c r="AF60515" i="1"/>
  <c r="AF60516" i="1"/>
  <c r="AF60517" i="1"/>
  <c r="AF60518" i="1"/>
  <c r="AF60519" i="1"/>
  <c r="AF60520" i="1"/>
  <c r="AF60521" i="1"/>
  <c r="AF60522" i="1"/>
  <c r="AF60523" i="1"/>
  <c r="AF60524" i="1"/>
  <c r="AF60525" i="1"/>
  <c r="AF60526" i="1"/>
  <c r="AF60527" i="1"/>
  <c r="AF60528" i="1"/>
  <c r="AF60529" i="1"/>
  <c r="AF60530" i="1"/>
  <c r="AF60531" i="1"/>
  <c r="AF60532" i="1"/>
  <c r="AF60533" i="1"/>
  <c r="AF60534" i="1"/>
  <c r="AF60535" i="1"/>
  <c r="AF60536" i="1"/>
  <c r="AF60537" i="1"/>
  <c r="AF60538" i="1"/>
  <c r="AF60539" i="1"/>
  <c r="AF60540" i="1"/>
  <c r="AF60541" i="1"/>
  <c r="AF60542" i="1"/>
  <c r="AF60543" i="1"/>
  <c r="AF60544" i="1"/>
  <c r="AF60545" i="1"/>
  <c r="AF60546" i="1"/>
  <c r="AF60547" i="1"/>
  <c r="AF60548" i="1"/>
  <c r="AF60549" i="1"/>
  <c r="AF60550" i="1"/>
  <c r="AF60551" i="1"/>
  <c r="AF60552" i="1"/>
  <c r="AF60553" i="1"/>
  <c r="AF60554" i="1"/>
  <c r="AF60555" i="1"/>
  <c r="AF60556" i="1"/>
  <c r="AF60557" i="1"/>
  <c r="AF60558" i="1"/>
  <c r="AF60559" i="1"/>
  <c r="AF60560" i="1"/>
  <c r="AF60561" i="1"/>
  <c r="AF60562" i="1"/>
  <c r="AF60563" i="1"/>
  <c r="AF60564" i="1"/>
  <c r="AF60565" i="1"/>
  <c r="AF60566" i="1"/>
  <c r="AF60567" i="1"/>
  <c r="AF60568" i="1"/>
  <c r="AF60569" i="1"/>
  <c r="AF60570" i="1"/>
  <c r="AF60571" i="1"/>
  <c r="AF60572" i="1"/>
  <c r="AF60573" i="1"/>
  <c r="AF60574" i="1"/>
  <c r="AF60575" i="1"/>
  <c r="AF60576" i="1"/>
  <c r="AF60577" i="1"/>
  <c r="AF60578" i="1"/>
  <c r="AF60579" i="1"/>
  <c r="AF60580" i="1"/>
  <c r="AF60581" i="1"/>
  <c r="AF60582" i="1"/>
  <c r="AF60583" i="1"/>
  <c r="AF60584" i="1"/>
  <c r="AF60585" i="1"/>
  <c r="AF60586" i="1"/>
  <c r="AF60587" i="1"/>
  <c r="AF60588" i="1"/>
  <c r="AF60589" i="1"/>
  <c r="AF60590" i="1"/>
  <c r="AF60591" i="1"/>
  <c r="AF60592" i="1"/>
  <c r="AF60593" i="1"/>
  <c r="AF60594" i="1"/>
  <c r="AF60595" i="1"/>
  <c r="AF60596" i="1"/>
  <c r="AF60597" i="1"/>
  <c r="AF60598" i="1"/>
  <c r="AF60599" i="1"/>
  <c r="AF60600" i="1"/>
  <c r="AF60601" i="1"/>
  <c r="AF60602" i="1"/>
  <c r="AF60603" i="1"/>
  <c r="AF60604" i="1"/>
  <c r="AF60605" i="1"/>
  <c r="AF60606" i="1"/>
  <c r="AF60607" i="1"/>
  <c r="AF60608" i="1"/>
  <c r="AF60609" i="1"/>
  <c r="AF60610" i="1"/>
  <c r="AF60611" i="1"/>
  <c r="AF60612" i="1"/>
  <c r="AF60613" i="1"/>
  <c r="AF60614" i="1"/>
  <c r="AF60615" i="1"/>
  <c r="AF60616" i="1"/>
  <c r="AF60617" i="1"/>
  <c r="AF60618" i="1"/>
  <c r="AF60619" i="1"/>
  <c r="AF60620" i="1"/>
  <c r="AF60621" i="1"/>
  <c r="AF60622" i="1"/>
  <c r="AF60623" i="1"/>
  <c r="AF60624" i="1"/>
  <c r="AF60625" i="1"/>
  <c r="AF60626" i="1"/>
  <c r="AF60627" i="1"/>
  <c r="AF60628" i="1"/>
  <c r="AF60629" i="1"/>
  <c r="AF60630" i="1"/>
  <c r="AF60631" i="1"/>
  <c r="AF60632" i="1"/>
  <c r="AF60633" i="1"/>
  <c r="AF60634" i="1"/>
  <c r="AF60635" i="1"/>
  <c r="AF60636" i="1"/>
  <c r="AF60637" i="1"/>
  <c r="AF60638" i="1"/>
  <c r="AF60639" i="1"/>
  <c r="AF60640" i="1"/>
  <c r="AF60641" i="1"/>
  <c r="AF60642" i="1"/>
  <c r="AF60643" i="1"/>
  <c r="AF60644" i="1"/>
  <c r="AF60645" i="1"/>
  <c r="AF60646" i="1"/>
  <c r="AF60647" i="1"/>
  <c r="AF60648" i="1"/>
  <c r="AF60649" i="1"/>
  <c r="AF60650" i="1"/>
  <c r="AF60651" i="1"/>
  <c r="AF60652" i="1"/>
  <c r="AF60653" i="1"/>
  <c r="AF60654" i="1"/>
  <c r="AF60655" i="1"/>
  <c r="AF60656" i="1"/>
  <c r="AF60657" i="1"/>
  <c r="AF60658" i="1"/>
  <c r="AF60659" i="1"/>
  <c r="AF60660" i="1"/>
  <c r="AF60661" i="1"/>
  <c r="AF60662" i="1"/>
  <c r="AF60663" i="1"/>
  <c r="AF60664" i="1"/>
  <c r="AF60665" i="1"/>
  <c r="AF60666" i="1"/>
  <c r="AF60667" i="1"/>
  <c r="AF60668" i="1"/>
  <c r="AF60669" i="1"/>
  <c r="AF60670" i="1"/>
  <c r="AF60671" i="1"/>
  <c r="AF60672" i="1"/>
  <c r="AF60673" i="1"/>
  <c r="AF60674" i="1"/>
  <c r="AF60675" i="1"/>
  <c r="AF60676" i="1"/>
  <c r="AF60677" i="1"/>
  <c r="AF60678" i="1"/>
  <c r="AF60679" i="1"/>
  <c r="AF60680" i="1"/>
  <c r="AF60681" i="1"/>
  <c r="AF60682" i="1"/>
  <c r="AF60683" i="1"/>
  <c r="AF60684" i="1"/>
  <c r="AF60685" i="1"/>
  <c r="AF60686" i="1"/>
  <c r="AF60687" i="1"/>
  <c r="AF60688" i="1"/>
  <c r="AF60689" i="1"/>
  <c r="AF60690" i="1"/>
  <c r="AF60691" i="1"/>
  <c r="AF60692" i="1"/>
  <c r="AF60693" i="1"/>
  <c r="AF60694" i="1"/>
  <c r="AF60695" i="1"/>
  <c r="AF60696" i="1"/>
  <c r="AF60697" i="1"/>
  <c r="AF60698" i="1"/>
  <c r="AF60699" i="1"/>
  <c r="AF60700" i="1"/>
  <c r="AF60701" i="1"/>
  <c r="AF60702" i="1"/>
  <c r="AF60703" i="1"/>
  <c r="AF60704" i="1"/>
  <c r="AF60705" i="1"/>
  <c r="AF60706" i="1"/>
  <c r="AF60707" i="1"/>
  <c r="AF60708" i="1"/>
  <c r="AF60709" i="1"/>
  <c r="AF60710" i="1"/>
  <c r="AF60711" i="1"/>
  <c r="AF60712" i="1"/>
  <c r="AF60713" i="1"/>
  <c r="AF60714" i="1"/>
  <c r="AF60715" i="1"/>
  <c r="AF60716" i="1"/>
  <c r="AF60717" i="1"/>
  <c r="AF60718" i="1"/>
  <c r="AF60719" i="1"/>
  <c r="AF60720" i="1"/>
  <c r="AF60721" i="1"/>
  <c r="AF60722" i="1"/>
  <c r="AF60723" i="1"/>
  <c r="AF60724" i="1"/>
  <c r="AF60725" i="1"/>
  <c r="AF60726" i="1"/>
  <c r="AF60727" i="1"/>
  <c r="AF60728" i="1"/>
  <c r="AF60729" i="1"/>
  <c r="AF60730" i="1"/>
  <c r="AF60731" i="1"/>
  <c r="AF60732" i="1"/>
  <c r="AF60733" i="1"/>
  <c r="AF60734" i="1"/>
  <c r="AF60735" i="1"/>
  <c r="AF60736" i="1"/>
  <c r="AF60737" i="1"/>
  <c r="AF60738" i="1"/>
  <c r="AF60739" i="1"/>
  <c r="AF60740" i="1"/>
  <c r="AF60741" i="1"/>
  <c r="AF60742" i="1"/>
  <c r="AF60743" i="1"/>
  <c r="AF60744" i="1"/>
  <c r="AF60745" i="1"/>
  <c r="AF60746" i="1"/>
  <c r="AF60747" i="1"/>
  <c r="AF60748" i="1"/>
  <c r="AF60749" i="1"/>
  <c r="AF60750" i="1"/>
  <c r="AF60751" i="1"/>
  <c r="AF60752" i="1"/>
  <c r="AF60753" i="1"/>
  <c r="AF60754" i="1"/>
  <c r="AF60755" i="1"/>
  <c r="AF60756" i="1"/>
  <c r="AF60757" i="1"/>
  <c r="AF60758" i="1"/>
  <c r="AF60759" i="1"/>
  <c r="AF60760" i="1"/>
  <c r="AF60761" i="1"/>
  <c r="AF60762" i="1"/>
  <c r="AF60763" i="1"/>
  <c r="AF60764" i="1"/>
  <c r="AF60765" i="1"/>
  <c r="AF60766" i="1"/>
  <c r="AF60767" i="1"/>
  <c r="AF60768" i="1"/>
  <c r="AF60769" i="1"/>
  <c r="AF60770" i="1"/>
  <c r="AF60771" i="1"/>
  <c r="AF60772" i="1"/>
  <c r="AF60773" i="1"/>
  <c r="AF60774" i="1"/>
  <c r="AF60775" i="1"/>
  <c r="AF60776" i="1"/>
  <c r="AF60777" i="1"/>
  <c r="AF60778" i="1"/>
  <c r="AF60779" i="1"/>
  <c r="AF60780" i="1"/>
  <c r="AF60781" i="1"/>
  <c r="AF60782" i="1"/>
  <c r="AF60783" i="1"/>
  <c r="AF60784" i="1"/>
  <c r="AF60785" i="1"/>
  <c r="AF60786" i="1"/>
  <c r="AF60787" i="1"/>
  <c r="AF60788" i="1"/>
  <c r="AF60789" i="1"/>
  <c r="AF60790" i="1"/>
  <c r="AF60791" i="1"/>
  <c r="AF60792" i="1"/>
  <c r="AF60793" i="1"/>
  <c r="AF60794" i="1"/>
  <c r="AF60795" i="1"/>
  <c r="AF60796" i="1"/>
  <c r="AF60797" i="1"/>
  <c r="AF60798" i="1"/>
  <c r="AF60799" i="1"/>
  <c r="AF60800" i="1"/>
  <c r="AF60801" i="1"/>
  <c r="AF60802" i="1"/>
  <c r="AF60803" i="1"/>
  <c r="AF60804" i="1"/>
  <c r="AF60805" i="1"/>
  <c r="AF60806" i="1"/>
  <c r="AF60807" i="1"/>
  <c r="AF60808" i="1"/>
  <c r="AF60809" i="1"/>
  <c r="AF60810" i="1"/>
  <c r="AF60811" i="1"/>
  <c r="AF60812" i="1"/>
  <c r="AF60813" i="1"/>
  <c r="AF60814" i="1"/>
  <c r="AF60815" i="1"/>
  <c r="AF60816" i="1"/>
  <c r="AF60817" i="1"/>
  <c r="AF60818" i="1"/>
  <c r="AF60819" i="1"/>
  <c r="AF60820" i="1"/>
  <c r="AF60821" i="1"/>
  <c r="AF60822" i="1"/>
  <c r="AF60823" i="1"/>
  <c r="AF60824" i="1"/>
  <c r="AF60825" i="1"/>
  <c r="AF60826" i="1"/>
  <c r="AF60827" i="1"/>
  <c r="AF60828" i="1"/>
  <c r="AF60829" i="1"/>
  <c r="AF60830" i="1"/>
  <c r="AF60831" i="1"/>
  <c r="AF60832" i="1"/>
  <c r="AF60833" i="1"/>
  <c r="AF60834" i="1"/>
  <c r="AF60835" i="1"/>
  <c r="AF60836" i="1"/>
  <c r="AF60837" i="1"/>
  <c r="AF60838" i="1"/>
  <c r="AF60839" i="1"/>
  <c r="AF60840" i="1"/>
  <c r="AF60841" i="1"/>
  <c r="AF60842" i="1"/>
  <c r="AF60843" i="1"/>
  <c r="AF60844" i="1"/>
  <c r="AF60845" i="1"/>
  <c r="AF60846" i="1"/>
  <c r="AF60847" i="1"/>
  <c r="AF60848" i="1"/>
  <c r="AF60849" i="1"/>
  <c r="AF60850" i="1"/>
  <c r="AF60851" i="1"/>
  <c r="AF60852" i="1"/>
  <c r="AF60853" i="1"/>
  <c r="AF60854" i="1"/>
  <c r="AF60855" i="1"/>
  <c r="AF60856" i="1"/>
  <c r="AF60857" i="1"/>
  <c r="AF60858" i="1"/>
  <c r="AF60859" i="1"/>
  <c r="AF60860" i="1"/>
  <c r="AF60861" i="1"/>
  <c r="AF60862" i="1"/>
  <c r="AF60863" i="1"/>
  <c r="AF60864" i="1"/>
  <c r="AF60865" i="1"/>
  <c r="AF60866" i="1"/>
  <c r="AF60867" i="1"/>
  <c r="AF60868" i="1"/>
  <c r="AF60869" i="1"/>
  <c r="AF60870" i="1"/>
  <c r="AF60871" i="1"/>
  <c r="AF60872" i="1"/>
  <c r="AF60873" i="1"/>
  <c r="AF60874" i="1"/>
  <c r="AF60875" i="1"/>
  <c r="AF60876" i="1"/>
  <c r="AF60877" i="1"/>
  <c r="AF60878" i="1"/>
  <c r="AF60879" i="1"/>
  <c r="AF60880" i="1"/>
  <c r="AF60881" i="1"/>
  <c r="AF60882" i="1"/>
  <c r="AF60883" i="1"/>
  <c r="AF60884" i="1"/>
  <c r="AF60885" i="1"/>
  <c r="AF60886" i="1"/>
  <c r="AF60887" i="1"/>
  <c r="AF60888" i="1"/>
  <c r="AF60889" i="1"/>
  <c r="AF60890" i="1"/>
  <c r="AF60891" i="1"/>
  <c r="AF60892" i="1"/>
  <c r="AF60893" i="1"/>
  <c r="AF60894" i="1"/>
  <c r="AF60895" i="1"/>
  <c r="AF60896" i="1"/>
  <c r="AF60897" i="1"/>
  <c r="AF60898" i="1"/>
  <c r="AF60899" i="1"/>
  <c r="AF60900" i="1"/>
  <c r="AF60901" i="1"/>
  <c r="AF60902" i="1"/>
  <c r="AF60903" i="1"/>
  <c r="AF60904" i="1"/>
  <c r="AF60905" i="1"/>
  <c r="AF60906" i="1"/>
  <c r="AF60907" i="1"/>
  <c r="AF60908" i="1"/>
  <c r="AF60909" i="1"/>
  <c r="AF60910" i="1"/>
  <c r="AF60911" i="1"/>
  <c r="AF60912" i="1"/>
  <c r="AF60913" i="1"/>
  <c r="AF60914" i="1"/>
  <c r="AF60915" i="1"/>
  <c r="AF60916" i="1"/>
  <c r="AF60917" i="1"/>
  <c r="AF60918" i="1"/>
  <c r="AF60919" i="1"/>
  <c r="AF60920" i="1"/>
  <c r="AF60921" i="1"/>
  <c r="AF60922" i="1"/>
  <c r="AF60923" i="1"/>
  <c r="AF60924" i="1"/>
  <c r="AF60925" i="1"/>
  <c r="AF60926" i="1"/>
  <c r="AF60927" i="1"/>
  <c r="AF60928" i="1"/>
  <c r="AF60929" i="1"/>
  <c r="AF60930" i="1"/>
  <c r="AF60931" i="1"/>
  <c r="AF60932" i="1"/>
  <c r="AF60933" i="1"/>
  <c r="AF60934" i="1"/>
  <c r="AF60935" i="1"/>
  <c r="AF60936" i="1"/>
  <c r="AF60937" i="1"/>
  <c r="AF60938" i="1"/>
  <c r="AF60939" i="1"/>
  <c r="AF60940" i="1"/>
  <c r="AF60941" i="1"/>
  <c r="AF60942" i="1"/>
  <c r="AF60943" i="1"/>
  <c r="AF60944" i="1"/>
  <c r="AF60945" i="1"/>
  <c r="AF60946" i="1"/>
  <c r="AF60947" i="1"/>
  <c r="AF60948" i="1"/>
  <c r="AF60949" i="1"/>
  <c r="AF60950" i="1"/>
  <c r="AF60951" i="1"/>
  <c r="AF60952" i="1"/>
  <c r="AF60953" i="1"/>
  <c r="AF60954" i="1"/>
  <c r="AF60955" i="1"/>
  <c r="AF60956" i="1"/>
  <c r="AF60957" i="1"/>
  <c r="AF60958" i="1"/>
  <c r="AF60959" i="1"/>
  <c r="AF60960" i="1"/>
  <c r="AF60961" i="1"/>
  <c r="AF60962" i="1"/>
  <c r="AF60963" i="1"/>
  <c r="AF60964" i="1"/>
  <c r="AF60965" i="1"/>
  <c r="AF60966" i="1"/>
  <c r="AF60967" i="1"/>
  <c r="AF60968" i="1"/>
  <c r="AF60969" i="1"/>
  <c r="AF60970" i="1"/>
  <c r="AF60971" i="1"/>
  <c r="AF60972" i="1"/>
  <c r="AF60973" i="1"/>
  <c r="AF60974" i="1"/>
  <c r="AF60975" i="1"/>
  <c r="AF60976" i="1"/>
  <c r="AF60977" i="1"/>
  <c r="AF60978" i="1"/>
  <c r="AF60979" i="1"/>
  <c r="AF60980" i="1"/>
  <c r="AF60981" i="1"/>
  <c r="AF60982" i="1"/>
  <c r="AF60983" i="1"/>
  <c r="AF60984" i="1"/>
  <c r="AF60985" i="1"/>
  <c r="AF60986" i="1"/>
  <c r="AF60987" i="1"/>
  <c r="AF60988" i="1"/>
  <c r="AF60989" i="1"/>
  <c r="AF60990" i="1"/>
  <c r="AF60991" i="1"/>
  <c r="AF60992" i="1"/>
  <c r="AF60993" i="1"/>
  <c r="AF60994" i="1"/>
  <c r="AF60995" i="1"/>
  <c r="AF60996" i="1"/>
  <c r="AF60997" i="1"/>
  <c r="AF60998" i="1"/>
  <c r="AF60999" i="1"/>
  <c r="AF61000" i="1"/>
  <c r="AF61001" i="1"/>
  <c r="AF61002" i="1"/>
  <c r="AF61003" i="1"/>
  <c r="AF61004" i="1"/>
  <c r="AF61005" i="1"/>
  <c r="AF61006" i="1"/>
  <c r="AF61007" i="1"/>
  <c r="AF61008" i="1"/>
  <c r="AF61009" i="1"/>
  <c r="AF61010" i="1"/>
  <c r="AF61011" i="1"/>
  <c r="AF61012" i="1"/>
  <c r="AF61013" i="1"/>
  <c r="AF61014" i="1"/>
  <c r="AF61015" i="1"/>
  <c r="AF61016" i="1"/>
  <c r="AF61017" i="1"/>
  <c r="AF61018" i="1"/>
  <c r="AF61019" i="1"/>
  <c r="AF61020" i="1"/>
  <c r="AF61021" i="1"/>
  <c r="AF61022" i="1"/>
  <c r="AF61023" i="1"/>
  <c r="AF61024" i="1"/>
  <c r="AF61025" i="1"/>
  <c r="AF61026" i="1"/>
  <c r="AF61027" i="1"/>
  <c r="AF61028" i="1"/>
  <c r="AF61029" i="1"/>
  <c r="AF61030" i="1"/>
  <c r="AF61031" i="1"/>
  <c r="AF61032" i="1"/>
  <c r="AF61033" i="1"/>
  <c r="AF61034" i="1"/>
  <c r="AF61035" i="1"/>
  <c r="AF61036" i="1"/>
  <c r="AF61037" i="1"/>
  <c r="AF61038" i="1"/>
  <c r="AF61039" i="1"/>
  <c r="AF61040" i="1"/>
  <c r="AF61041" i="1"/>
  <c r="AF61042" i="1"/>
  <c r="AF61043" i="1"/>
  <c r="AF61044" i="1"/>
  <c r="AF61045" i="1"/>
  <c r="AF61046" i="1"/>
  <c r="AF61047" i="1"/>
  <c r="AF61048" i="1"/>
  <c r="AF61049" i="1"/>
  <c r="AF61050" i="1"/>
  <c r="AF61051" i="1"/>
  <c r="AF61052" i="1"/>
  <c r="AF61053" i="1"/>
  <c r="AF61054" i="1"/>
  <c r="AF61055" i="1"/>
  <c r="AF61056" i="1"/>
  <c r="AF61057" i="1"/>
  <c r="AF61058" i="1"/>
  <c r="AF61059" i="1"/>
  <c r="AF61060" i="1"/>
  <c r="AF61061" i="1"/>
  <c r="AF61062" i="1"/>
  <c r="AF61063" i="1"/>
  <c r="AF61064" i="1"/>
  <c r="AF61065" i="1"/>
  <c r="AF61066" i="1"/>
  <c r="AF61067" i="1"/>
  <c r="AF61068" i="1"/>
  <c r="AF61069" i="1"/>
  <c r="AF61070" i="1"/>
  <c r="AF61071" i="1"/>
  <c r="AF61072" i="1"/>
  <c r="AF61073" i="1"/>
  <c r="AF61074" i="1"/>
  <c r="AF61075" i="1"/>
  <c r="AF61076" i="1"/>
  <c r="AF61077" i="1"/>
  <c r="AF61078" i="1"/>
  <c r="AF61079" i="1"/>
  <c r="AF61080" i="1"/>
  <c r="AF61081" i="1"/>
  <c r="AF61082" i="1"/>
  <c r="AF61083" i="1"/>
  <c r="AF61084" i="1"/>
  <c r="AF61085" i="1"/>
  <c r="AF61086" i="1"/>
  <c r="AF61087" i="1"/>
  <c r="AF61088" i="1"/>
  <c r="AF61089" i="1"/>
  <c r="AF61090" i="1"/>
  <c r="AF61091" i="1"/>
  <c r="AF61092" i="1"/>
  <c r="AF61093" i="1"/>
  <c r="AF61094" i="1"/>
  <c r="AF61095" i="1"/>
  <c r="AF61096" i="1"/>
  <c r="AF61097" i="1"/>
  <c r="AF61098" i="1"/>
  <c r="AF61099" i="1"/>
  <c r="AF61100" i="1"/>
  <c r="AF61101" i="1"/>
  <c r="AF61102" i="1"/>
  <c r="AF61103" i="1"/>
  <c r="AF61104" i="1"/>
  <c r="AF61105" i="1"/>
  <c r="AF61106" i="1"/>
  <c r="AF61107" i="1"/>
  <c r="AF61108" i="1"/>
  <c r="AF61109" i="1"/>
  <c r="AF61110" i="1"/>
  <c r="AF61111" i="1"/>
  <c r="AF61112" i="1"/>
  <c r="AF61113" i="1"/>
  <c r="AF61114" i="1"/>
  <c r="AF61115" i="1"/>
  <c r="AF61116" i="1"/>
  <c r="AF61117" i="1"/>
  <c r="AF61118" i="1"/>
  <c r="AF61119" i="1"/>
  <c r="AF61120" i="1"/>
  <c r="AF61121" i="1"/>
  <c r="AF61122" i="1"/>
  <c r="AF61123" i="1"/>
  <c r="AF61124" i="1"/>
  <c r="AF61125" i="1"/>
  <c r="AF61126" i="1"/>
  <c r="AF61127" i="1"/>
  <c r="AF61128" i="1"/>
  <c r="AF61129" i="1"/>
  <c r="AF61130" i="1"/>
  <c r="AF61131" i="1"/>
  <c r="AF61132" i="1"/>
  <c r="AF61133" i="1"/>
  <c r="AF61134" i="1"/>
  <c r="AF61135" i="1"/>
  <c r="AF61136" i="1"/>
  <c r="AF61137" i="1"/>
  <c r="AF61138" i="1"/>
  <c r="AF61139" i="1"/>
  <c r="AF61140" i="1"/>
  <c r="AF61141" i="1"/>
  <c r="AF61142" i="1"/>
  <c r="AF61143" i="1"/>
  <c r="AF61144" i="1"/>
  <c r="AF61145" i="1"/>
  <c r="AF61146" i="1"/>
  <c r="AF61147" i="1"/>
  <c r="AF61148" i="1"/>
  <c r="AF61149" i="1"/>
  <c r="AF61150" i="1"/>
  <c r="AF61151" i="1"/>
  <c r="AF61152" i="1"/>
  <c r="AF61153" i="1"/>
  <c r="AF61154" i="1"/>
  <c r="AF61155" i="1"/>
  <c r="AF61156" i="1"/>
  <c r="AF61157" i="1"/>
  <c r="AF61158" i="1"/>
  <c r="AF61159" i="1"/>
  <c r="AF61160" i="1"/>
  <c r="AF61161" i="1"/>
  <c r="AF61162" i="1"/>
  <c r="AF61163" i="1"/>
  <c r="AF61164" i="1"/>
  <c r="AF61165" i="1"/>
  <c r="AF61166" i="1"/>
  <c r="AF61167" i="1"/>
  <c r="AF61168" i="1"/>
  <c r="AF61169" i="1"/>
  <c r="AF61170" i="1"/>
  <c r="AF61171" i="1"/>
  <c r="AF61172" i="1"/>
  <c r="AF61173" i="1"/>
  <c r="AF61174" i="1"/>
  <c r="AF61175" i="1"/>
  <c r="AF61176" i="1"/>
  <c r="AF61177" i="1"/>
  <c r="AF61178" i="1"/>
  <c r="AF61179" i="1"/>
  <c r="AF61180" i="1"/>
  <c r="AF61181" i="1"/>
  <c r="AF61182" i="1"/>
  <c r="AF61183" i="1"/>
  <c r="AF61184" i="1"/>
  <c r="AF61185" i="1"/>
  <c r="AF61186" i="1"/>
  <c r="AF61187" i="1"/>
  <c r="AF61188" i="1"/>
  <c r="AF61189" i="1"/>
  <c r="AF61190" i="1"/>
  <c r="AF61191" i="1"/>
  <c r="AF61192" i="1"/>
  <c r="AF61193" i="1"/>
  <c r="AF61194" i="1"/>
  <c r="AF61195" i="1"/>
  <c r="AF61196" i="1"/>
  <c r="AF61197" i="1"/>
  <c r="AF61198" i="1"/>
  <c r="AF61199" i="1"/>
  <c r="AF61200" i="1"/>
  <c r="AF61201" i="1"/>
  <c r="AF61202" i="1"/>
  <c r="AF61203" i="1"/>
  <c r="AF61204" i="1"/>
  <c r="AF61205" i="1"/>
  <c r="AF61206" i="1"/>
  <c r="AF61207" i="1"/>
  <c r="AF61208" i="1"/>
  <c r="AF61209" i="1"/>
  <c r="AF61210" i="1"/>
  <c r="AF61211" i="1"/>
  <c r="AF61212" i="1"/>
  <c r="AF61213" i="1"/>
  <c r="AF61214" i="1"/>
  <c r="AF61215" i="1"/>
  <c r="AF61216" i="1"/>
  <c r="AF61217" i="1"/>
  <c r="AF61218" i="1"/>
  <c r="AF61219" i="1"/>
  <c r="AF61220" i="1"/>
  <c r="AF61221" i="1"/>
  <c r="AF61222" i="1"/>
  <c r="AF61223" i="1"/>
  <c r="AF61224" i="1"/>
  <c r="AF61225" i="1"/>
  <c r="AF61226" i="1"/>
  <c r="AF61227" i="1"/>
  <c r="AF61228" i="1"/>
  <c r="AF61229" i="1"/>
  <c r="AF61230" i="1"/>
  <c r="AF61231" i="1"/>
  <c r="AF61232" i="1"/>
  <c r="AF61233" i="1"/>
  <c r="AF61234" i="1"/>
  <c r="AF61235" i="1"/>
  <c r="AF61236" i="1"/>
  <c r="AF61237" i="1"/>
  <c r="AF61238" i="1"/>
  <c r="AF61239" i="1"/>
  <c r="AF61240" i="1"/>
  <c r="AF61241" i="1"/>
  <c r="AF61242" i="1"/>
  <c r="AF61243" i="1"/>
  <c r="AF61244" i="1"/>
  <c r="AF61245" i="1"/>
  <c r="AF61246" i="1"/>
  <c r="AF61247" i="1"/>
  <c r="AF61248" i="1"/>
  <c r="AF61249" i="1"/>
  <c r="AF61250" i="1"/>
  <c r="AF61251" i="1"/>
  <c r="AF61252" i="1"/>
  <c r="AF61253" i="1"/>
  <c r="AF61254" i="1"/>
  <c r="AF61255" i="1"/>
  <c r="AF61256" i="1"/>
  <c r="AF61257" i="1"/>
  <c r="AF61258" i="1"/>
  <c r="AF61259" i="1"/>
  <c r="AF61260" i="1"/>
  <c r="AF61261" i="1"/>
  <c r="AF61262" i="1"/>
  <c r="AF61263" i="1"/>
  <c r="AF61264" i="1"/>
  <c r="AF61265" i="1"/>
  <c r="AF61266" i="1"/>
  <c r="AF61267" i="1"/>
  <c r="AF61268" i="1"/>
  <c r="AF61269" i="1"/>
  <c r="AF61270" i="1"/>
  <c r="AF61271" i="1"/>
  <c r="AF61272" i="1"/>
  <c r="AF61273" i="1"/>
  <c r="AF61274" i="1"/>
  <c r="AF61275" i="1"/>
  <c r="AF61276" i="1"/>
  <c r="AF61277" i="1"/>
  <c r="AF61278" i="1"/>
  <c r="AF61279" i="1"/>
  <c r="AF61280" i="1"/>
  <c r="AF61281" i="1"/>
  <c r="AF61282" i="1"/>
  <c r="AF61283" i="1"/>
  <c r="AF61284" i="1"/>
  <c r="AF61285" i="1"/>
  <c r="AF61286" i="1"/>
  <c r="AF61287" i="1"/>
  <c r="AF61288" i="1"/>
  <c r="AF61289" i="1"/>
  <c r="AF61290" i="1"/>
  <c r="AF61291" i="1"/>
  <c r="AF61292" i="1"/>
  <c r="AF61293" i="1"/>
  <c r="AF61294" i="1"/>
  <c r="AF61295" i="1"/>
  <c r="AF61296" i="1"/>
  <c r="AF61297" i="1"/>
  <c r="AF61298" i="1"/>
  <c r="AF61299" i="1"/>
  <c r="AF61300" i="1"/>
  <c r="AF61301" i="1"/>
  <c r="AF61302" i="1"/>
  <c r="AF61303" i="1"/>
  <c r="AF61304" i="1"/>
  <c r="AF61305" i="1"/>
  <c r="AF61306" i="1"/>
  <c r="AF61307" i="1"/>
  <c r="AF61308" i="1"/>
  <c r="AF61309" i="1"/>
  <c r="AF61310" i="1"/>
  <c r="AF61311" i="1"/>
  <c r="AF61312" i="1"/>
  <c r="AF61313" i="1"/>
  <c r="AF61314" i="1"/>
  <c r="AF61315" i="1"/>
  <c r="AF61316" i="1"/>
  <c r="AF61317" i="1"/>
  <c r="AF61318" i="1"/>
  <c r="AF61319" i="1"/>
  <c r="AF61320" i="1"/>
  <c r="AF61321" i="1"/>
  <c r="AF61322" i="1"/>
  <c r="AF61323" i="1"/>
  <c r="AF61324" i="1"/>
  <c r="AF61325" i="1"/>
  <c r="AF61326" i="1"/>
  <c r="AF61327" i="1"/>
  <c r="AF61328" i="1"/>
  <c r="AF61329" i="1"/>
  <c r="AF61330" i="1"/>
  <c r="AF61331" i="1"/>
  <c r="AF61332" i="1"/>
  <c r="AF61333" i="1"/>
  <c r="AF61334" i="1"/>
  <c r="AF61335" i="1"/>
  <c r="AF61336" i="1"/>
  <c r="AF61337" i="1"/>
  <c r="AF61338" i="1"/>
  <c r="AF61339" i="1"/>
  <c r="AF61340" i="1"/>
  <c r="AF61341" i="1"/>
  <c r="AF61342" i="1"/>
  <c r="AF61343" i="1"/>
  <c r="AF61344" i="1"/>
  <c r="AF61345" i="1"/>
  <c r="AF61346" i="1"/>
  <c r="AF61347" i="1"/>
  <c r="AF61348" i="1"/>
  <c r="AF61349" i="1"/>
  <c r="AF61350" i="1"/>
  <c r="AF61351" i="1"/>
  <c r="AF61352" i="1"/>
  <c r="AF61353" i="1"/>
  <c r="AF61354" i="1"/>
  <c r="AF61355" i="1"/>
  <c r="AF61356" i="1"/>
  <c r="AF61357" i="1"/>
  <c r="AF61358" i="1"/>
  <c r="AF61359" i="1"/>
  <c r="AF61360" i="1"/>
  <c r="AF61361" i="1"/>
  <c r="AF61362" i="1"/>
  <c r="AF61363" i="1"/>
  <c r="AF61364" i="1"/>
  <c r="AF61365" i="1"/>
  <c r="AF61366" i="1"/>
  <c r="AF61367" i="1"/>
  <c r="AF61368" i="1"/>
  <c r="AF61369" i="1"/>
  <c r="AF61370" i="1"/>
  <c r="AF61371" i="1"/>
  <c r="AF61372" i="1"/>
  <c r="AF61373" i="1"/>
  <c r="AF61374" i="1"/>
  <c r="AF61375" i="1"/>
  <c r="AF61376" i="1"/>
  <c r="AF61377" i="1"/>
  <c r="AF61378" i="1"/>
  <c r="AF61379" i="1"/>
  <c r="AF61380" i="1"/>
  <c r="AF61381" i="1"/>
  <c r="AF61382" i="1"/>
  <c r="AF61383" i="1"/>
  <c r="AF61384" i="1"/>
  <c r="AF61385" i="1"/>
  <c r="AF61386" i="1"/>
  <c r="AF61387" i="1"/>
  <c r="AF61388" i="1"/>
  <c r="AF61389" i="1"/>
  <c r="AF61390" i="1"/>
  <c r="AF61391" i="1"/>
  <c r="AF61392" i="1"/>
  <c r="AF61393" i="1"/>
  <c r="AF61394" i="1"/>
  <c r="AF61395" i="1"/>
  <c r="AF61396" i="1"/>
  <c r="AF61397" i="1"/>
  <c r="AF61398" i="1"/>
  <c r="AF61399" i="1"/>
  <c r="AF61400" i="1"/>
  <c r="AF61401" i="1"/>
  <c r="AF61402" i="1"/>
  <c r="AF61403" i="1"/>
  <c r="AF61404" i="1"/>
  <c r="AF61405" i="1"/>
  <c r="AF61406" i="1"/>
  <c r="AF61407" i="1"/>
  <c r="AF61408" i="1"/>
  <c r="AF61409" i="1"/>
  <c r="AF61410" i="1"/>
  <c r="AF61411" i="1"/>
  <c r="AF61412" i="1"/>
  <c r="AF61413" i="1"/>
  <c r="AF61414" i="1"/>
  <c r="AF61415" i="1"/>
  <c r="AF61416" i="1"/>
  <c r="AF61417" i="1"/>
  <c r="AF61418" i="1"/>
  <c r="AF61419" i="1"/>
  <c r="AF61420" i="1"/>
  <c r="AF61421" i="1"/>
  <c r="AF61422" i="1"/>
  <c r="AF61423" i="1"/>
  <c r="AF61424" i="1"/>
  <c r="AF61425" i="1"/>
  <c r="AF61426" i="1"/>
  <c r="AF61427" i="1"/>
  <c r="AF61428" i="1"/>
  <c r="AF61429" i="1"/>
  <c r="AF61430" i="1"/>
  <c r="AF61431" i="1"/>
  <c r="AF61432" i="1"/>
  <c r="AF61433" i="1"/>
  <c r="AF61434" i="1"/>
  <c r="AF61435" i="1"/>
  <c r="AF61436" i="1"/>
  <c r="AF61437" i="1"/>
  <c r="AF61438" i="1"/>
  <c r="AF61439" i="1"/>
  <c r="AF61440" i="1"/>
  <c r="AF61441" i="1"/>
  <c r="AF61442" i="1"/>
  <c r="AF61443" i="1"/>
  <c r="AF61444" i="1"/>
  <c r="AF61445" i="1"/>
  <c r="AF61446" i="1"/>
  <c r="AF61447" i="1"/>
  <c r="AF61448" i="1"/>
  <c r="AF61449" i="1"/>
  <c r="AF61450" i="1"/>
  <c r="AF61451" i="1"/>
  <c r="AF61452" i="1"/>
  <c r="AF61453" i="1"/>
  <c r="AF61454" i="1"/>
  <c r="AF61455" i="1"/>
  <c r="AF61456" i="1"/>
  <c r="AF61457" i="1"/>
  <c r="AF61458" i="1"/>
  <c r="AF61459" i="1"/>
  <c r="AF61460" i="1"/>
  <c r="AF61461" i="1"/>
  <c r="AF61462" i="1"/>
  <c r="AF61463" i="1"/>
  <c r="AF61464" i="1"/>
  <c r="AF61465" i="1"/>
  <c r="AF61466" i="1"/>
  <c r="AF61467" i="1"/>
  <c r="AF61468" i="1"/>
  <c r="AF61469" i="1"/>
  <c r="AF61470" i="1"/>
  <c r="AF61471" i="1"/>
  <c r="AF61472" i="1"/>
  <c r="AF61473" i="1"/>
  <c r="AF61474" i="1"/>
  <c r="AF61475" i="1"/>
  <c r="AF61476" i="1"/>
  <c r="AF61477" i="1"/>
  <c r="AF61478" i="1"/>
  <c r="AF61479" i="1"/>
  <c r="AF61480" i="1"/>
  <c r="AF61481" i="1"/>
  <c r="AF61482" i="1"/>
  <c r="AF61483" i="1"/>
  <c r="AF61484" i="1"/>
  <c r="AF61485" i="1"/>
  <c r="AF61486" i="1"/>
  <c r="AF61487" i="1"/>
  <c r="AF61488" i="1"/>
  <c r="AF61489" i="1"/>
  <c r="AF61490" i="1"/>
  <c r="AF61491" i="1"/>
  <c r="AF61492" i="1"/>
  <c r="AF61493" i="1"/>
  <c r="AF61494" i="1"/>
  <c r="AF61495" i="1"/>
  <c r="AF61496" i="1"/>
  <c r="AF61497" i="1"/>
  <c r="AF61498" i="1"/>
  <c r="AF61499" i="1"/>
  <c r="AF61500" i="1"/>
  <c r="AF61501" i="1"/>
  <c r="AF61502" i="1"/>
  <c r="AF61503" i="1"/>
  <c r="AF61504" i="1"/>
  <c r="AF61505" i="1"/>
  <c r="AF61506" i="1"/>
  <c r="AF61507" i="1"/>
  <c r="AF61508" i="1"/>
  <c r="AF61509" i="1"/>
  <c r="AF61510" i="1"/>
  <c r="AF61511" i="1"/>
  <c r="AF61512" i="1"/>
  <c r="AF61513" i="1"/>
  <c r="AF61514" i="1"/>
  <c r="AF61515" i="1"/>
  <c r="AF61516" i="1"/>
  <c r="AF61517" i="1"/>
  <c r="AF61518" i="1"/>
  <c r="AF61519" i="1"/>
  <c r="AF61520" i="1"/>
  <c r="AF61521" i="1"/>
  <c r="AF61522" i="1"/>
  <c r="AF61523" i="1"/>
  <c r="AF61524" i="1"/>
  <c r="AF61525" i="1"/>
  <c r="AF61526" i="1"/>
  <c r="AF61527" i="1"/>
  <c r="AF61528" i="1"/>
  <c r="AF61529" i="1"/>
  <c r="AF61530" i="1"/>
  <c r="AF61531" i="1"/>
  <c r="AF61532" i="1"/>
  <c r="AF61533" i="1"/>
  <c r="AF61534" i="1"/>
  <c r="AF61535" i="1"/>
  <c r="AF61536" i="1"/>
  <c r="AF61537" i="1"/>
  <c r="AF61538" i="1"/>
  <c r="AF61539" i="1"/>
  <c r="AF61540" i="1"/>
  <c r="AF61541" i="1"/>
  <c r="AF61542" i="1"/>
  <c r="AF61543" i="1"/>
  <c r="AF61544" i="1"/>
  <c r="AF61545" i="1"/>
  <c r="AF61546" i="1"/>
  <c r="AF61547" i="1"/>
  <c r="AF61548" i="1"/>
  <c r="AF61549" i="1"/>
  <c r="AF61550" i="1"/>
  <c r="AF61551" i="1"/>
  <c r="AF61552" i="1"/>
  <c r="AF61553" i="1"/>
  <c r="AF61554" i="1"/>
  <c r="AF61555" i="1"/>
  <c r="AF61556" i="1"/>
  <c r="AF61557" i="1"/>
  <c r="AF61558" i="1"/>
  <c r="AF61559" i="1"/>
  <c r="AF61560" i="1"/>
  <c r="AF61561" i="1"/>
  <c r="AF61562" i="1"/>
  <c r="AF61563" i="1"/>
  <c r="AF61564" i="1"/>
  <c r="AF61565" i="1"/>
  <c r="AF61566" i="1"/>
  <c r="AF61567" i="1"/>
  <c r="AF61568" i="1"/>
  <c r="AF61569" i="1"/>
  <c r="AF61570" i="1"/>
  <c r="AF61571" i="1"/>
  <c r="AF61572" i="1"/>
  <c r="AF61573" i="1"/>
  <c r="AF61574" i="1"/>
  <c r="AF61575" i="1"/>
  <c r="AF61576" i="1"/>
  <c r="AF61577" i="1"/>
  <c r="AF61578" i="1"/>
  <c r="AF61579" i="1"/>
  <c r="AF61580" i="1"/>
  <c r="AF61581" i="1"/>
  <c r="AF61582" i="1"/>
  <c r="AF61583" i="1"/>
  <c r="AF61584" i="1"/>
  <c r="AF61585" i="1"/>
  <c r="AF61586" i="1"/>
  <c r="AF61587" i="1"/>
  <c r="AF61588" i="1"/>
  <c r="AF61589" i="1"/>
  <c r="AF61590" i="1"/>
  <c r="AF61591" i="1"/>
  <c r="AF61592" i="1"/>
  <c r="AF61593" i="1"/>
  <c r="AF61594" i="1"/>
  <c r="AF61595" i="1"/>
  <c r="AF61596" i="1"/>
  <c r="AF61597" i="1"/>
  <c r="AF61598" i="1"/>
  <c r="AF61599" i="1"/>
  <c r="AF61600" i="1"/>
  <c r="AF61601" i="1"/>
  <c r="AF61602" i="1"/>
  <c r="AF61603" i="1"/>
  <c r="AF61604" i="1"/>
  <c r="AF61605" i="1"/>
  <c r="AF61606" i="1"/>
  <c r="AF61607" i="1"/>
  <c r="AF61608" i="1"/>
  <c r="AF61609" i="1"/>
  <c r="AF61610" i="1"/>
  <c r="AF61611" i="1"/>
  <c r="AF61612" i="1"/>
  <c r="AF61613" i="1"/>
  <c r="AF61614" i="1"/>
  <c r="AF61615" i="1"/>
  <c r="AF61616" i="1"/>
  <c r="AF61617" i="1"/>
  <c r="AF61618" i="1"/>
  <c r="AF61619" i="1"/>
  <c r="AF61620" i="1"/>
  <c r="AF61621" i="1"/>
  <c r="AF61622" i="1"/>
  <c r="AF61623" i="1"/>
  <c r="AF61624" i="1"/>
  <c r="AF61625" i="1"/>
  <c r="AF61626" i="1"/>
  <c r="AF61627" i="1"/>
  <c r="AF61628" i="1"/>
  <c r="AF61629" i="1"/>
  <c r="AF61630" i="1"/>
  <c r="AF61631" i="1"/>
  <c r="AF61632" i="1"/>
  <c r="AF61633" i="1"/>
  <c r="AF61634" i="1"/>
  <c r="AF61635" i="1"/>
  <c r="AF61636" i="1"/>
  <c r="AF61637" i="1"/>
  <c r="AF61638" i="1"/>
  <c r="AF61639" i="1"/>
  <c r="AF61640" i="1"/>
  <c r="AF61641" i="1"/>
  <c r="AF61642" i="1"/>
  <c r="AF61643" i="1"/>
  <c r="AF61644" i="1"/>
  <c r="AF61645" i="1"/>
  <c r="AF61646" i="1"/>
  <c r="AF61647" i="1"/>
  <c r="AF61648" i="1"/>
  <c r="AF61649" i="1"/>
  <c r="AF61650" i="1"/>
  <c r="AF61651" i="1"/>
  <c r="AF61652" i="1"/>
  <c r="AF61653" i="1"/>
  <c r="AF61654" i="1"/>
  <c r="AF61655" i="1"/>
  <c r="AF61656" i="1"/>
  <c r="AF61657" i="1"/>
  <c r="AF61658" i="1"/>
  <c r="AF61659" i="1"/>
  <c r="AF61660" i="1"/>
  <c r="AF61661" i="1"/>
  <c r="AF61662" i="1"/>
  <c r="AF61663" i="1"/>
  <c r="AF61664" i="1"/>
  <c r="AF61665" i="1"/>
  <c r="AF61666" i="1"/>
  <c r="AF61667" i="1"/>
  <c r="AF61668" i="1"/>
  <c r="AF61669" i="1"/>
  <c r="AF61670" i="1"/>
  <c r="AF61671" i="1"/>
  <c r="AF61672" i="1"/>
  <c r="AF61673" i="1"/>
  <c r="AF61674" i="1"/>
  <c r="AF61675" i="1"/>
  <c r="AF61676" i="1"/>
  <c r="AF61677" i="1"/>
  <c r="AF61678" i="1"/>
  <c r="AF61679" i="1"/>
  <c r="AF61680" i="1"/>
  <c r="AF61681" i="1"/>
  <c r="AF61682" i="1"/>
  <c r="AF61683" i="1"/>
  <c r="AF61684" i="1"/>
  <c r="AF61685" i="1"/>
  <c r="AF61686" i="1"/>
  <c r="AF61687" i="1"/>
  <c r="AF61688" i="1"/>
  <c r="AF61689" i="1"/>
  <c r="AF61690" i="1"/>
  <c r="AF61691" i="1"/>
  <c r="AF61692" i="1"/>
  <c r="AF61693" i="1"/>
  <c r="AF61694" i="1"/>
  <c r="AF61695" i="1"/>
  <c r="AF61696" i="1"/>
  <c r="AF61697" i="1"/>
  <c r="AF61698" i="1"/>
  <c r="AF61699" i="1"/>
  <c r="AF61700" i="1"/>
  <c r="AF61701" i="1"/>
  <c r="AF61702" i="1"/>
  <c r="AF61703" i="1"/>
  <c r="AF61704" i="1"/>
  <c r="AF61705" i="1"/>
  <c r="AF61706" i="1"/>
  <c r="AF61707" i="1"/>
  <c r="AF61708" i="1"/>
  <c r="AF61709" i="1"/>
  <c r="AF61710" i="1"/>
  <c r="AF61711" i="1"/>
  <c r="AF61712" i="1"/>
  <c r="AF61713" i="1"/>
  <c r="AF61714" i="1"/>
  <c r="AF61715" i="1"/>
  <c r="AF61716" i="1"/>
  <c r="AF61717" i="1"/>
  <c r="AF61718" i="1"/>
  <c r="AF61719" i="1"/>
  <c r="AF61720" i="1"/>
  <c r="AF61721" i="1"/>
  <c r="AF61722" i="1"/>
  <c r="AF61723" i="1"/>
  <c r="AF61724" i="1"/>
  <c r="AF61725" i="1"/>
  <c r="AF61726" i="1"/>
  <c r="AF61727" i="1"/>
  <c r="AF61728" i="1"/>
  <c r="AF61729" i="1"/>
  <c r="AF61730" i="1"/>
  <c r="AF61731" i="1"/>
  <c r="AF61732" i="1"/>
  <c r="AF61733" i="1"/>
  <c r="AF61734" i="1"/>
  <c r="AF61735" i="1"/>
  <c r="AF61736" i="1"/>
  <c r="AF61737" i="1"/>
  <c r="AF61738" i="1"/>
  <c r="AF61739" i="1"/>
  <c r="AF61740" i="1"/>
  <c r="AF61741" i="1"/>
  <c r="AF61742" i="1"/>
  <c r="AF61743" i="1"/>
  <c r="AF61744" i="1"/>
  <c r="AF61745" i="1"/>
  <c r="AF61746" i="1"/>
  <c r="AF61747" i="1"/>
  <c r="AF61748" i="1"/>
  <c r="AF61749" i="1"/>
  <c r="AF61750" i="1"/>
  <c r="AF61751" i="1"/>
  <c r="AF61752" i="1"/>
  <c r="AF61753" i="1"/>
  <c r="AF61754" i="1"/>
  <c r="AF61755" i="1"/>
  <c r="AF61756" i="1"/>
  <c r="AF61757" i="1"/>
  <c r="AF61758" i="1"/>
  <c r="AF61759" i="1"/>
  <c r="AF61760" i="1"/>
  <c r="AF61761" i="1"/>
  <c r="AF61762" i="1"/>
  <c r="AF61763" i="1"/>
  <c r="AF61764" i="1"/>
  <c r="AF61765" i="1"/>
  <c r="AF61766" i="1"/>
  <c r="AF61767" i="1"/>
  <c r="AF61768" i="1"/>
  <c r="AF61769" i="1"/>
  <c r="AF61770" i="1"/>
  <c r="AF61771" i="1"/>
  <c r="AF61772" i="1"/>
  <c r="AF61773" i="1"/>
  <c r="AF61774" i="1"/>
  <c r="AF61775" i="1"/>
  <c r="AF61776" i="1"/>
  <c r="AF61777" i="1"/>
  <c r="AF61778" i="1"/>
  <c r="AF61779" i="1"/>
  <c r="AF61780" i="1"/>
  <c r="AF61781" i="1"/>
  <c r="AF61782" i="1"/>
  <c r="AF61783" i="1"/>
  <c r="AF61784" i="1"/>
  <c r="AF61785" i="1"/>
  <c r="AF61786" i="1"/>
  <c r="AF61787" i="1"/>
  <c r="AF61788" i="1"/>
  <c r="AF61789" i="1"/>
  <c r="AF61790" i="1"/>
  <c r="AF61791" i="1"/>
  <c r="AF61792" i="1"/>
  <c r="AF61793" i="1"/>
  <c r="AF61794" i="1"/>
  <c r="AF61795" i="1"/>
  <c r="AF61796" i="1"/>
  <c r="AF61797" i="1"/>
  <c r="AF61798" i="1"/>
  <c r="AF61799" i="1"/>
  <c r="AF61800" i="1"/>
  <c r="AF61801" i="1"/>
  <c r="AF61802" i="1"/>
  <c r="AF61803" i="1"/>
  <c r="AF61804" i="1"/>
  <c r="AF61805" i="1"/>
  <c r="AF61806" i="1"/>
  <c r="AF61807" i="1"/>
  <c r="AF61808" i="1"/>
  <c r="AF61809" i="1"/>
  <c r="AF61810" i="1"/>
  <c r="AF61811" i="1"/>
  <c r="AF61812" i="1"/>
  <c r="AF61813" i="1"/>
  <c r="AF61814" i="1"/>
  <c r="AF61815" i="1"/>
  <c r="AF61816" i="1"/>
  <c r="AF61817" i="1"/>
  <c r="AF61818" i="1"/>
  <c r="AF61819" i="1"/>
  <c r="AF61820" i="1"/>
  <c r="AF61821" i="1"/>
  <c r="AF61822" i="1"/>
  <c r="AF61823" i="1"/>
  <c r="AF61824" i="1"/>
  <c r="AF61825" i="1"/>
  <c r="AF61826" i="1"/>
  <c r="AF61827" i="1"/>
  <c r="AF61828" i="1"/>
  <c r="AF61829" i="1"/>
  <c r="AF61830" i="1"/>
  <c r="AF61831" i="1"/>
  <c r="AF61832" i="1"/>
  <c r="AF61833" i="1"/>
  <c r="AF61834" i="1"/>
  <c r="AF61835" i="1"/>
  <c r="AF61836" i="1"/>
  <c r="AF61837" i="1"/>
  <c r="AF61838" i="1"/>
  <c r="AF61839" i="1"/>
  <c r="AF61840" i="1"/>
  <c r="AF61841" i="1"/>
  <c r="AF61842" i="1"/>
  <c r="AF61843" i="1"/>
  <c r="AF61844" i="1"/>
  <c r="AF61845" i="1"/>
  <c r="AF61846" i="1"/>
  <c r="AF61847" i="1"/>
  <c r="AF61848" i="1"/>
  <c r="AF61849" i="1"/>
  <c r="AF61850" i="1"/>
  <c r="AF61851" i="1"/>
  <c r="AF61852" i="1"/>
  <c r="AF61853" i="1"/>
  <c r="AF61854" i="1"/>
  <c r="AF61855" i="1"/>
  <c r="AF61856" i="1"/>
  <c r="AF61857" i="1"/>
  <c r="AF61858" i="1"/>
  <c r="AF61859" i="1"/>
  <c r="AF61860" i="1"/>
  <c r="AF61861" i="1"/>
  <c r="AF61862" i="1"/>
  <c r="AF61863" i="1"/>
  <c r="AF61864" i="1"/>
  <c r="AF61865" i="1"/>
  <c r="AF61866" i="1"/>
  <c r="AF61867" i="1"/>
  <c r="AF61868" i="1"/>
  <c r="AF61869" i="1"/>
  <c r="AF61870" i="1"/>
  <c r="AF61871" i="1"/>
  <c r="AF61872" i="1"/>
  <c r="AF61873" i="1"/>
  <c r="AF61874" i="1"/>
  <c r="AF61875" i="1"/>
  <c r="AF61876" i="1"/>
  <c r="AF61877" i="1"/>
  <c r="AF61878" i="1"/>
  <c r="AF61879" i="1"/>
  <c r="AF61880" i="1"/>
  <c r="AF61881" i="1"/>
  <c r="AF61882" i="1"/>
  <c r="AF61883" i="1"/>
  <c r="AF61884" i="1"/>
  <c r="AF61885" i="1"/>
  <c r="AF61886" i="1"/>
  <c r="AF61887" i="1"/>
  <c r="AF61888" i="1"/>
  <c r="AF61889" i="1"/>
  <c r="AF61890" i="1"/>
  <c r="AF61891" i="1"/>
  <c r="AF61892" i="1"/>
  <c r="AF61893" i="1"/>
  <c r="AF61894" i="1"/>
  <c r="AF61895" i="1"/>
  <c r="AF61896" i="1"/>
  <c r="AF61897" i="1"/>
  <c r="AF61898" i="1"/>
  <c r="AF61899" i="1"/>
  <c r="AF61900" i="1"/>
  <c r="AF61901" i="1"/>
  <c r="AF61902" i="1"/>
  <c r="AF61903" i="1"/>
  <c r="AF61904" i="1"/>
  <c r="AF61905" i="1"/>
  <c r="AF61906" i="1"/>
  <c r="AF61907" i="1"/>
  <c r="AF61908" i="1"/>
  <c r="AF61909" i="1"/>
  <c r="AF61910" i="1"/>
  <c r="AF61911" i="1"/>
  <c r="AF61912" i="1"/>
  <c r="AF61913" i="1"/>
  <c r="AF61914" i="1"/>
  <c r="AF61915" i="1"/>
  <c r="AF61916" i="1"/>
  <c r="AF61917" i="1"/>
  <c r="AF61918" i="1"/>
  <c r="AF61919" i="1"/>
  <c r="AF61920" i="1"/>
  <c r="AF61921" i="1"/>
  <c r="AF61922" i="1"/>
  <c r="AF61923" i="1"/>
  <c r="AF61924" i="1"/>
  <c r="AF61925" i="1"/>
  <c r="AF61926" i="1"/>
  <c r="AF61927" i="1"/>
  <c r="AF61928" i="1"/>
  <c r="AF61929" i="1"/>
  <c r="AF61930" i="1"/>
  <c r="AF61931" i="1"/>
  <c r="AF61932" i="1"/>
  <c r="AF61933" i="1"/>
  <c r="AF61934" i="1"/>
  <c r="AF61935" i="1"/>
  <c r="AF61936" i="1"/>
  <c r="AF61937" i="1"/>
  <c r="AF61938" i="1"/>
  <c r="AF61939" i="1"/>
  <c r="AF61940" i="1"/>
  <c r="AF61941" i="1"/>
  <c r="AF61942" i="1"/>
  <c r="AF61943" i="1"/>
  <c r="AF61944" i="1"/>
  <c r="AF61945" i="1"/>
  <c r="AF61946" i="1"/>
  <c r="AF61947" i="1"/>
  <c r="AF61948" i="1"/>
  <c r="AF61949" i="1"/>
  <c r="AF61950" i="1"/>
  <c r="AF61951" i="1"/>
  <c r="AF61952" i="1"/>
  <c r="AF61953" i="1"/>
  <c r="AF61954" i="1"/>
  <c r="AF61955" i="1"/>
  <c r="AF61956" i="1"/>
  <c r="AF61957" i="1"/>
  <c r="AF61958" i="1"/>
  <c r="AF61959" i="1"/>
  <c r="AF61960" i="1"/>
  <c r="AF61961" i="1"/>
  <c r="AF61962" i="1"/>
  <c r="AF61963" i="1"/>
  <c r="AF61964" i="1"/>
  <c r="AF61965" i="1"/>
  <c r="AF61966" i="1"/>
  <c r="AF61967" i="1"/>
  <c r="AF61968" i="1"/>
  <c r="AF61969" i="1"/>
  <c r="AF61970" i="1"/>
  <c r="AF61971" i="1"/>
  <c r="AF61972" i="1"/>
  <c r="AF61973" i="1"/>
  <c r="AF61974" i="1"/>
  <c r="AF61975" i="1"/>
  <c r="AF61976" i="1"/>
  <c r="AF61977" i="1"/>
  <c r="AF61978" i="1"/>
  <c r="AF61979" i="1"/>
  <c r="AF61980" i="1"/>
  <c r="AF61981" i="1"/>
  <c r="AF61982" i="1"/>
  <c r="AF61983" i="1"/>
  <c r="AF61984" i="1"/>
  <c r="AF61985" i="1"/>
  <c r="AF61986" i="1"/>
  <c r="AF61987" i="1"/>
  <c r="AF61988" i="1"/>
  <c r="AF61989" i="1"/>
  <c r="AF61990" i="1"/>
  <c r="AF61991" i="1"/>
  <c r="AF61992" i="1"/>
  <c r="AF61993" i="1"/>
  <c r="AF61994" i="1"/>
  <c r="AF61995" i="1"/>
  <c r="AF61996" i="1"/>
  <c r="AF61997" i="1"/>
  <c r="AF61998" i="1"/>
  <c r="AF61999" i="1"/>
  <c r="AF62000" i="1"/>
  <c r="AF62001" i="1"/>
  <c r="AF62002" i="1"/>
  <c r="AF62003" i="1"/>
  <c r="AF62004" i="1"/>
  <c r="AF62005" i="1"/>
  <c r="AF62006" i="1"/>
  <c r="AF62007" i="1"/>
  <c r="AF62008" i="1"/>
  <c r="AF62009" i="1"/>
  <c r="AF62010" i="1"/>
  <c r="AF62011" i="1"/>
  <c r="AF62012" i="1"/>
  <c r="AF62013" i="1"/>
  <c r="AF62014" i="1"/>
  <c r="AF62015" i="1"/>
  <c r="AF62016" i="1"/>
  <c r="AF62017" i="1"/>
  <c r="AF62018" i="1"/>
  <c r="AF62019" i="1"/>
  <c r="AF62020" i="1"/>
  <c r="AF62021" i="1"/>
  <c r="AF62022" i="1"/>
  <c r="AF62023" i="1"/>
  <c r="AF62024" i="1"/>
  <c r="AF62025" i="1"/>
  <c r="AF62026" i="1"/>
  <c r="AF62027" i="1"/>
  <c r="AF62028" i="1"/>
  <c r="AF62029" i="1"/>
  <c r="AF62030" i="1"/>
  <c r="AF62031" i="1"/>
  <c r="AF62032" i="1"/>
  <c r="AF62033" i="1"/>
  <c r="AF62034" i="1"/>
  <c r="AF62035" i="1"/>
  <c r="AF62036" i="1"/>
  <c r="AF62037" i="1"/>
  <c r="AF62038" i="1"/>
  <c r="AF62039" i="1"/>
  <c r="AF62040" i="1"/>
  <c r="AF62041" i="1"/>
  <c r="AF62042" i="1"/>
  <c r="AF62043" i="1"/>
  <c r="AF62044" i="1"/>
  <c r="AF62045" i="1"/>
  <c r="AF62046" i="1"/>
  <c r="AF62047" i="1"/>
  <c r="AF62048" i="1"/>
  <c r="AF62049" i="1"/>
  <c r="AF62050" i="1"/>
  <c r="AF62051" i="1"/>
  <c r="AF62052" i="1"/>
  <c r="AF62053" i="1"/>
  <c r="AF62054" i="1"/>
  <c r="AF62055" i="1"/>
  <c r="AF62056" i="1"/>
  <c r="AF62057" i="1"/>
  <c r="AF62058" i="1"/>
  <c r="AF62059" i="1"/>
  <c r="AF62060" i="1"/>
  <c r="AF62061" i="1"/>
  <c r="AF62062" i="1"/>
  <c r="AF62063" i="1"/>
  <c r="AF62064" i="1"/>
  <c r="AF62065" i="1"/>
  <c r="AF62066" i="1"/>
  <c r="AF62067" i="1"/>
  <c r="AF62068" i="1"/>
  <c r="AF62069" i="1"/>
  <c r="AF62070" i="1"/>
  <c r="AF62071" i="1"/>
  <c r="AF62072" i="1"/>
  <c r="AF62073" i="1"/>
  <c r="AF62074" i="1"/>
  <c r="AF62075" i="1"/>
  <c r="AF62076" i="1"/>
  <c r="AF62077" i="1"/>
  <c r="AF62078" i="1"/>
  <c r="AF62079" i="1"/>
  <c r="AF62080" i="1"/>
  <c r="AF62081" i="1"/>
  <c r="AF62082" i="1"/>
  <c r="AF62083" i="1"/>
  <c r="AF62084" i="1"/>
  <c r="AF62085" i="1"/>
  <c r="AF62086" i="1"/>
  <c r="AF62087" i="1"/>
  <c r="AF62088" i="1"/>
  <c r="AF62089" i="1"/>
  <c r="AF62090" i="1"/>
  <c r="AF62091" i="1"/>
  <c r="AF62092" i="1"/>
  <c r="AF62093" i="1"/>
  <c r="AF62094" i="1"/>
  <c r="AF62095" i="1"/>
  <c r="AF62096" i="1"/>
  <c r="AF62097" i="1"/>
  <c r="AF62098" i="1"/>
  <c r="AF62099" i="1"/>
  <c r="AF62100" i="1"/>
  <c r="AF62101" i="1"/>
  <c r="AF62102" i="1"/>
  <c r="AF62103" i="1"/>
  <c r="AF62104" i="1"/>
  <c r="AF62105" i="1"/>
  <c r="AF62106" i="1"/>
  <c r="AF62107" i="1"/>
  <c r="AF62108" i="1"/>
  <c r="AF62109" i="1"/>
  <c r="AF62110" i="1"/>
  <c r="AF62111" i="1"/>
  <c r="AF62112" i="1"/>
  <c r="AF62113" i="1"/>
  <c r="AF62114" i="1"/>
  <c r="AF62115" i="1"/>
  <c r="AF62116" i="1"/>
  <c r="AF62117" i="1"/>
  <c r="AF62118" i="1"/>
  <c r="AF62119" i="1"/>
  <c r="AF62120" i="1"/>
  <c r="AF62121" i="1"/>
  <c r="AF62122" i="1"/>
  <c r="AF62123" i="1"/>
  <c r="AF62124" i="1"/>
  <c r="AF62125" i="1"/>
  <c r="AF62126" i="1"/>
  <c r="AF62127" i="1"/>
  <c r="AF62128" i="1"/>
  <c r="AF62129" i="1"/>
  <c r="AF62130" i="1"/>
  <c r="AF62131" i="1"/>
  <c r="AF62132" i="1"/>
  <c r="AF62133" i="1"/>
  <c r="AF62134" i="1"/>
  <c r="AF62135" i="1"/>
  <c r="AF62136" i="1"/>
  <c r="AF62137" i="1"/>
  <c r="AF62138" i="1"/>
  <c r="AF62139" i="1"/>
  <c r="AF62140" i="1"/>
  <c r="AF62141" i="1"/>
  <c r="AF62142" i="1"/>
  <c r="AF62143" i="1"/>
  <c r="AF62144" i="1"/>
  <c r="AF62145" i="1"/>
  <c r="AF62146" i="1"/>
  <c r="AF62147" i="1"/>
  <c r="AF62148" i="1"/>
  <c r="AF62149" i="1"/>
  <c r="AF62150" i="1"/>
  <c r="AF62151" i="1"/>
  <c r="AF62152" i="1"/>
  <c r="AF62153" i="1"/>
  <c r="AF62154" i="1"/>
  <c r="AF62155" i="1"/>
  <c r="AF62156" i="1"/>
  <c r="AF62157" i="1"/>
  <c r="AF62158" i="1"/>
  <c r="AF62159" i="1"/>
  <c r="AF62160" i="1"/>
  <c r="AF62161" i="1"/>
  <c r="AF62162" i="1"/>
  <c r="AF62163" i="1"/>
  <c r="AF62164" i="1"/>
  <c r="AF62165" i="1"/>
  <c r="AF62166" i="1"/>
  <c r="AF62167" i="1"/>
  <c r="AF62168" i="1"/>
  <c r="AF62169" i="1"/>
  <c r="AF62170" i="1"/>
  <c r="AF62171" i="1"/>
  <c r="AF62172" i="1"/>
  <c r="AF62173" i="1"/>
  <c r="AF62174" i="1"/>
  <c r="AF62175" i="1"/>
  <c r="AF62176" i="1"/>
  <c r="AF62177" i="1"/>
  <c r="AF62178" i="1"/>
  <c r="AF62179" i="1"/>
  <c r="AF62180" i="1"/>
  <c r="AF62181" i="1"/>
  <c r="AF62182" i="1"/>
  <c r="AF62183" i="1"/>
  <c r="AF62184" i="1"/>
  <c r="AF62185" i="1"/>
  <c r="AF62186" i="1"/>
  <c r="AF62187" i="1"/>
  <c r="AF62188" i="1"/>
  <c r="AF62189" i="1"/>
  <c r="AF62190" i="1"/>
  <c r="AF62191" i="1"/>
  <c r="AF62192" i="1"/>
  <c r="AF62193" i="1"/>
  <c r="AF62194" i="1"/>
  <c r="AF62195" i="1"/>
  <c r="AF62196" i="1"/>
  <c r="AF62197" i="1"/>
  <c r="AF62198" i="1"/>
  <c r="AF62199" i="1"/>
  <c r="AF62200" i="1"/>
  <c r="AF62201" i="1"/>
  <c r="AF62202" i="1"/>
  <c r="AF62203" i="1"/>
  <c r="AF62204" i="1"/>
  <c r="AF62205" i="1"/>
  <c r="AF62206" i="1"/>
  <c r="AF62207" i="1"/>
  <c r="AF62208" i="1"/>
  <c r="AF62209" i="1"/>
  <c r="AF62210" i="1"/>
  <c r="AF62211" i="1"/>
  <c r="AF62212" i="1"/>
  <c r="AF62213" i="1"/>
  <c r="AF62214" i="1"/>
  <c r="AF62215" i="1"/>
  <c r="AF62216" i="1"/>
  <c r="AF62217" i="1"/>
  <c r="AF62218" i="1"/>
  <c r="AF62219" i="1"/>
  <c r="AF62220" i="1"/>
  <c r="AF62221" i="1"/>
  <c r="AF62222" i="1"/>
  <c r="AF62223" i="1"/>
  <c r="AF62224" i="1"/>
  <c r="AF62225" i="1"/>
  <c r="AF62226" i="1"/>
  <c r="AF62227" i="1"/>
  <c r="AF62228" i="1"/>
  <c r="AF62229" i="1"/>
  <c r="AF62230" i="1"/>
  <c r="AF62231" i="1"/>
  <c r="AF62232" i="1"/>
  <c r="AF62233" i="1"/>
  <c r="AF62234" i="1"/>
  <c r="AF62235" i="1"/>
  <c r="AF62236" i="1"/>
  <c r="AF62237" i="1"/>
  <c r="AF62238" i="1"/>
  <c r="AF62239" i="1"/>
  <c r="AF62240" i="1"/>
  <c r="AF62241" i="1"/>
  <c r="AF62242" i="1"/>
  <c r="AF62243" i="1"/>
  <c r="AF62244" i="1"/>
  <c r="AF62245" i="1"/>
  <c r="AF62246" i="1"/>
  <c r="AF62247" i="1"/>
  <c r="AF62248" i="1"/>
  <c r="AF62249" i="1"/>
  <c r="AF62250" i="1"/>
  <c r="AF62251" i="1"/>
  <c r="AF62252" i="1"/>
  <c r="AF62253" i="1"/>
  <c r="AF62254" i="1"/>
  <c r="AF62255" i="1"/>
  <c r="AF62256" i="1"/>
  <c r="AF62257" i="1"/>
  <c r="AF62258" i="1"/>
  <c r="AF62259" i="1"/>
  <c r="AF62260" i="1"/>
  <c r="AF62261" i="1"/>
  <c r="AF62262" i="1"/>
  <c r="AF62263" i="1"/>
  <c r="AF62264" i="1"/>
  <c r="AF62265" i="1"/>
  <c r="AF62266" i="1"/>
  <c r="AF62267" i="1"/>
  <c r="AF62268" i="1"/>
  <c r="AF62269" i="1"/>
  <c r="AF62270" i="1"/>
  <c r="AF62271" i="1"/>
  <c r="AF62272" i="1"/>
  <c r="AF62273" i="1"/>
  <c r="AF62274" i="1"/>
  <c r="AF62275" i="1"/>
  <c r="AF62276" i="1"/>
  <c r="AF62277" i="1"/>
  <c r="AF62278" i="1"/>
  <c r="AF62279" i="1"/>
  <c r="AF62280" i="1"/>
  <c r="AF62281" i="1"/>
  <c r="AF62282" i="1"/>
  <c r="AF62283" i="1"/>
  <c r="AF62284" i="1"/>
  <c r="AF62285" i="1"/>
  <c r="AF62286" i="1"/>
  <c r="AF62287" i="1"/>
  <c r="AF62288" i="1"/>
  <c r="AF62289" i="1"/>
  <c r="AF62290" i="1"/>
  <c r="AF62291" i="1"/>
  <c r="AF62292" i="1"/>
  <c r="AF62293" i="1"/>
  <c r="AF62294" i="1"/>
  <c r="AF62295" i="1"/>
  <c r="AF62296" i="1"/>
  <c r="AF62297" i="1"/>
  <c r="AF62298" i="1"/>
  <c r="AF62299" i="1"/>
  <c r="AF62300" i="1"/>
  <c r="AF62301" i="1"/>
  <c r="AF62302" i="1"/>
  <c r="AF62303" i="1"/>
  <c r="AF62304" i="1"/>
  <c r="AF62305" i="1"/>
  <c r="AF62306" i="1"/>
  <c r="AF62307" i="1"/>
  <c r="AF62308" i="1"/>
  <c r="AF62309" i="1"/>
  <c r="AF62310" i="1"/>
  <c r="AF62311" i="1"/>
  <c r="AF62312" i="1"/>
  <c r="AF62313" i="1"/>
  <c r="AF62314" i="1"/>
  <c r="AF62315" i="1"/>
  <c r="AF62316" i="1"/>
  <c r="AF62317" i="1"/>
  <c r="AF62318" i="1"/>
  <c r="AF62319" i="1"/>
  <c r="AF62320" i="1"/>
  <c r="AF62321" i="1"/>
  <c r="AF62322" i="1"/>
  <c r="AF62323" i="1"/>
  <c r="AF62324" i="1"/>
  <c r="AF62325" i="1"/>
  <c r="AF62326" i="1"/>
  <c r="AF62327" i="1"/>
  <c r="AF62328" i="1"/>
  <c r="AF62329" i="1"/>
  <c r="AF62330" i="1"/>
  <c r="AF62331" i="1"/>
  <c r="AF62332" i="1"/>
  <c r="AF62333" i="1"/>
  <c r="AF62334" i="1"/>
  <c r="AF62335" i="1"/>
  <c r="AF62336" i="1"/>
  <c r="AF62337" i="1"/>
  <c r="AF62338" i="1"/>
  <c r="AF62339" i="1"/>
  <c r="AF62340" i="1"/>
  <c r="AF62341" i="1"/>
  <c r="AF62342" i="1"/>
  <c r="AF62343" i="1"/>
  <c r="AF62344" i="1"/>
  <c r="AF62345" i="1"/>
  <c r="AF62346" i="1"/>
  <c r="AF62347" i="1"/>
  <c r="AF62348" i="1"/>
  <c r="AF62349" i="1"/>
  <c r="AF62350" i="1"/>
  <c r="AF62351" i="1"/>
  <c r="AF62352" i="1"/>
  <c r="AF62353" i="1"/>
  <c r="AF62354" i="1"/>
  <c r="AF62355" i="1"/>
  <c r="AF62356" i="1"/>
  <c r="AF62357" i="1"/>
  <c r="AF62358" i="1"/>
  <c r="AF62359" i="1"/>
  <c r="AF62360" i="1"/>
  <c r="AF62361" i="1"/>
  <c r="AF62362" i="1"/>
  <c r="AF62363" i="1"/>
  <c r="AF62364" i="1"/>
  <c r="AF62365" i="1"/>
  <c r="AF62366" i="1"/>
  <c r="AF62367" i="1"/>
  <c r="AF62368" i="1"/>
  <c r="AF62369" i="1"/>
  <c r="AF62370" i="1"/>
  <c r="AF62371" i="1"/>
  <c r="AF62372" i="1"/>
  <c r="AF62373" i="1"/>
  <c r="AF62374" i="1"/>
  <c r="AF62375" i="1"/>
  <c r="AF62376" i="1"/>
  <c r="AF62377" i="1"/>
  <c r="AF62378" i="1"/>
  <c r="AF62379" i="1"/>
  <c r="AF62380" i="1"/>
  <c r="AF62381" i="1"/>
  <c r="AF62382" i="1"/>
  <c r="AF62383" i="1"/>
  <c r="AF62384" i="1"/>
  <c r="AF62385" i="1"/>
  <c r="AF62386" i="1"/>
  <c r="AF62387" i="1"/>
  <c r="AF62388" i="1"/>
  <c r="AF62389" i="1"/>
  <c r="AF62390" i="1"/>
  <c r="AF62391" i="1"/>
  <c r="AF62392" i="1"/>
  <c r="AF62393" i="1"/>
  <c r="AF62394" i="1"/>
  <c r="AF62395" i="1"/>
  <c r="AF62396" i="1"/>
  <c r="AF62397" i="1"/>
  <c r="AF62398" i="1"/>
  <c r="AF62399" i="1"/>
  <c r="AF62400" i="1"/>
  <c r="AF62401" i="1"/>
  <c r="AF62402" i="1"/>
  <c r="AF62403" i="1"/>
  <c r="AF62404" i="1"/>
  <c r="AF62405" i="1"/>
  <c r="AF62406" i="1"/>
  <c r="AF62407" i="1"/>
  <c r="AF62408" i="1"/>
  <c r="AF62409" i="1"/>
  <c r="AF62410" i="1"/>
  <c r="AF62411" i="1"/>
  <c r="AF62412" i="1"/>
  <c r="AF62413" i="1"/>
  <c r="AF62414" i="1"/>
  <c r="AF62415" i="1"/>
  <c r="AF62416" i="1"/>
  <c r="AF62417" i="1"/>
  <c r="AF62418" i="1"/>
  <c r="AF62419" i="1"/>
  <c r="AF62420" i="1"/>
  <c r="AF62421" i="1"/>
  <c r="AF62422" i="1"/>
  <c r="AF62423" i="1"/>
  <c r="AF62424" i="1"/>
  <c r="AF62425" i="1"/>
  <c r="AF62426" i="1"/>
  <c r="AF62427" i="1"/>
  <c r="AF62428" i="1"/>
  <c r="AF62429" i="1"/>
  <c r="AF62430" i="1"/>
  <c r="AF62431" i="1"/>
  <c r="AF62432" i="1"/>
  <c r="AF62433" i="1"/>
  <c r="AF62434" i="1"/>
  <c r="AF62435" i="1"/>
  <c r="AF62436" i="1"/>
  <c r="AF62437" i="1"/>
  <c r="AF62438" i="1"/>
  <c r="AF62439" i="1"/>
  <c r="AF62440" i="1"/>
  <c r="AF62441" i="1"/>
  <c r="AF62442" i="1"/>
  <c r="AF62443" i="1"/>
  <c r="AF62444" i="1"/>
  <c r="AF62445" i="1"/>
  <c r="AF62446" i="1"/>
  <c r="AF62447" i="1"/>
  <c r="AF62448" i="1"/>
  <c r="AF62449" i="1"/>
  <c r="AF62450" i="1"/>
  <c r="AF62451" i="1"/>
  <c r="AF62452" i="1"/>
  <c r="AF62453" i="1"/>
  <c r="AF62454" i="1"/>
  <c r="AF62455" i="1"/>
  <c r="AF62456" i="1"/>
  <c r="AF62457" i="1"/>
  <c r="AF62458" i="1"/>
  <c r="AF62459" i="1"/>
  <c r="AF62460" i="1"/>
  <c r="AF62461" i="1"/>
  <c r="AF62462" i="1"/>
  <c r="AF62463" i="1"/>
  <c r="AF62464" i="1"/>
  <c r="AF62465" i="1"/>
  <c r="AF62466" i="1"/>
  <c r="AF62467" i="1"/>
  <c r="AF62468" i="1"/>
  <c r="AF62469" i="1"/>
  <c r="AF62470" i="1"/>
  <c r="AF62471" i="1"/>
  <c r="AF62472" i="1"/>
  <c r="AF62473" i="1"/>
  <c r="AF62474" i="1"/>
  <c r="AF62475" i="1"/>
  <c r="AF62476" i="1"/>
  <c r="AF62477" i="1"/>
  <c r="AF62478" i="1"/>
  <c r="AF62479" i="1"/>
  <c r="AF62480" i="1"/>
  <c r="AF62481" i="1"/>
  <c r="AF62482" i="1"/>
  <c r="AF62483" i="1"/>
  <c r="AF62484" i="1"/>
  <c r="AF62485" i="1"/>
  <c r="AF62486" i="1"/>
  <c r="AF62487" i="1"/>
  <c r="AF62488" i="1"/>
  <c r="AF62489" i="1"/>
  <c r="AF62490" i="1"/>
  <c r="AF62491" i="1"/>
  <c r="AF62492" i="1"/>
  <c r="AF62493" i="1"/>
  <c r="AF62494" i="1"/>
  <c r="AF62495" i="1"/>
  <c r="AF62496" i="1"/>
  <c r="AF62497" i="1"/>
  <c r="AF62498" i="1"/>
  <c r="AF62499" i="1"/>
  <c r="AF62500" i="1"/>
  <c r="AF62501" i="1"/>
  <c r="AF62502" i="1"/>
  <c r="AF62503" i="1"/>
  <c r="AF62504" i="1"/>
  <c r="AF62505" i="1"/>
  <c r="AF62506" i="1"/>
  <c r="AF62507" i="1"/>
  <c r="AF62508" i="1"/>
  <c r="AF62509" i="1"/>
  <c r="AF62510" i="1"/>
  <c r="AF62511" i="1"/>
  <c r="AF62512" i="1"/>
  <c r="AF62513" i="1"/>
  <c r="AF62514" i="1"/>
  <c r="AF62515" i="1"/>
  <c r="AF62516" i="1"/>
  <c r="AF62517" i="1"/>
  <c r="AF62518" i="1"/>
  <c r="AF62519" i="1"/>
  <c r="AF62520" i="1"/>
  <c r="AF62521" i="1"/>
  <c r="AF62522" i="1"/>
  <c r="AF62523" i="1"/>
  <c r="AF62524" i="1"/>
  <c r="AF62525" i="1"/>
  <c r="AF62526" i="1"/>
  <c r="AF62527" i="1"/>
  <c r="AF62528" i="1"/>
  <c r="AF62529" i="1"/>
  <c r="AF62530" i="1"/>
  <c r="AF62531" i="1"/>
  <c r="AF62532" i="1"/>
  <c r="AF62533" i="1"/>
  <c r="AF62534" i="1"/>
  <c r="AF62535" i="1"/>
  <c r="AF62536" i="1"/>
  <c r="AF62537" i="1"/>
  <c r="AF62538" i="1"/>
  <c r="AF62539" i="1"/>
  <c r="AF62540" i="1"/>
  <c r="AF62541" i="1"/>
  <c r="AF62542" i="1"/>
  <c r="AF62543" i="1"/>
  <c r="AF62544" i="1"/>
  <c r="AF62545" i="1"/>
  <c r="AF62546" i="1"/>
  <c r="AF62547" i="1"/>
  <c r="AF62548" i="1"/>
  <c r="AF62549" i="1"/>
  <c r="AF62550" i="1"/>
  <c r="AF62551" i="1"/>
  <c r="AF62552" i="1"/>
  <c r="AF62553" i="1"/>
  <c r="AF62554" i="1"/>
  <c r="AF62555" i="1"/>
  <c r="AF62556" i="1"/>
  <c r="AF62557" i="1"/>
  <c r="AF62558" i="1"/>
  <c r="AF62559" i="1"/>
  <c r="AF62560" i="1"/>
  <c r="AF62561" i="1"/>
  <c r="AF62562" i="1"/>
  <c r="AF62563" i="1"/>
  <c r="AF62564" i="1"/>
  <c r="AF62565" i="1"/>
  <c r="AF62566" i="1"/>
  <c r="AF62567" i="1"/>
  <c r="AF62568" i="1"/>
  <c r="AF62569" i="1"/>
  <c r="AF62570" i="1"/>
  <c r="AF62571" i="1"/>
  <c r="AF62572" i="1"/>
  <c r="AF62573" i="1"/>
  <c r="AF62574" i="1"/>
  <c r="AF62575" i="1"/>
  <c r="AF62576" i="1"/>
  <c r="AF62577" i="1"/>
  <c r="AF62578" i="1"/>
  <c r="AF62579" i="1"/>
  <c r="AF62580" i="1"/>
  <c r="AF62581" i="1"/>
  <c r="AF62582" i="1"/>
  <c r="AF62583" i="1"/>
  <c r="AF62584" i="1"/>
  <c r="AF62585" i="1"/>
  <c r="AF62586" i="1"/>
  <c r="AF62587" i="1"/>
  <c r="AF62588" i="1"/>
  <c r="AF62589" i="1"/>
  <c r="AF62590" i="1"/>
  <c r="AF62591" i="1"/>
  <c r="AF62592" i="1"/>
  <c r="AF62593" i="1"/>
  <c r="AF62594" i="1"/>
  <c r="AF62595" i="1"/>
  <c r="AF62596" i="1"/>
  <c r="AF62597" i="1"/>
  <c r="AF62598" i="1"/>
  <c r="AF62599" i="1"/>
  <c r="AF62600" i="1"/>
  <c r="AF62601" i="1"/>
  <c r="AF62602" i="1"/>
  <c r="AF62603" i="1"/>
  <c r="AF62604" i="1"/>
  <c r="AF62605" i="1"/>
  <c r="AF62606" i="1"/>
  <c r="AF62607" i="1"/>
  <c r="AF62608" i="1"/>
  <c r="AF62609" i="1"/>
  <c r="AF62610" i="1"/>
  <c r="AF62611" i="1"/>
  <c r="AF62612" i="1"/>
  <c r="AF62613" i="1"/>
  <c r="AF62614" i="1"/>
  <c r="AF62615" i="1"/>
  <c r="AF62616" i="1"/>
  <c r="AF62617" i="1"/>
  <c r="AF62618" i="1"/>
  <c r="AF62619" i="1"/>
  <c r="AF62620" i="1"/>
  <c r="AF62621" i="1"/>
  <c r="AF62622" i="1"/>
  <c r="AF62623" i="1"/>
  <c r="AF62624" i="1"/>
  <c r="AF62625" i="1"/>
  <c r="AF62626" i="1"/>
  <c r="AF62627" i="1"/>
  <c r="AF62628" i="1"/>
  <c r="AF62629" i="1"/>
  <c r="AF62630" i="1"/>
  <c r="AF62631" i="1"/>
  <c r="AF62632" i="1"/>
  <c r="AF62633" i="1"/>
  <c r="AF62634" i="1"/>
  <c r="AF62635" i="1"/>
  <c r="AF62636" i="1"/>
  <c r="AF62637" i="1"/>
  <c r="AF62638" i="1"/>
  <c r="AF62639" i="1"/>
  <c r="AF62640" i="1"/>
  <c r="AF62641" i="1"/>
  <c r="AF62642" i="1"/>
  <c r="AF62643" i="1"/>
  <c r="AF62644" i="1"/>
  <c r="AF62645" i="1"/>
  <c r="AF62646" i="1"/>
  <c r="AF62647" i="1"/>
  <c r="AF62648" i="1"/>
  <c r="AF62649" i="1"/>
  <c r="AF62650" i="1"/>
  <c r="AF62651" i="1"/>
  <c r="AF62652" i="1"/>
  <c r="AF62653" i="1"/>
  <c r="AF62654" i="1"/>
  <c r="AF62655" i="1"/>
  <c r="AF62656" i="1"/>
  <c r="AF62657" i="1"/>
  <c r="AF62658" i="1"/>
  <c r="AF62659" i="1"/>
  <c r="AF62660" i="1"/>
  <c r="AF62661" i="1"/>
  <c r="AF62662" i="1"/>
  <c r="AF62663" i="1"/>
  <c r="AF62664" i="1"/>
  <c r="AF62665" i="1"/>
  <c r="AF62666" i="1"/>
  <c r="AF62667" i="1"/>
  <c r="AF62668" i="1"/>
  <c r="AF62669" i="1"/>
  <c r="AF62670" i="1"/>
  <c r="AF62671" i="1"/>
  <c r="AF62672" i="1"/>
  <c r="AF62673" i="1"/>
  <c r="AF62674" i="1"/>
  <c r="AF62675" i="1"/>
  <c r="AF62676" i="1"/>
  <c r="AF62677" i="1"/>
  <c r="AF62678" i="1"/>
  <c r="AF62679" i="1"/>
  <c r="AF62680" i="1"/>
  <c r="AF62681" i="1"/>
  <c r="AF62682" i="1"/>
  <c r="AF62683" i="1"/>
  <c r="AF62684" i="1"/>
  <c r="AF62685" i="1"/>
  <c r="AF62686" i="1"/>
  <c r="AF62687" i="1"/>
  <c r="AF62688" i="1"/>
  <c r="AF62689" i="1"/>
  <c r="AF62690" i="1"/>
  <c r="AF62691" i="1"/>
  <c r="AF62692" i="1"/>
  <c r="AF62693" i="1"/>
  <c r="AF62694" i="1"/>
  <c r="AF62695" i="1"/>
  <c r="AF62696" i="1"/>
  <c r="AF62697" i="1"/>
  <c r="AF62698" i="1"/>
  <c r="AF62699" i="1"/>
  <c r="AF62700" i="1"/>
  <c r="AF62701" i="1"/>
  <c r="AF62702" i="1"/>
  <c r="AF62703" i="1"/>
  <c r="AF62704" i="1"/>
  <c r="AF62705" i="1"/>
  <c r="AF62706" i="1"/>
  <c r="AF62707" i="1"/>
  <c r="AF62708" i="1"/>
  <c r="AF62709" i="1"/>
  <c r="AF62710" i="1"/>
  <c r="AF62711" i="1"/>
  <c r="AF62712" i="1"/>
  <c r="AF62713" i="1"/>
  <c r="AF62714" i="1"/>
  <c r="AF62715" i="1"/>
  <c r="AF62716" i="1"/>
  <c r="AF62717" i="1"/>
  <c r="AF62718" i="1"/>
  <c r="AF62719" i="1"/>
  <c r="AF62720" i="1"/>
  <c r="AF62721" i="1"/>
  <c r="AF62722" i="1"/>
  <c r="AF62723" i="1"/>
  <c r="AF62724" i="1"/>
  <c r="AF62725" i="1"/>
  <c r="AF62726" i="1"/>
  <c r="AF62727" i="1"/>
  <c r="AF62728" i="1"/>
  <c r="AF62729" i="1"/>
  <c r="AF62730" i="1"/>
  <c r="AF62731" i="1"/>
  <c r="AF62732" i="1"/>
  <c r="AF62733" i="1"/>
  <c r="AF62734" i="1"/>
  <c r="AF62735" i="1"/>
  <c r="AF62736" i="1"/>
  <c r="AF62737" i="1"/>
  <c r="AF62738" i="1"/>
  <c r="AF62739" i="1"/>
  <c r="AF62740" i="1"/>
  <c r="AF62741" i="1"/>
  <c r="AF62742" i="1"/>
  <c r="AF62743" i="1"/>
  <c r="AF62744" i="1"/>
  <c r="AF62745" i="1"/>
  <c r="AF62746" i="1"/>
  <c r="AF62747" i="1"/>
  <c r="AF62748" i="1"/>
  <c r="AF62749" i="1"/>
  <c r="AF62750" i="1"/>
  <c r="AF62751" i="1"/>
  <c r="AF62752" i="1"/>
  <c r="AF62753" i="1"/>
  <c r="AF62754" i="1"/>
  <c r="AF62755" i="1"/>
  <c r="AF62756" i="1"/>
  <c r="AF62757" i="1"/>
  <c r="AF62758" i="1"/>
  <c r="AF62759" i="1"/>
  <c r="AF62760" i="1"/>
  <c r="AF62761" i="1"/>
  <c r="AF62762" i="1"/>
  <c r="AF62763" i="1"/>
  <c r="AF62764" i="1"/>
  <c r="AF62765" i="1"/>
  <c r="AF62766" i="1"/>
  <c r="AF62767" i="1"/>
  <c r="AF62768" i="1"/>
  <c r="AF62769" i="1"/>
  <c r="AF62770" i="1"/>
  <c r="AF62771" i="1"/>
  <c r="AF62772" i="1"/>
  <c r="AF62773" i="1"/>
  <c r="AF62774" i="1"/>
  <c r="AF62775" i="1"/>
  <c r="AF62776" i="1"/>
  <c r="AF62777" i="1"/>
  <c r="AF62778" i="1"/>
  <c r="AF62779" i="1"/>
  <c r="AF62780" i="1"/>
  <c r="AF62781" i="1"/>
  <c r="AF62782" i="1"/>
  <c r="AF62783" i="1"/>
  <c r="AF62784" i="1"/>
  <c r="AF62785" i="1"/>
  <c r="AF62786" i="1"/>
  <c r="AF62787" i="1"/>
  <c r="AF62788" i="1"/>
  <c r="AF62789" i="1"/>
  <c r="AF62790" i="1"/>
  <c r="AF62791" i="1"/>
  <c r="AF62792" i="1"/>
  <c r="AF62793" i="1"/>
  <c r="AF62794" i="1"/>
  <c r="AF62795" i="1"/>
  <c r="AF62796" i="1"/>
  <c r="AF62797" i="1"/>
  <c r="AF62798" i="1"/>
  <c r="AF62799" i="1"/>
  <c r="AF62800" i="1"/>
  <c r="AF62801" i="1"/>
  <c r="AF62802" i="1"/>
  <c r="AF62803" i="1"/>
  <c r="AF62804" i="1"/>
  <c r="AF62805" i="1"/>
  <c r="AF62806" i="1"/>
  <c r="AF62807" i="1"/>
  <c r="AF62808" i="1"/>
  <c r="AF62809" i="1"/>
  <c r="AF62810" i="1"/>
  <c r="AF62811" i="1"/>
  <c r="AF62812" i="1"/>
  <c r="AF62813" i="1"/>
  <c r="AF62814" i="1"/>
  <c r="AF62815" i="1"/>
  <c r="AF62816" i="1"/>
  <c r="AF62817" i="1"/>
  <c r="AF62818" i="1"/>
  <c r="AF62819" i="1"/>
  <c r="AF62820" i="1"/>
  <c r="AF62821" i="1"/>
  <c r="AF62822" i="1"/>
  <c r="AF62823" i="1"/>
  <c r="AF62824" i="1"/>
  <c r="AF62825" i="1"/>
  <c r="AF62826" i="1"/>
  <c r="AF62827" i="1"/>
  <c r="AF62828" i="1"/>
  <c r="AF62829" i="1"/>
  <c r="AF62830" i="1"/>
  <c r="AF62831" i="1"/>
  <c r="AF62832" i="1"/>
  <c r="AF62833" i="1"/>
  <c r="AF62834" i="1"/>
  <c r="AF62835" i="1"/>
  <c r="AF62836" i="1"/>
  <c r="AF62837" i="1"/>
  <c r="AF62838" i="1"/>
  <c r="AF62839" i="1"/>
  <c r="AF62840" i="1"/>
  <c r="AF62841" i="1"/>
  <c r="AF62842" i="1"/>
  <c r="AF62843" i="1"/>
  <c r="AF62844" i="1"/>
  <c r="AF62845" i="1"/>
  <c r="AF62846" i="1"/>
  <c r="AF62847" i="1"/>
  <c r="AF62848" i="1"/>
  <c r="AF62849" i="1"/>
  <c r="AF62850" i="1"/>
  <c r="AF62851" i="1"/>
  <c r="AF62852" i="1"/>
  <c r="AF62853" i="1"/>
  <c r="AF62854" i="1"/>
  <c r="AF62855" i="1"/>
  <c r="AF62856" i="1"/>
  <c r="AF62857" i="1"/>
  <c r="AF62858" i="1"/>
  <c r="AF62859" i="1"/>
  <c r="AF62860" i="1"/>
  <c r="AF62861" i="1"/>
  <c r="AF62862" i="1"/>
  <c r="AF62863" i="1"/>
  <c r="AF62864" i="1"/>
  <c r="AF62865" i="1"/>
  <c r="AF62866" i="1"/>
  <c r="AF62867" i="1"/>
  <c r="AF62868" i="1"/>
  <c r="AF62869" i="1"/>
  <c r="AF62870" i="1"/>
  <c r="AF62871" i="1"/>
  <c r="AF62872" i="1"/>
  <c r="AF62873" i="1"/>
  <c r="AF62874" i="1"/>
  <c r="AF62875" i="1"/>
  <c r="AF62876" i="1"/>
  <c r="AF62877" i="1"/>
  <c r="AF62878" i="1"/>
  <c r="AF62879" i="1"/>
  <c r="AF62880" i="1"/>
  <c r="AF62881" i="1"/>
  <c r="AF62882" i="1"/>
  <c r="AF62883" i="1"/>
  <c r="AF62884" i="1"/>
  <c r="AF62885" i="1"/>
  <c r="AF62886" i="1"/>
  <c r="AF62887" i="1"/>
  <c r="AF62888" i="1"/>
  <c r="AF62889" i="1"/>
  <c r="AF62890" i="1"/>
  <c r="AF62891" i="1"/>
  <c r="AF62892" i="1"/>
  <c r="AF62893" i="1"/>
  <c r="AF62894" i="1"/>
  <c r="AF62895" i="1"/>
  <c r="AF62896" i="1"/>
  <c r="AF62897" i="1"/>
  <c r="AF62898" i="1"/>
  <c r="AF62899" i="1"/>
  <c r="AF62900" i="1"/>
  <c r="AF62901" i="1"/>
  <c r="AF62902" i="1"/>
  <c r="AF62903" i="1"/>
  <c r="AF62904" i="1"/>
  <c r="AF62905" i="1"/>
  <c r="AF62906" i="1"/>
  <c r="AF62907" i="1"/>
  <c r="AF62908" i="1"/>
  <c r="AF62909" i="1"/>
  <c r="AF62910" i="1"/>
  <c r="AF62911" i="1"/>
  <c r="AF62912" i="1"/>
  <c r="AF62913" i="1"/>
  <c r="AF62914" i="1"/>
  <c r="AF62915" i="1"/>
  <c r="AF62916" i="1"/>
  <c r="AF62917" i="1"/>
  <c r="AF62918" i="1"/>
  <c r="AF62919" i="1"/>
  <c r="AF62920" i="1"/>
  <c r="AF62921" i="1"/>
  <c r="AF62922" i="1"/>
  <c r="AF62923" i="1"/>
  <c r="AF62924" i="1"/>
  <c r="AF62925" i="1"/>
  <c r="AF62926" i="1"/>
  <c r="AF62927" i="1"/>
  <c r="AF62928" i="1"/>
  <c r="AF62929" i="1"/>
  <c r="AF62930" i="1"/>
  <c r="AF62931" i="1"/>
  <c r="AF62932" i="1"/>
  <c r="AF62933" i="1"/>
  <c r="AF62934" i="1"/>
  <c r="AF62935" i="1"/>
  <c r="AF62936" i="1"/>
  <c r="AF62937" i="1"/>
  <c r="AF62938" i="1"/>
  <c r="AF62939" i="1"/>
  <c r="AF62940" i="1"/>
  <c r="AF62941" i="1"/>
  <c r="AF62942" i="1"/>
  <c r="AF62943" i="1"/>
  <c r="AF62944" i="1"/>
  <c r="AF62945" i="1"/>
  <c r="AF62946" i="1"/>
  <c r="AF62947" i="1"/>
  <c r="AF62948" i="1"/>
  <c r="AF62949" i="1"/>
  <c r="AF62950" i="1"/>
  <c r="AF62951" i="1"/>
  <c r="AF62952" i="1"/>
  <c r="AF62953" i="1"/>
  <c r="AF62954" i="1"/>
  <c r="AF62955" i="1"/>
  <c r="AF62956" i="1"/>
  <c r="AF62957" i="1"/>
  <c r="AF62958" i="1"/>
  <c r="AF62959" i="1"/>
  <c r="AF62960" i="1"/>
  <c r="AF62961" i="1"/>
  <c r="AF62962" i="1"/>
  <c r="AF62963" i="1"/>
  <c r="AF62964" i="1"/>
  <c r="AF62965" i="1"/>
  <c r="AF62966" i="1"/>
  <c r="AF62967" i="1"/>
  <c r="AF62968" i="1"/>
  <c r="AF62969" i="1"/>
  <c r="AF62970" i="1"/>
  <c r="AF62971" i="1"/>
  <c r="AF62972" i="1"/>
  <c r="AF62973" i="1"/>
  <c r="AF62974" i="1"/>
  <c r="AF62975" i="1"/>
  <c r="AF62976" i="1"/>
  <c r="AF62977" i="1"/>
  <c r="AF62978" i="1"/>
  <c r="AF62979" i="1"/>
  <c r="AF62980" i="1"/>
  <c r="AF62981" i="1"/>
  <c r="AF62982" i="1"/>
  <c r="AF62983" i="1"/>
  <c r="AF62984" i="1"/>
  <c r="AF62985" i="1"/>
  <c r="AF62986" i="1"/>
  <c r="AF62987" i="1"/>
  <c r="AF62988" i="1"/>
  <c r="AF62989" i="1"/>
  <c r="AF62990" i="1"/>
  <c r="AF62991" i="1"/>
  <c r="AF62992" i="1"/>
  <c r="AF62993" i="1"/>
  <c r="AF62994" i="1"/>
  <c r="AF62995" i="1"/>
  <c r="AF62996" i="1"/>
  <c r="AF62997" i="1"/>
  <c r="AF62998" i="1"/>
  <c r="AF62999" i="1"/>
  <c r="AF63000" i="1"/>
  <c r="AF63001" i="1"/>
  <c r="AF63002" i="1"/>
  <c r="AF63003" i="1"/>
  <c r="AF63004" i="1"/>
  <c r="AF63005" i="1"/>
  <c r="AF63006" i="1"/>
  <c r="AF63007" i="1"/>
  <c r="AF63008" i="1"/>
  <c r="AF63009" i="1"/>
  <c r="AF63010" i="1"/>
  <c r="AF63011" i="1"/>
  <c r="AF63012" i="1"/>
  <c r="AF63013" i="1"/>
  <c r="AF63014" i="1"/>
  <c r="AF63015" i="1"/>
  <c r="AF63016" i="1"/>
  <c r="AF63017" i="1"/>
  <c r="AF63018" i="1"/>
  <c r="AF63019" i="1"/>
  <c r="AF63020" i="1"/>
  <c r="AF63021" i="1"/>
  <c r="AF63022" i="1"/>
  <c r="AF63023" i="1"/>
  <c r="AF63024" i="1"/>
  <c r="AF63025" i="1"/>
  <c r="AF63026" i="1"/>
  <c r="AF63027" i="1"/>
  <c r="AF63028" i="1"/>
  <c r="AF63029" i="1"/>
  <c r="AF63030" i="1"/>
  <c r="AF63031" i="1"/>
  <c r="AF63032" i="1"/>
  <c r="AF63033" i="1"/>
  <c r="AF63034" i="1"/>
  <c r="AF63035" i="1"/>
  <c r="AF63036" i="1"/>
  <c r="AF63037" i="1"/>
  <c r="AF63038" i="1"/>
  <c r="AF63039" i="1"/>
  <c r="AF63040" i="1"/>
  <c r="AF63041" i="1"/>
  <c r="AF63042" i="1"/>
  <c r="AF63043" i="1"/>
  <c r="AF63044" i="1"/>
  <c r="AF63045" i="1"/>
  <c r="AF63046" i="1"/>
  <c r="AF63047" i="1"/>
  <c r="AF63048" i="1"/>
  <c r="AF63049" i="1"/>
  <c r="AF63050" i="1"/>
  <c r="AF63051" i="1"/>
  <c r="AF63052" i="1"/>
  <c r="AF63053" i="1"/>
  <c r="AF63054" i="1"/>
  <c r="AF63055" i="1"/>
  <c r="AF63056" i="1"/>
  <c r="AF63057" i="1"/>
  <c r="AF63058" i="1"/>
  <c r="AF63059" i="1"/>
  <c r="AF63060" i="1"/>
  <c r="AF63061" i="1"/>
  <c r="AF63062" i="1"/>
  <c r="AF63063" i="1"/>
  <c r="AF63064" i="1"/>
  <c r="AF63065" i="1"/>
  <c r="AF63066" i="1"/>
  <c r="AF63067" i="1"/>
  <c r="AF63068" i="1"/>
  <c r="AF63069" i="1"/>
  <c r="AF63070" i="1"/>
  <c r="AF63071" i="1"/>
  <c r="AF63072" i="1"/>
  <c r="AF63073" i="1"/>
  <c r="AF63074" i="1"/>
  <c r="AF63075" i="1"/>
  <c r="AF63076" i="1"/>
  <c r="AF63077" i="1"/>
  <c r="AF63078" i="1"/>
  <c r="AF63079" i="1"/>
  <c r="AF63080" i="1"/>
  <c r="AF63081" i="1"/>
  <c r="AF63082" i="1"/>
  <c r="AF63083" i="1"/>
  <c r="AF63084" i="1"/>
  <c r="AF63085" i="1"/>
  <c r="AF63086" i="1"/>
  <c r="AF63087" i="1"/>
  <c r="AF63088" i="1"/>
  <c r="AF63089" i="1"/>
  <c r="AF63090" i="1"/>
  <c r="AF63091" i="1"/>
  <c r="AF63092" i="1"/>
  <c r="AF63093" i="1"/>
  <c r="AF63094" i="1"/>
  <c r="AF63095" i="1"/>
  <c r="AF63096" i="1"/>
  <c r="AF63097" i="1"/>
  <c r="AF63098" i="1"/>
  <c r="AF63099" i="1"/>
  <c r="AF63100" i="1"/>
  <c r="AF63101" i="1"/>
  <c r="AF63102" i="1"/>
  <c r="AF63103" i="1"/>
  <c r="AF63104" i="1"/>
  <c r="AF63105" i="1"/>
  <c r="AF63106" i="1"/>
  <c r="AF63107" i="1"/>
  <c r="AF63108" i="1"/>
  <c r="AF63109" i="1"/>
  <c r="AF63110" i="1"/>
  <c r="AF63111" i="1"/>
  <c r="AF63112" i="1"/>
  <c r="AF63113" i="1"/>
  <c r="AF63114" i="1"/>
  <c r="AF63115" i="1"/>
  <c r="AF63116" i="1"/>
  <c r="AF63117" i="1"/>
  <c r="AF63118" i="1"/>
  <c r="AF63119" i="1"/>
  <c r="AF63120" i="1"/>
  <c r="AF63121" i="1"/>
  <c r="AF63122" i="1"/>
  <c r="AF63123" i="1"/>
  <c r="AF63124" i="1"/>
  <c r="AF63125" i="1"/>
  <c r="AF63126" i="1"/>
  <c r="AF63127" i="1"/>
  <c r="AF63128" i="1"/>
  <c r="AF63129" i="1"/>
  <c r="AF63130" i="1"/>
  <c r="AF63131" i="1"/>
  <c r="AF63132" i="1"/>
  <c r="AF63133" i="1"/>
  <c r="AF63134" i="1"/>
  <c r="AF63135" i="1"/>
  <c r="AF63136" i="1"/>
  <c r="AF63137" i="1"/>
  <c r="AF63138" i="1"/>
  <c r="AF63139" i="1"/>
  <c r="AF63140" i="1"/>
  <c r="AF63141" i="1"/>
  <c r="AF63142" i="1"/>
  <c r="AF63143" i="1"/>
  <c r="AF63144" i="1"/>
  <c r="AF63145" i="1"/>
  <c r="AF63146" i="1"/>
  <c r="AF63147" i="1"/>
  <c r="AF63148" i="1"/>
  <c r="AF63149" i="1"/>
  <c r="AF63150" i="1"/>
  <c r="AF63151" i="1"/>
  <c r="AF63152" i="1"/>
  <c r="AF63153" i="1"/>
  <c r="AF63154" i="1"/>
  <c r="AF63155" i="1"/>
  <c r="AF63156" i="1"/>
  <c r="AF63157" i="1"/>
  <c r="AF63158" i="1"/>
  <c r="AF63159" i="1"/>
  <c r="AF63160" i="1"/>
  <c r="AF63161" i="1"/>
  <c r="AF63162" i="1"/>
  <c r="AF63163" i="1"/>
  <c r="AF63164" i="1"/>
  <c r="AF63165" i="1"/>
  <c r="AF63166" i="1"/>
  <c r="AF63167" i="1"/>
  <c r="AF63168" i="1"/>
  <c r="AF63169" i="1"/>
  <c r="AF63170" i="1"/>
  <c r="AF63171" i="1"/>
  <c r="AF63172" i="1"/>
  <c r="AF63173" i="1"/>
  <c r="AF63174" i="1"/>
  <c r="AF63175" i="1"/>
  <c r="AF63176" i="1"/>
  <c r="AF63177" i="1"/>
  <c r="AF63178" i="1"/>
  <c r="AF63179" i="1"/>
  <c r="AF63180" i="1"/>
  <c r="AF63181" i="1"/>
  <c r="AF63182" i="1"/>
  <c r="AF63183" i="1"/>
  <c r="AF63184" i="1"/>
  <c r="AF63185" i="1"/>
  <c r="AF63186" i="1"/>
  <c r="AF63187" i="1"/>
  <c r="AF63188" i="1"/>
  <c r="AF63189" i="1"/>
  <c r="AF63190" i="1"/>
  <c r="AF63191" i="1"/>
  <c r="AF63192" i="1"/>
  <c r="AF63193" i="1"/>
  <c r="AF63194" i="1"/>
  <c r="AF63195" i="1"/>
  <c r="AF63196" i="1"/>
  <c r="AF63197" i="1"/>
  <c r="AF63198" i="1"/>
  <c r="AF63199" i="1"/>
  <c r="AF63200" i="1"/>
  <c r="AF63201" i="1"/>
  <c r="AF63202" i="1"/>
  <c r="AF63203" i="1"/>
  <c r="AF63204" i="1"/>
  <c r="AF63205" i="1"/>
  <c r="AF63206" i="1"/>
  <c r="AF63207" i="1"/>
  <c r="AF63208" i="1"/>
  <c r="AF63209" i="1"/>
  <c r="AF63210" i="1"/>
  <c r="AF63211" i="1"/>
  <c r="AF63212" i="1"/>
  <c r="AF63213" i="1"/>
  <c r="AF63214" i="1"/>
  <c r="AF63215" i="1"/>
  <c r="AF63216" i="1"/>
  <c r="AF63217" i="1"/>
  <c r="AF63218" i="1"/>
  <c r="AF63219" i="1"/>
  <c r="AF63220" i="1"/>
  <c r="AF63221" i="1"/>
  <c r="AF63222" i="1"/>
  <c r="AF63223" i="1"/>
  <c r="AF63224" i="1"/>
  <c r="AF63225" i="1"/>
  <c r="AF63226" i="1"/>
  <c r="AF63227" i="1"/>
  <c r="AF63228" i="1"/>
  <c r="AF63229" i="1"/>
  <c r="AF63230" i="1"/>
  <c r="AF63231" i="1"/>
  <c r="AF63232" i="1"/>
  <c r="AF63233" i="1"/>
  <c r="AF63234" i="1"/>
  <c r="AF63235" i="1"/>
  <c r="AF63236" i="1"/>
  <c r="AF63237" i="1"/>
  <c r="AF63238" i="1"/>
  <c r="AF63239" i="1"/>
  <c r="AF63240" i="1"/>
  <c r="AF63241" i="1"/>
  <c r="AF63242" i="1"/>
  <c r="AF63243" i="1"/>
  <c r="AF63244" i="1"/>
  <c r="AF63245" i="1"/>
  <c r="AF63246" i="1"/>
  <c r="AF63247" i="1"/>
  <c r="AF63248" i="1"/>
  <c r="AF63249" i="1"/>
  <c r="AF63250" i="1"/>
  <c r="AF63251" i="1"/>
  <c r="AF63252" i="1"/>
  <c r="AF63253" i="1"/>
  <c r="AF63254" i="1"/>
  <c r="AF63255" i="1"/>
  <c r="AF63256" i="1"/>
  <c r="AF63257" i="1"/>
  <c r="AF63258" i="1"/>
  <c r="AF63259" i="1"/>
  <c r="AF63260" i="1"/>
  <c r="AF63261" i="1"/>
  <c r="AF63262" i="1"/>
  <c r="AF63263" i="1"/>
  <c r="AF63264" i="1"/>
  <c r="AF63265" i="1"/>
  <c r="AF63266" i="1"/>
  <c r="AF63267" i="1"/>
  <c r="AF63268" i="1"/>
  <c r="AF63269" i="1"/>
  <c r="AF63270" i="1"/>
  <c r="AF63271" i="1"/>
  <c r="AF63272" i="1"/>
  <c r="AF63273" i="1"/>
  <c r="AF63274" i="1"/>
  <c r="AF63275" i="1"/>
  <c r="AF63276" i="1"/>
  <c r="AF63277" i="1"/>
  <c r="AF63278" i="1"/>
  <c r="AF63279" i="1"/>
  <c r="AF63280" i="1"/>
  <c r="AF63281" i="1"/>
  <c r="AF63282" i="1"/>
  <c r="AF63283" i="1"/>
  <c r="AF63284" i="1"/>
  <c r="AF63285" i="1"/>
  <c r="AF63286" i="1"/>
  <c r="AF63287" i="1"/>
  <c r="AF63288" i="1"/>
  <c r="AF63289" i="1"/>
  <c r="AF63290" i="1"/>
  <c r="AF63291" i="1"/>
  <c r="AF63292" i="1"/>
  <c r="AF63293" i="1"/>
  <c r="AF63294" i="1"/>
  <c r="AF63295" i="1"/>
  <c r="AF63296" i="1"/>
  <c r="AF63297" i="1"/>
  <c r="AF63298" i="1"/>
  <c r="AF63299" i="1"/>
  <c r="AF63300" i="1"/>
  <c r="AF63301" i="1"/>
  <c r="AF63302" i="1"/>
  <c r="AF63303" i="1"/>
  <c r="AF63304" i="1"/>
  <c r="AF63305" i="1"/>
  <c r="AF63306" i="1"/>
  <c r="AF63307" i="1"/>
  <c r="AF63308" i="1"/>
  <c r="AF63309" i="1"/>
  <c r="AF63310" i="1"/>
  <c r="AF63311" i="1"/>
  <c r="AF63312" i="1"/>
  <c r="AF63313" i="1"/>
  <c r="AF63314" i="1"/>
  <c r="AF63315" i="1"/>
  <c r="AF63316" i="1"/>
  <c r="AF63317" i="1"/>
  <c r="AF63318" i="1"/>
  <c r="AF63319" i="1"/>
  <c r="AF63320" i="1"/>
  <c r="AF63321" i="1"/>
  <c r="AF63322" i="1"/>
  <c r="AF63323" i="1"/>
  <c r="AF63324" i="1"/>
  <c r="AF63325" i="1"/>
  <c r="AF63326" i="1"/>
  <c r="AF63327" i="1"/>
  <c r="AF63328" i="1"/>
  <c r="AF63329" i="1"/>
  <c r="AF63330" i="1"/>
  <c r="AF63331" i="1"/>
  <c r="AF63332" i="1"/>
  <c r="AF63333" i="1"/>
  <c r="AF63334" i="1"/>
  <c r="AF63335" i="1"/>
  <c r="AF63336" i="1"/>
  <c r="AF63337" i="1"/>
  <c r="AF63338" i="1"/>
  <c r="AF63339" i="1"/>
  <c r="AF63340" i="1"/>
  <c r="AF63341" i="1"/>
  <c r="AF63342" i="1"/>
  <c r="AF63343" i="1"/>
  <c r="AF63344" i="1"/>
  <c r="AF63345" i="1"/>
  <c r="AF63346" i="1"/>
  <c r="AF63347" i="1"/>
  <c r="AF63348" i="1"/>
  <c r="AF63349" i="1"/>
  <c r="AF63350" i="1"/>
  <c r="AF63351" i="1"/>
  <c r="AF63352" i="1"/>
  <c r="AF63353" i="1"/>
  <c r="AF63354" i="1"/>
  <c r="AF63355" i="1"/>
  <c r="AF63356" i="1"/>
  <c r="AF63357" i="1"/>
  <c r="AF63358" i="1"/>
  <c r="AF63359" i="1"/>
  <c r="AF63360" i="1"/>
  <c r="AF63361" i="1"/>
  <c r="AF63362" i="1"/>
  <c r="AF63363" i="1"/>
  <c r="AF63364" i="1"/>
  <c r="AF63365" i="1"/>
  <c r="AF63366" i="1"/>
  <c r="AF63367" i="1"/>
  <c r="AF63368" i="1"/>
  <c r="AF63369" i="1"/>
  <c r="AF63370" i="1"/>
  <c r="AF63371" i="1"/>
  <c r="AF63372" i="1"/>
  <c r="AF63373" i="1"/>
  <c r="AF63374" i="1"/>
  <c r="AF63375" i="1"/>
  <c r="AF63376" i="1"/>
  <c r="AF63377" i="1"/>
  <c r="AF63378" i="1"/>
  <c r="AF63379" i="1"/>
  <c r="AF63380" i="1"/>
  <c r="AF63381" i="1"/>
  <c r="AF63382" i="1"/>
  <c r="AF63383" i="1"/>
  <c r="AF63384" i="1"/>
  <c r="AF63385" i="1"/>
  <c r="AF63386" i="1"/>
  <c r="AF63387" i="1"/>
  <c r="AF63388" i="1"/>
  <c r="AF63389" i="1"/>
  <c r="AF63390" i="1"/>
  <c r="AF63391" i="1"/>
  <c r="AF63392" i="1"/>
  <c r="AF63393" i="1"/>
  <c r="AF63394" i="1"/>
  <c r="AF63395" i="1"/>
  <c r="AF63396" i="1"/>
  <c r="AF63397" i="1"/>
  <c r="AF63398" i="1"/>
  <c r="AF63399" i="1"/>
  <c r="AF63400" i="1"/>
  <c r="AF63401" i="1"/>
  <c r="AF63402" i="1"/>
  <c r="AF63403" i="1"/>
  <c r="AF63404" i="1"/>
  <c r="AF63405" i="1"/>
  <c r="AF63406" i="1"/>
  <c r="AF63407" i="1"/>
  <c r="AF63408" i="1"/>
  <c r="AF63409" i="1"/>
  <c r="AF63410" i="1"/>
  <c r="AF63411" i="1"/>
  <c r="AF63412" i="1"/>
  <c r="AF63413" i="1"/>
  <c r="AF63414" i="1"/>
  <c r="AF63415" i="1"/>
  <c r="AF63416" i="1"/>
  <c r="AF63417" i="1"/>
  <c r="AF63418" i="1"/>
  <c r="AF63419" i="1"/>
  <c r="AF63420" i="1"/>
  <c r="AF63421" i="1"/>
  <c r="AF63422" i="1"/>
  <c r="AF63423" i="1"/>
  <c r="AF63424" i="1"/>
  <c r="AF63425" i="1"/>
  <c r="AF63426" i="1"/>
  <c r="AF63427" i="1"/>
  <c r="AF63428" i="1"/>
  <c r="AF63429" i="1"/>
  <c r="AF63430" i="1"/>
  <c r="AF63431" i="1"/>
  <c r="AF63432" i="1"/>
  <c r="AF63433" i="1"/>
  <c r="AF63434" i="1"/>
  <c r="AF63435" i="1"/>
  <c r="AF63436" i="1"/>
  <c r="AF63437" i="1"/>
  <c r="AF63438" i="1"/>
  <c r="AF63439" i="1"/>
  <c r="AF63440" i="1"/>
  <c r="AF63441" i="1"/>
  <c r="AF63442" i="1"/>
  <c r="AF63443" i="1"/>
  <c r="AF63444" i="1"/>
  <c r="AF63445" i="1"/>
  <c r="AF63446" i="1"/>
  <c r="AF63447" i="1"/>
  <c r="AF63448" i="1"/>
  <c r="AF63449" i="1"/>
  <c r="AF63450" i="1"/>
  <c r="AF63451" i="1"/>
  <c r="AF63452" i="1"/>
  <c r="AF63453" i="1"/>
  <c r="AF63454" i="1"/>
  <c r="AF63455" i="1"/>
  <c r="AF63456" i="1"/>
  <c r="AF63457" i="1"/>
  <c r="AF63458" i="1"/>
  <c r="AF63459" i="1"/>
  <c r="AF63460" i="1"/>
  <c r="AF63461" i="1"/>
  <c r="AF63462" i="1"/>
  <c r="AF63463" i="1"/>
  <c r="AF63464" i="1"/>
  <c r="AF63465" i="1"/>
  <c r="AF63466" i="1"/>
  <c r="AF63467" i="1"/>
  <c r="AF63468" i="1"/>
  <c r="AF63469" i="1"/>
  <c r="AF63470" i="1"/>
  <c r="AF63471" i="1"/>
  <c r="AF63472" i="1"/>
  <c r="AF63473" i="1"/>
  <c r="AF63474" i="1"/>
  <c r="AF63475" i="1"/>
  <c r="AF63476" i="1"/>
  <c r="AF63477" i="1"/>
  <c r="AF63478" i="1"/>
  <c r="AF63479" i="1"/>
  <c r="AF63480" i="1"/>
  <c r="AF63481" i="1"/>
  <c r="AF63482" i="1"/>
  <c r="AF63483" i="1"/>
  <c r="AF63484" i="1"/>
  <c r="AF63485" i="1"/>
  <c r="AF63486" i="1"/>
  <c r="AF63487" i="1"/>
  <c r="AF63488" i="1"/>
  <c r="AF63489" i="1"/>
  <c r="AF63490" i="1"/>
  <c r="AF63491" i="1"/>
  <c r="AF63492" i="1"/>
  <c r="AF63493" i="1"/>
  <c r="AF63494" i="1"/>
  <c r="AF63495" i="1"/>
  <c r="AF63496" i="1"/>
  <c r="AF63497" i="1"/>
  <c r="AF63498" i="1"/>
  <c r="AF63499" i="1"/>
  <c r="AF63500" i="1"/>
  <c r="AF63501" i="1"/>
  <c r="AF63502" i="1"/>
  <c r="AF63503" i="1"/>
  <c r="AF63504" i="1"/>
  <c r="AF63505" i="1"/>
  <c r="AF63506" i="1"/>
  <c r="AF63507" i="1"/>
  <c r="AF63508" i="1"/>
  <c r="AF63509" i="1"/>
  <c r="AF63510" i="1"/>
  <c r="AF63511" i="1"/>
  <c r="AF63512" i="1"/>
  <c r="AF63513" i="1"/>
  <c r="AF63514" i="1"/>
  <c r="AF63515" i="1"/>
  <c r="AF63516" i="1"/>
  <c r="AF63517" i="1"/>
  <c r="AF63518" i="1"/>
  <c r="AF63519" i="1"/>
  <c r="AF63520" i="1"/>
  <c r="AF63521" i="1"/>
  <c r="AF63522" i="1"/>
  <c r="AF63523" i="1"/>
  <c r="AF63524" i="1"/>
  <c r="AF63525" i="1"/>
  <c r="AF63526" i="1"/>
  <c r="AF63527" i="1"/>
  <c r="AF63528" i="1"/>
  <c r="AF63529" i="1"/>
  <c r="AF63530" i="1"/>
  <c r="AF63531" i="1"/>
  <c r="AF63532" i="1"/>
  <c r="AF63533" i="1"/>
  <c r="AF63534" i="1"/>
  <c r="AF63535" i="1"/>
  <c r="AF63536" i="1"/>
  <c r="AF63537" i="1"/>
  <c r="AF63538" i="1"/>
  <c r="AF63539" i="1"/>
  <c r="AF63540" i="1"/>
  <c r="AF63541" i="1"/>
  <c r="AF63542" i="1"/>
  <c r="AF63543" i="1"/>
  <c r="AF63544" i="1"/>
  <c r="AF63545" i="1"/>
  <c r="AF63546" i="1"/>
  <c r="AF63547" i="1"/>
  <c r="AF63548" i="1"/>
  <c r="AF63549" i="1"/>
  <c r="AF63550" i="1"/>
  <c r="AF63551" i="1"/>
  <c r="AF63552" i="1"/>
  <c r="AF63553" i="1"/>
  <c r="AF63554" i="1"/>
  <c r="AF63555" i="1"/>
  <c r="AF63556" i="1"/>
  <c r="AF63557" i="1"/>
  <c r="AF63558" i="1"/>
  <c r="AF63559" i="1"/>
  <c r="AF63560" i="1"/>
  <c r="AF63561" i="1"/>
  <c r="AF63562" i="1"/>
  <c r="AF63563" i="1"/>
  <c r="AF63564" i="1"/>
  <c r="AF63565" i="1"/>
  <c r="AF63566" i="1"/>
  <c r="AF63567" i="1"/>
  <c r="AF63568" i="1"/>
  <c r="AF63569" i="1"/>
  <c r="AF63570" i="1"/>
  <c r="AF63571" i="1"/>
  <c r="AF63572" i="1"/>
  <c r="AF63573" i="1"/>
  <c r="AF63574" i="1"/>
  <c r="AF63575" i="1"/>
  <c r="AF63576" i="1"/>
  <c r="AF63577" i="1"/>
  <c r="AF63578" i="1"/>
  <c r="AF63579" i="1"/>
  <c r="AF63580" i="1"/>
  <c r="AF63581" i="1"/>
  <c r="AF63582" i="1"/>
  <c r="AF63583" i="1"/>
  <c r="AF63584" i="1"/>
  <c r="AF63585" i="1"/>
  <c r="AF63586" i="1"/>
  <c r="AF63587" i="1"/>
  <c r="AF63588" i="1"/>
  <c r="AF63589" i="1"/>
  <c r="AF63590" i="1"/>
  <c r="AF63591" i="1"/>
  <c r="AF63592" i="1"/>
  <c r="AF63593" i="1"/>
  <c r="AF63594" i="1"/>
  <c r="AF63595" i="1"/>
  <c r="AF63596" i="1"/>
  <c r="AF63597" i="1"/>
  <c r="AF63598" i="1"/>
  <c r="AF63599" i="1"/>
  <c r="AF63600" i="1"/>
  <c r="AF63601" i="1"/>
  <c r="AF63602" i="1"/>
  <c r="AF63603" i="1"/>
  <c r="AF63604" i="1"/>
  <c r="AF63605" i="1"/>
  <c r="AF63606" i="1"/>
  <c r="AF63607" i="1"/>
  <c r="AF63608" i="1"/>
  <c r="AF63609" i="1"/>
  <c r="AF63610" i="1"/>
  <c r="AF63611" i="1"/>
  <c r="AF63612" i="1"/>
  <c r="AF63613" i="1"/>
  <c r="AF63614" i="1"/>
  <c r="AF63615" i="1"/>
  <c r="AF63616" i="1"/>
  <c r="AF63617" i="1"/>
  <c r="AF63618" i="1"/>
  <c r="AF63619" i="1"/>
  <c r="AF63620" i="1"/>
  <c r="AF63621" i="1"/>
  <c r="AF63622" i="1"/>
  <c r="AF63623" i="1"/>
  <c r="AF63624" i="1"/>
  <c r="AF63625" i="1"/>
  <c r="AF63626" i="1"/>
  <c r="AF63627" i="1"/>
  <c r="AF63628" i="1"/>
  <c r="AF63629" i="1"/>
  <c r="AF63630" i="1"/>
  <c r="AF63631" i="1"/>
  <c r="AF63632" i="1"/>
  <c r="AF63633" i="1"/>
  <c r="AF63634" i="1"/>
  <c r="AF63635" i="1"/>
  <c r="AF63636" i="1"/>
  <c r="AF63637" i="1"/>
  <c r="AF63638" i="1"/>
  <c r="AF63639" i="1"/>
  <c r="AF63640" i="1"/>
  <c r="AF63641" i="1"/>
  <c r="AF63642" i="1"/>
  <c r="AF63643" i="1"/>
  <c r="AF63644" i="1"/>
  <c r="AF63645" i="1"/>
  <c r="AF63646" i="1"/>
  <c r="AF63647" i="1"/>
  <c r="AF63648" i="1"/>
  <c r="AF63649" i="1"/>
  <c r="AF63650" i="1"/>
  <c r="AF63651" i="1"/>
  <c r="AF63652" i="1"/>
  <c r="AF63653" i="1"/>
  <c r="AF63654" i="1"/>
  <c r="AF63655" i="1"/>
  <c r="AF63656" i="1"/>
  <c r="AF63657" i="1"/>
  <c r="AF63658" i="1"/>
  <c r="AF63659" i="1"/>
  <c r="AF63660" i="1"/>
  <c r="AF63661" i="1"/>
  <c r="AF63662" i="1"/>
  <c r="AF63663" i="1"/>
  <c r="AF63664" i="1"/>
  <c r="AF63665" i="1"/>
  <c r="AF63666" i="1"/>
  <c r="AF63667" i="1"/>
  <c r="AF63668" i="1"/>
  <c r="AF63669" i="1"/>
  <c r="AF63670" i="1"/>
  <c r="AF63671" i="1"/>
  <c r="AF63672" i="1"/>
  <c r="AF63673" i="1"/>
  <c r="AF63674" i="1"/>
  <c r="AF63675" i="1"/>
  <c r="AF63676" i="1"/>
  <c r="AF63677" i="1"/>
  <c r="AF63678" i="1"/>
  <c r="AF63679" i="1"/>
  <c r="AF63680" i="1"/>
  <c r="AF63681" i="1"/>
  <c r="AF63682" i="1"/>
  <c r="AF63683" i="1"/>
  <c r="AF63684" i="1"/>
  <c r="AF63685" i="1"/>
  <c r="AF63686" i="1"/>
  <c r="AF63687" i="1"/>
  <c r="AF63688" i="1"/>
  <c r="AF63689" i="1"/>
  <c r="AF63690" i="1"/>
  <c r="AF63691" i="1"/>
  <c r="AF63692" i="1"/>
  <c r="AF63693" i="1"/>
  <c r="AF63694" i="1"/>
  <c r="AF63695" i="1"/>
  <c r="AF63696" i="1"/>
  <c r="AF63697" i="1"/>
  <c r="AF63698" i="1"/>
  <c r="AF63699" i="1"/>
  <c r="AF63700" i="1"/>
  <c r="AF63701" i="1"/>
  <c r="AF63702" i="1"/>
  <c r="AF63703" i="1"/>
  <c r="AF63704" i="1"/>
  <c r="AF63705" i="1"/>
  <c r="AF63706" i="1"/>
  <c r="AF63707" i="1"/>
  <c r="AF63708" i="1"/>
  <c r="AF63709" i="1"/>
  <c r="AF63710" i="1"/>
  <c r="AF63711" i="1"/>
  <c r="AF63712" i="1"/>
  <c r="AF63713" i="1"/>
  <c r="AF63714" i="1"/>
  <c r="AF63715" i="1"/>
  <c r="AF63716" i="1"/>
  <c r="AF63717" i="1"/>
  <c r="AF63718" i="1"/>
  <c r="AF63719" i="1"/>
  <c r="AF63720" i="1"/>
  <c r="AF63721" i="1"/>
  <c r="AF63722" i="1"/>
  <c r="AF63723" i="1"/>
  <c r="AF63724" i="1"/>
  <c r="AF63725" i="1"/>
  <c r="AF63726" i="1"/>
  <c r="AF63727" i="1"/>
  <c r="AF63728" i="1"/>
  <c r="AF63729" i="1"/>
  <c r="AF63730" i="1"/>
  <c r="AF63731" i="1"/>
  <c r="AF63732" i="1"/>
  <c r="AF63733" i="1"/>
  <c r="AF63734" i="1"/>
  <c r="AF63735" i="1"/>
  <c r="AF63736" i="1"/>
  <c r="AF63737" i="1"/>
  <c r="AF63738" i="1"/>
  <c r="AF63739" i="1"/>
  <c r="AF63740" i="1"/>
  <c r="AF63741" i="1"/>
  <c r="AF63742" i="1"/>
  <c r="AF63743" i="1"/>
  <c r="AF63744" i="1"/>
  <c r="AF63745" i="1"/>
  <c r="AF63746" i="1"/>
  <c r="AF63747" i="1"/>
  <c r="AF63748" i="1"/>
  <c r="AF63749" i="1"/>
  <c r="AF63750" i="1"/>
  <c r="AF63751" i="1"/>
  <c r="AF63752" i="1"/>
  <c r="AF63753" i="1"/>
  <c r="AF63754" i="1"/>
  <c r="AF63755" i="1"/>
  <c r="AF63756" i="1"/>
  <c r="AF63757" i="1"/>
  <c r="AF63758" i="1"/>
  <c r="AF63759" i="1"/>
  <c r="AF63760" i="1"/>
  <c r="AF63761" i="1"/>
  <c r="AF63762" i="1"/>
  <c r="AF63763" i="1"/>
  <c r="AF63764" i="1"/>
  <c r="AF63765" i="1"/>
  <c r="AF63766" i="1"/>
  <c r="AF63767" i="1"/>
  <c r="AF63768" i="1"/>
  <c r="AF63769" i="1"/>
  <c r="AF63770" i="1"/>
  <c r="AF63771" i="1"/>
  <c r="AF63772" i="1"/>
  <c r="AF63773" i="1"/>
  <c r="AF63774" i="1"/>
  <c r="AF63775" i="1"/>
  <c r="AF63776" i="1"/>
  <c r="AF63777" i="1"/>
  <c r="AF63778" i="1"/>
  <c r="AF63779" i="1"/>
  <c r="AF63780" i="1"/>
  <c r="AF63781" i="1"/>
  <c r="AF63782" i="1"/>
  <c r="AF63783" i="1"/>
  <c r="AF63784" i="1"/>
  <c r="AF63785" i="1"/>
  <c r="AF63786" i="1"/>
  <c r="AF63787" i="1"/>
  <c r="AF63788" i="1"/>
  <c r="AF63789" i="1"/>
  <c r="AF63790" i="1"/>
  <c r="AF63791" i="1"/>
  <c r="AF63792" i="1"/>
  <c r="AF63793" i="1"/>
  <c r="AF63794" i="1"/>
  <c r="AF63795" i="1"/>
  <c r="AF63796" i="1"/>
  <c r="AF63797" i="1"/>
  <c r="AF63798" i="1"/>
  <c r="AF63799" i="1"/>
  <c r="AF63800" i="1"/>
  <c r="AF63801" i="1"/>
  <c r="AF63802" i="1"/>
  <c r="AF63803" i="1"/>
  <c r="AF63804" i="1"/>
  <c r="AF63805" i="1"/>
  <c r="AF63806" i="1"/>
  <c r="AF63807" i="1"/>
  <c r="AF63808" i="1"/>
  <c r="AF63809" i="1"/>
  <c r="AF63810" i="1"/>
  <c r="AF63811" i="1"/>
  <c r="AF63812" i="1"/>
  <c r="AF63813" i="1"/>
  <c r="AF63814" i="1"/>
  <c r="AF63815" i="1"/>
  <c r="AF63816" i="1"/>
  <c r="AF63817" i="1"/>
  <c r="AF63818" i="1"/>
  <c r="AF63819" i="1"/>
  <c r="AF63820" i="1"/>
  <c r="AF63821" i="1"/>
  <c r="AF63822" i="1"/>
  <c r="AF63823" i="1"/>
  <c r="AF63824" i="1"/>
  <c r="AF63825" i="1"/>
  <c r="AF63826" i="1"/>
  <c r="AF63827" i="1"/>
  <c r="AF63828" i="1"/>
  <c r="AF63829" i="1"/>
  <c r="AF63830" i="1"/>
  <c r="AF63831" i="1"/>
  <c r="AF63832" i="1"/>
  <c r="AF63833" i="1"/>
  <c r="AF63834" i="1"/>
  <c r="AF63835" i="1"/>
  <c r="AF63836" i="1"/>
  <c r="AF63837" i="1"/>
  <c r="AF63838" i="1"/>
  <c r="AF63839" i="1"/>
  <c r="AF63840" i="1"/>
  <c r="AF63841" i="1"/>
  <c r="AF63842" i="1"/>
  <c r="AF63843" i="1"/>
  <c r="AF63844" i="1"/>
  <c r="AF63845" i="1"/>
  <c r="AF63846" i="1"/>
  <c r="AF63847" i="1"/>
  <c r="AF63848" i="1"/>
  <c r="AF63849" i="1"/>
  <c r="AF63850" i="1"/>
  <c r="AF63851" i="1"/>
  <c r="AF63852" i="1"/>
  <c r="AF63853" i="1"/>
  <c r="AF63854" i="1"/>
  <c r="AF63855" i="1"/>
  <c r="AF63856" i="1"/>
  <c r="AF63857" i="1"/>
  <c r="AF63858" i="1"/>
  <c r="AF63859" i="1"/>
  <c r="AF63860" i="1"/>
  <c r="AF63861" i="1"/>
  <c r="AF63862" i="1"/>
  <c r="AF63863" i="1"/>
  <c r="AF63864" i="1"/>
  <c r="AF63865" i="1"/>
  <c r="AF63866" i="1"/>
  <c r="AF63867" i="1"/>
  <c r="AF63868" i="1"/>
  <c r="AF63869" i="1"/>
  <c r="AF63870" i="1"/>
  <c r="AF63871" i="1"/>
  <c r="AF63872" i="1"/>
  <c r="AF63873" i="1"/>
  <c r="AF63874" i="1"/>
  <c r="AF63875" i="1"/>
  <c r="AF63876" i="1"/>
  <c r="AF63877" i="1"/>
  <c r="AF63878" i="1"/>
  <c r="AF63879" i="1"/>
  <c r="AF63880" i="1"/>
  <c r="AF63881" i="1"/>
  <c r="AF63882" i="1"/>
  <c r="AF63883" i="1"/>
  <c r="AF63884" i="1"/>
  <c r="AF63885" i="1"/>
  <c r="AF63886" i="1"/>
  <c r="AF63887" i="1"/>
  <c r="AF63888" i="1"/>
  <c r="AF63889" i="1"/>
  <c r="AF63890" i="1"/>
  <c r="AF63891" i="1"/>
  <c r="AF63892" i="1"/>
  <c r="AF63893" i="1"/>
  <c r="AF63894" i="1"/>
  <c r="AF63895" i="1"/>
  <c r="AF63896" i="1"/>
  <c r="AF63897" i="1"/>
  <c r="AF63898" i="1"/>
  <c r="AF63899" i="1"/>
  <c r="AF63900" i="1"/>
  <c r="AF63901" i="1"/>
  <c r="AF63902" i="1"/>
  <c r="AF63903" i="1"/>
  <c r="AF63904" i="1"/>
  <c r="AF63905" i="1"/>
  <c r="AF63906" i="1"/>
  <c r="AF63907" i="1"/>
  <c r="AF63908" i="1"/>
  <c r="AF63909" i="1"/>
  <c r="AF63910" i="1"/>
  <c r="AF63911" i="1"/>
  <c r="AF63912" i="1"/>
  <c r="AF63913" i="1"/>
  <c r="AF63914" i="1"/>
  <c r="AF63915" i="1"/>
  <c r="AF63916" i="1"/>
  <c r="AF63917" i="1"/>
  <c r="AF63918" i="1"/>
  <c r="AF63919" i="1"/>
  <c r="AF63920" i="1"/>
  <c r="AF63921" i="1"/>
  <c r="AF63922" i="1"/>
  <c r="AF63923" i="1"/>
  <c r="AF63924" i="1"/>
  <c r="AF63925" i="1"/>
  <c r="AF63926" i="1"/>
  <c r="AF63927" i="1"/>
  <c r="AF63928" i="1"/>
  <c r="AF63929" i="1"/>
  <c r="AF63930" i="1"/>
  <c r="AF63931" i="1"/>
  <c r="AF63932" i="1"/>
  <c r="AF63933" i="1"/>
  <c r="AF63934" i="1"/>
  <c r="AF63935" i="1"/>
  <c r="AF63936" i="1"/>
  <c r="AF63937" i="1"/>
  <c r="AF63938" i="1"/>
  <c r="AF63939" i="1"/>
  <c r="AF63940" i="1"/>
  <c r="AF63941" i="1"/>
  <c r="AF63942" i="1"/>
  <c r="AF63943" i="1"/>
  <c r="AF63944" i="1"/>
  <c r="AF63945" i="1"/>
  <c r="AF63946" i="1"/>
  <c r="AF63947" i="1"/>
  <c r="AF63948" i="1"/>
  <c r="AF63949" i="1"/>
  <c r="AF63950" i="1"/>
  <c r="AF63951" i="1"/>
  <c r="AF63952" i="1"/>
  <c r="AF63953" i="1"/>
  <c r="AF63954" i="1"/>
  <c r="AF63955" i="1"/>
  <c r="AF63956" i="1"/>
  <c r="AF63957" i="1"/>
  <c r="AF63958" i="1"/>
  <c r="AF63959" i="1"/>
  <c r="AF63960" i="1"/>
  <c r="AF63961" i="1"/>
  <c r="AF63962" i="1"/>
  <c r="AF63963" i="1"/>
  <c r="AF63964" i="1"/>
  <c r="AF63965" i="1"/>
  <c r="AF63966" i="1"/>
  <c r="AF63967" i="1"/>
  <c r="AF63968" i="1"/>
  <c r="AF63969" i="1"/>
  <c r="AF63970" i="1"/>
  <c r="AF63971" i="1"/>
  <c r="AF63972" i="1"/>
  <c r="AF63973" i="1"/>
  <c r="AF63974" i="1"/>
  <c r="AF63975" i="1"/>
  <c r="AF63976" i="1"/>
  <c r="AF63977" i="1"/>
  <c r="AF63978" i="1"/>
  <c r="AF63979" i="1"/>
  <c r="AF63980" i="1"/>
  <c r="AF63981" i="1"/>
  <c r="AF63982" i="1"/>
  <c r="AF63983" i="1"/>
  <c r="AF63984" i="1"/>
  <c r="AF63985" i="1"/>
  <c r="AF63986" i="1"/>
  <c r="AF63987" i="1"/>
  <c r="AF63988" i="1"/>
  <c r="AF63989" i="1"/>
  <c r="AF63990" i="1"/>
  <c r="AF63991" i="1"/>
  <c r="AF63992" i="1"/>
  <c r="AF63993" i="1"/>
  <c r="AF63994" i="1"/>
  <c r="AF63995" i="1"/>
  <c r="AF63996" i="1"/>
  <c r="AF63997" i="1"/>
  <c r="AF63998" i="1"/>
  <c r="AF63999" i="1"/>
  <c r="AF64000" i="1"/>
  <c r="AF64001" i="1"/>
  <c r="AF64002" i="1"/>
  <c r="AF64003" i="1"/>
  <c r="AF64004" i="1"/>
  <c r="AF64005" i="1"/>
  <c r="AF64006" i="1"/>
  <c r="AF64007" i="1"/>
  <c r="AF64008" i="1"/>
  <c r="AF64009" i="1"/>
  <c r="AF64010" i="1"/>
  <c r="AF64011" i="1"/>
  <c r="AF64012" i="1"/>
  <c r="AF64013" i="1"/>
  <c r="AF64014" i="1"/>
  <c r="AF64015" i="1"/>
  <c r="AF64016" i="1"/>
  <c r="AF64017" i="1"/>
  <c r="AF64018" i="1"/>
  <c r="AF64019" i="1"/>
  <c r="AF64020" i="1"/>
  <c r="AF64021" i="1"/>
  <c r="AF64022" i="1"/>
  <c r="AF64023" i="1"/>
  <c r="AF64024" i="1"/>
  <c r="AF64025" i="1"/>
  <c r="AF64026" i="1"/>
  <c r="AF64027" i="1"/>
  <c r="AF64028" i="1"/>
  <c r="AF64029" i="1"/>
  <c r="AF64030" i="1"/>
  <c r="AF64031" i="1"/>
  <c r="AF64032" i="1"/>
  <c r="AF64033" i="1"/>
  <c r="AF64034" i="1"/>
  <c r="AF64035" i="1"/>
  <c r="AF64036" i="1"/>
  <c r="AF64037" i="1"/>
  <c r="AF64038" i="1"/>
  <c r="AF64039" i="1"/>
  <c r="AF64040" i="1"/>
  <c r="AF64041" i="1"/>
  <c r="AF64042" i="1"/>
  <c r="AF64043" i="1"/>
  <c r="AF64044" i="1"/>
  <c r="AF64045" i="1"/>
  <c r="AF64046" i="1"/>
  <c r="AF64047" i="1"/>
  <c r="AF64048" i="1"/>
  <c r="AF64049" i="1"/>
  <c r="AF64050" i="1"/>
  <c r="AF64051" i="1"/>
  <c r="AF64052" i="1"/>
  <c r="AF64053" i="1"/>
  <c r="AF64054" i="1"/>
  <c r="AF64055" i="1"/>
  <c r="AF64056" i="1"/>
  <c r="AF64057" i="1"/>
  <c r="AF64058" i="1"/>
  <c r="AF64059" i="1"/>
  <c r="AF64060" i="1"/>
  <c r="AF64061" i="1"/>
  <c r="AF64062" i="1"/>
  <c r="AF64063" i="1"/>
  <c r="AF64064" i="1"/>
  <c r="AF64065" i="1"/>
  <c r="AF64066" i="1"/>
  <c r="AF64067" i="1"/>
  <c r="AF64068" i="1"/>
  <c r="AF64069" i="1"/>
  <c r="AF64070" i="1"/>
  <c r="AF64071" i="1"/>
  <c r="AF64072" i="1"/>
  <c r="AF64073" i="1"/>
  <c r="AF64074" i="1"/>
  <c r="AF64075" i="1"/>
  <c r="AF64076" i="1"/>
  <c r="AF64077" i="1"/>
  <c r="AF64078" i="1"/>
  <c r="AF64079" i="1"/>
  <c r="AF64080" i="1"/>
  <c r="AF64081" i="1"/>
  <c r="AF64082" i="1"/>
  <c r="AF64083" i="1"/>
  <c r="AF64084" i="1"/>
  <c r="AF64085" i="1"/>
  <c r="AF64086" i="1"/>
  <c r="AF64087" i="1"/>
  <c r="AF64088" i="1"/>
  <c r="AF64089" i="1"/>
  <c r="AF64090" i="1"/>
  <c r="AF64091" i="1"/>
  <c r="AF64092" i="1"/>
  <c r="AF64093" i="1"/>
  <c r="AF64094" i="1"/>
  <c r="AF64095" i="1"/>
  <c r="AF64096" i="1"/>
  <c r="AF64097" i="1"/>
  <c r="AF64098" i="1"/>
  <c r="AF64099" i="1"/>
  <c r="AF64100" i="1"/>
  <c r="AF64101" i="1"/>
  <c r="AF64102" i="1"/>
  <c r="AF64103" i="1"/>
  <c r="AF64104" i="1"/>
  <c r="AF64105" i="1"/>
  <c r="AF64106" i="1"/>
  <c r="AF64107" i="1"/>
  <c r="AF64108" i="1"/>
  <c r="AF64109" i="1"/>
  <c r="AF64110" i="1"/>
  <c r="AF64111" i="1"/>
  <c r="AF64112" i="1"/>
  <c r="AF64113" i="1"/>
  <c r="AF64114" i="1"/>
  <c r="AF64115" i="1"/>
  <c r="AF64116" i="1"/>
  <c r="AF64117" i="1"/>
  <c r="AF64118" i="1"/>
  <c r="AF64119" i="1"/>
  <c r="AF64120" i="1"/>
  <c r="AF64121" i="1"/>
  <c r="AF64122" i="1"/>
  <c r="AF64123" i="1"/>
  <c r="AF64124" i="1"/>
  <c r="AF64125" i="1"/>
  <c r="AF64126" i="1"/>
  <c r="AF64127" i="1"/>
  <c r="AF64128" i="1"/>
  <c r="AF64129" i="1"/>
  <c r="AF64130" i="1"/>
  <c r="AF64131" i="1"/>
  <c r="AF64132" i="1"/>
  <c r="AF64133" i="1"/>
  <c r="AF64134" i="1"/>
  <c r="AF64135" i="1"/>
  <c r="AF64136" i="1"/>
  <c r="AF64137" i="1"/>
  <c r="AF64138" i="1"/>
  <c r="AF64139" i="1"/>
  <c r="AF64140" i="1"/>
  <c r="AF64141" i="1"/>
  <c r="AF64142" i="1"/>
  <c r="AF64143" i="1"/>
  <c r="AF64144" i="1"/>
  <c r="AF64145" i="1"/>
  <c r="AF64146" i="1"/>
  <c r="AF64147" i="1"/>
  <c r="AF64148" i="1"/>
  <c r="AF64149" i="1"/>
  <c r="AF64150" i="1"/>
  <c r="AF64151" i="1"/>
  <c r="AF64152" i="1"/>
  <c r="AF64153" i="1"/>
  <c r="AF64154" i="1"/>
  <c r="AF64155" i="1"/>
  <c r="AF64156" i="1"/>
  <c r="AF64157" i="1"/>
  <c r="AF64158" i="1"/>
  <c r="AF64159" i="1"/>
  <c r="AF64160" i="1"/>
  <c r="AF64161" i="1"/>
  <c r="AF64162" i="1"/>
  <c r="AF64163" i="1"/>
  <c r="AF64164" i="1"/>
  <c r="AF64165" i="1"/>
  <c r="AF64166" i="1"/>
  <c r="AF64167" i="1"/>
  <c r="AF64168" i="1"/>
  <c r="AF64169" i="1"/>
  <c r="AF64170" i="1"/>
  <c r="AF64171" i="1"/>
  <c r="AF64172" i="1"/>
  <c r="AF64173" i="1"/>
  <c r="AF64174" i="1"/>
  <c r="AF64175" i="1"/>
  <c r="AF64176" i="1"/>
  <c r="AF64177" i="1"/>
  <c r="AF64178" i="1"/>
  <c r="AF64179" i="1"/>
  <c r="AF64180" i="1"/>
  <c r="AF64181" i="1"/>
  <c r="AF64182" i="1"/>
  <c r="AF64183" i="1"/>
  <c r="AF64184" i="1"/>
  <c r="AF64185" i="1"/>
  <c r="AF64186" i="1"/>
  <c r="AF64187" i="1"/>
  <c r="AF64188" i="1"/>
  <c r="AF64189" i="1"/>
  <c r="AF64190" i="1"/>
  <c r="AF64191" i="1"/>
  <c r="AF64192" i="1"/>
  <c r="AF64193" i="1"/>
  <c r="AF64194" i="1"/>
  <c r="AF64195" i="1"/>
  <c r="AF64196" i="1"/>
  <c r="AF64197" i="1"/>
  <c r="AF64198" i="1"/>
  <c r="AF64199" i="1"/>
  <c r="AF64200" i="1"/>
  <c r="AF64201" i="1"/>
  <c r="AF64202" i="1"/>
  <c r="AF64203" i="1"/>
  <c r="AF64204" i="1"/>
  <c r="AF64205" i="1"/>
  <c r="AF64206" i="1"/>
  <c r="AF64207" i="1"/>
  <c r="AF64208" i="1"/>
  <c r="AF64209" i="1"/>
  <c r="AF64210" i="1"/>
  <c r="AF64211" i="1"/>
  <c r="AF64212" i="1"/>
  <c r="AF64213" i="1"/>
  <c r="AF64214" i="1"/>
  <c r="AF64215" i="1"/>
  <c r="AF64216" i="1"/>
  <c r="AF64217" i="1"/>
  <c r="AF64218" i="1"/>
  <c r="AF64219" i="1"/>
  <c r="AF64220" i="1"/>
  <c r="AF64221" i="1"/>
  <c r="AF64222" i="1"/>
  <c r="AF64223" i="1"/>
  <c r="AF64224" i="1"/>
  <c r="AF64225" i="1"/>
  <c r="AF64226" i="1"/>
  <c r="AF64227" i="1"/>
  <c r="AF64228" i="1"/>
  <c r="AF64229" i="1"/>
  <c r="AF64230" i="1"/>
  <c r="AF64231" i="1"/>
  <c r="AF64232" i="1"/>
  <c r="AF64233" i="1"/>
  <c r="AF64234" i="1"/>
  <c r="AF64235" i="1"/>
  <c r="AF64236" i="1"/>
  <c r="AF64237" i="1"/>
  <c r="AF64238" i="1"/>
  <c r="AF64239" i="1"/>
  <c r="AF64240" i="1"/>
  <c r="AF64241" i="1"/>
  <c r="AF64242" i="1"/>
  <c r="AF64243" i="1"/>
  <c r="AF64244" i="1"/>
  <c r="AF64245" i="1"/>
  <c r="AF64246" i="1"/>
  <c r="AF64247" i="1"/>
  <c r="AF64248" i="1"/>
  <c r="AF64249" i="1"/>
  <c r="AF64250" i="1"/>
  <c r="AF64251" i="1"/>
  <c r="AF64252" i="1"/>
  <c r="AF64253" i="1"/>
  <c r="AF64254" i="1"/>
  <c r="AF64255" i="1"/>
  <c r="AF64256" i="1"/>
  <c r="AF64257" i="1"/>
  <c r="AF64258" i="1"/>
  <c r="AF64259" i="1"/>
  <c r="AF64260" i="1"/>
  <c r="AF64261" i="1"/>
  <c r="AF64262" i="1"/>
  <c r="AF64263" i="1"/>
  <c r="AF64264" i="1"/>
  <c r="AF64265" i="1"/>
  <c r="AF64266" i="1"/>
  <c r="AF64267" i="1"/>
  <c r="AF64268" i="1"/>
  <c r="AF64269" i="1"/>
  <c r="AF64270" i="1"/>
  <c r="AF64271" i="1"/>
  <c r="AF64272" i="1"/>
  <c r="AF64273" i="1"/>
  <c r="AF64274" i="1"/>
  <c r="AF64275" i="1"/>
  <c r="AF64276" i="1"/>
  <c r="AF64277" i="1"/>
  <c r="AF64278" i="1"/>
  <c r="AF64279" i="1"/>
  <c r="AF64280" i="1"/>
  <c r="AF64281" i="1"/>
  <c r="AF64282" i="1"/>
  <c r="AF64283" i="1"/>
  <c r="AF64284" i="1"/>
  <c r="AF64285" i="1"/>
  <c r="AF64286" i="1"/>
  <c r="AF64287" i="1"/>
  <c r="AF64288" i="1"/>
  <c r="AF64289" i="1"/>
  <c r="AF64290" i="1"/>
  <c r="AF64291" i="1"/>
  <c r="AF64292" i="1"/>
  <c r="AF64293" i="1"/>
  <c r="AF64294" i="1"/>
  <c r="AF64295" i="1"/>
  <c r="AF64296" i="1"/>
  <c r="AF64297" i="1"/>
  <c r="AF64298" i="1"/>
  <c r="AF64299" i="1"/>
  <c r="AF64300" i="1"/>
  <c r="AF64301" i="1"/>
  <c r="AF64302" i="1"/>
  <c r="AF64303" i="1"/>
  <c r="AF64304" i="1"/>
  <c r="AF64305" i="1"/>
  <c r="AF64306" i="1"/>
  <c r="AF64307" i="1"/>
  <c r="AF64308" i="1"/>
  <c r="AF64309" i="1"/>
  <c r="AF64310" i="1"/>
  <c r="AF64311" i="1"/>
  <c r="AF64312" i="1"/>
  <c r="AF64313" i="1"/>
  <c r="AF64314" i="1"/>
  <c r="AF64315" i="1"/>
  <c r="AF64316" i="1"/>
  <c r="AF64317" i="1"/>
  <c r="AF64318" i="1"/>
  <c r="AF64319" i="1"/>
  <c r="AF64320" i="1"/>
  <c r="AF64321" i="1"/>
  <c r="AF64322" i="1"/>
  <c r="AF64323" i="1"/>
  <c r="AF64324" i="1"/>
  <c r="AF64325" i="1"/>
  <c r="AF64326" i="1"/>
  <c r="AF64327" i="1"/>
  <c r="AF64328" i="1"/>
  <c r="AF64329" i="1"/>
  <c r="AF64330" i="1"/>
  <c r="AF64331" i="1"/>
  <c r="AF64332" i="1"/>
  <c r="AF64333" i="1"/>
  <c r="AF64334" i="1"/>
  <c r="AF64335" i="1"/>
  <c r="AF64336" i="1"/>
  <c r="AF64337" i="1"/>
  <c r="AF64338" i="1"/>
  <c r="AF64339" i="1"/>
  <c r="AF64340" i="1"/>
  <c r="AF64341" i="1"/>
  <c r="AF64342" i="1"/>
  <c r="AF64343" i="1"/>
  <c r="AF64344" i="1"/>
  <c r="AF64345" i="1"/>
  <c r="AF64346" i="1"/>
  <c r="AF64347" i="1"/>
  <c r="AF64348" i="1"/>
  <c r="AF64349" i="1"/>
  <c r="AF64350" i="1"/>
  <c r="AF64351" i="1"/>
  <c r="AF64352" i="1"/>
  <c r="AF64353" i="1"/>
  <c r="AF64354" i="1"/>
  <c r="AF64355" i="1"/>
  <c r="AF64356" i="1"/>
  <c r="AF64357" i="1"/>
  <c r="AF64358" i="1"/>
  <c r="AF64359" i="1"/>
  <c r="AF64360" i="1"/>
  <c r="AF64361" i="1"/>
  <c r="AF64362" i="1"/>
  <c r="AF64363" i="1"/>
  <c r="AF64364" i="1"/>
  <c r="AF64365" i="1"/>
  <c r="AF64366" i="1"/>
  <c r="AF64367" i="1"/>
  <c r="AF64368" i="1"/>
  <c r="AF64369" i="1"/>
  <c r="AF64370" i="1"/>
  <c r="AF64371" i="1"/>
  <c r="AF64372" i="1"/>
  <c r="AF64373" i="1"/>
  <c r="AF64374" i="1"/>
  <c r="AF64375" i="1"/>
  <c r="AF64376" i="1"/>
  <c r="AF64377" i="1"/>
  <c r="AF64378" i="1"/>
  <c r="AF64379" i="1"/>
  <c r="AF64380" i="1"/>
  <c r="AF64381" i="1"/>
  <c r="AF64382" i="1"/>
  <c r="AF64383" i="1"/>
  <c r="AF64384" i="1"/>
  <c r="AF64385" i="1"/>
  <c r="AF64386" i="1"/>
  <c r="AF64387" i="1"/>
  <c r="AF64388" i="1"/>
  <c r="AF64389" i="1"/>
  <c r="AF64390" i="1"/>
  <c r="AF64391" i="1"/>
  <c r="AF64392" i="1"/>
  <c r="AF64393" i="1"/>
  <c r="AF64394" i="1"/>
  <c r="AF64395" i="1"/>
  <c r="AF64396" i="1"/>
  <c r="AF64397" i="1"/>
  <c r="AF64398" i="1"/>
  <c r="AF64399" i="1"/>
  <c r="AF64400" i="1"/>
  <c r="AF64401" i="1"/>
  <c r="AF64402" i="1"/>
  <c r="AF64403" i="1"/>
  <c r="AF64404" i="1"/>
  <c r="AF64405" i="1"/>
  <c r="AF64406" i="1"/>
  <c r="AF64407" i="1"/>
  <c r="AF64408" i="1"/>
  <c r="AF64409" i="1"/>
  <c r="AF64410" i="1"/>
  <c r="AF64411" i="1"/>
  <c r="AF64412" i="1"/>
  <c r="AF64413" i="1"/>
  <c r="AF64414" i="1"/>
  <c r="AF64415" i="1"/>
  <c r="AF64416" i="1"/>
  <c r="AF64417" i="1"/>
  <c r="AF64418" i="1"/>
  <c r="AF64419" i="1"/>
  <c r="AF64420" i="1"/>
  <c r="AF64421" i="1"/>
  <c r="AF64422" i="1"/>
  <c r="AF64423" i="1"/>
  <c r="AF64424" i="1"/>
  <c r="AF64425" i="1"/>
  <c r="AF64426" i="1"/>
  <c r="AF64427" i="1"/>
  <c r="AF64428" i="1"/>
  <c r="AF64429" i="1"/>
  <c r="AF64430" i="1"/>
  <c r="AF64431" i="1"/>
  <c r="AF64432" i="1"/>
  <c r="AF64433" i="1"/>
  <c r="AF64434" i="1"/>
  <c r="AF64435" i="1"/>
  <c r="AF64436" i="1"/>
  <c r="AF64437" i="1"/>
  <c r="AF64438" i="1"/>
  <c r="AF64439" i="1"/>
  <c r="AF64440" i="1"/>
  <c r="AF64441" i="1"/>
  <c r="AF64442" i="1"/>
  <c r="AF64443" i="1"/>
  <c r="AF64444" i="1"/>
  <c r="AF64445" i="1"/>
  <c r="AF64446" i="1"/>
  <c r="AF64447" i="1"/>
  <c r="AF64448" i="1"/>
  <c r="AF64449" i="1"/>
  <c r="AF64450" i="1"/>
  <c r="AF64451" i="1"/>
  <c r="AF64452" i="1"/>
  <c r="AF64453" i="1"/>
  <c r="AF64454" i="1"/>
  <c r="AF64455" i="1"/>
  <c r="AF64456" i="1"/>
  <c r="AF64457" i="1"/>
  <c r="AF64458" i="1"/>
  <c r="AF64459" i="1"/>
  <c r="AF64460" i="1"/>
  <c r="AF64461" i="1"/>
  <c r="AF64462" i="1"/>
  <c r="AF64463" i="1"/>
  <c r="AF64464" i="1"/>
  <c r="AF64465" i="1"/>
  <c r="AF64466" i="1"/>
  <c r="AF64467" i="1"/>
  <c r="AF64468" i="1"/>
  <c r="AF64469" i="1"/>
  <c r="AF64470" i="1"/>
  <c r="AF64471" i="1"/>
  <c r="AF64472" i="1"/>
  <c r="AF64473" i="1"/>
  <c r="AF64474" i="1"/>
  <c r="AF64475" i="1"/>
  <c r="AF64476" i="1"/>
  <c r="AF64477" i="1"/>
  <c r="AF64478" i="1"/>
  <c r="AF64479" i="1"/>
  <c r="AF64480" i="1"/>
  <c r="AF64481" i="1"/>
  <c r="AF64482" i="1"/>
  <c r="AF64483" i="1"/>
  <c r="AF64484" i="1"/>
  <c r="AF64485" i="1"/>
  <c r="AF64486" i="1"/>
  <c r="AF64487" i="1"/>
  <c r="AF64488" i="1"/>
  <c r="AF64489" i="1"/>
  <c r="AF64490" i="1"/>
  <c r="AF64491" i="1"/>
  <c r="AF64492" i="1"/>
  <c r="AF64493" i="1"/>
  <c r="AF64494" i="1"/>
  <c r="AF64495" i="1"/>
  <c r="AF64496" i="1"/>
  <c r="AF64497" i="1"/>
  <c r="AF64498" i="1"/>
  <c r="AF64499" i="1"/>
  <c r="AF64500" i="1"/>
  <c r="AF64501" i="1"/>
  <c r="AF64502" i="1"/>
  <c r="AF64503" i="1"/>
  <c r="AF64504" i="1"/>
  <c r="AF64505" i="1"/>
  <c r="AF64506" i="1"/>
  <c r="AF64507" i="1"/>
  <c r="AF64508" i="1"/>
  <c r="AF64509" i="1"/>
  <c r="AF64510" i="1"/>
  <c r="AF64511" i="1"/>
  <c r="AF64512" i="1"/>
  <c r="AF64513" i="1"/>
  <c r="AF64514" i="1"/>
  <c r="AF64515" i="1"/>
  <c r="AF64516" i="1"/>
  <c r="AF64517" i="1"/>
  <c r="AF64518" i="1"/>
  <c r="AF64519" i="1"/>
  <c r="AF64520" i="1"/>
  <c r="AF64521" i="1"/>
  <c r="AF64522" i="1"/>
  <c r="AF64523" i="1"/>
  <c r="AF64524" i="1"/>
  <c r="AF64525" i="1"/>
  <c r="AF64526" i="1"/>
  <c r="AF64527" i="1"/>
  <c r="AF64528" i="1"/>
  <c r="AF64529" i="1"/>
  <c r="AF64530" i="1"/>
  <c r="AF64531" i="1"/>
  <c r="AF64532" i="1"/>
  <c r="AF64533" i="1"/>
  <c r="AF64534" i="1"/>
  <c r="AF64535" i="1"/>
  <c r="AF64536" i="1"/>
  <c r="AF64537" i="1"/>
  <c r="AF64538" i="1"/>
  <c r="AF64539" i="1"/>
  <c r="AF64540" i="1"/>
  <c r="AF64541" i="1"/>
  <c r="AF64542" i="1"/>
  <c r="AF64543" i="1"/>
  <c r="AF64544" i="1"/>
  <c r="AF64545" i="1"/>
  <c r="AF64546" i="1"/>
  <c r="AF64547" i="1"/>
  <c r="AF64548" i="1"/>
  <c r="AF64549" i="1"/>
  <c r="AF64550" i="1"/>
  <c r="AF64551" i="1"/>
  <c r="AF64552" i="1"/>
  <c r="AF64553" i="1"/>
  <c r="AF64554" i="1"/>
  <c r="AF64555" i="1"/>
  <c r="AF64556" i="1"/>
  <c r="AF64557" i="1"/>
  <c r="AF64558" i="1"/>
  <c r="AF64559" i="1"/>
  <c r="AF64560" i="1"/>
  <c r="AF64561" i="1"/>
  <c r="AF64562" i="1"/>
  <c r="AF64563" i="1"/>
  <c r="AF64564" i="1"/>
  <c r="AF64565" i="1"/>
  <c r="AF64566" i="1"/>
  <c r="AF64567" i="1"/>
  <c r="AF64568" i="1"/>
  <c r="AF64569" i="1"/>
  <c r="AF64570" i="1"/>
  <c r="AF64571" i="1"/>
  <c r="AF64572" i="1"/>
  <c r="AF64573" i="1"/>
  <c r="AF64574" i="1"/>
  <c r="AF64575" i="1"/>
  <c r="AF64576" i="1"/>
  <c r="AF64577" i="1"/>
  <c r="AF64578" i="1"/>
  <c r="AF64579" i="1"/>
  <c r="AF64580" i="1"/>
  <c r="AF64581" i="1"/>
  <c r="AF64582" i="1"/>
  <c r="AF64583" i="1"/>
  <c r="AF64584" i="1"/>
  <c r="AF64585" i="1"/>
  <c r="AF64586" i="1"/>
  <c r="AF64587" i="1"/>
  <c r="AF64588" i="1"/>
  <c r="AF64589" i="1"/>
  <c r="AF64590" i="1"/>
  <c r="AF64591" i="1"/>
  <c r="AF64592" i="1"/>
  <c r="AF64593" i="1"/>
  <c r="AF64594" i="1"/>
  <c r="AF64595" i="1"/>
  <c r="AF64596" i="1"/>
  <c r="AF64597" i="1"/>
  <c r="AF64598" i="1"/>
  <c r="AF64599" i="1"/>
  <c r="AF64600" i="1"/>
  <c r="AF64601" i="1"/>
  <c r="AF64602" i="1"/>
  <c r="AF64603" i="1"/>
  <c r="AF64604" i="1"/>
  <c r="AF64605" i="1"/>
  <c r="AF64606" i="1"/>
  <c r="AF64607" i="1"/>
  <c r="AF64608" i="1"/>
  <c r="AF64609" i="1"/>
  <c r="AF64610" i="1"/>
  <c r="AF64611" i="1"/>
  <c r="AF64612" i="1"/>
  <c r="AF64613" i="1"/>
  <c r="AF64614" i="1"/>
  <c r="AF64615" i="1"/>
  <c r="AF64616" i="1"/>
  <c r="AF64617" i="1"/>
  <c r="AF64618" i="1"/>
  <c r="AF64619" i="1"/>
  <c r="AF64620" i="1"/>
  <c r="AF64621" i="1"/>
  <c r="AF64622" i="1"/>
  <c r="AF64623" i="1"/>
  <c r="AF64624" i="1"/>
  <c r="AF64625" i="1"/>
  <c r="AF64626" i="1"/>
  <c r="AF64627" i="1"/>
  <c r="AF64628" i="1"/>
  <c r="AF64629" i="1"/>
  <c r="AF64630" i="1"/>
  <c r="AF64631" i="1"/>
  <c r="AF64632" i="1"/>
  <c r="AF64633" i="1"/>
  <c r="AF64634" i="1"/>
  <c r="AF64635" i="1"/>
  <c r="AF64636" i="1"/>
  <c r="AF64637" i="1"/>
  <c r="AF64638" i="1"/>
  <c r="AF64639" i="1"/>
  <c r="AF64640" i="1"/>
  <c r="AF64641" i="1"/>
  <c r="AF64642" i="1"/>
  <c r="AF64643" i="1"/>
  <c r="AF64644" i="1"/>
  <c r="AF64645" i="1"/>
  <c r="AF64646" i="1"/>
  <c r="AF64647" i="1"/>
  <c r="AF64648" i="1"/>
  <c r="AF64649" i="1"/>
  <c r="AF64650" i="1"/>
  <c r="AF64651" i="1"/>
  <c r="AF64652" i="1"/>
  <c r="AF64653" i="1"/>
  <c r="AF64654" i="1"/>
  <c r="AF64655" i="1"/>
  <c r="AF64656" i="1"/>
  <c r="AF64657" i="1"/>
  <c r="AF64658" i="1"/>
  <c r="AF64659" i="1"/>
  <c r="AF64660" i="1"/>
  <c r="AF64661" i="1"/>
  <c r="AF64662" i="1"/>
  <c r="AF64663" i="1"/>
  <c r="AF64664" i="1"/>
  <c r="AF64665" i="1"/>
  <c r="AF64666" i="1"/>
  <c r="AF64667" i="1"/>
  <c r="AF64668" i="1"/>
  <c r="AF64669" i="1"/>
  <c r="AF64670" i="1"/>
  <c r="AF64671" i="1"/>
  <c r="AF64672" i="1"/>
  <c r="AF64673" i="1"/>
  <c r="AF64674" i="1"/>
  <c r="AF64675" i="1"/>
  <c r="AF64676" i="1"/>
  <c r="AF64677" i="1"/>
  <c r="AF64678" i="1"/>
  <c r="AF64679" i="1"/>
  <c r="AF64680" i="1"/>
  <c r="AF64681" i="1"/>
  <c r="AF64682" i="1"/>
  <c r="AF64683" i="1"/>
  <c r="AF64684" i="1"/>
  <c r="AF64685" i="1"/>
  <c r="AF64686" i="1"/>
  <c r="AF64687" i="1"/>
  <c r="AF64688" i="1"/>
  <c r="AF64689" i="1"/>
  <c r="AF64690" i="1"/>
  <c r="AF64691" i="1"/>
  <c r="AF64692" i="1"/>
  <c r="AF64693" i="1"/>
  <c r="AF64694" i="1"/>
  <c r="AF64695" i="1"/>
  <c r="AF64696" i="1"/>
  <c r="AF64697" i="1"/>
  <c r="AF64698" i="1"/>
  <c r="AF64699" i="1"/>
  <c r="AF64700" i="1"/>
  <c r="AF64701" i="1"/>
  <c r="AF64702" i="1"/>
  <c r="AF64703" i="1"/>
  <c r="AF64704" i="1"/>
  <c r="AF64705" i="1"/>
  <c r="AF64706" i="1"/>
  <c r="AF64707" i="1"/>
  <c r="AF64708" i="1"/>
  <c r="AF64709" i="1"/>
  <c r="AF64710" i="1"/>
  <c r="AF64711" i="1"/>
  <c r="AF64712" i="1"/>
  <c r="AF64713" i="1"/>
  <c r="AF64714" i="1"/>
  <c r="AF64715" i="1"/>
  <c r="AF64716" i="1"/>
  <c r="AF64717" i="1"/>
  <c r="AF64718" i="1"/>
  <c r="AF64719" i="1"/>
  <c r="AF64720" i="1"/>
  <c r="AF64721" i="1"/>
  <c r="AF64722" i="1"/>
  <c r="AF64723" i="1"/>
  <c r="AF64724" i="1"/>
  <c r="AF64725" i="1"/>
  <c r="AF64726" i="1"/>
  <c r="AF64727" i="1"/>
  <c r="AF64728" i="1"/>
  <c r="AF64729" i="1"/>
  <c r="AF64730" i="1"/>
  <c r="AF64731" i="1"/>
  <c r="AF64732" i="1"/>
  <c r="AF64733" i="1"/>
  <c r="AF64734" i="1"/>
  <c r="AF64735" i="1"/>
  <c r="AF64736" i="1"/>
  <c r="AF64737" i="1"/>
  <c r="AF64738" i="1"/>
  <c r="AF64739" i="1"/>
  <c r="AF64740" i="1"/>
  <c r="AF64741" i="1"/>
  <c r="AF64742" i="1"/>
  <c r="AF64743" i="1"/>
  <c r="AF64744" i="1"/>
  <c r="AF64745" i="1"/>
  <c r="AF64746" i="1"/>
  <c r="AF64747" i="1"/>
  <c r="AF64748" i="1"/>
  <c r="AF64749" i="1"/>
  <c r="AF64750" i="1"/>
  <c r="AF64751" i="1"/>
  <c r="AF64752" i="1"/>
  <c r="AF64753" i="1"/>
  <c r="AF64754" i="1"/>
  <c r="AF64755" i="1"/>
  <c r="AF64756" i="1"/>
  <c r="AF64757" i="1"/>
  <c r="AF64758" i="1"/>
  <c r="AF64759" i="1"/>
  <c r="AF64760" i="1"/>
  <c r="AF64761" i="1"/>
  <c r="AF64762" i="1"/>
  <c r="AF64763" i="1"/>
  <c r="AF64764" i="1"/>
  <c r="AF64765" i="1"/>
  <c r="AF64766" i="1"/>
  <c r="AF64767" i="1"/>
  <c r="AF64768" i="1"/>
  <c r="AF64769" i="1"/>
  <c r="AF64770" i="1"/>
  <c r="AF64771" i="1"/>
  <c r="AF64772" i="1"/>
  <c r="AF64773" i="1"/>
  <c r="AF64774" i="1"/>
  <c r="AF64775" i="1"/>
  <c r="AF64776" i="1"/>
  <c r="AF64777" i="1"/>
  <c r="AF64778" i="1"/>
  <c r="AF64779" i="1"/>
  <c r="AF64780" i="1"/>
  <c r="AF64781" i="1"/>
  <c r="AF64782" i="1"/>
  <c r="AF64783" i="1"/>
  <c r="AF64784" i="1"/>
  <c r="AF64785" i="1"/>
  <c r="AF64786" i="1"/>
  <c r="AF64787" i="1"/>
  <c r="AF64788" i="1"/>
  <c r="AF64789" i="1"/>
  <c r="AF64790" i="1"/>
  <c r="AF64791" i="1"/>
  <c r="AF64792" i="1"/>
  <c r="AF64793" i="1"/>
  <c r="AF64794" i="1"/>
  <c r="AF64795" i="1"/>
  <c r="AF64796" i="1"/>
  <c r="AF64797" i="1"/>
  <c r="AF64798" i="1"/>
  <c r="AF64799" i="1"/>
  <c r="AF64800" i="1"/>
  <c r="AF64801" i="1"/>
  <c r="AF64802" i="1"/>
  <c r="AF64803" i="1"/>
  <c r="AF64804" i="1"/>
  <c r="AF64805" i="1"/>
  <c r="AF64806" i="1"/>
  <c r="AF64807" i="1"/>
  <c r="AF64808" i="1"/>
  <c r="AF64809" i="1"/>
  <c r="AF64810" i="1"/>
  <c r="AF64811" i="1"/>
  <c r="AF64812" i="1"/>
  <c r="AF64813" i="1"/>
  <c r="AF64814" i="1"/>
  <c r="AF64815" i="1"/>
  <c r="AF64816" i="1"/>
  <c r="AF64817" i="1"/>
  <c r="AF64818" i="1"/>
  <c r="AF64819" i="1"/>
  <c r="AF64820" i="1"/>
  <c r="AF64821" i="1"/>
  <c r="AF64822" i="1"/>
  <c r="AF64823" i="1"/>
  <c r="AF64824" i="1"/>
  <c r="AF64825" i="1"/>
  <c r="AF64826" i="1"/>
  <c r="AF64827" i="1"/>
  <c r="AF64828" i="1"/>
  <c r="AF64829" i="1"/>
  <c r="AF64830" i="1"/>
  <c r="AF64831" i="1"/>
  <c r="AF64832" i="1"/>
  <c r="AF64833" i="1"/>
  <c r="AF64834" i="1"/>
  <c r="AF64835" i="1"/>
  <c r="AF64836" i="1"/>
  <c r="AF64837" i="1"/>
  <c r="AF64838" i="1"/>
  <c r="AF64839" i="1"/>
  <c r="AF64840" i="1"/>
  <c r="AF64841" i="1"/>
  <c r="AF64842" i="1"/>
  <c r="AF64843" i="1"/>
  <c r="AF64844" i="1"/>
  <c r="AF64845" i="1"/>
  <c r="AF64846" i="1"/>
  <c r="AF64847" i="1"/>
  <c r="AF64848" i="1"/>
  <c r="AF64849" i="1"/>
  <c r="AF64850" i="1"/>
  <c r="AF64851" i="1"/>
  <c r="AF64852" i="1"/>
  <c r="AF64853" i="1"/>
  <c r="AF64854" i="1"/>
  <c r="AF64855" i="1"/>
  <c r="AF64856" i="1"/>
  <c r="AF64857" i="1"/>
  <c r="AF64858" i="1"/>
  <c r="AF64859" i="1"/>
  <c r="AF64860" i="1"/>
  <c r="AF64861" i="1"/>
  <c r="AF64862" i="1"/>
  <c r="AF64863" i="1"/>
  <c r="AF64864" i="1"/>
  <c r="AF64865" i="1"/>
  <c r="AF64866" i="1"/>
  <c r="AF64867" i="1"/>
  <c r="AF64868" i="1"/>
  <c r="AF64869" i="1"/>
  <c r="AF64870" i="1"/>
  <c r="AF64871" i="1"/>
  <c r="AF64872" i="1"/>
  <c r="AF64873" i="1"/>
  <c r="AF64874" i="1"/>
  <c r="AF64875" i="1"/>
  <c r="AF64876" i="1"/>
  <c r="AF64877" i="1"/>
  <c r="AF64878" i="1"/>
  <c r="AF64879" i="1"/>
  <c r="AF64880" i="1"/>
  <c r="AF64881" i="1"/>
  <c r="AF64882" i="1"/>
  <c r="AF64883" i="1"/>
  <c r="AF64884" i="1"/>
  <c r="AF64885" i="1"/>
  <c r="AF64886" i="1"/>
  <c r="AF64887" i="1"/>
  <c r="AF64888" i="1"/>
  <c r="AF64889" i="1"/>
  <c r="AF64890" i="1"/>
  <c r="AF64891" i="1"/>
  <c r="AF64892" i="1"/>
  <c r="AF64893" i="1"/>
  <c r="AF64894" i="1"/>
  <c r="AF64895" i="1"/>
  <c r="AF64896" i="1"/>
  <c r="AF64897" i="1"/>
  <c r="AF64898" i="1"/>
  <c r="AF64899" i="1"/>
  <c r="AF64900" i="1"/>
  <c r="AF64901" i="1"/>
  <c r="AF64902" i="1"/>
  <c r="AF64903" i="1"/>
  <c r="AF64904" i="1"/>
  <c r="AF64905" i="1"/>
  <c r="AF64906" i="1"/>
  <c r="AF64907" i="1"/>
  <c r="AF64908" i="1"/>
  <c r="AF64909" i="1"/>
  <c r="AF64910" i="1"/>
  <c r="AF64911" i="1"/>
  <c r="AF64912" i="1"/>
  <c r="AF64913" i="1"/>
  <c r="AF64914" i="1"/>
  <c r="AF64915" i="1"/>
  <c r="AF64916" i="1"/>
  <c r="AF64917" i="1"/>
  <c r="AF64918" i="1"/>
  <c r="AF64919" i="1"/>
  <c r="AF64920" i="1"/>
  <c r="AF64921" i="1"/>
  <c r="AF64922" i="1"/>
  <c r="AF64923" i="1"/>
  <c r="AF64924" i="1"/>
  <c r="AF64925" i="1"/>
  <c r="AF64926" i="1"/>
  <c r="AF64927" i="1"/>
  <c r="AF64928" i="1"/>
  <c r="AF64929" i="1"/>
  <c r="AF64930" i="1"/>
  <c r="AF64931" i="1"/>
  <c r="AF64932" i="1"/>
  <c r="AF64933" i="1"/>
  <c r="AF64934" i="1"/>
  <c r="AF64935" i="1"/>
  <c r="AF64936" i="1"/>
  <c r="AF64937" i="1"/>
  <c r="AF64938" i="1"/>
  <c r="AF64939" i="1"/>
  <c r="AF64940" i="1"/>
  <c r="AF64941" i="1"/>
  <c r="AF64942" i="1"/>
  <c r="AF64943" i="1"/>
  <c r="AF64944" i="1"/>
  <c r="AF64945" i="1"/>
  <c r="AF64946" i="1"/>
  <c r="AF64947" i="1"/>
  <c r="AF64948" i="1"/>
  <c r="AF64949" i="1"/>
  <c r="AF64950" i="1"/>
  <c r="AF64951" i="1"/>
  <c r="AF64952" i="1"/>
  <c r="AF64953" i="1"/>
  <c r="AF64954" i="1"/>
  <c r="AF64955" i="1"/>
  <c r="AF64956" i="1"/>
  <c r="AF64957" i="1"/>
  <c r="AF64958" i="1"/>
  <c r="AF64959" i="1"/>
  <c r="AF64960" i="1"/>
  <c r="AF64961" i="1"/>
  <c r="AF64962" i="1"/>
  <c r="AF64963" i="1"/>
  <c r="AF64964" i="1"/>
  <c r="AF64965" i="1"/>
  <c r="AF64966" i="1"/>
  <c r="AF64967" i="1"/>
  <c r="AF64968" i="1"/>
  <c r="AF64969" i="1"/>
  <c r="AF64970" i="1"/>
  <c r="AF64971" i="1"/>
  <c r="AF64972" i="1"/>
  <c r="AF64973" i="1"/>
  <c r="AF64974" i="1"/>
  <c r="AF64975" i="1"/>
  <c r="AF64976" i="1"/>
  <c r="AF64977" i="1"/>
  <c r="AF64978" i="1"/>
  <c r="AF64979" i="1"/>
  <c r="AF64980" i="1"/>
  <c r="AF64981" i="1"/>
  <c r="AF64982" i="1"/>
  <c r="AF64983" i="1"/>
  <c r="AF64984" i="1"/>
  <c r="AF64985" i="1"/>
  <c r="AF64986" i="1"/>
  <c r="AF64987" i="1"/>
  <c r="AF64988" i="1"/>
  <c r="AF64989" i="1"/>
  <c r="AF64990" i="1"/>
  <c r="AF64991" i="1"/>
  <c r="AF64992" i="1"/>
  <c r="AF64993" i="1"/>
  <c r="AF64994" i="1"/>
  <c r="AF64995" i="1"/>
  <c r="AF64996" i="1"/>
  <c r="AF64997" i="1"/>
  <c r="AF64998" i="1"/>
  <c r="AF64999" i="1"/>
  <c r="AF65000" i="1"/>
  <c r="AF65001" i="1"/>
  <c r="AF65002" i="1"/>
  <c r="AF65003" i="1"/>
  <c r="AF65004" i="1"/>
  <c r="AF65005" i="1"/>
  <c r="AF65006" i="1"/>
  <c r="AF65007" i="1"/>
  <c r="AF65008" i="1"/>
  <c r="AF65009" i="1"/>
  <c r="AF65010" i="1"/>
  <c r="AF65011" i="1"/>
  <c r="AF65012" i="1"/>
  <c r="AF65013" i="1"/>
  <c r="AF65014" i="1"/>
  <c r="AF65015" i="1"/>
  <c r="AF65016" i="1"/>
  <c r="AF65017" i="1"/>
  <c r="AF65018" i="1"/>
  <c r="AF65019" i="1"/>
  <c r="AF65020" i="1"/>
  <c r="AF65021" i="1"/>
  <c r="AF65022" i="1"/>
  <c r="AF65023" i="1"/>
  <c r="AF65024" i="1"/>
  <c r="AF65025" i="1"/>
  <c r="AF65026" i="1"/>
  <c r="AF65027" i="1"/>
  <c r="AF65028" i="1"/>
  <c r="AF65029" i="1"/>
  <c r="AF65030" i="1"/>
  <c r="AF65031" i="1"/>
  <c r="AF65032" i="1"/>
  <c r="AF65033" i="1"/>
  <c r="AF65034" i="1"/>
  <c r="AF65035" i="1"/>
  <c r="AF65036" i="1"/>
  <c r="AF65037" i="1"/>
  <c r="AF65038" i="1"/>
  <c r="AF65039" i="1"/>
  <c r="AF65040" i="1"/>
  <c r="AF65041" i="1"/>
  <c r="AF65042" i="1"/>
  <c r="AF65043" i="1"/>
  <c r="AF65044" i="1"/>
  <c r="AF65045" i="1"/>
  <c r="AF65046" i="1"/>
  <c r="AF65047" i="1"/>
  <c r="AF65048" i="1"/>
  <c r="AF65049" i="1"/>
  <c r="AF65050" i="1"/>
  <c r="AF65051" i="1"/>
  <c r="AF65052" i="1"/>
  <c r="AF65053" i="1"/>
  <c r="AF65054" i="1"/>
  <c r="AF65055" i="1"/>
  <c r="AF65056" i="1"/>
  <c r="AF65057" i="1"/>
  <c r="AF65058" i="1"/>
  <c r="AF65059" i="1"/>
  <c r="AF65060" i="1"/>
  <c r="AF65061" i="1"/>
  <c r="AF65062" i="1"/>
  <c r="AF65063" i="1"/>
  <c r="AF65064" i="1"/>
  <c r="AF65065" i="1"/>
  <c r="AF65066" i="1"/>
  <c r="AF65067" i="1"/>
  <c r="AF65068" i="1"/>
  <c r="AF65069" i="1"/>
  <c r="AF65070" i="1"/>
  <c r="AF65071" i="1"/>
  <c r="AF65072" i="1"/>
  <c r="AF65073" i="1"/>
  <c r="AF65074" i="1"/>
  <c r="AF65075" i="1"/>
  <c r="AF65076" i="1"/>
  <c r="AF65077" i="1"/>
  <c r="AF65078" i="1"/>
  <c r="AF65079" i="1"/>
  <c r="AF65080" i="1"/>
  <c r="AF65081" i="1"/>
  <c r="AF65082" i="1"/>
  <c r="AF65083" i="1"/>
  <c r="AF65084" i="1"/>
  <c r="AF65085" i="1"/>
  <c r="AF65086" i="1"/>
  <c r="AF65087" i="1"/>
  <c r="AF65088" i="1"/>
  <c r="AF65089" i="1"/>
  <c r="AF65090" i="1"/>
  <c r="AF65091" i="1"/>
  <c r="AF65092" i="1"/>
  <c r="AF65093" i="1"/>
  <c r="AF65094" i="1"/>
  <c r="AF65095" i="1"/>
  <c r="AF65096" i="1"/>
  <c r="AF65097" i="1"/>
  <c r="AF65098" i="1"/>
  <c r="AF65099" i="1"/>
  <c r="AF65100" i="1"/>
  <c r="AF65101" i="1"/>
  <c r="AF65102" i="1"/>
  <c r="AF65103" i="1"/>
  <c r="AF65104" i="1"/>
  <c r="AF65105" i="1"/>
  <c r="AF65106" i="1"/>
  <c r="AF65107" i="1"/>
  <c r="AF65108" i="1"/>
  <c r="AF65109" i="1"/>
  <c r="AF65110" i="1"/>
  <c r="AF65111" i="1"/>
  <c r="AF65112" i="1"/>
  <c r="AF65113" i="1"/>
  <c r="AF65114" i="1"/>
  <c r="AF65115" i="1"/>
  <c r="AF65116" i="1"/>
  <c r="AF65117" i="1"/>
  <c r="AF65118" i="1"/>
  <c r="AF65119" i="1"/>
  <c r="AF65120" i="1"/>
  <c r="AF65121" i="1"/>
  <c r="AF65122" i="1"/>
  <c r="AF65123" i="1"/>
  <c r="AF65124" i="1"/>
  <c r="AF65125" i="1"/>
  <c r="AF65126" i="1"/>
  <c r="AF65127" i="1"/>
  <c r="AF65128" i="1"/>
  <c r="AF65129" i="1"/>
  <c r="AF65130" i="1"/>
  <c r="AF65131" i="1"/>
  <c r="AF65132" i="1"/>
  <c r="AF65133" i="1"/>
  <c r="AF65134" i="1"/>
  <c r="AF65135" i="1"/>
  <c r="AF65136" i="1"/>
  <c r="AF65137" i="1"/>
  <c r="AF65138" i="1"/>
  <c r="AF65139" i="1"/>
  <c r="AF65140" i="1"/>
  <c r="AF65141" i="1"/>
  <c r="AF65142" i="1"/>
  <c r="AF65143" i="1"/>
  <c r="AF65144" i="1"/>
  <c r="AF65145" i="1"/>
  <c r="AF65146" i="1"/>
  <c r="AF65147" i="1"/>
  <c r="AF65148" i="1"/>
  <c r="AF65149" i="1"/>
  <c r="AF65150" i="1"/>
  <c r="AF65151" i="1"/>
  <c r="AF65152" i="1"/>
  <c r="AF65153" i="1"/>
  <c r="AF65154" i="1"/>
  <c r="AF65155" i="1"/>
  <c r="AF65156" i="1"/>
  <c r="AF65157" i="1"/>
  <c r="AF65158" i="1"/>
  <c r="AF65159" i="1"/>
  <c r="AF65160" i="1"/>
  <c r="AF65161" i="1"/>
  <c r="AF65162" i="1"/>
  <c r="AF65163" i="1"/>
  <c r="AF65164" i="1"/>
  <c r="AF65165" i="1"/>
  <c r="AF65166" i="1"/>
  <c r="AF65167" i="1"/>
  <c r="AF65168" i="1"/>
  <c r="AF65169" i="1"/>
  <c r="AF65170" i="1"/>
  <c r="AF65171" i="1"/>
  <c r="AF65172" i="1"/>
  <c r="AF65173" i="1"/>
  <c r="AF65174" i="1"/>
  <c r="AF65175" i="1"/>
  <c r="AF65176" i="1"/>
  <c r="AF65177" i="1"/>
  <c r="AF65178" i="1"/>
  <c r="AF65179" i="1"/>
  <c r="AF65180" i="1"/>
  <c r="AF65181" i="1"/>
  <c r="AF65182" i="1"/>
  <c r="AF65183" i="1"/>
  <c r="AF65184" i="1"/>
  <c r="AF65185" i="1"/>
  <c r="AF65186" i="1"/>
  <c r="AF65187" i="1"/>
  <c r="AF65188" i="1"/>
  <c r="AF65189" i="1"/>
  <c r="AF65190" i="1"/>
  <c r="AF65191" i="1"/>
  <c r="AF65192" i="1"/>
  <c r="AF65193" i="1"/>
  <c r="AF65194" i="1"/>
  <c r="AF65195" i="1"/>
  <c r="AF65196" i="1"/>
  <c r="AF65197" i="1"/>
  <c r="AF65198" i="1"/>
  <c r="AF65199" i="1"/>
  <c r="AF65200" i="1"/>
  <c r="AF65201" i="1"/>
  <c r="AF65202" i="1"/>
  <c r="AF65203" i="1"/>
  <c r="AF65204" i="1"/>
  <c r="AF65205" i="1"/>
  <c r="AF65206" i="1"/>
  <c r="AF65207" i="1"/>
  <c r="AF65208" i="1"/>
  <c r="AF65209" i="1"/>
  <c r="AF65210" i="1"/>
  <c r="AF65211" i="1"/>
  <c r="AF65212" i="1"/>
  <c r="AF65213" i="1"/>
  <c r="AF65214" i="1"/>
  <c r="AF65215" i="1"/>
  <c r="AF65216" i="1"/>
  <c r="AF65217" i="1"/>
  <c r="AF65218" i="1"/>
  <c r="AF65219" i="1"/>
  <c r="AF65220" i="1"/>
  <c r="AF65221" i="1"/>
  <c r="AF65222" i="1"/>
  <c r="AF65223" i="1"/>
  <c r="AF65224" i="1"/>
  <c r="AF65225" i="1"/>
  <c r="AF65226" i="1"/>
  <c r="AF65227" i="1"/>
  <c r="AF65228" i="1"/>
  <c r="AF65229" i="1"/>
  <c r="AF65230" i="1"/>
  <c r="AF65231" i="1"/>
  <c r="AF65232" i="1"/>
  <c r="AF65233" i="1"/>
  <c r="AF65234" i="1"/>
  <c r="AF65235" i="1"/>
  <c r="AF65236" i="1"/>
  <c r="AF65237" i="1"/>
  <c r="AF65238" i="1"/>
  <c r="AF65239" i="1"/>
  <c r="AF65240" i="1"/>
  <c r="AF65241" i="1"/>
  <c r="AF65242" i="1"/>
  <c r="AF65243" i="1"/>
  <c r="AF65244" i="1"/>
  <c r="AF65245" i="1"/>
  <c r="AF65246" i="1"/>
  <c r="AF65247" i="1"/>
  <c r="AF65248" i="1"/>
  <c r="AF65249" i="1"/>
  <c r="AF65250" i="1"/>
  <c r="AF65251" i="1"/>
  <c r="AF65252" i="1"/>
  <c r="AF65253" i="1"/>
  <c r="AF65254" i="1"/>
  <c r="AF65255" i="1"/>
  <c r="AF65256" i="1"/>
  <c r="AF65257" i="1"/>
  <c r="AF65258" i="1"/>
  <c r="AF65259" i="1"/>
  <c r="AF65260" i="1"/>
  <c r="AF65261" i="1"/>
  <c r="AF65262" i="1"/>
  <c r="AF65263" i="1"/>
  <c r="AF65264" i="1"/>
  <c r="AF65265" i="1"/>
  <c r="AF65266" i="1"/>
  <c r="AF65267" i="1"/>
  <c r="AF65268" i="1"/>
  <c r="AF65269" i="1"/>
  <c r="AF65270" i="1"/>
  <c r="AF65271" i="1"/>
  <c r="AF65272" i="1"/>
  <c r="AF65273" i="1"/>
  <c r="AF65274" i="1"/>
  <c r="AF65275" i="1"/>
  <c r="AF65276" i="1"/>
  <c r="AF65277" i="1"/>
  <c r="AF65278" i="1"/>
  <c r="AF65279" i="1"/>
  <c r="AF65280" i="1"/>
  <c r="AF65281" i="1"/>
  <c r="AF65282" i="1"/>
  <c r="AF65283" i="1"/>
  <c r="AF65284" i="1"/>
  <c r="AF65285" i="1"/>
  <c r="AF65286" i="1"/>
  <c r="AF65287" i="1"/>
  <c r="AF65288" i="1"/>
  <c r="AF65289" i="1"/>
  <c r="AF65290" i="1"/>
  <c r="AF65291" i="1"/>
  <c r="AF65292" i="1"/>
  <c r="AF65293" i="1"/>
  <c r="AF65294" i="1"/>
  <c r="AF65295" i="1"/>
  <c r="AF65296" i="1"/>
  <c r="AF65297" i="1"/>
  <c r="AF65298" i="1"/>
  <c r="AF65299" i="1"/>
  <c r="AF65300" i="1"/>
  <c r="AF65301" i="1"/>
  <c r="AF65302" i="1"/>
  <c r="AF65303" i="1"/>
  <c r="AF65304" i="1"/>
  <c r="AF65305" i="1"/>
  <c r="AF65306" i="1"/>
  <c r="AF65307" i="1"/>
  <c r="AF65308" i="1"/>
  <c r="AF65309" i="1"/>
  <c r="AF65310" i="1"/>
  <c r="AF65311" i="1"/>
  <c r="AF65312" i="1"/>
  <c r="AF65313" i="1"/>
  <c r="AF65314" i="1"/>
  <c r="AF65315" i="1"/>
  <c r="AF65316" i="1"/>
  <c r="AF65317" i="1"/>
  <c r="AF65318" i="1"/>
  <c r="AF65319" i="1"/>
  <c r="AF65320" i="1"/>
  <c r="AF65321" i="1"/>
  <c r="AF65322" i="1"/>
  <c r="AF65323" i="1"/>
  <c r="AF65324" i="1"/>
  <c r="AF65325" i="1"/>
  <c r="AF65326" i="1"/>
  <c r="AF65327" i="1"/>
  <c r="AF65328" i="1"/>
  <c r="AF65329" i="1"/>
  <c r="AF65330" i="1"/>
  <c r="AF65331" i="1"/>
  <c r="AF65332" i="1"/>
  <c r="AF65333" i="1"/>
  <c r="AF65334" i="1"/>
  <c r="AF65335" i="1"/>
  <c r="AF65336" i="1"/>
  <c r="AF65337" i="1"/>
  <c r="AF65338" i="1"/>
  <c r="AF65339" i="1"/>
  <c r="AF65340" i="1"/>
  <c r="AF65341" i="1"/>
  <c r="AF65342" i="1"/>
  <c r="AF65343" i="1"/>
  <c r="AF65344" i="1"/>
  <c r="AF65345" i="1"/>
  <c r="AF65346" i="1"/>
  <c r="AF65347" i="1"/>
  <c r="AF65348" i="1"/>
  <c r="AF65349" i="1"/>
  <c r="AF65350" i="1"/>
  <c r="AF65351" i="1"/>
  <c r="AF65352" i="1"/>
  <c r="AF65353" i="1"/>
  <c r="AF65354" i="1"/>
  <c r="AF65355" i="1"/>
  <c r="AF65356" i="1"/>
  <c r="AF65357" i="1"/>
  <c r="AF65358" i="1"/>
  <c r="AF65359" i="1"/>
  <c r="AF65360" i="1"/>
  <c r="AF65361" i="1"/>
  <c r="AF65362" i="1"/>
  <c r="AF65363" i="1"/>
  <c r="AF65364" i="1"/>
  <c r="AF65365" i="1"/>
  <c r="AF65366" i="1"/>
  <c r="AF65367" i="1"/>
  <c r="AF65368" i="1"/>
  <c r="AF65369" i="1"/>
  <c r="AF65370" i="1"/>
  <c r="AF65371" i="1"/>
  <c r="AF65372" i="1"/>
  <c r="AF65373" i="1"/>
  <c r="AF65374" i="1"/>
  <c r="AF65375" i="1"/>
  <c r="AF65376" i="1"/>
  <c r="AF65377" i="1"/>
  <c r="AF65378" i="1"/>
  <c r="AF65379" i="1"/>
  <c r="AF65380" i="1"/>
  <c r="AF65381" i="1"/>
  <c r="AF65382" i="1"/>
  <c r="AF65383" i="1"/>
  <c r="AF65384" i="1"/>
  <c r="AF65385" i="1"/>
  <c r="AF65386" i="1"/>
  <c r="AF65387" i="1"/>
  <c r="AF65388" i="1"/>
  <c r="AF65389" i="1"/>
  <c r="AF65390" i="1"/>
  <c r="AF65391" i="1"/>
  <c r="AF65392" i="1"/>
  <c r="AF65393" i="1"/>
  <c r="AF65394" i="1"/>
  <c r="AF65395" i="1"/>
  <c r="AF65396" i="1"/>
  <c r="AF65397" i="1"/>
  <c r="AF65398" i="1"/>
  <c r="AF65399" i="1"/>
  <c r="AF65400" i="1"/>
  <c r="AF65401" i="1"/>
  <c r="AF65402" i="1"/>
  <c r="AF65403" i="1"/>
  <c r="AF65404" i="1"/>
  <c r="AF65405" i="1"/>
  <c r="AF65406" i="1"/>
  <c r="AF65407" i="1"/>
  <c r="AF65408" i="1"/>
  <c r="AF65409" i="1"/>
  <c r="AF65410" i="1"/>
  <c r="AF65411" i="1"/>
  <c r="AF65412" i="1"/>
  <c r="AF65413" i="1"/>
  <c r="AF65414" i="1"/>
  <c r="AF65415" i="1"/>
  <c r="AF65416" i="1"/>
  <c r="AF65417" i="1"/>
  <c r="AF65418" i="1"/>
  <c r="AF65419" i="1"/>
  <c r="AF65420" i="1"/>
  <c r="AF65421" i="1"/>
  <c r="AF65422" i="1"/>
  <c r="AF65423" i="1"/>
  <c r="AF65424" i="1"/>
  <c r="AF65425" i="1"/>
  <c r="AF65426" i="1"/>
  <c r="AF65427" i="1"/>
  <c r="AF65428" i="1"/>
  <c r="AF65429" i="1"/>
  <c r="AF65430" i="1"/>
  <c r="AF65431" i="1"/>
  <c r="AF65432" i="1"/>
  <c r="AF65433" i="1"/>
  <c r="AF65434" i="1"/>
  <c r="AF65435" i="1"/>
  <c r="AF65436" i="1"/>
  <c r="AF65437" i="1"/>
  <c r="AF65438" i="1"/>
  <c r="AF65439" i="1"/>
  <c r="AF65440" i="1"/>
  <c r="AF65441" i="1"/>
  <c r="AF65442" i="1"/>
  <c r="AF65443" i="1"/>
  <c r="AF65444" i="1"/>
  <c r="AF65445" i="1"/>
  <c r="AF65446" i="1"/>
  <c r="AF65447" i="1"/>
  <c r="AF65448" i="1"/>
  <c r="AF65449" i="1"/>
  <c r="AF65450" i="1"/>
  <c r="AF65451" i="1"/>
  <c r="AF65452" i="1"/>
  <c r="AF65453" i="1"/>
  <c r="AF65454" i="1"/>
  <c r="AF65455" i="1"/>
  <c r="AF65456" i="1"/>
  <c r="AF65457" i="1"/>
  <c r="AF65458" i="1"/>
  <c r="AF65459" i="1"/>
  <c r="AF65460" i="1"/>
  <c r="AF65461" i="1"/>
  <c r="AF65462" i="1"/>
  <c r="AF65463" i="1"/>
  <c r="AF65464" i="1"/>
  <c r="AF65465" i="1"/>
  <c r="AF65466" i="1"/>
  <c r="AF65467" i="1"/>
  <c r="AF65468" i="1"/>
  <c r="AF65469" i="1"/>
  <c r="AF65470" i="1"/>
  <c r="AF65471" i="1"/>
  <c r="AF65472" i="1"/>
  <c r="AF65473" i="1"/>
  <c r="AF65474" i="1"/>
  <c r="AF65475" i="1"/>
  <c r="AF65476" i="1"/>
  <c r="AF65477" i="1"/>
  <c r="AF65478" i="1"/>
  <c r="AF65479" i="1"/>
  <c r="AF65480" i="1"/>
  <c r="AF65481" i="1"/>
  <c r="AF65482" i="1"/>
  <c r="AF65483" i="1"/>
  <c r="AF65484" i="1"/>
  <c r="AF65485" i="1"/>
  <c r="AF65486" i="1"/>
  <c r="AF65487" i="1"/>
  <c r="AF65488" i="1"/>
  <c r="AF65489" i="1"/>
  <c r="AF65490" i="1"/>
  <c r="AF65491" i="1"/>
  <c r="AF65492" i="1"/>
  <c r="AF65493" i="1"/>
  <c r="AF65494" i="1"/>
  <c r="AF65495" i="1"/>
  <c r="AF65496" i="1"/>
  <c r="AF65497" i="1"/>
  <c r="AF65498" i="1"/>
  <c r="AF65499" i="1"/>
  <c r="AF65500" i="1"/>
  <c r="AF65501" i="1"/>
  <c r="AF65502" i="1"/>
  <c r="AF65503" i="1"/>
  <c r="AF65504" i="1"/>
  <c r="AF65505" i="1"/>
  <c r="AF65506" i="1"/>
  <c r="AF65507" i="1"/>
  <c r="AF65508" i="1"/>
  <c r="AF65509" i="1"/>
  <c r="AF65510" i="1"/>
  <c r="AF65511" i="1"/>
  <c r="AF65512" i="1"/>
  <c r="AF65513" i="1"/>
  <c r="AF65514" i="1"/>
  <c r="AF65515" i="1"/>
  <c r="AF65516" i="1"/>
  <c r="AF65517" i="1"/>
  <c r="AF65518" i="1"/>
  <c r="AF65519" i="1"/>
  <c r="AF65520" i="1"/>
  <c r="AF65521" i="1"/>
  <c r="AF65522" i="1"/>
  <c r="AF65523" i="1"/>
  <c r="AF65524" i="1"/>
  <c r="AF65525" i="1"/>
  <c r="AF65526" i="1"/>
  <c r="AF65527" i="1"/>
  <c r="AF65528" i="1"/>
  <c r="AF65529" i="1"/>
  <c r="AF65530" i="1"/>
  <c r="AF65531" i="1"/>
  <c r="AF65532" i="1"/>
  <c r="AF65533" i="1"/>
  <c r="AF65534" i="1"/>
  <c r="AF65535" i="1"/>
  <c r="AF65536" i="1"/>
  <c r="AF65537" i="1"/>
  <c r="AF65538" i="1"/>
  <c r="AF65539" i="1"/>
  <c r="AF65540" i="1"/>
  <c r="AF65541" i="1"/>
  <c r="AF65542" i="1"/>
  <c r="AF65543" i="1"/>
  <c r="AF65544" i="1"/>
  <c r="AF65545" i="1"/>
  <c r="AF65546" i="1"/>
  <c r="AF65547" i="1"/>
  <c r="AF65548" i="1"/>
  <c r="AF65549" i="1"/>
  <c r="AF65550" i="1"/>
  <c r="AF65551" i="1"/>
  <c r="AF65552" i="1"/>
  <c r="AF65553" i="1"/>
  <c r="AF65554" i="1"/>
  <c r="AF65555" i="1"/>
  <c r="AF65556" i="1"/>
  <c r="AF65557" i="1"/>
  <c r="AF65558" i="1"/>
  <c r="AF65559" i="1"/>
  <c r="AF65560" i="1"/>
  <c r="AF65561" i="1"/>
  <c r="AF65562" i="1"/>
  <c r="AF65563" i="1"/>
  <c r="AF65564" i="1"/>
  <c r="AF65565" i="1"/>
  <c r="AF65566" i="1"/>
  <c r="AF65567" i="1"/>
  <c r="AF65568" i="1"/>
  <c r="AF65569" i="1"/>
  <c r="AF65570" i="1"/>
  <c r="AF65571" i="1"/>
  <c r="AF65572" i="1"/>
  <c r="AF65573" i="1"/>
  <c r="AF65574" i="1"/>
  <c r="AF65575" i="1"/>
  <c r="AF65576" i="1"/>
  <c r="AF65577" i="1"/>
  <c r="AF65578" i="1"/>
  <c r="AF65579" i="1"/>
  <c r="AF65580" i="1"/>
  <c r="AF65581" i="1"/>
  <c r="AF65582" i="1"/>
  <c r="AF65583" i="1"/>
  <c r="AF65584" i="1"/>
  <c r="AF65585" i="1"/>
  <c r="AF65586" i="1"/>
  <c r="AF65587" i="1"/>
  <c r="AF65588" i="1"/>
  <c r="AF65589" i="1"/>
  <c r="AF65590" i="1"/>
  <c r="AF65591" i="1"/>
  <c r="AF65592" i="1"/>
  <c r="AF65593" i="1"/>
  <c r="AF65594" i="1"/>
  <c r="AF65595" i="1"/>
  <c r="AF65596" i="1"/>
  <c r="AF65597" i="1"/>
  <c r="AF65598" i="1"/>
  <c r="AF65599" i="1"/>
  <c r="AF65600" i="1"/>
  <c r="AF65601" i="1"/>
  <c r="AF65602" i="1"/>
  <c r="AF65603" i="1"/>
  <c r="AF65604" i="1"/>
  <c r="AF65605" i="1"/>
  <c r="AF65606" i="1"/>
  <c r="AF65607" i="1"/>
  <c r="AF65608" i="1"/>
  <c r="AF65609" i="1"/>
  <c r="AF65610" i="1"/>
  <c r="AF65611" i="1"/>
  <c r="AF65612" i="1"/>
  <c r="AF65613" i="1"/>
  <c r="AF65614" i="1"/>
  <c r="AF65615" i="1"/>
  <c r="AF65616" i="1"/>
  <c r="AF65617" i="1"/>
  <c r="AF65618" i="1"/>
  <c r="AF65619" i="1"/>
  <c r="AF65620" i="1"/>
  <c r="AF65621" i="1"/>
  <c r="AF65622" i="1"/>
  <c r="AF65623" i="1"/>
  <c r="AF65624" i="1"/>
  <c r="AF65625" i="1"/>
  <c r="AF65626" i="1"/>
  <c r="AF65627" i="1"/>
  <c r="AF65628" i="1"/>
  <c r="AF65629" i="1"/>
  <c r="AF65630" i="1"/>
  <c r="AF65631" i="1"/>
  <c r="AF65632" i="1"/>
  <c r="AF65633" i="1"/>
  <c r="AF65634" i="1"/>
  <c r="AF65635" i="1"/>
  <c r="AF65636" i="1"/>
  <c r="AF65637" i="1"/>
  <c r="AF65638" i="1"/>
  <c r="AF65639" i="1"/>
  <c r="AF65640" i="1"/>
  <c r="AF65641" i="1"/>
  <c r="AF65642" i="1"/>
  <c r="AF65643" i="1"/>
  <c r="AF65644" i="1"/>
  <c r="AF65645" i="1"/>
  <c r="AF65646" i="1"/>
  <c r="AF65647" i="1"/>
  <c r="AF65648" i="1"/>
  <c r="AF65649" i="1"/>
  <c r="AF65650" i="1"/>
  <c r="AF65651" i="1"/>
  <c r="AF65652" i="1"/>
  <c r="AF65653" i="1"/>
  <c r="AF65654" i="1"/>
  <c r="AF65655" i="1"/>
  <c r="AF65656" i="1"/>
  <c r="AF65657" i="1"/>
  <c r="AF65658" i="1"/>
  <c r="AF65659" i="1"/>
  <c r="AF65660" i="1"/>
  <c r="AF65661" i="1"/>
  <c r="AF65662" i="1"/>
  <c r="AF65663" i="1"/>
  <c r="AF65664" i="1"/>
  <c r="AF65665" i="1"/>
  <c r="AF65666" i="1"/>
  <c r="AF65667" i="1"/>
  <c r="AF65668" i="1"/>
  <c r="AF65669" i="1"/>
  <c r="AF65670" i="1"/>
  <c r="AF65671" i="1"/>
  <c r="AF65672" i="1"/>
  <c r="AF65673" i="1"/>
  <c r="AF65674" i="1"/>
  <c r="AF65675" i="1"/>
  <c r="AF65676" i="1"/>
  <c r="AF65677" i="1"/>
  <c r="AF65678" i="1"/>
  <c r="AF65679" i="1"/>
  <c r="AF65680" i="1"/>
  <c r="AF65681" i="1"/>
  <c r="AF65682" i="1"/>
  <c r="AF65683" i="1"/>
  <c r="AF65684" i="1"/>
  <c r="AF65685" i="1"/>
  <c r="AF65686" i="1"/>
  <c r="AF65687" i="1"/>
  <c r="AF65688" i="1"/>
  <c r="AF65689" i="1"/>
  <c r="AF65690" i="1"/>
  <c r="AF65691" i="1"/>
  <c r="AF65692" i="1"/>
  <c r="AF65693" i="1"/>
  <c r="AF65694" i="1"/>
  <c r="AF65695" i="1"/>
  <c r="AF65696" i="1"/>
  <c r="AF65697" i="1"/>
  <c r="AF65698" i="1"/>
  <c r="AF65699" i="1"/>
  <c r="AF65700" i="1"/>
  <c r="AF65701" i="1"/>
  <c r="AF65702" i="1"/>
  <c r="AF65703" i="1"/>
  <c r="AF65704" i="1"/>
  <c r="AF65705" i="1"/>
  <c r="AF65706" i="1"/>
  <c r="AF65707" i="1"/>
  <c r="AF65708" i="1"/>
  <c r="AF65709" i="1"/>
  <c r="AF65710" i="1"/>
  <c r="AF65711" i="1"/>
  <c r="AF65712" i="1"/>
  <c r="AF65713" i="1"/>
  <c r="AF65714" i="1"/>
  <c r="AF65715" i="1"/>
  <c r="AF65716" i="1"/>
  <c r="AF65717" i="1"/>
  <c r="AF65718" i="1"/>
  <c r="AF65719" i="1"/>
  <c r="AF65720" i="1"/>
  <c r="AF65721" i="1"/>
  <c r="AF65722" i="1"/>
  <c r="AF65723" i="1"/>
  <c r="AF65724" i="1"/>
  <c r="AF65725" i="1"/>
  <c r="AF65726" i="1"/>
  <c r="AF65727" i="1"/>
  <c r="AF65728" i="1"/>
  <c r="AF65729" i="1"/>
  <c r="AF65730" i="1"/>
  <c r="AF65731" i="1"/>
  <c r="AF65732" i="1"/>
  <c r="AF65733" i="1"/>
  <c r="AF65734" i="1"/>
  <c r="AF65735" i="1"/>
  <c r="AF65736" i="1"/>
  <c r="AF65737" i="1"/>
  <c r="AF65738" i="1"/>
  <c r="AF65739" i="1"/>
  <c r="AF65740" i="1"/>
  <c r="AF65741" i="1"/>
  <c r="AF65742" i="1"/>
  <c r="AF65743" i="1"/>
  <c r="AF65744" i="1"/>
  <c r="AF65745" i="1"/>
  <c r="AF65746" i="1"/>
  <c r="AF65747" i="1"/>
  <c r="AF65748" i="1"/>
  <c r="AF65749" i="1"/>
  <c r="AF65750" i="1"/>
  <c r="AF65751" i="1"/>
  <c r="AF65752" i="1"/>
  <c r="AF65753" i="1"/>
  <c r="AF65754" i="1"/>
  <c r="AF65755" i="1"/>
  <c r="AF65756" i="1"/>
  <c r="AF65757" i="1"/>
  <c r="AF65758" i="1"/>
  <c r="AF65759" i="1"/>
  <c r="AF65760" i="1"/>
  <c r="AF65761" i="1"/>
  <c r="AF65762" i="1"/>
  <c r="AF65763" i="1"/>
  <c r="AF65764" i="1"/>
  <c r="AF65765" i="1"/>
  <c r="AF65766" i="1"/>
  <c r="AF65767" i="1"/>
  <c r="AF65768" i="1"/>
  <c r="AF65769" i="1"/>
  <c r="AF65770" i="1"/>
  <c r="AF65771" i="1"/>
  <c r="AF65772" i="1"/>
  <c r="AF65773" i="1"/>
  <c r="AF65774" i="1"/>
  <c r="AF65775" i="1"/>
  <c r="AF65776" i="1"/>
  <c r="AF65777" i="1"/>
  <c r="AF65778" i="1"/>
  <c r="AF65779" i="1"/>
  <c r="AF65780" i="1"/>
  <c r="AF65781" i="1"/>
  <c r="AF65782" i="1"/>
  <c r="AF65783" i="1"/>
  <c r="AF65784" i="1"/>
  <c r="AF65785" i="1"/>
  <c r="AF65786" i="1"/>
  <c r="AF65787" i="1"/>
  <c r="AF65788" i="1"/>
  <c r="AF65789" i="1"/>
  <c r="AF65790" i="1"/>
  <c r="AF65791" i="1"/>
  <c r="AF65792" i="1"/>
  <c r="AF65793" i="1"/>
  <c r="AF65794" i="1"/>
  <c r="AF65795" i="1"/>
  <c r="AF65796" i="1"/>
  <c r="AF65797" i="1"/>
  <c r="AF65798" i="1"/>
  <c r="AF65799" i="1"/>
  <c r="AF65800" i="1"/>
  <c r="AF65801" i="1"/>
  <c r="AF65802" i="1"/>
  <c r="AF65803" i="1"/>
  <c r="AF65804" i="1"/>
  <c r="AF65805" i="1"/>
  <c r="AF65806" i="1"/>
  <c r="AF65807" i="1"/>
  <c r="AF65808" i="1"/>
  <c r="AF65809" i="1"/>
  <c r="AF65810" i="1"/>
  <c r="AF65811" i="1"/>
  <c r="AF65812" i="1"/>
  <c r="AF65813" i="1"/>
  <c r="AF65814" i="1"/>
  <c r="AF65815" i="1"/>
  <c r="AF65816" i="1"/>
  <c r="AF65817" i="1"/>
  <c r="AF65818" i="1"/>
  <c r="AF65819" i="1"/>
  <c r="AF65820" i="1"/>
  <c r="AF65821" i="1"/>
  <c r="AF65822" i="1"/>
  <c r="AF65823" i="1"/>
  <c r="AF65824" i="1"/>
  <c r="AF65825" i="1"/>
  <c r="AF65826" i="1"/>
  <c r="AF65827" i="1"/>
  <c r="AF65828" i="1"/>
  <c r="AF65829" i="1"/>
  <c r="AF65830" i="1"/>
  <c r="AF65831" i="1"/>
  <c r="AF65832" i="1"/>
  <c r="AF65833" i="1"/>
  <c r="AF65834" i="1"/>
  <c r="AF65835" i="1"/>
  <c r="AF65836" i="1"/>
  <c r="AF65837" i="1"/>
  <c r="AF65838" i="1"/>
  <c r="AF65839" i="1"/>
  <c r="AF65840" i="1"/>
  <c r="AF65841" i="1"/>
  <c r="AF65842" i="1"/>
  <c r="AF65843" i="1"/>
  <c r="AF65844" i="1"/>
  <c r="AF65845" i="1"/>
  <c r="AF65846" i="1"/>
  <c r="AF65847" i="1"/>
  <c r="AF65848" i="1"/>
  <c r="AF65849" i="1"/>
  <c r="AF65850" i="1"/>
  <c r="AF65851" i="1"/>
  <c r="AF65852" i="1"/>
  <c r="AF65853" i="1"/>
  <c r="AF65854" i="1"/>
  <c r="AF65855" i="1"/>
  <c r="AF65856" i="1"/>
  <c r="AF65857" i="1"/>
  <c r="AF65858" i="1"/>
  <c r="AF65859" i="1"/>
  <c r="AF65860" i="1"/>
  <c r="AF65861" i="1"/>
  <c r="AF65862" i="1"/>
  <c r="AF65863" i="1"/>
  <c r="AF65864" i="1"/>
  <c r="AF65865" i="1"/>
  <c r="AF65866" i="1"/>
  <c r="AF65867" i="1"/>
  <c r="AF65868" i="1"/>
  <c r="AF65869" i="1"/>
  <c r="AF65870" i="1"/>
  <c r="AF65871" i="1"/>
  <c r="AF65872" i="1"/>
  <c r="AF65873" i="1"/>
  <c r="AF65874" i="1"/>
  <c r="AF65875" i="1"/>
  <c r="AF65876" i="1"/>
  <c r="AF65877" i="1"/>
  <c r="AF65878" i="1"/>
  <c r="AF65879" i="1"/>
  <c r="AF65880" i="1"/>
  <c r="AF65881" i="1"/>
  <c r="AF65882" i="1"/>
  <c r="AF65883" i="1"/>
  <c r="AF65884" i="1"/>
  <c r="AF65885" i="1"/>
  <c r="AF65886" i="1"/>
  <c r="AF65887" i="1"/>
  <c r="AF65888" i="1"/>
  <c r="AF65889" i="1"/>
  <c r="AF65890" i="1"/>
  <c r="AF65891" i="1"/>
  <c r="AF65892" i="1"/>
  <c r="AF65893" i="1"/>
  <c r="AF65894" i="1"/>
  <c r="AF65895" i="1"/>
  <c r="AF65896" i="1"/>
  <c r="AF65897" i="1"/>
  <c r="AF65898" i="1"/>
  <c r="AF65899" i="1"/>
  <c r="AF65900" i="1"/>
  <c r="AF65901" i="1"/>
  <c r="AF65902" i="1"/>
  <c r="AF65903" i="1"/>
  <c r="AF65904" i="1"/>
  <c r="AF65905" i="1"/>
  <c r="AF65906" i="1"/>
  <c r="AF65907" i="1"/>
  <c r="AF65908" i="1"/>
  <c r="AF65909" i="1"/>
  <c r="AF65910" i="1"/>
  <c r="AF65911" i="1"/>
  <c r="AF65912" i="1"/>
  <c r="AF65913" i="1"/>
  <c r="AF65914" i="1"/>
  <c r="AF65915" i="1"/>
  <c r="AF65916" i="1"/>
  <c r="AF65917" i="1"/>
  <c r="AF65918" i="1"/>
  <c r="AF65919" i="1"/>
  <c r="AF65920" i="1"/>
  <c r="AF65921" i="1"/>
  <c r="AF65922" i="1"/>
  <c r="AF65923" i="1"/>
  <c r="AF65924" i="1"/>
  <c r="AF65925" i="1"/>
  <c r="AF65926" i="1"/>
  <c r="AF65927" i="1"/>
  <c r="AF65928" i="1"/>
  <c r="AF65929" i="1"/>
  <c r="AF65930" i="1"/>
  <c r="AF65931" i="1"/>
  <c r="AF65932" i="1"/>
  <c r="AF65933" i="1"/>
  <c r="AF65934" i="1"/>
  <c r="AF65935" i="1"/>
  <c r="AF65936" i="1"/>
  <c r="AF65937" i="1"/>
  <c r="AF65938" i="1"/>
  <c r="AF65939" i="1"/>
  <c r="AF65940" i="1"/>
  <c r="AF65941" i="1"/>
  <c r="AF65942" i="1"/>
  <c r="AF65943" i="1"/>
  <c r="AF65944" i="1"/>
  <c r="AF65945" i="1"/>
  <c r="AF65946" i="1"/>
  <c r="AF65947" i="1"/>
  <c r="AF65948" i="1"/>
  <c r="AF65949" i="1"/>
  <c r="AF65950" i="1"/>
  <c r="AF65951" i="1"/>
  <c r="AF65952" i="1"/>
  <c r="AF65953" i="1"/>
  <c r="AF65954" i="1"/>
  <c r="AF65955" i="1"/>
  <c r="AF65956" i="1"/>
  <c r="AF65957" i="1"/>
  <c r="AF65958" i="1"/>
  <c r="AF65959" i="1"/>
  <c r="AF65960" i="1"/>
  <c r="AF65961" i="1"/>
  <c r="AF65962" i="1"/>
  <c r="AF65963" i="1"/>
  <c r="AF65964" i="1"/>
  <c r="AF65965" i="1"/>
  <c r="AF65966" i="1"/>
  <c r="AF65967" i="1"/>
  <c r="AF65968" i="1"/>
  <c r="AF65969" i="1"/>
  <c r="AF65970" i="1"/>
  <c r="AF65971" i="1"/>
  <c r="AF65972" i="1"/>
  <c r="AF65973" i="1"/>
  <c r="AF65974" i="1"/>
  <c r="AF65975" i="1"/>
  <c r="AF65976" i="1"/>
  <c r="AF65977" i="1"/>
  <c r="AF65978" i="1"/>
  <c r="AF65979" i="1"/>
  <c r="AF65980" i="1"/>
  <c r="AF65981" i="1"/>
  <c r="AF65982" i="1"/>
  <c r="AF65983" i="1"/>
  <c r="AF65984" i="1"/>
  <c r="AF65985" i="1"/>
  <c r="AF65986" i="1"/>
  <c r="AF65987" i="1"/>
  <c r="AF65988" i="1"/>
  <c r="AF65989" i="1"/>
  <c r="AF65990" i="1"/>
  <c r="AF65991" i="1"/>
  <c r="AF65992" i="1"/>
  <c r="AF65993" i="1"/>
  <c r="AF65994" i="1"/>
  <c r="AF65995" i="1"/>
  <c r="AF65996" i="1"/>
  <c r="AF65997" i="1"/>
  <c r="AF65998" i="1"/>
  <c r="AF65999" i="1"/>
  <c r="AF66000" i="1"/>
  <c r="AF66001" i="1"/>
  <c r="AF66002" i="1"/>
  <c r="AF66003" i="1"/>
  <c r="AF66004" i="1"/>
  <c r="AF66005" i="1"/>
  <c r="AF66006" i="1"/>
  <c r="AF66007" i="1"/>
  <c r="AF66008" i="1"/>
  <c r="AF66009" i="1"/>
  <c r="AF66010" i="1"/>
  <c r="AF66011" i="1"/>
  <c r="AF66012" i="1"/>
  <c r="AF66013" i="1"/>
  <c r="AF66014" i="1"/>
  <c r="AF66015" i="1"/>
  <c r="AF66016" i="1"/>
  <c r="AF66017" i="1"/>
  <c r="AF66018" i="1"/>
  <c r="AF66019" i="1"/>
  <c r="AF66020" i="1"/>
  <c r="AF66021" i="1"/>
  <c r="AF66022" i="1"/>
  <c r="AF66023" i="1"/>
  <c r="AF66024" i="1"/>
  <c r="AF66025" i="1"/>
  <c r="AF66026" i="1"/>
  <c r="AF66027" i="1"/>
  <c r="AF66028" i="1"/>
  <c r="AF66029" i="1"/>
  <c r="AF66030" i="1"/>
  <c r="AF66031" i="1"/>
  <c r="AF66032" i="1"/>
  <c r="AF66033" i="1"/>
  <c r="AF66034" i="1"/>
  <c r="AF66035" i="1"/>
  <c r="AF66036" i="1"/>
  <c r="AF66037" i="1"/>
  <c r="AF66038" i="1"/>
  <c r="AF66039" i="1"/>
  <c r="AF66040" i="1"/>
  <c r="AF66041" i="1"/>
  <c r="AF66042" i="1"/>
  <c r="AF66043" i="1"/>
  <c r="AF66044" i="1"/>
  <c r="AF66045" i="1"/>
  <c r="AF66046" i="1"/>
  <c r="AF66047" i="1"/>
  <c r="AF66048" i="1"/>
  <c r="AF66049" i="1"/>
  <c r="AF66050" i="1"/>
  <c r="AF66051" i="1"/>
  <c r="AF66052" i="1"/>
  <c r="AF66053" i="1"/>
  <c r="AF66054" i="1"/>
  <c r="AF66055" i="1"/>
  <c r="AF66056" i="1"/>
  <c r="AF66057" i="1"/>
  <c r="AF66058" i="1"/>
  <c r="AF66059" i="1"/>
  <c r="AF66060" i="1"/>
  <c r="AF66061" i="1"/>
  <c r="AF66062" i="1"/>
  <c r="AF66063" i="1"/>
  <c r="AF66064" i="1"/>
  <c r="AF66065" i="1"/>
  <c r="AF66066" i="1"/>
  <c r="AF66067" i="1"/>
  <c r="AF66068" i="1"/>
  <c r="AF66069" i="1"/>
  <c r="AF66070" i="1"/>
  <c r="AF66071" i="1"/>
  <c r="AF66072" i="1"/>
  <c r="AF66073" i="1"/>
  <c r="AF66074" i="1"/>
  <c r="AF66075" i="1"/>
  <c r="AF66076" i="1"/>
  <c r="AF66077" i="1"/>
  <c r="AF66078" i="1"/>
  <c r="AF66079" i="1"/>
  <c r="AF66080" i="1"/>
  <c r="AF66081" i="1"/>
  <c r="AF66082" i="1"/>
  <c r="AF66083" i="1"/>
  <c r="AF66084" i="1"/>
  <c r="AF66085" i="1"/>
  <c r="AF66086" i="1"/>
  <c r="AF66087" i="1"/>
  <c r="AF66088" i="1"/>
  <c r="AF66089" i="1"/>
  <c r="AF66090" i="1"/>
  <c r="AF66091" i="1"/>
  <c r="AF66092" i="1"/>
  <c r="AF66093" i="1"/>
  <c r="AF66094" i="1"/>
  <c r="AF66095" i="1"/>
  <c r="AF66096" i="1"/>
  <c r="AF66097" i="1"/>
  <c r="AF66098" i="1"/>
  <c r="AF66099" i="1"/>
  <c r="AF66100" i="1"/>
  <c r="AF66101" i="1"/>
  <c r="AF66102" i="1"/>
  <c r="AF66103" i="1"/>
  <c r="AF66104" i="1"/>
  <c r="AF66105" i="1"/>
  <c r="AF66106" i="1"/>
  <c r="AF66107" i="1"/>
  <c r="AF66108" i="1"/>
  <c r="AF66109" i="1"/>
  <c r="AF66110" i="1"/>
  <c r="AF66111" i="1"/>
  <c r="AF66112" i="1"/>
  <c r="AF66113" i="1"/>
  <c r="AF66114" i="1"/>
  <c r="AF66115" i="1"/>
  <c r="AF66116" i="1"/>
  <c r="AF66117" i="1"/>
  <c r="AF66118" i="1"/>
  <c r="AF66119" i="1"/>
  <c r="AF66120" i="1"/>
  <c r="AF66121" i="1"/>
  <c r="AF66122" i="1"/>
  <c r="AF66123" i="1"/>
  <c r="AF66124" i="1"/>
  <c r="AF66125" i="1"/>
  <c r="AF66126" i="1"/>
  <c r="AF66127" i="1"/>
  <c r="AF66128" i="1"/>
  <c r="AF66129" i="1"/>
  <c r="AF66130" i="1"/>
  <c r="AF66131" i="1"/>
  <c r="AF66132" i="1"/>
  <c r="AF66133" i="1"/>
  <c r="AF66134" i="1"/>
  <c r="AF66135" i="1"/>
  <c r="AF66136" i="1"/>
  <c r="AF66137" i="1"/>
  <c r="AF66138" i="1"/>
  <c r="AF66139" i="1"/>
  <c r="AF66140" i="1"/>
  <c r="AF66141" i="1"/>
  <c r="AF66142" i="1"/>
  <c r="AF66143" i="1"/>
  <c r="AF66144" i="1"/>
  <c r="AF66145" i="1"/>
  <c r="AF66146" i="1"/>
  <c r="AF66147" i="1"/>
  <c r="AF66148" i="1"/>
  <c r="AF66149" i="1"/>
  <c r="AF66150" i="1"/>
  <c r="AF66151" i="1"/>
  <c r="AF66152" i="1"/>
  <c r="AF66153" i="1"/>
  <c r="AF66154" i="1"/>
  <c r="AF66155" i="1"/>
  <c r="AF66156" i="1"/>
  <c r="AF66157" i="1"/>
  <c r="AF66158" i="1"/>
  <c r="AF66159" i="1"/>
  <c r="AF66160" i="1"/>
  <c r="AF66161" i="1"/>
  <c r="AF66162" i="1"/>
  <c r="AF66163" i="1"/>
  <c r="AF66164" i="1"/>
  <c r="AF66165" i="1"/>
  <c r="AF66166" i="1"/>
  <c r="AF66167" i="1"/>
  <c r="AF66168" i="1"/>
  <c r="AF66169" i="1"/>
  <c r="AF66170" i="1"/>
  <c r="AF66171" i="1"/>
  <c r="AF66172" i="1"/>
  <c r="AF66173" i="1"/>
  <c r="AF66174" i="1"/>
  <c r="AF66175" i="1"/>
  <c r="AF66176" i="1"/>
  <c r="AF66177" i="1"/>
  <c r="AF66178" i="1"/>
  <c r="AF66179" i="1"/>
  <c r="AF66180" i="1"/>
  <c r="AF66181" i="1"/>
  <c r="AF66182" i="1"/>
  <c r="AF66183" i="1"/>
  <c r="AF66184" i="1"/>
  <c r="AF66185" i="1"/>
  <c r="AF66186" i="1"/>
  <c r="AF66187" i="1"/>
  <c r="AF66188" i="1"/>
  <c r="AF66189" i="1"/>
  <c r="AF66190" i="1"/>
  <c r="AF66191" i="1"/>
  <c r="AF66192" i="1"/>
  <c r="AF66193" i="1"/>
  <c r="AF66194" i="1"/>
  <c r="AF66195" i="1"/>
  <c r="AF66196" i="1"/>
  <c r="AF66197" i="1"/>
  <c r="AF66198" i="1"/>
  <c r="AF66199" i="1"/>
  <c r="AF66200" i="1"/>
  <c r="AF66201" i="1"/>
  <c r="AF66202" i="1"/>
  <c r="AF66203" i="1"/>
  <c r="AF66204" i="1"/>
  <c r="AF66205" i="1"/>
  <c r="AF66206" i="1"/>
  <c r="AF66207" i="1"/>
  <c r="AF66208" i="1"/>
  <c r="AF66209" i="1"/>
  <c r="AF66210" i="1"/>
  <c r="AF66211" i="1"/>
  <c r="AF66212" i="1"/>
  <c r="AF66213" i="1"/>
  <c r="AF66214" i="1"/>
  <c r="AF66215" i="1"/>
  <c r="AF66216" i="1"/>
  <c r="AF66217" i="1"/>
  <c r="AF66218" i="1"/>
  <c r="AF66219" i="1"/>
  <c r="AF66220" i="1"/>
  <c r="AF66221" i="1"/>
  <c r="AF66222" i="1"/>
  <c r="AF66223" i="1"/>
  <c r="AF66224" i="1"/>
  <c r="AF66225" i="1"/>
  <c r="AF66226" i="1"/>
  <c r="AF66227" i="1"/>
  <c r="AF66228" i="1"/>
  <c r="AF66229" i="1"/>
  <c r="AF66230" i="1"/>
  <c r="AF66231" i="1"/>
  <c r="AF66232" i="1"/>
  <c r="AF66233" i="1"/>
  <c r="AF66234" i="1"/>
  <c r="AF66235" i="1"/>
  <c r="AF66236" i="1"/>
  <c r="AF66237" i="1"/>
  <c r="AF66238" i="1"/>
  <c r="AF66239" i="1"/>
  <c r="AF66240" i="1"/>
  <c r="AF66241" i="1"/>
  <c r="AF66242" i="1"/>
  <c r="AF66243" i="1"/>
  <c r="AF66244" i="1"/>
  <c r="AF66245" i="1"/>
  <c r="AF66246" i="1"/>
  <c r="AF66247" i="1"/>
  <c r="AF66248" i="1"/>
  <c r="AF66249" i="1"/>
  <c r="AF66250" i="1"/>
  <c r="AF66251" i="1"/>
  <c r="AF66252" i="1"/>
  <c r="AF66253" i="1"/>
  <c r="AF66254" i="1"/>
  <c r="AF66255" i="1"/>
  <c r="AF66256" i="1"/>
  <c r="AF66257" i="1"/>
  <c r="AF66258" i="1"/>
  <c r="AF66259" i="1"/>
  <c r="AF66260" i="1"/>
  <c r="AF66261" i="1"/>
  <c r="AF66262" i="1"/>
  <c r="AF66263" i="1"/>
  <c r="AF66264" i="1"/>
  <c r="AF66265" i="1"/>
  <c r="AF66266" i="1"/>
  <c r="AF66267" i="1"/>
  <c r="AF66268" i="1"/>
  <c r="AF66269" i="1"/>
  <c r="AF66270" i="1"/>
  <c r="AF66271" i="1"/>
  <c r="AF66272" i="1"/>
  <c r="AF66273" i="1"/>
  <c r="AF66274" i="1"/>
  <c r="AF66275" i="1"/>
  <c r="AF66276" i="1"/>
  <c r="AF66277" i="1"/>
  <c r="AF66278" i="1"/>
  <c r="AF66279" i="1"/>
  <c r="AF66280" i="1"/>
  <c r="AF66281" i="1"/>
  <c r="AF66282" i="1"/>
  <c r="AF66283" i="1"/>
  <c r="AF66284" i="1"/>
  <c r="AF66285" i="1"/>
  <c r="AF66286" i="1"/>
  <c r="AF66287" i="1"/>
  <c r="AF66288" i="1"/>
  <c r="AF66289" i="1"/>
  <c r="AF66290" i="1"/>
  <c r="AF66291" i="1"/>
  <c r="AF66292" i="1"/>
  <c r="AF66293" i="1"/>
  <c r="AF66294" i="1"/>
  <c r="AF66295" i="1"/>
  <c r="AF66296" i="1"/>
  <c r="AF66297" i="1"/>
  <c r="AF66298" i="1"/>
  <c r="AF66299" i="1"/>
  <c r="AF66300" i="1"/>
  <c r="AF66301" i="1"/>
  <c r="AF66302" i="1"/>
  <c r="AF66303" i="1"/>
  <c r="AF66304" i="1"/>
  <c r="AF66305" i="1"/>
  <c r="AF66306" i="1"/>
  <c r="AF66307" i="1"/>
  <c r="AF66308" i="1"/>
  <c r="AF66309" i="1"/>
  <c r="AF66310" i="1"/>
  <c r="AF66311" i="1"/>
  <c r="AF66312" i="1"/>
  <c r="AF66313" i="1"/>
  <c r="AF66314" i="1"/>
  <c r="AF66315" i="1"/>
  <c r="AF66316" i="1"/>
  <c r="AF66317" i="1"/>
  <c r="AF66318" i="1"/>
  <c r="AF66319" i="1"/>
  <c r="AF66320" i="1"/>
  <c r="AF66321" i="1"/>
  <c r="AF66322" i="1"/>
  <c r="AF66323" i="1"/>
  <c r="AF66324" i="1"/>
  <c r="AF66325" i="1"/>
  <c r="AF66326" i="1"/>
  <c r="AF66327" i="1"/>
  <c r="AF66328" i="1"/>
  <c r="AF66329" i="1"/>
  <c r="AF66330" i="1"/>
  <c r="AF66331" i="1"/>
  <c r="AF66332" i="1"/>
  <c r="AF66333" i="1"/>
  <c r="AF66334" i="1"/>
  <c r="AF66335" i="1"/>
  <c r="AF66336" i="1"/>
  <c r="AF66337" i="1"/>
  <c r="AF66338" i="1"/>
  <c r="AF66339" i="1"/>
  <c r="AF66340" i="1"/>
  <c r="AF66341" i="1"/>
  <c r="AF66342" i="1"/>
  <c r="AF66343" i="1"/>
  <c r="AF66344" i="1"/>
  <c r="AF66345" i="1"/>
  <c r="AF66346" i="1"/>
  <c r="AF66347" i="1"/>
  <c r="AF66348" i="1"/>
  <c r="AF66349" i="1"/>
  <c r="AF66350" i="1"/>
  <c r="AF66351" i="1"/>
  <c r="AF66352" i="1"/>
  <c r="AF66353" i="1"/>
  <c r="AF66354" i="1"/>
  <c r="AF66355" i="1"/>
  <c r="AF66356" i="1"/>
  <c r="AF66357" i="1"/>
  <c r="AF66358" i="1"/>
  <c r="AF66359" i="1"/>
  <c r="AF66360" i="1"/>
  <c r="AF66361" i="1"/>
  <c r="AF66362" i="1"/>
  <c r="AF66363" i="1"/>
  <c r="AF66364" i="1"/>
  <c r="AF66365" i="1"/>
  <c r="AF66366" i="1"/>
  <c r="AF66367" i="1"/>
  <c r="AF66368" i="1"/>
  <c r="AF66369" i="1"/>
  <c r="AF66370" i="1"/>
  <c r="AF66371" i="1"/>
  <c r="AF66372" i="1"/>
  <c r="AF66373" i="1"/>
  <c r="AF66374" i="1"/>
  <c r="AF66375" i="1"/>
  <c r="AF66376" i="1"/>
  <c r="AF66377" i="1"/>
  <c r="AF66378" i="1"/>
  <c r="AF66379" i="1"/>
  <c r="AF66380" i="1"/>
  <c r="AF66381" i="1"/>
  <c r="AF66382" i="1"/>
  <c r="AF66383" i="1"/>
  <c r="AF66384" i="1"/>
  <c r="AF66385" i="1"/>
  <c r="AF66386" i="1"/>
  <c r="AF66387" i="1"/>
  <c r="AF66388" i="1"/>
  <c r="AF66389" i="1"/>
  <c r="AF66390" i="1"/>
  <c r="AF66391" i="1"/>
  <c r="AF66392" i="1"/>
  <c r="AF66393" i="1"/>
  <c r="AF66394" i="1"/>
  <c r="AF66395" i="1"/>
  <c r="AF66396" i="1"/>
  <c r="AF66397" i="1"/>
  <c r="AF66398" i="1"/>
  <c r="AF66399" i="1"/>
  <c r="AF66400" i="1"/>
  <c r="AF66401" i="1"/>
  <c r="AF66402" i="1"/>
  <c r="AF66403" i="1"/>
  <c r="AF66404" i="1"/>
  <c r="AF66405" i="1"/>
  <c r="AF66406" i="1"/>
  <c r="AF66407" i="1"/>
  <c r="AF66408" i="1"/>
  <c r="AF66409" i="1"/>
  <c r="AF66410" i="1"/>
  <c r="AF66411" i="1"/>
  <c r="AF66412" i="1"/>
  <c r="AF66413" i="1"/>
  <c r="AF66414" i="1"/>
  <c r="AF66415" i="1"/>
  <c r="AF66416" i="1"/>
  <c r="AF66417" i="1"/>
  <c r="AF66418" i="1"/>
  <c r="AF66419" i="1"/>
  <c r="AF66420" i="1"/>
  <c r="AF66421" i="1"/>
  <c r="AF66422" i="1"/>
  <c r="AF66423" i="1"/>
  <c r="AF66424" i="1"/>
  <c r="AF66425" i="1"/>
  <c r="AF66426" i="1"/>
  <c r="AF66427" i="1"/>
  <c r="AF66428" i="1"/>
  <c r="AF66429" i="1"/>
  <c r="AF66430" i="1"/>
  <c r="AF66431" i="1"/>
  <c r="AF66432" i="1"/>
  <c r="AF66433" i="1"/>
  <c r="AF66434" i="1"/>
  <c r="AF66435" i="1"/>
  <c r="AF66436" i="1"/>
  <c r="AF66437" i="1"/>
  <c r="AF66438" i="1"/>
  <c r="AF66439" i="1"/>
  <c r="AF66440" i="1"/>
  <c r="AF66441" i="1"/>
  <c r="AF66442" i="1"/>
  <c r="AF66443" i="1"/>
  <c r="AF66444" i="1"/>
  <c r="AF66445" i="1"/>
  <c r="AF66446" i="1"/>
  <c r="AF66447" i="1"/>
  <c r="AF66448" i="1"/>
  <c r="AF66449" i="1"/>
  <c r="AF66450" i="1"/>
  <c r="AF66451" i="1"/>
  <c r="AF66452" i="1"/>
  <c r="AF66453" i="1"/>
  <c r="AF66454" i="1"/>
  <c r="AF66455" i="1"/>
  <c r="AF66456" i="1"/>
  <c r="AF66457" i="1"/>
  <c r="AF66458" i="1"/>
  <c r="AF66459" i="1"/>
  <c r="AF66460" i="1"/>
  <c r="AF66461" i="1"/>
  <c r="AF66462" i="1"/>
  <c r="AF66463" i="1"/>
  <c r="AF66464" i="1"/>
  <c r="AF66465" i="1"/>
  <c r="AF66466" i="1"/>
  <c r="AF66467" i="1"/>
  <c r="AF66468" i="1"/>
  <c r="AF66469" i="1"/>
  <c r="AF66470" i="1"/>
  <c r="AF66471" i="1"/>
  <c r="AF66472" i="1"/>
  <c r="AF66473" i="1"/>
  <c r="AF66474" i="1"/>
  <c r="AF66475" i="1"/>
  <c r="AF66476" i="1"/>
  <c r="AF66477" i="1"/>
  <c r="AF66478" i="1"/>
  <c r="AF66479" i="1"/>
  <c r="AF66480" i="1"/>
  <c r="AF66481" i="1"/>
  <c r="AF66482" i="1"/>
  <c r="AF66483" i="1"/>
  <c r="AF66484" i="1"/>
  <c r="AF66485" i="1"/>
  <c r="AF66486" i="1"/>
  <c r="AF66487" i="1"/>
  <c r="AF66488" i="1"/>
  <c r="AF66489" i="1"/>
  <c r="AF66490" i="1"/>
  <c r="AF66491" i="1"/>
  <c r="AF66492" i="1"/>
  <c r="AF66493" i="1"/>
  <c r="AF66494" i="1"/>
  <c r="AF66495" i="1"/>
  <c r="AF66496" i="1"/>
  <c r="AF66497" i="1"/>
  <c r="AF66498" i="1"/>
  <c r="AF66499" i="1"/>
  <c r="AF66500" i="1"/>
  <c r="AF66501" i="1"/>
  <c r="AF66502" i="1"/>
  <c r="AF66503" i="1"/>
  <c r="AF66504" i="1"/>
  <c r="AF66505" i="1"/>
  <c r="AF66506" i="1"/>
  <c r="AF66507" i="1"/>
  <c r="AF66508" i="1"/>
  <c r="AF66509" i="1"/>
  <c r="AF66510" i="1"/>
  <c r="AF66511" i="1"/>
  <c r="AF66512" i="1"/>
  <c r="AF66513" i="1"/>
  <c r="AF66514" i="1"/>
  <c r="AF66515" i="1"/>
  <c r="AF66516" i="1"/>
  <c r="AF66517" i="1"/>
  <c r="AF66518" i="1"/>
  <c r="AF66519" i="1"/>
  <c r="AF66520" i="1"/>
  <c r="AF66521" i="1"/>
  <c r="AF66522" i="1"/>
  <c r="AF66523" i="1"/>
  <c r="AF66524" i="1"/>
  <c r="AF66525" i="1"/>
  <c r="AF66526" i="1"/>
  <c r="AF66527" i="1"/>
  <c r="AF66528" i="1"/>
  <c r="AF66529" i="1"/>
  <c r="AF66530" i="1"/>
  <c r="AF66531" i="1"/>
  <c r="AF66532" i="1"/>
  <c r="AF66533" i="1"/>
  <c r="AF66534" i="1"/>
  <c r="AF66535" i="1"/>
  <c r="AF66536" i="1"/>
  <c r="AF66537" i="1"/>
  <c r="AF66538" i="1"/>
  <c r="AF66539" i="1"/>
  <c r="AF66540" i="1"/>
  <c r="AF66541" i="1"/>
  <c r="AF66542" i="1"/>
  <c r="AF66543" i="1"/>
  <c r="AF66544" i="1"/>
  <c r="AF66545" i="1"/>
  <c r="AF66546" i="1"/>
  <c r="AF66547" i="1"/>
  <c r="AF66548" i="1"/>
  <c r="AF66549" i="1"/>
  <c r="AF66550" i="1"/>
  <c r="AF66551" i="1"/>
  <c r="AF66552" i="1"/>
  <c r="AF66553" i="1"/>
  <c r="AF66554" i="1"/>
  <c r="AF66555" i="1"/>
  <c r="AF66556" i="1"/>
  <c r="AF66557" i="1"/>
  <c r="AF66558" i="1"/>
  <c r="AF66559" i="1"/>
  <c r="AF66560" i="1"/>
  <c r="AF66561" i="1"/>
  <c r="AF66562" i="1"/>
  <c r="AF66563" i="1"/>
  <c r="AF66564" i="1"/>
  <c r="AF66565" i="1"/>
  <c r="AF66566" i="1"/>
  <c r="AF66567" i="1"/>
  <c r="AF66568" i="1"/>
  <c r="AF66569" i="1"/>
  <c r="AF66570" i="1"/>
  <c r="AF66571" i="1"/>
  <c r="AF66572" i="1"/>
  <c r="AF66573" i="1"/>
  <c r="AF66574" i="1"/>
  <c r="AF66575" i="1"/>
  <c r="AF66576" i="1"/>
  <c r="AF66577" i="1"/>
  <c r="AF66578" i="1"/>
  <c r="AF66579" i="1"/>
  <c r="AF66580" i="1"/>
  <c r="AF66581" i="1"/>
  <c r="AF66582" i="1"/>
  <c r="AF66583" i="1"/>
  <c r="AF66584" i="1"/>
  <c r="AF66585" i="1"/>
  <c r="AF66586" i="1"/>
  <c r="AF66587" i="1"/>
  <c r="AF66588" i="1"/>
  <c r="AF66589" i="1"/>
  <c r="AF66590" i="1"/>
  <c r="AF66591" i="1"/>
  <c r="AF66592" i="1"/>
  <c r="AF66593" i="1"/>
  <c r="AF66594" i="1"/>
  <c r="AF66595" i="1"/>
  <c r="AF66596" i="1"/>
  <c r="AF66597" i="1"/>
  <c r="AF66598" i="1"/>
  <c r="AF66599" i="1"/>
  <c r="AF66600" i="1"/>
  <c r="AF66601" i="1"/>
  <c r="AF66602" i="1"/>
  <c r="AF66603" i="1"/>
  <c r="AF66604" i="1"/>
  <c r="AF66605" i="1"/>
  <c r="AF66606" i="1"/>
  <c r="AF66607" i="1"/>
  <c r="AF66608" i="1"/>
  <c r="AF66609" i="1"/>
  <c r="AF66610" i="1"/>
  <c r="AF66611" i="1"/>
  <c r="AF66612" i="1"/>
  <c r="AF66613" i="1"/>
  <c r="AF66614" i="1"/>
  <c r="AF66615" i="1"/>
  <c r="AF66616" i="1"/>
  <c r="AF66617" i="1"/>
  <c r="AF66618" i="1"/>
  <c r="AF66619" i="1"/>
  <c r="AF66620" i="1"/>
  <c r="AF66621" i="1"/>
  <c r="AF66622" i="1"/>
  <c r="AF66623" i="1"/>
  <c r="AF66624" i="1"/>
  <c r="AF66625" i="1"/>
  <c r="AF66626" i="1"/>
  <c r="AF66627" i="1"/>
  <c r="AF66628" i="1"/>
  <c r="AF66629" i="1"/>
  <c r="AF66630" i="1"/>
  <c r="AF66631" i="1"/>
  <c r="AF66632" i="1"/>
  <c r="AF66633" i="1"/>
  <c r="AF66634" i="1"/>
  <c r="AF66635" i="1"/>
  <c r="AF66636" i="1"/>
  <c r="AF66637" i="1"/>
  <c r="AF66638" i="1"/>
  <c r="AF66639" i="1"/>
  <c r="AF66640" i="1"/>
  <c r="AF66641" i="1"/>
  <c r="AF66642" i="1"/>
  <c r="AF66643" i="1"/>
  <c r="AF66644" i="1"/>
  <c r="AF66645" i="1"/>
  <c r="AF66646" i="1"/>
  <c r="AF66647" i="1"/>
  <c r="AF66648" i="1"/>
  <c r="AF66649" i="1"/>
  <c r="AF66650" i="1"/>
  <c r="AF66651" i="1"/>
  <c r="AF66652" i="1"/>
  <c r="AF66653" i="1"/>
  <c r="AF66654" i="1"/>
  <c r="AF66655" i="1"/>
  <c r="AF66656" i="1"/>
  <c r="AF66657" i="1"/>
  <c r="AF66658" i="1"/>
  <c r="AF66659" i="1"/>
  <c r="AF66660" i="1"/>
  <c r="AF66661" i="1"/>
  <c r="AF66662" i="1"/>
  <c r="AF66663" i="1"/>
  <c r="AF66664" i="1"/>
  <c r="AF66665" i="1"/>
  <c r="AF66666" i="1"/>
  <c r="AF66667" i="1"/>
  <c r="AF66668" i="1"/>
  <c r="AF66669" i="1"/>
  <c r="AF66670" i="1"/>
  <c r="AF66671" i="1"/>
  <c r="AF66672" i="1"/>
  <c r="AF66673" i="1"/>
  <c r="AF66674" i="1"/>
  <c r="AF66675" i="1"/>
  <c r="AF66676" i="1"/>
  <c r="AF66677" i="1"/>
  <c r="AF66678" i="1"/>
  <c r="AF66679" i="1"/>
  <c r="AF66680" i="1"/>
  <c r="AF66681" i="1"/>
  <c r="AF66682" i="1"/>
  <c r="AF66683" i="1"/>
  <c r="AF66684" i="1"/>
  <c r="AF66685" i="1"/>
  <c r="AF66686" i="1"/>
  <c r="AF66687" i="1"/>
  <c r="AF66688" i="1"/>
  <c r="AF66689" i="1"/>
  <c r="AF66690" i="1"/>
  <c r="AF66691" i="1"/>
  <c r="AF66692" i="1"/>
  <c r="AF66693" i="1"/>
  <c r="AF66694" i="1"/>
  <c r="AF66695" i="1"/>
  <c r="AF66696" i="1"/>
  <c r="AF66697" i="1"/>
  <c r="AF66698" i="1"/>
  <c r="AF66699" i="1"/>
  <c r="AF66700" i="1"/>
  <c r="AF66701" i="1"/>
  <c r="AF66702" i="1"/>
  <c r="AF66703" i="1"/>
  <c r="AF66704" i="1"/>
  <c r="AF66705" i="1"/>
  <c r="AF66706" i="1"/>
  <c r="AF66707" i="1"/>
  <c r="AF66708" i="1"/>
  <c r="AF66709" i="1"/>
  <c r="AF66710" i="1"/>
  <c r="AF66711" i="1"/>
  <c r="AF66712" i="1"/>
  <c r="AF66713" i="1"/>
  <c r="AF66714" i="1"/>
  <c r="AF66715" i="1"/>
  <c r="AF66716" i="1"/>
  <c r="AF66717" i="1"/>
  <c r="AF66718" i="1"/>
  <c r="AF66719" i="1"/>
  <c r="AF66720" i="1"/>
  <c r="AF66721" i="1"/>
  <c r="AF66722" i="1"/>
  <c r="AF66723" i="1"/>
  <c r="AF66724" i="1"/>
  <c r="AF66725" i="1"/>
  <c r="AF66726" i="1"/>
  <c r="AF66727" i="1"/>
  <c r="AF66728" i="1"/>
  <c r="AF66729" i="1"/>
  <c r="AF66730" i="1"/>
  <c r="AF66731" i="1"/>
  <c r="AF66732" i="1"/>
  <c r="AF66733" i="1"/>
  <c r="AF66734" i="1"/>
  <c r="AF66735" i="1"/>
  <c r="AF66736" i="1"/>
  <c r="AF66737" i="1"/>
  <c r="AF66738" i="1"/>
  <c r="AF66739" i="1"/>
  <c r="AF66740" i="1"/>
  <c r="AF66741" i="1"/>
  <c r="AF66742" i="1"/>
  <c r="AF66743" i="1"/>
  <c r="AF66744" i="1"/>
  <c r="AF66745" i="1"/>
  <c r="AF66746" i="1"/>
  <c r="AF66747" i="1"/>
  <c r="AF66748" i="1"/>
  <c r="AF66749" i="1"/>
  <c r="AF66750" i="1"/>
  <c r="AF66751" i="1"/>
  <c r="AF66752" i="1"/>
  <c r="AF66753" i="1"/>
  <c r="AF66754" i="1"/>
  <c r="AF66755" i="1"/>
  <c r="AF66756" i="1"/>
  <c r="AF66757" i="1"/>
  <c r="AF66758" i="1"/>
  <c r="AF66759" i="1"/>
  <c r="AF66760" i="1"/>
  <c r="AF66761" i="1"/>
  <c r="AF66762" i="1"/>
  <c r="AF66763" i="1"/>
  <c r="AF66764" i="1"/>
  <c r="AF66765" i="1"/>
  <c r="AF66766" i="1"/>
  <c r="AF66767" i="1"/>
  <c r="AF66768" i="1"/>
  <c r="AF66769" i="1"/>
  <c r="AF66770" i="1"/>
  <c r="AF66771" i="1"/>
  <c r="AF66772" i="1"/>
  <c r="AF66773" i="1"/>
  <c r="AF66774" i="1"/>
  <c r="AF66775" i="1"/>
  <c r="AF66776" i="1"/>
  <c r="AF66777" i="1"/>
  <c r="AF66778" i="1"/>
  <c r="AF66779" i="1"/>
  <c r="AF66780" i="1"/>
  <c r="AF66781" i="1"/>
  <c r="AF66782" i="1"/>
  <c r="AF66783" i="1"/>
  <c r="AF66784" i="1"/>
  <c r="AF66785" i="1"/>
  <c r="AF66786" i="1"/>
  <c r="AF66787" i="1"/>
  <c r="AF66788" i="1"/>
  <c r="AF66789" i="1"/>
  <c r="AF66790" i="1"/>
  <c r="AF66791" i="1"/>
  <c r="AF66792" i="1"/>
  <c r="AF66793" i="1"/>
  <c r="AF66794" i="1"/>
  <c r="AF66795" i="1"/>
  <c r="AF66796" i="1"/>
  <c r="AF66797" i="1"/>
  <c r="AF66798" i="1"/>
  <c r="AF66799" i="1"/>
  <c r="AF66800" i="1"/>
  <c r="AF66801" i="1"/>
  <c r="AF66802" i="1"/>
  <c r="AF66803" i="1"/>
  <c r="AF66804" i="1"/>
  <c r="AF66805" i="1"/>
  <c r="AF66806" i="1"/>
  <c r="AF66807" i="1"/>
  <c r="AF66808" i="1"/>
  <c r="AF66809" i="1"/>
  <c r="AF66810" i="1"/>
  <c r="AF66811" i="1"/>
  <c r="AF66812" i="1"/>
  <c r="AF66813" i="1"/>
  <c r="AF66814" i="1"/>
  <c r="AF66815" i="1"/>
  <c r="AF66816" i="1"/>
  <c r="AF66817" i="1"/>
  <c r="AF66818" i="1"/>
  <c r="AF66819" i="1"/>
  <c r="AF66820" i="1"/>
  <c r="AF66821" i="1"/>
  <c r="AF66822" i="1"/>
  <c r="AF66823" i="1"/>
  <c r="AF66824" i="1"/>
  <c r="AF66825" i="1"/>
  <c r="AF66826" i="1"/>
  <c r="AF66827" i="1"/>
  <c r="AF66828" i="1"/>
  <c r="AF66829" i="1"/>
  <c r="AF66830" i="1"/>
  <c r="AF66831" i="1"/>
  <c r="AF66832" i="1"/>
  <c r="AF66833" i="1"/>
  <c r="AF66834" i="1"/>
  <c r="AF66835" i="1"/>
  <c r="AF66836" i="1"/>
  <c r="AF66837" i="1"/>
  <c r="AF66838" i="1"/>
  <c r="AF66839" i="1"/>
  <c r="AF66840" i="1"/>
  <c r="AF66841" i="1"/>
  <c r="AF66842" i="1"/>
  <c r="AF66843" i="1"/>
  <c r="AF66844" i="1"/>
  <c r="AF66845" i="1"/>
  <c r="AF66846" i="1"/>
  <c r="AF66847" i="1"/>
  <c r="AF66848" i="1"/>
  <c r="AF66849" i="1"/>
  <c r="AF66850" i="1"/>
  <c r="AF66851" i="1"/>
  <c r="AF66852" i="1"/>
  <c r="AF66853" i="1"/>
  <c r="AF66854" i="1"/>
  <c r="AF66855" i="1"/>
  <c r="AF66856" i="1"/>
  <c r="AF66857" i="1"/>
  <c r="AF66858" i="1"/>
  <c r="AF66859" i="1"/>
  <c r="AF66860" i="1"/>
  <c r="AF66861" i="1"/>
  <c r="AF66862" i="1"/>
  <c r="AF66863" i="1"/>
  <c r="AF66864" i="1"/>
  <c r="AF66865" i="1"/>
  <c r="AF66866" i="1"/>
  <c r="AF66867" i="1"/>
  <c r="AF66868" i="1"/>
  <c r="AF66869" i="1"/>
  <c r="AF66870" i="1"/>
  <c r="AF66871" i="1"/>
  <c r="AF66872" i="1"/>
  <c r="AF66873" i="1"/>
  <c r="AF66874" i="1"/>
  <c r="AF66875" i="1"/>
  <c r="AF66876" i="1"/>
  <c r="AF66877" i="1"/>
  <c r="AF66878" i="1"/>
  <c r="AF66879" i="1"/>
  <c r="AF66880" i="1"/>
  <c r="AF66881" i="1"/>
  <c r="AF66882" i="1"/>
  <c r="AF66883" i="1"/>
  <c r="AF66884" i="1"/>
  <c r="AF66885" i="1"/>
  <c r="AF66886" i="1"/>
  <c r="AF66887" i="1"/>
  <c r="AF66888" i="1"/>
  <c r="AF66889" i="1"/>
  <c r="AF66890" i="1"/>
  <c r="AF66891" i="1"/>
  <c r="AF66892" i="1"/>
  <c r="AF66893" i="1"/>
  <c r="AF66894" i="1"/>
  <c r="AF66895" i="1"/>
  <c r="AF66896" i="1"/>
  <c r="AF66897" i="1"/>
  <c r="AF66898" i="1"/>
  <c r="AF66899" i="1"/>
  <c r="AF66900" i="1"/>
  <c r="AF66901" i="1"/>
  <c r="AF66902" i="1"/>
  <c r="AF66903" i="1"/>
  <c r="AF66904" i="1"/>
  <c r="AF66905" i="1"/>
  <c r="AF66906" i="1"/>
  <c r="AF66907" i="1"/>
  <c r="AF66908" i="1"/>
  <c r="AF66909" i="1"/>
  <c r="AF66910" i="1"/>
  <c r="AF66911" i="1"/>
  <c r="AF66912" i="1"/>
  <c r="AF66913" i="1"/>
  <c r="AF66914" i="1"/>
  <c r="AF66915" i="1"/>
  <c r="AF66916" i="1"/>
  <c r="AF66917" i="1"/>
  <c r="AF66918" i="1"/>
  <c r="AF66919" i="1"/>
  <c r="AF66920" i="1"/>
  <c r="AF66921" i="1"/>
  <c r="AF66922" i="1"/>
  <c r="AF66923" i="1"/>
  <c r="AF66924" i="1"/>
  <c r="AF66925" i="1"/>
  <c r="AF66926" i="1"/>
  <c r="AF66927" i="1"/>
  <c r="AF66928" i="1"/>
  <c r="AF66929" i="1"/>
  <c r="AF66930" i="1"/>
  <c r="AF66931" i="1"/>
  <c r="AF66932" i="1"/>
  <c r="AF66933" i="1"/>
  <c r="AF66934" i="1"/>
  <c r="AF66935" i="1"/>
  <c r="AF66936" i="1"/>
  <c r="AF66937" i="1"/>
  <c r="AF66938" i="1"/>
  <c r="AF66939" i="1"/>
  <c r="AF66940" i="1"/>
  <c r="AF66941" i="1"/>
  <c r="AF66942" i="1"/>
  <c r="AF66943" i="1"/>
  <c r="AF66944" i="1"/>
  <c r="AF66945" i="1"/>
  <c r="AF66946" i="1"/>
  <c r="AF66947" i="1"/>
  <c r="AF66948" i="1"/>
  <c r="AF66949" i="1"/>
  <c r="AF66950" i="1"/>
  <c r="AF66951" i="1"/>
  <c r="AF66952" i="1"/>
  <c r="AF66953" i="1"/>
  <c r="AF66954" i="1"/>
  <c r="AF66955" i="1"/>
  <c r="AF66956" i="1"/>
  <c r="AF66957" i="1"/>
  <c r="AF66958" i="1"/>
  <c r="AF66959" i="1"/>
  <c r="AF66960" i="1"/>
  <c r="AF66961" i="1"/>
  <c r="AF66962" i="1"/>
  <c r="AF66963" i="1"/>
  <c r="AF66964" i="1"/>
  <c r="AF66965" i="1"/>
  <c r="AF66966" i="1"/>
  <c r="AF66967" i="1"/>
  <c r="AF66968" i="1"/>
  <c r="AF66969" i="1"/>
  <c r="AF66970" i="1"/>
  <c r="AF66971" i="1"/>
  <c r="AF66972" i="1"/>
  <c r="AF66973" i="1"/>
  <c r="AF66974" i="1"/>
  <c r="AF66975" i="1"/>
  <c r="AF66976" i="1"/>
  <c r="AF66977" i="1"/>
  <c r="AF66978" i="1"/>
  <c r="AF66979" i="1"/>
  <c r="AF66980" i="1"/>
  <c r="AF66981" i="1"/>
  <c r="AF66982" i="1"/>
  <c r="AF66983" i="1"/>
  <c r="AF66984" i="1"/>
  <c r="AF66985" i="1"/>
  <c r="AF66986" i="1"/>
  <c r="AF66987" i="1"/>
  <c r="AF66988" i="1"/>
  <c r="AF66989" i="1"/>
  <c r="AF66990" i="1"/>
  <c r="AF66991" i="1"/>
  <c r="AF66992" i="1"/>
  <c r="AF66993" i="1"/>
  <c r="AF66994" i="1"/>
  <c r="AF66995" i="1"/>
  <c r="AF66996" i="1"/>
  <c r="AF66997" i="1"/>
  <c r="AF66998" i="1"/>
  <c r="AF66999" i="1"/>
  <c r="AF67000" i="1"/>
  <c r="AF67001" i="1"/>
  <c r="AF67002" i="1"/>
  <c r="AF67003" i="1"/>
  <c r="AF67004" i="1"/>
  <c r="AF67005" i="1"/>
  <c r="AF67006" i="1"/>
  <c r="AF67007" i="1"/>
  <c r="AF67008" i="1"/>
  <c r="AF67009" i="1"/>
  <c r="AF67010" i="1"/>
  <c r="AF67011" i="1"/>
  <c r="AF67012" i="1"/>
  <c r="AF67013" i="1"/>
  <c r="AF67014" i="1"/>
  <c r="AF67015" i="1"/>
  <c r="AF67016" i="1"/>
  <c r="AF67017" i="1"/>
  <c r="AF67018" i="1"/>
  <c r="AF67019" i="1"/>
  <c r="AF67020" i="1"/>
  <c r="AF67021" i="1"/>
  <c r="AF67022" i="1"/>
  <c r="AF67023" i="1"/>
  <c r="AF67024" i="1"/>
  <c r="AF67025" i="1"/>
  <c r="AF67026" i="1"/>
  <c r="AF67027" i="1"/>
  <c r="AF67028" i="1"/>
  <c r="AF67029" i="1"/>
  <c r="AF67030" i="1"/>
  <c r="AF67031" i="1"/>
  <c r="AF67032" i="1"/>
  <c r="AF67033" i="1"/>
  <c r="AF67034" i="1"/>
  <c r="AF67035" i="1"/>
  <c r="AF67036" i="1"/>
  <c r="AF67037" i="1"/>
  <c r="AF67038" i="1"/>
  <c r="AF67039" i="1"/>
  <c r="AF67040" i="1"/>
  <c r="AF67041" i="1"/>
  <c r="AF67042" i="1"/>
  <c r="AF67043" i="1"/>
  <c r="AF67044" i="1"/>
  <c r="AF67045" i="1"/>
  <c r="AF67046" i="1"/>
  <c r="AF67047" i="1"/>
  <c r="AF67048" i="1"/>
  <c r="AF67049" i="1"/>
  <c r="AF67050" i="1"/>
  <c r="AF67051" i="1"/>
  <c r="AF67052" i="1"/>
  <c r="AF67053" i="1"/>
  <c r="AF67054" i="1"/>
  <c r="AF67055" i="1"/>
  <c r="AF67056" i="1"/>
  <c r="AF67057" i="1"/>
  <c r="AF67058" i="1"/>
  <c r="AF67059" i="1"/>
  <c r="AF67060" i="1"/>
  <c r="AF67061" i="1"/>
  <c r="AF67062" i="1"/>
  <c r="AF67063" i="1"/>
  <c r="AF67064" i="1"/>
  <c r="AF67065" i="1"/>
  <c r="AF67066" i="1"/>
  <c r="AF67067" i="1"/>
  <c r="AF67068" i="1"/>
  <c r="AF67069" i="1"/>
  <c r="AF67070" i="1"/>
  <c r="AF67071" i="1"/>
  <c r="AF67072" i="1"/>
  <c r="AF67073" i="1"/>
  <c r="AF67074" i="1"/>
  <c r="AF67075" i="1"/>
  <c r="AF67076" i="1"/>
  <c r="AF67077" i="1"/>
  <c r="AF67078" i="1"/>
  <c r="AF67079" i="1"/>
  <c r="AF67080" i="1"/>
  <c r="AF67081" i="1"/>
  <c r="AF67082" i="1"/>
  <c r="AF67083" i="1"/>
  <c r="AF67084" i="1"/>
  <c r="AF67085" i="1"/>
  <c r="AF67086" i="1"/>
  <c r="AF67087" i="1"/>
  <c r="AF67088" i="1"/>
  <c r="AF67089" i="1"/>
  <c r="AF67090" i="1"/>
  <c r="AF67091" i="1"/>
  <c r="AF67092" i="1"/>
  <c r="AF67093" i="1"/>
  <c r="AF67094" i="1"/>
  <c r="AF67095" i="1"/>
  <c r="AF67096" i="1"/>
  <c r="AF67097" i="1"/>
  <c r="AF67098" i="1"/>
  <c r="AF67099" i="1"/>
  <c r="AF67100" i="1"/>
  <c r="AF67101" i="1"/>
  <c r="AF67102" i="1"/>
  <c r="AF67103" i="1"/>
  <c r="AF67104" i="1"/>
  <c r="AF67105" i="1"/>
  <c r="AF67106" i="1"/>
  <c r="AF67107" i="1"/>
  <c r="AF67108" i="1"/>
  <c r="AF67109" i="1"/>
  <c r="AF67110" i="1"/>
  <c r="AF67111" i="1"/>
  <c r="AF67112" i="1"/>
  <c r="AF67113" i="1"/>
  <c r="AF67114" i="1"/>
  <c r="AF67115" i="1"/>
  <c r="AF67116" i="1"/>
  <c r="AF67117" i="1"/>
  <c r="AF67118" i="1"/>
  <c r="AF67119" i="1"/>
  <c r="AF67120" i="1"/>
  <c r="AF67121" i="1"/>
  <c r="AF67122" i="1"/>
  <c r="AF67123" i="1"/>
  <c r="AF67124" i="1"/>
  <c r="AF67125" i="1"/>
  <c r="AF67126" i="1"/>
  <c r="AF67127" i="1"/>
  <c r="AF67128" i="1"/>
  <c r="AF67129" i="1"/>
  <c r="AF67130" i="1"/>
  <c r="AF67131" i="1"/>
  <c r="AF67132" i="1"/>
  <c r="AF67133" i="1"/>
  <c r="AF67134" i="1"/>
  <c r="AF67135" i="1"/>
  <c r="AF67136" i="1"/>
  <c r="AF67137" i="1"/>
  <c r="AF67138" i="1"/>
  <c r="AF67139" i="1"/>
  <c r="AF67140" i="1"/>
  <c r="AF67141" i="1"/>
  <c r="AF67142" i="1"/>
  <c r="AF67143" i="1"/>
  <c r="AF67144" i="1"/>
  <c r="AF67145" i="1"/>
  <c r="AF67146" i="1"/>
  <c r="AF67147" i="1"/>
  <c r="AF67148" i="1"/>
  <c r="AF67149" i="1"/>
  <c r="AF67150" i="1"/>
  <c r="AF67151" i="1"/>
  <c r="AF67152" i="1"/>
  <c r="AF67153" i="1"/>
  <c r="AF67154" i="1"/>
  <c r="AF67155" i="1"/>
  <c r="AF67156" i="1"/>
  <c r="AF67157" i="1"/>
  <c r="AF67158" i="1"/>
  <c r="AF67159" i="1"/>
  <c r="AF67160" i="1"/>
  <c r="AF67161" i="1"/>
  <c r="AF67162" i="1"/>
  <c r="AF67163" i="1"/>
  <c r="AF67164" i="1"/>
  <c r="AF67165" i="1"/>
  <c r="AF67166" i="1"/>
  <c r="AF67167" i="1"/>
  <c r="AF67168" i="1"/>
  <c r="AF67169" i="1"/>
  <c r="AF67170" i="1"/>
  <c r="AF67171" i="1"/>
  <c r="AF67172" i="1"/>
  <c r="AF67173" i="1"/>
  <c r="AF67174" i="1"/>
  <c r="AF67175" i="1"/>
  <c r="AF67176" i="1"/>
  <c r="AF67177" i="1"/>
  <c r="AF67178" i="1"/>
  <c r="AF67179" i="1"/>
  <c r="AF67180" i="1"/>
  <c r="AF67181" i="1"/>
  <c r="AF67182" i="1"/>
  <c r="AF67183" i="1"/>
  <c r="AF67184" i="1"/>
  <c r="AF67185" i="1"/>
  <c r="AF67186" i="1"/>
  <c r="AF67187" i="1"/>
  <c r="AF67188" i="1"/>
  <c r="AF67189" i="1"/>
  <c r="AF67190" i="1"/>
  <c r="AF67191" i="1"/>
  <c r="AF67192" i="1"/>
  <c r="AF67193" i="1"/>
  <c r="AF67194" i="1"/>
  <c r="AF67195" i="1"/>
  <c r="AF67196" i="1"/>
  <c r="AF67197" i="1"/>
  <c r="AF67198" i="1"/>
  <c r="AF67199" i="1"/>
  <c r="AF67200" i="1"/>
  <c r="AF67201" i="1"/>
  <c r="AF67202" i="1"/>
  <c r="AF67203" i="1"/>
  <c r="AF67204" i="1"/>
  <c r="AF67205" i="1"/>
  <c r="AF67206" i="1"/>
  <c r="AF67207" i="1"/>
  <c r="AF67208" i="1"/>
  <c r="AF67209" i="1"/>
  <c r="AF67210" i="1"/>
  <c r="AF67211" i="1"/>
  <c r="AF67212" i="1"/>
  <c r="AF67213" i="1"/>
  <c r="AF67214" i="1"/>
  <c r="AF67215" i="1"/>
  <c r="AF67216" i="1"/>
  <c r="AF67217" i="1"/>
  <c r="AF67218" i="1"/>
  <c r="AF67219" i="1"/>
  <c r="AF67220" i="1"/>
  <c r="AF67221" i="1"/>
  <c r="AF67222" i="1"/>
  <c r="AF67223" i="1"/>
  <c r="AF67224" i="1"/>
  <c r="AF67225" i="1"/>
  <c r="AF67226" i="1"/>
  <c r="AF67227" i="1"/>
  <c r="AF67228" i="1"/>
  <c r="AF67229" i="1"/>
  <c r="AF67230" i="1"/>
  <c r="AF67231" i="1"/>
  <c r="AF67232" i="1"/>
  <c r="AF67233" i="1"/>
  <c r="AF67234" i="1"/>
  <c r="AF67235" i="1"/>
  <c r="AF67236" i="1"/>
  <c r="AF67237" i="1"/>
  <c r="AF67238" i="1"/>
  <c r="AF67239" i="1"/>
  <c r="AF67240" i="1"/>
  <c r="AF67241" i="1"/>
  <c r="AF67242" i="1"/>
  <c r="AF67243" i="1"/>
  <c r="AF67244" i="1"/>
  <c r="AF67245" i="1"/>
  <c r="AF67246" i="1"/>
  <c r="AF67247" i="1"/>
  <c r="AF67248" i="1"/>
  <c r="AF67249" i="1"/>
  <c r="AF67250" i="1"/>
  <c r="AF67251" i="1"/>
  <c r="AF67252" i="1"/>
  <c r="AF67253" i="1"/>
  <c r="AF67254" i="1"/>
  <c r="AF67255" i="1"/>
  <c r="AF67256" i="1"/>
  <c r="AF67257" i="1"/>
  <c r="AF67258" i="1"/>
  <c r="AF67259" i="1"/>
  <c r="AF67260" i="1"/>
  <c r="AF67261" i="1"/>
  <c r="AF67262" i="1"/>
  <c r="AF67263" i="1"/>
  <c r="AF67264" i="1"/>
  <c r="AF67265" i="1"/>
  <c r="AF67266" i="1"/>
  <c r="AF67267" i="1"/>
  <c r="AF67268" i="1"/>
  <c r="AF67269" i="1"/>
  <c r="AF67270" i="1"/>
  <c r="AF67271" i="1"/>
  <c r="AF67272" i="1"/>
  <c r="AF67273" i="1"/>
  <c r="AF67274" i="1"/>
  <c r="AF67275" i="1"/>
  <c r="AF67276" i="1"/>
  <c r="AF67277" i="1"/>
  <c r="AF67278" i="1"/>
  <c r="AF67279" i="1"/>
  <c r="AF67280" i="1"/>
  <c r="AF67281" i="1"/>
  <c r="AF67282" i="1"/>
  <c r="AF67283" i="1"/>
  <c r="AF67284" i="1"/>
  <c r="AF67285" i="1"/>
  <c r="AF67286" i="1"/>
  <c r="AF67287" i="1"/>
  <c r="AF67288" i="1"/>
  <c r="AF67289" i="1"/>
  <c r="AF67290" i="1"/>
  <c r="AF67291" i="1"/>
  <c r="AF67292" i="1"/>
  <c r="AF67293" i="1"/>
  <c r="AF67294" i="1"/>
  <c r="AF67295" i="1"/>
  <c r="AF67296" i="1"/>
  <c r="AF67297" i="1"/>
  <c r="AF67298" i="1"/>
  <c r="AF67299" i="1"/>
  <c r="AF67300" i="1"/>
  <c r="AF67301" i="1"/>
  <c r="AF67302" i="1"/>
  <c r="AF67303" i="1"/>
  <c r="AF67304" i="1"/>
  <c r="AF67305" i="1"/>
  <c r="AF67306" i="1"/>
  <c r="AF67307" i="1"/>
  <c r="AF67308" i="1"/>
  <c r="AF67309" i="1"/>
  <c r="AF67310" i="1"/>
  <c r="AF67311" i="1"/>
  <c r="AF67312" i="1"/>
  <c r="AF67313" i="1"/>
  <c r="AF67314" i="1"/>
  <c r="AF67315" i="1"/>
  <c r="AF67316" i="1"/>
  <c r="AF67317" i="1"/>
  <c r="AF67318" i="1"/>
  <c r="AF67319" i="1"/>
  <c r="AF67320" i="1"/>
  <c r="AF67321" i="1"/>
  <c r="AF67322" i="1"/>
  <c r="AF67323" i="1"/>
  <c r="AF67324" i="1"/>
  <c r="AF67325" i="1"/>
  <c r="AF67326" i="1"/>
  <c r="AF67327" i="1"/>
  <c r="AF67328" i="1"/>
  <c r="AF67329" i="1"/>
  <c r="AF67330" i="1"/>
  <c r="AF67331" i="1"/>
  <c r="AF67332" i="1"/>
  <c r="AF67333" i="1"/>
  <c r="AF67334" i="1"/>
  <c r="AF67335" i="1"/>
  <c r="AF67336" i="1"/>
  <c r="AF67337" i="1"/>
  <c r="AF67338" i="1"/>
  <c r="AF67339" i="1"/>
  <c r="AF67340" i="1"/>
  <c r="AF67341" i="1"/>
  <c r="AF67342" i="1"/>
  <c r="AF67343" i="1"/>
  <c r="AF67344" i="1"/>
  <c r="AF67345" i="1"/>
  <c r="AF67346" i="1"/>
  <c r="AF67347" i="1"/>
  <c r="AF67348" i="1"/>
  <c r="AF67349" i="1"/>
  <c r="AF67350" i="1"/>
  <c r="AF67351" i="1"/>
  <c r="AF67352" i="1"/>
  <c r="AF67353" i="1"/>
  <c r="AF67354" i="1"/>
  <c r="AF67355" i="1"/>
  <c r="AF67356" i="1"/>
  <c r="AF67357" i="1"/>
  <c r="AF67358" i="1"/>
  <c r="AF67359" i="1"/>
  <c r="AF67360" i="1"/>
  <c r="AF67361" i="1"/>
  <c r="AF67362" i="1"/>
  <c r="AF67363" i="1"/>
  <c r="AF67364" i="1"/>
  <c r="AF67365" i="1"/>
  <c r="AF67366" i="1"/>
  <c r="AF67367" i="1"/>
  <c r="AF67368" i="1"/>
  <c r="AF67369" i="1"/>
  <c r="AF67370" i="1"/>
  <c r="AF67371" i="1"/>
  <c r="AF67372" i="1"/>
  <c r="AF67373" i="1"/>
  <c r="AF67374" i="1"/>
  <c r="AF67375" i="1"/>
  <c r="AF67376" i="1"/>
  <c r="AF67377" i="1"/>
  <c r="AF67378" i="1"/>
  <c r="AF67379" i="1"/>
  <c r="AF67380" i="1"/>
  <c r="AF67381" i="1"/>
  <c r="AF67382" i="1"/>
  <c r="AF67383" i="1"/>
  <c r="AF67384" i="1"/>
  <c r="AF67385" i="1"/>
  <c r="AF67386" i="1"/>
  <c r="AF67387" i="1"/>
  <c r="AF67388" i="1"/>
  <c r="AF67389" i="1"/>
  <c r="AF67390" i="1"/>
  <c r="AF67391" i="1"/>
  <c r="AF67392" i="1"/>
  <c r="AF67393" i="1"/>
  <c r="AF67394" i="1"/>
  <c r="AF67395" i="1"/>
  <c r="AF67396" i="1"/>
  <c r="AF67397" i="1"/>
  <c r="AF67398" i="1"/>
  <c r="AF67399" i="1"/>
  <c r="AF67400" i="1"/>
  <c r="AF67401" i="1"/>
  <c r="AF67402" i="1"/>
  <c r="AF67403" i="1"/>
  <c r="AF67404" i="1"/>
  <c r="AF67405" i="1"/>
  <c r="AF67406" i="1"/>
  <c r="AF67407" i="1"/>
  <c r="AF67408" i="1"/>
  <c r="AF67409" i="1"/>
  <c r="AF67410" i="1"/>
  <c r="AF67411" i="1"/>
  <c r="AF67412" i="1"/>
  <c r="AF67413" i="1"/>
  <c r="AF67414" i="1"/>
  <c r="AF67415" i="1"/>
  <c r="AF67416" i="1"/>
  <c r="AF67417" i="1"/>
  <c r="AF67418" i="1"/>
  <c r="AF67419" i="1"/>
  <c r="AF67420" i="1"/>
  <c r="AF67421" i="1"/>
  <c r="AF67422" i="1"/>
  <c r="AF67423" i="1"/>
  <c r="AF67424" i="1"/>
  <c r="AF67425" i="1"/>
  <c r="AF67426" i="1"/>
  <c r="AF67427" i="1"/>
  <c r="AF67428" i="1"/>
  <c r="AF67429" i="1"/>
  <c r="AF67430" i="1"/>
  <c r="AF67431" i="1"/>
  <c r="AF67432" i="1"/>
  <c r="AF67433" i="1"/>
  <c r="AF67434" i="1"/>
  <c r="AF67435" i="1"/>
  <c r="AF67436" i="1"/>
  <c r="AF67437" i="1"/>
  <c r="AF67438" i="1"/>
  <c r="AF67439" i="1"/>
  <c r="AF67440" i="1"/>
  <c r="AF67441" i="1"/>
  <c r="AF67442" i="1"/>
  <c r="AF67443" i="1"/>
  <c r="AF67444" i="1"/>
  <c r="AF67445" i="1"/>
  <c r="AF67446" i="1"/>
  <c r="AF67447" i="1"/>
  <c r="AF67448" i="1"/>
  <c r="AF67449" i="1"/>
  <c r="AF67450" i="1"/>
  <c r="AF67451" i="1"/>
  <c r="AF67452" i="1"/>
  <c r="AF67453" i="1"/>
  <c r="AF67454" i="1"/>
  <c r="AF67455" i="1"/>
  <c r="AF67456" i="1"/>
  <c r="AF67457" i="1"/>
  <c r="AF67458" i="1"/>
  <c r="AF67459" i="1"/>
  <c r="AF67460" i="1"/>
  <c r="AF67461" i="1"/>
  <c r="AF67462" i="1"/>
  <c r="AF67463" i="1"/>
  <c r="AF67464" i="1"/>
  <c r="AF67465" i="1"/>
  <c r="AF67466" i="1"/>
  <c r="AF67467" i="1"/>
  <c r="AF67468" i="1"/>
  <c r="AF67469" i="1"/>
  <c r="AF67470" i="1"/>
  <c r="AF67471" i="1"/>
  <c r="AF67472" i="1"/>
  <c r="AF67473" i="1"/>
  <c r="AF67474" i="1"/>
  <c r="AF67475" i="1"/>
  <c r="AF67476" i="1"/>
  <c r="AF67477" i="1"/>
  <c r="AF67478" i="1"/>
  <c r="AF67479" i="1"/>
  <c r="AF67480" i="1"/>
  <c r="AF67481" i="1"/>
  <c r="AF67482" i="1"/>
  <c r="AF67483" i="1"/>
  <c r="AF67484" i="1"/>
  <c r="AF67485" i="1"/>
  <c r="AF67486" i="1"/>
  <c r="AF67487" i="1"/>
  <c r="AF67488" i="1"/>
  <c r="AF67489" i="1"/>
  <c r="AF67490" i="1"/>
  <c r="AF67491" i="1"/>
  <c r="AF67492" i="1"/>
  <c r="AF67493" i="1"/>
  <c r="AF67494" i="1"/>
  <c r="AF67495" i="1"/>
  <c r="AF67496" i="1"/>
  <c r="AF67497" i="1"/>
  <c r="AF67498" i="1"/>
  <c r="AF67499" i="1"/>
  <c r="AF67500" i="1"/>
  <c r="AF67501" i="1"/>
  <c r="AF67502" i="1"/>
  <c r="AF67503" i="1"/>
  <c r="AF67504" i="1"/>
  <c r="AF67505" i="1"/>
  <c r="AF67506" i="1"/>
  <c r="AF67507" i="1"/>
  <c r="AF67508" i="1"/>
  <c r="AF67509" i="1"/>
  <c r="AF67510" i="1"/>
  <c r="AF67511" i="1"/>
  <c r="AF67512" i="1"/>
  <c r="AF67513" i="1"/>
  <c r="AF67514" i="1"/>
  <c r="AF67515" i="1"/>
  <c r="AF67516" i="1"/>
  <c r="AF67517" i="1"/>
  <c r="AF67518" i="1"/>
  <c r="AF67519" i="1"/>
  <c r="AF67520" i="1"/>
  <c r="AF67521" i="1"/>
  <c r="AF67522" i="1"/>
  <c r="AF67523" i="1"/>
  <c r="AF67524" i="1"/>
  <c r="AF67525" i="1"/>
  <c r="AF67526" i="1"/>
  <c r="AF67527" i="1"/>
  <c r="AF67528" i="1"/>
  <c r="AF67529" i="1"/>
  <c r="AF67530" i="1"/>
  <c r="AF67531" i="1"/>
  <c r="AF67532" i="1"/>
  <c r="AF67533" i="1"/>
  <c r="AF67534" i="1"/>
  <c r="AF67535" i="1"/>
  <c r="AF67536" i="1"/>
  <c r="AF67537" i="1"/>
  <c r="AF67538" i="1"/>
  <c r="AF67539" i="1"/>
  <c r="AF67540" i="1"/>
  <c r="AF67541" i="1"/>
  <c r="AF67542" i="1"/>
  <c r="AF67543" i="1"/>
  <c r="AF67544" i="1"/>
  <c r="AF67545" i="1"/>
  <c r="AF67546" i="1"/>
  <c r="AF67547" i="1"/>
  <c r="AF67548" i="1"/>
  <c r="AF67549" i="1"/>
  <c r="AF67550" i="1"/>
  <c r="AF67551" i="1"/>
  <c r="AF67552" i="1"/>
  <c r="AF67553" i="1"/>
  <c r="AF67554" i="1"/>
  <c r="AF67555" i="1"/>
  <c r="AF67556" i="1"/>
  <c r="AF67557" i="1"/>
  <c r="AF67558" i="1"/>
  <c r="AF67559" i="1"/>
  <c r="AF67560" i="1"/>
  <c r="AF67561" i="1"/>
  <c r="AF67562" i="1"/>
  <c r="AF67563" i="1"/>
  <c r="AF67564" i="1"/>
  <c r="AF67565" i="1"/>
  <c r="AF67566" i="1"/>
  <c r="AF67567" i="1"/>
  <c r="AF67568" i="1"/>
  <c r="AF67569" i="1"/>
  <c r="AF67570" i="1"/>
  <c r="AF67571" i="1"/>
  <c r="AF67572" i="1"/>
  <c r="AF67573" i="1"/>
  <c r="AF67574" i="1"/>
  <c r="AF67575" i="1"/>
  <c r="AF67576" i="1"/>
  <c r="AF67577" i="1"/>
  <c r="AF67578" i="1"/>
  <c r="AF67579" i="1"/>
  <c r="AF67580" i="1"/>
  <c r="AF67581" i="1"/>
  <c r="AF67582" i="1"/>
  <c r="AF67583" i="1"/>
  <c r="AF67584" i="1"/>
  <c r="AF67585" i="1"/>
  <c r="AF67586" i="1"/>
  <c r="AF67587" i="1"/>
  <c r="AF67588" i="1"/>
  <c r="AF67589" i="1"/>
  <c r="AF67590" i="1"/>
  <c r="AF67591" i="1"/>
  <c r="AF67592" i="1"/>
  <c r="AF67593" i="1"/>
  <c r="AF67594" i="1"/>
  <c r="AF67595" i="1"/>
  <c r="AF67596" i="1"/>
  <c r="AF67597" i="1"/>
  <c r="AF67598" i="1"/>
  <c r="AF67599" i="1"/>
  <c r="AF67600" i="1"/>
  <c r="AF67601" i="1"/>
  <c r="AF67602" i="1"/>
  <c r="AF67603" i="1"/>
  <c r="AF67604" i="1"/>
  <c r="AF67605" i="1"/>
  <c r="AF67606" i="1"/>
  <c r="AF67607" i="1"/>
  <c r="AF67608" i="1"/>
  <c r="AF67609" i="1"/>
  <c r="AF67610" i="1"/>
  <c r="AF67611" i="1"/>
  <c r="AF67612" i="1"/>
  <c r="AF67613" i="1"/>
  <c r="AF67614" i="1"/>
  <c r="AF67615" i="1"/>
  <c r="AF67616" i="1"/>
  <c r="AF67617" i="1"/>
  <c r="AF67618" i="1"/>
  <c r="AF67619" i="1"/>
  <c r="AF67620" i="1"/>
  <c r="AF67621" i="1"/>
  <c r="AF67622" i="1"/>
  <c r="AF67623" i="1"/>
  <c r="AF67624" i="1"/>
  <c r="AF67625" i="1"/>
  <c r="AF67626" i="1"/>
  <c r="AF67627" i="1"/>
  <c r="AF67628" i="1"/>
  <c r="AF67629" i="1"/>
  <c r="AF67630" i="1"/>
  <c r="AF67631" i="1"/>
  <c r="AF67632" i="1"/>
  <c r="AF67633" i="1"/>
  <c r="AF67634" i="1"/>
  <c r="AF67635" i="1"/>
  <c r="AF67636" i="1"/>
  <c r="AF67637" i="1"/>
  <c r="AF67638" i="1"/>
  <c r="AF67639" i="1"/>
  <c r="AF67640" i="1"/>
  <c r="AF67641" i="1"/>
  <c r="AF67642" i="1"/>
  <c r="AF67643" i="1"/>
  <c r="AF67644" i="1"/>
  <c r="AF67645" i="1"/>
  <c r="AF67646" i="1"/>
  <c r="AF67647" i="1"/>
  <c r="AF67648" i="1"/>
  <c r="AF67649" i="1"/>
  <c r="AF67650" i="1"/>
  <c r="AF67651" i="1"/>
  <c r="AF67652" i="1"/>
  <c r="AF67653" i="1"/>
  <c r="AF67654" i="1"/>
  <c r="AF67655" i="1"/>
  <c r="AF67656" i="1"/>
  <c r="AF67657" i="1"/>
  <c r="AF67658" i="1"/>
  <c r="AF67659" i="1"/>
  <c r="AF67660" i="1"/>
  <c r="AF67661" i="1"/>
  <c r="AF67662" i="1"/>
  <c r="AF67663" i="1"/>
  <c r="AF67664" i="1"/>
  <c r="AF67665" i="1"/>
  <c r="AF67666" i="1"/>
  <c r="AF67667" i="1"/>
  <c r="AF67668" i="1"/>
  <c r="AF67669" i="1"/>
  <c r="AF67670" i="1"/>
  <c r="AF67671" i="1"/>
  <c r="AF67672" i="1"/>
  <c r="AF67673" i="1"/>
  <c r="AF67674" i="1"/>
  <c r="AF67675" i="1"/>
  <c r="AF67676" i="1"/>
  <c r="AF67677" i="1"/>
  <c r="AF67678" i="1"/>
  <c r="AF67679" i="1"/>
  <c r="AF67680" i="1"/>
  <c r="AF67681" i="1"/>
  <c r="AF67682" i="1"/>
  <c r="AF67683" i="1"/>
  <c r="AF67684" i="1"/>
  <c r="AF67685" i="1"/>
  <c r="AF67686" i="1"/>
  <c r="AF67687" i="1"/>
  <c r="AF67688" i="1"/>
  <c r="AF67689" i="1"/>
  <c r="AF67690" i="1"/>
  <c r="AF67691" i="1"/>
  <c r="AF67692" i="1"/>
  <c r="AF67693" i="1"/>
  <c r="AF67694" i="1"/>
  <c r="AF67695" i="1"/>
  <c r="AF67696" i="1"/>
  <c r="AF67697" i="1"/>
  <c r="AF67698" i="1"/>
  <c r="AF67699" i="1"/>
  <c r="AF67700" i="1"/>
  <c r="AF67701" i="1"/>
  <c r="AF67702" i="1"/>
  <c r="AF67703" i="1"/>
  <c r="AF67704" i="1"/>
  <c r="AF67705" i="1"/>
  <c r="AF67706" i="1"/>
  <c r="AF67707" i="1"/>
  <c r="AF67708" i="1"/>
  <c r="AF67709" i="1"/>
  <c r="AF67710" i="1"/>
  <c r="AF67711" i="1"/>
  <c r="AF67712" i="1"/>
  <c r="AF67713" i="1"/>
  <c r="AF67714" i="1"/>
  <c r="AF67715" i="1"/>
  <c r="AF67716" i="1"/>
  <c r="AF67717" i="1"/>
  <c r="AF67718" i="1"/>
  <c r="AF67719" i="1"/>
  <c r="AF67720" i="1"/>
  <c r="AF67721" i="1"/>
  <c r="AF67722" i="1"/>
  <c r="AF67723" i="1"/>
  <c r="AF67724" i="1"/>
  <c r="AF67725" i="1"/>
  <c r="AF67726" i="1"/>
  <c r="AF67727" i="1"/>
  <c r="AF67728" i="1"/>
  <c r="AF67729" i="1"/>
  <c r="AF67730" i="1"/>
  <c r="AF67731" i="1"/>
  <c r="AF67732" i="1"/>
  <c r="AF67733" i="1"/>
  <c r="AF67734" i="1"/>
  <c r="AF67735" i="1"/>
  <c r="AF67736" i="1"/>
  <c r="AF67737" i="1"/>
  <c r="AF67738" i="1"/>
  <c r="AF67739" i="1"/>
  <c r="AF67740" i="1"/>
  <c r="AF67741" i="1"/>
  <c r="AF67742" i="1"/>
  <c r="AF67743" i="1"/>
  <c r="AF67744" i="1"/>
  <c r="AF67745" i="1"/>
  <c r="AF67746" i="1"/>
  <c r="AF67747" i="1"/>
  <c r="AF67748" i="1"/>
  <c r="AF67749" i="1"/>
  <c r="AF67750" i="1"/>
  <c r="AF67751" i="1"/>
  <c r="AF67752" i="1"/>
  <c r="AF67753" i="1"/>
  <c r="AF67754" i="1"/>
  <c r="AF67755" i="1"/>
  <c r="AF67756" i="1"/>
  <c r="AF67757" i="1"/>
  <c r="AF67758" i="1"/>
  <c r="AF67759" i="1"/>
  <c r="AF67760" i="1"/>
  <c r="AF67761" i="1"/>
  <c r="AF67762" i="1"/>
  <c r="AF67763" i="1"/>
  <c r="AF67764" i="1"/>
  <c r="AF67765" i="1"/>
  <c r="AF67766" i="1"/>
  <c r="AF67767" i="1"/>
  <c r="AF67768" i="1"/>
  <c r="AF67769" i="1"/>
  <c r="AF67770" i="1"/>
  <c r="AF67771" i="1"/>
  <c r="AF67772" i="1"/>
  <c r="AF67773" i="1"/>
  <c r="AF67774" i="1"/>
  <c r="AF67775" i="1"/>
  <c r="AF67776" i="1"/>
  <c r="AF67777" i="1"/>
  <c r="AF67778" i="1"/>
  <c r="AF67779" i="1"/>
  <c r="AF67780" i="1"/>
  <c r="AF67781" i="1"/>
  <c r="AF67782" i="1"/>
  <c r="AF67783" i="1"/>
  <c r="AF67784" i="1"/>
  <c r="AF67785" i="1"/>
  <c r="AF67786" i="1"/>
  <c r="AF67787" i="1"/>
  <c r="AF67788" i="1"/>
  <c r="AF67789" i="1"/>
  <c r="AF67790" i="1"/>
  <c r="AF67791" i="1"/>
  <c r="AF67792" i="1"/>
  <c r="AF67793" i="1"/>
  <c r="AF67794" i="1"/>
  <c r="AF67795" i="1"/>
  <c r="AF67796" i="1"/>
  <c r="AF67797" i="1"/>
  <c r="AF67798" i="1"/>
  <c r="AF67799" i="1"/>
  <c r="AF67800" i="1"/>
  <c r="AF67801" i="1"/>
  <c r="AF67802" i="1"/>
  <c r="AF67803" i="1"/>
  <c r="AF67804" i="1"/>
  <c r="AF67805" i="1"/>
  <c r="AF67806" i="1"/>
  <c r="AF67807" i="1"/>
  <c r="AF67808" i="1"/>
  <c r="AF67809" i="1"/>
  <c r="AF67810" i="1"/>
  <c r="AF67811" i="1"/>
  <c r="AF67812" i="1"/>
  <c r="AF67813" i="1"/>
  <c r="AF67814" i="1"/>
  <c r="AF67815" i="1"/>
  <c r="AF67816" i="1"/>
  <c r="AF67817" i="1"/>
  <c r="AF67818" i="1"/>
  <c r="AF67819" i="1"/>
  <c r="AF67820" i="1"/>
  <c r="AF67821" i="1"/>
  <c r="AF67822" i="1"/>
  <c r="AF67823" i="1"/>
  <c r="AF67824" i="1"/>
  <c r="AF67825" i="1"/>
  <c r="AF67826" i="1"/>
  <c r="AF67827" i="1"/>
  <c r="AF67828" i="1"/>
  <c r="AF67829" i="1"/>
  <c r="AF67830" i="1"/>
  <c r="AF67831" i="1"/>
  <c r="AF67832" i="1"/>
  <c r="AF67833" i="1"/>
  <c r="AF67834" i="1"/>
  <c r="AF67835" i="1"/>
  <c r="AF67836" i="1"/>
  <c r="AF67837" i="1"/>
  <c r="AF67838" i="1"/>
  <c r="AF67839" i="1"/>
  <c r="AF67840" i="1"/>
  <c r="AF67841" i="1"/>
  <c r="AF67842" i="1"/>
  <c r="AF67843" i="1"/>
  <c r="AF67844" i="1"/>
  <c r="AF67845" i="1"/>
  <c r="AF67846" i="1"/>
  <c r="AF67847" i="1"/>
  <c r="AF67848" i="1"/>
  <c r="AF67849" i="1"/>
  <c r="AF67850" i="1"/>
  <c r="AF67851" i="1"/>
  <c r="AF67852" i="1"/>
  <c r="AF67853" i="1"/>
  <c r="AF67854" i="1"/>
  <c r="AF67855" i="1"/>
  <c r="AF67856" i="1"/>
  <c r="AF67857" i="1"/>
  <c r="AF67858" i="1"/>
  <c r="AF67859" i="1"/>
  <c r="AF67860" i="1"/>
  <c r="AF67861" i="1"/>
  <c r="AF67862" i="1"/>
  <c r="AF67863" i="1"/>
  <c r="AF67864" i="1"/>
  <c r="AF67865" i="1"/>
  <c r="AF67866" i="1"/>
  <c r="AF67867" i="1"/>
  <c r="AF67868" i="1"/>
  <c r="AF67869" i="1"/>
  <c r="AF67870" i="1"/>
  <c r="AF67871" i="1"/>
  <c r="AF67872" i="1"/>
  <c r="AF67873" i="1"/>
  <c r="AF67874" i="1"/>
  <c r="AF67875" i="1"/>
  <c r="AF67876" i="1"/>
  <c r="AF67877" i="1"/>
  <c r="AF67878" i="1"/>
  <c r="AF67879" i="1"/>
  <c r="AF67880" i="1"/>
  <c r="AF67881" i="1"/>
  <c r="AF67882" i="1"/>
  <c r="AF67883" i="1"/>
  <c r="AF67884" i="1"/>
  <c r="AF67885" i="1"/>
  <c r="AF67886" i="1"/>
  <c r="AF67887" i="1"/>
  <c r="AF67888" i="1"/>
  <c r="AF67889" i="1"/>
  <c r="AF67890" i="1"/>
  <c r="AF67891" i="1"/>
  <c r="AF67892" i="1"/>
  <c r="AF67893" i="1"/>
  <c r="AF67894" i="1"/>
  <c r="AF67895" i="1"/>
  <c r="AF67896" i="1"/>
  <c r="AF67897" i="1"/>
  <c r="AF67898" i="1"/>
  <c r="AF67899" i="1"/>
  <c r="AF67900" i="1"/>
  <c r="AF67901" i="1"/>
  <c r="AF67902" i="1"/>
  <c r="AF67903" i="1"/>
  <c r="AF67904" i="1"/>
  <c r="AF67905" i="1"/>
  <c r="AF67906" i="1"/>
  <c r="AF67907" i="1"/>
  <c r="AF67908" i="1"/>
  <c r="AF67909" i="1"/>
  <c r="AF67910" i="1"/>
  <c r="AF67911" i="1"/>
  <c r="AF67912" i="1"/>
  <c r="AF67913" i="1"/>
  <c r="AF67914" i="1"/>
  <c r="AF67915" i="1"/>
  <c r="AF67916" i="1"/>
  <c r="AF67917" i="1"/>
  <c r="AF67918" i="1"/>
  <c r="AF67919" i="1"/>
  <c r="AF67920" i="1"/>
  <c r="AF67921" i="1"/>
  <c r="AF67922" i="1"/>
  <c r="AF67923" i="1"/>
  <c r="AF67924" i="1"/>
  <c r="AF67925" i="1"/>
  <c r="AF67926" i="1"/>
  <c r="AF67927" i="1"/>
  <c r="AF67928" i="1"/>
  <c r="AF67929" i="1"/>
  <c r="AF67930" i="1"/>
  <c r="AF67931" i="1"/>
  <c r="AF67932" i="1"/>
  <c r="AF67933" i="1"/>
  <c r="AF67934" i="1"/>
  <c r="AF67935" i="1"/>
  <c r="AF67936" i="1"/>
  <c r="AF67937" i="1"/>
  <c r="AF67938" i="1"/>
  <c r="AF67939" i="1"/>
  <c r="AF67940" i="1"/>
  <c r="AF67941" i="1"/>
  <c r="AF67942" i="1"/>
  <c r="AF67943" i="1"/>
  <c r="AF67944" i="1"/>
  <c r="AF67945" i="1"/>
  <c r="AF67946" i="1"/>
  <c r="AF67947" i="1"/>
  <c r="AF67948" i="1"/>
  <c r="AF67949" i="1"/>
  <c r="AF67950" i="1"/>
  <c r="AF67951" i="1"/>
  <c r="AF67952" i="1"/>
  <c r="AF67953" i="1"/>
  <c r="AF67954" i="1"/>
  <c r="AF67955" i="1"/>
  <c r="AF67956" i="1"/>
  <c r="AF67957" i="1"/>
  <c r="AF67958" i="1"/>
  <c r="AF67959" i="1"/>
  <c r="AF67960" i="1"/>
  <c r="AF67961" i="1"/>
  <c r="AF67962" i="1"/>
  <c r="AF67963" i="1"/>
  <c r="AF67964" i="1"/>
  <c r="AF67965" i="1"/>
  <c r="AF67966" i="1"/>
  <c r="AF67967" i="1"/>
  <c r="AF67968" i="1"/>
  <c r="AF67969" i="1"/>
  <c r="AF67970" i="1"/>
  <c r="AF67971" i="1"/>
  <c r="AF67972" i="1"/>
  <c r="AF67973" i="1"/>
  <c r="AF67974" i="1"/>
  <c r="AF67975" i="1"/>
  <c r="AF67976" i="1"/>
  <c r="AF67977" i="1"/>
  <c r="AF67978" i="1"/>
  <c r="AF67979" i="1"/>
  <c r="AF67980" i="1"/>
  <c r="AF67981" i="1"/>
  <c r="AF67982" i="1"/>
  <c r="AF67983" i="1"/>
  <c r="AF67984" i="1"/>
  <c r="AF67985" i="1"/>
  <c r="AF67986" i="1"/>
  <c r="AF67987" i="1"/>
  <c r="AF67988" i="1"/>
  <c r="AF67989" i="1"/>
  <c r="AF67990" i="1"/>
  <c r="AF67991" i="1"/>
  <c r="AF67992" i="1"/>
  <c r="AF67993" i="1"/>
  <c r="AF67994" i="1"/>
  <c r="AF67995" i="1"/>
  <c r="AF67996" i="1"/>
  <c r="AF67997" i="1"/>
  <c r="AF67998" i="1"/>
  <c r="AF67999" i="1"/>
  <c r="AF68000" i="1"/>
  <c r="AF68001" i="1"/>
  <c r="AF68002" i="1"/>
  <c r="AF68003" i="1"/>
  <c r="AF68004" i="1"/>
  <c r="AF68005" i="1"/>
  <c r="AF68006" i="1"/>
  <c r="AF68007" i="1"/>
  <c r="AF68008" i="1"/>
  <c r="AF68009" i="1"/>
  <c r="AF68010" i="1"/>
  <c r="AF68011" i="1"/>
  <c r="AF68012" i="1"/>
  <c r="AF68013" i="1"/>
  <c r="AF68014" i="1"/>
  <c r="AF68015" i="1"/>
  <c r="AF68016" i="1"/>
  <c r="AF68017" i="1"/>
  <c r="AF68018" i="1"/>
  <c r="AF68019" i="1"/>
  <c r="AF68020" i="1"/>
  <c r="AF68021" i="1"/>
  <c r="AF68022" i="1"/>
  <c r="AF68023" i="1"/>
  <c r="AF68024" i="1"/>
  <c r="AF68025" i="1"/>
  <c r="AF68026" i="1"/>
  <c r="AF68027" i="1"/>
  <c r="AF68028" i="1"/>
  <c r="AF68029" i="1"/>
  <c r="AF68030" i="1"/>
  <c r="AF68031" i="1"/>
  <c r="AF68032" i="1"/>
  <c r="AF68033" i="1"/>
  <c r="AF68034" i="1"/>
  <c r="AF68035" i="1"/>
  <c r="AF68036" i="1"/>
  <c r="AF68037" i="1"/>
  <c r="AF68038" i="1"/>
  <c r="AF68039" i="1"/>
  <c r="AF68040" i="1"/>
  <c r="AF68041" i="1"/>
  <c r="AF68042" i="1"/>
  <c r="AF68043" i="1"/>
  <c r="AF68044" i="1"/>
  <c r="AF68045" i="1"/>
  <c r="AF68046" i="1"/>
  <c r="AF68047" i="1"/>
  <c r="AF68048" i="1"/>
  <c r="AF68049" i="1"/>
  <c r="AF68050" i="1"/>
  <c r="AF68051" i="1"/>
  <c r="AF68052" i="1"/>
  <c r="AF68053" i="1"/>
  <c r="AF68054" i="1"/>
  <c r="AF68055" i="1"/>
  <c r="AF68056" i="1"/>
  <c r="AF68057" i="1"/>
  <c r="AF68058" i="1"/>
  <c r="AF68059" i="1"/>
  <c r="AF68060" i="1"/>
  <c r="AF68061" i="1"/>
  <c r="AF68062" i="1"/>
  <c r="AF68063" i="1"/>
  <c r="AF68064" i="1"/>
  <c r="AF68065" i="1"/>
  <c r="AF68066" i="1"/>
  <c r="AF68067" i="1"/>
  <c r="AF68068" i="1"/>
  <c r="AF68069" i="1"/>
  <c r="AF68070" i="1"/>
  <c r="AF68071" i="1"/>
  <c r="AF68072" i="1"/>
  <c r="AF68073" i="1"/>
  <c r="AF68074" i="1"/>
  <c r="AF68075" i="1"/>
  <c r="AF68076" i="1"/>
  <c r="AF68077" i="1"/>
  <c r="AF68078" i="1"/>
  <c r="AF68079" i="1"/>
  <c r="AF68080" i="1"/>
  <c r="AF68081" i="1"/>
  <c r="AF68082" i="1"/>
  <c r="AF68083" i="1"/>
  <c r="AF68084" i="1"/>
  <c r="AF68085" i="1"/>
  <c r="AF68086" i="1"/>
  <c r="AF68087" i="1"/>
  <c r="AF68088" i="1"/>
  <c r="AF68089" i="1"/>
  <c r="AF68090" i="1"/>
  <c r="AF68091" i="1"/>
  <c r="AF68092" i="1"/>
  <c r="AF68093" i="1"/>
  <c r="AF68094" i="1"/>
  <c r="AF68095" i="1"/>
  <c r="AF68096" i="1"/>
  <c r="AF68097" i="1"/>
  <c r="AF68098" i="1"/>
  <c r="AF68099" i="1"/>
  <c r="AF68100" i="1"/>
  <c r="AF68101" i="1"/>
  <c r="AF68102" i="1"/>
  <c r="AF68103" i="1"/>
  <c r="AF68104" i="1"/>
  <c r="AF68105" i="1"/>
  <c r="AF68106" i="1"/>
  <c r="AF68107" i="1"/>
  <c r="AF68108" i="1"/>
  <c r="AF68109" i="1"/>
  <c r="AF68110" i="1"/>
  <c r="AF68111" i="1"/>
  <c r="AF68112" i="1"/>
  <c r="AF68113" i="1"/>
  <c r="AF68114" i="1"/>
  <c r="AF68115" i="1"/>
  <c r="AF68116" i="1"/>
  <c r="AF68117" i="1"/>
  <c r="AF68118" i="1"/>
  <c r="AF68119" i="1"/>
  <c r="AF68120" i="1"/>
  <c r="AF68121" i="1"/>
  <c r="AF68122" i="1"/>
  <c r="AF68123" i="1"/>
  <c r="AF68124" i="1"/>
  <c r="AF68125" i="1"/>
  <c r="AF68126" i="1"/>
  <c r="AF68127" i="1"/>
  <c r="AF68128" i="1"/>
  <c r="AF68129" i="1"/>
  <c r="AF68130" i="1"/>
  <c r="AF68131" i="1"/>
  <c r="AF68132" i="1"/>
  <c r="AF68133" i="1"/>
  <c r="AF68134" i="1"/>
  <c r="AF68135" i="1"/>
  <c r="AF68136" i="1"/>
  <c r="AF68137" i="1"/>
  <c r="AF68138" i="1"/>
  <c r="AF68139" i="1"/>
  <c r="AF68140" i="1"/>
  <c r="AF68141" i="1"/>
  <c r="AF68142" i="1"/>
  <c r="AF68143" i="1"/>
  <c r="AF68144" i="1"/>
  <c r="AF68145" i="1"/>
  <c r="AF68146" i="1"/>
  <c r="AF68147" i="1"/>
  <c r="AF68148" i="1"/>
  <c r="AF68149" i="1"/>
  <c r="AF68150" i="1"/>
  <c r="AF68151" i="1"/>
  <c r="AF68152" i="1"/>
  <c r="AF68153" i="1"/>
  <c r="AF68154" i="1"/>
  <c r="AF68155" i="1"/>
  <c r="AF68156" i="1"/>
  <c r="AF68157" i="1"/>
  <c r="AF68158" i="1"/>
  <c r="AF68159" i="1"/>
  <c r="AF68160" i="1"/>
  <c r="AF68161" i="1"/>
  <c r="AF68162" i="1"/>
  <c r="AF68163" i="1"/>
  <c r="AF68164" i="1"/>
  <c r="AF68165" i="1"/>
  <c r="AF68166" i="1"/>
  <c r="AF68167" i="1"/>
  <c r="AF68168" i="1"/>
  <c r="AF68169" i="1"/>
  <c r="AF68170" i="1"/>
  <c r="AF68171" i="1"/>
  <c r="AF68172" i="1"/>
  <c r="AF68173" i="1"/>
  <c r="AF68174" i="1"/>
  <c r="AF68175" i="1"/>
  <c r="AF68176" i="1"/>
  <c r="AF68177" i="1"/>
  <c r="AF68178" i="1"/>
  <c r="AF68179" i="1"/>
  <c r="AF68180" i="1"/>
  <c r="AF68181" i="1"/>
  <c r="AF68182" i="1"/>
  <c r="AF68183" i="1"/>
  <c r="AF68184" i="1"/>
  <c r="AF68185" i="1"/>
  <c r="AF68186" i="1"/>
  <c r="AF68187" i="1"/>
  <c r="AF68188" i="1"/>
  <c r="AF68189" i="1"/>
  <c r="AF68190" i="1"/>
  <c r="AF68191" i="1"/>
  <c r="AF68192" i="1"/>
  <c r="AF68193" i="1"/>
  <c r="AF68194" i="1"/>
  <c r="AF68195" i="1"/>
  <c r="AF68196" i="1"/>
  <c r="AF68197" i="1"/>
  <c r="AF68198" i="1"/>
  <c r="AF68199" i="1"/>
  <c r="AF68200" i="1"/>
  <c r="AF68201" i="1"/>
  <c r="AF68202" i="1"/>
  <c r="AF68203" i="1"/>
  <c r="AF68204" i="1"/>
  <c r="AF68205" i="1"/>
  <c r="AF68206" i="1"/>
  <c r="AF68207" i="1"/>
  <c r="AF68208" i="1"/>
  <c r="AF68209" i="1"/>
  <c r="AF68210" i="1"/>
  <c r="AF68211" i="1"/>
  <c r="AF68212" i="1"/>
  <c r="AF68213" i="1"/>
  <c r="AF68214" i="1"/>
  <c r="AF68215" i="1"/>
  <c r="AF68216" i="1"/>
  <c r="AF68217" i="1"/>
  <c r="AF68218" i="1"/>
  <c r="AF68219" i="1"/>
  <c r="AF68220" i="1"/>
  <c r="AF68221" i="1"/>
  <c r="AF68222" i="1"/>
  <c r="AF68223" i="1"/>
  <c r="AF68224" i="1"/>
  <c r="AF68225" i="1"/>
  <c r="AF68226" i="1"/>
  <c r="AF68227" i="1"/>
  <c r="AF68228" i="1"/>
  <c r="AF68229" i="1"/>
  <c r="AF68230" i="1"/>
  <c r="AF68231" i="1"/>
  <c r="AF68232" i="1"/>
  <c r="AF68233" i="1"/>
  <c r="AF68234" i="1"/>
  <c r="AF68235" i="1"/>
  <c r="AF68236" i="1"/>
  <c r="AF68237" i="1"/>
  <c r="AF68238" i="1"/>
  <c r="AF68239" i="1"/>
  <c r="AF68240" i="1"/>
  <c r="AF68241" i="1"/>
  <c r="AF68242" i="1"/>
  <c r="AF68243" i="1"/>
  <c r="AF68244" i="1"/>
  <c r="AF68245" i="1"/>
  <c r="AF68246" i="1"/>
  <c r="AF68247" i="1"/>
  <c r="AF68248" i="1"/>
  <c r="AF68249" i="1"/>
  <c r="AF68250" i="1"/>
  <c r="AF68251" i="1"/>
  <c r="AF68252" i="1"/>
  <c r="AF68253" i="1"/>
  <c r="AF68254" i="1"/>
  <c r="AF68255" i="1"/>
  <c r="AF68256" i="1"/>
  <c r="AF68257" i="1"/>
  <c r="AF68258" i="1"/>
  <c r="AF68259" i="1"/>
  <c r="AF68260" i="1"/>
  <c r="AF68261" i="1"/>
  <c r="AF68262" i="1"/>
  <c r="AF68263" i="1"/>
  <c r="AF68264" i="1"/>
  <c r="AF68265" i="1"/>
  <c r="AF68266" i="1"/>
  <c r="AF68267" i="1"/>
  <c r="AF68268" i="1"/>
  <c r="AF68269" i="1"/>
  <c r="AF68270" i="1"/>
  <c r="AF68271" i="1"/>
  <c r="AF68272" i="1"/>
  <c r="AF68273" i="1"/>
  <c r="AF68274" i="1"/>
  <c r="AF68275" i="1"/>
  <c r="AF68276" i="1"/>
  <c r="AF68277" i="1"/>
  <c r="AF68278" i="1"/>
  <c r="AF68279" i="1"/>
  <c r="AF68280" i="1"/>
  <c r="AF68281" i="1"/>
  <c r="AF68282" i="1"/>
  <c r="AF68283" i="1"/>
  <c r="AF68284" i="1"/>
  <c r="AF68285" i="1"/>
  <c r="AF68286" i="1"/>
  <c r="AF68287" i="1"/>
  <c r="AF68288" i="1"/>
  <c r="AF68289" i="1"/>
  <c r="AF68290" i="1"/>
  <c r="AF68291" i="1"/>
  <c r="AF68292" i="1"/>
  <c r="AF68293" i="1"/>
  <c r="AF68294" i="1"/>
  <c r="AF68295" i="1"/>
  <c r="AF68296" i="1"/>
  <c r="AF68297" i="1"/>
  <c r="AF68298" i="1"/>
  <c r="AF68299" i="1"/>
  <c r="AF68300" i="1"/>
  <c r="AF68301" i="1"/>
  <c r="AF68302" i="1"/>
  <c r="AF68303" i="1"/>
  <c r="AF68304" i="1"/>
  <c r="AF68305" i="1"/>
  <c r="AF68306" i="1"/>
  <c r="AF68307" i="1"/>
  <c r="AF68308" i="1"/>
  <c r="AF68309" i="1"/>
  <c r="AF68310" i="1"/>
  <c r="AF68311" i="1"/>
  <c r="AF68312" i="1"/>
  <c r="AF68313" i="1"/>
  <c r="AF68314" i="1"/>
  <c r="AF68315" i="1"/>
  <c r="AF68316" i="1"/>
  <c r="AF68317" i="1"/>
  <c r="AF68318" i="1"/>
  <c r="AF68319" i="1"/>
  <c r="AF68320" i="1"/>
  <c r="AF68321" i="1"/>
  <c r="AF68322" i="1"/>
  <c r="AF68323" i="1"/>
  <c r="AF68324" i="1"/>
  <c r="AF68325" i="1"/>
  <c r="AF68326" i="1"/>
  <c r="AF68327" i="1"/>
  <c r="AF68328" i="1"/>
  <c r="AF68329" i="1"/>
  <c r="AF68330" i="1"/>
  <c r="AF68331" i="1"/>
  <c r="AF68332" i="1"/>
  <c r="AF68333" i="1"/>
  <c r="AF68334" i="1"/>
  <c r="AF68335" i="1"/>
  <c r="AF68336" i="1"/>
  <c r="AF68337" i="1"/>
  <c r="AF68338" i="1"/>
  <c r="AF68339" i="1"/>
  <c r="AF68340" i="1"/>
  <c r="AF68341" i="1"/>
  <c r="AF68342" i="1"/>
  <c r="AF68343" i="1"/>
  <c r="AF68344" i="1"/>
  <c r="AF68345" i="1"/>
  <c r="AF68346" i="1"/>
  <c r="AF68347" i="1"/>
  <c r="AF68348" i="1"/>
  <c r="AF68349" i="1"/>
  <c r="AF68350" i="1"/>
  <c r="AF68351" i="1"/>
  <c r="AF68352" i="1"/>
  <c r="AF68353" i="1"/>
  <c r="AF68354" i="1"/>
  <c r="AF68355" i="1"/>
  <c r="AF68356" i="1"/>
  <c r="AF68357" i="1"/>
  <c r="AF68358" i="1"/>
  <c r="AF68359" i="1"/>
  <c r="AF68360" i="1"/>
  <c r="AF68361" i="1"/>
  <c r="AF68362" i="1"/>
  <c r="AF68363" i="1"/>
  <c r="AF68364" i="1"/>
  <c r="AF68365" i="1"/>
  <c r="AF68366" i="1"/>
  <c r="AF68367" i="1"/>
  <c r="AF68368" i="1"/>
  <c r="AF68369" i="1"/>
  <c r="AF68370" i="1"/>
  <c r="AF68371" i="1"/>
  <c r="AF68372" i="1"/>
  <c r="AF68373" i="1"/>
  <c r="AF68374" i="1"/>
  <c r="AF68375" i="1"/>
  <c r="AF68376" i="1"/>
  <c r="AF68377" i="1"/>
  <c r="AF68378" i="1"/>
  <c r="AF68379" i="1"/>
  <c r="AF68380" i="1"/>
  <c r="AF68381" i="1"/>
  <c r="AF68382" i="1"/>
  <c r="AF68383" i="1"/>
  <c r="AF68384" i="1"/>
  <c r="AF68385" i="1"/>
  <c r="AF68386" i="1"/>
  <c r="AF68387" i="1"/>
  <c r="AF68388" i="1"/>
  <c r="AF68389" i="1"/>
  <c r="AF68390" i="1"/>
  <c r="AF68391" i="1"/>
  <c r="AF68392" i="1"/>
  <c r="AF68393" i="1"/>
  <c r="AF68394" i="1"/>
  <c r="AF68395" i="1"/>
  <c r="AF68396" i="1"/>
  <c r="AF68397" i="1"/>
  <c r="AF68398" i="1"/>
  <c r="AF68399" i="1"/>
  <c r="AF68400" i="1"/>
  <c r="AF68401" i="1"/>
  <c r="AF68402" i="1"/>
  <c r="AF68403" i="1"/>
  <c r="AF68404" i="1"/>
  <c r="AF68405" i="1"/>
  <c r="AF68406" i="1"/>
  <c r="AF68407" i="1"/>
  <c r="AF68408" i="1"/>
  <c r="AF68409" i="1"/>
  <c r="AF68410" i="1"/>
  <c r="AF68411" i="1"/>
  <c r="AF68412" i="1"/>
  <c r="AF68413" i="1"/>
  <c r="AF68414" i="1"/>
  <c r="AF68415" i="1"/>
  <c r="AF68416" i="1"/>
  <c r="AF68417" i="1"/>
  <c r="AF68418" i="1"/>
  <c r="AF68419" i="1"/>
  <c r="AF68420" i="1"/>
  <c r="AF68421" i="1"/>
  <c r="AF68422" i="1"/>
  <c r="AF68423" i="1"/>
  <c r="AF68424" i="1"/>
  <c r="AF68425" i="1"/>
  <c r="AF68426" i="1"/>
  <c r="AF68427" i="1"/>
  <c r="AF68428" i="1"/>
  <c r="AF68429" i="1"/>
  <c r="AF68430" i="1"/>
  <c r="AF68431" i="1"/>
  <c r="AF68432" i="1"/>
  <c r="AF68433" i="1"/>
  <c r="AF68434" i="1"/>
  <c r="AF68435" i="1"/>
  <c r="AF68436" i="1"/>
  <c r="AF68437" i="1"/>
  <c r="AF68438" i="1"/>
  <c r="AF68439" i="1"/>
  <c r="AF68440" i="1"/>
  <c r="AF68441" i="1"/>
  <c r="AF68442" i="1"/>
  <c r="AF68443" i="1"/>
  <c r="AF68444" i="1"/>
  <c r="AF68445" i="1"/>
  <c r="AF68446" i="1"/>
  <c r="AF68447" i="1"/>
  <c r="AF68448" i="1"/>
  <c r="AF68449" i="1"/>
  <c r="AF68450" i="1"/>
  <c r="AF68451" i="1"/>
  <c r="AF68452" i="1"/>
  <c r="AF68453" i="1"/>
  <c r="AF68454" i="1"/>
  <c r="AF68455" i="1"/>
  <c r="AF68456" i="1"/>
  <c r="AF68457" i="1"/>
  <c r="AF68458" i="1"/>
  <c r="AF68459" i="1"/>
  <c r="AF68460" i="1"/>
  <c r="AF68461" i="1"/>
  <c r="AF68462" i="1"/>
  <c r="AF68463" i="1"/>
  <c r="AF68464" i="1"/>
  <c r="AF68465" i="1"/>
  <c r="AF68466" i="1"/>
  <c r="AF68467" i="1"/>
  <c r="AF68468" i="1"/>
  <c r="AF68469" i="1"/>
  <c r="AF68470" i="1"/>
  <c r="AF68471" i="1"/>
  <c r="AF68472" i="1"/>
  <c r="AF68473" i="1"/>
  <c r="AF68474" i="1"/>
  <c r="AF68475" i="1"/>
  <c r="AF68476" i="1"/>
  <c r="AF68477" i="1"/>
  <c r="AF68478" i="1"/>
  <c r="AF68479" i="1"/>
  <c r="AF68480" i="1"/>
  <c r="AF68481" i="1"/>
  <c r="AF68482" i="1"/>
  <c r="AF68483" i="1"/>
  <c r="AF68484" i="1"/>
  <c r="AF68485" i="1"/>
  <c r="AF68486" i="1"/>
  <c r="AF68487" i="1"/>
  <c r="AF68488" i="1"/>
  <c r="AF68489" i="1"/>
  <c r="AF68490" i="1"/>
  <c r="AF68491" i="1"/>
  <c r="AF68492" i="1"/>
  <c r="AF68493" i="1"/>
  <c r="AF68494" i="1"/>
  <c r="AF68495" i="1"/>
  <c r="AF68496" i="1"/>
  <c r="AF68497" i="1"/>
  <c r="AF68498" i="1"/>
  <c r="AF68499" i="1"/>
  <c r="AF68500" i="1"/>
  <c r="AF68501" i="1"/>
  <c r="AF68502" i="1"/>
  <c r="AF68503" i="1"/>
  <c r="AF68504" i="1"/>
  <c r="AF68505" i="1"/>
  <c r="AF68506" i="1"/>
  <c r="AF68507" i="1"/>
  <c r="AF68508" i="1"/>
  <c r="AF68509" i="1"/>
  <c r="AF68510" i="1"/>
  <c r="AF68511" i="1"/>
  <c r="AF68512" i="1"/>
  <c r="AF68513" i="1"/>
  <c r="AF68514" i="1"/>
  <c r="AF68515" i="1"/>
  <c r="AF68516" i="1"/>
  <c r="AF68517" i="1"/>
  <c r="AF68518" i="1"/>
  <c r="AF68519" i="1"/>
  <c r="AF68520" i="1"/>
  <c r="AF68521" i="1"/>
  <c r="AF68522" i="1"/>
  <c r="AF68523" i="1"/>
  <c r="AF68524" i="1"/>
  <c r="AF68525" i="1"/>
  <c r="AF68526" i="1"/>
  <c r="AF68527" i="1"/>
  <c r="AF68528" i="1"/>
  <c r="AF68529" i="1"/>
  <c r="AF68530" i="1"/>
  <c r="AF68531" i="1"/>
  <c r="AF68532" i="1"/>
  <c r="AF68533" i="1"/>
  <c r="AF68534" i="1"/>
  <c r="AF68535" i="1"/>
  <c r="AF68536" i="1"/>
  <c r="AF68537" i="1"/>
  <c r="AF68538" i="1"/>
  <c r="AF68539" i="1"/>
  <c r="AF68540" i="1"/>
  <c r="AF68541" i="1"/>
  <c r="AF68542" i="1"/>
  <c r="AF68543" i="1"/>
  <c r="AF68544" i="1"/>
  <c r="AF68545" i="1"/>
  <c r="AF68546" i="1"/>
  <c r="AF68547" i="1"/>
  <c r="AF68548" i="1"/>
  <c r="AF68549" i="1"/>
  <c r="AF68550" i="1"/>
  <c r="AF68551" i="1"/>
  <c r="AF68552" i="1"/>
  <c r="AF68553" i="1"/>
  <c r="AF68554" i="1"/>
  <c r="AF68555" i="1"/>
  <c r="AF68556" i="1"/>
  <c r="AF68557" i="1"/>
  <c r="AF68558" i="1"/>
  <c r="AF68559" i="1"/>
  <c r="AF68560" i="1"/>
  <c r="AF68561" i="1"/>
  <c r="AF68562" i="1"/>
  <c r="AF68563" i="1"/>
  <c r="AF68564" i="1"/>
  <c r="AF68565" i="1"/>
  <c r="AF68566" i="1"/>
  <c r="AF68567" i="1"/>
  <c r="AF68568" i="1"/>
  <c r="AF68569" i="1"/>
  <c r="AF68570" i="1"/>
  <c r="AF68571" i="1"/>
  <c r="AF68572" i="1"/>
  <c r="AF68573" i="1"/>
  <c r="AF68574" i="1"/>
  <c r="AF68575" i="1"/>
  <c r="AF68576" i="1"/>
  <c r="AF68577" i="1"/>
  <c r="AF68578" i="1"/>
  <c r="AF68579" i="1"/>
  <c r="AF68580" i="1"/>
  <c r="AF68581" i="1"/>
  <c r="AF68582" i="1"/>
  <c r="AF68583" i="1"/>
  <c r="AF68584" i="1"/>
  <c r="AF68585" i="1"/>
  <c r="AF68586" i="1"/>
  <c r="AF68587" i="1"/>
  <c r="AF68588" i="1"/>
  <c r="AF68589" i="1"/>
  <c r="AF68590" i="1"/>
  <c r="AF68591" i="1"/>
  <c r="AF68592" i="1"/>
  <c r="AF68593" i="1"/>
  <c r="AF68594" i="1"/>
  <c r="AF68595" i="1"/>
  <c r="AF68596" i="1"/>
  <c r="AF68597" i="1"/>
  <c r="AF68598" i="1"/>
  <c r="AF68599" i="1"/>
  <c r="AF68600" i="1"/>
  <c r="AF68601" i="1"/>
  <c r="AF68602" i="1"/>
  <c r="AF68603" i="1"/>
  <c r="AF68604" i="1"/>
  <c r="AF68605" i="1"/>
  <c r="AF68606" i="1"/>
  <c r="AF68607" i="1"/>
  <c r="AF68608" i="1"/>
  <c r="AF68609" i="1"/>
  <c r="AF68610" i="1"/>
  <c r="AF68611" i="1"/>
  <c r="AF68612" i="1"/>
  <c r="AF68613" i="1"/>
  <c r="AF68614" i="1"/>
  <c r="AF68615" i="1"/>
  <c r="AF68616" i="1"/>
  <c r="AF68617" i="1"/>
  <c r="AF68618" i="1"/>
  <c r="AF68619" i="1"/>
  <c r="AF68620" i="1"/>
  <c r="AF68621" i="1"/>
  <c r="AF68622" i="1"/>
  <c r="AF68623" i="1"/>
  <c r="AF68624" i="1"/>
  <c r="AF68625" i="1"/>
  <c r="AF68626" i="1"/>
  <c r="AF68627" i="1"/>
  <c r="AF68628" i="1"/>
  <c r="AF68629" i="1"/>
  <c r="AF68630" i="1"/>
  <c r="AF68631" i="1"/>
  <c r="AF68632" i="1"/>
  <c r="AF68633" i="1"/>
  <c r="AF68634" i="1"/>
  <c r="AF68635" i="1"/>
  <c r="AF68636" i="1"/>
  <c r="AF68637" i="1"/>
  <c r="AF68638" i="1"/>
  <c r="AF68639" i="1"/>
  <c r="AF68640" i="1"/>
  <c r="AF68641" i="1"/>
  <c r="AF68642" i="1"/>
  <c r="AF68643" i="1"/>
  <c r="AF68644" i="1"/>
  <c r="AF68645" i="1"/>
  <c r="AF68646" i="1"/>
  <c r="AF68647" i="1"/>
  <c r="AF68648" i="1"/>
  <c r="AF68649" i="1"/>
  <c r="AF68650" i="1"/>
  <c r="AF68651" i="1"/>
  <c r="AF68652" i="1"/>
  <c r="AF68653" i="1"/>
  <c r="AF68654" i="1"/>
  <c r="AF68655" i="1"/>
  <c r="AF68656" i="1"/>
  <c r="AF68657" i="1"/>
  <c r="AF68658" i="1"/>
  <c r="AF68659" i="1"/>
  <c r="AF68660" i="1"/>
  <c r="AF68661" i="1"/>
  <c r="AF68662" i="1"/>
  <c r="AF68663" i="1"/>
  <c r="AF68664" i="1"/>
  <c r="AF68665" i="1"/>
  <c r="AF68666" i="1"/>
  <c r="AF68667" i="1"/>
  <c r="AF68668" i="1"/>
  <c r="AF68669" i="1"/>
  <c r="AF68670" i="1"/>
  <c r="AF68671" i="1"/>
  <c r="AF68672" i="1"/>
  <c r="AF68673" i="1"/>
  <c r="AF68674" i="1"/>
  <c r="AF68675" i="1"/>
  <c r="AF68676" i="1"/>
  <c r="AF68677" i="1"/>
  <c r="AF68678" i="1"/>
  <c r="AF68679" i="1"/>
  <c r="AF68680" i="1"/>
  <c r="AF68681" i="1"/>
  <c r="AF68682" i="1"/>
  <c r="AF68683" i="1"/>
  <c r="AF68684" i="1"/>
  <c r="AF68685" i="1"/>
  <c r="AF68686" i="1"/>
  <c r="AF68687" i="1"/>
  <c r="AF68688" i="1"/>
  <c r="AF68689" i="1"/>
  <c r="AF68690" i="1"/>
  <c r="AF68691" i="1"/>
  <c r="AF68692" i="1"/>
  <c r="AF68693" i="1"/>
  <c r="AF68694" i="1"/>
  <c r="AF68695" i="1"/>
  <c r="AF68696" i="1"/>
  <c r="AF68697" i="1"/>
  <c r="AF68698" i="1"/>
  <c r="AF68699" i="1"/>
  <c r="AF68700" i="1"/>
  <c r="AF68701" i="1"/>
  <c r="AF68702" i="1"/>
  <c r="AF68703" i="1"/>
  <c r="AF68704" i="1"/>
  <c r="AF68705" i="1"/>
  <c r="AF68706" i="1"/>
  <c r="AF68707" i="1"/>
  <c r="AF68708" i="1"/>
  <c r="AF68709" i="1"/>
  <c r="AF68710" i="1"/>
  <c r="AF68711" i="1"/>
  <c r="AF68712" i="1"/>
  <c r="AF68713" i="1"/>
  <c r="AF68714" i="1"/>
  <c r="AF68715" i="1"/>
  <c r="AF68716" i="1"/>
  <c r="AF68717" i="1"/>
  <c r="AF68718" i="1"/>
  <c r="AF68719" i="1"/>
  <c r="AF68720" i="1"/>
  <c r="AF68721" i="1"/>
  <c r="AF68722" i="1"/>
  <c r="AF68723" i="1"/>
  <c r="AF68724" i="1"/>
  <c r="AF68725" i="1"/>
  <c r="AF68726" i="1"/>
  <c r="AF68727" i="1"/>
  <c r="AF68728" i="1"/>
  <c r="AF68729" i="1"/>
  <c r="AF68730" i="1"/>
  <c r="AF68731" i="1"/>
  <c r="AF68732" i="1"/>
  <c r="AF68733" i="1"/>
  <c r="AF68734" i="1"/>
  <c r="AF68735" i="1"/>
  <c r="AF68736" i="1"/>
  <c r="AF68737" i="1"/>
  <c r="AF68738" i="1"/>
  <c r="AF68739" i="1"/>
  <c r="AF68740" i="1"/>
  <c r="AF68741" i="1"/>
  <c r="AF68742" i="1"/>
  <c r="AF68743" i="1"/>
  <c r="AF68744" i="1"/>
  <c r="AF68745" i="1"/>
  <c r="AF68746" i="1"/>
  <c r="AF68747" i="1"/>
  <c r="AF68748" i="1"/>
  <c r="AF68749" i="1"/>
  <c r="AF68750" i="1"/>
  <c r="AF68751" i="1"/>
  <c r="AF68752" i="1"/>
  <c r="AF68753" i="1"/>
  <c r="AF68754" i="1"/>
  <c r="AF68755" i="1"/>
  <c r="AF68756" i="1"/>
  <c r="AF68757" i="1"/>
  <c r="AF68758" i="1"/>
  <c r="AF68759" i="1"/>
  <c r="AF68760" i="1"/>
  <c r="AF68761" i="1"/>
  <c r="AF68762" i="1"/>
  <c r="AF68763" i="1"/>
  <c r="AF68764" i="1"/>
  <c r="AF68765" i="1"/>
  <c r="AF68766" i="1"/>
  <c r="AF68767" i="1"/>
  <c r="AF68768" i="1"/>
  <c r="AF68769" i="1"/>
  <c r="AF68770" i="1"/>
  <c r="AF68771" i="1"/>
  <c r="AF68772" i="1"/>
  <c r="AF68773" i="1"/>
  <c r="AF68774" i="1"/>
  <c r="AF68775" i="1"/>
  <c r="AF68776" i="1"/>
  <c r="AF68777" i="1"/>
  <c r="AF68778" i="1"/>
  <c r="AF68779" i="1"/>
  <c r="AF68780" i="1"/>
  <c r="AF68781" i="1"/>
  <c r="AF68782" i="1"/>
  <c r="AF68783" i="1"/>
  <c r="AF68784" i="1"/>
  <c r="AF68785" i="1"/>
  <c r="AF68786" i="1"/>
  <c r="AF68787" i="1"/>
  <c r="AF68788" i="1"/>
  <c r="AF68789" i="1"/>
  <c r="AF68790" i="1"/>
  <c r="AF68791" i="1"/>
  <c r="AF68792" i="1"/>
  <c r="AF68793" i="1"/>
  <c r="AF68794" i="1"/>
  <c r="AF68795" i="1"/>
  <c r="AF68796" i="1"/>
  <c r="AF68797" i="1"/>
  <c r="AF68798" i="1"/>
  <c r="AF68799" i="1"/>
  <c r="AF68800" i="1"/>
  <c r="AF68801" i="1"/>
  <c r="AF68802" i="1"/>
  <c r="AF68803" i="1"/>
  <c r="AF68804" i="1"/>
  <c r="AF68805" i="1"/>
  <c r="AF68806" i="1"/>
  <c r="AF68807" i="1"/>
  <c r="AF68808" i="1"/>
  <c r="AF68809" i="1"/>
  <c r="AF68810" i="1"/>
  <c r="AF68811" i="1"/>
  <c r="AF68812" i="1"/>
  <c r="AF68813" i="1"/>
  <c r="AF68814" i="1"/>
  <c r="AF68815" i="1"/>
  <c r="AF68816" i="1"/>
  <c r="AF68817" i="1"/>
  <c r="AF68818" i="1"/>
  <c r="AF68819" i="1"/>
  <c r="AF68820" i="1"/>
  <c r="AF68821" i="1"/>
  <c r="AF68822" i="1"/>
  <c r="AF68823" i="1"/>
  <c r="AF68824" i="1"/>
  <c r="AF68825" i="1"/>
  <c r="AF68826" i="1"/>
  <c r="AF68827" i="1"/>
  <c r="AF68828" i="1"/>
  <c r="AF68829" i="1"/>
  <c r="AF68830" i="1"/>
  <c r="AF68831" i="1"/>
  <c r="AF68832" i="1"/>
  <c r="AF68833" i="1"/>
  <c r="AF68834" i="1"/>
  <c r="AF68835" i="1"/>
  <c r="AF68836" i="1"/>
  <c r="AF68837" i="1"/>
  <c r="AF68838" i="1"/>
  <c r="AF68839" i="1"/>
  <c r="AF68840" i="1"/>
  <c r="AF68841" i="1"/>
  <c r="AF68842" i="1"/>
  <c r="AF68843" i="1"/>
  <c r="AF68844" i="1"/>
  <c r="AF68845" i="1"/>
  <c r="AF68846" i="1"/>
  <c r="AF68847" i="1"/>
  <c r="AF68848" i="1"/>
  <c r="AF68849" i="1"/>
  <c r="AF68850" i="1"/>
  <c r="AF68851" i="1"/>
  <c r="AF68852" i="1"/>
  <c r="AF68853" i="1"/>
  <c r="AF68854" i="1"/>
  <c r="AF68855" i="1"/>
  <c r="AF68856" i="1"/>
  <c r="AF68857" i="1"/>
  <c r="AF68858" i="1"/>
  <c r="AF68859" i="1"/>
  <c r="AF68860" i="1"/>
  <c r="AF68861" i="1"/>
  <c r="AF68862" i="1"/>
  <c r="AF68863" i="1"/>
  <c r="AF68864" i="1"/>
  <c r="AF68865" i="1"/>
  <c r="AF68866" i="1"/>
  <c r="AF68867" i="1"/>
  <c r="AF68868" i="1"/>
  <c r="AF68869" i="1"/>
  <c r="AF68870" i="1"/>
  <c r="AF68871" i="1"/>
  <c r="AF68872" i="1"/>
  <c r="AF68873" i="1"/>
  <c r="AF68874" i="1"/>
  <c r="AF68875" i="1"/>
  <c r="AF68876" i="1"/>
  <c r="AF68877" i="1"/>
  <c r="AF68878" i="1"/>
  <c r="AF68879" i="1"/>
  <c r="AF68880" i="1"/>
  <c r="AF68881" i="1"/>
  <c r="AF68882" i="1"/>
  <c r="AF68883" i="1"/>
  <c r="AF68884" i="1"/>
  <c r="AF68885" i="1"/>
  <c r="AF68886" i="1"/>
  <c r="AF68887" i="1"/>
  <c r="AF68888" i="1"/>
  <c r="AF68889" i="1"/>
  <c r="AF68890" i="1"/>
  <c r="AF68891" i="1"/>
  <c r="AF68892" i="1"/>
  <c r="AF68893" i="1"/>
  <c r="AF68894" i="1"/>
  <c r="AF68895" i="1"/>
  <c r="AF68896" i="1"/>
  <c r="AF68897" i="1"/>
  <c r="AF68898" i="1"/>
  <c r="AF68899" i="1"/>
  <c r="AF68900" i="1"/>
  <c r="AF68901" i="1"/>
  <c r="AF68902" i="1"/>
  <c r="AF68903" i="1"/>
  <c r="AF68904" i="1"/>
  <c r="AF68905" i="1"/>
  <c r="AF68906" i="1"/>
  <c r="AF68907" i="1"/>
  <c r="AF68908" i="1"/>
  <c r="AF68909" i="1"/>
  <c r="AF68910" i="1"/>
  <c r="AF68911" i="1"/>
  <c r="AF68912" i="1"/>
  <c r="AF68913" i="1"/>
  <c r="AF68914" i="1"/>
  <c r="AF68915" i="1"/>
  <c r="AF68916" i="1"/>
  <c r="AF68917" i="1"/>
  <c r="AF68918" i="1"/>
  <c r="AF68919" i="1"/>
  <c r="AF68920" i="1"/>
  <c r="AF68921" i="1"/>
  <c r="AF68922" i="1"/>
  <c r="AF68923" i="1"/>
  <c r="AF68924" i="1"/>
  <c r="AF68925" i="1"/>
  <c r="AF68926" i="1"/>
  <c r="AF68927" i="1"/>
  <c r="AF68928" i="1"/>
  <c r="AF68929" i="1"/>
  <c r="AF68930" i="1"/>
  <c r="AF68931" i="1"/>
  <c r="AF68932" i="1"/>
  <c r="AF68933" i="1"/>
  <c r="AF68934" i="1"/>
  <c r="AF68935" i="1"/>
  <c r="AF68936" i="1"/>
  <c r="AF68937" i="1"/>
  <c r="AF68938" i="1"/>
  <c r="AF68939" i="1"/>
  <c r="AF68940" i="1"/>
  <c r="AF68941" i="1"/>
  <c r="AF68942" i="1"/>
  <c r="AF68943" i="1"/>
  <c r="AF68944" i="1"/>
  <c r="AF68945" i="1"/>
  <c r="AF68946" i="1"/>
  <c r="AF68947" i="1"/>
  <c r="AF68948" i="1"/>
  <c r="AF68949" i="1"/>
  <c r="AF68950" i="1"/>
  <c r="AF68951" i="1"/>
  <c r="AF68952" i="1"/>
  <c r="AF68953" i="1"/>
  <c r="AF68954" i="1"/>
  <c r="AF68955" i="1"/>
  <c r="AF68956" i="1"/>
  <c r="AF68957" i="1"/>
  <c r="AF68958" i="1"/>
  <c r="AF68959" i="1"/>
  <c r="AF68960" i="1"/>
  <c r="AF68961" i="1"/>
  <c r="AF68962" i="1"/>
  <c r="AF68963" i="1"/>
  <c r="AF68964" i="1"/>
  <c r="AF68965" i="1"/>
  <c r="AF68966" i="1"/>
  <c r="AF68967" i="1"/>
  <c r="AF68968" i="1"/>
  <c r="AF68969" i="1"/>
  <c r="AF68970" i="1"/>
  <c r="AF68971" i="1"/>
  <c r="AF68972" i="1"/>
  <c r="AF68973" i="1"/>
  <c r="AF68974" i="1"/>
  <c r="AF68975" i="1"/>
  <c r="AF68976" i="1"/>
  <c r="AF68977" i="1"/>
  <c r="AF68978" i="1"/>
  <c r="AF68979" i="1"/>
  <c r="AF68980" i="1"/>
  <c r="AF68981" i="1"/>
  <c r="AF68982" i="1"/>
  <c r="AF68983" i="1"/>
  <c r="AF68984" i="1"/>
  <c r="AF68985" i="1"/>
  <c r="AF68986" i="1"/>
  <c r="AF68987" i="1"/>
  <c r="AF68988" i="1"/>
  <c r="AF68989" i="1"/>
  <c r="AF68990" i="1"/>
  <c r="AF68991" i="1"/>
  <c r="AF68992" i="1"/>
  <c r="AF68993" i="1"/>
  <c r="AF68994" i="1"/>
  <c r="AF68995" i="1"/>
  <c r="AF68996" i="1"/>
  <c r="AF68997" i="1"/>
  <c r="AF68998" i="1"/>
  <c r="AF68999" i="1"/>
  <c r="AF69000" i="1"/>
  <c r="AF69001" i="1"/>
  <c r="AF69002" i="1"/>
  <c r="AF69003" i="1"/>
  <c r="AF69004" i="1"/>
  <c r="AF69005" i="1"/>
  <c r="AF69006" i="1"/>
  <c r="AF69007" i="1"/>
  <c r="AF69008" i="1"/>
  <c r="AF69009" i="1"/>
  <c r="AF69010" i="1"/>
  <c r="AF69011" i="1"/>
  <c r="AF69012" i="1"/>
  <c r="AF69013" i="1"/>
  <c r="AF69014" i="1"/>
  <c r="AF69015" i="1"/>
  <c r="AF69016" i="1"/>
  <c r="AF69017" i="1"/>
  <c r="AF69018" i="1"/>
  <c r="AF69019" i="1"/>
  <c r="AF69020" i="1"/>
  <c r="AF69021" i="1"/>
  <c r="AF69022" i="1"/>
  <c r="AF69023" i="1"/>
  <c r="AF69024" i="1"/>
  <c r="AF69025" i="1"/>
  <c r="AF69026" i="1"/>
  <c r="AF69027" i="1"/>
  <c r="AF69028" i="1"/>
  <c r="AF69029" i="1"/>
  <c r="AF69030" i="1"/>
  <c r="AF69031" i="1"/>
  <c r="AF69032" i="1"/>
  <c r="AF69033" i="1"/>
  <c r="AF69034" i="1"/>
  <c r="AF69035" i="1"/>
  <c r="AF69036" i="1"/>
  <c r="AF69037" i="1"/>
  <c r="AF69038" i="1"/>
  <c r="AF69039" i="1"/>
  <c r="AF69040" i="1"/>
  <c r="AF69041" i="1"/>
  <c r="AF69042" i="1"/>
  <c r="AF69043" i="1"/>
  <c r="AF69044" i="1"/>
  <c r="AF69045" i="1"/>
  <c r="AF69046" i="1"/>
  <c r="AF69047" i="1"/>
  <c r="AF69048" i="1"/>
  <c r="AF69049" i="1"/>
  <c r="AF69050" i="1"/>
  <c r="AF69051" i="1"/>
  <c r="AF69052" i="1"/>
  <c r="AF69053" i="1"/>
  <c r="AF69054" i="1"/>
  <c r="AF69055" i="1"/>
  <c r="AF69056" i="1"/>
  <c r="AF69057" i="1"/>
  <c r="AF69058" i="1"/>
  <c r="AF69059" i="1"/>
  <c r="AF69060" i="1"/>
  <c r="AF69061" i="1"/>
  <c r="AF69062" i="1"/>
  <c r="AF69063" i="1"/>
  <c r="AF69064" i="1"/>
  <c r="AF69065" i="1"/>
  <c r="AF69066" i="1"/>
  <c r="AF69067" i="1"/>
  <c r="AF69068" i="1"/>
  <c r="AF69069" i="1"/>
  <c r="AF69070" i="1"/>
  <c r="AF69071" i="1"/>
  <c r="AF69072" i="1"/>
  <c r="AF69073" i="1"/>
  <c r="AF69074" i="1"/>
  <c r="AF69075" i="1"/>
  <c r="AF69076" i="1"/>
  <c r="AF69077" i="1"/>
  <c r="AF69078" i="1"/>
  <c r="AF69079" i="1"/>
  <c r="AF69080" i="1"/>
  <c r="AF69081" i="1"/>
  <c r="AF69082" i="1"/>
  <c r="AF69083" i="1"/>
  <c r="AF69084" i="1"/>
  <c r="AF69085" i="1"/>
  <c r="AF69086" i="1"/>
  <c r="AF69087" i="1"/>
  <c r="AF69088" i="1"/>
  <c r="AF69089" i="1"/>
  <c r="AF69090" i="1"/>
  <c r="AF69091" i="1"/>
  <c r="AF69092" i="1"/>
  <c r="AF69093" i="1"/>
  <c r="AF69094" i="1"/>
  <c r="AF69095" i="1"/>
  <c r="AF69096" i="1"/>
  <c r="AF69097" i="1"/>
  <c r="AF69098" i="1"/>
  <c r="AF69099" i="1"/>
  <c r="AF69100" i="1"/>
  <c r="AF69101" i="1"/>
  <c r="AF69102" i="1"/>
  <c r="AF69103" i="1"/>
  <c r="AF69104" i="1"/>
  <c r="AF69105" i="1"/>
  <c r="AF69106" i="1"/>
  <c r="AF69107" i="1"/>
  <c r="AF69108" i="1"/>
  <c r="AF69109" i="1"/>
  <c r="AF69110" i="1"/>
  <c r="AF69111" i="1"/>
  <c r="AF69112" i="1"/>
  <c r="AF69113" i="1"/>
  <c r="AF69114" i="1"/>
  <c r="AF69115" i="1"/>
  <c r="AF69116" i="1"/>
  <c r="AF69117" i="1"/>
  <c r="AF69118" i="1"/>
  <c r="AF69119" i="1"/>
  <c r="AF69120" i="1"/>
  <c r="AF69121" i="1"/>
  <c r="AF69122" i="1"/>
  <c r="AF69123" i="1"/>
  <c r="AF69124" i="1"/>
  <c r="AF69125" i="1"/>
  <c r="AF69126" i="1"/>
  <c r="AF69127" i="1"/>
  <c r="AF69128" i="1"/>
  <c r="AF69129" i="1"/>
  <c r="AF69130" i="1"/>
  <c r="AF69131" i="1"/>
  <c r="AF69132" i="1"/>
  <c r="AF69133" i="1"/>
  <c r="AF69134" i="1"/>
  <c r="AF69135" i="1"/>
  <c r="AF69136" i="1"/>
  <c r="AF69137" i="1"/>
  <c r="AF69138" i="1"/>
  <c r="AF69139" i="1"/>
  <c r="AF69140" i="1"/>
  <c r="AF69141" i="1"/>
  <c r="AF69142" i="1"/>
  <c r="AF69143" i="1"/>
  <c r="AF69144" i="1"/>
  <c r="AF69145" i="1"/>
  <c r="AF69146" i="1"/>
  <c r="AF69147" i="1"/>
  <c r="AF69148" i="1"/>
  <c r="AF69149" i="1"/>
  <c r="AF69150" i="1"/>
  <c r="AF69151" i="1"/>
  <c r="AF69152" i="1"/>
  <c r="AF69153" i="1"/>
  <c r="AF69154" i="1"/>
  <c r="AF69155" i="1"/>
  <c r="AF69156" i="1"/>
  <c r="AF69157" i="1"/>
  <c r="AF69158" i="1"/>
  <c r="AF69159" i="1"/>
  <c r="AF69160" i="1"/>
  <c r="AF69161" i="1"/>
  <c r="AF69162" i="1"/>
  <c r="AF69163" i="1"/>
  <c r="AF69164" i="1"/>
  <c r="AF69165" i="1"/>
  <c r="AF69166" i="1"/>
  <c r="AF69167" i="1"/>
  <c r="AF69168" i="1"/>
  <c r="AF69169" i="1"/>
  <c r="AF69170" i="1"/>
  <c r="AF69171" i="1"/>
  <c r="AF69172" i="1"/>
  <c r="AF69173" i="1"/>
  <c r="AF69174" i="1"/>
  <c r="AF69175" i="1"/>
  <c r="AF69176" i="1"/>
  <c r="AF69177" i="1"/>
  <c r="AF69178" i="1"/>
  <c r="AF69179" i="1"/>
  <c r="AF69180" i="1"/>
  <c r="AF69181" i="1"/>
  <c r="AF69182" i="1"/>
  <c r="AF69183" i="1"/>
  <c r="AF69184" i="1"/>
  <c r="AF69185" i="1"/>
  <c r="AF69186" i="1"/>
  <c r="AF69187" i="1"/>
  <c r="AF69188" i="1"/>
  <c r="AF69189" i="1"/>
  <c r="AF69190" i="1"/>
  <c r="AF69191" i="1"/>
  <c r="AF69192" i="1"/>
  <c r="AF69193" i="1"/>
  <c r="AF69194" i="1"/>
  <c r="AF69195" i="1"/>
  <c r="AF69196" i="1"/>
  <c r="AF69197" i="1"/>
  <c r="AF69198" i="1"/>
  <c r="AF69199" i="1"/>
  <c r="AF69200" i="1"/>
  <c r="AF69201" i="1"/>
  <c r="AF69202" i="1"/>
  <c r="AF69203" i="1"/>
  <c r="AF69204" i="1"/>
  <c r="AF69205" i="1"/>
  <c r="AF69206" i="1"/>
  <c r="AF69207" i="1"/>
  <c r="AF69208" i="1"/>
  <c r="AF69209" i="1"/>
  <c r="AF69210" i="1"/>
  <c r="AF69211" i="1"/>
  <c r="AF69212" i="1"/>
  <c r="AF69213" i="1"/>
  <c r="AF69214" i="1"/>
  <c r="AF69215" i="1"/>
  <c r="AF69216" i="1"/>
  <c r="AF69217" i="1"/>
  <c r="AF69218" i="1"/>
  <c r="AF69219" i="1"/>
  <c r="AF69220" i="1"/>
  <c r="AF69221" i="1"/>
  <c r="AF69222" i="1"/>
  <c r="AF69223" i="1"/>
  <c r="AF69224" i="1"/>
  <c r="AF69225" i="1"/>
  <c r="AF69226" i="1"/>
  <c r="AF69227" i="1"/>
  <c r="AF69228" i="1"/>
  <c r="AF69229" i="1"/>
  <c r="AF69230" i="1"/>
  <c r="AF69231" i="1"/>
  <c r="AF69232" i="1"/>
  <c r="AF69233" i="1"/>
  <c r="AF69234" i="1"/>
  <c r="AF69235" i="1"/>
  <c r="AF69236" i="1"/>
  <c r="AF69237" i="1"/>
  <c r="AF69238" i="1"/>
  <c r="AF69239" i="1"/>
  <c r="AF69240" i="1"/>
  <c r="AF69241" i="1"/>
  <c r="AF69242" i="1"/>
  <c r="AF69243" i="1"/>
  <c r="AF69244" i="1"/>
  <c r="AF69245" i="1"/>
  <c r="AF69246" i="1"/>
  <c r="AF69247" i="1"/>
  <c r="AF69248" i="1"/>
  <c r="AF69249" i="1"/>
  <c r="AF69250" i="1"/>
  <c r="AF69251" i="1"/>
  <c r="AF69252" i="1"/>
  <c r="AF69253" i="1"/>
  <c r="AF69254" i="1"/>
  <c r="AF69255" i="1"/>
  <c r="AF69256" i="1"/>
  <c r="AF69257" i="1"/>
  <c r="AF69258" i="1"/>
  <c r="AF69259" i="1"/>
  <c r="AF69260" i="1"/>
  <c r="AF69261" i="1"/>
  <c r="AF69262" i="1"/>
  <c r="AF69263" i="1"/>
  <c r="AF69264" i="1"/>
  <c r="AF69265" i="1"/>
  <c r="AF69266" i="1"/>
  <c r="AF69267" i="1"/>
  <c r="AF69268" i="1"/>
  <c r="AF69269" i="1"/>
  <c r="AF69270" i="1"/>
  <c r="AF69271" i="1"/>
  <c r="AF69272" i="1"/>
  <c r="AF69273" i="1"/>
  <c r="AF69274" i="1"/>
  <c r="AF69275" i="1"/>
  <c r="AF69276" i="1"/>
  <c r="AF69277" i="1"/>
  <c r="AF69278" i="1"/>
  <c r="AF69279" i="1"/>
  <c r="AF69280" i="1"/>
  <c r="AF69281" i="1"/>
  <c r="AF69282" i="1"/>
  <c r="AF69283" i="1"/>
  <c r="AF69284" i="1"/>
  <c r="AF69285" i="1"/>
  <c r="AF69286" i="1"/>
  <c r="AF69287" i="1"/>
  <c r="AF69288" i="1"/>
  <c r="AF69289" i="1"/>
  <c r="AF69290" i="1"/>
  <c r="AF69291" i="1"/>
  <c r="AF69292" i="1"/>
  <c r="AF69293" i="1"/>
  <c r="AF69294" i="1"/>
  <c r="AF69295" i="1"/>
  <c r="AF69296" i="1"/>
  <c r="AF69297" i="1"/>
  <c r="AF69298" i="1"/>
  <c r="AF69299" i="1"/>
  <c r="AF69300" i="1"/>
  <c r="AF69301" i="1"/>
  <c r="AF69302" i="1"/>
  <c r="AF69303" i="1"/>
  <c r="AF69304" i="1"/>
  <c r="AF69305" i="1"/>
  <c r="AF69306" i="1"/>
  <c r="AF69307" i="1"/>
  <c r="AF69308" i="1"/>
  <c r="AF69309" i="1"/>
  <c r="AF69310" i="1"/>
  <c r="AF69311" i="1"/>
  <c r="AF69312" i="1"/>
  <c r="AF69313" i="1"/>
  <c r="AF69314" i="1"/>
  <c r="AF69315" i="1"/>
  <c r="AF69316" i="1"/>
  <c r="AF69317" i="1"/>
  <c r="AF69318" i="1"/>
  <c r="AF69319" i="1"/>
  <c r="AF69320" i="1"/>
  <c r="AF69321" i="1"/>
  <c r="AF69322" i="1"/>
  <c r="AF69323" i="1"/>
  <c r="AF69324" i="1"/>
  <c r="AF69325" i="1"/>
  <c r="AF69326" i="1"/>
  <c r="AF69327" i="1"/>
  <c r="AF69328" i="1"/>
  <c r="AF69329" i="1"/>
  <c r="AF69330" i="1"/>
  <c r="AF69331" i="1"/>
  <c r="AF69332" i="1"/>
  <c r="AF69333" i="1"/>
  <c r="AF69334" i="1"/>
  <c r="AF69335" i="1"/>
  <c r="AF69336" i="1"/>
  <c r="AF69337" i="1"/>
  <c r="AF69338" i="1"/>
  <c r="AF69339" i="1"/>
  <c r="AF69340" i="1"/>
  <c r="AF69341" i="1"/>
  <c r="AF69342" i="1"/>
  <c r="AF69343" i="1"/>
  <c r="AF69344" i="1"/>
  <c r="AF69345" i="1"/>
  <c r="AF69346" i="1"/>
  <c r="AF69347" i="1"/>
  <c r="AF69348" i="1"/>
  <c r="AF69349" i="1"/>
  <c r="AF69350" i="1"/>
  <c r="AF69351" i="1"/>
  <c r="AF69352" i="1"/>
  <c r="AF69353" i="1"/>
  <c r="AF69354" i="1"/>
  <c r="AF69355" i="1"/>
  <c r="AF69356" i="1"/>
  <c r="AF69357" i="1"/>
  <c r="AF69358" i="1"/>
  <c r="AF69359" i="1"/>
  <c r="AF69360" i="1"/>
  <c r="AF69361" i="1"/>
  <c r="AF69362" i="1"/>
  <c r="AF69363" i="1"/>
  <c r="AF69364" i="1"/>
  <c r="AF69365" i="1"/>
  <c r="AF69366" i="1"/>
  <c r="AF69367" i="1"/>
  <c r="AF69368" i="1"/>
  <c r="AF69369" i="1"/>
  <c r="AF69370" i="1"/>
  <c r="AF69371" i="1"/>
  <c r="AF69372" i="1"/>
  <c r="AF69373" i="1"/>
  <c r="AF69374" i="1"/>
  <c r="AF69375" i="1"/>
  <c r="AF69376" i="1"/>
  <c r="AF69377" i="1"/>
  <c r="AF69378" i="1"/>
  <c r="AF69379" i="1"/>
  <c r="AF69380" i="1"/>
  <c r="AF69381" i="1"/>
  <c r="AF69382" i="1"/>
  <c r="AF69383" i="1"/>
  <c r="AF69384" i="1"/>
  <c r="AF69385" i="1"/>
  <c r="AF69386" i="1"/>
  <c r="AF69387" i="1"/>
  <c r="AF69388" i="1"/>
  <c r="AF69389" i="1"/>
  <c r="AF69390" i="1"/>
  <c r="AF69391" i="1"/>
  <c r="AF69392" i="1"/>
  <c r="AF69393" i="1"/>
  <c r="AF69394" i="1"/>
  <c r="AF69395" i="1"/>
  <c r="AF69396" i="1"/>
  <c r="AF69397" i="1"/>
  <c r="AF69398" i="1"/>
  <c r="AF69399" i="1"/>
  <c r="AF69400" i="1"/>
  <c r="AF69401" i="1"/>
  <c r="AF69402" i="1"/>
  <c r="AF69403" i="1"/>
  <c r="AF69404" i="1"/>
  <c r="AF69405" i="1"/>
  <c r="AF69406" i="1"/>
  <c r="AF69407" i="1"/>
  <c r="AF69408" i="1"/>
  <c r="AF69409" i="1"/>
  <c r="AF69410" i="1"/>
  <c r="AF69411" i="1"/>
  <c r="AF69412" i="1"/>
  <c r="AF69413" i="1"/>
  <c r="AF69414" i="1"/>
  <c r="AF69415" i="1"/>
  <c r="AF69416" i="1"/>
  <c r="AF69417" i="1"/>
  <c r="AF69418" i="1"/>
  <c r="AF69419" i="1"/>
  <c r="AF69420" i="1"/>
  <c r="AF69421" i="1"/>
  <c r="AF69422" i="1"/>
  <c r="AF69423" i="1"/>
  <c r="AF69424" i="1"/>
  <c r="AF69425" i="1"/>
  <c r="AF69426" i="1"/>
  <c r="AF69427" i="1"/>
  <c r="AF69428" i="1"/>
  <c r="AF69429" i="1"/>
  <c r="AF69430" i="1"/>
  <c r="AF69431" i="1"/>
  <c r="AF69432" i="1"/>
  <c r="AF69433" i="1"/>
  <c r="AF69434" i="1"/>
  <c r="AF69435" i="1"/>
  <c r="AF69436" i="1"/>
  <c r="AF69437" i="1"/>
  <c r="AF69438" i="1"/>
  <c r="AF69439" i="1"/>
  <c r="AF69440" i="1"/>
  <c r="AF69441" i="1"/>
  <c r="AF69442" i="1"/>
  <c r="AF69443" i="1"/>
  <c r="AF69444" i="1"/>
  <c r="AF69445" i="1"/>
  <c r="AF69446" i="1"/>
  <c r="AF69447" i="1"/>
  <c r="AF69448" i="1"/>
  <c r="AF69449" i="1"/>
  <c r="AF69450" i="1"/>
  <c r="AF69451" i="1"/>
  <c r="AF69452" i="1"/>
  <c r="AF69453" i="1"/>
  <c r="AF69454" i="1"/>
  <c r="AF69455" i="1"/>
  <c r="AF69456" i="1"/>
  <c r="AF69457" i="1"/>
  <c r="AF69458" i="1"/>
  <c r="AF69459" i="1"/>
  <c r="AF69460" i="1"/>
  <c r="AF69461" i="1"/>
  <c r="AF69462" i="1"/>
  <c r="AF69463" i="1"/>
  <c r="AF69464" i="1"/>
  <c r="AF69465" i="1"/>
  <c r="AF69466" i="1"/>
  <c r="AF69467" i="1"/>
  <c r="AF69468" i="1"/>
  <c r="AF69469" i="1"/>
  <c r="AF69470" i="1"/>
  <c r="AF69471" i="1"/>
  <c r="AF69472" i="1"/>
  <c r="AF69473" i="1"/>
  <c r="AF69474" i="1"/>
  <c r="AF69475" i="1"/>
  <c r="AF69476" i="1"/>
  <c r="AF69477" i="1"/>
  <c r="AF69478" i="1"/>
  <c r="AF69479" i="1"/>
  <c r="AF69480" i="1"/>
  <c r="AF69481" i="1"/>
  <c r="AF69482" i="1"/>
  <c r="AF69483" i="1"/>
  <c r="AF69484" i="1"/>
  <c r="AF69485" i="1"/>
  <c r="AF69486" i="1"/>
  <c r="AF69487" i="1"/>
  <c r="AF69488" i="1"/>
  <c r="AF69489" i="1"/>
  <c r="AF69490" i="1"/>
  <c r="AF69491" i="1"/>
  <c r="AF69492" i="1"/>
  <c r="AF69493" i="1"/>
  <c r="AF69494" i="1"/>
  <c r="AF69495" i="1"/>
  <c r="AF69496" i="1"/>
  <c r="AF69497" i="1"/>
  <c r="AF69498" i="1"/>
  <c r="AF69499" i="1"/>
  <c r="AF69500" i="1"/>
  <c r="AF69501" i="1"/>
  <c r="AF69502" i="1"/>
  <c r="AF69503" i="1"/>
  <c r="AF69504" i="1"/>
  <c r="AF69505" i="1"/>
  <c r="AF69506" i="1"/>
  <c r="AF69507" i="1"/>
  <c r="AF69508" i="1"/>
  <c r="AF69509" i="1"/>
  <c r="AF69510" i="1"/>
  <c r="AF69511" i="1"/>
  <c r="AF69512" i="1"/>
  <c r="AF69513" i="1"/>
  <c r="AF69514" i="1"/>
  <c r="AF69515" i="1"/>
  <c r="AF69516" i="1"/>
  <c r="AF69517" i="1"/>
  <c r="AF69518" i="1"/>
  <c r="AF69519" i="1"/>
  <c r="AF69520" i="1"/>
  <c r="AF69521" i="1"/>
  <c r="AF69522" i="1"/>
  <c r="AF69523" i="1"/>
  <c r="AF69524" i="1"/>
  <c r="AF69525" i="1"/>
  <c r="AF69526" i="1"/>
  <c r="AF69527" i="1"/>
  <c r="AF69528" i="1"/>
  <c r="AF69529" i="1"/>
  <c r="AF69530" i="1"/>
  <c r="AF69531" i="1"/>
  <c r="AF69532" i="1"/>
  <c r="AF69533" i="1"/>
  <c r="AF69534" i="1"/>
  <c r="AF69535" i="1"/>
  <c r="AF69536" i="1"/>
  <c r="AF69537" i="1"/>
  <c r="AF69538" i="1"/>
  <c r="AF69539" i="1"/>
  <c r="AF69540" i="1"/>
  <c r="AF69541" i="1"/>
  <c r="AF69542" i="1"/>
  <c r="AF69543" i="1"/>
  <c r="AF69544" i="1"/>
  <c r="AF69545" i="1"/>
  <c r="AF69546" i="1"/>
  <c r="AF69547" i="1"/>
  <c r="AF69548" i="1"/>
  <c r="AF69549" i="1"/>
  <c r="AF69550" i="1"/>
  <c r="AF69551" i="1"/>
  <c r="AF69552" i="1"/>
  <c r="AF69553" i="1"/>
  <c r="AF69554" i="1"/>
  <c r="AF69555" i="1"/>
  <c r="AF69556" i="1"/>
  <c r="AF69557" i="1"/>
  <c r="AF69558" i="1"/>
  <c r="AF69559" i="1"/>
  <c r="AF69560" i="1"/>
  <c r="AF69561" i="1"/>
  <c r="AF69562" i="1"/>
  <c r="AF69563" i="1"/>
  <c r="AF69564" i="1"/>
  <c r="AF69565" i="1"/>
  <c r="AF69566" i="1"/>
  <c r="AF69567" i="1"/>
  <c r="AF69568" i="1"/>
  <c r="AF69569" i="1"/>
  <c r="AF69570" i="1"/>
  <c r="AF69571" i="1"/>
  <c r="AF69572" i="1"/>
  <c r="AF69573" i="1"/>
  <c r="AF69574" i="1"/>
  <c r="AF69575" i="1"/>
  <c r="AF69576" i="1"/>
  <c r="AF69577" i="1"/>
  <c r="AF69578" i="1"/>
  <c r="AF69579" i="1"/>
  <c r="AF69580" i="1"/>
  <c r="AF69581" i="1"/>
  <c r="AF69582" i="1"/>
  <c r="AF69583" i="1"/>
  <c r="AF69584" i="1"/>
  <c r="AF69585" i="1"/>
  <c r="AF69586" i="1"/>
  <c r="AF69587" i="1"/>
  <c r="AF69588" i="1"/>
  <c r="AF69589" i="1"/>
  <c r="AF69590" i="1"/>
  <c r="AF69591" i="1"/>
  <c r="AF69592" i="1"/>
  <c r="AF69593" i="1"/>
  <c r="AF69594" i="1"/>
  <c r="AF69595" i="1"/>
  <c r="AF69596" i="1"/>
  <c r="AF69597" i="1"/>
  <c r="AF69598" i="1"/>
  <c r="AF69599" i="1"/>
  <c r="AF69600" i="1"/>
  <c r="AF69601" i="1"/>
  <c r="AF69602" i="1"/>
  <c r="AF69603" i="1"/>
  <c r="AF69604" i="1"/>
  <c r="AF69605" i="1"/>
  <c r="AF69606" i="1"/>
  <c r="AF69607" i="1"/>
  <c r="AF69608" i="1"/>
  <c r="AF69609" i="1"/>
  <c r="AF69610" i="1"/>
  <c r="AF69611" i="1"/>
  <c r="AF69612" i="1"/>
  <c r="AF69613" i="1"/>
  <c r="AF69614" i="1"/>
  <c r="AF69615" i="1"/>
  <c r="AF69616" i="1"/>
  <c r="AF69617" i="1"/>
  <c r="AF69618" i="1"/>
  <c r="AF69619" i="1"/>
  <c r="AF69620" i="1"/>
  <c r="AF69621" i="1"/>
  <c r="AF69622" i="1"/>
  <c r="AF69623" i="1"/>
  <c r="AF69624" i="1"/>
  <c r="AF69625" i="1"/>
  <c r="AF69626" i="1"/>
  <c r="AF69627" i="1"/>
  <c r="AF69628" i="1"/>
  <c r="AF69629" i="1"/>
  <c r="AF69630" i="1"/>
  <c r="AF69631" i="1"/>
  <c r="AF69632" i="1"/>
  <c r="AF69633" i="1"/>
  <c r="AF69634" i="1"/>
  <c r="AF69635" i="1"/>
  <c r="AF69636" i="1"/>
  <c r="AF69637" i="1"/>
  <c r="AF69638" i="1"/>
  <c r="AF69639" i="1"/>
  <c r="AF69640" i="1"/>
  <c r="AF69641" i="1"/>
  <c r="AF69642" i="1"/>
  <c r="AF69643" i="1"/>
  <c r="AF69644" i="1"/>
  <c r="AF69645" i="1"/>
  <c r="AF69646" i="1"/>
  <c r="AF69647" i="1"/>
  <c r="AF69648" i="1"/>
  <c r="AF69649" i="1"/>
  <c r="AF69650" i="1"/>
  <c r="AF69651" i="1"/>
  <c r="AF69652" i="1"/>
  <c r="AF69653" i="1"/>
  <c r="AF69654" i="1"/>
  <c r="AF69655" i="1"/>
  <c r="AF69656" i="1"/>
  <c r="AF69657" i="1"/>
  <c r="AF69658" i="1"/>
  <c r="AF69659" i="1"/>
  <c r="AF69660" i="1"/>
  <c r="AF69661" i="1"/>
  <c r="AF69662" i="1"/>
  <c r="AF69663" i="1"/>
  <c r="AF69664" i="1"/>
  <c r="AF69665" i="1"/>
  <c r="AF69666" i="1"/>
  <c r="AF69667" i="1"/>
  <c r="AF69668" i="1"/>
  <c r="AF69669" i="1"/>
  <c r="AF69670" i="1"/>
  <c r="AF69671" i="1"/>
  <c r="AF69672" i="1"/>
  <c r="AF69673" i="1"/>
  <c r="AF69674" i="1"/>
  <c r="AF69675" i="1"/>
  <c r="AF69676" i="1"/>
  <c r="AF69677" i="1"/>
  <c r="AF69678" i="1"/>
  <c r="AF69679" i="1"/>
  <c r="AF69680" i="1"/>
  <c r="AF69681" i="1"/>
  <c r="AF69682" i="1"/>
  <c r="AF69683" i="1"/>
  <c r="AF69684" i="1"/>
  <c r="AF69685" i="1"/>
  <c r="AF69686" i="1"/>
  <c r="AF69687" i="1"/>
  <c r="AF69688" i="1"/>
  <c r="AF69689" i="1"/>
  <c r="AF69690" i="1"/>
  <c r="AF69691" i="1"/>
  <c r="AF69692" i="1"/>
  <c r="AF69693" i="1"/>
  <c r="AF69694" i="1"/>
  <c r="AF69695" i="1"/>
  <c r="AF69696" i="1"/>
  <c r="AF69697" i="1"/>
  <c r="AF69698" i="1"/>
  <c r="AF69699" i="1"/>
  <c r="AF69700" i="1"/>
  <c r="AF69701" i="1"/>
  <c r="AF69702" i="1"/>
  <c r="AF69703" i="1"/>
  <c r="AF69704" i="1"/>
  <c r="AF69705" i="1"/>
  <c r="AF69706" i="1"/>
  <c r="AF69707" i="1"/>
  <c r="AF69708" i="1"/>
  <c r="AF69709" i="1"/>
  <c r="AF69710" i="1"/>
  <c r="AF69711" i="1"/>
  <c r="AF69712" i="1"/>
  <c r="AF69713" i="1"/>
  <c r="AF69714" i="1"/>
  <c r="AF69715" i="1"/>
  <c r="AF69716" i="1"/>
  <c r="AF69717" i="1"/>
  <c r="AF69718" i="1"/>
  <c r="AF69719" i="1"/>
  <c r="AF69720" i="1"/>
  <c r="AF69721" i="1"/>
  <c r="AF69722" i="1"/>
  <c r="AF69723" i="1"/>
  <c r="AF69724" i="1"/>
  <c r="AF69725" i="1"/>
  <c r="AF69726" i="1"/>
  <c r="AF69727" i="1"/>
  <c r="AF69728" i="1"/>
  <c r="AF69729" i="1"/>
  <c r="AF69730" i="1"/>
  <c r="AF69731" i="1"/>
  <c r="AF69732" i="1"/>
  <c r="AF69733" i="1"/>
  <c r="AF69734" i="1"/>
  <c r="AF69735" i="1"/>
  <c r="AF69736" i="1"/>
  <c r="AF69737" i="1"/>
  <c r="AF69738" i="1"/>
  <c r="AF69739" i="1"/>
  <c r="AF69740" i="1"/>
  <c r="AF69741" i="1"/>
  <c r="AF69742" i="1"/>
  <c r="AF69743" i="1"/>
  <c r="AF69744" i="1"/>
  <c r="AF69745" i="1"/>
  <c r="AF69746" i="1"/>
  <c r="AF69747" i="1"/>
  <c r="AF69748" i="1"/>
  <c r="AF69749" i="1"/>
  <c r="AF69750" i="1"/>
  <c r="AF69751" i="1"/>
  <c r="AF69752" i="1"/>
  <c r="AF69753" i="1"/>
  <c r="AF69754" i="1"/>
  <c r="AF69755" i="1"/>
  <c r="AF69756" i="1"/>
  <c r="AF69757" i="1"/>
  <c r="AF69758" i="1"/>
  <c r="AF69759" i="1"/>
  <c r="AF69760" i="1"/>
  <c r="AF69761" i="1"/>
  <c r="AF69762" i="1"/>
  <c r="AF69763" i="1"/>
  <c r="AF69764" i="1"/>
  <c r="AF69765" i="1"/>
  <c r="AF69766" i="1"/>
  <c r="AF69767" i="1"/>
  <c r="AF69768" i="1"/>
  <c r="AF69769" i="1"/>
  <c r="AF69770" i="1"/>
  <c r="AF69771" i="1"/>
  <c r="AF69772" i="1"/>
  <c r="AF69773" i="1"/>
  <c r="AF69774" i="1"/>
  <c r="AF69775" i="1"/>
  <c r="AF69776" i="1"/>
  <c r="AF69777" i="1"/>
  <c r="AF69778" i="1"/>
  <c r="AF69779" i="1"/>
  <c r="AF69780" i="1"/>
  <c r="AF69781" i="1"/>
  <c r="AF69782" i="1"/>
  <c r="AF69783" i="1"/>
  <c r="AF69784" i="1"/>
  <c r="AF69785" i="1"/>
  <c r="AF69786" i="1"/>
  <c r="AF69787" i="1"/>
  <c r="AF69788" i="1"/>
  <c r="AF69789" i="1"/>
  <c r="AF69790" i="1"/>
  <c r="AF69791" i="1"/>
  <c r="AF69792" i="1"/>
  <c r="AF69793" i="1"/>
  <c r="AF69794" i="1"/>
  <c r="AF69795" i="1"/>
  <c r="AF69796" i="1"/>
  <c r="AF69797" i="1"/>
  <c r="AF69798" i="1"/>
  <c r="AF69799" i="1"/>
  <c r="AF69800" i="1"/>
  <c r="AF69801" i="1"/>
  <c r="AF69802" i="1"/>
  <c r="AF69803" i="1"/>
  <c r="AF69804" i="1"/>
  <c r="AF69805" i="1"/>
  <c r="AF69806" i="1"/>
  <c r="AF69807" i="1"/>
  <c r="AF69808" i="1"/>
  <c r="AF69809" i="1"/>
  <c r="AF69810" i="1"/>
  <c r="AF69811" i="1"/>
  <c r="AF69812" i="1"/>
  <c r="AF69813" i="1"/>
  <c r="AF69814" i="1"/>
  <c r="AF69815" i="1"/>
  <c r="AF69816" i="1"/>
  <c r="AF69817" i="1"/>
  <c r="AF69818" i="1"/>
  <c r="AF69819" i="1"/>
  <c r="AF69820" i="1"/>
  <c r="AF69821" i="1"/>
  <c r="AF69822" i="1"/>
  <c r="AF69823" i="1"/>
  <c r="AF69824" i="1"/>
  <c r="AF69825" i="1"/>
  <c r="AF69826" i="1"/>
  <c r="AF69827" i="1"/>
  <c r="AF69828" i="1"/>
  <c r="AF69829" i="1"/>
  <c r="AF69830" i="1"/>
  <c r="AF69831" i="1"/>
  <c r="AF69832" i="1"/>
  <c r="AF69833" i="1"/>
  <c r="AF69834" i="1"/>
  <c r="AF69835" i="1"/>
  <c r="AF69836" i="1"/>
  <c r="AF69837" i="1"/>
  <c r="AF69838" i="1"/>
  <c r="AF69839" i="1"/>
  <c r="AF69840" i="1"/>
  <c r="AF69841" i="1"/>
  <c r="AF69842" i="1"/>
  <c r="AF69843" i="1"/>
  <c r="AF69844" i="1"/>
  <c r="AF69845" i="1"/>
  <c r="AF69846" i="1"/>
  <c r="AF69847" i="1"/>
  <c r="AF69848" i="1"/>
  <c r="AF69849" i="1"/>
  <c r="AF69850" i="1"/>
  <c r="AF69851" i="1"/>
  <c r="AF69852" i="1"/>
  <c r="AF69853" i="1"/>
  <c r="AF69854" i="1"/>
  <c r="AF69855" i="1"/>
  <c r="AF69856" i="1"/>
  <c r="AF69857" i="1"/>
  <c r="AF69858" i="1"/>
  <c r="AF69859" i="1"/>
  <c r="AF69860" i="1"/>
  <c r="AF69861" i="1"/>
  <c r="AF69862" i="1"/>
  <c r="AF69863" i="1"/>
  <c r="AF69864" i="1"/>
  <c r="AF69865" i="1"/>
  <c r="AF69866" i="1"/>
  <c r="AF69867" i="1"/>
  <c r="AF69868" i="1"/>
  <c r="AF69869" i="1"/>
  <c r="AF69870" i="1"/>
  <c r="AF69871" i="1"/>
  <c r="AF69872" i="1"/>
  <c r="AF69873" i="1"/>
  <c r="AF69874" i="1"/>
  <c r="AF69875" i="1"/>
  <c r="AF69876" i="1"/>
  <c r="AF69877" i="1"/>
  <c r="AF69878" i="1"/>
  <c r="AF69879" i="1"/>
  <c r="AF69880" i="1"/>
  <c r="AF69881" i="1"/>
  <c r="AF69882" i="1"/>
  <c r="AF69883" i="1"/>
  <c r="AF69884" i="1"/>
  <c r="AF69885" i="1"/>
  <c r="AF69886" i="1"/>
  <c r="AF69887" i="1"/>
  <c r="AF69888" i="1"/>
  <c r="AF69889" i="1"/>
  <c r="AF69890" i="1"/>
  <c r="AF69891" i="1"/>
  <c r="AF69892" i="1"/>
  <c r="AF69893" i="1"/>
  <c r="AF69894" i="1"/>
  <c r="AF69895" i="1"/>
  <c r="AF69896" i="1"/>
  <c r="AF69897" i="1"/>
  <c r="AF69898" i="1"/>
  <c r="AF69899" i="1"/>
  <c r="AF69900" i="1"/>
  <c r="AF69901" i="1"/>
  <c r="AF69902" i="1"/>
  <c r="AF69903" i="1"/>
  <c r="AF69904" i="1"/>
  <c r="AF69905" i="1"/>
  <c r="AF69906" i="1"/>
  <c r="AF69907" i="1"/>
  <c r="AF69908" i="1"/>
  <c r="AF69909" i="1"/>
  <c r="AF69910" i="1"/>
  <c r="AF69911" i="1"/>
  <c r="AF69912" i="1"/>
  <c r="AF69913" i="1"/>
  <c r="AF69914" i="1"/>
  <c r="AF69915" i="1"/>
  <c r="AF69916" i="1"/>
  <c r="AF69917" i="1"/>
  <c r="AF69918" i="1"/>
  <c r="AF69919" i="1"/>
  <c r="AF69920" i="1"/>
  <c r="AF69921" i="1"/>
  <c r="AF69922" i="1"/>
  <c r="AF69923" i="1"/>
  <c r="AF69924" i="1"/>
  <c r="AF69925" i="1"/>
  <c r="AF69926" i="1"/>
  <c r="AF69927" i="1"/>
  <c r="AF69928" i="1"/>
  <c r="AF69929" i="1"/>
  <c r="AF69930" i="1"/>
  <c r="AF69931" i="1"/>
  <c r="AF69932" i="1"/>
  <c r="AF69933" i="1"/>
  <c r="AF69934" i="1"/>
  <c r="AF69935" i="1"/>
  <c r="AF69936" i="1"/>
  <c r="AF69937" i="1"/>
  <c r="AF69938" i="1"/>
  <c r="AF69939" i="1"/>
  <c r="AF69940" i="1"/>
  <c r="AF69941" i="1"/>
  <c r="AF69942" i="1"/>
  <c r="AF69943" i="1"/>
  <c r="AF69944" i="1"/>
  <c r="AF69945" i="1"/>
  <c r="AF69946" i="1"/>
  <c r="AF69947" i="1"/>
  <c r="AF69948" i="1"/>
  <c r="AF69949" i="1"/>
  <c r="AF69950" i="1"/>
  <c r="AF69951" i="1"/>
  <c r="AF69952" i="1"/>
  <c r="AF69953" i="1"/>
  <c r="AF69954" i="1"/>
  <c r="AF69955" i="1"/>
  <c r="AF69956" i="1"/>
  <c r="AF69957" i="1"/>
  <c r="AF69958" i="1"/>
  <c r="AF69959" i="1"/>
  <c r="AF69960" i="1"/>
  <c r="AF69961" i="1"/>
  <c r="AF69962" i="1"/>
  <c r="AF69963" i="1"/>
  <c r="AF69964" i="1"/>
  <c r="AF69965" i="1"/>
  <c r="AF69966" i="1"/>
  <c r="AF69967" i="1"/>
  <c r="AF69968" i="1"/>
  <c r="AF69969" i="1"/>
  <c r="AF69970" i="1"/>
  <c r="AF69971" i="1"/>
  <c r="AF69972" i="1"/>
  <c r="AF69973" i="1"/>
  <c r="AF69974" i="1"/>
  <c r="AF69975" i="1"/>
  <c r="AF69976" i="1"/>
  <c r="AF69977" i="1"/>
  <c r="AF69978" i="1"/>
  <c r="AF69979" i="1"/>
  <c r="AF69980" i="1"/>
  <c r="AF69981" i="1"/>
  <c r="AF69982" i="1"/>
  <c r="AF69983" i="1"/>
  <c r="AF69984" i="1"/>
  <c r="AF69985" i="1"/>
  <c r="AF69986" i="1"/>
  <c r="AF69987" i="1"/>
  <c r="AF69988" i="1"/>
  <c r="AF69989" i="1"/>
  <c r="AF69990" i="1"/>
  <c r="AF69991" i="1"/>
  <c r="AF69992" i="1"/>
  <c r="AF69993" i="1"/>
  <c r="AF69994" i="1"/>
  <c r="AF69995" i="1"/>
  <c r="AF69996" i="1"/>
  <c r="AF69997" i="1"/>
  <c r="AF69998" i="1"/>
  <c r="AF69999" i="1"/>
  <c r="AF70000" i="1"/>
  <c r="AF70001" i="1"/>
  <c r="AF70002" i="1"/>
  <c r="AF70003" i="1"/>
  <c r="AF70004" i="1"/>
  <c r="AF70005" i="1"/>
  <c r="AF70006" i="1"/>
  <c r="AF70007" i="1"/>
  <c r="AF70008" i="1"/>
  <c r="AF70009" i="1"/>
  <c r="AF70010" i="1"/>
  <c r="AF70011" i="1"/>
  <c r="AF70012" i="1"/>
  <c r="AF70013" i="1"/>
  <c r="AF70014" i="1"/>
  <c r="AF70015" i="1"/>
  <c r="AF70016" i="1"/>
  <c r="AF70017" i="1"/>
  <c r="AF70018" i="1"/>
  <c r="AF70019" i="1"/>
  <c r="AF70020" i="1"/>
  <c r="AF70021" i="1"/>
  <c r="AF70022" i="1"/>
  <c r="AF70023" i="1"/>
  <c r="AF70024" i="1"/>
  <c r="AF70025" i="1"/>
  <c r="AF70026" i="1"/>
  <c r="AF70027" i="1"/>
  <c r="AF70028" i="1"/>
  <c r="AF70029" i="1"/>
  <c r="AF70030" i="1"/>
  <c r="AF70031" i="1"/>
  <c r="AF70032" i="1"/>
  <c r="AF70033" i="1"/>
  <c r="AF70034" i="1"/>
  <c r="AF70035" i="1"/>
  <c r="AF70036" i="1"/>
  <c r="AF70037" i="1"/>
  <c r="AF70038" i="1"/>
  <c r="AF70039" i="1"/>
  <c r="AF70040" i="1"/>
  <c r="AF70041" i="1"/>
  <c r="AF70042" i="1"/>
  <c r="AF70043" i="1"/>
  <c r="AF70044" i="1"/>
  <c r="AF70045" i="1"/>
  <c r="AF70046" i="1"/>
  <c r="AF70047" i="1"/>
  <c r="AF70048" i="1"/>
  <c r="AF70049" i="1"/>
  <c r="AF70050" i="1"/>
  <c r="AF70051" i="1"/>
  <c r="AF70052" i="1"/>
  <c r="AF70053" i="1"/>
  <c r="AF70054" i="1"/>
  <c r="AF70055" i="1"/>
  <c r="AF70056" i="1"/>
  <c r="AF70057" i="1"/>
  <c r="AF70058" i="1"/>
  <c r="AF70059" i="1"/>
  <c r="AF70060" i="1"/>
  <c r="AF70061" i="1"/>
  <c r="AF70062" i="1"/>
  <c r="AF70063" i="1"/>
  <c r="AF70064" i="1"/>
  <c r="AF70065" i="1"/>
  <c r="AF70066" i="1"/>
  <c r="AF70067" i="1"/>
  <c r="AF70068" i="1"/>
  <c r="AF70069" i="1"/>
  <c r="AF70070" i="1"/>
  <c r="AF70071" i="1"/>
  <c r="AF70072" i="1"/>
  <c r="AF70073" i="1"/>
  <c r="AF70074" i="1"/>
  <c r="AF70075" i="1"/>
  <c r="AF70076" i="1"/>
  <c r="AF70077" i="1"/>
  <c r="AF70078" i="1"/>
  <c r="AF70079" i="1"/>
  <c r="AF70080" i="1"/>
  <c r="AF70081" i="1"/>
  <c r="AF70082" i="1"/>
  <c r="AF70083" i="1"/>
  <c r="AF70084" i="1"/>
  <c r="AF70085" i="1"/>
  <c r="AF70086" i="1"/>
  <c r="AF70087" i="1"/>
  <c r="AF70088" i="1"/>
  <c r="AF70089" i="1"/>
  <c r="AF70090" i="1"/>
  <c r="AF70091" i="1"/>
  <c r="AF70092" i="1"/>
  <c r="AF70093" i="1"/>
  <c r="AF70094" i="1"/>
  <c r="AF70095" i="1"/>
  <c r="AF70096" i="1"/>
  <c r="AF70097" i="1"/>
  <c r="AF70098" i="1"/>
  <c r="AF70099" i="1"/>
  <c r="AF70100" i="1"/>
  <c r="AF70101" i="1"/>
  <c r="AF70102" i="1"/>
  <c r="AF70103" i="1"/>
  <c r="AF70104" i="1"/>
  <c r="AF70105" i="1"/>
  <c r="AF70106" i="1"/>
  <c r="AF70107" i="1"/>
  <c r="AF70108" i="1"/>
  <c r="AF70109" i="1"/>
  <c r="AF70110" i="1"/>
  <c r="AF70111" i="1"/>
  <c r="AF70112" i="1"/>
  <c r="AF70113" i="1"/>
  <c r="AF70114" i="1"/>
  <c r="AF70115" i="1"/>
  <c r="AF70116" i="1"/>
  <c r="AF70117" i="1"/>
  <c r="AF70118" i="1"/>
  <c r="AF70119" i="1"/>
  <c r="AF70120" i="1"/>
  <c r="AF70121" i="1"/>
  <c r="AF70122" i="1"/>
  <c r="AF70123" i="1"/>
  <c r="AF70124" i="1"/>
  <c r="AF70125" i="1"/>
  <c r="AF70126" i="1"/>
  <c r="AF70127" i="1"/>
  <c r="AF70128" i="1"/>
  <c r="AF70129" i="1"/>
  <c r="AF70130" i="1"/>
  <c r="AF70131" i="1"/>
  <c r="AF70132" i="1"/>
  <c r="AF70133" i="1"/>
  <c r="AF70134" i="1"/>
  <c r="AF70135" i="1"/>
  <c r="AF70136" i="1"/>
  <c r="AF70137" i="1"/>
  <c r="AF70138" i="1"/>
  <c r="AF70139" i="1"/>
  <c r="AF70140" i="1"/>
  <c r="AF70141" i="1"/>
  <c r="AF70142" i="1"/>
  <c r="AF70143" i="1"/>
  <c r="AF70144" i="1"/>
  <c r="AF70145" i="1"/>
  <c r="AF70146" i="1"/>
  <c r="AF70147" i="1"/>
  <c r="AF70148" i="1"/>
  <c r="AF70149" i="1"/>
  <c r="AF70150" i="1"/>
  <c r="AF70151" i="1"/>
  <c r="AF70152" i="1"/>
  <c r="AF70153" i="1"/>
  <c r="AF70154" i="1"/>
  <c r="AF70155" i="1"/>
  <c r="AF70156" i="1"/>
  <c r="AF70157" i="1"/>
  <c r="AF70158" i="1"/>
  <c r="AF70159" i="1"/>
  <c r="AF70160" i="1"/>
  <c r="AF70161" i="1"/>
  <c r="AF70162" i="1"/>
  <c r="AF70163" i="1"/>
  <c r="AF70164" i="1"/>
  <c r="AF70165" i="1"/>
  <c r="AF70166" i="1"/>
  <c r="AF70167" i="1"/>
  <c r="AF70168" i="1"/>
  <c r="AF70169" i="1"/>
  <c r="AF70170" i="1"/>
  <c r="AF70171" i="1"/>
  <c r="AF70172" i="1"/>
  <c r="AF70173" i="1"/>
  <c r="AF70174" i="1"/>
  <c r="AF70175" i="1"/>
  <c r="AF70176" i="1"/>
  <c r="AF70177" i="1"/>
  <c r="AF70178" i="1"/>
  <c r="AF70179" i="1"/>
  <c r="AF70180" i="1"/>
  <c r="AF70181" i="1"/>
  <c r="AF70182" i="1"/>
  <c r="AF70183" i="1"/>
  <c r="AF70184" i="1"/>
  <c r="AF70185" i="1"/>
  <c r="AF70186" i="1"/>
  <c r="AF70187" i="1"/>
  <c r="AF70188" i="1"/>
  <c r="AF70189" i="1"/>
  <c r="AF70190" i="1"/>
  <c r="AF70191" i="1"/>
  <c r="AF70192" i="1"/>
  <c r="AF70193" i="1"/>
  <c r="AF70194" i="1"/>
  <c r="AF70195" i="1"/>
  <c r="AF70196" i="1"/>
  <c r="AF70197" i="1"/>
  <c r="AF70198" i="1"/>
  <c r="AF70199" i="1"/>
  <c r="AF70200" i="1"/>
  <c r="AF70201" i="1"/>
  <c r="AF70202" i="1"/>
  <c r="AF70203" i="1"/>
  <c r="AF70204" i="1"/>
  <c r="AF70205" i="1"/>
  <c r="AF70206" i="1"/>
  <c r="AF70207" i="1"/>
  <c r="AF70208" i="1"/>
  <c r="AF70209" i="1"/>
  <c r="AF70210" i="1"/>
  <c r="AF70211" i="1"/>
  <c r="AF70212" i="1"/>
  <c r="AF70213" i="1"/>
  <c r="AF70214" i="1"/>
  <c r="AF70215" i="1"/>
  <c r="AF70216" i="1"/>
  <c r="AF70217" i="1"/>
  <c r="AF70218" i="1"/>
  <c r="AF70219" i="1"/>
  <c r="AF70220" i="1"/>
  <c r="AF70221" i="1"/>
  <c r="AF70222" i="1"/>
  <c r="AF70223" i="1"/>
  <c r="AF70224" i="1"/>
  <c r="AF70225" i="1"/>
  <c r="AF70226" i="1"/>
  <c r="AF70227" i="1"/>
  <c r="AF70228" i="1"/>
  <c r="AF70229" i="1"/>
  <c r="AF70230" i="1"/>
  <c r="AF70231" i="1"/>
  <c r="AF70232" i="1"/>
  <c r="AF70233" i="1"/>
  <c r="AF70234" i="1"/>
  <c r="AF70235" i="1"/>
  <c r="AF70236" i="1"/>
  <c r="AF70237" i="1"/>
  <c r="AF70238" i="1"/>
  <c r="AF70239" i="1"/>
  <c r="AF70240" i="1"/>
  <c r="AF70241" i="1"/>
  <c r="AF70242" i="1"/>
  <c r="AF70243" i="1"/>
  <c r="AF70244" i="1"/>
  <c r="AF70245" i="1"/>
  <c r="AF70246" i="1"/>
  <c r="AF70247" i="1"/>
  <c r="AF70248" i="1"/>
  <c r="AF70249" i="1"/>
  <c r="AF70250" i="1"/>
  <c r="AF70251" i="1"/>
  <c r="AF70252" i="1"/>
  <c r="AF70253" i="1"/>
  <c r="AF70254" i="1"/>
  <c r="AF70255" i="1"/>
  <c r="AF70256" i="1"/>
  <c r="AF70257" i="1"/>
  <c r="AF70258" i="1"/>
  <c r="AF70259" i="1"/>
  <c r="AF70260" i="1"/>
  <c r="AF70261" i="1"/>
  <c r="AF70262" i="1"/>
  <c r="AF70263" i="1"/>
  <c r="AF70264" i="1"/>
  <c r="AF70265" i="1"/>
  <c r="AF70266" i="1"/>
  <c r="AF70267" i="1"/>
  <c r="AF70268" i="1"/>
  <c r="AF70269" i="1"/>
  <c r="AF70270" i="1"/>
  <c r="AF70271" i="1"/>
  <c r="AF70272" i="1"/>
  <c r="AF70273" i="1"/>
  <c r="AF70274" i="1"/>
  <c r="AF70275" i="1"/>
  <c r="AF70276" i="1"/>
  <c r="AF70277" i="1"/>
  <c r="AF70278" i="1"/>
  <c r="AF70279" i="1"/>
  <c r="AF70280" i="1"/>
  <c r="AF70281" i="1"/>
  <c r="AF70282" i="1"/>
  <c r="AF70283" i="1"/>
  <c r="AF70284" i="1"/>
  <c r="AF70285" i="1"/>
  <c r="AF70286" i="1"/>
  <c r="AF70287" i="1"/>
  <c r="AF70288" i="1"/>
  <c r="AF70289" i="1"/>
  <c r="AF70290" i="1"/>
  <c r="AF70291" i="1"/>
  <c r="AF70292" i="1"/>
  <c r="AF70293" i="1"/>
  <c r="AF70294" i="1"/>
  <c r="AF70295" i="1"/>
  <c r="AF70296" i="1"/>
  <c r="AF70297" i="1"/>
  <c r="AF70298" i="1"/>
  <c r="AF70299" i="1"/>
  <c r="AF70300" i="1"/>
  <c r="AF70301" i="1"/>
  <c r="AF70302" i="1"/>
  <c r="AF70303" i="1"/>
  <c r="AF70304" i="1"/>
  <c r="AF70305" i="1"/>
  <c r="AF70306" i="1"/>
  <c r="AF70307" i="1"/>
  <c r="AF70308" i="1"/>
  <c r="AF70309" i="1"/>
  <c r="AF70310" i="1"/>
  <c r="AF70311" i="1"/>
  <c r="AF70312" i="1"/>
  <c r="AF70313" i="1"/>
  <c r="AF70314" i="1"/>
  <c r="AF70315" i="1"/>
  <c r="AF70316" i="1"/>
  <c r="AF70317" i="1"/>
  <c r="AF70318" i="1"/>
  <c r="AF70319" i="1"/>
  <c r="AF70320" i="1"/>
  <c r="AF70321" i="1"/>
  <c r="AF70322" i="1"/>
  <c r="AF70323" i="1"/>
  <c r="AF70324" i="1"/>
  <c r="AF70325" i="1"/>
  <c r="AF70326" i="1"/>
  <c r="AF70327" i="1"/>
  <c r="AF70328" i="1"/>
  <c r="AF70329" i="1"/>
  <c r="AF70330" i="1"/>
  <c r="AF70331" i="1"/>
  <c r="AF70332" i="1"/>
  <c r="AF70333" i="1"/>
  <c r="AF70334" i="1"/>
  <c r="AF70335" i="1"/>
  <c r="AF70336" i="1"/>
  <c r="AF70337" i="1"/>
  <c r="AF70338" i="1"/>
  <c r="AF70339" i="1"/>
  <c r="AF70340" i="1"/>
  <c r="AF70341" i="1"/>
  <c r="AF70342" i="1"/>
  <c r="AF70343" i="1"/>
  <c r="AF70344" i="1"/>
  <c r="AF70345" i="1"/>
  <c r="AF70346" i="1"/>
  <c r="AF70347" i="1"/>
  <c r="AF70348" i="1"/>
  <c r="AF70349" i="1"/>
  <c r="AF70350" i="1"/>
  <c r="AF70351" i="1"/>
  <c r="AF70352" i="1"/>
  <c r="AF70353" i="1"/>
  <c r="AF70354" i="1"/>
  <c r="AF70355" i="1"/>
  <c r="AF70356" i="1"/>
  <c r="AF70357" i="1"/>
  <c r="AF70358" i="1"/>
  <c r="AF70359" i="1"/>
  <c r="AF70360" i="1"/>
  <c r="AF70361" i="1"/>
  <c r="AF70362" i="1"/>
  <c r="AF70363" i="1"/>
  <c r="AF70364" i="1"/>
  <c r="AF70365" i="1"/>
  <c r="AF70366" i="1"/>
  <c r="AF70367" i="1"/>
  <c r="AF70368" i="1"/>
  <c r="AF70369" i="1"/>
  <c r="AF70370" i="1"/>
  <c r="AF70371" i="1"/>
  <c r="AF70372" i="1"/>
  <c r="AF70373" i="1"/>
  <c r="AF70374" i="1"/>
  <c r="AF70375" i="1"/>
  <c r="AF70376" i="1"/>
  <c r="AF70377" i="1"/>
  <c r="AF70378" i="1"/>
  <c r="AF70379" i="1"/>
  <c r="AF70380" i="1"/>
  <c r="AF70381" i="1"/>
  <c r="AF70382" i="1"/>
  <c r="AF70383" i="1"/>
  <c r="AF70384" i="1"/>
  <c r="AF70385" i="1"/>
  <c r="AF70386" i="1"/>
  <c r="AF70387" i="1"/>
  <c r="AF70388" i="1"/>
  <c r="AF70389" i="1"/>
  <c r="AF70390" i="1"/>
  <c r="AF70391" i="1"/>
  <c r="AF70392" i="1"/>
  <c r="AF70393" i="1"/>
  <c r="AF70394" i="1"/>
  <c r="AF70395" i="1"/>
  <c r="AF70396" i="1"/>
  <c r="AF70397" i="1"/>
  <c r="AF70398" i="1"/>
  <c r="AF70399" i="1"/>
  <c r="AF70400" i="1"/>
  <c r="AF70401" i="1"/>
  <c r="AF70402" i="1"/>
  <c r="AF70403" i="1"/>
  <c r="AF70404" i="1"/>
  <c r="AF70405" i="1"/>
  <c r="AF70406" i="1"/>
  <c r="AF70407" i="1"/>
  <c r="AF70408" i="1"/>
  <c r="AF70409" i="1"/>
  <c r="AF70410" i="1"/>
  <c r="AF70411" i="1"/>
  <c r="AF70412" i="1"/>
  <c r="AF70413" i="1"/>
  <c r="AF70414" i="1"/>
  <c r="AF70415" i="1"/>
  <c r="AF70416" i="1"/>
  <c r="AF70417" i="1"/>
  <c r="AF70418" i="1"/>
  <c r="AF70419" i="1"/>
  <c r="AF70420" i="1"/>
  <c r="AF70421" i="1"/>
  <c r="AF70422" i="1"/>
  <c r="AF70423" i="1"/>
  <c r="AF70424" i="1"/>
  <c r="AF70425" i="1"/>
  <c r="AF70426" i="1"/>
  <c r="AF70427" i="1"/>
  <c r="AF70428" i="1"/>
  <c r="AF70429" i="1"/>
  <c r="AF70430" i="1"/>
  <c r="AF70431" i="1"/>
  <c r="AF70432" i="1"/>
  <c r="AF70433" i="1"/>
  <c r="AF70434" i="1"/>
  <c r="AF70435" i="1"/>
  <c r="AF70436" i="1"/>
  <c r="AF70437" i="1"/>
  <c r="AF70438" i="1"/>
  <c r="AF70439" i="1"/>
  <c r="AF70440" i="1"/>
  <c r="AF70441" i="1"/>
  <c r="AF70442" i="1"/>
  <c r="AF70443" i="1"/>
  <c r="AF70444" i="1"/>
  <c r="AF70445" i="1"/>
  <c r="AF70446" i="1"/>
  <c r="AF70447" i="1"/>
  <c r="AF70448" i="1"/>
  <c r="AF70449" i="1"/>
  <c r="AF70450" i="1"/>
  <c r="AF70451" i="1"/>
  <c r="AF70452" i="1"/>
  <c r="AF70453" i="1"/>
  <c r="AF70454" i="1"/>
  <c r="AF70455" i="1"/>
  <c r="AF70456" i="1"/>
  <c r="AF70457" i="1"/>
  <c r="AF70458" i="1"/>
  <c r="AF70459" i="1"/>
  <c r="AF70460" i="1"/>
  <c r="AF70461" i="1"/>
  <c r="AF70462" i="1"/>
  <c r="AF70463" i="1"/>
  <c r="AF70464" i="1"/>
  <c r="AF70465" i="1"/>
  <c r="AF70466" i="1"/>
  <c r="AF70467" i="1"/>
  <c r="AF70468" i="1"/>
  <c r="AF70469" i="1"/>
  <c r="AF70470" i="1"/>
  <c r="AF70471" i="1"/>
  <c r="AF70472" i="1"/>
  <c r="AF70473" i="1"/>
  <c r="AF70474" i="1"/>
  <c r="AF70475" i="1"/>
  <c r="AF70476" i="1"/>
  <c r="AF70477" i="1"/>
  <c r="AF70478" i="1"/>
  <c r="AF70479" i="1"/>
  <c r="AF70480" i="1"/>
  <c r="AF70481" i="1"/>
  <c r="AF70482" i="1"/>
  <c r="AF70483" i="1"/>
  <c r="AF70484" i="1"/>
  <c r="AF70485" i="1"/>
  <c r="AF70486" i="1"/>
  <c r="AF70487" i="1"/>
  <c r="AF70488" i="1"/>
  <c r="AF70489" i="1"/>
  <c r="AF70490" i="1"/>
  <c r="AF70491" i="1"/>
  <c r="AF70492" i="1"/>
  <c r="AF70493" i="1"/>
  <c r="AF70494" i="1"/>
  <c r="AF70495" i="1"/>
  <c r="AF70496" i="1"/>
  <c r="AF70497" i="1"/>
  <c r="AF70498" i="1"/>
  <c r="AF70499" i="1"/>
  <c r="AF70500" i="1"/>
  <c r="AF70501" i="1"/>
  <c r="AF70502" i="1"/>
  <c r="AF70503" i="1"/>
  <c r="AF70504" i="1"/>
  <c r="AF70505" i="1"/>
  <c r="AF70506" i="1"/>
  <c r="AF70507" i="1"/>
  <c r="AF70508" i="1"/>
  <c r="AF70509" i="1"/>
  <c r="AF70510" i="1"/>
  <c r="AF70511" i="1"/>
  <c r="AF70512" i="1"/>
  <c r="AF70513" i="1"/>
  <c r="AF70514" i="1"/>
  <c r="AF70515" i="1"/>
  <c r="AF70516" i="1"/>
  <c r="AF70517" i="1"/>
  <c r="AF70518" i="1"/>
  <c r="AF70519" i="1"/>
  <c r="AF70520" i="1"/>
  <c r="AF70521" i="1"/>
  <c r="AF70522" i="1"/>
  <c r="AF70523" i="1"/>
  <c r="AF70524" i="1"/>
  <c r="AF70525" i="1"/>
  <c r="AF70526" i="1"/>
  <c r="AF70527" i="1"/>
  <c r="AF70528" i="1"/>
  <c r="AF70529" i="1"/>
  <c r="AF70530" i="1"/>
  <c r="AF70531" i="1"/>
  <c r="AF70532" i="1"/>
  <c r="AF70533" i="1"/>
  <c r="AF70534" i="1"/>
  <c r="AF70535" i="1"/>
  <c r="AF70536" i="1"/>
  <c r="AF70537" i="1"/>
  <c r="AF70538" i="1"/>
  <c r="AF70539" i="1"/>
  <c r="AF70540" i="1"/>
  <c r="AF70541" i="1"/>
  <c r="AF70542" i="1"/>
  <c r="AF70543" i="1"/>
  <c r="AF70544" i="1"/>
  <c r="AF70545" i="1"/>
  <c r="AF70546" i="1"/>
  <c r="AF70547" i="1"/>
  <c r="AF70548" i="1"/>
  <c r="AF70549" i="1"/>
  <c r="AF70550" i="1"/>
  <c r="AF70551" i="1"/>
  <c r="AF70552" i="1"/>
  <c r="AF70553" i="1"/>
  <c r="AF70554" i="1"/>
  <c r="AF70555" i="1"/>
  <c r="AF70556" i="1"/>
  <c r="AF70557" i="1"/>
  <c r="AF70558" i="1"/>
  <c r="AF70559" i="1"/>
  <c r="AF70560" i="1"/>
  <c r="AF70561" i="1"/>
  <c r="AF70562" i="1"/>
  <c r="AF70563" i="1"/>
  <c r="AF70564" i="1"/>
  <c r="AF70565" i="1"/>
  <c r="AF70566" i="1"/>
  <c r="AF70567" i="1"/>
  <c r="AF70568" i="1"/>
  <c r="AF70569" i="1"/>
  <c r="AF70570" i="1"/>
  <c r="AF70571" i="1"/>
  <c r="AF70572" i="1"/>
  <c r="AF70573" i="1"/>
  <c r="AF70574" i="1"/>
  <c r="AF70575" i="1"/>
  <c r="AF70576" i="1"/>
  <c r="AF70577" i="1"/>
  <c r="AF70578" i="1"/>
  <c r="AF70579" i="1"/>
  <c r="AF70580" i="1"/>
  <c r="AF70581" i="1"/>
  <c r="AF70582" i="1"/>
  <c r="AF70583" i="1"/>
  <c r="AF70584" i="1"/>
  <c r="AF70585" i="1"/>
  <c r="AF70586" i="1"/>
  <c r="AF70587" i="1"/>
  <c r="AF70588" i="1"/>
  <c r="AF70589" i="1"/>
  <c r="AF70590" i="1"/>
  <c r="AF70591" i="1"/>
  <c r="AF70592" i="1"/>
  <c r="AF70593" i="1"/>
  <c r="AF70594" i="1"/>
  <c r="AF70595" i="1"/>
  <c r="AF70596" i="1"/>
  <c r="AF70597" i="1"/>
  <c r="AF70598" i="1"/>
  <c r="AF70599" i="1"/>
  <c r="AF70600" i="1"/>
  <c r="AF70601" i="1"/>
  <c r="AF70602" i="1"/>
  <c r="AF70603" i="1"/>
  <c r="AF70604" i="1"/>
  <c r="AF70605" i="1"/>
  <c r="AF70606" i="1"/>
  <c r="AF70607" i="1"/>
  <c r="AF70608" i="1"/>
  <c r="AF70609" i="1"/>
  <c r="AF70610" i="1"/>
  <c r="AF70611" i="1"/>
  <c r="AF70612" i="1"/>
  <c r="AF70613" i="1"/>
  <c r="AF70614" i="1"/>
  <c r="AF70615" i="1"/>
  <c r="AF70616" i="1"/>
  <c r="AF70617" i="1"/>
  <c r="AF70618" i="1"/>
  <c r="AF70619" i="1"/>
  <c r="AF70620" i="1"/>
  <c r="AF70621" i="1"/>
  <c r="AF70622" i="1"/>
  <c r="AF70623" i="1"/>
  <c r="AF70624" i="1"/>
  <c r="AF70625" i="1"/>
  <c r="AF70626" i="1"/>
  <c r="AF70627" i="1"/>
  <c r="AF70628" i="1"/>
  <c r="AF70629" i="1"/>
  <c r="AF70630" i="1"/>
  <c r="AF70631" i="1"/>
  <c r="AF70632" i="1"/>
  <c r="AF70633" i="1"/>
  <c r="AF70634" i="1"/>
  <c r="AF70635" i="1"/>
  <c r="AF70636" i="1"/>
  <c r="AF70637" i="1"/>
  <c r="AF70638" i="1"/>
  <c r="AF70639" i="1"/>
  <c r="AF70640" i="1"/>
  <c r="AF70641" i="1"/>
  <c r="AF70642" i="1"/>
  <c r="AF70643" i="1"/>
  <c r="AF70644" i="1"/>
  <c r="AF70645" i="1"/>
  <c r="AF70646" i="1"/>
  <c r="AF70647" i="1"/>
  <c r="AF70648" i="1"/>
  <c r="AF70649" i="1"/>
  <c r="AF70650" i="1"/>
  <c r="AF70651" i="1"/>
  <c r="AF70652" i="1"/>
  <c r="AF70653" i="1"/>
  <c r="AF70654" i="1"/>
  <c r="AF70655" i="1"/>
  <c r="AF70656" i="1"/>
  <c r="AF70657" i="1"/>
  <c r="AF70658" i="1"/>
  <c r="AF70659" i="1"/>
  <c r="AF70660" i="1"/>
  <c r="AF70661" i="1"/>
  <c r="AF70662" i="1"/>
  <c r="AF70663" i="1"/>
  <c r="AF70664" i="1"/>
  <c r="AF70665" i="1"/>
  <c r="AF70666" i="1"/>
  <c r="AF70667" i="1"/>
  <c r="AF70668" i="1"/>
  <c r="AF70669" i="1"/>
  <c r="AF70670" i="1"/>
  <c r="AF70671" i="1"/>
  <c r="AF70672" i="1"/>
  <c r="AF70673" i="1"/>
  <c r="AF70674" i="1"/>
  <c r="AF70675" i="1"/>
  <c r="AF70676" i="1"/>
  <c r="AF70677" i="1"/>
  <c r="AF70678" i="1"/>
  <c r="AF70679" i="1"/>
  <c r="AF70680" i="1"/>
  <c r="AF70681" i="1"/>
  <c r="AF70682" i="1"/>
  <c r="AF70683" i="1"/>
  <c r="AF70684" i="1"/>
  <c r="AF70685" i="1"/>
  <c r="AF70686" i="1"/>
  <c r="AF70687" i="1"/>
  <c r="AF70688" i="1"/>
  <c r="AF70689" i="1"/>
  <c r="AF70690" i="1"/>
  <c r="AF70691" i="1"/>
  <c r="AF70692" i="1"/>
  <c r="AF70693" i="1"/>
  <c r="AF70694" i="1"/>
  <c r="AF70695" i="1"/>
  <c r="AF70696" i="1"/>
  <c r="AF70697" i="1"/>
  <c r="AF70698" i="1"/>
  <c r="AF70699" i="1"/>
  <c r="AF70700" i="1"/>
  <c r="AF70701" i="1"/>
  <c r="AF70702" i="1"/>
  <c r="AF70703" i="1"/>
  <c r="AF70704" i="1"/>
  <c r="AF70705" i="1"/>
  <c r="AF70706" i="1"/>
  <c r="AF70707" i="1"/>
  <c r="AF70708" i="1"/>
  <c r="AF70709" i="1"/>
  <c r="AF70710" i="1"/>
  <c r="AF70711" i="1"/>
  <c r="AF70712" i="1"/>
  <c r="AF70713" i="1"/>
  <c r="AF70714" i="1"/>
  <c r="AF70715" i="1"/>
  <c r="AF70716" i="1"/>
  <c r="AF70717" i="1"/>
  <c r="AF70718" i="1"/>
  <c r="AF70719" i="1"/>
  <c r="AF70720" i="1"/>
  <c r="AF70721" i="1"/>
  <c r="AF70722" i="1"/>
  <c r="AF70723" i="1"/>
  <c r="AF70724" i="1"/>
  <c r="AF70725" i="1"/>
  <c r="AF70726" i="1"/>
  <c r="AF70727" i="1"/>
  <c r="AF70728" i="1"/>
  <c r="AF70729" i="1"/>
  <c r="AF70730" i="1"/>
  <c r="AF70731" i="1"/>
  <c r="AF70732" i="1"/>
  <c r="AF70733" i="1"/>
  <c r="AF70734" i="1"/>
  <c r="AF70735" i="1"/>
  <c r="AF70736" i="1"/>
  <c r="AF70737" i="1"/>
  <c r="AF70738" i="1"/>
  <c r="AF70739" i="1"/>
  <c r="AF70740" i="1"/>
  <c r="AF70741" i="1"/>
  <c r="AF70742" i="1"/>
  <c r="AF70743" i="1"/>
  <c r="AF70744" i="1"/>
  <c r="AF70745" i="1"/>
  <c r="AF70746" i="1"/>
  <c r="AF70747" i="1"/>
  <c r="AF70748" i="1"/>
  <c r="AF70749" i="1"/>
  <c r="AF70750" i="1"/>
  <c r="AF70751" i="1"/>
  <c r="AF70752" i="1"/>
  <c r="AF70753" i="1"/>
  <c r="AF70754" i="1"/>
  <c r="AF70755" i="1"/>
  <c r="AF70756" i="1"/>
  <c r="AF70757" i="1"/>
  <c r="AF70758" i="1"/>
  <c r="AF70759" i="1"/>
  <c r="AF70760" i="1"/>
  <c r="AF70761" i="1"/>
  <c r="AF70762" i="1"/>
  <c r="AF70763" i="1"/>
  <c r="AF70764" i="1"/>
  <c r="AF70765" i="1"/>
  <c r="AF70766" i="1"/>
  <c r="AF70767" i="1"/>
  <c r="AF70768" i="1"/>
  <c r="AF70769" i="1"/>
  <c r="AF70770" i="1"/>
  <c r="AF70771" i="1"/>
  <c r="AF70772" i="1"/>
  <c r="AF70773" i="1"/>
  <c r="AF70774" i="1"/>
  <c r="AF70775" i="1"/>
  <c r="AF70776" i="1"/>
  <c r="AF70777" i="1"/>
  <c r="AF70778" i="1"/>
  <c r="AF70779" i="1"/>
  <c r="AF70780" i="1"/>
  <c r="AF70781" i="1"/>
  <c r="AF70782" i="1"/>
  <c r="AF70783" i="1"/>
  <c r="AF70784" i="1"/>
  <c r="AF70785" i="1"/>
  <c r="AF70786" i="1"/>
  <c r="AF70787" i="1"/>
  <c r="AF70788" i="1"/>
  <c r="AF70789" i="1"/>
  <c r="AF70790" i="1"/>
  <c r="AF70791" i="1"/>
  <c r="AF70792" i="1"/>
  <c r="AF70793" i="1"/>
  <c r="AF70794" i="1"/>
  <c r="AF70795" i="1"/>
  <c r="AF70796" i="1"/>
  <c r="AF70797" i="1"/>
  <c r="AF70798" i="1"/>
  <c r="AF70799" i="1"/>
  <c r="AF70800" i="1"/>
  <c r="AF70801" i="1"/>
  <c r="AF70802" i="1"/>
  <c r="AF70803" i="1"/>
  <c r="AF70804" i="1"/>
  <c r="AF70805" i="1"/>
  <c r="AF70806" i="1"/>
  <c r="AF70807" i="1"/>
  <c r="AF70808" i="1"/>
  <c r="AF70809" i="1"/>
  <c r="AF70810" i="1"/>
  <c r="AF70811" i="1"/>
  <c r="AF70812" i="1"/>
  <c r="AF70813" i="1"/>
  <c r="AF70814" i="1"/>
  <c r="AF70815" i="1"/>
  <c r="AF70816" i="1"/>
  <c r="AF70817" i="1"/>
  <c r="AF70818" i="1"/>
  <c r="AF70819" i="1"/>
  <c r="AF70820" i="1"/>
  <c r="AF70821" i="1"/>
  <c r="AF70822" i="1"/>
  <c r="AF70823" i="1"/>
  <c r="AF70824" i="1"/>
  <c r="AF70825" i="1"/>
  <c r="AF70826" i="1"/>
  <c r="AF70827" i="1"/>
  <c r="AF70828" i="1"/>
  <c r="AF70829" i="1"/>
  <c r="AF70830" i="1"/>
  <c r="AF70831" i="1"/>
  <c r="AF70832" i="1"/>
  <c r="AF70833" i="1"/>
  <c r="AF70834" i="1"/>
  <c r="AF70835" i="1"/>
  <c r="AF70836" i="1"/>
  <c r="AF70837" i="1"/>
  <c r="AF70838" i="1"/>
  <c r="AF70839" i="1"/>
  <c r="AF70840" i="1"/>
  <c r="AF70841" i="1"/>
  <c r="AF70842" i="1"/>
  <c r="AF70843" i="1"/>
  <c r="AF70844" i="1"/>
  <c r="AF70845" i="1"/>
  <c r="AF70846" i="1"/>
  <c r="AF70847" i="1"/>
  <c r="AF70848" i="1"/>
  <c r="AF70849" i="1"/>
  <c r="AF70850" i="1"/>
  <c r="AF70851" i="1"/>
  <c r="AF70852" i="1"/>
  <c r="AF70853" i="1"/>
  <c r="AF70854" i="1"/>
  <c r="AF70855" i="1"/>
  <c r="AF70856" i="1"/>
  <c r="AF70857" i="1"/>
  <c r="AF70858" i="1"/>
  <c r="AF70859" i="1"/>
  <c r="AF70860" i="1"/>
  <c r="AF70861" i="1"/>
  <c r="AF70862" i="1"/>
  <c r="AF70863" i="1"/>
  <c r="AF70864" i="1"/>
  <c r="AF70865" i="1"/>
  <c r="AF70866" i="1"/>
  <c r="AF70867" i="1"/>
  <c r="AF70868" i="1"/>
  <c r="AF70869" i="1"/>
  <c r="AF70870" i="1"/>
  <c r="AF70871" i="1"/>
  <c r="AF70872" i="1"/>
  <c r="AF70873" i="1"/>
  <c r="AF70874" i="1"/>
  <c r="AF70875" i="1"/>
  <c r="AF70876" i="1"/>
  <c r="AF70877" i="1"/>
  <c r="AF70878" i="1"/>
  <c r="AF70879" i="1"/>
  <c r="AF70880" i="1"/>
  <c r="AF70881" i="1"/>
  <c r="AF70882" i="1"/>
  <c r="AF70883" i="1"/>
  <c r="AF70884" i="1"/>
  <c r="AF70885" i="1"/>
  <c r="AF70886" i="1"/>
  <c r="AF70887" i="1"/>
  <c r="AF70888" i="1"/>
  <c r="AF70889" i="1"/>
  <c r="AF70890" i="1"/>
  <c r="AF70891" i="1"/>
  <c r="AF70892" i="1"/>
  <c r="AF70893" i="1"/>
  <c r="AF70894" i="1"/>
  <c r="AF70895" i="1"/>
  <c r="AF70896" i="1"/>
  <c r="AF70897" i="1"/>
  <c r="AF70898" i="1"/>
  <c r="AF70899" i="1"/>
  <c r="AF70900" i="1"/>
  <c r="AF70901" i="1"/>
  <c r="AF70902" i="1"/>
  <c r="AF70903" i="1"/>
  <c r="AF70904" i="1"/>
  <c r="AF70905" i="1"/>
  <c r="AF70906" i="1"/>
  <c r="AF70907" i="1"/>
  <c r="AF70908" i="1"/>
  <c r="AF70909" i="1"/>
  <c r="AF70910" i="1"/>
  <c r="AF70911" i="1"/>
  <c r="AF70912" i="1"/>
  <c r="AF70913" i="1"/>
  <c r="AF70914" i="1"/>
  <c r="AF70915" i="1"/>
  <c r="AF70916" i="1"/>
  <c r="AF70917" i="1"/>
  <c r="AF70918" i="1"/>
  <c r="AF70919" i="1"/>
  <c r="AF70920" i="1"/>
  <c r="AF70921" i="1"/>
  <c r="AF70922" i="1"/>
  <c r="AF70923" i="1"/>
  <c r="AF70924" i="1"/>
  <c r="AF70925" i="1"/>
  <c r="AF70926" i="1"/>
  <c r="AF70927" i="1"/>
  <c r="AF70928" i="1"/>
  <c r="AF70929" i="1"/>
  <c r="AF70930" i="1"/>
  <c r="AF70931" i="1"/>
  <c r="AF70932" i="1"/>
  <c r="AF70933" i="1"/>
  <c r="AF70934" i="1"/>
  <c r="AF70935" i="1"/>
  <c r="AF70936" i="1"/>
  <c r="AF70937" i="1"/>
  <c r="AF70938" i="1"/>
  <c r="AF70939" i="1"/>
  <c r="AF70940" i="1"/>
  <c r="AF70941" i="1"/>
  <c r="AF70942" i="1"/>
  <c r="AF70943" i="1"/>
  <c r="AF70944" i="1"/>
  <c r="AF70945" i="1"/>
  <c r="AF70946" i="1"/>
  <c r="AF70947" i="1"/>
  <c r="AF70948" i="1"/>
  <c r="AF70949" i="1"/>
  <c r="AF70950" i="1"/>
  <c r="AF70951" i="1"/>
  <c r="AF70952" i="1"/>
  <c r="AF70953" i="1"/>
  <c r="AF70954" i="1"/>
  <c r="AF70955" i="1"/>
  <c r="AF70956" i="1"/>
  <c r="AF70957" i="1"/>
  <c r="AF70958" i="1"/>
  <c r="AF70959" i="1"/>
  <c r="AF70960" i="1"/>
  <c r="AF70961" i="1"/>
  <c r="AF70962" i="1"/>
  <c r="AF70963" i="1"/>
  <c r="AF70964" i="1"/>
  <c r="AF70965" i="1"/>
  <c r="AF70966" i="1"/>
  <c r="AF70967" i="1"/>
  <c r="AF70968" i="1"/>
  <c r="AF70969" i="1"/>
  <c r="AF70970" i="1"/>
  <c r="AF70971" i="1"/>
  <c r="AF70972" i="1"/>
  <c r="AF70973" i="1"/>
  <c r="AF70974" i="1"/>
  <c r="AF70975" i="1"/>
  <c r="AF70976" i="1"/>
  <c r="AF70977" i="1"/>
  <c r="AF70978" i="1"/>
  <c r="AF70979" i="1"/>
  <c r="AF70980" i="1"/>
  <c r="AF70981" i="1"/>
  <c r="AF70982" i="1"/>
  <c r="AF70983" i="1"/>
  <c r="AF70984" i="1"/>
  <c r="AF70985" i="1"/>
  <c r="AF70986" i="1"/>
  <c r="AF70987" i="1"/>
  <c r="AF70988" i="1"/>
  <c r="AF70989" i="1"/>
  <c r="AF70990" i="1"/>
  <c r="AF70991" i="1"/>
  <c r="AF70992" i="1"/>
  <c r="AF70993" i="1"/>
  <c r="AF70994" i="1"/>
  <c r="AF70995" i="1"/>
  <c r="AF70996" i="1"/>
  <c r="AF70997" i="1"/>
  <c r="AF70998" i="1"/>
  <c r="AF70999" i="1"/>
  <c r="AF71000" i="1"/>
  <c r="AF71001" i="1"/>
  <c r="AF71002" i="1"/>
  <c r="AF71003" i="1"/>
  <c r="AF71004" i="1"/>
  <c r="AF71005" i="1"/>
  <c r="AF71006" i="1"/>
  <c r="AF71007" i="1"/>
  <c r="AF71008" i="1"/>
  <c r="AF71009" i="1"/>
  <c r="AF71010" i="1"/>
  <c r="AF71011" i="1"/>
  <c r="AF71012" i="1"/>
  <c r="AF71013" i="1"/>
  <c r="AF71014" i="1"/>
  <c r="AF71015" i="1"/>
  <c r="AF71016" i="1"/>
  <c r="AF71017" i="1"/>
  <c r="AF71018" i="1"/>
  <c r="AF71019" i="1"/>
  <c r="AF71020" i="1"/>
  <c r="AF71021" i="1"/>
  <c r="AF71022" i="1"/>
  <c r="AF71023" i="1"/>
  <c r="AF71024" i="1"/>
  <c r="AF71025" i="1"/>
  <c r="AF71026" i="1"/>
  <c r="AF71027" i="1"/>
  <c r="AF71028" i="1"/>
  <c r="AF71029" i="1"/>
  <c r="AF71030" i="1"/>
  <c r="AF71031" i="1"/>
  <c r="AF71032" i="1"/>
  <c r="AF71033" i="1"/>
  <c r="AF71034" i="1"/>
  <c r="AF71035" i="1"/>
  <c r="AF71036" i="1"/>
  <c r="AF71037" i="1"/>
  <c r="AF71038" i="1"/>
  <c r="AF71039" i="1"/>
  <c r="AF71040" i="1"/>
  <c r="AF71041" i="1"/>
  <c r="AF71042" i="1"/>
  <c r="AF71043" i="1"/>
  <c r="AF71044" i="1"/>
  <c r="AF71045" i="1"/>
  <c r="AF71046" i="1"/>
  <c r="AF71047" i="1"/>
  <c r="AF71048" i="1"/>
  <c r="AF71049" i="1"/>
  <c r="AF71050" i="1"/>
  <c r="AF71051" i="1"/>
  <c r="AF71052" i="1"/>
  <c r="AF71053" i="1"/>
  <c r="AF71054" i="1"/>
  <c r="AF71055" i="1"/>
  <c r="AF71056" i="1"/>
  <c r="AF71057" i="1"/>
  <c r="AF71058" i="1"/>
  <c r="AF71059" i="1"/>
  <c r="AF71060" i="1"/>
  <c r="AF71061" i="1"/>
  <c r="AF71062" i="1"/>
  <c r="AF71063" i="1"/>
  <c r="AF71064" i="1"/>
  <c r="AF71065" i="1"/>
  <c r="AF71066" i="1"/>
  <c r="AF71067" i="1"/>
  <c r="AF71068" i="1"/>
  <c r="AF71069" i="1"/>
  <c r="AF71070" i="1"/>
  <c r="AF71071" i="1"/>
  <c r="AF71072" i="1"/>
  <c r="AF71073" i="1"/>
  <c r="AF71074" i="1"/>
  <c r="AF71075" i="1"/>
  <c r="AF71076" i="1"/>
  <c r="AF71077" i="1"/>
  <c r="AF71078" i="1"/>
  <c r="AF71079" i="1"/>
  <c r="AF71080" i="1"/>
  <c r="AF71081" i="1"/>
  <c r="AF71082" i="1"/>
  <c r="AF71083" i="1"/>
  <c r="AF71084" i="1"/>
  <c r="AF71085" i="1"/>
  <c r="AF71086" i="1"/>
  <c r="AF71087" i="1"/>
  <c r="AF71088" i="1"/>
  <c r="AF71089" i="1"/>
  <c r="AF71090" i="1"/>
  <c r="AF71091" i="1"/>
  <c r="AF71092" i="1"/>
  <c r="AF71093" i="1"/>
  <c r="AF71094" i="1"/>
  <c r="AF71095" i="1"/>
  <c r="AF71096" i="1"/>
  <c r="AF71097" i="1"/>
  <c r="AF71098" i="1"/>
  <c r="AF71099" i="1"/>
  <c r="AF71100" i="1"/>
  <c r="AF71101" i="1"/>
  <c r="AF71102" i="1"/>
  <c r="AF71103" i="1"/>
  <c r="AF71104" i="1"/>
  <c r="AF71105" i="1"/>
  <c r="AF71106" i="1"/>
  <c r="AF71107" i="1"/>
  <c r="AF71108" i="1"/>
  <c r="AF71109" i="1"/>
  <c r="AF71110" i="1"/>
  <c r="AF71111" i="1"/>
  <c r="AF71112" i="1"/>
  <c r="AF71113" i="1"/>
  <c r="AF71114" i="1"/>
  <c r="AF71115" i="1"/>
  <c r="AF71116" i="1"/>
  <c r="AF71117" i="1"/>
  <c r="AF71118" i="1"/>
  <c r="AF71119" i="1"/>
  <c r="AF71120" i="1"/>
  <c r="AF71121" i="1"/>
  <c r="AF71122" i="1"/>
  <c r="AF71123" i="1"/>
  <c r="AF71124" i="1"/>
  <c r="AF71125" i="1"/>
  <c r="AF71126" i="1"/>
  <c r="AF71127" i="1"/>
  <c r="AF71128" i="1"/>
  <c r="AF71129" i="1"/>
  <c r="AF71130" i="1"/>
  <c r="AF71131" i="1"/>
  <c r="AF71132" i="1"/>
  <c r="AF71133" i="1"/>
  <c r="AF71134" i="1"/>
  <c r="AF71135" i="1"/>
  <c r="AF71136" i="1"/>
  <c r="AF71137" i="1"/>
  <c r="AF71138" i="1"/>
  <c r="AF71139" i="1"/>
  <c r="AF71140" i="1"/>
  <c r="AF71141" i="1"/>
  <c r="AF71142" i="1"/>
  <c r="AF71143" i="1"/>
  <c r="AF71144" i="1"/>
  <c r="AF71145" i="1"/>
  <c r="AF71146" i="1"/>
  <c r="AF71147" i="1"/>
  <c r="AF71148" i="1"/>
  <c r="AF71149" i="1"/>
  <c r="AF71150" i="1"/>
  <c r="AF71151" i="1"/>
  <c r="AF71152" i="1"/>
  <c r="AF71153" i="1"/>
  <c r="AF71154" i="1"/>
  <c r="AF71155" i="1"/>
  <c r="AF71156" i="1"/>
  <c r="AF71157" i="1"/>
  <c r="AF71158" i="1"/>
  <c r="AF71159" i="1"/>
  <c r="AF71160" i="1"/>
  <c r="AF71161" i="1"/>
  <c r="AF71162" i="1"/>
  <c r="AF71163" i="1"/>
  <c r="AF71164" i="1"/>
  <c r="AF71165" i="1"/>
  <c r="AF71166" i="1"/>
  <c r="AF71167" i="1"/>
  <c r="AF71168" i="1"/>
  <c r="AF71169" i="1"/>
  <c r="AF71170" i="1"/>
  <c r="AF71171" i="1"/>
  <c r="AF71172" i="1"/>
  <c r="AF71173" i="1"/>
  <c r="AF71174" i="1"/>
  <c r="AF71175" i="1"/>
  <c r="AF71176" i="1"/>
  <c r="AF71177" i="1"/>
  <c r="AF71178" i="1"/>
  <c r="AF71179" i="1"/>
  <c r="AF71180" i="1"/>
  <c r="AF71181" i="1"/>
  <c r="AF71182" i="1"/>
  <c r="AF71183" i="1"/>
  <c r="AF71184" i="1"/>
  <c r="AF71185" i="1"/>
  <c r="AF71186" i="1"/>
  <c r="AF71187" i="1"/>
  <c r="AF71188" i="1"/>
  <c r="AF71189" i="1"/>
  <c r="AF71190" i="1"/>
  <c r="AF71191" i="1"/>
  <c r="AF71192" i="1"/>
  <c r="AF71193" i="1"/>
  <c r="AF71194" i="1"/>
  <c r="AF71195" i="1"/>
  <c r="AF71196" i="1"/>
  <c r="AF71197" i="1"/>
  <c r="AF71198" i="1"/>
  <c r="AF71199" i="1"/>
  <c r="AF71200" i="1"/>
  <c r="AF71201" i="1"/>
  <c r="AF71202" i="1"/>
  <c r="AF71203" i="1"/>
  <c r="AF71204" i="1"/>
  <c r="AF71205" i="1"/>
  <c r="AF71206" i="1"/>
  <c r="AF71207" i="1"/>
  <c r="AF71208" i="1"/>
  <c r="AF71209" i="1"/>
  <c r="AF71210" i="1"/>
  <c r="AF71211" i="1"/>
  <c r="AF71212" i="1"/>
  <c r="AF71213" i="1"/>
  <c r="AF71214" i="1"/>
  <c r="AF71215" i="1"/>
  <c r="AF71216" i="1"/>
  <c r="AF71217" i="1"/>
  <c r="AF71218" i="1"/>
  <c r="AF71219" i="1"/>
  <c r="AF71220" i="1"/>
  <c r="AF71221" i="1"/>
  <c r="AF71222" i="1"/>
  <c r="AF71223" i="1"/>
  <c r="AF71224" i="1"/>
  <c r="AF71225" i="1"/>
  <c r="AF71226" i="1"/>
  <c r="AF71227" i="1"/>
  <c r="AF71228" i="1"/>
  <c r="AF71229" i="1"/>
  <c r="AF71230" i="1"/>
  <c r="AF71231" i="1"/>
  <c r="AF71232" i="1"/>
  <c r="AF71233" i="1"/>
  <c r="AF71234" i="1"/>
  <c r="AF71235" i="1"/>
  <c r="AF71236" i="1"/>
  <c r="AF71237" i="1"/>
  <c r="AF71238" i="1"/>
  <c r="AF71239" i="1"/>
  <c r="AF71240" i="1"/>
  <c r="AF71241" i="1"/>
  <c r="AF71242" i="1"/>
  <c r="AF71243" i="1"/>
  <c r="AF71244" i="1"/>
  <c r="AF71245" i="1"/>
  <c r="AF71246" i="1"/>
  <c r="AF71247" i="1"/>
  <c r="AF71248" i="1"/>
  <c r="AF71249" i="1"/>
  <c r="AF71250" i="1"/>
  <c r="AF71251" i="1"/>
  <c r="AF71252" i="1"/>
  <c r="AF71253" i="1"/>
  <c r="AF71254" i="1"/>
  <c r="AF71255" i="1"/>
  <c r="AF71256" i="1"/>
  <c r="AF71257" i="1"/>
  <c r="AF71258" i="1"/>
  <c r="AF71259" i="1"/>
  <c r="AF71260" i="1"/>
  <c r="AF71261" i="1"/>
  <c r="AF71262" i="1"/>
  <c r="AF71263" i="1"/>
  <c r="AF71264" i="1"/>
  <c r="AF71265" i="1"/>
  <c r="AF71266" i="1"/>
  <c r="AF71267" i="1"/>
  <c r="AF71268" i="1"/>
  <c r="AF71269" i="1"/>
  <c r="AF71270" i="1"/>
  <c r="AF71271" i="1"/>
  <c r="AF71272" i="1"/>
  <c r="AF71273" i="1"/>
  <c r="AF71274" i="1"/>
  <c r="AF71275" i="1"/>
  <c r="AF71276" i="1"/>
  <c r="AF71277" i="1"/>
  <c r="AF71278" i="1"/>
  <c r="AF71279" i="1"/>
  <c r="AF71280" i="1"/>
  <c r="AF71281" i="1"/>
  <c r="AF71282" i="1"/>
  <c r="AF71283" i="1"/>
  <c r="AF71284" i="1"/>
  <c r="AF71285" i="1"/>
  <c r="AF71286" i="1"/>
  <c r="AF71287" i="1"/>
  <c r="AF71288" i="1"/>
  <c r="AF71289" i="1"/>
  <c r="AF71290" i="1"/>
  <c r="AF71291" i="1"/>
  <c r="AF71292" i="1"/>
  <c r="AF71293" i="1"/>
  <c r="AF71294" i="1"/>
  <c r="AF71295" i="1"/>
  <c r="AF71296" i="1"/>
  <c r="AF71297" i="1"/>
  <c r="AF71298" i="1"/>
  <c r="AF71299" i="1"/>
  <c r="AF71300" i="1"/>
  <c r="AF71301" i="1"/>
  <c r="AF71302" i="1"/>
  <c r="AF71303" i="1"/>
  <c r="AF71304" i="1"/>
  <c r="AF71305" i="1"/>
  <c r="AF71306" i="1"/>
  <c r="AF71307" i="1"/>
  <c r="AF71308" i="1"/>
  <c r="AF71309" i="1"/>
  <c r="AF71310" i="1"/>
  <c r="AF71311" i="1"/>
  <c r="AF71312" i="1"/>
  <c r="AF71313" i="1"/>
  <c r="AF71314" i="1"/>
  <c r="AF71315" i="1"/>
  <c r="AF71316" i="1"/>
  <c r="AF71317" i="1"/>
  <c r="AF71318" i="1"/>
  <c r="AF71319" i="1"/>
  <c r="AF71320" i="1"/>
  <c r="AF71321" i="1"/>
  <c r="AF71322" i="1"/>
  <c r="AF71323" i="1"/>
  <c r="AF71324" i="1"/>
  <c r="AF71325" i="1"/>
  <c r="AF71326" i="1"/>
  <c r="AF71327" i="1"/>
  <c r="AF71328" i="1"/>
  <c r="AF71329" i="1"/>
  <c r="AF71330" i="1"/>
  <c r="AF71331" i="1"/>
  <c r="AF71332" i="1"/>
  <c r="AF71333" i="1"/>
  <c r="AF71334" i="1"/>
  <c r="AF71335" i="1"/>
  <c r="AF71336" i="1"/>
  <c r="AF71337" i="1"/>
  <c r="AF71338" i="1"/>
  <c r="AF71339" i="1"/>
  <c r="AF71340" i="1"/>
  <c r="AF71341" i="1"/>
  <c r="AF71342" i="1"/>
  <c r="AF71343" i="1"/>
  <c r="AF71344" i="1"/>
  <c r="AF71345" i="1"/>
  <c r="AF71346" i="1"/>
  <c r="AF71347" i="1"/>
  <c r="AF71348" i="1"/>
  <c r="AF71349" i="1"/>
  <c r="AF71350" i="1"/>
  <c r="AF71351" i="1"/>
  <c r="AF71352" i="1"/>
  <c r="AF71353" i="1"/>
  <c r="AF71354" i="1"/>
  <c r="AF71355" i="1"/>
  <c r="AF71356" i="1"/>
  <c r="AF71357" i="1"/>
  <c r="AF71358" i="1"/>
  <c r="AF71359" i="1"/>
  <c r="AF71360" i="1"/>
  <c r="AF71361" i="1"/>
  <c r="AF71362" i="1"/>
  <c r="AF71363" i="1"/>
  <c r="AF71364" i="1"/>
  <c r="AF71365" i="1"/>
  <c r="AF71366" i="1"/>
  <c r="AF71367" i="1"/>
  <c r="AF71368" i="1"/>
  <c r="AF71369" i="1"/>
  <c r="AF71370" i="1"/>
  <c r="AF71371" i="1"/>
  <c r="AF71372" i="1"/>
  <c r="AF71373" i="1"/>
  <c r="AF71374" i="1"/>
  <c r="AF71375" i="1"/>
  <c r="AF71376" i="1"/>
  <c r="AF71377" i="1"/>
  <c r="AF71378" i="1"/>
  <c r="AF71379" i="1"/>
  <c r="AF71380" i="1"/>
  <c r="AF71381" i="1"/>
  <c r="AF71382" i="1"/>
  <c r="AF71383" i="1"/>
  <c r="AF71384" i="1"/>
  <c r="AF71385" i="1"/>
  <c r="AF71386" i="1"/>
  <c r="AF71387" i="1"/>
  <c r="AF71388" i="1"/>
  <c r="AF71389" i="1"/>
  <c r="AF71390" i="1"/>
  <c r="AF71391" i="1"/>
  <c r="AF71392" i="1"/>
  <c r="AF71393" i="1"/>
  <c r="AF71394" i="1"/>
  <c r="AF71395" i="1"/>
  <c r="AF71396" i="1"/>
  <c r="AF71397" i="1"/>
  <c r="AF71398" i="1"/>
  <c r="AF71399" i="1"/>
  <c r="AF71400" i="1"/>
  <c r="AF71401" i="1"/>
  <c r="AF71402" i="1"/>
  <c r="AF71403" i="1"/>
  <c r="AF71404" i="1"/>
  <c r="AF71405" i="1"/>
  <c r="AF71406" i="1"/>
  <c r="AF71407" i="1"/>
  <c r="AF71408" i="1"/>
  <c r="AF71409" i="1"/>
  <c r="AF71410" i="1"/>
  <c r="AF71411" i="1"/>
  <c r="AF71412" i="1"/>
  <c r="AF71413" i="1"/>
  <c r="AF71414" i="1"/>
  <c r="AF71415" i="1"/>
  <c r="AF71416" i="1"/>
  <c r="AF71417" i="1"/>
  <c r="AF71418" i="1"/>
  <c r="AF71419" i="1"/>
  <c r="AF71420" i="1"/>
  <c r="AF71421" i="1"/>
  <c r="AF71422" i="1"/>
  <c r="AF71423" i="1"/>
  <c r="AF71424" i="1"/>
  <c r="AF71425" i="1"/>
  <c r="AF71426" i="1"/>
  <c r="AF71427" i="1"/>
  <c r="AF71428" i="1"/>
  <c r="AF71429" i="1"/>
  <c r="AF71430" i="1"/>
  <c r="AF71431" i="1"/>
  <c r="AF71432" i="1"/>
  <c r="AF71433" i="1"/>
  <c r="AF71434" i="1"/>
  <c r="AF71435" i="1"/>
  <c r="AF71436" i="1"/>
  <c r="AF71437" i="1"/>
  <c r="AF71438" i="1"/>
  <c r="AF71439" i="1"/>
  <c r="AF71440" i="1"/>
  <c r="AF71441" i="1"/>
  <c r="AF71442" i="1"/>
  <c r="AF71443" i="1"/>
  <c r="AF71444" i="1"/>
  <c r="AF71445" i="1"/>
  <c r="AF71446" i="1"/>
  <c r="AF71447" i="1"/>
  <c r="AF71448" i="1"/>
  <c r="AF71449" i="1"/>
  <c r="AF71450" i="1"/>
  <c r="AF71451" i="1"/>
  <c r="AF71452" i="1"/>
  <c r="AF71453" i="1"/>
  <c r="AF71454" i="1"/>
  <c r="AF71455" i="1"/>
  <c r="AF71456" i="1"/>
  <c r="AF71457" i="1"/>
  <c r="AF71458" i="1"/>
  <c r="AF71459" i="1"/>
  <c r="AF71460" i="1"/>
  <c r="AF71461" i="1"/>
  <c r="AF71462" i="1"/>
  <c r="AF71463" i="1"/>
  <c r="AF71464" i="1"/>
  <c r="AF71465" i="1"/>
  <c r="AF71466" i="1"/>
  <c r="AF71467" i="1"/>
  <c r="AF71468" i="1"/>
  <c r="AF71469" i="1"/>
  <c r="AF71470" i="1"/>
  <c r="AF71471" i="1"/>
  <c r="AF71472" i="1"/>
  <c r="AF71473" i="1"/>
  <c r="AF71474" i="1"/>
  <c r="AF71475" i="1"/>
  <c r="AF71476" i="1"/>
  <c r="AF71477" i="1"/>
  <c r="AF71478" i="1"/>
  <c r="AF71479" i="1"/>
  <c r="AF71480" i="1"/>
  <c r="AF71481" i="1"/>
  <c r="AF71482" i="1"/>
  <c r="AF71483" i="1"/>
  <c r="AF71484" i="1"/>
  <c r="AF71485" i="1"/>
  <c r="AF71486" i="1"/>
  <c r="AF71487" i="1"/>
  <c r="AF71488" i="1"/>
  <c r="AF71489" i="1"/>
  <c r="AF71490" i="1"/>
  <c r="AF71491" i="1"/>
  <c r="AF71492" i="1"/>
  <c r="AF71493" i="1"/>
  <c r="AF71494" i="1"/>
  <c r="AF71495" i="1"/>
  <c r="AF71496" i="1"/>
  <c r="AF71497" i="1"/>
  <c r="AF71498" i="1"/>
  <c r="AF71499" i="1"/>
  <c r="AF71500" i="1"/>
  <c r="AF71501" i="1"/>
  <c r="AF71502" i="1"/>
  <c r="AF71503" i="1"/>
  <c r="AF71504" i="1"/>
  <c r="AF71505" i="1"/>
  <c r="AF71506" i="1"/>
  <c r="AF71507" i="1"/>
  <c r="AF71508" i="1"/>
  <c r="AF71509" i="1"/>
  <c r="AF71510" i="1"/>
  <c r="AF71511" i="1"/>
  <c r="AF71512" i="1"/>
  <c r="AF71513" i="1"/>
  <c r="AF71514" i="1"/>
  <c r="AF71515" i="1"/>
  <c r="AF71516" i="1"/>
  <c r="AF71517" i="1"/>
  <c r="AF71518" i="1"/>
  <c r="AF71519" i="1"/>
  <c r="AF71520" i="1"/>
  <c r="AF71521" i="1"/>
  <c r="AF71522" i="1"/>
  <c r="AF71523" i="1"/>
  <c r="AF71524" i="1"/>
  <c r="AF71525" i="1"/>
  <c r="AF71526" i="1"/>
  <c r="AF71527" i="1"/>
  <c r="AF71528" i="1"/>
  <c r="AF71529" i="1"/>
  <c r="AF71530" i="1"/>
  <c r="AF71531" i="1"/>
  <c r="AF71532" i="1"/>
  <c r="AF71533" i="1"/>
  <c r="AF71534" i="1"/>
  <c r="AF71535" i="1"/>
  <c r="AF71536" i="1"/>
  <c r="AF71537" i="1"/>
  <c r="AF71538" i="1"/>
  <c r="AF71539" i="1"/>
  <c r="AF71540" i="1"/>
  <c r="AF71541" i="1"/>
  <c r="AF71542" i="1"/>
  <c r="AF71543" i="1"/>
  <c r="AF71544" i="1"/>
  <c r="AF71545" i="1"/>
  <c r="AF71546" i="1"/>
  <c r="AF71547" i="1"/>
  <c r="AF71548" i="1"/>
  <c r="AF71549" i="1"/>
  <c r="AF71550" i="1"/>
  <c r="AF71551" i="1"/>
  <c r="AF71552" i="1"/>
  <c r="AF71553" i="1"/>
  <c r="AF71554" i="1"/>
  <c r="AF71555" i="1"/>
  <c r="AF71556" i="1"/>
  <c r="AF71557" i="1"/>
  <c r="AF71558" i="1"/>
  <c r="AF71559" i="1"/>
  <c r="AF71560" i="1"/>
  <c r="AF71561" i="1"/>
  <c r="AF71562" i="1"/>
  <c r="AF71563" i="1"/>
  <c r="AF71564" i="1"/>
  <c r="AF71565" i="1"/>
  <c r="AF71566" i="1"/>
  <c r="AF71567" i="1"/>
  <c r="AF71568" i="1"/>
  <c r="AF71569" i="1"/>
  <c r="AF71570" i="1"/>
  <c r="AF71571" i="1"/>
  <c r="AF71572" i="1"/>
  <c r="AF71573" i="1"/>
  <c r="AF71574" i="1"/>
  <c r="AF71575" i="1"/>
  <c r="AF71576" i="1"/>
  <c r="AF71577" i="1"/>
  <c r="AF71578" i="1"/>
  <c r="AF71579" i="1"/>
  <c r="AF71580" i="1"/>
  <c r="AF71581" i="1"/>
  <c r="AF71582" i="1"/>
  <c r="AF71583" i="1"/>
  <c r="AF71584" i="1"/>
  <c r="AF71585" i="1"/>
  <c r="AF71586" i="1"/>
  <c r="AF71587" i="1"/>
  <c r="AF71588" i="1"/>
  <c r="AF71589" i="1"/>
  <c r="AF71590" i="1"/>
  <c r="AF71591" i="1"/>
  <c r="AF71592" i="1"/>
  <c r="AF71593" i="1"/>
  <c r="AF71594" i="1"/>
  <c r="AF71595" i="1"/>
  <c r="AF71596" i="1"/>
  <c r="AF71597" i="1"/>
  <c r="AF71598" i="1"/>
  <c r="AF71599" i="1"/>
  <c r="AF71600" i="1"/>
  <c r="AF71601" i="1"/>
  <c r="AF71602" i="1"/>
  <c r="AF71603" i="1"/>
  <c r="AF71604" i="1"/>
  <c r="AF71605" i="1"/>
  <c r="AF71606" i="1"/>
  <c r="AF71607" i="1"/>
  <c r="AF71608" i="1"/>
  <c r="AF71609" i="1"/>
  <c r="AF71610" i="1"/>
  <c r="AF71611" i="1"/>
  <c r="AF71612" i="1"/>
  <c r="AF71613" i="1"/>
  <c r="AF71614" i="1"/>
  <c r="AF71615" i="1"/>
  <c r="AF71616" i="1"/>
  <c r="AF71617" i="1"/>
  <c r="AF71618" i="1"/>
  <c r="AF71619" i="1"/>
  <c r="AF71620" i="1"/>
  <c r="AF71621" i="1"/>
  <c r="AF71622" i="1"/>
  <c r="AF71623" i="1"/>
  <c r="AF71624" i="1"/>
  <c r="AF71625" i="1"/>
  <c r="AF71626" i="1"/>
  <c r="AF71627" i="1"/>
  <c r="AF71628" i="1"/>
  <c r="AF71629" i="1"/>
  <c r="AF71630" i="1"/>
  <c r="AF71631" i="1"/>
  <c r="AF71632" i="1"/>
  <c r="AF71633" i="1"/>
  <c r="AF71634" i="1"/>
  <c r="AF71635" i="1"/>
  <c r="AF71636" i="1"/>
  <c r="AF71637" i="1"/>
  <c r="AF71638" i="1"/>
  <c r="AF71639" i="1"/>
  <c r="AF71640" i="1"/>
  <c r="AF71641" i="1"/>
  <c r="AF71642" i="1"/>
  <c r="AF71643" i="1"/>
  <c r="AF71644" i="1"/>
  <c r="AF71645" i="1"/>
  <c r="AF71646" i="1"/>
  <c r="AF71647" i="1"/>
  <c r="AF71648" i="1"/>
  <c r="AF71649" i="1"/>
  <c r="AF71650" i="1"/>
  <c r="AF71651" i="1"/>
  <c r="AF71652" i="1"/>
  <c r="AF71653" i="1"/>
  <c r="AF71654" i="1"/>
  <c r="AF71655" i="1"/>
  <c r="AF71656" i="1"/>
  <c r="AF71657" i="1"/>
  <c r="AF71658" i="1"/>
  <c r="AF71659" i="1"/>
  <c r="AF71660" i="1"/>
  <c r="AF71661" i="1"/>
  <c r="AF71662" i="1"/>
  <c r="AF71663" i="1"/>
  <c r="AF71664" i="1"/>
  <c r="AF71665" i="1"/>
  <c r="AF71666" i="1"/>
  <c r="AF71667" i="1"/>
  <c r="AF71668" i="1"/>
  <c r="AF71669" i="1"/>
  <c r="AF71670" i="1"/>
  <c r="AF71671" i="1"/>
  <c r="AF71672" i="1"/>
  <c r="AF71673" i="1"/>
  <c r="AF71674" i="1"/>
  <c r="AF71675" i="1"/>
  <c r="AF71676" i="1"/>
  <c r="AF71677" i="1"/>
  <c r="AF71678" i="1"/>
  <c r="AF71679" i="1"/>
  <c r="AF71680" i="1"/>
  <c r="AF71681" i="1"/>
  <c r="AF71682" i="1"/>
  <c r="AF71683" i="1"/>
  <c r="AF71684" i="1"/>
  <c r="AF71685" i="1"/>
  <c r="AF71686" i="1"/>
  <c r="AF71687" i="1"/>
  <c r="AF71688" i="1"/>
  <c r="AF71689" i="1"/>
  <c r="AF71690" i="1"/>
  <c r="AF71691" i="1"/>
  <c r="AF71692" i="1"/>
  <c r="AF71693" i="1"/>
  <c r="AF71694" i="1"/>
  <c r="AF71695" i="1"/>
  <c r="AF71696" i="1"/>
  <c r="AF71697" i="1"/>
  <c r="AF71698" i="1"/>
  <c r="AF71699" i="1"/>
  <c r="AF71700" i="1"/>
  <c r="AF71701" i="1"/>
  <c r="AF71702" i="1"/>
  <c r="AF71703" i="1"/>
  <c r="AF71704" i="1"/>
  <c r="AF71705" i="1"/>
  <c r="AF71706" i="1"/>
  <c r="AF71707" i="1"/>
  <c r="AF71708" i="1"/>
  <c r="AF71709" i="1"/>
  <c r="AF71710" i="1"/>
  <c r="AF71711" i="1"/>
  <c r="AF71712" i="1"/>
  <c r="AF71713" i="1"/>
  <c r="AF71714" i="1"/>
  <c r="AF71715" i="1"/>
  <c r="AF71716" i="1"/>
  <c r="AF71717" i="1"/>
  <c r="AF71718" i="1"/>
  <c r="AF71719" i="1"/>
  <c r="AF71720" i="1"/>
  <c r="AF71721" i="1"/>
  <c r="AF71722" i="1"/>
  <c r="AF71723" i="1"/>
  <c r="AF71724" i="1"/>
  <c r="AF71725" i="1"/>
  <c r="AF71726" i="1"/>
  <c r="AF71727" i="1"/>
  <c r="AF71728" i="1"/>
  <c r="AF71729" i="1"/>
  <c r="AF71730" i="1"/>
  <c r="AF71731" i="1"/>
  <c r="AF71732" i="1"/>
  <c r="AF71733" i="1"/>
  <c r="AF71734" i="1"/>
  <c r="AF71735" i="1"/>
  <c r="AF71736" i="1"/>
  <c r="AF71737" i="1"/>
  <c r="AF71738" i="1"/>
  <c r="AF71739" i="1"/>
  <c r="AF71740" i="1"/>
  <c r="AF71741" i="1"/>
  <c r="AF71742" i="1"/>
  <c r="AF71743" i="1"/>
  <c r="AF71744" i="1"/>
  <c r="AF71745" i="1"/>
  <c r="AF71746" i="1"/>
  <c r="AF71747" i="1"/>
  <c r="AF71748" i="1"/>
  <c r="AF71749" i="1"/>
  <c r="AF71750" i="1"/>
  <c r="AF71751" i="1"/>
  <c r="AF71752" i="1"/>
  <c r="AF71753" i="1"/>
  <c r="AF71754" i="1"/>
  <c r="AF71755" i="1"/>
  <c r="AF71756" i="1"/>
  <c r="AF71757" i="1"/>
  <c r="AF71758" i="1"/>
  <c r="AF71759" i="1"/>
  <c r="AF71760" i="1"/>
  <c r="AF71761" i="1"/>
  <c r="AF71762" i="1"/>
  <c r="AF71763" i="1"/>
  <c r="AF71764" i="1"/>
  <c r="AF71765" i="1"/>
  <c r="AF71766" i="1"/>
  <c r="AF71767" i="1"/>
  <c r="AF71768" i="1"/>
  <c r="AF71769" i="1"/>
  <c r="AF71770" i="1"/>
  <c r="AF71771" i="1"/>
  <c r="AF71772" i="1"/>
  <c r="AF71773" i="1"/>
  <c r="AF71774" i="1"/>
  <c r="AF71775" i="1"/>
  <c r="AF71776" i="1"/>
  <c r="AF71777" i="1"/>
  <c r="AF71778" i="1"/>
  <c r="AF71779" i="1"/>
  <c r="AF71780" i="1"/>
  <c r="AF71781" i="1"/>
  <c r="AF71782" i="1"/>
  <c r="AF71783" i="1"/>
  <c r="AF71784" i="1"/>
  <c r="AF71785" i="1"/>
  <c r="AF71786" i="1"/>
  <c r="AF71787" i="1"/>
  <c r="AF71788" i="1"/>
  <c r="AF71789" i="1"/>
  <c r="AF71790" i="1"/>
  <c r="AF71791" i="1"/>
  <c r="AF71792" i="1"/>
  <c r="AF71793" i="1"/>
  <c r="AF71794" i="1"/>
  <c r="AF71795" i="1"/>
  <c r="AF71796" i="1"/>
  <c r="AF71797" i="1"/>
  <c r="AF71798" i="1"/>
  <c r="AF71799" i="1"/>
  <c r="AF71800" i="1"/>
  <c r="AF71801" i="1"/>
  <c r="AF71802" i="1"/>
  <c r="AF71803" i="1"/>
  <c r="AF71804" i="1"/>
  <c r="AF71805" i="1"/>
  <c r="AF71806" i="1"/>
  <c r="AF71807" i="1"/>
  <c r="AF71808" i="1"/>
  <c r="AF71809" i="1"/>
  <c r="AF71810" i="1"/>
  <c r="AF71811" i="1"/>
  <c r="AF71812" i="1"/>
  <c r="AF71813" i="1"/>
  <c r="AF71814" i="1"/>
  <c r="AF71815" i="1"/>
  <c r="AF71816" i="1"/>
  <c r="AF71817" i="1"/>
  <c r="AF71818" i="1"/>
  <c r="AF71819" i="1"/>
  <c r="AF71820" i="1"/>
  <c r="AF71821" i="1"/>
  <c r="AF71822" i="1"/>
  <c r="AF71823" i="1"/>
  <c r="AF71824" i="1"/>
  <c r="AF71825" i="1"/>
  <c r="AF71826" i="1"/>
  <c r="AF71827" i="1"/>
  <c r="AF71828" i="1"/>
  <c r="AF71829" i="1"/>
  <c r="AF71830" i="1"/>
  <c r="AF71831" i="1"/>
  <c r="AF71832" i="1"/>
  <c r="AF71833" i="1"/>
  <c r="AF71834" i="1"/>
  <c r="AF71835" i="1"/>
  <c r="AF71836" i="1"/>
  <c r="AF71837" i="1"/>
  <c r="AF71838" i="1"/>
  <c r="AF71839" i="1"/>
  <c r="AF71840" i="1"/>
  <c r="AF71841" i="1"/>
  <c r="AF71842" i="1"/>
  <c r="AF71843" i="1"/>
  <c r="AF71844" i="1"/>
  <c r="AF71845" i="1"/>
  <c r="AF71846" i="1"/>
  <c r="AF71847" i="1"/>
  <c r="AF71848" i="1"/>
  <c r="AF71849" i="1"/>
  <c r="AF71850" i="1"/>
  <c r="AF71851" i="1"/>
  <c r="AF71852" i="1"/>
  <c r="AF71853" i="1"/>
  <c r="AF71854" i="1"/>
  <c r="AF71855" i="1"/>
  <c r="AF71856" i="1"/>
  <c r="AF71857" i="1"/>
  <c r="AF71858" i="1"/>
  <c r="AF71859" i="1"/>
  <c r="AF71860" i="1"/>
  <c r="AF71861" i="1"/>
  <c r="AF71862" i="1"/>
  <c r="AF71863" i="1"/>
  <c r="AF71864" i="1"/>
  <c r="AF71865" i="1"/>
  <c r="AF71866" i="1"/>
  <c r="AF71867" i="1"/>
  <c r="AF71868" i="1"/>
  <c r="AF71869" i="1"/>
  <c r="AF71870" i="1"/>
  <c r="AF71871" i="1"/>
  <c r="AF71872" i="1"/>
  <c r="AF71873" i="1"/>
  <c r="AF71874" i="1"/>
  <c r="AF71875" i="1"/>
  <c r="AF71876" i="1"/>
  <c r="AF71877" i="1"/>
  <c r="AF71878" i="1"/>
  <c r="AF71879" i="1"/>
  <c r="AF71880" i="1"/>
  <c r="AF71881" i="1"/>
  <c r="AF71882" i="1"/>
  <c r="AF71883" i="1"/>
  <c r="AF71884" i="1"/>
  <c r="AF71885" i="1"/>
  <c r="AF71886" i="1"/>
  <c r="AF71887" i="1"/>
  <c r="AF71888" i="1"/>
  <c r="AF71889" i="1"/>
  <c r="AF71890" i="1"/>
  <c r="AF71891" i="1"/>
  <c r="AF71892" i="1"/>
  <c r="AF71893" i="1"/>
  <c r="AF71894" i="1"/>
  <c r="AF71895" i="1"/>
  <c r="AF71896" i="1"/>
  <c r="AF71897" i="1"/>
  <c r="AF71898" i="1"/>
  <c r="AF71899" i="1"/>
  <c r="AF71900" i="1"/>
  <c r="AF71901" i="1"/>
  <c r="AF71902" i="1"/>
  <c r="AF71903" i="1"/>
  <c r="AF71904" i="1"/>
  <c r="AF71905" i="1"/>
  <c r="AF71906" i="1"/>
  <c r="AF71907" i="1"/>
  <c r="AF71908" i="1"/>
  <c r="AF71909" i="1"/>
  <c r="AF71910" i="1"/>
  <c r="AF71911" i="1"/>
  <c r="AF71912" i="1"/>
  <c r="AF71913" i="1"/>
  <c r="AF71914" i="1"/>
  <c r="AF71915" i="1"/>
  <c r="AF71916" i="1"/>
  <c r="AF71917" i="1"/>
  <c r="AF71918" i="1"/>
  <c r="AF71919" i="1"/>
  <c r="AF71920" i="1"/>
  <c r="AF71921" i="1"/>
  <c r="AF71922" i="1"/>
  <c r="AF71923" i="1"/>
  <c r="AF71924" i="1"/>
  <c r="AF71925" i="1"/>
  <c r="AF71926" i="1"/>
  <c r="AF71927" i="1"/>
  <c r="AF71928" i="1"/>
  <c r="AF71929" i="1"/>
  <c r="AF71930" i="1"/>
  <c r="AF71931" i="1"/>
  <c r="AF71932" i="1"/>
  <c r="AF71933" i="1"/>
  <c r="AF71934" i="1"/>
  <c r="AF71935" i="1"/>
  <c r="AF71936" i="1"/>
  <c r="AF71937" i="1"/>
  <c r="AF71938" i="1"/>
  <c r="AF71939" i="1"/>
  <c r="AF71940" i="1"/>
  <c r="AF71941" i="1"/>
  <c r="AF71942" i="1"/>
  <c r="AF71943" i="1"/>
  <c r="AF71944" i="1"/>
  <c r="AF71945" i="1"/>
  <c r="AF71946" i="1"/>
  <c r="AF71947" i="1"/>
  <c r="AF71948" i="1"/>
  <c r="AF71949" i="1"/>
  <c r="AF71950" i="1"/>
  <c r="AF71951" i="1"/>
  <c r="AF71952" i="1"/>
  <c r="AF71953" i="1"/>
  <c r="AF71954" i="1"/>
  <c r="AF71955" i="1"/>
  <c r="AF71956" i="1"/>
  <c r="AF71957" i="1"/>
  <c r="AF71958" i="1"/>
  <c r="AF71959" i="1"/>
  <c r="AF71960" i="1"/>
  <c r="AF71961" i="1"/>
  <c r="AF71962" i="1"/>
  <c r="AF71963" i="1"/>
  <c r="AF71964" i="1"/>
  <c r="AF71965" i="1"/>
  <c r="AF71966" i="1"/>
  <c r="AF71967" i="1"/>
  <c r="AF71968" i="1"/>
  <c r="AF71969" i="1"/>
  <c r="AF71970" i="1"/>
  <c r="AF71971" i="1"/>
  <c r="AF71972" i="1"/>
  <c r="AF71973" i="1"/>
  <c r="AF71974" i="1"/>
  <c r="AF71975" i="1"/>
  <c r="AF71976" i="1"/>
  <c r="AF71977" i="1"/>
  <c r="AF71978" i="1"/>
  <c r="AF71979" i="1"/>
  <c r="AF71980" i="1"/>
  <c r="AF71981" i="1"/>
  <c r="AF71982" i="1"/>
  <c r="AF71983" i="1"/>
  <c r="AF71984" i="1"/>
  <c r="AF71985" i="1"/>
  <c r="AF71986" i="1"/>
  <c r="AF71987" i="1"/>
  <c r="AF71988" i="1"/>
  <c r="AF71989" i="1"/>
  <c r="AF71990" i="1"/>
  <c r="AF71991" i="1"/>
  <c r="AF71992" i="1"/>
  <c r="AF71993" i="1"/>
  <c r="AF71994" i="1"/>
  <c r="AF71995" i="1"/>
  <c r="AF71996" i="1"/>
  <c r="AF71997" i="1"/>
  <c r="AF71998" i="1"/>
  <c r="AF71999" i="1"/>
  <c r="AF72000" i="1"/>
  <c r="AF72001" i="1"/>
  <c r="AF72002" i="1"/>
  <c r="AF72003" i="1"/>
  <c r="AF72004" i="1"/>
  <c r="AF72005" i="1"/>
  <c r="AF72006" i="1"/>
  <c r="AF72007" i="1"/>
  <c r="AF72008" i="1"/>
  <c r="AF72009" i="1"/>
  <c r="AF72010" i="1"/>
  <c r="AF72011" i="1"/>
  <c r="AF72012" i="1"/>
  <c r="AF72013" i="1"/>
  <c r="AF72014" i="1"/>
  <c r="AF72015" i="1"/>
  <c r="AF72016" i="1"/>
  <c r="AF72017" i="1"/>
  <c r="AF72018" i="1"/>
  <c r="AF72019" i="1"/>
  <c r="AF72020" i="1"/>
  <c r="AF72021" i="1"/>
  <c r="AF72022" i="1"/>
  <c r="AF72023" i="1"/>
  <c r="AF72024" i="1"/>
  <c r="AF72025" i="1"/>
  <c r="AF72026" i="1"/>
  <c r="AF72027" i="1"/>
  <c r="AF72028" i="1"/>
  <c r="AF72029" i="1"/>
  <c r="AF72030" i="1"/>
  <c r="AF72031" i="1"/>
  <c r="AF72032" i="1"/>
  <c r="AF72033" i="1"/>
  <c r="AF72034" i="1"/>
  <c r="AF72035" i="1"/>
  <c r="AF72036" i="1"/>
  <c r="AF72037" i="1"/>
  <c r="AF72038" i="1"/>
  <c r="AF72039" i="1"/>
  <c r="AF72040" i="1"/>
  <c r="AF72041" i="1"/>
  <c r="AF72042" i="1"/>
  <c r="AF72043" i="1"/>
  <c r="AF72044" i="1"/>
  <c r="AF72045" i="1"/>
  <c r="AF72046" i="1"/>
  <c r="AF72047" i="1"/>
  <c r="AF72048" i="1"/>
  <c r="AF72049" i="1"/>
  <c r="AF72050" i="1"/>
  <c r="AF72051" i="1"/>
  <c r="AF72052" i="1"/>
  <c r="AF72053" i="1"/>
  <c r="AF72054" i="1"/>
  <c r="AF72055" i="1"/>
  <c r="AF72056" i="1"/>
  <c r="AF72057" i="1"/>
  <c r="AF72058" i="1"/>
  <c r="AF72059" i="1"/>
  <c r="AF72060" i="1"/>
  <c r="AF72061" i="1"/>
  <c r="AF72062" i="1"/>
  <c r="AF72063" i="1"/>
  <c r="AF72064" i="1"/>
  <c r="AF72065" i="1"/>
  <c r="AF72066" i="1"/>
  <c r="AF72067" i="1"/>
  <c r="AF72068" i="1"/>
  <c r="AF72069" i="1"/>
  <c r="AF72070" i="1"/>
  <c r="AF72071" i="1"/>
  <c r="AF72072" i="1"/>
  <c r="AF72073" i="1"/>
  <c r="AF72074" i="1"/>
  <c r="AF72075" i="1"/>
  <c r="AF72076" i="1"/>
  <c r="AF72077" i="1"/>
  <c r="AF72078" i="1"/>
  <c r="AF72079" i="1"/>
  <c r="AF72080" i="1"/>
  <c r="AF72081" i="1"/>
  <c r="AF72082" i="1"/>
  <c r="AF72083" i="1"/>
  <c r="AF72084" i="1"/>
  <c r="AF72085" i="1"/>
  <c r="AF72086" i="1"/>
  <c r="AF72087" i="1"/>
  <c r="AF72088" i="1"/>
  <c r="AF72089" i="1"/>
  <c r="AF72090" i="1"/>
  <c r="AF72091" i="1"/>
  <c r="AF72092" i="1"/>
  <c r="AF72093" i="1"/>
  <c r="AF72094" i="1"/>
  <c r="AF72095" i="1"/>
  <c r="AF72096" i="1"/>
  <c r="AF72097" i="1"/>
  <c r="AF72098" i="1"/>
  <c r="AF72099" i="1"/>
  <c r="AF72100" i="1"/>
  <c r="AF72101" i="1"/>
  <c r="AF72102" i="1"/>
  <c r="AF72103" i="1"/>
  <c r="AF72104" i="1"/>
  <c r="AF72105" i="1"/>
  <c r="AF72106" i="1"/>
  <c r="AF72107" i="1"/>
  <c r="AF72108" i="1"/>
  <c r="AF72109" i="1"/>
  <c r="AF72110" i="1"/>
  <c r="AF72111" i="1"/>
  <c r="AF72112" i="1"/>
  <c r="AF72113" i="1"/>
  <c r="AF72114" i="1"/>
  <c r="AF72115" i="1"/>
  <c r="AF72116" i="1"/>
  <c r="AF72117" i="1"/>
  <c r="AF72118" i="1"/>
  <c r="AF72119" i="1"/>
  <c r="AF72120" i="1"/>
  <c r="AF72121" i="1"/>
  <c r="AF72122" i="1"/>
  <c r="AF72123" i="1"/>
  <c r="AF72124" i="1"/>
  <c r="AF72125" i="1"/>
  <c r="AF72126" i="1"/>
  <c r="AF72127" i="1"/>
  <c r="AF72128" i="1"/>
  <c r="AF72129" i="1"/>
  <c r="AF72130" i="1"/>
  <c r="AF72131" i="1"/>
  <c r="AF72132" i="1"/>
  <c r="AF72133" i="1"/>
  <c r="AF72134" i="1"/>
  <c r="AF72135" i="1"/>
  <c r="AF72136" i="1"/>
  <c r="AF72137" i="1"/>
  <c r="AF72138" i="1"/>
  <c r="AF72139" i="1"/>
  <c r="AF72140" i="1"/>
  <c r="AF72141" i="1"/>
  <c r="AF72142" i="1"/>
  <c r="AF72143" i="1"/>
  <c r="AF72144" i="1"/>
  <c r="AF72145" i="1"/>
  <c r="AF72146" i="1"/>
  <c r="AF72147" i="1"/>
  <c r="AF72148" i="1"/>
  <c r="AF72149" i="1"/>
  <c r="AF72150" i="1"/>
  <c r="AF72151" i="1"/>
  <c r="AF72152" i="1"/>
  <c r="AF72153" i="1"/>
  <c r="AF72154" i="1"/>
  <c r="AF72155" i="1"/>
  <c r="AF72156" i="1"/>
  <c r="AF72157" i="1"/>
  <c r="AF72158" i="1"/>
  <c r="AF72159" i="1"/>
  <c r="AF72160" i="1"/>
  <c r="AF72161" i="1"/>
  <c r="AF72162" i="1"/>
  <c r="AF72163" i="1"/>
  <c r="AF72164" i="1"/>
  <c r="AF72165" i="1"/>
  <c r="AF72166" i="1"/>
  <c r="AF72167" i="1"/>
  <c r="AF72168" i="1"/>
  <c r="AF72169" i="1"/>
  <c r="AF72170" i="1"/>
  <c r="AF72171" i="1"/>
  <c r="AF72172" i="1"/>
  <c r="AF72173" i="1"/>
  <c r="AF72174" i="1"/>
  <c r="AF72175" i="1"/>
  <c r="AF72176" i="1"/>
  <c r="AF72177" i="1"/>
  <c r="AF72178" i="1"/>
  <c r="AF72179" i="1"/>
  <c r="AF72180" i="1"/>
  <c r="AF72181" i="1"/>
  <c r="AF72182" i="1"/>
  <c r="AF72183" i="1"/>
  <c r="AF72184" i="1"/>
  <c r="AF72185" i="1"/>
  <c r="AF72186" i="1"/>
  <c r="AF72187" i="1"/>
  <c r="AF72188" i="1"/>
  <c r="AF72189" i="1"/>
  <c r="AF72190" i="1"/>
  <c r="AF72191" i="1"/>
  <c r="AF72192" i="1"/>
  <c r="AF72193" i="1"/>
  <c r="AF72194" i="1"/>
  <c r="AF72195" i="1"/>
  <c r="AF72196" i="1"/>
  <c r="AF72197" i="1"/>
  <c r="AF72198" i="1"/>
  <c r="AF72199" i="1"/>
  <c r="AF72200" i="1"/>
  <c r="AF72201" i="1"/>
  <c r="AF72202" i="1"/>
  <c r="AF72203" i="1"/>
  <c r="AF72204" i="1"/>
  <c r="AF72205" i="1"/>
  <c r="AF72206" i="1"/>
  <c r="AF72207" i="1"/>
  <c r="AF72208" i="1"/>
  <c r="AF72209" i="1"/>
  <c r="AF72210" i="1"/>
  <c r="AF72211" i="1"/>
  <c r="AF72212" i="1"/>
  <c r="AF72213" i="1"/>
  <c r="AF72214" i="1"/>
  <c r="AF72215" i="1"/>
  <c r="AF72216" i="1"/>
  <c r="AF72217" i="1"/>
  <c r="AF72218" i="1"/>
  <c r="AF72219" i="1"/>
  <c r="AF72220" i="1"/>
  <c r="AF72221" i="1"/>
  <c r="AF72222" i="1"/>
  <c r="AF72223" i="1"/>
  <c r="AF72224" i="1"/>
  <c r="AF72225" i="1"/>
  <c r="AF72226" i="1"/>
  <c r="AF72227" i="1"/>
  <c r="AF72228" i="1"/>
  <c r="AF72229" i="1"/>
  <c r="AF72230" i="1"/>
  <c r="AF72231" i="1"/>
  <c r="AF72232" i="1"/>
  <c r="AF72233" i="1"/>
  <c r="AF72234" i="1"/>
  <c r="AF72235" i="1"/>
  <c r="AF72236" i="1"/>
  <c r="AF72237" i="1"/>
  <c r="AF72238" i="1"/>
  <c r="AF72239" i="1"/>
  <c r="AF72240" i="1"/>
  <c r="AF72241" i="1"/>
  <c r="AF72242" i="1"/>
  <c r="AF72243" i="1"/>
  <c r="AF72244" i="1"/>
  <c r="AF72245" i="1"/>
  <c r="AF72246" i="1"/>
  <c r="AF72247" i="1"/>
  <c r="AF72248" i="1"/>
  <c r="AF72249" i="1"/>
  <c r="AF72250" i="1"/>
  <c r="AF72251" i="1"/>
  <c r="AF72252" i="1"/>
  <c r="AF72253" i="1"/>
  <c r="AF72254" i="1"/>
  <c r="AF72255" i="1"/>
  <c r="AF72256" i="1"/>
  <c r="AF72257" i="1"/>
  <c r="AF72258" i="1"/>
  <c r="AF72259" i="1"/>
  <c r="AF72260" i="1"/>
  <c r="AF72261" i="1"/>
  <c r="AF72262" i="1"/>
  <c r="AF72263" i="1"/>
  <c r="AF72264" i="1"/>
  <c r="AF72265" i="1"/>
  <c r="AF72266" i="1"/>
  <c r="AF72267" i="1"/>
  <c r="AF72268" i="1"/>
  <c r="AF72269" i="1"/>
  <c r="AF72270" i="1"/>
  <c r="AF72271" i="1"/>
  <c r="AF72272" i="1"/>
  <c r="AF72273" i="1"/>
  <c r="AF72274" i="1"/>
  <c r="AF72275" i="1"/>
  <c r="AF72276" i="1"/>
  <c r="AF72277" i="1"/>
  <c r="AF72278" i="1"/>
  <c r="AF72279" i="1"/>
  <c r="AF72280" i="1"/>
  <c r="AF72281" i="1"/>
  <c r="AF72282" i="1"/>
  <c r="AF72283" i="1"/>
  <c r="AF72284" i="1"/>
  <c r="AF72285" i="1"/>
  <c r="AF72286" i="1"/>
  <c r="AF72287" i="1"/>
  <c r="AF72288" i="1"/>
  <c r="AF72289" i="1"/>
  <c r="AF72290" i="1"/>
  <c r="AF72291" i="1"/>
  <c r="AF72292" i="1"/>
  <c r="AF72293" i="1"/>
  <c r="AF72294" i="1"/>
  <c r="AF72295" i="1"/>
  <c r="AF72296" i="1"/>
  <c r="AF72297" i="1"/>
  <c r="AF72298" i="1"/>
  <c r="AF72299" i="1"/>
  <c r="AF72300" i="1"/>
  <c r="AF72301" i="1"/>
  <c r="AF72302" i="1"/>
  <c r="AF72303" i="1"/>
  <c r="AF72304" i="1"/>
  <c r="AF72305" i="1"/>
  <c r="AF72306" i="1"/>
  <c r="AF72307" i="1"/>
  <c r="AF72308" i="1"/>
  <c r="AF72309" i="1"/>
  <c r="AF72310" i="1"/>
  <c r="AF72311" i="1"/>
  <c r="AF72312" i="1"/>
  <c r="AF72313" i="1"/>
  <c r="AF72314" i="1"/>
  <c r="AF72315" i="1"/>
  <c r="AF72316" i="1"/>
  <c r="AF72317" i="1"/>
  <c r="AF72318" i="1"/>
  <c r="AF72319" i="1"/>
  <c r="AF72320" i="1"/>
  <c r="AF72321" i="1"/>
  <c r="AF72322" i="1"/>
  <c r="AF72323" i="1"/>
  <c r="AF72324" i="1"/>
  <c r="AF72325" i="1"/>
  <c r="AF72326" i="1"/>
  <c r="AF72327" i="1"/>
  <c r="AF72328" i="1"/>
  <c r="AF72329" i="1"/>
  <c r="AF72330" i="1"/>
  <c r="AF72331" i="1"/>
  <c r="AF72332" i="1"/>
  <c r="AF72333" i="1"/>
  <c r="AF72334" i="1"/>
  <c r="AF72335" i="1"/>
  <c r="AF72336" i="1"/>
  <c r="AF72337" i="1"/>
  <c r="AF72338" i="1"/>
  <c r="AF72339" i="1"/>
  <c r="AF72340" i="1"/>
  <c r="AF72341" i="1"/>
  <c r="AF72342" i="1"/>
  <c r="AF72343" i="1"/>
  <c r="AF72344" i="1"/>
  <c r="AF72345" i="1"/>
  <c r="AF72346" i="1"/>
  <c r="AF72347" i="1"/>
  <c r="AF72348" i="1"/>
  <c r="AF72349" i="1"/>
  <c r="AF72350" i="1"/>
  <c r="AF72351" i="1"/>
  <c r="AF72352" i="1"/>
  <c r="AF72353" i="1"/>
  <c r="AF72354" i="1"/>
  <c r="AF72355" i="1"/>
  <c r="AF72356" i="1"/>
  <c r="AF72357" i="1"/>
  <c r="AF72358" i="1"/>
  <c r="AF72359" i="1"/>
  <c r="AF72360" i="1"/>
  <c r="AF72361" i="1"/>
  <c r="AF72362" i="1"/>
  <c r="AF72363" i="1"/>
  <c r="AF72364" i="1"/>
  <c r="AF72365" i="1"/>
  <c r="AF72366" i="1"/>
  <c r="AF72367" i="1"/>
  <c r="AF72368" i="1"/>
  <c r="AF72369" i="1"/>
  <c r="AF72370" i="1"/>
  <c r="AF72371" i="1"/>
  <c r="AF72372" i="1"/>
  <c r="AF72373" i="1"/>
  <c r="AF72374" i="1"/>
  <c r="AF72375" i="1"/>
  <c r="AF72376" i="1"/>
  <c r="AF72377" i="1"/>
  <c r="AF72378" i="1"/>
  <c r="AF72379" i="1"/>
  <c r="AF72380" i="1"/>
  <c r="AF72381" i="1"/>
  <c r="AF72382" i="1"/>
  <c r="AF72383" i="1"/>
  <c r="AF72384" i="1"/>
  <c r="AF72385" i="1"/>
  <c r="AF72386" i="1"/>
  <c r="AF72387" i="1"/>
  <c r="AF72388" i="1"/>
  <c r="AF72389" i="1"/>
  <c r="AF72390" i="1"/>
  <c r="AF72391" i="1"/>
  <c r="AF72392" i="1"/>
  <c r="AF72393" i="1"/>
  <c r="AF72394" i="1"/>
  <c r="AF72395" i="1"/>
  <c r="AF72396" i="1"/>
  <c r="AF72397" i="1"/>
  <c r="AF72398" i="1"/>
  <c r="AF72399" i="1"/>
  <c r="AF72400" i="1"/>
  <c r="AF72401" i="1"/>
  <c r="AF72402" i="1"/>
  <c r="AF72403" i="1"/>
  <c r="AF72404" i="1"/>
  <c r="AF72405" i="1"/>
  <c r="AF72406" i="1"/>
  <c r="AF72407" i="1"/>
  <c r="AF72408" i="1"/>
  <c r="AF72409" i="1"/>
  <c r="AF72410" i="1"/>
  <c r="AF72411" i="1"/>
  <c r="AF72412" i="1"/>
  <c r="AF72413" i="1"/>
  <c r="AF72414" i="1"/>
  <c r="AF72415" i="1"/>
  <c r="AF72416" i="1"/>
  <c r="AF72417" i="1"/>
  <c r="AF72418" i="1"/>
  <c r="AF72419" i="1"/>
  <c r="AF72420" i="1"/>
  <c r="AF72421" i="1"/>
  <c r="AF72422" i="1"/>
  <c r="AF72423" i="1"/>
  <c r="AF72424" i="1"/>
  <c r="AF72425" i="1"/>
  <c r="AF72426" i="1"/>
  <c r="AF72427" i="1"/>
  <c r="AF72428" i="1"/>
  <c r="AF72429" i="1"/>
  <c r="AF72430" i="1"/>
  <c r="AF72431" i="1"/>
  <c r="AF72432" i="1"/>
  <c r="AF72433" i="1"/>
  <c r="AF72434" i="1"/>
  <c r="AF72435" i="1"/>
  <c r="AF72436" i="1"/>
  <c r="AF72437" i="1"/>
  <c r="AF72438" i="1"/>
  <c r="AF72439" i="1"/>
  <c r="AF72440" i="1"/>
  <c r="AF72441" i="1"/>
  <c r="AF72442" i="1"/>
  <c r="AF72443" i="1"/>
  <c r="AF72444" i="1"/>
  <c r="AF72445" i="1"/>
  <c r="AF72446" i="1"/>
  <c r="AF72447" i="1"/>
  <c r="AF72448" i="1"/>
  <c r="AF72449" i="1"/>
  <c r="AF72450" i="1"/>
  <c r="AF72451" i="1"/>
  <c r="AF72452" i="1"/>
  <c r="AF72453" i="1"/>
  <c r="AF72454" i="1"/>
  <c r="AF72455" i="1"/>
  <c r="AF72456" i="1"/>
  <c r="AF72457" i="1"/>
  <c r="AF72458" i="1"/>
  <c r="AF72459" i="1"/>
  <c r="AF72460" i="1"/>
  <c r="AF72461" i="1"/>
  <c r="AF72462" i="1"/>
  <c r="AF72463" i="1"/>
  <c r="AF72464" i="1"/>
  <c r="AF72465" i="1"/>
  <c r="AF72466" i="1"/>
  <c r="AF72467" i="1"/>
  <c r="AF72468" i="1"/>
  <c r="AF72469" i="1"/>
  <c r="AF72470" i="1"/>
  <c r="AF72471" i="1"/>
  <c r="AF72472" i="1"/>
  <c r="AF72473" i="1"/>
  <c r="AF72474" i="1"/>
  <c r="AF72475" i="1"/>
  <c r="AF72476" i="1"/>
  <c r="AF72477" i="1"/>
  <c r="AF72478" i="1"/>
  <c r="AF72479" i="1"/>
  <c r="AF72480" i="1"/>
  <c r="AF72481" i="1"/>
  <c r="AF72482" i="1"/>
  <c r="AF72483" i="1"/>
  <c r="AF72484" i="1"/>
  <c r="AF72485" i="1"/>
  <c r="AF72486" i="1"/>
  <c r="AF72487" i="1"/>
  <c r="AF72488" i="1"/>
  <c r="AF72489" i="1"/>
  <c r="AF72490" i="1"/>
  <c r="AF72491" i="1"/>
  <c r="AF72492" i="1"/>
  <c r="AF72493" i="1"/>
  <c r="AF72494" i="1"/>
  <c r="AF72495" i="1"/>
  <c r="AF72496" i="1"/>
  <c r="AF72497" i="1"/>
  <c r="AF72498" i="1"/>
  <c r="AF72499" i="1"/>
  <c r="AF72500" i="1"/>
  <c r="AF72501" i="1"/>
  <c r="AF72502" i="1"/>
  <c r="AF72503" i="1"/>
  <c r="AF72504" i="1"/>
  <c r="AF72505" i="1"/>
  <c r="AF72506" i="1"/>
  <c r="AF72507" i="1"/>
  <c r="AF72508" i="1"/>
  <c r="AF72509" i="1"/>
  <c r="AF72510" i="1"/>
  <c r="AF72511" i="1"/>
  <c r="AF72512" i="1"/>
  <c r="AF72513" i="1"/>
  <c r="AF72514" i="1"/>
  <c r="AF72515" i="1"/>
  <c r="AF72516" i="1"/>
  <c r="AF72517" i="1"/>
  <c r="AF72518" i="1"/>
  <c r="AF72519" i="1"/>
  <c r="AF72520" i="1"/>
  <c r="AF72521" i="1"/>
  <c r="AF72522" i="1"/>
  <c r="AF72523" i="1"/>
  <c r="AF72524" i="1"/>
  <c r="AF72525" i="1"/>
  <c r="AF72526" i="1"/>
  <c r="AF72527" i="1"/>
  <c r="AF72528" i="1"/>
  <c r="AF72529" i="1"/>
  <c r="AF72530" i="1"/>
  <c r="AF72531" i="1"/>
  <c r="AF72532" i="1"/>
  <c r="AF72533" i="1"/>
  <c r="AF72534" i="1"/>
  <c r="AF72535" i="1"/>
  <c r="AF72536" i="1"/>
  <c r="AF72537" i="1"/>
  <c r="AF72538" i="1"/>
  <c r="AF72539" i="1"/>
  <c r="AF72540" i="1"/>
  <c r="AF72541" i="1"/>
  <c r="AF72542" i="1"/>
  <c r="AF72543" i="1"/>
  <c r="AF72544" i="1"/>
  <c r="AF72545" i="1"/>
  <c r="AF72546" i="1"/>
  <c r="AF72547" i="1"/>
  <c r="AF72548" i="1"/>
  <c r="AF72549" i="1"/>
  <c r="AF72550" i="1"/>
  <c r="AF72551" i="1"/>
  <c r="AF72552" i="1"/>
  <c r="AF72553" i="1"/>
  <c r="AF72554" i="1"/>
  <c r="AF72555" i="1"/>
  <c r="AF72556" i="1"/>
  <c r="AF72557" i="1"/>
  <c r="AF72558" i="1"/>
  <c r="AF72559" i="1"/>
  <c r="AF72560" i="1"/>
  <c r="AF72561" i="1"/>
  <c r="AF72562" i="1"/>
  <c r="AF72563" i="1"/>
  <c r="AF72564" i="1"/>
  <c r="AF72565" i="1"/>
  <c r="AF72566" i="1"/>
  <c r="AF72567" i="1"/>
  <c r="AF72568" i="1"/>
  <c r="AF72569" i="1"/>
  <c r="AF72570" i="1"/>
  <c r="AF72571" i="1"/>
  <c r="AF72572" i="1"/>
  <c r="AF72573" i="1"/>
  <c r="AF72574" i="1"/>
  <c r="AF72575" i="1"/>
  <c r="AF72576" i="1"/>
  <c r="AF72577" i="1"/>
  <c r="AF72578" i="1"/>
  <c r="AF72579" i="1"/>
  <c r="AF72580" i="1"/>
  <c r="AF72581" i="1"/>
  <c r="AF72582" i="1"/>
  <c r="AF72583" i="1"/>
  <c r="AF72584" i="1"/>
  <c r="AF72585" i="1"/>
  <c r="AF72586" i="1"/>
  <c r="AF72587" i="1"/>
  <c r="AF72588" i="1"/>
  <c r="AF72589" i="1"/>
  <c r="AF72590" i="1"/>
  <c r="AF72591" i="1"/>
  <c r="AF72592" i="1"/>
  <c r="AF72593" i="1"/>
  <c r="AF72594" i="1"/>
  <c r="AF72595" i="1"/>
  <c r="AF72596" i="1"/>
  <c r="AF72597" i="1"/>
  <c r="AF72598" i="1"/>
  <c r="AF72599" i="1"/>
  <c r="AF72600" i="1"/>
  <c r="AF72601" i="1"/>
  <c r="AF72602" i="1"/>
  <c r="AF72603" i="1"/>
  <c r="AF72604" i="1"/>
  <c r="AF72605" i="1"/>
  <c r="AF72606" i="1"/>
  <c r="AF72607" i="1"/>
  <c r="AF72608" i="1"/>
  <c r="AF72609" i="1"/>
  <c r="AF72610" i="1"/>
  <c r="AF72611" i="1"/>
  <c r="AF72612" i="1"/>
  <c r="AF72613" i="1"/>
  <c r="AF72614" i="1"/>
  <c r="AF72615" i="1"/>
  <c r="AF72616" i="1"/>
  <c r="AF72617" i="1"/>
  <c r="AF72618" i="1"/>
  <c r="AF72619" i="1"/>
  <c r="AF72620" i="1"/>
  <c r="AF72621" i="1"/>
  <c r="AF72622" i="1"/>
  <c r="AF72623" i="1"/>
  <c r="AF72624" i="1"/>
  <c r="AF72625" i="1"/>
  <c r="AF72626" i="1"/>
  <c r="AF72627" i="1"/>
  <c r="AF72628" i="1"/>
  <c r="AF72629" i="1"/>
  <c r="AF72630" i="1"/>
  <c r="AF72631" i="1"/>
  <c r="AF72632" i="1"/>
  <c r="AF72633" i="1"/>
  <c r="AF72634" i="1"/>
  <c r="AF72635" i="1"/>
  <c r="AF72636" i="1"/>
  <c r="AF72637" i="1"/>
  <c r="AF72638" i="1"/>
  <c r="AF72639" i="1"/>
  <c r="AF72640" i="1"/>
  <c r="AF72641" i="1"/>
  <c r="AF72642" i="1"/>
  <c r="AF72643" i="1"/>
  <c r="AF72644" i="1"/>
  <c r="AF72645" i="1"/>
  <c r="AF72646" i="1"/>
  <c r="AF72647" i="1"/>
  <c r="AF72648" i="1"/>
  <c r="AF72649" i="1"/>
  <c r="AF72650" i="1"/>
  <c r="AF72651" i="1"/>
  <c r="AF72652" i="1"/>
  <c r="AF72653" i="1"/>
  <c r="AF72654" i="1"/>
  <c r="AF72655" i="1"/>
  <c r="AF72656" i="1"/>
  <c r="AF72657" i="1"/>
  <c r="AF72658" i="1"/>
  <c r="AF72659" i="1"/>
  <c r="AF72660" i="1"/>
  <c r="AF72661" i="1"/>
  <c r="AF72662" i="1"/>
  <c r="AF72663" i="1"/>
  <c r="AF72664" i="1"/>
  <c r="AF72665" i="1"/>
  <c r="AF72666" i="1"/>
  <c r="AF72667" i="1"/>
  <c r="AF72668" i="1"/>
  <c r="AF72669" i="1"/>
  <c r="AF72670" i="1"/>
  <c r="AF72671" i="1"/>
  <c r="AF72672" i="1"/>
  <c r="AF72673" i="1"/>
  <c r="AF72674" i="1"/>
  <c r="AF72675" i="1"/>
  <c r="AF72676" i="1"/>
  <c r="AF72677" i="1"/>
  <c r="AF72678" i="1"/>
  <c r="AF72679" i="1"/>
  <c r="AF72680" i="1"/>
  <c r="AF72681" i="1"/>
  <c r="AF72682" i="1"/>
  <c r="AF72683" i="1"/>
  <c r="AF72684" i="1"/>
  <c r="AF72685" i="1"/>
  <c r="AF72686" i="1"/>
  <c r="AF72687" i="1"/>
  <c r="AF72688" i="1"/>
  <c r="AF72689" i="1"/>
  <c r="AF72690" i="1"/>
  <c r="AF72691" i="1"/>
  <c r="AF72692" i="1"/>
  <c r="AF72693" i="1"/>
  <c r="AF72694" i="1"/>
  <c r="AF72695" i="1"/>
  <c r="AF72696" i="1"/>
  <c r="AF72697" i="1"/>
  <c r="AF72698" i="1"/>
  <c r="AF72699" i="1"/>
  <c r="AF72700" i="1"/>
  <c r="AF72701" i="1"/>
  <c r="AF72702" i="1"/>
  <c r="AF72703" i="1"/>
  <c r="AF72704" i="1"/>
  <c r="AF72705" i="1"/>
  <c r="AF72706" i="1"/>
  <c r="AF72707" i="1"/>
  <c r="AF72708" i="1"/>
  <c r="AF72709" i="1"/>
  <c r="AF72710" i="1"/>
  <c r="AF72711" i="1"/>
  <c r="AF72712" i="1"/>
  <c r="AF72713" i="1"/>
  <c r="AF72714" i="1"/>
  <c r="AF72715" i="1"/>
  <c r="AF72716" i="1"/>
  <c r="AF72717" i="1"/>
  <c r="AF72718" i="1"/>
  <c r="AF72719" i="1"/>
  <c r="AF72720" i="1"/>
  <c r="AF72721" i="1"/>
  <c r="AF72722" i="1"/>
  <c r="AF72723" i="1"/>
  <c r="AF72724" i="1"/>
  <c r="AF72725" i="1"/>
  <c r="AF72726" i="1"/>
  <c r="AF72727" i="1"/>
  <c r="AF72728" i="1"/>
  <c r="AF72729" i="1"/>
  <c r="AF72730" i="1"/>
  <c r="AF72731" i="1"/>
  <c r="AF72732" i="1"/>
  <c r="AF72733" i="1"/>
  <c r="AF72734" i="1"/>
  <c r="AF72735" i="1"/>
  <c r="AF72736" i="1"/>
  <c r="AF72737" i="1"/>
  <c r="AF72738" i="1"/>
  <c r="AF72739" i="1"/>
  <c r="AF72740" i="1"/>
  <c r="AF72741" i="1"/>
  <c r="AF72742" i="1"/>
  <c r="AF72743" i="1"/>
  <c r="AF72744" i="1"/>
  <c r="AF72745" i="1"/>
  <c r="AF72746" i="1"/>
  <c r="AF72747" i="1"/>
  <c r="AF72748" i="1"/>
  <c r="AF72749" i="1"/>
  <c r="AF72750" i="1"/>
  <c r="AF72751" i="1"/>
  <c r="AF72752" i="1"/>
  <c r="AF72753" i="1"/>
  <c r="AF72754" i="1"/>
  <c r="AF72755" i="1"/>
  <c r="AF72756" i="1"/>
  <c r="AF72757" i="1"/>
  <c r="AF72758" i="1"/>
  <c r="AF72759" i="1"/>
  <c r="AF72760" i="1"/>
  <c r="AF72761" i="1"/>
  <c r="AF72762" i="1"/>
  <c r="AF72763" i="1"/>
  <c r="AF72764" i="1"/>
  <c r="AF72765" i="1"/>
  <c r="AF72766" i="1"/>
  <c r="AF72767" i="1"/>
  <c r="AF72768" i="1"/>
  <c r="AF72769" i="1"/>
  <c r="AF72770" i="1"/>
  <c r="AF72771" i="1"/>
  <c r="AF72772" i="1"/>
  <c r="AF72773" i="1"/>
  <c r="AF72774" i="1"/>
  <c r="AF72775" i="1"/>
  <c r="AF72776" i="1"/>
  <c r="AF72777" i="1"/>
  <c r="AF72778" i="1"/>
  <c r="AF72779" i="1"/>
  <c r="AF72780" i="1"/>
  <c r="AF72781" i="1"/>
  <c r="AF72782" i="1"/>
  <c r="AF72783" i="1"/>
  <c r="AF72784" i="1"/>
  <c r="AF72785" i="1"/>
  <c r="AF72786" i="1"/>
  <c r="AF72787" i="1"/>
  <c r="AF72788" i="1"/>
  <c r="AF72789" i="1"/>
  <c r="AF72790" i="1"/>
  <c r="AF72791" i="1"/>
  <c r="AF72792" i="1"/>
  <c r="AF72793" i="1"/>
  <c r="AF72794" i="1"/>
  <c r="AF72795" i="1"/>
  <c r="AF72796" i="1"/>
  <c r="AF72797" i="1"/>
  <c r="AF72798" i="1"/>
  <c r="AF72799" i="1"/>
  <c r="AF72800" i="1"/>
  <c r="AF72801" i="1"/>
  <c r="AF72802" i="1"/>
  <c r="AF72803" i="1"/>
  <c r="AF72804" i="1"/>
  <c r="AF72805" i="1"/>
  <c r="AF72806" i="1"/>
  <c r="AF72807" i="1"/>
  <c r="AF72808" i="1"/>
  <c r="AF72809" i="1"/>
  <c r="AF72810" i="1"/>
  <c r="AF72811" i="1"/>
  <c r="AF72812" i="1"/>
  <c r="AF72813" i="1"/>
  <c r="AF72814" i="1"/>
  <c r="AF72815" i="1"/>
  <c r="AF72816" i="1"/>
  <c r="AF72817" i="1"/>
  <c r="AF72818" i="1"/>
  <c r="AF72819" i="1"/>
  <c r="AF72820" i="1"/>
  <c r="AF72821" i="1"/>
  <c r="AF72822" i="1"/>
  <c r="AF72823" i="1"/>
  <c r="AF72824" i="1"/>
  <c r="AF72825" i="1"/>
  <c r="AF72826" i="1"/>
  <c r="AF72827" i="1"/>
  <c r="AF72828" i="1"/>
  <c r="AF72829" i="1"/>
  <c r="AF72830" i="1"/>
  <c r="AF72831" i="1"/>
  <c r="AF72832" i="1"/>
  <c r="AF72833" i="1"/>
  <c r="AF72834" i="1"/>
  <c r="AF72835" i="1"/>
  <c r="AF72836" i="1"/>
  <c r="AF72837" i="1"/>
  <c r="AF72838" i="1"/>
  <c r="AF72839" i="1"/>
  <c r="AF72840" i="1"/>
  <c r="AF72841" i="1"/>
  <c r="AF72842" i="1"/>
  <c r="AF72843" i="1"/>
  <c r="AF72844" i="1"/>
  <c r="AF72845" i="1"/>
  <c r="AF72846" i="1"/>
  <c r="AF72847" i="1"/>
  <c r="AF72848" i="1"/>
  <c r="AF72849" i="1"/>
  <c r="AF72850" i="1"/>
  <c r="AF72851" i="1"/>
  <c r="AF72852" i="1"/>
  <c r="AF72853" i="1"/>
  <c r="AF72854" i="1"/>
  <c r="AF72855" i="1"/>
  <c r="AF72856" i="1"/>
  <c r="AF72857" i="1"/>
  <c r="AF72858" i="1"/>
  <c r="AF72859" i="1"/>
  <c r="AF72860" i="1"/>
  <c r="AF72861" i="1"/>
  <c r="AF72862" i="1"/>
  <c r="AF72863" i="1"/>
  <c r="AF72864" i="1"/>
  <c r="AF72865" i="1"/>
  <c r="AF72866" i="1"/>
  <c r="AF72867" i="1"/>
  <c r="AF72868" i="1"/>
  <c r="AF72869" i="1"/>
  <c r="AF72870" i="1"/>
  <c r="AF72871" i="1"/>
  <c r="AF72872" i="1"/>
  <c r="AF72873" i="1"/>
  <c r="AF72874" i="1"/>
  <c r="AF72875" i="1"/>
  <c r="AF72876" i="1"/>
  <c r="AF72877" i="1"/>
  <c r="AF72878" i="1"/>
  <c r="AF72879" i="1"/>
  <c r="AF72880" i="1"/>
  <c r="AF72881" i="1"/>
  <c r="AF72882" i="1"/>
  <c r="AF72883" i="1"/>
  <c r="AF72884" i="1"/>
  <c r="AF72885" i="1"/>
  <c r="AF72886" i="1"/>
  <c r="AF72887" i="1"/>
  <c r="AF72888" i="1"/>
  <c r="AF72889" i="1"/>
  <c r="AF72890" i="1"/>
  <c r="AF72891" i="1"/>
  <c r="AF72892" i="1"/>
  <c r="AF72893" i="1"/>
  <c r="AF72894" i="1"/>
  <c r="AF72895" i="1"/>
  <c r="AF72896" i="1"/>
  <c r="AF72897" i="1"/>
  <c r="AF72898" i="1"/>
  <c r="AF72899" i="1"/>
  <c r="AF72900" i="1"/>
  <c r="AF72901" i="1"/>
  <c r="AF72902" i="1"/>
  <c r="AF72903" i="1"/>
  <c r="AF72904" i="1"/>
  <c r="AF72905" i="1"/>
  <c r="AF72906" i="1"/>
  <c r="AF72907" i="1"/>
  <c r="AF72908" i="1"/>
  <c r="AF72909" i="1"/>
  <c r="AF72910" i="1"/>
  <c r="AF72911" i="1"/>
  <c r="AF72912" i="1"/>
  <c r="AF72913" i="1"/>
  <c r="AF72914" i="1"/>
  <c r="AF72915" i="1"/>
  <c r="AF72916" i="1"/>
  <c r="AF72917" i="1"/>
  <c r="AF72918" i="1"/>
  <c r="AF72919" i="1"/>
  <c r="AF72920" i="1"/>
  <c r="AF72921" i="1"/>
  <c r="AF72922" i="1"/>
  <c r="AF72923" i="1"/>
  <c r="AF72924" i="1"/>
  <c r="AF72925" i="1"/>
  <c r="AF72926" i="1"/>
  <c r="AF72927" i="1"/>
  <c r="AF72928" i="1"/>
  <c r="AF72929" i="1"/>
  <c r="AF72930" i="1"/>
  <c r="AF72931" i="1"/>
  <c r="AF72932" i="1"/>
  <c r="AF72933" i="1"/>
  <c r="AF72934" i="1"/>
  <c r="AF72935" i="1"/>
  <c r="AF72936" i="1"/>
  <c r="AF72937" i="1"/>
  <c r="AF72938" i="1"/>
  <c r="AF72939" i="1"/>
  <c r="AF72940" i="1"/>
  <c r="AF72941" i="1"/>
  <c r="AF72942" i="1"/>
  <c r="AF72943" i="1"/>
  <c r="AF72944" i="1"/>
  <c r="AF72945" i="1"/>
  <c r="AF72946" i="1"/>
  <c r="AF72947" i="1"/>
  <c r="AF72948" i="1"/>
  <c r="AF72949" i="1"/>
  <c r="AF72950" i="1"/>
  <c r="AF72951" i="1"/>
  <c r="AF72952" i="1"/>
  <c r="AF72953" i="1"/>
  <c r="AF72954" i="1"/>
  <c r="AF72955" i="1"/>
  <c r="AF72956" i="1"/>
  <c r="AF72957" i="1"/>
  <c r="AF72958" i="1"/>
  <c r="AF72959" i="1"/>
  <c r="AF72960" i="1"/>
  <c r="AF72961" i="1"/>
  <c r="AF72962" i="1"/>
  <c r="AF72963" i="1"/>
  <c r="AF72964" i="1"/>
  <c r="AF72965" i="1"/>
  <c r="AF72966" i="1"/>
  <c r="AF72967" i="1"/>
  <c r="AF72968" i="1"/>
  <c r="AF72969" i="1"/>
  <c r="AF72970" i="1"/>
  <c r="AF72971" i="1"/>
  <c r="AF72972" i="1"/>
  <c r="AF72973" i="1"/>
  <c r="AF72974" i="1"/>
  <c r="AF72975" i="1"/>
  <c r="AF72976" i="1"/>
  <c r="AF72977" i="1"/>
  <c r="AF72978" i="1"/>
  <c r="AF72979" i="1"/>
  <c r="AF72980" i="1"/>
  <c r="AF72981" i="1"/>
  <c r="AF72982" i="1"/>
  <c r="AF72983" i="1"/>
  <c r="AF72984" i="1"/>
  <c r="AF72985" i="1"/>
  <c r="AF72986" i="1"/>
  <c r="AF72987" i="1"/>
  <c r="AF72988" i="1"/>
  <c r="AF72989" i="1"/>
  <c r="AF72990" i="1"/>
  <c r="AF72991" i="1"/>
  <c r="AF72992" i="1"/>
  <c r="AF72993" i="1"/>
  <c r="AF72994" i="1"/>
  <c r="AF72995" i="1"/>
  <c r="AF72996" i="1"/>
  <c r="AF72997" i="1"/>
  <c r="AF72998" i="1"/>
  <c r="AF72999" i="1"/>
  <c r="AF73000" i="1"/>
  <c r="AF73001" i="1"/>
  <c r="AF73002" i="1"/>
  <c r="AF73003" i="1"/>
  <c r="AF73004" i="1"/>
  <c r="AF73005" i="1"/>
  <c r="AF73006" i="1"/>
  <c r="AF73007" i="1"/>
  <c r="AF73008" i="1"/>
  <c r="AF73009" i="1"/>
  <c r="AF73010" i="1"/>
  <c r="AF73011" i="1"/>
  <c r="AF73012" i="1"/>
  <c r="AF73013" i="1"/>
  <c r="AF73014" i="1"/>
  <c r="AF73015" i="1"/>
  <c r="AF73016" i="1"/>
  <c r="AF73017" i="1"/>
  <c r="AF73018" i="1"/>
  <c r="AF73019" i="1"/>
  <c r="AF73020" i="1"/>
  <c r="AF73021" i="1"/>
  <c r="AF73022" i="1"/>
  <c r="AF73023" i="1"/>
  <c r="AF73024" i="1"/>
  <c r="AF73025" i="1"/>
  <c r="AF73026" i="1"/>
  <c r="AF73027" i="1"/>
  <c r="AF73028" i="1"/>
  <c r="AF73029" i="1"/>
  <c r="AF73030" i="1"/>
  <c r="AF73031" i="1"/>
  <c r="AF73032" i="1"/>
  <c r="AF73033" i="1"/>
  <c r="AF73034" i="1"/>
  <c r="AF73035" i="1"/>
  <c r="AF73036" i="1"/>
  <c r="AF73037" i="1"/>
  <c r="AF73038" i="1"/>
  <c r="AF73039" i="1"/>
  <c r="AF73040" i="1"/>
  <c r="AF73041" i="1"/>
  <c r="AF73042" i="1"/>
  <c r="AF73043" i="1"/>
  <c r="AF73044" i="1"/>
  <c r="AF73045" i="1"/>
  <c r="AF73046" i="1"/>
  <c r="AF73047" i="1"/>
  <c r="AF73048" i="1"/>
  <c r="AF73049" i="1"/>
  <c r="AF73050" i="1"/>
  <c r="AF73051" i="1"/>
  <c r="AF73052" i="1"/>
  <c r="AF73053" i="1"/>
  <c r="AF73054" i="1"/>
  <c r="AF73055" i="1"/>
  <c r="AF73056" i="1"/>
  <c r="AF73057" i="1"/>
  <c r="AF73058" i="1"/>
  <c r="AF73059" i="1"/>
  <c r="AF73060" i="1"/>
  <c r="AF73061" i="1"/>
  <c r="AF73062" i="1"/>
  <c r="AF73063" i="1"/>
  <c r="AF73064" i="1"/>
  <c r="AF73065" i="1"/>
  <c r="AF73066" i="1"/>
  <c r="AF73067" i="1"/>
  <c r="AF73068" i="1"/>
  <c r="AF73069" i="1"/>
  <c r="AF73070" i="1"/>
  <c r="AF73071" i="1"/>
  <c r="AF73072" i="1"/>
  <c r="AF73073" i="1"/>
  <c r="AF73074" i="1"/>
  <c r="AF73075" i="1"/>
  <c r="AF73076" i="1"/>
  <c r="AF73077" i="1"/>
  <c r="AF73078" i="1"/>
  <c r="AF73079" i="1"/>
  <c r="AF73080" i="1"/>
  <c r="AF73081" i="1"/>
  <c r="AF73082" i="1"/>
  <c r="AF73083" i="1"/>
  <c r="AF73084" i="1"/>
  <c r="AF73085" i="1"/>
  <c r="AF73086" i="1"/>
  <c r="AF73087" i="1"/>
  <c r="AF73088" i="1"/>
  <c r="AF73089" i="1"/>
  <c r="AF73090" i="1"/>
  <c r="AF73091" i="1"/>
  <c r="AF73092" i="1"/>
  <c r="AF73093" i="1"/>
  <c r="AF73094" i="1"/>
  <c r="AF73095" i="1"/>
  <c r="AF73096" i="1"/>
  <c r="AF73097" i="1"/>
  <c r="AF73098" i="1"/>
  <c r="AF73099" i="1"/>
  <c r="AF73100" i="1"/>
  <c r="AF73101" i="1"/>
  <c r="AF73102" i="1"/>
  <c r="AF73103" i="1"/>
  <c r="AF73104" i="1"/>
  <c r="AF73105" i="1"/>
  <c r="AF73106" i="1"/>
  <c r="AF73107" i="1"/>
  <c r="AF73108" i="1"/>
  <c r="AF73109" i="1"/>
  <c r="AF73110" i="1"/>
  <c r="AF73111" i="1"/>
  <c r="AF73112" i="1"/>
  <c r="AF73113" i="1"/>
  <c r="AF73114" i="1"/>
  <c r="AF73115" i="1"/>
  <c r="AF73116" i="1"/>
  <c r="AF73117" i="1"/>
  <c r="AF73118" i="1"/>
  <c r="AF73119" i="1"/>
  <c r="AF73120" i="1"/>
  <c r="AF73121" i="1"/>
  <c r="AF73122" i="1"/>
  <c r="AF73123" i="1"/>
  <c r="AF73124" i="1"/>
  <c r="AF73125" i="1"/>
  <c r="AF73126" i="1"/>
  <c r="AF73127" i="1"/>
  <c r="AF73128" i="1"/>
  <c r="AF73129" i="1"/>
  <c r="AF73130" i="1"/>
  <c r="AF73131" i="1"/>
  <c r="AF73132" i="1"/>
  <c r="AF73133" i="1"/>
  <c r="AF73134" i="1"/>
  <c r="AF73135" i="1"/>
  <c r="AF73136" i="1"/>
  <c r="AF73137" i="1"/>
  <c r="AF73138" i="1"/>
  <c r="AF73139" i="1"/>
  <c r="AF73140" i="1"/>
  <c r="AF73141" i="1"/>
  <c r="AF73142" i="1"/>
  <c r="AF73143" i="1"/>
  <c r="AF73144" i="1"/>
  <c r="AF73145" i="1"/>
  <c r="AF73146" i="1"/>
  <c r="AF73147" i="1"/>
  <c r="AF73148" i="1"/>
  <c r="AF73149" i="1"/>
  <c r="AF73150" i="1"/>
  <c r="AF73151" i="1"/>
  <c r="AF73152" i="1"/>
  <c r="AF73153" i="1"/>
  <c r="AF73154" i="1"/>
  <c r="AF73155" i="1"/>
  <c r="AF73156" i="1"/>
  <c r="AF73157" i="1"/>
  <c r="AF73158" i="1"/>
  <c r="AF73159" i="1"/>
  <c r="AF73160" i="1"/>
  <c r="AF73161" i="1"/>
  <c r="AF73162" i="1"/>
  <c r="AF73163" i="1"/>
  <c r="AF73164" i="1"/>
  <c r="AF73165" i="1"/>
  <c r="AF73166" i="1"/>
  <c r="AF73167" i="1"/>
  <c r="AF73168" i="1"/>
  <c r="AF73169" i="1"/>
  <c r="AF73170" i="1"/>
  <c r="AF73171" i="1"/>
  <c r="AF73172" i="1"/>
  <c r="AF73173" i="1"/>
  <c r="AF73174" i="1"/>
  <c r="AF73175" i="1"/>
  <c r="AF73176" i="1"/>
  <c r="AF73177" i="1"/>
  <c r="AF73178" i="1"/>
  <c r="AF73179" i="1"/>
  <c r="AF73180" i="1"/>
  <c r="AF73181" i="1"/>
  <c r="AF73182" i="1"/>
  <c r="AF73183" i="1"/>
  <c r="AF73184" i="1"/>
  <c r="AF73185" i="1"/>
  <c r="AF73186" i="1"/>
  <c r="AF73187" i="1"/>
  <c r="AF73188" i="1"/>
  <c r="AF73189" i="1"/>
  <c r="AF73190" i="1"/>
  <c r="AF73191" i="1"/>
  <c r="AF73192" i="1"/>
  <c r="AF73193" i="1"/>
  <c r="AF73194" i="1"/>
  <c r="AF73195" i="1"/>
  <c r="AF73196" i="1"/>
  <c r="AF73197" i="1"/>
  <c r="AF73198" i="1"/>
  <c r="AF73199" i="1"/>
  <c r="AF73200" i="1"/>
  <c r="AF73201" i="1"/>
  <c r="AF73202" i="1"/>
  <c r="AF73203" i="1"/>
  <c r="AF73204" i="1"/>
  <c r="AF73205" i="1"/>
  <c r="AF73206" i="1"/>
  <c r="AF73207" i="1"/>
  <c r="AF73208" i="1"/>
  <c r="AF73209" i="1"/>
  <c r="AF73210" i="1"/>
  <c r="AF73211" i="1"/>
  <c r="AF73212" i="1"/>
  <c r="AF73213" i="1"/>
  <c r="AF73214" i="1"/>
  <c r="AF73215" i="1"/>
  <c r="AF73216" i="1"/>
  <c r="AF73217" i="1"/>
  <c r="AF73218" i="1"/>
  <c r="AF73219" i="1"/>
  <c r="AF73220" i="1"/>
  <c r="AF73221" i="1"/>
  <c r="AF73222" i="1"/>
  <c r="AF73223" i="1"/>
  <c r="AF73224" i="1"/>
  <c r="AF73225" i="1"/>
  <c r="AF73226" i="1"/>
  <c r="AF73227" i="1"/>
  <c r="AF73228" i="1"/>
  <c r="AF73229" i="1"/>
  <c r="AF73230" i="1"/>
  <c r="AF73231" i="1"/>
  <c r="AF73232" i="1"/>
  <c r="AF73233" i="1"/>
  <c r="AF73234" i="1"/>
  <c r="AF73235" i="1"/>
  <c r="AF73236" i="1"/>
  <c r="AF73237" i="1"/>
  <c r="AF73238" i="1"/>
  <c r="AF73239" i="1"/>
  <c r="AF73240" i="1"/>
  <c r="AF73241" i="1"/>
  <c r="AF73242" i="1"/>
  <c r="AF73243" i="1"/>
  <c r="AF73244" i="1"/>
  <c r="AF73245" i="1"/>
  <c r="AF73246" i="1"/>
  <c r="AF73247" i="1"/>
  <c r="AF73248" i="1"/>
  <c r="AF73249" i="1"/>
  <c r="AF73250" i="1"/>
  <c r="AF73251" i="1"/>
  <c r="AF73252" i="1"/>
  <c r="AF73253" i="1"/>
  <c r="AF73254" i="1"/>
  <c r="AF73255" i="1"/>
  <c r="AF73256" i="1"/>
  <c r="AF73257" i="1"/>
  <c r="AF73258" i="1"/>
  <c r="AF73259" i="1"/>
  <c r="AF73260" i="1"/>
  <c r="AF73261" i="1"/>
  <c r="AF73262" i="1"/>
  <c r="AF73263" i="1"/>
  <c r="AF73264" i="1"/>
  <c r="AF73265" i="1"/>
  <c r="AF73266" i="1"/>
  <c r="AF73267" i="1"/>
  <c r="AF73268" i="1"/>
  <c r="AF73269" i="1"/>
  <c r="AF73270" i="1"/>
  <c r="AF73271" i="1"/>
  <c r="AF73272" i="1"/>
  <c r="AF73273" i="1"/>
  <c r="AF73274" i="1"/>
  <c r="AF73275" i="1"/>
  <c r="AF73276" i="1"/>
  <c r="AF73277" i="1"/>
  <c r="AF73278" i="1"/>
  <c r="AF73279" i="1"/>
  <c r="AF73280" i="1"/>
  <c r="AF73281" i="1"/>
  <c r="AF73282" i="1"/>
  <c r="AF73283" i="1"/>
  <c r="AF73284" i="1"/>
  <c r="AF73285" i="1"/>
  <c r="AF73286" i="1"/>
  <c r="AF73287" i="1"/>
  <c r="AF73288" i="1"/>
  <c r="AF73289" i="1"/>
  <c r="AF73290" i="1"/>
  <c r="AF73291" i="1"/>
  <c r="AF73292" i="1"/>
  <c r="AF73293" i="1"/>
  <c r="AF73294" i="1"/>
  <c r="AF73295" i="1"/>
  <c r="AF73296" i="1"/>
  <c r="AF73297" i="1"/>
  <c r="AF73298" i="1"/>
  <c r="AF73299" i="1"/>
  <c r="AF73300" i="1"/>
  <c r="AF73301" i="1"/>
  <c r="AF73302" i="1"/>
  <c r="AF73303" i="1"/>
  <c r="AF73304" i="1"/>
  <c r="AF73305" i="1"/>
  <c r="AF73306" i="1"/>
  <c r="AF73307" i="1"/>
  <c r="AF73308" i="1"/>
  <c r="AF73309" i="1"/>
  <c r="AF73310" i="1"/>
  <c r="AF73311" i="1"/>
  <c r="AF73312" i="1"/>
  <c r="AF73313" i="1"/>
  <c r="AF73314" i="1"/>
  <c r="AF73315" i="1"/>
  <c r="AF73316" i="1"/>
  <c r="AF73317" i="1"/>
  <c r="AF73318" i="1"/>
  <c r="AF73319" i="1"/>
  <c r="AF73320" i="1"/>
  <c r="AF73321" i="1"/>
  <c r="AF73322" i="1"/>
  <c r="AF73323" i="1"/>
  <c r="AF73324" i="1"/>
  <c r="AF73325" i="1"/>
  <c r="AF73326" i="1"/>
  <c r="AF73327" i="1"/>
  <c r="AF73328" i="1"/>
  <c r="AF73329" i="1"/>
  <c r="AF73330" i="1"/>
  <c r="AF73331" i="1"/>
  <c r="AF73332" i="1"/>
  <c r="AF73333" i="1"/>
  <c r="AF73334" i="1"/>
  <c r="AF73335" i="1"/>
  <c r="AF73336" i="1"/>
  <c r="AF73337" i="1"/>
  <c r="AF73338" i="1"/>
  <c r="AF73339" i="1"/>
  <c r="AF73340" i="1"/>
  <c r="AF73341" i="1"/>
  <c r="AF73342" i="1"/>
  <c r="AF73343" i="1"/>
  <c r="AF73344" i="1"/>
  <c r="AF73345" i="1"/>
  <c r="AF73346" i="1"/>
  <c r="AF73347" i="1"/>
  <c r="AF73348" i="1"/>
  <c r="AF73349" i="1"/>
  <c r="AF73350" i="1"/>
  <c r="AF73351" i="1"/>
  <c r="AF73352" i="1"/>
  <c r="AF73353" i="1"/>
  <c r="AF73354" i="1"/>
  <c r="AF73355" i="1"/>
  <c r="AF73356" i="1"/>
  <c r="AF73357" i="1"/>
  <c r="AF73358" i="1"/>
  <c r="AF73359" i="1"/>
  <c r="AF73360" i="1"/>
  <c r="AF73361" i="1"/>
  <c r="AF73362" i="1"/>
  <c r="AF73363" i="1"/>
  <c r="AF73364" i="1"/>
  <c r="AF73365" i="1"/>
  <c r="AF73366" i="1"/>
  <c r="AF73367" i="1"/>
  <c r="AF73368" i="1"/>
  <c r="AF73369" i="1"/>
  <c r="AF73370" i="1"/>
  <c r="AF73371" i="1"/>
  <c r="AF73372" i="1"/>
  <c r="AF73373" i="1"/>
  <c r="AF73374" i="1"/>
  <c r="AF73375" i="1"/>
  <c r="AF73376" i="1"/>
  <c r="AF73377" i="1"/>
  <c r="AF73378" i="1"/>
  <c r="AF73379" i="1"/>
  <c r="AF73380" i="1"/>
  <c r="AF73381" i="1"/>
  <c r="AF73382" i="1"/>
  <c r="AF73383" i="1"/>
  <c r="AF73384" i="1"/>
  <c r="AF73385" i="1"/>
  <c r="AF73386" i="1"/>
  <c r="AF73387" i="1"/>
  <c r="AF73388" i="1"/>
  <c r="AF73389" i="1"/>
  <c r="AF73390" i="1"/>
  <c r="AF73391" i="1"/>
  <c r="AF73392" i="1"/>
  <c r="AF73393" i="1"/>
  <c r="AF73394" i="1"/>
  <c r="AF73395" i="1"/>
  <c r="AF73396" i="1"/>
  <c r="AF73397" i="1"/>
  <c r="AF73398" i="1"/>
  <c r="AF73399" i="1"/>
  <c r="AF73400" i="1"/>
  <c r="AF73401" i="1"/>
  <c r="AF73402" i="1"/>
  <c r="AF73403" i="1"/>
  <c r="AF73404" i="1"/>
  <c r="AF73405" i="1"/>
  <c r="AF73406" i="1"/>
  <c r="AF73407" i="1"/>
  <c r="AF73408" i="1"/>
  <c r="AF73409" i="1"/>
  <c r="AF73410" i="1"/>
  <c r="AF73411" i="1"/>
  <c r="AF73412" i="1"/>
  <c r="AF73413" i="1"/>
  <c r="AF73414" i="1"/>
  <c r="AF73415" i="1"/>
  <c r="AF73416" i="1"/>
  <c r="AF73417" i="1"/>
  <c r="AF73418" i="1"/>
  <c r="AF73419" i="1"/>
  <c r="AF73420" i="1"/>
  <c r="AF73421" i="1"/>
  <c r="AF73422" i="1"/>
  <c r="AF73423" i="1"/>
  <c r="AF73424" i="1"/>
  <c r="AF73425" i="1"/>
  <c r="AF73426" i="1"/>
  <c r="AF73427" i="1"/>
  <c r="AF73428" i="1"/>
  <c r="AF73429" i="1"/>
  <c r="AF73430" i="1"/>
  <c r="AF73431" i="1"/>
  <c r="AF73432" i="1"/>
  <c r="AF73433" i="1"/>
  <c r="AF73434" i="1"/>
  <c r="AF73435" i="1"/>
  <c r="AF73436" i="1"/>
  <c r="AF73437" i="1"/>
  <c r="AF73438" i="1"/>
  <c r="AF73439" i="1"/>
  <c r="AF73440" i="1"/>
  <c r="AF73441" i="1"/>
  <c r="AF73442" i="1"/>
  <c r="AF73443" i="1"/>
  <c r="AF73444" i="1"/>
  <c r="AF73445" i="1"/>
  <c r="AF73446" i="1"/>
  <c r="AF73447" i="1"/>
  <c r="AF73448" i="1"/>
  <c r="AF73449" i="1"/>
  <c r="AF73450" i="1"/>
  <c r="AF73451" i="1"/>
  <c r="AF73452" i="1"/>
  <c r="AF73453" i="1"/>
  <c r="AF73454" i="1"/>
  <c r="AF73455" i="1"/>
  <c r="AF73456" i="1"/>
  <c r="AF73457" i="1"/>
  <c r="AF73458" i="1"/>
  <c r="AF73459" i="1"/>
  <c r="AF73460" i="1"/>
  <c r="AF73461" i="1"/>
  <c r="AF73462" i="1"/>
  <c r="AF73463" i="1"/>
  <c r="AF73464" i="1"/>
  <c r="AF73465" i="1"/>
  <c r="AF73466" i="1"/>
  <c r="AF73467" i="1"/>
  <c r="AF73468" i="1"/>
  <c r="AF73469" i="1"/>
  <c r="AF73470" i="1"/>
  <c r="AF73471" i="1"/>
  <c r="AF73472" i="1"/>
  <c r="AF73473" i="1"/>
  <c r="AF73474" i="1"/>
  <c r="AF73475" i="1"/>
  <c r="AF73476" i="1"/>
  <c r="AF73477" i="1"/>
  <c r="AF73478" i="1"/>
  <c r="AF73479" i="1"/>
  <c r="AF73480" i="1"/>
  <c r="AF73481" i="1"/>
  <c r="AF73482" i="1"/>
  <c r="AF73483" i="1"/>
  <c r="AF73484" i="1"/>
  <c r="AF73485" i="1"/>
  <c r="AF73486" i="1"/>
  <c r="AF73487" i="1"/>
  <c r="AF73488" i="1"/>
  <c r="AF73489" i="1"/>
  <c r="AF73490" i="1"/>
  <c r="AF73491" i="1"/>
  <c r="AF73492" i="1"/>
  <c r="AF73493" i="1"/>
  <c r="AF73494" i="1"/>
  <c r="AF73495" i="1"/>
  <c r="AF73496" i="1"/>
  <c r="AF73497" i="1"/>
  <c r="AF73498" i="1"/>
  <c r="AF73499" i="1"/>
  <c r="AF73500" i="1"/>
  <c r="AF73501" i="1"/>
  <c r="AF73502" i="1"/>
  <c r="AF73503" i="1"/>
  <c r="AF73504" i="1"/>
  <c r="AF73505" i="1"/>
  <c r="AF73506" i="1"/>
  <c r="AF73507" i="1"/>
  <c r="AF73508" i="1"/>
  <c r="AF73509" i="1"/>
  <c r="AF73510" i="1"/>
  <c r="AF73511" i="1"/>
  <c r="AF73512" i="1"/>
  <c r="AF73513" i="1"/>
  <c r="AF73514" i="1"/>
  <c r="AF73515" i="1"/>
  <c r="AF73516" i="1"/>
  <c r="AF73517" i="1"/>
  <c r="AF73518" i="1"/>
  <c r="AF73519" i="1"/>
  <c r="AF73520" i="1"/>
  <c r="AF73521" i="1"/>
  <c r="AF73522" i="1"/>
  <c r="AF73523" i="1"/>
  <c r="AF73524" i="1"/>
  <c r="AF73525" i="1"/>
  <c r="AF73526" i="1"/>
  <c r="AF73527" i="1"/>
  <c r="AF73528" i="1"/>
  <c r="AF73529" i="1"/>
  <c r="AF73530" i="1"/>
  <c r="AF73531" i="1"/>
  <c r="AF73532" i="1"/>
  <c r="AF73533" i="1"/>
  <c r="AF73534" i="1"/>
  <c r="AF73535" i="1"/>
  <c r="AF73536" i="1"/>
  <c r="AF73537" i="1"/>
  <c r="AF73538" i="1"/>
  <c r="AF73539" i="1"/>
  <c r="AF73540" i="1"/>
  <c r="AF73541" i="1"/>
  <c r="AF73542" i="1"/>
  <c r="AF73543" i="1"/>
  <c r="AF73544" i="1"/>
  <c r="AF73545" i="1"/>
  <c r="AF73546" i="1"/>
  <c r="AF73547" i="1"/>
  <c r="AF73548" i="1"/>
  <c r="AF73549" i="1"/>
  <c r="AF73550" i="1"/>
  <c r="AF73551" i="1"/>
  <c r="AF73552" i="1"/>
  <c r="AF73553" i="1"/>
  <c r="AF73554" i="1"/>
  <c r="AF73555" i="1"/>
  <c r="AF73556" i="1"/>
  <c r="AF73557" i="1"/>
  <c r="AF73558" i="1"/>
  <c r="AF73559" i="1"/>
  <c r="AF73560" i="1"/>
  <c r="AF73561" i="1"/>
  <c r="AF73562" i="1"/>
  <c r="AF73563" i="1"/>
  <c r="AF73564" i="1"/>
  <c r="AF73565" i="1"/>
  <c r="AF73566" i="1"/>
  <c r="AF73567" i="1"/>
  <c r="AF73568" i="1"/>
  <c r="AF73569" i="1"/>
  <c r="AF73570" i="1"/>
  <c r="AF73571" i="1"/>
  <c r="AF73572" i="1"/>
  <c r="AF73573" i="1"/>
  <c r="AF73574" i="1"/>
  <c r="AF73575" i="1"/>
  <c r="AF73576" i="1"/>
  <c r="AF73577" i="1"/>
  <c r="AF73578" i="1"/>
  <c r="AF73579" i="1"/>
  <c r="AF73580" i="1"/>
  <c r="AF73581" i="1"/>
  <c r="AF73582" i="1"/>
  <c r="AF73583" i="1"/>
  <c r="AF73584" i="1"/>
  <c r="AF73585" i="1"/>
  <c r="AF73586" i="1"/>
  <c r="AF73587" i="1"/>
  <c r="AF73588" i="1"/>
  <c r="AF73589" i="1"/>
  <c r="AF73590" i="1"/>
  <c r="AF73591" i="1"/>
  <c r="AF73592" i="1"/>
  <c r="AF73593" i="1"/>
  <c r="AF73594" i="1"/>
  <c r="AF73595" i="1"/>
  <c r="AF73596" i="1"/>
  <c r="AF73597" i="1"/>
  <c r="AF73598" i="1"/>
  <c r="AF73599" i="1"/>
  <c r="AF73600" i="1"/>
  <c r="AF73601" i="1"/>
  <c r="AF73602" i="1"/>
  <c r="AF73603" i="1"/>
  <c r="AF73604" i="1"/>
  <c r="AF73605" i="1"/>
  <c r="AF73606" i="1"/>
  <c r="AF73607" i="1"/>
  <c r="AF73608" i="1"/>
  <c r="AF73609" i="1"/>
  <c r="AF73610" i="1"/>
  <c r="AF73611" i="1"/>
  <c r="AF73612" i="1"/>
  <c r="AF73613" i="1"/>
  <c r="AF73614" i="1"/>
  <c r="AF73615" i="1"/>
  <c r="AF73616" i="1"/>
  <c r="AF73617" i="1"/>
  <c r="AF73618" i="1"/>
  <c r="AF73619" i="1"/>
  <c r="AF73620" i="1"/>
  <c r="AF73621" i="1"/>
  <c r="AF73622" i="1"/>
  <c r="AF73623" i="1"/>
  <c r="AF73624" i="1"/>
  <c r="AF73625" i="1"/>
  <c r="AF73626" i="1"/>
  <c r="AF73627" i="1"/>
  <c r="AF73628" i="1"/>
  <c r="AF73629" i="1"/>
  <c r="AF73630" i="1"/>
  <c r="AF73631" i="1"/>
  <c r="AF73632" i="1"/>
  <c r="AF73633" i="1"/>
  <c r="AF73634" i="1"/>
  <c r="AF73635" i="1"/>
  <c r="AF73636" i="1"/>
  <c r="AF73637" i="1"/>
  <c r="AF73638" i="1"/>
  <c r="AF73639" i="1"/>
  <c r="AF73640" i="1"/>
  <c r="AF73641" i="1"/>
  <c r="AF73642" i="1"/>
  <c r="AF73643" i="1"/>
  <c r="AF73644" i="1"/>
  <c r="AF73645" i="1"/>
  <c r="AF73646" i="1"/>
  <c r="AF73647" i="1"/>
  <c r="AF73648" i="1"/>
  <c r="AF73649" i="1"/>
  <c r="AF73650" i="1"/>
  <c r="AF73651" i="1"/>
  <c r="AF73652" i="1"/>
  <c r="AF73653" i="1"/>
  <c r="AF73654" i="1"/>
  <c r="AF73655" i="1"/>
  <c r="AF73656" i="1"/>
  <c r="AF73657" i="1"/>
  <c r="AF73658" i="1"/>
  <c r="AF73659" i="1"/>
  <c r="AF73660" i="1"/>
  <c r="AF73661" i="1"/>
  <c r="AF73662" i="1"/>
  <c r="AF73663" i="1"/>
  <c r="AF73664" i="1"/>
  <c r="AF73665" i="1"/>
  <c r="AF73666" i="1"/>
  <c r="AF73667" i="1"/>
  <c r="AF73668" i="1"/>
  <c r="AF73669" i="1"/>
  <c r="AF73670" i="1"/>
  <c r="AF73671" i="1"/>
  <c r="AF73672" i="1"/>
  <c r="AF73673" i="1"/>
  <c r="AF73674" i="1"/>
  <c r="AF73675" i="1"/>
  <c r="AF73676" i="1"/>
  <c r="AF73677" i="1"/>
  <c r="AF73678" i="1"/>
  <c r="AF73679" i="1"/>
  <c r="AF73680" i="1"/>
  <c r="AF73681" i="1"/>
  <c r="AF73682" i="1"/>
  <c r="AF73683" i="1"/>
  <c r="AF73684" i="1"/>
  <c r="AF73685" i="1"/>
  <c r="AF73686" i="1"/>
  <c r="AF73687" i="1"/>
  <c r="AF73688" i="1"/>
  <c r="AF73689" i="1"/>
  <c r="AF73690" i="1"/>
  <c r="AF73691" i="1"/>
  <c r="AF73692" i="1"/>
  <c r="AF73693" i="1"/>
  <c r="AF73694" i="1"/>
  <c r="AF73695" i="1"/>
  <c r="AF73696" i="1"/>
  <c r="AF73697" i="1"/>
  <c r="AF73698" i="1"/>
  <c r="AF73699" i="1"/>
  <c r="AF73700" i="1"/>
  <c r="AF73701" i="1"/>
  <c r="AF73702" i="1"/>
  <c r="AF73703" i="1"/>
  <c r="AF73704" i="1"/>
  <c r="AF73705" i="1"/>
  <c r="AF73706" i="1"/>
  <c r="AF73707" i="1"/>
  <c r="AF73708" i="1"/>
  <c r="AF73709" i="1"/>
  <c r="AF73710" i="1"/>
  <c r="AF73711" i="1"/>
  <c r="AF73712" i="1"/>
  <c r="AF73713" i="1"/>
  <c r="AF73714" i="1"/>
  <c r="AF73715" i="1"/>
  <c r="AF73716" i="1"/>
  <c r="AF73717" i="1"/>
  <c r="AF73718" i="1"/>
  <c r="AF73719" i="1"/>
  <c r="AF73720" i="1"/>
  <c r="AF73721" i="1"/>
  <c r="AF73722" i="1"/>
  <c r="AF73723" i="1"/>
  <c r="AF73724" i="1"/>
  <c r="AF73725" i="1"/>
  <c r="AF73726" i="1"/>
  <c r="AF73727" i="1"/>
  <c r="AF73728" i="1"/>
  <c r="AF73729" i="1"/>
  <c r="AF73730" i="1"/>
  <c r="AF73731" i="1"/>
  <c r="AF73732" i="1"/>
  <c r="AF73733" i="1"/>
  <c r="AF73734" i="1"/>
  <c r="AF73735" i="1"/>
  <c r="AF73736" i="1"/>
  <c r="AF73737" i="1"/>
  <c r="AF73738" i="1"/>
  <c r="AF73739" i="1"/>
  <c r="AF73740" i="1"/>
  <c r="AF73741" i="1"/>
  <c r="AF73742" i="1"/>
  <c r="AF73743" i="1"/>
  <c r="AF73744" i="1"/>
  <c r="AF73745" i="1"/>
  <c r="AF73746" i="1"/>
  <c r="AF73747" i="1"/>
  <c r="AF73748" i="1"/>
  <c r="AF73749" i="1"/>
  <c r="AF73750" i="1"/>
  <c r="AF73751" i="1"/>
  <c r="AF73752" i="1"/>
  <c r="AF73753" i="1"/>
  <c r="AF73754" i="1"/>
  <c r="AF73755" i="1"/>
  <c r="AF73756" i="1"/>
  <c r="AF73757" i="1"/>
  <c r="AF73758" i="1"/>
  <c r="AF73759" i="1"/>
  <c r="AF73760" i="1"/>
  <c r="AF73761" i="1"/>
  <c r="AF73762" i="1"/>
  <c r="AF73763" i="1"/>
  <c r="AF73764" i="1"/>
  <c r="AF73765" i="1"/>
  <c r="AF73766" i="1"/>
  <c r="AF73767" i="1"/>
  <c r="AF73768" i="1"/>
  <c r="AF73769" i="1"/>
  <c r="AF73770" i="1"/>
  <c r="AF73771" i="1"/>
  <c r="AF73772" i="1"/>
  <c r="AF73773" i="1"/>
  <c r="AF73774" i="1"/>
  <c r="AF73775" i="1"/>
  <c r="AF73776" i="1"/>
  <c r="AF73777" i="1"/>
  <c r="AF73778" i="1"/>
  <c r="AF73779" i="1"/>
  <c r="AF73780" i="1"/>
  <c r="AF73781" i="1"/>
  <c r="AF73782" i="1"/>
  <c r="AF73783" i="1"/>
  <c r="AF73784" i="1"/>
  <c r="AF73785" i="1"/>
  <c r="AF73786" i="1"/>
  <c r="AF73787" i="1"/>
  <c r="AF73788" i="1"/>
  <c r="AF73789" i="1"/>
  <c r="AF73790" i="1"/>
  <c r="AF73791" i="1"/>
  <c r="AF73792" i="1"/>
  <c r="AF73793" i="1"/>
  <c r="AF73794" i="1"/>
  <c r="AF73795" i="1"/>
  <c r="AF73796" i="1"/>
  <c r="AF73797" i="1"/>
  <c r="AF73798" i="1"/>
  <c r="AF73799" i="1"/>
  <c r="AF73800" i="1"/>
  <c r="AF73801" i="1"/>
  <c r="AF73802" i="1"/>
  <c r="AF73803" i="1"/>
  <c r="AF73804" i="1"/>
  <c r="AF73805" i="1"/>
  <c r="AF73806" i="1"/>
  <c r="AF73807" i="1"/>
  <c r="AF73808" i="1"/>
  <c r="AF73809" i="1"/>
  <c r="AF73810" i="1"/>
  <c r="AF73811" i="1"/>
  <c r="AF73812" i="1"/>
  <c r="AF73813" i="1"/>
  <c r="AF73814" i="1"/>
  <c r="AF73815" i="1"/>
  <c r="AF73816" i="1"/>
  <c r="AF73817" i="1"/>
  <c r="AF73818" i="1"/>
  <c r="AF73819" i="1"/>
  <c r="AF73820" i="1"/>
  <c r="AF73821" i="1"/>
  <c r="AF73822" i="1"/>
  <c r="AF73823" i="1"/>
  <c r="AF73824" i="1"/>
  <c r="AF73825" i="1"/>
  <c r="AF73826" i="1"/>
  <c r="AF73827" i="1"/>
  <c r="AF73828" i="1"/>
  <c r="AF73829" i="1"/>
  <c r="AF73830" i="1"/>
  <c r="AF73831" i="1"/>
  <c r="AF73832" i="1"/>
  <c r="AF73833" i="1"/>
  <c r="AF73834" i="1"/>
  <c r="AF73835" i="1"/>
  <c r="AF73836" i="1"/>
  <c r="AF73837" i="1"/>
  <c r="AF73838" i="1"/>
  <c r="AF73839" i="1"/>
  <c r="AF73840" i="1"/>
  <c r="AF73841" i="1"/>
  <c r="AF73842" i="1"/>
  <c r="AF73843" i="1"/>
  <c r="AF73844" i="1"/>
  <c r="AF73845" i="1"/>
  <c r="AF73846" i="1"/>
  <c r="AF73847" i="1"/>
  <c r="AF73848" i="1"/>
  <c r="AF73849" i="1"/>
  <c r="AF73850" i="1"/>
  <c r="AF73851" i="1"/>
  <c r="AF73852" i="1"/>
  <c r="AF73853" i="1"/>
  <c r="AF73854" i="1"/>
  <c r="AF73855" i="1"/>
  <c r="AF73856" i="1"/>
  <c r="AF73857" i="1"/>
  <c r="AF73858" i="1"/>
  <c r="AF73859" i="1"/>
  <c r="AF73860" i="1"/>
  <c r="AF73861" i="1"/>
  <c r="AF73862" i="1"/>
  <c r="AF73863" i="1"/>
  <c r="AF73864" i="1"/>
  <c r="AF73865" i="1"/>
  <c r="AF73866" i="1"/>
  <c r="AF73867" i="1"/>
  <c r="AF73868" i="1"/>
  <c r="AF73869" i="1"/>
  <c r="AF73870" i="1"/>
  <c r="AF73871" i="1"/>
  <c r="AF73872" i="1"/>
  <c r="AF73873" i="1"/>
  <c r="AF73874" i="1"/>
  <c r="AF73875" i="1"/>
  <c r="AF73876" i="1"/>
  <c r="AF73877" i="1"/>
  <c r="AF73878" i="1"/>
  <c r="AF73879" i="1"/>
  <c r="AF73880" i="1"/>
  <c r="AF73881" i="1"/>
  <c r="AF73882" i="1"/>
  <c r="AF73883" i="1"/>
  <c r="AF73884" i="1"/>
  <c r="AF73885" i="1"/>
  <c r="AF73886" i="1"/>
  <c r="AF73887" i="1"/>
  <c r="AF73888" i="1"/>
  <c r="AF73889" i="1"/>
  <c r="AF73890" i="1"/>
  <c r="AF73891" i="1"/>
  <c r="AF73892" i="1"/>
  <c r="AF73893" i="1"/>
  <c r="AF73894" i="1"/>
  <c r="AF73895" i="1"/>
  <c r="AF73896" i="1"/>
  <c r="AF73897" i="1"/>
  <c r="AF73898" i="1"/>
  <c r="AF73899" i="1"/>
  <c r="AF73900" i="1"/>
  <c r="AF73901" i="1"/>
  <c r="AF73902" i="1"/>
  <c r="AF73903" i="1"/>
  <c r="AF73904" i="1"/>
  <c r="AF73905" i="1"/>
  <c r="AF73906" i="1"/>
  <c r="AF73907" i="1"/>
  <c r="AF73908" i="1"/>
  <c r="AF73909" i="1"/>
  <c r="AF73910" i="1"/>
  <c r="AF73911" i="1"/>
  <c r="AF73912" i="1"/>
  <c r="AF73913" i="1"/>
  <c r="AF73914" i="1"/>
  <c r="AF73915" i="1"/>
  <c r="AF73916" i="1"/>
  <c r="AF73917" i="1"/>
  <c r="AF73918" i="1"/>
  <c r="AF73919" i="1"/>
  <c r="AF73920" i="1"/>
  <c r="AF73921" i="1"/>
  <c r="AF73922" i="1"/>
  <c r="AF73923" i="1"/>
  <c r="AF73924" i="1"/>
  <c r="AF73925" i="1"/>
  <c r="AF73926" i="1"/>
  <c r="AF73927" i="1"/>
  <c r="AF73928" i="1"/>
  <c r="AF73929" i="1"/>
  <c r="AF73930" i="1"/>
  <c r="AF73931" i="1"/>
  <c r="AF73932" i="1"/>
  <c r="AF73933" i="1"/>
  <c r="AF73934" i="1"/>
  <c r="AF73935" i="1"/>
  <c r="AF73936" i="1"/>
  <c r="AF73937" i="1"/>
  <c r="AF73938" i="1"/>
  <c r="AF73939" i="1"/>
  <c r="AF73940" i="1"/>
  <c r="AF73941" i="1"/>
  <c r="AF73942" i="1"/>
  <c r="AF73943" i="1"/>
  <c r="AF73944" i="1"/>
  <c r="AF73945" i="1"/>
  <c r="AF73946" i="1"/>
  <c r="AF73947" i="1"/>
  <c r="AF73948" i="1"/>
  <c r="AF73949" i="1"/>
  <c r="AF73950" i="1"/>
  <c r="AF73951" i="1"/>
  <c r="AF73952" i="1"/>
  <c r="AF73953" i="1"/>
  <c r="AF73954" i="1"/>
  <c r="AF73955" i="1"/>
  <c r="AF73956" i="1"/>
  <c r="AF73957" i="1"/>
  <c r="AF73958" i="1"/>
  <c r="AF73959" i="1"/>
  <c r="AF73960" i="1"/>
  <c r="AF73961" i="1"/>
  <c r="AF73962" i="1"/>
  <c r="AF73963" i="1"/>
  <c r="AF73964" i="1"/>
  <c r="AF73965" i="1"/>
  <c r="AF73966" i="1"/>
  <c r="AF73967" i="1"/>
  <c r="AF73968" i="1"/>
  <c r="AF73969" i="1"/>
  <c r="AF73970" i="1"/>
  <c r="AF73971" i="1"/>
  <c r="AF73972" i="1"/>
  <c r="AF73973" i="1"/>
  <c r="AF73974" i="1"/>
  <c r="AF73975" i="1"/>
  <c r="AF73976" i="1"/>
  <c r="AF73977" i="1"/>
  <c r="AF73978" i="1"/>
  <c r="AF73979" i="1"/>
  <c r="AF73980" i="1"/>
  <c r="AF73981" i="1"/>
  <c r="AF73982" i="1"/>
  <c r="AF73983" i="1"/>
  <c r="AF73984" i="1"/>
  <c r="AF73985" i="1"/>
  <c r="AF73986" i="1"/>
  <c r="AF73987" i="1"/>
  <c r="AF73988" i="1"/>
  <c r="AF73989" i="1"/>
  <c r="AF73990" i="1"/>
  <c r="AF73991" i="1"/>
  <c r="AF73992" i="1"/>
  <c r="AF73993" i="1"/>
  <c r="AF73994" i="1"/>
  <c r="AF73995" i="1"/>
  <c r="AF73996" i="1"/>
  <c r="AF73997" i="1"/>
  <c r="AF73998" i="1"/>
  <c r="AF73999" i="1"/>
  <c r="AF74000" i="1"/>
  <c r="AF74001" i="1"/>
  <c r="AF74002" i="1"/>
  <c r="AF74003" i="1"/>
  <c r="AF74004" i="1"/>
  <c r="AF74005" i="1"/>
  <c r="AF74006" i="1"/>
  <c r="AF74007" i="1"/>
  <c r="AF74008" i="1"/>
  <c r="AF74009" i="1"/>
  <c r="AF74010" i="1"/>
  <c r="AF74011" i="1"/>
  <c r="AF74012" i="1"/>
  <c r="AF74013" i="1"/>
  <c r="AF74014" i="1"/>
  <c r="AF74015" i="1"/>
  <c r="AF74016" i="1"/>
  <c r="AF74017" i="1"/>
  <c r="AF74018" i="1"/>
  <c r="AF74019" i="1"/>
  <c r="AF74020" i="1"/>
  <c r="AF74021" i="1"/>
  <c r="AF74022" i="1"/>
  <c r="AF74023" i="1"/>
  <c r="AF74024" i="1"/>
  <c r="AF74025" i="1"/>
  <c r="AF74026" i="1"/>
  <c r="AF74027" i="1"/>
  <c r="AF74028" i="1"/>
  <c r="AF74029" i="1"/>
  <c r="AF74030" i="1"/>
  <c r="AF74031" i="1"/>
  <c r="AF74032" i="1"/>
  <c r="AF74033" i="1"/>
  <c r="AF74034" i="1"/>
  <c r="AF74035" i="1"/>
  <c r="AF74036" i="1"/>
  <c r="AF74037" i="1"/>
  <c r="AF74038" i="1"/>
  <c r="AF74039" i="1"/>
  <c r="AF74040" i="1"/>
  <c r="AF74041" i="1"/>
  <c r="AF74042" i="1"/>
  <c r="AF74043" i="1"/>
  <c r="AF74044" i="1"/>
  <c r="AF74045" i="1"/>
  <c r="AF74046" i="1"/>
  <c r="AF74047" i="1"/>
  <c r="AF74048" i="1"/>
  <c r="AF74049" i="1"/>
  <c r="AF74050" i="1"/>
  <c r="AF74051" i="1"/>
  <c r="AF74052" i="1"/>
  <c r="AF74053" i="1"/>
  <c r="AF74054" i="1"/>
  <c r="AF74055" i="1"/>
  <c r="AF74056" i="1"/>
  <c r="AF74057" i="1"/>
  <c r="AF74058" i="1"/>
  <c r="AF74059" i="1"/>
  <c r="AF74060" i="1"/>
  <c r="AF74061" i="1"/>
  <c r="AF74062" i="1"/>
  <c r="AF74063" i="1"/>
  <c r="AF74064" i="1"/>
  <c r="AF74065" i="1"/>
  <c r="AF74066" i="1"/>
  <c r="AF74067" i="1"/>
  <c r="AF74068" i="1"/>
  <c r="AF74069" i="1"/>
  <c r="AF74070" i="1"/>
  <c r="AF74071" i="1"/>
  <c r="AF74072" i="1"/>
  <c r="AF74073" i="1"/>
  <c r="AF74074" i="1"/>
  <c r="AF74075" i="1"/>
  <c r="AF74076" i="1"/>
  <c r="AF74077" i="1"/>
  <c r="AF74078" i="1"/>
  <c r="AF74079" i="1"/>
  <c r="AF74080" i="1"/>
  <c r="AF74081" i="1"/>
  <c r="AF74082" i="1"/>
  <c r="AF74083" i="1"/>
  <c r="AF74084" i="1"/>
  <c r="AF74085" i="1"/>
  <c r="AF74086" i="1"/>
  <c r="AF74087" i="1"/>
  <c r="AF74088" i="1"/>
  <c r="AF74089" i="1"/>
  <c r="AF74090" i="1"/>
  <c r="AF74091" i="1"/>
  <c r="AF74092" i="1"/>
  <c r="AF74093" i="1"/>
  <c r="AF74094" i="1"/>
  <c r="AF74095" i="1"/>
  <c r="AF74096" i="1"/>
  <c r="AF74097" i="1"/>
  <c r="AF74098" i="1"/>
  <c r="AF74099" i="1"/>
  <c r="AF74100" i="1"/>
  <c r="AF74101" i="1"/>
  <c r="AF74102" i="1"/>
  <c r="AF74103" i="1"/>
  <c r="AF74104" i="1"/>
  <c r="AF74105" i="1"/>
  <c r="AF74106" i="1"/>
  <c r="AF74107" i="1"/>
  <c r="AF74108" i="1"/>
  <c r="AF74109" i="1"/>
  <c r="AF74110" i="1"/>
  <c r="AF74111" i="1"/>
  <c r="AF74112" i="1"/>
  <c r="AF74113" i="1"/>
  <c r="AF74114" i="1"/>
  <c r="AF74115" i="1"/>
  <c r="AF74116" i="1"/>
  <c r="AF74117" i="1"/>
  <c r="AF74118" i="1"/>
  <c r="AF74119" i="1"/>
  <c r="AF74120" i="1"/>
  <c r="AF74121" i="1"/>
  <c r="AF74122" i="1"/>
  <c r="AF74123" i="1"/>
  <c r="AF74124" i="1"/>
  <c r="AF74125" i="1"/>
  <c r="AF74126" i="1"/>
  <c r="AF74127" i="1"/>
  <c r="AF74128" i="1"/>
  <c r="AF74129" i="1"/>
  <c r="AF74130" i="1"/>
  <c r="AF74131" i="1"/>
  <c r="AF74132" i="1"/>
  <c r="AF74133" i="1"/>
  <c r="AF74134" i="1"/>
  <c r="AF74135" i="1"/>
  <c r="AF74136" i="1"/>
  <c r="AF74137" i="1"/>
  <c r="AF74138" i="1"/>
  <c r="AF74139" i="1"/>
  <c r="AF74140" i="1"/>
  <c r="AF74141" i="1"/>
  <c r="AF74142" i="1"/>
  <c r="AF74143" i="1"/>
  <c r="AF74144" i="1"/>
  <c r="AF74145" i="1"/>
  <c r="AF74146" i="1"/>
  <c r="AF74147" i="1"/>
  <c r="AF74148" i="1"/>
  <c r="AF74149" i="1"/>
  <c r="AF74150" i="1"/>
  <c r="AF74151" i="1"/>
  <c r="AF74152" i="1"/>
  <c r="AF74153" i="1"/>
  <c r="AF74154" i="1"/>
  <c r="AF74155" i="1"/>
  <c r="AF74156" i="1"/>
  <c r="AF74157" i="1"/>
  <c r="AF74158" i="1"/>
  <c r="AF74159" i="1"/>
  <c r="AF74160" i="1"/>
  <c r="AF74161" i="1"/>
  <c r="AF74162" i="1"/>
  <c r="AF74163" i="1"/>
  <c r="AF74164" i="1"/>
  <c r="AF74165" i="1"/>
  <c r="AF74166" i="1"/>
  <c r="AF74167" i="1"/>
  <c r="AF74168" i="1"/>
  <c r="AF74169" i="1"/>
  <c r="AF74170" i="1"/>
  <c r="AF74171" i="1"/>
  <c r="AF74172" i="1"/>
  <c r="AF74173" i="1"/>
  <c r="AF74174" i="1"/>
  <c r="AF74175" i="1"/>
  <c r="AF74176" i="1"/>
  <c r="AF74177" i="1"/>
  <c r="AF74178" i="1"/>
  <c r="AF74179" i="1"/>
  <c r="AF74180" i="1"/>
  <c r="AF74181" i="1"/>
  <c r="AF74182" i="1"/>
  <c r="AF74183" i="1"/>
  <c r="AF74184" i="1"/>
  <c r="AF74185" i="1"/>
  <c r="AF74186" i="1"/>
  <c r="AF74187" i="1"/>
  <c r="AF74188" i="1"/>
  <c r="AF74189" i="1"/>
  <c r="AF74190" i="1"/>
  <c r="AF74191" i="1"/>
  <c r="AF74192" i="1"/>
  <c r="AF74193" i="1"/>
  <c r="AF74194" i="1"/>
  <c r="AF74195" i="1"/>
  <c r="AF74196" i="1"/>
  <c r="AF74197" i="1"/>
  <c r="AF74198" i="1"/>
  <c r="AF74199" i="1"/>
  <c r="AF74200" i="1"/>
  <c r="AF74201" i="1"/>
  <c r="AF74202" i="1"/>
  <c r="AF74203" i="1"/>
  <c r="AF74204" i="1"/>
  <c r="AF74205" i="1"/>
  <c r="AF74206" i="1"/>
  <c r="AF74207" i="1"/>
  <c r="AF74208" i="1"/>
  <c r="AF74209" i="1"/>
  <c r="AF74210" i="1"/>
  <c r="AF74211" i="1"/>
  <c r="AF74212" i="1"/>
  <c r="AF74213" i="1"/>
  <c r="AF74214" i="1"/>
  <c r="AF74215" i="1"/>
  <c r="AF74216" i="1"/>
  <c r="AF74217" i="1"/>
  <c r="AF74218" i="1"/>
  <c r="AF74219" i="1"/>
  <c r="AF74220" i="1"/>
  <c r="AF74221" i="1"/>
  <c r="AF74222" i="1"/>
  <c r="AF74223" i="1"/>
  <c r="AF74224" i="1"/>
  <c r="AF74225" i="1"/>
  <c r="AF74226" i="1"/>
  <c r="AF74227" i="1"/>
  <c r="AF74228" i="1"/>
  <c r="AF74229" i="1"/>
  <c r="AF74230" i="1"/>
  <c r="AF74231" i="1"/>
  <c r="AF74232" i="1"/>
  <c r="AF74233" i="1"/>
  <c r="AF74234" i="1"/>
  <c r="AF74235" i="1"/>
  <c r="AF74236" i="1"/>
  <c r="AF74237" i="1"/>
  <c r="AF74238" i="1"/>
  <c r="AF74239" i="1"/>
  <c r="AF74240" i="1"/>
  <c r="AF74241" i="1"/>
  <c r="AF74242" i="1"/>
  <c r="AF74243" i="1"/>
  <c r="AF74244" i="1"/>
  <c r="AF74245" i="1"/>
  <c r="AF74246" i="1"/>
  <c r="AF74247" i="1"/>
  <c r="AF74248" i="1"/>
  <c r="AF74249" i="1"/>
  <c r="AF74250" i="1"/>
  <c r="AF74251" i="1"/>
  <c r="AF74252" i="1"/>
  <c r="AF74253" i="1"/>
  <c r="AF74254" i="1"/>
  <c r="AF74255" i="1"/>
  <c r="AF74256" i="1"/>
  <c r="AF74257" i="1"/>
  <c r="AF74258" i="1"/>
  <c r="AF74259" i="1"/>
  <c r="AF74260" i="1"/>
  <c r="AF74261" i="1"/>
  <c r="AF74262" i="1"/>
  <c r="AF74263" i="1"/>
  <c r="AF74264" i="1"/>
  <c r="AF74265" i="1"/>
  <c r="AF74266" i="1"/>
  <c r="AF74267" i="1"/>
  <c r="AF74268" i="1"/>
  <c r="AF74269" i="1"/>
  <c r="AF74270" i="1"/>
  <c r="AF74271" i="1"/>
  <c r="AF74272" i="1"/>
  <c r="AF74273" i="1"/>
  <c r="AF74274" i="1"/>
  <c r="AF74275" i="1"/>
  <c r="AF74276" i="1"/>
  <c r="AF74277" i="1"/>
  <c r="AF74278" i="1"/>
  <c r="AF74279" i="1"/>
  <c r="AF74280" i="1"/>
  <c r="AF74281" i="1"/>
  <c r="AF74282" i="1"/>
  <c r="AF74283" i="1"/>
  <c r="AF74284" i="1"/>
  <c r="AF74285" i="1"/>
  <c r="AF74286" i="1"/>
  <c r="AF74287" i="1"/>
  <c r="AF74288" i="1"/>
  <c r="AF74289" i="1"/>
  <c r="AF74290" i="1"/>
  <c r="AF74291" i="1"/>
  <c r="AF74292" i="1"/>
  <c r="AF74293" i="1"/>
  <c r="AF74294" i="1"/>
  <c r="AF74295" i="1"/>
  <c r="AF74296" i="1"/>
  <c r="AF74297" i="1"/>
  <c r="AF74298" i="1"/>
  <c r="AF74299" i="1"/>
  <c r="AF74300" i="1"/>
  <c r="AF74301" i="1"/>
  <c r="AF74302" i="1"/>
  <c r="AF74303" i="1"/>
  <c r="AF74304" i="1"/>
  <c r="AF74305" i="1"/>
  <c r="AF74306" i="1"/>
  <c r="AF74307" i="1"/>
  <c r="AF74308" i="1"/>
  <c r="AF74309" i="1"/>
  <c r="AF74310" i="1"/>
  <c r="AF74311" i="1"/>
  <c r="AF74312" i="1"/>
  <c r="AF74313" i="1"/>
  <c r="AF74314" i="1"/>
  <c r="AF74315" i="1"/>
  <c r="AF74316" i="1"/>
  <c r="AF74317" i="1"/>
  <c r="AF74318" i="1"/>
  <c r="AF74319" i="1"/>
  <c r="AF74320" i="1"/>
  <c r="AF74321" i="1"/>
  <c r="AF74322" i="1"/>
  <c r="AF74323" i="1"/>
  <c r="AF74324" i="1"/>
  <c r="AF74325" i="1"/>
  <c r="AF74326" i="1"/>
  <c r="AF74327" i="1"/>
  <c r="AF74328" i="1"/>
  <c r="AF74329" i="1"/>
  <c r="AF74330" i="1"/>
  <c r="AF74331" i="1"/>
  <c r="AF74332" i="1"/>
  <c r="AF74333" i="1"/>
  <c r="AF74334" i="1"/>
  <c r="AF74335" i="1"/>
  <c r="AF74336" i="1"/>
  <c r="AF74337" i="1"/>
  <c r="AF74338" i="1"/>
  <c r="AF74339" i="1"/>
  <c r="AF74340" i="1"/>
  <c r="AF74341" i="1"/>
  <c r="AF74342" i="1"/>
  <c r="AF74343" i="1"/>
  <c r="AF74344" i="1"/>
  <c r="AF74345" i="1"/>
  <c r="AF74346" i="1"/>
  <c r="AF74347" i="1"/>
  <c r="AF74348" i="1"/>
  <c r="AF74349" i="1"/>
  <c r="AF74350" i="1"/>
  <c r="AF74351" i="1"/>
  <c r="AF74352" i="1"/>
  <c r="AF74353" i="1"/>
  <c r="AF74354" i="1"/>
  <c r="AF74355" i="1"/>
  <c r="AF74356" i="1"/>
  <c r="AF74357" i="1"/>
  <c r="AF74358" i="1"/>
  <c r="AF74359" i="1"/>
  <c r="AF74360" i="1"/>
  <c r="AF74361" i="1"/>
  <c r="AF74362" i="1"/>
  <c r="AF74363" i="1"/>
  <c r="AF74364" i="1"/>
  <c r="AF74365" i="1"/>
  <c r="AF74366" i="1"/>
  <c r="AF74367" i="1"/>
  <c r="AF74368" i="1"/>
  <c r="AF74369" i="1"/>
  <c r="AF74370" i="1"/>
  <c r="AF74371" i="1"/>
  <c r="AF74372" i="1"/>
  <c r="AF74373" i="1"/>
  <c r="AF74374" i="1"/>
  <c r="AF74375" i="1"/>
  <c r="AF74376" i="1"/>
  <c r="AF74377" i="1"/>
  <c r="AF74378" i="1"/>
  <c r="AF74379" i="1"/>
  <c r="AF74380" i="1"/>
  <c r="AF74381" i="1"/>
  <c r="AF74382" i="1"/>
  <c r="AF74383" i="1"/>
  <c r="AF74384" i="1"/>
  <c r="AF74385" i="1"/>
  <c r="AF74386" i="1"/>
  <c r="AF74387" i="1"/>
  <c r="AF74388" i="1"/>
  <c r="AF74389" i="1"/>
  <c r="AF74390" i="1"/>
  <c r="AF74391" i="1"/>
  <c r="AF74392" i="1"/>
  <c r="AF74393" i="1"/>
  <c r="AF74394" i="1"/>
  <c r="AF74395" i="1"/>
  <c r="AF74396" i="1"/>
  <c r="AF74397" i="1"/>
  <c r="AF74398" i="1"/>
  <c r="AF74399" i="1"/>
  <c r="AF74400" i="1"/>
  <c r="AF74401" i="1"/>
  <c r="AF74402" i="1"/>
  <c r="AF74403" i="1"/>
  <c r="AF74404" i="1"/>
  <c r="AF74405" i="1"/>
  <c r="AF74406" i="1"/>
  <c r="AF74407" i="1"/>
  <c r="AF74408" i="1"/>
  <c r="AF74409" i="1"/>
  <c r="AF74410" i="1"/>
  <c r="AF74411" i="1"/>
  <c r="AF74412" i="1"/>
  <c r="AF74413" i="1"/>
  <c r="AF74414" i="1"/>
  <c r="AF74415" i="1"/>
  <c r="AF74416" i="1"/>
  <c r="AF74417" i="1"/>
  <c r="AF74418" i="1"/>
  <c r="AF74419" i="1"/>
  <c r="AF74420" i="1"/>
  <c r="AF74421" i="1"/>
  <c r="AF74422" i="1"/>
  <c r="AF74423" i="1"/>
  <c r="AF74424" i="1"/>
  <c r="AF74425" i="1"/>
  <c r="AF74426" i="1"/>
  <c r="AF74427" i="1"/>
  <c r="AF74428" i="1"/>
  <c r="AF74429" i="1"/>
  <c r="AF74430" i="1"/>
  <c r="AF74431" i="1"/>
  <c r="AF74432" i="1"/>
  <c r="AF74433" i="1"/>
  <c r="AF74434" i="1"/>
  <c r="AF74435" i="1"/>
  <c r="AF74436" i="1"/>
  <c r="AF74437" i="1"/>
  <c r="AF74438" i="1"/>
  <c r="AF74439" i="1"/>
  <c r="AF74440" i="1"/>
  <c r="AF74441" i="1"/>
  <c r="AF74442" i="1"/>
  <c r="AF74443" i="1"/>
  <c r="AF74444" i="1"/>
  <c r="AF74445" i="1"/>
  <c r="AF74446" i="1"/>
  <c r="AF74447" i="1"/>
  <c r="AF74448" i="1"/>
  <c r="AF74449" i="1"/>
  <c r="AF74450" i="1"/>
  <c r="AF74451" i="1"/>
  <c r="AF74452" i="1"/>
  <c r="AF74453" i="1"/>
  <c r="AF74454" i="1"/>
  <c r="AF74455" i="1"/>
  <c r="AF74456" i="1"/>
  <c r="AF74457" i="1"/>
  <c r="AF74458" i="1"/>
  <c r="AF74459" i="1"/>
  <c r="AF74460" i="1"/>
  <c r="AF74461" i="1"/>
  <c r="AF74462" i="1"/>
  <c r="AF74463" i="1"/>
  <c r="AF74464" i="1"/>
  <c r="AF74465" i="1"/>
  <c r="AF74466" i="1"/>
  <c r="AF74467" i="1"/>
  <c r="AF74468" i="1"/>
  <c r="AF74469" i="1"/>
  <c r="AF74470" i="1"/>
  <c r="AF74471" i="1"/>
  <c r="AF74472" i="1"/>
  <c r="AF74473" i="1"/>
  <c r="AF74474" i="1"/>
  <c r="AF74475" i="1"/>
  <c r="AF74476" i="1"/>
  <c r="AF74477" i="1"/>
  <c r="AF74478" i="1"/>
  <c r="AF74479" i="1"/>
  <c r="AF74480" i="1"/>
  <c r="AF74481" i="1"/>
  <c r="AF74482" i="1"/>
  <c r="AF74483" i="1"/>
  <c r="AF74484" i="1"/>
  <c r="AF74485" i="1"/>
  <c r="AF74486" i="1"/>
  <c r="AF74487" i="1"/>
  <c r="AF74488" i="1"/>
  <c r="AF74489" i="1"/>
  <c r="AF74490" i="1"/>
  <c r="AF74491" i="1"/>
  <c r="AF74492" i="1"/>
  <c r="AF74493" i="1"/>
  <c r="AF74494" i="1"/>
  <c r="AF74495" i="1"/>
  <c r="AF74496" i="1"/>
  <c r="AF74497" i="1"/>
  <c r="AF74498" i="1"/>
  <c r="AF74499" i="1"/>
  <c r="AF74500" i="1"/>
  <c r="AF74501" i="1"/>
  <c r="AF74502" i="1"/>
  <c r="AF74503" i="1"/>
  <c r="AF74504" i="1"/>
  <c r="AF74505" i="1"/>
  <c r="AF74506" i="1"/>
  <c r="AF74507" i="1"/>
  <c r="AF74508" i="1"/>
  <c r="AF74509" i="1"/>
  <c r="AF74510" i="1"/>
  <c r="AF74511" i="1"/>
  <c r="AF74512" i="1"/>
  <c r="AF74513" i="1"/>
  <c r="AF74514" i="1"/>
  <c r="AF74515" i="1"/>
  <c r="AF74516" i="1"/>
  <c r="AF74517" i="1"/>
  <c r="AF74518" i="1"/>
  <c r="AF74519" i="1"/>
  <c r="AF74520" i="1"/>
  <c r="AF74521" i="1"/>
  <c r="AF74522" i="1"/>
  <c r="AF74523" i="1"/>
  <c r="AF74524" i="1"/>
  <c r="AF74525" i="1"/>
  <c r="AF74526" i="1"/>
  <c r="AF74527" i="1"/>
  <c r="AF74528" i="1"/>
  <c r="AF74529" i="1"/>
  <c r="AF74530" i="1"/>
  <c r="AF74531" i="1"/>
  <c r="AF74532" i="1"/>
  <c r="AF74533" i="1"/>
  <c r="AF74534" i="1"/>
  <c r="AF74535" i="1"/>
  <c r="AF74536" i="1"/>
  <c r="AF74537" i="1"/>
  <c r="AF74538" i="1"/>
  <c r="AF74539" i="1"/>
  <c r="AF74540" i="1"/>
  <c r="AF74541" i="1"/>
  <c r="AF74542" i="1"/>
  <c r="AF74543" i="1"/>
  <c r="AF74544" i="1"/>
  <c r="AF74545" i="1"/>
  <c r="AF74546" i="1"/>
  <c r="AF74547" i="1"/>
  <c r="AF74548" i="1"/>
  <c r="AF74549" i="1"/>
  <c r="AF74550" i="1"/>
  <c r="AF74551" i="1"/>
  <c r="AF74552" i="1"/>
  <c r="AF74553" i="1"/>
  <c r="AF74554" i="1"/>
  <c r="AF74555" i="1"/>
  <c r="AF74556" i="1"/>
  <c r="AF74557" i="1"/>
  <c r="AF74558" i="1"/>
  <c r="AF74559" i="1"/>
  <c r="AF74560" i="1"/>
  <c r="AF74561" i="1"/>
  <c r="AF74562" i="1"/>
  <c r="AF74563" i="1"/>
  <c r="AF74564" i="1"/>
  <c r="AF74565" i="1"/>
  <c r="AF74566" i="1"/>
  <c r="AF74567" i="1"/>
  <c r="AF74568" i="1"/>
  <c r="AF74569" i="1"/>
  <c r="AF74570" i="1"/>
  <c r="AF74571" i="1"/>
  <c r="AF74572" i="1"/>
  <c r="AF74573" i="1"/>
  <c r="AF74574" i="1"/>
  <c r="AF74575" i="1"/>
  <c r="AF74576" i="1"/>
  <c r="AF74577" i="1"/>
  <c r="AF74578" i="1"/>
  <c r="AF74579" i="1"/>
  <c r="AF74580" i="1"/>
  <c r="AF74581" i="1"/>
  <c r="AF74582" i="1"/>
  <c r="AF74583" i="1"/>
  <c r="AF74584" i="1"/>
  <c r="AF74585" i="1"/>
  <c r="AF74586" i="1"/>
  <c r="AF74587" i="1"/>
  <c r="AF74588" i="1"/>
  <c r="AF74589" i="1"/>
  <c r="AF74590" i="1"/>
  <c r="AF74591" i="1"/>
  <c r="AF74592" i="1"/>
  <c r="AF74593" i="1"/>
  <c r="AF74594" i="1"/>
  <c r="AF74595" i="1"/>
  <c r="AF74596" i="1"/>
  <c r="AF74597" i="1"/>
  <c r="AF74598" i="1"/>
  <c r="AF74599" i="1"/>
  <c r="AF74600" i="1"/>
  <c r="AF74601" i="1"/>
  <c r="AF74602" i="1"/>
  <c r="AF74603" i="1"/>
  <c r="AF74604" i="1"/>
  <c r="AF74605" i="1"/>
  <c r="AF74606" i="1"/>
  <c r="AF74607" i="1"/>
  <c r="AF74608" i="1"/>
  <c r="AF74609" i="1"/>
  <c r="AF74610" i="1"/>
  <c r="AF74611" i="1"/>
  <c r="AF74612" i="1"/>
  <c r="AF74613" i="1"/>
  <c r="AF74614" i="1"/>
  <c r="AF74615" i="1"/>
  <c r="AF74616" i="1"/>
  <c r="AF74617" i="1"/>
  <c r="AF74618" i="1"/>
  <c r="AF74619" i="1"/>
  <c r="AF74620" i="1"/>
  <c r="AF74621" i="1"/>
  <c r="AF74622" i="1"/>
  <c r="AF74623" i="1"/>
  <c r="AF74624" i="1"/>
  <c r="AF74625" i="1"/>
  <c r="AF74626" i="1"/>
  <c r="AF74627" i="1"/>
  <c r="AF74628" i="1"/>
  <c r="AF74629" i="1"/>
  <c r="AF74630" i="1"/>
  <c r="AF74631" i="1"/>
  <c r="AF74632" i="1"/>
  <c r="AF74633" i="1"/>
  <c r="AF74634" i="1"/>
  <c r="AF74635" i="1"/>
  <c r="AF74636" i="1"/>
  <c r="AF74637" i="1"/>
  <c r="AF74638" i="1"/>
  <c r="AF74639" i="1"/>
  <c r="AF74640" i="1"/>
  <c r="AF74641" i="1"/>
  <c r="AF74642" i="1"/>
  <c r="AF74643" i="1"/>
  <c r="AF74644" i="1"/>
  <c r="AF74645" i="1"/>
  <c r="AF74646" i="1"/>
  <c r="AF74647" i="1"/>
  <c r="AF74648" i="1"/>
  <c r="AF74649" i="1"/>
  <c r="AF74650" i="1"/>
  <c r="AF74651" i="1"/>
  <c r="AF74652" i="1"/>
  <c r="AF74653" i="1"/>
  <c r="AF74654" i="1"/>
  <c r="AF74655" i="1"/>
  <c r="AF74656" i="1"/>
  <c r="AF74657" i="1"/>
  <c r="AF74658" i="1"/>
  <c r="AF74659" i="1"/>
  <c r="AF74660" i="1"/>
  <c r="AF74661" i="1"/>
  <c r="AF74662" i="1"/>
  <c r="AF74663" i="1"/>
  <c r="AF74664" i="1"/>
  <c r="AF74665" i="1"/>
  <c r="AF74666" i="1"/>
  <c r="AF74667" i="1"/>
  <c r="AF74668" i="1"/>
  <c r="AF74669" i="1"/>
  <c r="AF74670" i="1"/>
  <c r="AF74671" i="1"/>
  <c r="AF74672" i="1"/>
  <c r="AF74673" i="1"/>
  <c r="AF74674" i="1"/>
  <c r="AF74675" i="1"/>
  <c r="AF74676" i="1"/>
  <c r="AF74677" i="1"/>
  <c r="AF74678" i="1"/>
  <c r="AF74679" i="1"/>
  <c r="AF74680" i="1"/>
  <c r="AF74681" i="1"/>
  <c r="AF74682" i="1"/>
  <c r="AF74683" i="1"/>
  <c r="AF74684" i="1"/>
  <c r="AF74685" i="1"/>
  <c r="AF74686" i="1"/>
  <c r="AF74687" i="1"/>
  <c r="AF74688" i="1"/>
  <c r="AF74689" i="1"/>
  <c r="AF74690" i="1"/>
  <c r="AF74691" i="1"/>
  <c r="AF74692" i="1"/>
  <c r="AF74693" i="1"/>
  <c r="AF74694" i="1"/>
  <c r="AF74695" i="1"/>
  <c r="AF74696" i="1"/>
  <c r="AF74697" i="1"/>
  <c r="AF74698" i="1"/>
  <c r="AF74699" i="1"/>
  <c r="AF74700" i="1"/>
  <c r="AF74701" i="1"/>
  <c r="AF74702" i="1"/>
  <c r="AF74703" i="1"/>
  <c r="AF74704" i="1"/>
  <c r="AF74705" i="1"/>
  <c r="AF74706" i="1"/>
  <c r="AF74707" i="1"/>
  <c r="AF74708" i="1"/>
  <c r="AF74709" i="1"/>
  <c r="AF74710" i="1"/>
  <c r="AF74711" i="1"/>
  <c r="AF74712" i="1"/>
  <c r="AF74713" i="1"/>
  <c r="AF74714" i="1"/>
  <c r="AF74715" i="1"/>
  <c r="AF74716" i="1"/>
  <c r="AF74717" i="1"/>
  <c r="AF74718" i="1"/>
  <c r="AF74719" i="1"/>
  <c r="AF74720" i="1"/>
  <c r="AF74721" i="1"/>
  <c r="AF74722" i="1"/>
  <c r="AF74723" i="1"/>
  <c r="AF74724" i="1"/>
  <c r="AF74725" i="1"/>
  <c r="AF74726" i="1"/>
  <c r="AF74727" i="1"/>
  <c r="AF74728" i="1"/>
  <c r="AF74729" i="1"/>
  <c r="AF74730" i="1"/>
  <c r="AF74731" i="1"/>
  <c r="AF74732" i="1"/>
  <c r="AF74733" i="1"/>
  <c r="AF74734" i="1"/>
  <c r="AF74735" i="1"/>
  <c r="AF74736" i="1"/>
  <c r="AF74737" i="1"/>
  <c r="AF74738" i="1"/>
  <c r="AF74739" i="1"/>
  <c r="AF74740" i="1"/>
  <c r="AF74741" i="1"/>
  <c r="AF74742" i="1"/>
  <c r="AF74743" i="1"/>
  <c r="AF74744" i="1"/>
  <c r="AF74745" i="1"/>
  <c r="AF74746" i="1"/>
  <c r="AF74747" i="1"/>
  <c r="AF74748" i="1"/>
  <c r="AF74749" i="1"/>
  <c r="AF74750" i="1"/>
  <c r="AF74751" i="1"/>
  <c r="AF74752" i="1"/>
  <c r="AF74753" i="1"/>
  <c r="AF74754" i="1"/>
  <c r="AF74755" i="1"/>
  <c r="AF74756" i="1"/>
  <c r="AF74757" i="1"/>
  <c r="AF74758" i="1"/>
  <c r="AF74759" i="1"/>
  <c r="AF74760" i="1"/>
  <c r="AF74761" i="1"/>
  <c r="AF74762" i="1"/>
  <c r="AF74763" i="1"/>
  <c r="AF74764" i="1"/>
  <c r="AF74765" i="1"/>
  <c r="AF74766" i="1"/>
  <c r="AF74767" i="1"/>
  <c r="AF74768" i="1"/>
  <c r="AF74769" i="1"/>
  <c r="AF74770" i="1"/>
  <c r="AF74771" i="1"/>
  <c r="AF74772" i="1"/>
  <c r="AF74773" i="1"/>
  <c r="AF74774" i="1"/>
  <c r="AF74775" i="1"/>
  <c r="AF74776" i="1"/>
  <c r="AF74777" i="1"/>
  <c r="AF74778" i="1"/>
  <c r="AF74779" i="1"/>
  <c r="AF74780" i="1"/>
  <c r="AF74781" i="1"/>
  <c r="AF74782" i="1"/>
  <c r="AF74783" i="1"/>
  <c r="AF74784" i="1"/>
  <c r="AF74785" i="1"/>
  <c r="AF74786" i="1"/>
  <c r="AF74787" i="1"/>
  <c r="AF74788" i="1"/>
  <c r="AF74789" i="1"/>
  <c r="AF74790" i="1"/>
  <c r="AF74791" i="1"/>
  <c r="AF74792" i="1"/>
  <c r="AF74793" i="1"/>
  <c r="AF74794" i="1"/>
  <c r="AF74795" i="1"/>
  <c r="AF74796" i="1"/>
  <c r="AF74797" i="1"/>
  <c r="AF74798" i="1"/>
  <c r="AF74799" i="1"/>
  <c r="AF74800" i="1"/>
  <c r="AF74801" i="1"/>
  <c r="AF74802" i="1"/>
  <c r="AF74803" i="1"/>
  <c r="AF74804" i="1"/>
  <c r="AF74805" i="1"/>
  <c r="AF74806" i="1"/>
  <c r="AF74807" i="1"/>
  <c r="AF74808" i="1"/>
  <c r="AF74809" i="1"/>
  <c r="AF74810" i="1"/>
  <c r="AF74811" i="1"/>
  <c r="AF74812" i="1"/>
  <c r="AF74813" i="1"/>
  <c r="AF74814" i="1"/>
  <c r="AF74815" i="1"/>
  <c r="AF74816" i="1"/>
  <c r="AF74817" i="1"/>
  <c r="AF74818" i="1"/>
  <c r="AF74819" i="1"/>
  <c r="AF74820" i="1"/>
  <c r="AF74821" i="1"/>
  <c r="AF74822" i="1"/>
  <c r="AF74823" i="1"/>
  <c r="AF74824" i="1"/>
  <c r="AF74825" i="1"/>
  <c r="AF74826" i="1"/>
  <c r="AF74827" i="1"/>
  <c r="AF74828" i="1"/>
  <c r="AF74829" i="1"/>
  <c r="AF74830" i="1"/>
  <c r="AF74831" i="1"/>
  <c r="AF74832" i="1"/>
  <c r="AF74833" i="1"/>
  <c r="AF74834" i="1"/>
  <c r="AF74835" i="1"/>
  <c r="AF74836" i="1"/>
  <c r="AF74837" i="1"/>
  <c r="AF74838" i="1"/>
  <c r="AF74839" i="1"/>
  <c r="AF74840" i="1"/>
  <c r="AF74841" i="1"/>
  <c r="AF74842" i="1"/>
  <c r="AF74843" i="1"/>
  <c r="AF74844" i="1"/>
  <c r="AF74845" i="1"/>
  <c r="AF74846" i="1"/>
  <c r="AF74847" i="1"/>
  <c r="AF74848" i="1"/>
  <c r="AF74849" i="1"/>
  <c r="AF74850" i="1"/>
  <c r="AF74851" i="1"/>
  <c r="AF74852" i="1"/>
  <c r="AF74853" i="1"/>
  <c r="AF74854" i="1"/>
  <c r="AF74855" i="1"/>
  <c r="AF74856" i="1"/>
  <c r="AF74857" i="1"/>
  <c r="AF74858" i="1"/>
  <c r="AF74859" i="1"/>
  <c r="AF74860" i="1"/>
  <c r="AF74861" i="1"/>
  <c r="AF74862" i="1"/>
  <c r="AF74863" i="1"/>
  <c r="AF74864" i="1"/>
  <c r="AF74865" i="1"/>
  <c r="AF74866" i="1"/>
  <c r="AF74867" i="1"/>
  <c r="AF74868" i="1"/>
  <c r="AF74869" i="1"/>
  <c r="AF74870" i="1"/>
  <c r="AF74871" i="1"/>
  <c r="AF74872" i="1"/>
  <c r="AF74873" i="1"/>
  <c r="AF74874" i="1"/>
  <c r="AF74875" i="1"/>
  <c r="AF74876" i="1"/>
  <c r="AF74877" i="1"/>
  <c r="AF74878" i="1"/>
  <c r="AF74879" i="1"/>
  <c r="AF74880" i="1"/>
  <c r="AF74881" i="1"/>
  <c r="AF74882" i="1"/>
  <c r="AF74883" i="1"/>
  <c r="AF74884" i="1"/>
  <c r="AF74885" i="1"/>
  <c r="AF74886" i="1"/>
  <c r="AF74887" i="1"/>
  <c r="AF74888" i="1"/>
  <c r="AF74889" i="1"/>
  <c r="AF74890" i="1"/>
  <c r="AF74891" i="1"/>
  <c r="AF74892" i="1"/>
  <c r="AF74893" i="1"/>
  <c r="AF74894" i="1"/>
  <c r="AF74895" i="1"/>
  <c r="AF74896" i="1"/>
  <c r="AF74897" i="1"/>
  <c r="AF74898" i="1"/>
  <c r="AF74899" i="1"/>
  <c r="AF74900" i="1"/>
  <c r="AF74901" i="1"/>
  <c r="AF74902" i="1"/>
  <c r="AF74903" i="1"/>
  <c r="AF74904" i="1"/>
  <c r="AF74905" i="1"/>
  <c r="AF74906" i="1"/>
  <c r="AF74907" i="1"/>
  <c r="AF74908" i="1"/>
  <c r="AF74909" i="1"/>
  <c r="AF74910" i="1"/>
  <c r="AF74911" i="1"/>
  <c r="AF74912" i="1"/>
  <c r="AF74913" i="1"/>
  <c r="AF74914" i="1"/>
  <c r="AF74915" i="1"/>
  <c r="AF74916" i="1"/>
  <c r="AF74917" i="1"/>
  <c r="AF74918" i="1"/>
  <c r="AF74919" i="1"/>
  <c r="AF74920" i="1"/>
  <c r="AF74921" i="1"/>
  <c r="AF74922" i="1"/>
  <c r="AF74923" i="1"/>
  <c r="AF74924" i="1"/>
  <c r="AF74925" i="1"/>
  <c r="AF74926" i="1"/>
  <c r="AF74927" i="1"/>
  <c r="AF74928" i="1"/>
  <c r="AF74929" i="1"/>
  <c r="AF74930" i="1"/>
  <c r="AF74931" i="1"/>
  <c r="AF74932" i="1"/>
  <c r="AF74933" i="1"/>
  <c r="AF74934" i="1"/>
  <c r="AF74935" i="1"/>
  <c r="AF74936" i="1"/>
  <c r="AF74937" i="1"/>
  <c r="AF74938" i="1"/>
  <c r="AF74939" i="1"/>
  <c r="AF74940" i="1"/>
  <c r="AF74941" i="1"/>
  <c r="AF74942" i="1"/>
  <c r="AF74943" i="1"/>
  <c r="AF74944" i="1"/>
  <c r="AF74945" i="1"/>
  <c r="AF74946" i="1"/>
  <c r="AF74947" i="1"/>
  <c r="AF74948" i="1"/>
  <c r="AF74949" i="1"/>
  <c r="AF74950" i="1"/>
  <c r="AF74951" i="1"/>
  <c r="AF74952" i="1"/>
  <c r="AF74953" i="1"/>
  <c r="AF74954" i="1"/>
  <c r="AF74955" i="1"/>
  <c r="AF74956" i="1"/>
  <c r="AF74957" i="1"/>
  <c r="AF74958" i="1"/>
  <c r="AF74959" i="1"/>
  <c r="AF74960" i="1"/>
  <c r="AF74961" i="1"/>
  <c r="AF74962" i="1"/>
  <c r="AF74963" i="1"/>
  <c r="AF74964" i="1"/>
  <c r="AF74965" i="1"/>
  <c r="AF74966" i="1"/>
  <c r="AF74967" i="1"/>
  <c r="AF74968" i="1"/>
  <c r="AF74969" i="1"/>
  <c r="AF74970" i="1"/>
  <c r="AF74971" i="1"/>
  <c r="AF74972" i="1"/>
  <c r="AF74973" i="1"/>
  <c r="AF74974" i="1"/>
  <c r="AF74975" i="1"/>
  <c r="AF74976" i="1"/>
  <c r="AF74977" i="1"/>
  <c r="AF74978" i="1"/>
  <c r="AF74979" i="1"/>
  <c r="AF74980" i="1"/>
  <c r="AF74981" i="1"/>
  <c r="AF74982" i="1"/>
  <c r="AF74983" i="1"/>
  <c r="AF74984" i="1"/>
  <c r="AF74985" i="1"/>
  <c r="AF74986" i="1"/>
  <c r="AF74987" i="1"/>
  <c r="AF74988" i="1"/>
  <c r="AF74989" i="1"/>
  <c r="AF74990" i="1"/>
  <c r="AF74991" i="1"/>
  <c r="AF74992" i="1"/>
  <c r="AF74993" i="1"/>
  <c r="AF74994" i="1"/>
  <c r="AF74995" i="1"/>
  <c r="AF74996" i="1"/>
  <c r="AF74997" i="1"/>
  <c r="AF74998" i="1"/>
  <c r="AF74999" i="1"/>
  <c r="AF75000" i="1"/>
  <c r="AF75001" i="1"/>
  <c r="AF75002" i="1"/>
  <c r="AF75003" i="1"/>
  <c r="AF75004" i="1"/>
  <c r="AF75005" i="1"/>
  <c r="AF75006" i="1"/>
  <c r="AF75007" i="1"/>
  <c r="AF75008" i="1"/>
  <c r="AF75009" i="1"/>
  <c r="AF75010" i="1"/>
  <c r="AF75011" i="1"/>
  <c r="AF75012" i="1"/>
  <c r="AF75013" i="1"/>
  <c r="AF75014" i="1"/>
  <c r="AF75015" i="1"/>
  <c r="AF75016" i="1"/>
  <c r="AF75017" i="1"/>
  <c r="AF75018" i="1"/>
  <c r="AF75019" i="1"/>
  <c r="AF75020" i="1"/>
  <c r="AF75021" i="1"/>
  <c r="AF75022" i="1"/>
  <c r="AF75023" i="1"/>
  <c r="AF75024" i="1"/>
  <c r="AF75025" i="1"/>
  <c r="AF75026" i="1"/>
  <c r="AF75027" i="1"/>
  <c r="AF75028" i="1"/>
  <c r="AF75029" i="1"/>
  <c r="AF75030" i="1"/>
  <c r="AF75031" i="1"/>
  <c r="AF75032" i="1"/>
  <c r="AF75033" i="1"/>
  <c r="AF75034" i="1"/>
  <c r="AF75035" i="1"/>
  <c r="AF75036" i="1"/>
  <c r="AF75037" i="1"/>
  <c r="AF75038" i="1"/>
  <c r="AF75039" i="1"/>
  <c r="AF75040" i="1"/>
  <c r="AF75041" i="1"/>
  <c r="AF75042" i="1"/>
  <c r="AF75043" i="1"/>
  <c r="AF75044" i="1"/>
  <c r="AF75045" i="1"/>
  <c r="AF75046" i="1"/>
  <c r="AF75047" i="1"/>
  <c r="AF75048" i="1"/>
  <c r="AF75049" i="1"/>
  <c r="AF75050" i="1"/>
  <c r="AF75051" i="1"/>
  <c r="AF75052" i="1"/>
  <c r="AF75053" i="1"/>
  <c r="AF75054" i="1"/>
  <c r="AF75055" i="1"/>
  <c r="AF75056" i="1"/>
  <c r="AF75057" i="1"/>
  <c r="AF75058" i="1"/>
  <c r="AF75059" i="1"/>
  <c r="AF75060" i="1"/>
  <c r="AF75061" i="1"/>
  <c r="AF75062" i="1"/>
  <c r="AF75063" i="1"/>
  <c r="AF75064" i="1"/>
  <c r="AF75065" i="1"/>
  <c r="AF75066" i="1"/>
  <c r="AF75067" i="1"/>
  <c r="AF75068" i="1"/>
  <c r="AF75069" i="1"/>
  <c r="AF75070" i="1"/>
  <c r="AF75071" i="1"/>
  <c r="AF75072" i="1"/>
  <c r="AF75073" i="1"/>
  <c r="AF75074" i="1"/>
  <c r="AF75075" i="1"/>
  <c r="AF75076" i="1"/>
  <c r="AF75077" i="1"/>
  <c r="AF75078" i="1"/>
  <c r="AF75079" i="1"/>
  <c r="AF75080" i="1"/>
  <c r="AF75081" i="1"/>
  <c r="AF75082" i="1"/>
  <c r="AF75083" i="1"/>
  <c r="AF75084" i="1"/>
  <c r="AF75085" i="1"/>
  <c r="AF75086" i="1"/>
  <c r="AF75087" i="1"/>
  <c r="AF75088" i="1"/>
  <c r="AF75089" i="1"/>
  <c r="AF75090" i="1"/>
  <c r="AF75091" i="1"/>
  <c r="AF75092" i="1"/>
  <c r="AF75093" i="1"/>
  <c r="AF75094" i="1"/>
  <c r="AF75095" i="1"/>
  <c r="AF75096" i="1"/>
  <c r="AF75097" i="1"/>
  <c r="AF75098" i="1"/>
  <c r="AF75099" i="1"/>
  <c r="AF75100" i="1"/>
  <c r="AF75101" i="1"/>
  <c r="AF75102" i="1"/>
  <c r="AF75103" i="1"/>
  <c r="AF75104" i="1"/>
  <c r="AF75105" i="1"/>
  <c r="AF75106" i="1"/>
  <c r="AF75107" i="1"/>
  <c r="AF75108" i="1"/>
  <c r="AF75109" i="1"/>
  <c r="AF75110" i="1"/>
  <c r="AF75111" i="1"/>
  <c r="AF75112" i="1"/>
  <c r="AF75113" i="1"/>
  <c r="AF75114" i="1"/>
  <c r="AF75115" i="1"/>
  <c r="AF75116" i="1"/>
  <c r="AF75117" i="1"/>
  <c r="AF75118" i="1"/>
  <c r="AF75119" i="1"/>
  <c r="AF75120" i="1"/>
  <c r="AF75121" i="1"/>
  <c r="AF75122" i="1"/>
  <c r="AF75123" i="1"/>
  <c r="AF75124" i="1"/>
  <c r="AF75125" i="1"/>
  <c r="AF75126" i="1"/>
  <c r="AF75127" i="1"/>
  <c r="AF75128" i="1"/>
  <c r="AF75129" i="1"/>
  <c r="AF75130" i="1"/>
  <c r="AF75131" i="1"/>
  <c r="AF75132" i="1"/>
  <c r="AF75133" i="1"/>
  <c r="AF75134" i="1"/>
  <c r="AF75135" i="1"/>
  <c r="AF75136" i="1"/>
  <c r="AF75137" i="1"/>
  <c r="AF75138" i="1"/>
  <c r="AF75139" i="1"/>
  <c r="AF75140" i="1"/>
  <c r="AF75141" i="1"/>
  <c r="AF75142" i="1"/>
  <c r="AF75143" i="1"/>
  <c r="AF75144" i="1"/>
  <c r="AF75145" i="1"/>
  <c r="AF75146" i="1"/>
  <c r="AF75147" i="1"/>
  <c r="AF75148" i="1"/>
  <c r="AF75149" i="1"/>
  <c r="AF75150" i="1"/>
  <c r="AF75151" i="1"/>
  <c r="AF75152" i="1"/>
  <c r="AF75153" i="1"/>
  <c r="AF75154" i="1"/>
  <c r="AF75155" i="1"/>
  <c r="AF75156" i="1"/>
  <c r="AF75157" i="1"/>
  <c r="AF75158" i="1"/>
  <c r="AF75159" i="1"/>
  <c r="AF75160" i="1"/>
  <c r="AF75161" i="1"/>
  <c r="AF75162" i="1"/>
  <c r="AF75163" i="1"/>
  <c r="AF75164" i="1"/>
  <c r="AF75165" i="1"/>
  <c r="AF75166" i="1"/>
  <c r="AF75167" i="1"/>
  <c r="AF75168" i="1"/>
  <c r="AF75169" i="1"/>
  <c r="AF75170" i="1"/>
  <c r="AF75171" i="1"/>
  <c r="AF75172" i="1"/>
  <c r="AF75173" i="1"/>
  <c r="AF75174" i="1"/>
  <c r="AF75175" i="1"/>
  <c r="AF75176" i="1"/>
  <c r="AF75177" i="1"/>
  <c r="AF75178" i="1"/>
  <c r="AF75179" i="1"/>
  <c r="AF75180" i="1"/>
  <c r="AF75181" i="1"/>
  <c r="AF75182" i="1"/>
  <c r="AF75183" i="1"/>
  <c r="AF75184" i="1"/>
  <c r="AF75185" i="1"/>
  <c r="AF75186" i="1"/>
  <c r="AF75187" i="1"/>
  <c r="AF75188" i="1"/>
  <c r="AF75189" i="1"/>
  <c r="AF75190" i="1"/>
  <c r="AF75191" i="1"/>
  <c r="AF75192" i="1"/>
  <c r="AF75193" i="1"/>
  <c r="AF75194" i="1"/>
  <c r="AF75195" i="1"/>
  <c r="AF75196" i="1"/>
  <c r="AF75197" i="1"/>
  <c r="AF75198" i="1"/>
  <c r="AF75199" i="1"/>
  <c r="AF75200" i="1"/>
  <c r="AF75201" i="1"/>
  <c r="AF75202" i="1"/>
  <c r="AF75203" i="1"/>
  <c r="AF75204" i="1"/>
  <c r="AF75205" i="1"/>
  <c r="AF75206" i="1"/>
  <c r="AF75207" i="1"/>
  <c r="AF75208" i="1"/>
  <c r="AF75209" i="1"/>
  <c r="AF75210" i="1"/>
  <c r="AF75211" i="1"/>
  <c r="AF75212" i="1"/>
  <c r="AF75213" i="1"/>
  <c r="AF75214" i="1"/>
  <c r="AF75215" i="1"/>
  <c r="AF75216" i="1"/>
  <c r="AF75217" i="1"/>
  <c r="AF75218" i="1"/>
  <c r="AF75219" i="1"/>
  <c r="AF75220" i="1"/>
  <c r="AF75221" i="1"/>
  <c r="AF75222" i="1"/>
  <c r="AF75223" i="1"/>
  <c r="AF75224" i="1"/>
  <c r="AF75225" i="1"/>
  <c r="AF75226" i="1"/>
  <c r="AF75227" i="1"/>
  <c r="AF75228" i="1"/>
  <c r="AF75229" i="1"/>
  <c r="AF75230" i="1"/>
  <c r="AF75231" i="1"/>
  <c r="AF75232" i="1"/>
  <c r="AF75233" i="1"/>
  <c r="AF75234" i="1"/>
  <c r="AF75235" i="1"/>
  <c r="AF75236" i="1"/>
  <c r="AF75237" i="1"/>
  <c r="AF75238" i="1"/>
  <c r="AF75239" i="1"/>
  <c r="AF75240" i="1"/>
  <c r="AF75241" i="1"/>
  <c r="AF75242" i="1"/>
  <c r="AF75243" i="1"/>
  <c r="AF75244" i="1"/>
  <c r="AF75245" i="1"/>
  <c r="AF75246" i="1"/>
  <c r="AF75247" i="1"/>
  <c r="AF75248" i="1"/>
  <c r="AF75249" i="1"/>
  <c r="AF75250" i="1"/>
  <c r="AF75251" i="1"/>
  <c r="AF75252" i="1"/>
  <c r="AF75253" i="1"/>
  <c r="AF75254" i="1"/>
  <c r="AF75255" i="1"/>
  <c r="AF75256" i="1"/>
  <c r="AF75257" i="1"/>
  <c r="AF75258" i="1"/>
  <c r="AF75259" i="1"/>
  <c r="AF75260" i="1"/>
  <c r="AF75261" i="1"/>
  <c r="AF75262" i="1"/>
  <c r="AF75263" i="1"/>
  <c r="AF75264" i="1"/>
  <c r="AF75265" i="1"/>
  <c r="AF75266" i="1"/>
  <c r="AF75267" i="1"/>
  <c r="AF75268" i="1"/>
  <c r="AF75269" i="1"/>
  <c r="AF75270" i="1"/>
  <c r="AF75271" i="1"/>
  <c r="AF75272" i="1"/>
  <c r="AF75273" i="1"/>
  <c r="AF75274" i="1"/>
  <c r="AF75275" i="1"/>
  <c r="AF75276" i="1"/>
  <c r="AF75277" i="1"/>
  <c r="AF75278" i="1"/>
  <c r="AF75279" i="1"/>
  <c r="AF75280" i="1"/>
  <c r="AF75281" i="1"/>
  <c r="AF75282" i="1"/>
  <c r="AF75283" i="1"/>
  <c r="AF75284" i="1"/>
  <c r="AF75285" i="1"/>
  <c r="AF75286" i="1"/>
  <c r="AF75287" i="1"/>
  <c r="AF75288" i="1"/>
  <c r="AF75289" i="1"/>
  <c r="AF75290" i="1"/>
  <c r="AF75291" i="1"/>
  <c r="AF75292" i="1"/>
  <c r="AF75293" i="1"/>
  <c r="AF75294" i="1"/>
  <c r="AF75295" i="1"/>
  <c r="AF75296" i="1"/>
  <c r="AF75297" i="1"/>
  <c r="AF75298" i="1"/>
  <c r="AF75299" i="1"/>
  <c r="AF75300" i="1"/>
  <c r="AF75301" i="1"/>
  <c r="AF75302" i="1"/>
  <c r="AF75303" i="1"/>
  <c r="AF75304" i="1"/>
  <c r="AF75305" i="1"/>
  <c r="AF75306" i="1"/>
  <c r="AF75307" i="1"/>
  <c r="AF75308" i="1"/>
  <c r="AF75309" i="1"/>
  <c r="AF75310" i="1"/>
  <c r="AF75311" i="1"/>
  <c r="AF75312" i="1"/>
  <c r="AF75313" i="1"/>
  <c r="AF75314" i="1"/>
  <c r="AF75315" i="1"/>
  <c r="AF75316" i="1"/>
  <c r="AF75317" i="1"/>
  <c r="AF75318" i="1"/>
  <c r="AF75319" i="1"/>
  <c r="AF75320" i="1"/>
  <c r="AF75321" i="1"/>
  <c r="AF75322" i="1"/>
  <c r="AF75323" i="1"/>
  <c r="AF75324" i="1"/>
  <c r="AF75325" i="1"/>
  <c r="AF75326" i="1"/>
  <c r="AF75327" i="1"/>
  <c r="AF75328" i="1"/>
  <c r="AF75329" i="1"/>
  <c r="AF75330" i="1"/>
  <c r="AF75331" i="1"/>
  <c r="AF75332" i="1"/>
  <c r="AF75333" i="1"/>
  <c r="AF75334" i="1"/>
  <c r="AF75335" i="1"/>
  <c r="AF75336" i="1"/>
  <c r="AF75337" i="1"/>
  <c r="AF75338" i="1"/>
  <c r="AF75339" i="1"/>
  <c r="AF75340" i="1"/>
  <c r="AF75341" i="1"/>
  <c r="AF75342" i="1"/>
  <c r="AF75343" i="1"/>
  <c r="AF75344" i="1"/>
  <c r="AF75345" i="1"/>
  <c r="AF75346" i="1"/>
  <c r="AF75347" i="1"/>
  <c r="AF75348" i="1"/>
  <c r="AF75349" i="1"/>
  <c r="AF75350" i="1"/>
  <c r="AF75351" i="1"/>
  <c r="AF75352" i="1"/>
  <c r="AF75353" i="1"/>
  <c r="AF75354" i="1"/>
  <c r="AF75355" i="1"/>
  <c r="AF75356" i="1"/>
  <c r="AF75357" i="1"/>
  <c r="AF75358" i="1"/>
  <c r="AF75359" i="1"/>
  <c r="AF75360" i="1"/>
  <c r="AF75361" i="1"/>
  <c r="AF75362" i="1"/>
  <c r="AF75363" i="1"/>
  <c r="AF75364" i="1"/>
  <c r="AF75365" i="1"/>
  <c r="AF75366" i="1"/>
  <c r="AF75367" i="1"/>
  <c r="AF75368" i="1"/>
  <c r="AF75369" i="1"/>
  <c r="AF75370" i="1"/>
  <c r="AF75371" i="1"/>
  <c r="AF75372" i="1"/>
  <c r="AF75373" i="1"/>
  <c r="AF75374" i="1"/>
  <c r="AF75375" i="1"/>
  <c r="AF75376" i="1"/>
  <c r="AF75377" i="1"/>
  <c r="AF75378" i="1"/>
  <c r="AF75379" i="1"/>
  <c r="AF75380" i="1"/>
  <c r="AF75381" i="1"/>
  <c r="AF75382" i="1"/>
  <c r="AF75383" i="1"/>
  <c r="AF75384" i="1"/>
  <c r="AF75385" i="1"/>
  <c r="AF75386" i="1"/>
  <c r="AF75387" i="1"/>
  <c r="AF75388" i="1"/>
  <c r="AF75389" i="1"/>
  <c r="AF75390" i="1"/>
  <c r="AF75391" i="1"/>
  <c r="AF75392" i="1"/>
  <c r="AF75393" i="1"/>
  <c r="AF75394" i="1"/>
  <c r="AF75395" i="1"/>
  <c r="AF75396" i="1"/>
  <c r="AF75397" i="1"/>
  <c r="AF75398" i="1"/>
  <c r="AF75399" i="1"/>
  <c r="AF75400" i="1"/>
  <c r="AF75401" i="1"/>
  <c r="AF75402" i="1"/>
  <c r="AF75403" i="1"/>
  <c r="AF75404" i="1"/>
  <c r="AF75405" i="1"/>
  <c r="AF75406" i="1"/>
  <c r="AF75407" i="1"/>
  <c r="AF75408" i="1"/>
  <c r="AF75409" i="1"/>
  <c r="AF75410" i="1"/>
  <c r="AF75411" i="1"/>
  <c r="AF75412" i="1"/>
  <c r="AF75413" i="1"/>
  <c r="AF75414" i="1"/>
  <c r="AF75415" i="1"/>
  <c r="AF75416" i="1"/>
  <c r="AF75417" i="1"/>
  <c r="AF75418" i="1"/>
  <c r="AF75419" i="1"/>
  <c r="AF75420" i="1"/>
  <c r="AF75421" i="1"/>
  <c r="AF75422" i="1"/>
  <c r="AF75423" i="1"/>
  <c r="AF75424" i="1"/>
  <c r="AF75425" i="1"/>
  <c r="AF75426" i="1"/>
  <c r="AF75427" i="1"/>
  <c r="AF75428" i="1"/>
  <c r="AF75429" i="1"/>
  <c r="AF75430" i="1"/>
  <c r="AF75431" i="1"/>
  <c r="AF75432" i="1"/>
  <c r="AF75433" i="1"/>
  <c r="AF75434" i="1"/>
  <c r="AF75435" i="1"/>
  <c r="AF75436" i="1"/>
  <c r="AF75437" i="1"/>
  <c r="AF75438" i="1"/>
  <c r="AF75439" i="1"/>
  <c r="AF75440" i="1"/>
  <c r="AF75441" i="1"/>
  <c r="AF75442" i="1"/>
  <c r="AF75443" i="1"/>
  <c r="AF75444" i="1"/>
  <c r="AF75445" i="1"/>
  <c r="AF75446" i="1"/>
  <c r="AF75447" i="1"/>
  <c r="AF75448" i="1"/>
  <c r="AF75449" i="1"/>
  <c r="AF75450" i="1"/>
  <c r="AF75451" i="1"/>
  <c r="AF75452" i="1"/>
  <c r="AF75453" i="1"/>
  <c r="AF75454" i="1"/>
  <c r="AF75455" i="1"/>
  <c r="AF75456" i="1"/>
  <c r="AF75457" i="1"/>
  <c r="AF75458" i="1"/>
  <c r="AF75459" i="1"/>
  <c r="AF75460" i="1"/>
  <c r="AF75461" i="1"/>
  <c r="AF75462" i="1"/>
  <c r="AF75463" i="1"/>
  <c r="AF75464" i="1"/>
  <c r="AF75465" i="1"/>
  <c r="AF75466" i="1"/>
  <c r="AF75467" i="1"/>
  <c r="AF75468" i="1"/>
  <c r="AF75469" i="1"/>
  <c r="AF75470" i="1"/>
  <c r="AF75471" i="1"/>
  <c r="AF75472" i="1"/>
  <c r="AF75473" i="1"/>
  <c r="AF75474" i="1"/>
  <c r="AF75475" i="1"/>
  <c r="AF75476" i="1"/>
  <c r="AF75477" i="1"/>
  <c r="AF75478" i="1"/>
  <c r="AF75479" i="1"/>
  <c r="AF75480" i="1"/>
  <c r="AF75481" i="1"/>
  <c r="AF75482" i="1"/>
  <c r="AF75483" i="1"/>
  <c r="AF75484" i="1"/>
  <c r="AF75485" i="1"/>
  <c r="AF75486" i="1"/>
  <c r="AF75487" i="1"/>
  <c r="AF75488" i="1"/>
  <c r="AF75489" i="1"/>
  <c r="AF75490" i="1"/>
  <c r="AF75491" i="1"/>
  <c r="AF75492" i="1"/>
  <c r="AF75493" i="1"/>
  <c r="AF75494" i="1"/>
  <c r="AF75495" i="1"/>
  <c r="AF75496" i="1"/>
  <c r="AF75497" i="1"/>
  <c r="AF75498" i="1"/>
  <c r="AF75499" i="1"/>
  <c r="AF75500" i="1"/>
  <c r="AF75501" i="1"/>
  <c r="AF75502" i="1"/>
  <c r="AF75503" i="1"/>
  <c r="AF75504" i="1"/>
  <c r="AF75505" i="1"/>
  <c r="AF75506" i="1"/>
  <c r="AF75507" i="1"/>
  <c r="AF75508" i="1"/>
  <c r="AF75509" i="1"/>
  <c r="AF75510" i="1"/>
  <c r="AF75511" i="1"/>
  <c r="AF75512" i="1"/>
  <c r="AF75513" i="1"/>
  <c r="AF75514" i="1"/>
  <c r="AF75515" i="1"/>
  <c r="AF75516" i="1"/>
  <c r="AF75517" i="1"/>
  <c r="AF75518" i="1"/>
  <c r="AF75519" i="1"/>
  <c r="AF75520" i="1"/>
  <c r="AF75521" i="1"/>
  <c r="AF75522" i="1"/>
  <c r="AF75523" i="1"/>
  <c r="AF75524" i="1"/>
  <c r="AF75525" i="1"/>
  <c r="AF75526" i="1"/>
  <c r="AF75527" i="1"/>
  <c r="AF75528" i="1"/>
  <c r="AF75529" i="1"/>
  <c r="AF75530" i="1"/>
  <c r="AF75531" i="1"/>
  <c r="AF75532" i="1"/>
  <c r="AF75533" i="1"/>
  <c r="AF75534" i="1"/>
  <c r="AF75535" i="1"/>
  <c r="AF75536" i="1"/>
  <c r="AF75537" i="1"/>
  <c r="AF75538" i="1"/>
  <c r="AF75539" i="1"/>
  <c r="AF75540" i="1"/>
  <c r="AF75541" i="1"/>
  <c r="AF75542" i="1"/>
  <c r="AF75543" i="1"/>
  <c r="AF75544" i="1"/>
  <c r="AF75545" i="1"/>
  <c r="AF75546" i="1"/>
  <c r="AF75547" i="1"/>
  <c r="AF75548" i="1"/>
  <c r="AF75549" i="1"/>
  <c r="AF75550" i="1"/>
  <c r="AF75551" i="1"/>
  <c r="AF75552" i="1"/>
  <c r="AF75553" i="1"/>
  <c r="AF75554" i="1"/>
  <c r="AF75555" i="1"/>
  <c r="AF75556" i="1"/>
  <c r="AF75557" i="1"/>
  <c r="AF75558" i="1"/>
  <c r="AF75559" i="1"/>
  <c r="AF75560" i="1"/>
  <c r="AF75561" i="1"/>
  <c r="AF75562" i="1"/>
  <c r="AF75563" i="1"/>
  <c r="AF75564" i="1"/>
  <c r="AF75565" i="1"/>
  <c r="AF75566" i="1"/>
  <c r="AF75567" i="1"/>
  <c r="AF75568" i="1"/>
  <c r="AF75569" i="1"/>
  <c r="AF75570" i="1"/>
  <c r="AF75571" i="1"/>
  <c r="AF75572" i="1"/>
  <c r="AF75573" i="1"/>
  <c r="AF75574" i="1"/>
  <c r="AF75575" i="1"/>
  <c r="AF75576" i="1"/>
  <c r="AF75577" i="1"/>
  <c r="AF75578" i="1"/>
  <c r="AF75579" i="1"/>
  <c r="AF75580" i="1"/>
  <c r="AF75581" i="1"/>
  <c r="AF75582" i="1"/>
  <c r="AF75583" i="1"/>
  <c r="AF75584" i="1"/>
  <c r="AF75585" i="1"/>
  <c r="AF75586" i="1"/>
  <c r="AF75587" i="1"/>
  <c r="AF75588" i="1"/>
  <c r="AF75589" i="1"/>
  <c r="AF75590" i="1"/>
  <c r="AF75591" i="1"/>
  <c r="AF75592" i="1"/>
  <c r="AF75593" i="1"/>
  <c r="AF75594" i="1"/>
  <c r="AF75595" i="1"/>
  <c r="AF75596" i="1"/>
  <c r="AF75597" i="1"/>
  <c r="AF75598" i="1"/>
  <c r="AF75599" i="1"/>
  <c r="AF75600" i="1"/>
  <c r="AF75601" i="1"/>
  <c r="AF75602" i="1"/>
  <c r="AF75603" i="1"/>
  <c r="AF75604" i="1"/>
  <c r="AF75605" i="1"/>
  <c r="AF75606" i="1"/>
  <c r="AF75607" i="1"/>
  <c r="AF75608" i="1"/>
  <c r="AF75609" i="1"/>
  <c r="AF75610" i="1"/>
  <c r="AF75611" i="1"/>
  <c r="AF75612" i="1"/>
  <c r="AF75613" i="1"/>
  <c r="AF75614" i="1"/>
  <c r="AF75615" i="1"/>
  <c r="AF75616" i="1"/>
  <c r="AF75617" i="1"/>
  <c r="AF75618" i="1"/>
  <c r="AF75619" i="1"/>
  <c r="AF75620" i="1"/>
  <c r="AF75621" i="1"/>
  <c r="AF75622" i="1"/>
  <c r="AF75623" i="1"/>
  <c r="AF75624" i="1"/>
  <c r="AF75625" i="1"/>
  <c r="AF75626" i="1"/>
  <c r="AF75627" i="1"/>
  <c r="AF75628" i="1"/>
  <c r="AF75629" i="1"/>
  <c r="AF75630" i="1"/>
  <c r="AF75631" i="1"/>
  <c r="AF75632" i="1"/>
  <c r="AF75633" i="1"/>
  <c r="AF75634" i="1"/>
  <c r="AF75635" i="1"/>
  <c r="AF75636" i="1"/>
  <c r="AF75637" i="1"/>
  <c r="AF75638" i="1"/>
  <c r="AF75639" i="1"/>
  <c r="AF75640" i="1"/>
  <c r="AF75641" i="1"/>
  <c r="AF75642" i="1"/>
  <c r="AF75643" i="1"/>
  <c r="AF75644" i="1"/>
  <c r="AF75645" i="1"/>
  <c r="AF75646" i="1"/>
  <c r="AF75647" i="1"/>
  <c r="AF75648" i="1"/>
  <c r="AF75649" i="1"/>
  <c r="AF75650" i="1"/>
  <c r="AF75651" i="1"/>
  <c r="AF75652" i="1"/>
  <c r="AF75653" i="1"/>
  <c r="AF75654" i="1"/>
  <c r="AF75655" i="1"/>
  <c r="AF75656" i="1"/>
  <c r="AF75657" i="1"/>
  <c r="AF75658" i="1"/>
  <c r="AF75659" i="1"/>
  <c r="AF75660" i="1"/>
  <c r="AF75661" i="1"/>
  <c r="AF75662" i="1"/>
  <c r="AF75663" i="1"/>
  <c r="AF75664" i="1"/>
  <c r="AF75665" i="1"/>
  <c r="AF75666" i="1"/>
  <c r="AF75667" i="1"/>
  <c r="AF75668" i="1"/>
  <c r="AF75669" i="1"/>
  <c r="AF75670" i="1"/>
  <c r="AF75671" i="1"/>
  <c r="AF75672" i="1"/>
  <c r="AF75673" i="1"/>
  <c r="AF75674" i="1"/>
  <c r="AF75675" i="1"/>
  <c r="AF75676" i="1"/>
  <c r="AF75677" i="1"/>
  <c r="AF75678" i="1"/>
  <c r="AF75679" i="1"/>
  <c r="AF75680" i="1"/>
  <c r="AF75681" i="1"/>
  <c r="AF75682" i="1"/>
  <c r="AF75683" i="1"/>
  <c r="AF75684" i="1"/>
  <c r="AF75685" i="1"/>
  <c r="AF75686" i="1"/>
  <c r="AF75687" i="1"/>
  <c r="AF75688" i="1"/>
  <c r="AF75689" i="1"/>
  <c r="AF75690" i="1"/>
  <c r="AF75691" i="1"/>
  <c r="AF75692" i="1"/>
  <c r="AF75693" i="1"/>
  <c r="AF75694" i="1"/>
  <c r="AF75695" i="1"/>
  <c r="AF75696" i="1"/>
  <c r="AF75697" i="1"/>
  <c r="AF75698" i="1"/>
  <c r="AF75699" i="1"/>
  <c r="AF75700" i="1"/>
  <c r="AF75701" i="1"/>
  <c r="AF75702" i="1"/>
  <c r="AF75703" i="1"/>
  <c r="AF75704" i="1"/>
  <c r="AF75705" i="1"/>
  <c r="AF75706" i="1"/>
  <c r="AF75707" i="1"/>
  <c r="AF75708" i="1"/>
  <c r="AF75709" i="1"/>
  <c r="AF75710" i="1"/>
  <c r="AF75711" i="1"/>
  <c r="AF75712" i="1"/>
  <c r="AF75713" i="1"/>
  <c r="AF75714" i="1"/>
  <c r="AF75715" i="1"/>
  <c r="AF75716" i="1"/>
  <c r="AF75717" i="1"/>
  <c r="AF75718" i="1"/>
  <c r="AF75719" i="1"/>
  <c r="AF75720" i="1"/>
  <c r="AF75721" i="1"/>
  <c r="AF75722" i="1"/>
  <c r="AF75723" i="1"/>
  <c r="AF75724" i="1"/>
  <c r="AF75725" i="1"/>
  <c r="AF75726" i="1"/>
  <c r="AF75727" i="1"/>
  <c r="AF75728" i="1"/>
  <c r="AF75729" i="1"/>
  <c r="AF75730" i="1"/>
  <c r="AF75731" i="1"/>
  <c r="AF75732" i="1"/>
  <c r="AF75733" i="1"/>
  <c r="AF75734" i="1"/>
  <c r="AF75735" i="1"/>
  <c r="AF75736" i="1"/>
  <c r="AF75737" i="1"/>
  <c r="AF75738" i="1"/>
  <c r="AF75739" i="1"/>
  <c r="AF75740" i="1"/>
  <c r="AF75741" i="1"/>
  <c r="AF75742" i="1"/>
  <c r="AF75743" i="1"/>
  <c r="AF75744" i="1"/>
  <c r="AF75745" i="1"/>
  <c r="AF75746" i="1"/>
  <c r="AF75747" i="1"/>
  <c r="AF75748" i="1"/>
  <c r="AF75749" i="1"/>
  <c r="AF75750" i="1"/>
  <c r="AF75751" i="1"/>
  <c r="AF75752" i="1"/>
  <c r="AF75753" i="1"/>
  <c r="AF75754" i="1"/>
  <c r="AF75755" i="1"/>
  <c r="AF75756" i="1"/>
  <c r="AF75757" i="1"/>
  <c r="AF75758" i="1"/>
  <c r="AF75759" i="1"/>
  <c r="AF75760" i="1"/>
  <c r="AF75761" i="1"/>
  <c r="AF75762" i="1"/>
  <c r="AF75763" i="1"/>
  <c r="AF75764" i="1"/>
  <c r="AF75765" i="1"/>
  <c r="AF75766" i="1"/>
  <c r="AF75767" i="1"/>
  <c r="AF75768" i="1"/>
  <c r="AF75769" i="1"/>
  <c r="AF75770" i="1"/>
  <c r="AF75771" i="1"/>
  <c r="AF75772" i="1"/>
  <c r="AF75773" i="1"/>
  <c r="AF75774" i="1"/>
  <c r="AF75775" i="1"/>
  <c r="AF75776" i="1"/>
  <c r="AF75777" i="1"/>
  <c r="AF75778" i="1"/>
  <c r="AF75779" i="1"/>
  <c r="AF75780" i="1"/>
  <c r="AF75781" i="1"/>
  <c r="AF75782" i="1"/>
  <c r="AF75783" i="1"/>
  <c r="AF75784" i="1"/>
  <c r="AF75785" i="1"/>
  <c r="AF75786" i="1"/>
  <c r="AF75787" i="1"/>
  <c r="AF75788" i="1"/>
  <c r="AF75789" i="1"/>
  <c r="AF75790" i="1"/>
  <c r="AF75791" i="1"/>
  <c r="AF75792" i="1"/>
  <c r="AF75793" i="1"/>
  <c r="AF75794" i="1"/>
  <c r="AF75795" i="1"/>
  <c r="AF75796" i="1"/>
  <c r="AF75797" i="1"/>
  <c r="AF75798" i="1"/>
  <c r="AF75799" i="1"/>
  <c r="AF75800" i="1"/>
  <c r="AF75801" i="1"/>
  <c r="AF75802" i="1"/>
  <c r="AF75803" i="1"/>
  <c r="AF75804" i="1"/>
  <c r="AF75805" i="1"/>
  <c r="AF75806" i="1"/>
  <c r="AF75807" i="1"/>
  <c r="AF75808" i="1"/>
  <c r="AF75809" i="1"/>
  <c r="AF75810" i="1"/>
  <c r="AF75811" i="1"/>
  <c r="AF75812" i="1"/>
  <c r="AF75813" i="1"/>
  <c r="AF75814" i="1"/>
  <c r="AF75815" i="1"/>
  <c r="AF75816" i="1"/>
  <c r="AF75817" i="1"/>
  <c r="AF75818" i="1"/>
  <c r="AF75819" i="1"/>
  <c r="AF75820" i="1"/>
  <c r="AF75821" i="1"/>
  <c r="AF75822" i="1"/>
  <c r="AF75823" i="1"/>
  <c r="AF75824" i="1"/>
  <c r="AF75825" i="1"/>
  <c r="AF75826" i="1"/>
  <c r="AF75827" i="1"/>
  <c r="AF75828" i="1"/>
  <c r="AF75829" i="1"/>
  <c r="AF75830" i="1"/>
  <c r="AF75831" i="1"/>
  <c r="AF75832" i="1"/>
  <c r="AF75833" i="1"/>
  <c r="AF75834" i="1"/>
  <c r="AF75835" i="1"/>
  <c r="AF75836" i="1"/>
  <c r="AF75837" i="1"/>
  <c r="AF75838" i="1"/>
  <c r="AF75839" i="1"/>
  <c r="AF75840" i="1"/>
  <c r="AF75841" i="1"/>
  <c r="AF75842" i="1"/>
  <c r="AF75843" i="1"/>
  <c r="AF75844" i="1"/>
  <c r="AF75845" i="1"/>
  <c r="AF75846" i="1"/>
  <c r="AF75847" i="1"/>
  <c r="AF75848" i="1"/>
  <c r="AF75849" i="1"/>
  <c r="AF75850" i="1"/>
  <c r="AF75851" i="1"/>
  <c r="AF75852" i="1"/>
  <c r="AF75853" i="1"/>
  <c r="AF75854" i="1"/>
  <c r="AF75855" i="1"/>
  <c r="AF75856" i="1"/>
  <c r="AF75857" i="1"/>
  <c r="AF75858" i="1"/>
  <c r="AF75859" i="1"/>
  <c r="AF75860" i="1"/>
  <c r="AF75861" i="1"/>
  <c r="AF75862" i="1"/>
  <c r="AF75863" i="1"/>
  <c r="AF75864" i="1"/>
  <c r="AF75865" i="1"/>
  <c r="AF75866" i="1"/>
  <c r="AF75867" i="1"/>
  <c r="AF75868" i="1"/>
  <c r="AF75869" i="1"/>
  <c r="AF75870" i="1"/>
  <c r="AF75871" i="1"/>
  <c r="AF75872" i="1"/>
  <c r="AF75873" i="1"/>
  <c r="AF75874" i="1"/>
  <c r="AF75875" i="1"/>
  <c r="AF75876" i="1"/>
  <c r="AF75877" i="1"/>
  <c r="AF75878" i="1"/>
  <c r="AF75879" i="1"/>
  <c r="AF75880" i="1"/>
  <c r="AF75881" i="1"/>
  <c r="AF75882" i="1"/>
  <c r="AF75883" i="1"/>
  <c r="AF75884" i="1"/>
  <c r="AF75885" i="1"/>
  <c r="AF75886" i="1"/>
  <c r="AF75887" i="1"/>
  <c r="AF75888" i="1"/>
  <c r="AF75889" i="1"/>
  <c r="AF75890" i="1"/>
  <c r="AF75891" i="1"/>
  <c r="AF75892" i="1"/>
  <c r="AF75893" i="1"/>
  <c r="AF75894" i="1"/>
  <c r="AF75895" i="1"/>
  <c r="AF75896" i="1"/>
  <c r="AF75897" i="1"/>
  <c r="AF75898" i="1"/>
  <c r="AF75899" i="1"/>
  <c r="AF75900" i="1"/>
  <c r="AF75901" i="1"/>
  <c r="AF75902" i="1"/>
  <c r="AF75903" i="1"/>
  <c r="AF75904" i="1"/>
  <c r="AF75905" i="1"/>
  <c r="AF75906" i="1"/>
  <c r="AF75907" i="1"/>
  <c r="AF75908" i="1"/>
  <c r="AF75909" i="1"/>
  <c r="AF75910" i="1"/>
  <c r="AF75911" i="1"/>
  <c r="AF75912" i="1"/>
  <c r="AF75913" i="1"/>
  <c r="AF75914" i="1"/>
  <c r="AF75915" i="1"/>
  <c r="AF75916" i="1"/>
  <c r="AF75917" i="1"/>
  <c r="AF75918" i="1"/>
  <c r="AF75919" i="1"/>
  <c r="AF75920" i="1"/>
  <c r="AF75921" i="1"/>
  <c r="AF75922" i="1"/>
  <c r="AF75923" i="1"/>
  <c r="AF75924" i="1"/>
  <c r="AF75925" i="1"/>
  <c r="AF75926" i="1"/>
  <c r="AF75927" i="1"/>
  <c r="AF75928" i="1"/>
  <c r="AF75929" i="1"/>
  <c r="AF75930" i="1"/>
  <c r="AF75931" i="1"/>
  <c r="AF75932" i="1"/>
  <c r="AF75933" i="1"/>
  <c r="AF75934" i="1"/>
  <c r="AF75935" i="1"/>
  <c r="AF75936" i="1"/>
  <c r="AF75937" i="1"/>
  <c r="AF75938" i="1"/>
  <c r="AF75939" i="1"/>
  <c r="AF75940" i="1"/>
  <c r="AF75941" i="1"/>
  <c r="AF75942" i="1"/>
  <c r="AF75943" i="1"/>
  <c r="AF75944" i="1"/>
  <c r="AF75945" i="1"/>
  <c r="AF75946" i="1"/>
  <c r="AF75947" i="1"/>
  <c r="AF75948" i="1"/>
  <c r="AF75949" i="1"/>
  <c r="AF75950" i="1"/>
  <c r="AF75951" i="1"/>
  <c r="AF75952" i="1"/>
  <c r="AF75953" i="1"/>
  <c r="AF75954" i="1"/>
  <c r="AF75955" i="1"/>
  <c r="AF75956" i="1"/>
  <c r="AF75957" i="1"/>
  <c r="AF75958" i="1"/>
  <c r="AF75959" i="1"/>
  <c r="AF75960" i="1"/>
  <c r="AF75961" i="1"/>
  <c r="AF75962" i="1"/>
  <c r="AF75963" i="1"/>
  <c r="AF75964" i="1"/>
  <c r="AF75965" i="1"/>
  <c r="AF75966" i="1"/>
  <c r="AF75967" i="1"/>
  <c r="AF75968" i="1"/>
  <c r="AF75969" i="1"/>
  <c r="AF75970" i="1"/>
  <c r="AF75971" i="1"/>
  <c r="AF75972" i="1"/>
  <c r="AF75973" i="1"/>
  <c r="AF75974" i="1"/>
  <c r="AF75975" i="1"/>
  <c r="AF75976" i="1"/>
  <c r="AF75977" i="1"/>
  <c r="AF75978" i="1"/>
  <c r="AF75979" i="1"/>
  <c r="AF75980" i="1"/>
  <c r="AF75981" i="1"/>
  <c r="AF75982" i="1"/>
  <c r="AF75983" i="1"/>
  <c r="AF75984" i="1"/>
  <c r="AF75985" i="1"/>
  <c r="AF75986" i="1"/>
  <c r="AF75987" i="1"/>
  <c r="AF75988" i="1"/>
  <c r="AF75989" i="1"/>
  <c r="AF75990" i="1"/>
  <c r="AF75991" i="1"/>
  <c r="AF75992" i="1"/>
  <c r="AF75993" i="1"/>
  <c r="AF75994" i="1"/>
  <c r="AF75995" i="1"/>
  <c r="AF75996" i="1"/>
  <c r="AF75997" i="1"/>
  <c r="AF75998" i="1"/>
  <c r="AF75999" i="1"/>
  <c r="AF76000" i="1"/>
  <c r="AF76001" i="1"/>
  <c r="AF76002" i="1"/>
  <c r="AF76003" i="1"/>
  <c r="AF76004" i="1"/>
  <c r="AF76005" i="1"/>
  <c r="AF76006" i="1"/>
  <c r="AF76007" i="1"/>
  <c r="AF76008" i="1"/>
  <c r="AF76009" i="1"/>
  <c r="AF76010" i="1"/>
  <c r="AF76011" i="1"/>
  <c r="AF76012" i="1"/>
  <c r="AF76013" i="1"/>
  <c r="AF76014" i="1"/>
  <c r="AF76015" i="1"/>
  <c r="AF76016" i="1"/>
  <c r="AF76017" i="1"/>
  <c r="AF76018" i="1"/>
  <c r="AF76019" i="1"/>
  <c r="AF76020" i="1"/>
  <c r="AF76021" i="1"/>
  <c r="AF76022" i="1"/>
  <c r="AF76023" i="1"/>
  <c r="AF76024" i="1"/>
  <c r="AF76025" i="1"/>
  <c r="AF76026" i="1"/>
  <c r="AF76027" i="1"/>
  <c r="AF76028" i="1"/>
  <c r="AF76029" i="1"/>
  <c r="AF76030" i="1"/>
  <c r="AF76031" i="1"/>
  <c r="AF76032" i="1"/>
  <c r="AF76033" i="1"/>
  <c r="AF76034" i="1"/>
  <c r="AF76035" i="1"/>
  <c r="AF76036" i="1"/>
  <c r="AF76037" i="1"/>
  <c r="AF76038" i="1"/>
  <c r="AF76039" i="1"/>
  <c r="AF76040" i="1"/>
  <c r="AF76041" i="1"/>
  <c r="AF76042" i="1"/>
  <c r="AF76043" i="1"/>
  <c r="AF76044" i="1"/>
  <c r="AF76045" i="1"/>
  <c r="AF76046" i="1"/>
  <c r="AF76047" i="1"/>
  <c r="AF76048" i="1"/>
  <c r="AF76049" i="1"/>
  <c r="AF76050" i="1"/>
  <c r="AF76051" i="1"/>
  <c r="AF76052" i="1"/>
  <c r="AF76053" i="1"/>
  <c r="AF76054" i="1"/>
  <c r="AF76055" i="1"/>
  <c r="AF76056" i="1"/>
  <c r="AF76057" i="1"/>
  <c r="AF76058" i="1"/>
  <c r="AF76059" i="1"/>
  <c r="AF76060" i="1"/>
  <c r="AF76061" i="1"/>
  <c r="AF76062" i="1"/>
  <c r="AF76063" i="1"/>
  <c r="AF76064" i="1"/>
  <c r="AF76065" i="1"/>
  <c r="AF76066" i="1"/>
  <c r="AF76067" i="1"/>
  <c r="AF76068" i="1"/>
  <c r="AF76069" i="1"/>
  <c r="AF76070" i="1"/>
  <c r="AF76071" i="1"/>
  <c r="AF76072" i="1"/>
  <c r="AF76073" i="1"/>
  <c r="AF76074" i="1"/>
  <c r="AF76075" i="1"/>
  <c r="AF76076" i="1"/>
  <c r="AF76077" i="1"/>
  <c r="AF76078" i="1"/>
  <c r="AF76079" i="1"/>
  <c r="AF76080" i="1"/>
  <c r="AF76081" i="1"/>
  <c r="AF76082" i="1"/>
  <c r="AF76083" i="1"/>
  <c r="AF76084" i="1"/>
  <c r="AF76085" i="1"/>
  <c r="AF76086" i="1"/>
  <c r="AF76087" i="1"/>
  <c r="AF76088" i="1"/>
  <c r="AF76089" i="1"/>
  <c r="AF76090" i="1"/>
  <c r="AF76091" i="1"/>
  <c r="AF76092" i="1"/>
  <c r="AF76093" i="1"/>
  <c r="AF76094" i="1"/>
  <c r="AF76095" i="1"/>
  <c r="AF76096" i="1"/>
  <c r="AF76097" i="1"/>
  <c r="AF76098" i="1"/>
  <c r="AF76099" i="1"/>
  <c r="AF76100" i="1"/>
  <c r="AF76101" i="1"/>
  <c r="AF76102" i="1"/>
  <c r="AF76103" i="1"/>
  <c r="AF76104" i="1"/>
  <c r="AF76105" i="1"/>
  <c r="AF76106" i="1"/>
  <c r="AF76107" i="1"/>
  <c r="AF76108" i="1"/>
  <c r="AF76109" i="1"/>
  <c r="AF76110" i="1"/>
  <c r="AF76111" i="1"/>
  <c r="AF76112" i="1"/>
  <c r="AF76113" i="1"/>
  <c r="AF76114" i="1"/>
  <c r="AF76115" i="1"/>
  <c r="AF76116" i="1"/>
  <c r="AF76117" i="1"/>
  <c r="AF76118" i="1"/>
  <c r="AF76119" i="1"/>
  <c r="AF76120" i="1"/>
  <c r="AF76121" i="1"/>
  <c r="AF76122" i="1"/>
  <c r="AF76123" i="1"/>
  <c r="AF76124" i="1"/>
  <c r="AF76125" i="1"/>
  <c r="AF76126" i="1"/>
  <c r="AF76127" i="1"/>
  <c r="AF76128" i="1"/>
  <c r="AF76129" i="1"/>
  <c r="AF76130" i="1"/>
  <c r="AF76131" i="1"/>
  <c r="AF76132" i="1"/>
  <c r="AF76133" i="1"/>
  <c r="AF76134" i="1"/>
  <c r="AF76135" i="1"/>
  <c r="AF76136" i="1"/>
  <c r="AF76137" i="1"/>
  <c r="AF76138" i="1"/>
  <c r="AF76139" i="1"/>
  <c r="AF76140" i="1"/>
  <c r="AF76141" i="1"/>
  <c r="AF76142" i="1"/>
  <c r="AF76143" i="1"/>
  <c r="AF76144" i="1"/>
  <c r="AF76145" i="1"/>
  <c r="AF76146" i="1"/>
  <c r="AF76147" i="1"/>
  <c r="AF76148" i="1"/>
  <c r="AF76149" i="1"/>
  <c r="AF76150" i="1"/>
  <c r="AF76151" i="1"/>
  <c r="AF76152" i="1"/>
  <c r="AF76153" i="1"/>
  <c r="AF76154" i="1"/>
  <c r="AF76155" i="1"/>
  <c r="AF76156" i="1"/>
  <c r="AF76157" i="1"/>
  <c r="AF76158" i="1"/>
  <c r="AF76159" i="1"/>
  <c r="AF76160" i="1"/>
  <c r="AF76161" i="1"/>
  <c r="AF76162" i="1"/>
  <c r="AF76163" i="1"/>
  <c r="AF76164" i="1"/>
  <c r="AF76165" i="1"/>
  <c r="AF76166" i="1"/>
  <c r="AF76167" i="1"/>
  <c r="AF76168" i="1"/>
  <c r="AF76169" i="1"/>
  <c r="AF76170" i="1"/>
  <c r="AF76171" i="1"/>
  <c r="AF76172" i="1"/>
  <c r="AF76173" i="1"/>
  <c r="AF76174" i="1"/>
  <c r="AF76175" i="1"/>
  <c r="AF76176" i="1"/>
  <c r="AF76177" i="1"/>
  <c r="AF76178" i="1"/>
  <c r="AF76179" i="1"/>
  <c r="AF76180" i="1"/>
  <c r="AF76181" i="1"/>
  <c r="AF76182" i="1"/>
  <c r="AF76183" i="1"/>
  <c r="AF76184" i="1"/>
  <c r="AF76185" i="1"/>
  <c r="AF76186" i="1"/>
  <c r="AF76187" i="1"/>
  <c r="AF76188" i="1"/>
  <c r="AF76189" i="1"/>
  <c r="AF76190" i="1"/>
  <c r="AF76191" i="1"/>
  <c r="AF76192" i="1"/>
  <c r="AF76193" i="1"/>
  <c r="AF76194" i="1"/>
  <c r="AF76195" i="1"/>
  <c r="AF76196" i="1"/>
  <c r="AF76197" i="1"/>
  <c r="AF76198" i="1"/>
  <c r="AF76199" i="1"/>
  <c r="AF76200" i="1"/>
  <c r="AF76201" i="1"/>
  <c r="AF76202" i="1"/>
  <c r="AF76203" i="1"/>
  <c r="AF76204" i="1"/>
  <c r="AF76205" i="1"/>
  <c r="AF76206" i="1"/>
  <c r="AF76207" i="1"/>
  <c r="AF76208" i="1"/>
  <c r="AF76209" i="1"/>
  <c r="AF76210" i="1"/>
  <c r="AF76211" i="1"/>
  <c r="AF76212" i="1"/>
  <c r="AF76213" i="1"/>
  <c r="AF76214" i="1"/>
  <c r="AF76215" i="1"/>
  <c r="AF76216" i="1"/>
  <c r="AF76217" i="1"/>
  <c r="AF76218" i="1"/>
  <c r="AF76219" i="1"/>
  <c r="AF76220" i="1"/>
  <c r="AF76221" i="1"/>
  <c r="AF76222" i="1"/>
  <c r="AF76223" i="1"/>
  <c r="AF76224" i="1"/>
  <c r="AF76225" i="1"/>
  <c r="AF76226" i="1"/>
  <c r="AF76227" i="1"/>
  <c r="AF76228" i="1"/>
  <c r="AF76229" i="1"/>
  <c r="AF76230" i="1"/>
  <c r="AF76231" i="1"/>
  <c r="AF76232" i="1"/>
  <c r="AF76233" i="1"/>
  <c r="AF76234" i="1"/>
  <c r="AF76235" i="1"/>
  <c r="AF76236" i="1"/>
  <c r="AF76237" i="1"/>
  <c r="AF76238" i="1"/>
  <c r="AF76239" i="1"/>
  <c r="AF76240" i="1"/>
  <c r="AF76241" i="1"/>
  <c r="AF76242" i="1"/>
  <c r="AF76243" i="1"/>
  <c r="AF76244" i="1"/>
  <c r="AF76245" i="1"/>
  <c r="AF76246" i="1"/>
  <c r="AF76247" i="1"/>
  <c r="AF76248" i="1"/>
  <c r="AF76249" i="1"/>
  <c r="AF76250" i="1"/>
  <c r="AF76251" i="1"/>
  <c r="AF76252" i="1"/>
  <c r="AF76253" i="1"/>
  <c r="AF76254" i="1"/>
  <c r="AF76255" i="1"/>
  <c r="AF76256" i="1"/>
  <c r="AF76257" i="1"/>
  <c r="AF76258" i="1"/>
  <c r="AF76259" i="1"/>
  <c r="AF76260" i="1"/>
  <c r="AF76261" i="1"/>
  <c r="AF76262" i="1"/>
  <c r="AF76263" i="1"/>
  <c r="AF76264" i="1"/>
  <c r="AF76265" i="1"/>
  <c r="AF76266" i="1"/>
  <c r="AF76267" i="1"/>
  <c r="AF76268" i="1"/>
  <c r="AF76269" i="1"/>
  <c r="AF76270" i="1"/>
  <c r="AF76271" i="1"/>
  <c r="AF76272" i="1"/>
  <c r="AF76273" i="1"/>
  <c r="AF76274" i="1"/>
  <c r="AF76275" i="1"/>
  <c r="AF76276" i="1"/>
  <c r="AF76277" i="1"/>
  <c r="AF76278" i="1"/>
  <c r="AF76279" i="1"/>
  <c r="AF76280" i="1"/>
  <c r="AF76281" i="1"/>
  <c r="AF76282" i="1"/>
  <c r="AF76283" i="1"/>
  <c r="AF76284" i="1"/>
  <c r="AF76285" i="1"/>
  <c r="AF76286" i="1"/>
  <c r="AF76287" i="1"/>
  <c r="AF76288" i="1"/>
  <c r="AF76289" i="1"/>
  <c r="AF76290" i="1"/>
  <c r="AF76291" i="1"/>
  <c r="AF76292" i="1"/>
  <c r="AF76293" i="1"/>
  <c r="AF76294" i="1"/>
  <c r="AF76295" i="1"/>
  <c r="AF76296" i="1"/>
  <c r="AF76297" i="1"/>
  <c r="AF76298" i="1"/>
  <c r="AF76299" i="1"/>
  <c r="AF76300" i="1"/>
  <c r="AF76301" i="1"/>
  <c r="AF76302" i="1"/>
  <c r="AF76303" i="1"/>
  <c r="AF76304" i="1"/>
  <c r="AF76305" i="1"/>
  <c r="AF76306" i="1"/>
  <c r="AF76307" i="1"/>
  <c r="AF76308" i="1"/>
  <c r="AF76309" i="1"/>
  <c r="AF76310" i="1"/>
  <c r="AF76311" i="1"/>
  <c r="AF76312" i="1"/>
  <c r="AF76313" i="1"/>
  <c r="AF76314" i="1"/>
  <c r="AF76315" i="1"/>
  <c r="AF76316" i="1"/>
  <c r="AF76317" i="1"/>
  <c r="AF76318" i="1"/>
  <c r="AF76319" i="1"/>
  <c r="AF76320" i="1"/>
  <c r="AF76321" i="1"/>
  <c r="AF76322" i="1"/>
  <c r="AF76323" i="1"/>
  <c r="AF76324" i="1"/>
  <c r="AF76325" i="1"/>
  <c r="AF76326" i="1"/>
  <c r="AF76327" i="1"/>
  <c r="AF76328" i="1"/>
  <c r="AF76329" i="1"/>
  <c r="AF76330" i="1"/>
  <c r="AF76331" i="1"/>
  <c r="AF76332" i="1"/>
  <c r="AF76333" i="1"/>
  <c r="AF76334" i="1"/>
  <c r="AF76335" i="1"/>
  <c r="AF76336" i="1"/>
  <c r="AF76337" i="1"/>
  <c r="AF76338" i="1"/>
  <c r="AF76339" i="1"/>
  <c r="AF76340" i="1"/>
  <c r="AF76341" i="1"/>
  <c r="AF76342" i="1"/>
  <c r="AF76343" i="1"/>
  <c r="AF76344" i="1"/>
  <c r="AF76345" i="1"/>
  <c r="AF76346" i="1"/>
  <c r="AF76347" i="1"/>
  <c r="AF76348" i="1"/>
  <c r="AF76349" i="1"/>
  <c r="AF76350" i="1"/>
  <c r="AF76351" i="1"/>
  <c r="AF76352" i="1"/>
  <c r="AF76353" i="1"/>
  <c r="AF76354" i="1"/>
  <c r="AF76355" i="1"/>
  <c r="AF76356" i="1"/>
  <c r="AF76357" i="1"/>
  <c r="AF76358" i="1"/>
  <c r="AF76359" i="1"/>
  <c r="AF76360" i="1"/>
  <c r="AF76361" i="1"/>
  <c r="AF76362" i="1"/>
  <c r="AF76363" i="1"/>
  <c r="AF76364" i="1"/>
  <c r="AF76365" i="1"/>
  <c r="AF76366" i="1"/>
  <c r="AF76367" i="1"/>
  <c r="AF76368" i="1"/>
  <c r="AF76369" i="1"/>
  <c r="AF76370" i="1"/>
  <c r="AF76371" i="1"/>
  <c r="AF76372" i="1"/>
  <c r="AF76373" i="1"/>
  <c r="AF76374" i="1"/>
  <c r="AF76375" i="1"/>
  <c r="AF76376" i="1"/>
  <c r="AF76377" i="1"/>
  <c r="AF76378" i="1"/>
  <c r="AF76379" i="1"/>
  <c r="AF76380" i="1"/>
  <c r="AF76381" i="1"/>
  <c r="AF76382" i="1"/>
  <c r="AF76383" i="1"/>
  <c r="AF76384" i="1"/>
  <c r="AF76385" i="1"/>
  <c r="AF76386" i="1"/>
  <c r="AF76387" i="1"/>
  <c r="AF76388" i="1"/>
  <c r="AF76389" i="1"/>
  <c r="AF76390" i="1"/>
  <c r="AF76391" i="1"/>
  <c r="AF76392" i="1"/>
  <c r="AF76393" i="1"/>
  <c r="AF76394" i="1"/>
  <c r="AF76395" i="1"/>
  <c r="AF76396" i="1"/>
  <c r="AF76397" i="1"/>
  <c r="AF76398" i="1"/>
  <c r="AF76399" i="1"/>
  <c r="AF76400" i="1"/>
  <c r="AF76401" i="1"/>
  <c r="AF76402" i="1"/>
  <c r="AF76403" i="1"/>
  <c r="AF76404" i="1"/>
  <c r="AF76405" i="1"/>
  <c r="AF76406" i="1"/>
  <c r="AF76407" i="1"/>
  <c r="AF76408" i="1"/>
  <c r="AF76409" i="1"/>
  <c r="AF76410" i="1"/>
  <c r="AF76411" i="1"/>
  <c r="AF76412" i="1"/>
  <c r="AF76413" i="1"/>
  <c r="AF76414" i="1"/>
  <c r="AF76415" i="1"/>
  <c r="AF76416" i="1"/>
  <c r="AF76417" i="1"/>
  <c r="AF76418" i="1"/>
  <c r="AF76419" i="1"/>
  <c r="AF76420" i="1"/>
  <c r="AF76421" i="1"/>
  <c r="AF76422" i="1"/>
  <c r="AF76423" i="1"/>
  <c r="AF76424" i="1"/>
  <c r="AF76425" i="1"/>
  <c r="AF76426" i="1"/>
  <c r="AF76427" i="1"/>
  <c r="AF76428" i="1"/>
  <c r="AF76429" i="1"/>
  <c r="AF76430" i="1"/>
  <c r="AF76431" i="1"/>
  <c r="AF76432" i="1"/>
  <c r="AF76433" i="1"/>
  <c r="AF76434" i="1"/>
  <c r="AF76435" i="1"/>
  <c r="AF76436" i="1"/>
  <c r="AF76437" i="1"/>
  <c r="AF76438" i="1"/>
  <c r="AF76439" i="1"/>
  <c r="AF76440" i="1"/>
  <c r="AF76441" i="1"/>
  <c r="AF76442" i="1"/>
  <c r="AF76443" i="1"/>
  <c r="AF76444" i="1"/>
  <c r="AF76445" i="1"/>
  <c r="AF76446" i="1"/>
  <c r="AF76447" i="1"/>
  <c r="AF76448" i="1"/>
  <c r="AF76449" i="1"/>
  <c r="AF76450" i="1"/>
  <c r="AF76451" i="1"/>
  <c r="AF76452" i="1"/>
  <c r="AF76453" i="1"/>
  <c r="AF76454" i="1"/>
  <c r="AF76455" i="1"/>
  <c r="AF76456" i="1"/>
  <c r="AF76457" i="1"/>
  <c r="AF76458" i="1"/>
  <c r="AF76459" i="1"/>
  <c r="AF76460" i="1"/>
  <c r="AF76461" i="1"/>
  <c r="AF76462" i="1"/>
  <c r="AF76463" i="1"/>
  <c r="AF76464" i="1"/>
  <c r="AF76465" i="1"/>
  <c r="AF76466" i="1"/>
  <c r="AF76467" i="1"/>
  <c r="AF76468" i="1"/>
  <c r="AF76469" i="1"/>
  <c r="AF76470" i="1"/>
  <c r="AF76471" i="1"/>
  <c r="AF76472" i="1"/>
  <c r="AF76473" i="1"/>
  <c r="AF76474" i="1"/>
  <c r="AF76475" i="1"/>
  <c r="AF76476" i="1"/>
  <c r="AF76477" i="1"/>
  <c r="AF76478" i="1"/>
  <c r="AF76479" i="1"/>
  <c r="AF76480" i="1"/>
  <c r="AF76481" i="1"/>
  <c r="AF76482" i="1"/>
  <c r="AF76483" i="1"/>
  <c r="AF76484" i="1"/>
  <c r="AF76485" i="1"/>
  <c r="AF76486" i="1"/>
  <c r="AF76487" i="1"/>
  <c r="AF76488" i="1"/>
  <c r="AF76489" i="1"/>
  <c r="AF76490" i="1"/>
  <c r="AF76491" i="1"/>
  <c r="AF76492" i="1"/>
  <c r="AF76493" i="1"/>
  <c r="AF76494" i="1"/>
  <c r="AF76495" i="1"/>
  <c r="AF76496" i="1"/>
  <c r="AF76497" i="1"/>
  <c r="AF76498" i="1"/>
  <c r="AF76499" i="1"/>
  <c r="AF76500" i="1"/>
  <c r="AF76501" i="1"/>
  <c r="AF76502" i="1"/>
  <c r="AF76503" i="1"/>
  <c r="AF76504" i="1"/>
  <c r="AF76505" i="1"/>
  <c r="AF76506" i="1"/>
  <c r="AF76507" i="1"/>
  <c r="AF76508" i="1"/>
  <c r="AF76509" i="1"/>
  <c r="AF76510" i="1"/>
  <c r="AF76511" i="1"/>
  <c r="AF76512" i="1"/>
  <c r="AF76513" i="1"/>
  <c r="AF76514" i="1"/>
  <c r="AF76515" i="1"/>
  <c r="AF76516" i="1"/>
  <c r="AF76517" i="1"/>
  <c r="AF76518" i="1"/>
  <c r="AF76519" i="1"/>
  <c r="AF76520" i="1"/>
  <c r="AF76521" i="1"/>
  <c r="AF76522" i="1"/>
  <c r="AF76523" i="1"/>
  <c r="AF76524" i="1"/>
  <c r="AF76525" i="1"/>
  <c r="AF76526" i="1"/>
  <c r="AF76527" i="1"/>
  <c r="AF76528" i="1"/>
  <c r="AF76529" i="1"/>
  <c r="AF76530" i="1"/>
  <c r="AF76531" i="1"/>
  <c r="AF76532" i="1"/>
  <c r="AF76533" i="1"/>
  <c r="AF76534" i="1"/>
  <c r="AF76535" i="1"/>
  <c r="AF76536" i="1"/>
  <c r="AF76537" i="1"/>
  <c r="AF76538" i="1"/>
  <c r="AF76539" i="1"/>
  <c r="AF76540" i="1"/>
  <c r="AF76541" i="1"/>
  <c r="AF76542" i="1"/>
  <c r="AF76543" i="1"/>
  <c r="AF76544" i="1"/>
  <c r="AF76545" i="1"/>
  <c r="AF76546" i="1"/>
  <c r="AF76547" i="1"/>
  <c r="AF76548" i="1"/>
  <c r="AF76549" i="1"/>
  <c r="AF76550" i="1"/>
  <c r="AF76551" i="1"/>
  <c r="AF76552" i="1"/>
  <c r="AF76553" i="1"/>
  <c r="AF76554" i="1"/>
  <c r="AF76555" i="1"/>
  <c r="AF76556" i="1"/>
  <c r="AF76557" i="1"/>
  <c r="AF76558" i="1"/>
  <c r="AF76559" i="1"/>
  <c r="AF76560" i="1"/>
  <c r="AF76561" i="1"/>
  <c r="AF76562" i="1"/>
  <c r="AF76563" i="1"/>
  <c r="AF76564" i="1"/>
  <c r="AF76565" i="1"/>
  <c r="AF76566" i="1"/>
  <c r="AF76567" i="1"/>
  <c r="AF76568" i="1"/>
  <c r="AF76569" i="1"/>
  <c r="AF76570" i="1"/>
  <c r="AF76571" i="1"/>
  <c r="AF76572" i="1"/>
  <c r="AF76573" i="1"/>
  <c r="AF76574" i="1"/>
  <c r="AF76575" i="1"/>
  <c r="AF76576" i="1"/>
  <c r="AF76577" i="1"/>
  <c r="AF76578" i="1"/>
  <c r="AF76579" i="1"/>
  <c r="AF76580" i="1"/>
  <c r="AF76581" i="1"/>
  <c r="AF76582" i="1"/>
  <c r="AF76583" i="1"/>
  <c r="AF76584" i="1"/>
  <c r="AF76585" i="1"/>
  <c r="AF76586" i="1"/>
  <c r="AF76587" i="1"/>
  <c r="AF76588" i="1"/>
  <c r="AF76589" i="1"/>
  <c r="AF76590" i="1"/>
  <c r="AF76591" i="1"/>
  <c r="AF76592" i="1"/>
  <c r="AF76593" i="1"/>
  <c r="AF76594" i="1"/>
  <c r="AF76595" i="1"/>
  <c r="AF76596" i="1"/>
  <c r="AF76597" i="1"/>
  <c r="AF76598" i="1"/>
  <c r="AF76599" i="1"/>
  <c r="AF76600" i="1"/>
  <c r="AF76601" i="1"/>
  <c r="AF76602" i="1"/>
  <c r="AF76603" i="1"/>
  <c r="AF76604" i="1"/>
  <c r="AF76605" i="1"/>
  <c r="AF76606" i="1"/>
  <c r="AF76607" i="1"/>
  <c r="AF76608" i="1"/>
  <c r="AF76609" i="1"/>
  <c r="AF76610" i="1"/>
  <c r="AF76611" i="1"/>
  <c r="AF76612" i="1"/>
  <c r="AF76613" i="1"/>
  <c r="AF76614" i="1"/>
  <c r="AF76615" i="1"/>
  <c r="AF76616" i="1"/>
  <c r="AF76617" i="1"/>
  <c r="AF76618" i="1"/>
  <c r="AF76619" i="1"/>
  <c r="AF76620" i="1"/>
  <c r="AF76621" i="1"/>
  <c r="AF76622" i="1"/>
  <c r="AF76623" i="1"/>
  <c r="AF76624" i="1"/>
  <c r="AF76625" i="1"/>
  <c r="AF76626" i="1"/>
  <c r="AF76627" i="1"/>
  <c r="AF76628" i="1"/>
  <c r="AF76629" i="1"/>
  <c r="AF76630" i="1"/>
  <c r="AF76631" i="1"/>
  <c r="AF76632" i="1"/>
  <c r="AF76633" i="1"/>
  <c r="AF76634" i="1"/>
  <c r="AF76635" i="1"/>
  <c r="AF76636" i="1"/>
  <c r="AF76637" i="1"/>
  <c r="AF76638" i="1"/>
  <c r="AF76639" i="1"/>
  <c r="AF76640" i="1"/>
  <c r="AF76641" i="1"/>
  <c r="AF76642" i="1"/>
  <c r="AF76643" i="1"/>
  <c r="AF76644" i="1"/>
  <c r="AF76645" i="1"/>
  <c r="AF76646" i="1"/>
  <c r="AF76647" i="1"/>
  <c r="AF76648" i="1"/>
  <c r="AF76649" i="1"/>
  <c r="AF76650" i="1"/>
  <c r="AF76651" i="1"/>
  <c r="AF76652" i="1"/>
  <c r="AF76653" i="1"/>
  <c r="AF76654" i="1"/>
  <c r="AF76655" i="1"/>
  <c r="AF76656" i="1"/>
  <c r="AF76657" i="1"/>
  <c r="AF76658" i="1"/>
  <c r="AF76659" i="1"/>
  <c r="AF76660" i="1"/>
  <c r="AF76661" i="1"/>
  <c r="AF76662" i="1"/>
  <c r="AF76663" i="1"/>
  <c r="AF76664" i="1"/>
  <c r="AF76665" i="1"/>
  <c r="AF76666" i="1"/>
  <c r="AF76667" i="1"/>
  <c r="AF76668" i="1"/>
  <c r="AF76669" i="1"/>
  <c r="AF76670" i="1"/>
  <c r="AF76671" i="1"/>
  <c r="AF76672" i="1"/>
  <c r="AF76673" i="1"/>
  <c r="AF76674" i="1"/>
  <c r="AF76675" i="1"/>
  <c r="AF76676" i="1"/>
  <c r="AF76677" i="1"/>
  <c r="AF76678" i="1"/>
  <c r="AF76679" i="1"/>
  <c r="AF76680" i="1"/>
  <c r="AF76681" i="1"/>
  <c r="AF76682" i="1"/>
  <c r="AF76683" i="1"/>
  <c r="AF76684" i="1"/>
  <c r="AF76685" i="1"/>
  <c r="AF76686" i="1"/>
  <c r="AF76687" i="1"/>
  <c r="AF76688" i="1"/>
  <c r="AF76689" i="1"/>
  <c r="AF76690" i="1"/>
  <c r="AF76691" i="1"/>
  <c r="AF76692" i="1"/>
  <c r="AF76693" i="1"/>
  <c r="AF76694" i="1"/>
  <c r="AF76695" i="1"/>
  <c r="AF76696" i="1"/>
  <c r="AF76697" i="1"/>
  <c r="AF76698" i="1"/>
  <c r="AF76699" i="1"/>
  <c r="AF76700" i="1"/>
  <c r="AF76701" i="1"/>
  <c r="AF76702" i="1"/>
  <c r="AF76703" i="1"/>
  <c r="AF76704" i="1"/>
  <c r="AF76705" i="1"/>
  <c r="AF76706" i="1"/>
  <c r="AF76707" i="1"/>
  <c r="AF76708" i="1"/>
  <c r="AF76709" i="1"/>
  <c r="AF76710" i="1"/>
  <c r="AF76711" i="1"/>
  <c r="AF76712" i="1"/>
  <c r="AF76713" i="1"/>
  <c r="AF76714" i="1"/>
  <c r="AF76715" i="1"/>
  <c r="AF76716" i="1"/>
  <c r="AF76717" i="1"/>
  <c r="AF76718" i="1"/>
  <c r="AF76719" i="1"/>
  <c r="AF76720" i="1"/>
  <c r="AF76721" i="1"/>
  <c r="AF76722" i="1"/>
  <c r="AF76723" i="1"/>
  <c r="AF76724" i="1"/>
  <c r="AF76725" i="1"/>
  <c r="AF76726" i="1"/>
  <c r="AF76727" i="1"/>
  <c r="AF76728" i="1"/>
  <c r="AF76729" i="1"/>
  <c r="AF76730" i="1"/>
  <c r="AF76731" i="1"/>
  <c r="AF76732" i="1"/>
  <c r="AF76733" i="1"/>
  <c r="AF76734" i="1"/>
  <c r="AF76735" i="1"/>
  <c r="AF76736" i="1"/>
  <c r="AF76737" i="1"/>
  <c r="AF76738" i="1"/>
  <c r="AF76739" i="1"/>
  <c r="AF76740" i="1"/>
  <c r="AF76741" i="1"/>
  <c r="AF76742" i="1"/>
  <c r="AF76743" i="1"/>
  <c r="AF76744" i="1"/>
  <c r="AF76745" i="1"/>
  <c r="AF76746" i="1"/>
  <c r="AF76747" i="1"/>
  <c r="AF76748" i="1"/>
  <c r="AF76749" i="1"/>
  <c r="AF76750" i="1"/>
  <c r="AF76751" i="1"/>
  <c r="AF76752" i="1"/>
  <c r="AF76753" i="1"/>
  <c r="AF76754" i="1"/>
  <c r="AF76755" i="1"/>
  <c r="AF76756" i="1"/>
  <c r="AF76757" i="1"/>
  <c r="AF76758" i="1"/>
  <c r="AF76759" i="1"/>
  <c r="AF76760" i="1"/>
  <c r="AF76761" i="1"/>
  <c r="AF76762" i="1"/>
  <c r="AF76763" i="1"/>
  <c r="AF76764" i="1"/>
  <c r="AF76765" i="1"/>
  <c r="AF76766" i="1"/>
  <c r="AF76767" i="1"/>
  <c r="AF76768" i="1"/>
  <c r="AF76769" i="1"/>
  <c r="AF76770" i="1"/>
  <c r="AF76771" i="1"/>
  <c r="AF76772" i="1"/>
  <c r="AF76773" i="1"/>
  <c r="AF76774" i="1"/>
  <c r="AF76775" i="1"/>
  <c r="AF76776" i="1"/>
  <c r="AF76777" i="1"/>
  <c r="AF76778" i="1"/>
  <c r="AF76779" i="1"/>
  <c r="AF76780" i="1"/>
  <c r="AF76781" i="1"/>
  <c r="AF76782" i="1"/>
  <c r="AF76783" i="1"/>
  <c r="AF76784" i="1"/>
  <c r="AF76785" i="1"/>
  <c r="AF76786" i="1"/>
  <c r="AF76787" i="1"/>
  <c r="AF76788" i="1"/>
  <c r="AF76789" i="1"/>
  <c r="AF76790" i="1"/>
  <c r="AF76791" i="1"/>
  <c r="AF76792" i="1"/>
  <c r="AF76793" i="1"/>
  <c r="AF76794" i="1"/>
  <c r="AF76795" i="1"/>
  <c r="AF76796" i="1"/>
  <c r="AF76797" i="1"/>
  <c r="AF76798" i="1"/>
  <c r="AF76799" i="1"/>
  <c r="AF76800" i="1"/>
  <c r="AF76801" i="1"/>
  <c r="AF76802" i="1"/>
  <c r="AF76803" i="1"/>
  <c r="AF76804" i="1"/>
  <c r="AF76805" i="1"/>
  <c r="AF76806" i="1"/>
  <c r="AF76807" i="1"/>
  <c r="AF76808" i="1"/>
  <c r="AF76809" i="1"/>
  <c r="AF76810" i="1"/>
  <c r="AF76811" i="1"/>
  <c r="AF76812" i="1"/>
  <c r="AF76813" i="1"/>
  <c r="AF76814" i="1"/>
  <c r="AF76815" i="1"/>
  <c r="AF76816" i="1"/>
  <c r="AF76817" i="1"/>
  <c r="AF76818" i="1"/>
  <c r="AF76819" i="1"/>
  <c r="AF76820" i="1"/>
  <c r="AF76821" i="1"/>
  <c r="AF76822" i="1"/>
  <c r="AF76823" i="1"/>
  <c r="AF76824" i="1"/>
  <c r="AF76825" i="1"/>
  <c r="AF76826" i="1"/>
  <c r="AF76827" i="1"/>
  <c r="AF76828" i="1"/>
  <c r="AF76829" i="1"/>
  <c r="AF76830" i="1"/>
  <c r="AF76831" i="1"/>
  <c r="AF76832" i="1"/>
  <c r="AF76833" i="1"/>
  <c r="AF76834" i="1"/>
  <c r="AF76835" i="1"/>
  <c r="AF76836" i="1"/>
  <c r="AF76837" i="1"/>
  <c r="AF76838" i="1"/>
  <c r="AF76839" i="1"/>
  <c r="AF76840" i="1"/>
  <c r="AF76841" i="1"/>
  <c r="AF76842" i="1"/>
  <c r="AF76843" i="1"/>
  <c r="AF76844" i="1"/>
  <c r="AF76845" i="1"/>
  <c r="AF76846" i="1"/>
  <c r="AF76847" i="1"/>
  <c r="AF76848" i="1"/>
  <c r="AF76849" i="1"/>
  <c r="AF76850" i="1"/>
  <c r="AF76851" i="1"/>
  <c r="AF76852" i="1"/>
  <c r="AF76853" i="1"/>
  <c r="AF76854" i="1"/>
  <c r="AF76855" i="1"/>
  <c r="AF76856" i="1"/>
  <c r="AF76857" i="1"/>
  <c r="AF76858" i="1"/>
  <c r="AF76859" i="1"/>
  <c r="AF76860" i="1"/>
  <c r="AF76861" i="1"/>
  <c r="AF76862" i="1"/>
  <c r="AF76863" i="1"/>
  <c r="AF76864" i="1"/>
  <c r="AF76865" i="1"/>
  <c r="AF76866" i="1"/>
  <c r="AF76867" i="1"/>
  <c r="AF76868" i="1"/>
  <c r="AF76869" i="1"/>
  <c r="AF76870" i="1"/>
  <c r="AF76871" i="1"/>
  <c r="AF76872" i="1"/>
  <c r="AF76873" i="1"/>
  <c r="AF76874" i="1"/>
  <c r="AF76875" i="1"/>
  <c r="AF76876" i="1"/>
  <c r="AF76877" i="1"/>
  <c r="AF76878" i="1"/>
  <c r="AF76879" i="1"/>
  <c r="AF76880" i="1"/>
  <c r="AF76881" i="1"/>
  <c r="AF76882" i="1"/>
  <c r="AF76883" i="1"/>
  <c r="AF76884" i="1"/>
  <c r="AF76885" i="1"/>
  <c r="AF76886" i="1"/>
  <c r="AF76887" i="1"/>
  <c r="AF76888" i="1"/>
  <c r="AF76889" i="1"/>
  <c r="AF76890" i="1"/>
  <c r="AF76891" i="1"/>
  <c r="AF76892" i="1"/>
  <c r="AF76893" i="1"/>
  <c r="AF76894" i="1"/>
  <c r="AF76895" i="1"/>
  <c r="AF76896" i="1"/>
  <c r="AF76897" i="1"/>
  <c r="AF76898" i="1"/>
  <c r="AF76899" i="1"/>
  <c r="AF76900" i="1"/>
  <c r="AF76901" i="1"/>
  <c r="AF76902" i="1"/>
  <c r="AF76903" i="1"/>
  <c r="AF76904" i="1"/>
  <c r="AF76905" i="1"/>
  <c r="AF76906" i="1"/>
  <c r="AF76907" i="1"/>
  <c r="AF76908" i="1"/>
  <c r="AF76909" i="1"/>
  <c r="AF76910" i="1"/>
  <c r="AF76911" i="1"/>
  <c r="AF76912" i="1"/>
  <c r="AF76913" i="1"/>
  <c r="AF76914" i="1"/>
  <c r="AF76915" i="1"/>
  <c r="AF76916" i="1"/>
  <c r="AF76917" i="1"/>
  <c r="AF76918" i="1"/>
  <c r="AF76919" i="1"/>
  <c r="AF76920" i="1"/>
  <c r="AF76921" i="1"/>
  <c r="AF76922" i="1"/>
  <c r="AF76923" i="1"/>
  <c r="AF76924" i="1"/>
  <c r="AF76925" i="1"/>
  <c r="AF76926" i="1"/>
  <c r="AF76927" i="1"/>
  <c r="AF76928" i="1"/>
  <c r="AF76929" i="1"/>
  <c r="AF76930" i="1"/>
  <c r="AF76931" i="1"/>
  <c r="AF76932" i="1"/>
  <c r="AF76933" i="1"/>
  <c r="AF76934" i="1"/>
  <c r="AF76935" i="1"/>
  <c r="AF76936" i="1"/>
  <c r="AF76937" i="1"/>
  <c r="AF76938" i="1"/>
  <c r="AF76939" i="1"/>
  <c r="AF76940" i="1"/>
  <c r="AF76941" i="1"/>
  <c r="AF76942" i="1"/>
  <c r="AF76943" i="1"/>
  <c r="AF76944" i="1"/>
  <c r="AF76945" i="1"/>
  <c r="AF76946" i="1"/>
  <c r="AF76947" i="1"/>
  <c r="AF76948" i="1"/>
  <c r="AF76949" i="1"/>
  <c r="AF76950" i="1"/>
  <c r="AF76951" i="1"/>
  <c r="AF76952" i="1"/>
  <c r="AF76953" i="1"/>
  <c r="AF76954" i="1"/>
  <c r="AF76955" i="1"/>
  <c r="AF76956" i="1"/>
  <c r="AF76957" i="1"/>
  <c r="AF76958" i="1"/>
  <c r="AF76959" i="1"/>
  <c r="AF76960" i="1"/>
  <c r="AF76961" i="1"/>
  <c r="AF76962" i="1"/>
  <c r="AF76963" i="1"/>
  <c r="AF76964" i="1"/>
  <c r="AF76965" i="1"/>
  <c r="AF76966" i="1"/>
  <c r="AF76967" i="1"/>
  <c r="AF76968" i="1"/>
  <c r="AF76969" i="1"/>
  <c r="AF76970" i="1"/>
  <c r="AF76971" i="1"/>
  <c r="AF76972" i="1"/>
  <c r="AF76973" i="1"/>
  <c r="AF76974" i="1"/>
  <c r="AF76975" i="1"/>
  <c r="AF76976" i="1"/>
  <c r="AF76977" i="1"/>
  <c r="AF76978" i="1"/>
  <c r="AF76979" i="1"/>
  <c r="AF76980" i="1"/>
  <c r="AF76981" i="1"/>
  <c r="AF76982" i="1"/>
  <c r="AF76983" i="1"/>
  <c r="AF76984" i="1"/>
  <c r="AF76985" i="1"/>
  <c r="AF76986" i="1"/>
  <c r="AF76987" i="1"/>
  <c r="AF76988" i="1"/>
  <c r="AF76989" i="1"/>
  <c r="AF76990" i="1"/>
  <c r="AF76991" i="1"/>
  <c r="AF76992" i="1"/>
  <c r="AF76993" i="1"/>
  <c r="AF76994" i="1"/>
  <c r="AF76995" i="1"/>
  <c r="AF76996" i="1"/>
  <c r="AF76997" i="1"/>
  <c r="AF76998" i="1"/>
  <c r="AF76999" i="1"/>
  <c r="AF77000" i="1"/>
  <c r="AF77001" i="1"/>
  <c r="AF77002" i="1"/>
  <c r="AF77003" i="1"/>
  <c r="AF77004" i="1"/>
  <c r="AF77005" i="1"/>
  <c r="AF77006" i="1"/>
  <c r="AF77007" i="1"/>
  <c r="AF77008" i="1"/>
  <c r="AF77009" i="1"/>
  <c r="AF77010" i="1"/>
  <c r="AF77011" i="1"/>
  <c r="AF77012" i="1"/>
  <c r="AF77013" i="1"/>
  <c r="AF77014" i="1"/>
  <c r="AF77015" i="1"/>
  <c r="AF77016" i="1"/>
  <c r="AF77017" i="1"/>
  <c r="AF77018" i="1"/>
  <c r="AF77019" i="1"/>
  <c r="AF77020" i="1"/>
  <c r="AF77021" i="1"/>
  <c r="AF77022" i="1"/>
  <c r="AF77023" i="1"/>
  <c r="AF77024" i="1"/>
  <c r="AF77025" i="1"/>
  <c r="AF77026" i="1"/>
  <c r="AF77027" i="1"/>
  <c r="AF77028" i="1"/>
  <c r="AF77029" i="1"/>
  <c r="AF77030" i="1"/>
  <c r="AF77031" i="1"/>
  <c r="AF77032" i="1"/>
  <c r="AF77033" i="1"/>
  <c r="AF77034" i="1"/>
  <c r="AF77035" i="1"/>
  <c r="AF77036" i="1"/>
  <c r="AF77037" i="1"/>
  <c r="AF77038" i="1"/>
  <c r="AF77039" i="1"/>
  <c r="AF77040" i="1"/>
  <c r="AF77041" i="1"/>
  <c r="AF77042" i="1"/>
  <c r="AF77043" i="1"/>
  <c r="AF77044" i="1"/>
  <c r="AF77045" i="1"/>
  <c r="AF77046" i="1"/>
  <c r="AF77047" i="1"/>
  <c r="AF77048" i="1"/>
  <c r="AF77049" i="1"/>
  <c r="AF77050" i="1"/>
  <c r="AF77051" i="1"/>
  <c r="AF77052" i="1"/>
  <c r="AF77053" i="1"/>
  <c r="AF77054" i="1"/>
  <c r="AF77055" i="1"/>
  <c r="AF77056" i="1"/>
  <c r="AF77057" i="1"/>
  <c r="AF77058" i="1"/>
  <c r="AF77059" i="1"/>
  <c r="AF77060" i="1"/>
  <c r="AF77061" i="1"/>
  <c r="AF77062" i="1"/>
  <c r="AF77063" i="1"/>
  <c r="AF77064" i="1"/>
  <c r="AF77065" i="1"/>
  <c r="AF77066" i="1"/>
  <c r="AF77067" i="1"/>
  <c r="AF77068" i="1"/>
  <c r="AF77069" i="1"/>
  <c r="AF77070" i="1"/>
  <c r="AF77071" i="1"/>
  <c r="AF77072" i="1"/>
  <c r="AF77073" i="1"/>
  <c r="AF77074" i="1"/>
  <c r="AF77075" i="1"/>
  <c r="AF77076" i="1"/>
  <c r="AF77077" i="1"/>
  <c r="AF77078" i="1"/>
  <c r="AF77079" i="1"/>
  <c r="AF77080" i="1"/>
  <c r="AF77081" i="1"/>
  <c r="AF77082" i="1"/>
  <c r="AF77083" i="1"/>
  <c r="AF77084" i="1"/>
  <c r="AF77085" i="1"/>
  <c r="AF77086" i="1"/>
  <c r="AF77087" i="1"/>
  <c r="AF77088" i="1"/>
  <c r="AF77089" i="1"/>
  <c r="AF77090" i="1"/>
  <c r="AF77091" i="1"/>
  <c r="AF77092" i="1"/>
  <c r="AF77093" i="1"/>
  <c r="AF77094" i="1"/>
  <c r="AF77095" i="1"/>
  <c r="AF77096" i="1"/>
  <c r="AF77097" i="1"/>
  <c r="AF77098" i="1"/>
  <c r="AF77099" i="1"/>
  <c r="AF77100" i="1"/>
  <c r="AF77101" i="1"/>
  <c r="AF77102" i="1"/>
  <c r="AF77103" i="1"/>
  <c r="AF77104" i="1"/>
  <c r="AF77105" i="1"/>
  <c r="AF77106" i="1"/>
  <c r="AF77107" i="1"/>
  <c r="AF77108" i="1"/>
  <c r="AF77109" i="1"/>
  <c r="AF77110" i="1"/>
  <c r="AF77111" i="1"/>
  <c r="AF77112" i="1"/>
  <c r="AF77113" i="1"/>
  <c r="AF77114" i="1"/>
  <c r="AF77115" i="1"/>
  <c r="AF77116" i="1"/>
  <c r="AF77117" i="1"/>
  <c r="AF77118" i="1"/>
  <c r="AF77119" i="1"/>
  <c r="AF77120" i="1"/>
  <c r="AF77121" i="1"/>
  <c r="AF77122" i="1"/>
  <c r="AF77123" i="1"/>
  <c r="AF77124" i="1"/>
  <c r="AF77125" i="1"/>
  <c r="AF77126" i="1"/>
  <c r="AF77127" i="1"/>
  <c r="AF77128" i="1"/>
  <c r="AF77129" i="1"/>
  <c r="AF77130" i="1"/>
  <c r="AF77131" i="1"/>
  <c r="AF77132" i="1"/>
  <c r="AF77133" i="1"/>
  <c r="AF77134" i="1"/>
  <c r="AF77135" i="1"/>
  <c r="AF77136" i="1"/>
  <c r="AF77137" i="1"/>
  <c r="AF77138" i="1"/>
  <c r="AF77139" i="1"/>
  <c r="AF77140" i="1"/>
  <c r="AF77141" i="1"/>
  <c r="AF77142" i="1"/>
  <c r="AF77143" i="1"/>
  <c r="AF77144" i="1"/>
  <c r="AF77145" i="1"/>
  <c r="AF77146" i="1"/>
  <c r="AF77147" i="1"/>
  <c r="AF77148" i="1"/>
  <c r="AF77149" i="1"/>
  <c r="AF77150" i="1"/>
  <c r="AF77151" i="1"/>
  <c r="AF77152" i="1"/>
  <c r="AF77153" i="1"/>
  <c r="AF77154" i="1"/>
  <c r="AF77155" i="1"/>
  <c r="AF77156" i="1"/>
  <c r="AF77157" i="1"/>
  <c r="AF77158" i="1"/>
  <c r="AF77159" i="1"/>
  <c r="AF77160" i="1"/>
  <c r="AF77161" i="1"/>
  <c r="AF77162" i="1"/>
  <c r="AF77163" i="1"/>
  <c r="AF77164" i="1"/>
  <c r="AF77165" i="1"/>
  <c r="AF77166" i="1"/>
  <c r="AF77167" i="1"/>
  <c r="AF77168" i="1"/>
  <c r="AF77169" i="1"/>
  <c r="AF77170" i="1"/>
  <c r="AF77171" i="1"/>
  <c r="AF77172" i="1"/>
  <c r="AF77173" i="1"/>
  <c r="AF77174" i="1"/>
  <c r="AF77175" i="1"/>
  <c r="AF77176" i="1"/>
  <c r="AF77177" i="1"/>
  <c r="AF77178" i="1"/>
  <c r="AF77179" i="1"/>
  <c r="AF77180" i="1"/>
  <c r="AF77181" i="1"/>
  <c r="AF77182" i="1"/>
  <c r="AF77183" i="1"/>
  <c r="AF77184" i="1"/>
  <c r="AF77185" i="1"/>
  <c r="AF77186" i="1"/>
  <c r="AF77187" i="1"/>
  <c r="AF77188" i="1"/>
  <c r="AF77189" i="1"/>
  <c r="AF77190" i="1"/>
  <c r="AF77191" i="1"/>
  <c r="AF77192" i="1"/>
  <c r="AF77193" i="1"/>
  <c r="AF77194" i="1"/>
  <c r="AF77195" i="1"/>
  <c r="AF77196" i="1"/>
  <c r="AF77197" i="1"/>
  <c r="AF77198" i="1"/>
  <c r="AF77199" i="1"/>
  <c r="AF77200" i="1"/>
  <c r="AF77201" i="1"/>
  <c r="AF77202" i="1"/>
  <c r="AF77203" i="1"/>
  <c r="AF77204" i="1"/>
  <c r="AF77205" i="1"/>
  <c r="AF77206" i="1"/>
  <c r="AF77207" i="1"/>
  <c r="AF77208" i="1"/>
  <c r="AF77209" i="1"/>
  <c r="AF77210" i="1"/>
  <c r="AF77211" i="1"/>
  <c r="AF77212" i="1"/>
  <c r="AF77213" i="1"/>
  <c r="AF77214" i="1"/>
  <c r="AF77215" i="1"/>
  <c r="AF77216" i="1"/>
  <c r="AF77217" i="1"/>
  <c r="AF77218" i="1"/>
  <c r="AF77219" i="1"/>
  <c r="AF77220" i="1"/>
  <c r="AF77221" i="1"/>
  <c r="AF77222" i="1"/>
  <c r="AF77223" i="1"/>
  <c r="AF77224" i="1"/>
  <c r="AF77225" i="1"/>
  <c r="AF77226" i="1"/>
  <c r="AF77227" i="1"/>
  <c r="AF77228" i="1"/>
  <c r="AF77229" i="1"/>
  <c r="AF77230" i="1"/>
  <c r="AF77231" i="1"/>
  <c r="AF77232" i="1"/>
  <c r="AF77233" i="1"/>
  <c r="AF77234" i="1"/>
  <c r="AF77235" i="1"/>
  <c r="AF77236" i="1"/>
  <c r="AF77237" i="1"/>
  <c r="AF77238" i="1"/>
  <c r="AF77239" i="1"/>
  <c r="AF77240" i="1"/>
  <c r="AF77241" i="1"/>
  <c r="AF77242" i="1"/>
  <c r="AF77243" i="1"/>
  <c r="AF77244" i="1"/>
  <c r="AF77245" i="1"/>
  <c r="AF77246" i="1"/>
  <c r="AF77247" i="1"/>
  <c r="AF77248" i="1"/>
  <c r="AF77249" i="1"/>
  <c r="AF77250" i="1"/>
  <c r="AF77251" i="1"/>
  <c r="AF77252" i="1"/>
  <c r="AF77253" i="1"/>
  <c r="AF77254" i="1"/>
  <c r="AF77255" i="1"/>
  <c r="AF77256" i="1"/>
  <c r="AF77257" i="1"/>
  <c r="AF77258" i="1"/>
  <c r="AF77259" i="1"/>
  <c r="AF77260" i="1"/>
  <c r="AF77261" i="1"/>
  <c r="AF77262" i="1"/>
  <c r="AF77263" i="1"/>
  <c r="AF77264" i="1"/>
  <c r="AF77265" i="1"/>
  <c r="AF77266" i="1"/>
  <c r="AF77267" i="1"/>
  <c r="AF77268" i="1"/>
  <c r="AF77269" i="1"/>
  <c r="AF77270" i="1"/>
  <c r="AF77271" i="1"/>
  <c r="AF77272" i="1"/>
  <c r="AF77273" i="1"/>
  <c r="AF77274" i="1"/>
  <c r="AF77275" i="1"/>
  <c r="AF77276" i="1"/>
  <c r="AF77277" i="1"/>
  <c r="AF77278" i="1"/>
  <c r="AF77279" i="1"/>
  <c r="AF77280" i="1"/>
  <c r="AF77281" i="1"/>
  <c r="AF77282" i="1"/>
  <c r="AF77283" i="1"/>
  <c r="AF77284" i="1"/>
  <c r="AF77285" i="1"/>
  <c r="AF77286" i="1"/>
  <c r="AF77287" i="1"/>
  <c r="AF77288" i="1"/>
  <c r="AF77289" i="1"/>
  <c r="AF77290" i="1"/>
  <c r="AF77291" i="1"/>
  <c r="AF77292" i="1"/>
  <c r="AF77293" i="1"/>
  <c r="AF77294" i="1"/>
  <c r="AF77295" i="1"/>
  <c r="AF77296" i="1"/>
  <c r="AF77297" i="1"/>
  <c r="AF77298" i="1"/>
  <c r="AF77299" i="1"/>
  <c r="AF77300" i="1"/>
  <c r="AF77301" i="1"/>
  <c r="AF77302" i="1"/>
  <c r="AF77303" i="1"/>
  <c r="AF77304" i="1"/>
  <c r="AF77305" i="1"/>
  <c r="AF77306" i="1"/>
  <c r="AF77307" i="1"/>
  <c r="AF77308" i="1"/>
  <c r="AF77309" i="1"/>
  <c r="AF77310" i="1"/>
  <c r="AF77311" i="1"/>
  <c r="AF77312" i="1"/>
  <c r="AF77313" i="1"/>
  <c r="AF77314" i="1"/>
  <c r="AF77315" i="1"/>
  <c r="AF77316" i="1"/>
  <c r="AF77317" i="1"/>
  <c r="AF77318" i="1"/>
  <c r="AF77319" i="1"/>
  <c r="AF77320" i="1"/>
  <c r="AF77321" i="1"/>
  <c r="AF77322" i="1"/>
  <c r="AF77323" i="1"/>
  <c r="AF77324" i="1"/>
  <c r="AF77325" i="1"/>
  <c r="AF77326" i="1"/>
  <c r="AF77327" i="1"/>
  <c r="AF77328" i="1"/>
  <c r="AF77329" i="1"/>
  <c r="AF77330" i="1"/>
  <c r="AF77331" i="1"/>
  <c r="AF77332" i="1"/>
  <c r="AF77333" i="1"/>
  <c r="AF77334" i="1"/>
  <c r="AF77335" i="1"/>
  <c r="AF77336" i="1"/>
  <c r="AF77337" i="1"/>
  <c r="AF77338" i="1"/>
  <c r="AF77339" i="1"/>
  <c r="AF77340" i="1"/>
  <c r="AF77341" i="1"/>
  <c r="AF77342" i="1"/>
  <c r="AF77343" i="1"/>
  <c r="AF77344" i="1"/>
  <c r="AF77345" i="1"/>
  <c r="AF77346" i="1"/>
  <c r="AF77347" i="1"/>
  <c r="AF77348" i="1"/>
  <c r="AF77349" i="1"/>
  <c r="AF77350" i="1"/>
  <c r="AF77351" i="1"/>
  <c r="AF77352" i="1"/>
  <c r="AF77353" i="1"/>
  <c r="AF77354" i="1"/>
  <c r="AF77355" i="1"/>
  <c r="AF77356" i="1"/>
  <c r="AF77357" i="1"/>
  <c r="AF77358" i="1"/>
  <c r="AF77359" i="1"/>
  <c r="AF77360" i="1"/>
  <c r="AF77361" i="1"/>
  <c r="AF77362" i="1"/>
  <c r="AF77363" i="1"/>
  <c r="AF77364" i="1"/>
  <c r="AF77365" i="1"/>
  <c r="AF77366" i="1"/>
  <c r="AF77367" i="1"/>
  <c r="AF77368" i="1"/>
  <c r="AF77369" i="1"/>
  <c r="AF77370" i="1"/>
  <c r="AF77371" i="1"/>
  <c r="AF77372" i="1"/>
  <c r="AF77373" i="1"/>
  <c r="AF77374" i="1"/>
  <c r="AF77375" i="1"/>
  <c r="AF77376" i="1"/>
  <c r="AF77377" i="1"/>
  <c r="AF77378" i="1"/>
  <c r="AF77379" i="1"/>
  <c r="AF77380" i="1"/>
  <c r="AF77381" i="1"/>
  <c r="AF77382" i="1"/>
  <c r="AF77383" i="1"/>
  <c r="AF77384" i="1"/>
  <c r="AF77385" i="1"/>
  <c r="AF77386" i="1"/>
  <c r="AF77387" i="1"/>
  <c r="AF77388" i="1"/>
  <c r="AF77389" i="1"/>
  <c r="AF77390" i="1"/>
  <c r="AF77391" i="1"/>
  <c r="AF77392" i="1"/>
  <c r="AF77393" i="1"/>
  <c r="AF77394" i="1"/>
  <c r="AF77395" i="1"/>
  <c r="AF77396" i="1"/>
  <c r="AF77397" i="1"/>
  <c r="AF77398" i="1"/>
  <c r="AF77399" i="1"/>
  <c r="AF77400" i="1"/>
  <c r="AF77401" i="1"/>
  <c r="AF77402" i="1"/>
  <c r="AF77403" i="1"/>
  <c r="AF77404" i="1"/>
  <c r="AF77405" i="1"/>
  <c r="AF77406" i="1"/>
  <c r="AF77407" i="1"/>
  <c r="AF77408" i="1"/>
  <c r="AF77409" i="1"/>
  <c r="AF77410" i="1"/>
  <c r="AF77411" i="1"/>
  <c r="AF77412" i="1"/>
  <c r="AF77413" i="1"/>
  <c r="AF77414" i="1"/>
  <c r="AF77415" i="1"/>
  <c r="AF77416" i="1"/>
  <c r="AF77417" i="1"/>
  <c r="AF77418" i="1"/>
  <c r="AF77419" i="1"/>
  <c r="AF77420" i="1"/>
  <c r="AF77421" i="1"/>
  <c r="AF77422" i="1"/>
  <c r="AF77423" i="1"/>
  <c r="AF77424" i="1"/>
  <c r="AF77425" i="1"/>
  <c r="AF77426" i="1"/>
  <c r="AF77427" i="1"/>
  <c r="AF77428" i="1"/>
  <c r="AF77429" i="1"/>
  <c r="AF77430" i="1"/>
  <c r="AF77431" i="1"/>
  <c r="AF77432" i="1"/>
  <c r="AF77433" i="1"/>
  <c r="AF77434" i="1"/>
  <c r="AF77435" i="1"/>
  <c r="AF77436" i="1"/>
  <c r="AF77437" i="1"/>
  <c r="AF77438" i="1"/>
  <c r="AF77439" i="1"/>
  <c r="AF77440" i="1"/>
  <c r="AF77441" i="1"/>
  <c r="AF77442" i="1"/>
  <c r="AF77443" i="1"/>
  <c r="AF77444" i="1"/>
  <c r="AF77445" i="1"/>
  <c r="AF77446" i="1"/>
  <c r="AF77447" i="1"/>
  <c r="AF77448" i="1"/>
  <c r="AF77449" i="1"/>
  <c r="AF77450" i="1"/>
  <c r="AF77451" i="1"/>
  <c r="AF77452" i="1"/>
  <c r="AF77453" i="1"/>
  <c r="AF77454" i="1"/>
  <c r="AF77455" i="1"/>
  <c r="AF77456" i="1"/>
  <c r="AF77457" i="1"/>
  <c r="AF77458" i="1"/>
  <c r="AF77459" i="1"/>
  <c r="AF77460" i="1"/>
  <c r="AF77461" i="1"/>
  <c r="AF77462" i="1"/>
  <c r="AF77463" i="1"/>
  <c r="AF77464" i="1"/>
  <c r="AF77465" i="1"/>
  <c r="AF77466" i="1"/>
  <c r="AF77467" i="1"/>
  <c r="AF77468" i="1"/>
  <c r="AF77469" i="1"/>
  <c r="AF77470" i="1"/>
  <c r="AF77471" i="1"/>
  <c r="AF77472" i="1"/>
  <c r="AF77473" i="1"/>
  <c r="AF77474" i="1"/>
  <c r="AF77475" i="1"/>
  <c r="AF77476" i="1"/>
  <c r="AF77477" i="1"/>
  <c r="AF77478" i="1"/>
  <c r="AF77479" i="1"/>
  <c r="AF77480" i="1"/>
  <c r="AF77481" i="1"/>
  <c r="AF77482" i="1"/>
  <c r="AF77483" i="1"/>
  <c r="AF77484" i="1"/>
  <c r="AF77485" i="1"/>
  <c r="AF77486" i="1"/>
  <c r="AF77487" i="1"/>
  <c r="AF77488" i="1"/>
  <c r="AF77489" i="1"/>
  <c r="AF77490" i="1"/>
  <c r="AF77491" i="1"/>
  <c r="AF77492" i="1"/>
  <c r="AF77493" i="1"/>
  <c r="AF77494" i="1"/>
  <c r="AF77495" i="1"/>
  <c r="AF77496" i="1"/>
  <c r="AF77497" i="1"/>
  <c r="AF77498" i="1"/>
  <c r="AF77499" i="1"/>
  <c r="AF77500" i="1"/>
  <c r="AF77501" i="1"/>
  <c r="AF77502" i="1"/>
  <c r="AF77503" i="1"/>
  <c r="AF77504" i="1"/>
  <c r="AF77505" i="1"/>
  <c r="AF77506" i="1"/>
  <c r="AF77507" i="1"/>
  <c r="AF77508" i="1"/>
  <c r="AF77509" i="1"/>
  <c r="AF77510" i="1"/>
  <c r="AF77511" i="1"/>
  <c r="AF77512" i="1"/>
  <c r="AF77513" i="1"/>
  <c r="AF77514" i="1"/>
  <c r="AF77515" i="1"/>
  <c r="AF77516" i="1"/>
  <c r="AF77517" i="1"/>
  <c r="AF77518" i="1"/>
  <c r="AF77519" i="1"/>
  <c r="AF77520" i="1"/>
  <c r="AF77521" i="1"/>
  <c r="AF77522" i="1"/>
  <c r="AF77523" i="1"/>
  <c r="AF77524" i="1"/>
  <c r="AF77525" i="1"/>
  <c r="AF77526" i="1"/>
  <c r="AF77527" i="1"/>
  <c r="AF77528" i="1"/>
  <c r="AF77529" i="1"/>
  <c r="AF77530" i="1"/>
  <c r="AF77531" i="1"/>
  <c r="AF77532" i="1"/>
  <c r="AF77533" i="1"/>
  <c r="AF77534" i="1"/>
  <c r="AF77535" i="1"/>
  <c r="AF77536" i="1"/>
  <c r="AF77537" i="1"/>
  <c r="AF77538" i="1"/>
  <c r="AF77539" i="1"/>
  <c r="AF77540" i="1"/>
  <c r="AF77541" i="1"/>
  <c r="AF77542" i="1"/>
  <c r="AF77543" i="1"/>
  <c r="AF77544" i="1"/>
  <c r="AF77545" i="1"/>
  <c r="AF77546" i="1"/>
  <c r="AF77547" i="1"/>
  <c r="AF77548" i="1"/>
  <c r="AF77549" i="1"/>
  <c r="AF77550" i="1"/>
  <c r="AF77551" i="1"/>
  <c r="AF77552" i="1"/>
  <c r="AF77553" i="1"/>
  <c r="AF77554" i="1"/>
  <c r="AF77555" i="1"/>
  <c r="AF77556" i="1"/>
  <c r="AF77557" i="1"/>
  <c r="AF77558" i="1"/>
  <c r="AF77559" i="1"/>
  <c r="AF77560" i="1"/>
  <c r="AF77561" i="1"/>
  <c r="AF77562" i="1"/>
  <c r="AF77563" i="1"/>
  <c r="AF77564" i="1"/>
  <c r="AF77565" i="1"/>
  <c r="AF77566" i="1"/>
  <c r="AF77567" i="1"/>
  <c r="AF77568" i="1"/>
  <c r="AF77569" i="1"/>
  <c r="AF77570" i="1"/>
  <c r="AF77571" i="1"/>
  <c r="AF77572" i="1"/>
  <c r="AF77573" i="1"/>
  <c r="AF77574" i="1"/>
  <c r="AF77575" i="1"/>
  <c r="AF77576" i="1"/>
  <c r="AF77577" i="1"/>
  <c r="AF77578" i="1"/>
  <c r="AF77579" i="1"/>
  <c r="AF77580" i="1"/>
  <c r="AF77581" i="1"/>
  <c r="AF77582" i="1"/>
  <c r="AF77583" i="1"/>
  <c r="AF77584" i="1"/>
  <c r="AF77585" i="1"/>
  <c r="AF77586" i="1"/>
  <c r="AF77587" i="1"/>
  <c r="AF77588" i="1"/>
  <c r="AF77589" i="1"/>
  <c r="AF77590" i="1"/>
  <c r="AF77591" i="1"/>
  <c r="AF77592" i="1"/>
  <c r="AF77593" i="1"/>
  <c r="AF77594" i="1"/>
  <c r="AF77595" i="1"/>
  <c r="AF77596" i="1"/>
  <c r="AF77597" i="1"/>
  <c r="AF77598" i="1"/>
  <c r="AF77599" i="1"/>
  <c r="AF77600" i="1"/>
  <c r="AF77601" i="1"/>
  <c r="AF77602" i="1"/>
  <c r="AF77603" i="1"/>
  <c r="AF77604" i="1"/>
  <c r="AF77605" i="1"/>
  <c r="AF77606" i="1"/>
  <c r="AF77607" i="1"/>
  <c r="AF77608" i="1"/>
  <c r="AF77609" i="1"/>
  <c r="AF77610" i="1"/>
  <c r="AF77611" i="1"/>
  <c r="AF77612" i="1"/>
  <c r="AF77613" i="1"/>
  <c r="AF77614" i="1"/>
  <c r="AF77615" i="1"/>
  <c r="AF77616" i="1"/>
  <c r="AF77617" i="1"/>
  <c r="AF77618" i="1"/>
  <c r="AF77619" i="1"/>
  <c r="AF77620" i="1"/>
  <c r="AF77621" i="1"/>
  <c r="AF77622" i="1"/>
  <c r="AF77623" i="1"/>
  <c r="AF77624" i="1"/>
  <c r="AF77625" i="1"/>
  <c r="AF77626" i="1"/>
  <c r="AF77627" i="1"/>
  <c r="AF77628" i="1"/>
  <c r="AF77629" i="1"/>
  <c r="AF77630" i="1"/>
  <c r="AF77631" i="1"/>
  <c r="AF77632" i="1"/>
  <c r="AF77633" i="1"/>
  <c r="AF77634" i="1"/>
  <c r="AF77635" i="1"/>
  <c r="AF77636" i="1"/>
  <c r="AF77637" i="1"/>
  <c r="AF77638" i="1"/>
  <c r="AF77639" i="1"/>
  <c r="AF77640" i="1"/>
  <c r="AF77641" i="1"/>
  <c r="AF77642" i="1"/>
  <c r="AF77643" i="1"/>
  <c r="AF77644" i="1"/>
  <c r="AF77645" i="1"/>
  <c r="AF77646" i="1"/>
  <c r="AF77647" i="1"/>
  <c r="AF77648" i="1"/>
  <c r="AF77649" i="1"/>
  <c r="AF77650" i="1"/>
  <c r="AF77651" i="1"/>
  <c r="AF77652" i="1"/>
  <c r="AF77653" i="1"/>
  <c r="AF77654" i="1"/>
  <c r="AF77655" i="1"/>
  <c r="AF77656" i="1"/>
  <c r="AF77657" i="1"/>
  <c r="AF77658" i="1"/>
  <c r="AF77659" i="1"/>
  <c r="AF77660" i="1"/>
  <c r="AF77661" i="1"/>
  <c r="AF77662" i="1"/>
  <c r="AF77663" i="1"/>
  <c r="AF77664" i="1"/>
  <c r="AF77665" i="1"/>
  <c r="AF77666" i="1"/>
  <c r="AF77667" i="1"/>
  <c r="AF77668" i="1"/>
  <c r="AF77669" i="1"/>
  <c r="AF77670" i="1"/>
  <c r="AF77671" i="1"/>
  <c r="AF77672" i="1"/>
  <c r="AF77673" i="1"/>
  <c r="AF77674" i="1"/>
  <c r="AF77675" i="1"/>
  <c r="AF77676" i="1"/>
  <c r="AF77677" i="1"/>
  <c r="AF77678" i="1"/>
  <c r="AF77679" i="1"/>
  <c r="AF77680" i="1"/>
  <c r="AF77681" i="1"/>
  <c r="AF77682" i="1"/>
  <c r="AF77683" i="1"/>
  <c r="AF77684" i="1"/>
  <c r="AF77685" i="1"/>
  <c r="AF77686" i="1"/>
  <c r="AF77687" i="1"/>
  <c r="AF77688" i="1"/>
  <c r="AF77689" i="1"/>
  <c r="AF77690" i="1"/>
  <c r="AF77691" i="1"/>
  <c r="AF77692" i="1"/>
  <c r="AF77693" i="1"/>
  <c r="AF77694" i="1"/>
  <c r="AF77695" i="1"/>
  <c r="AF77696" i="1"/>
  <c r="AF77697" i="1"/>
  <c r="AF77698" i="1"/>
  <c r="AF77699" i="1"/>
  <c r="AF77700" i="1"/>
  <c r="AF77701" i="1"/>
  <c r="AF77702" i="1"/>
  <c r="AF77703" i="1"/>
  <c r="AF77704" i="1"/>
  <c r="AF77705" i="1"/>
  <c r="AF77706" i="1"/>
  <c r="AF77707" i="1"/>
  <c r="AF77708" i="1"/>
  <c r="AF77709" i="1"/>
  <c r="AF77710" i="1"/>
  <c r="AF77711" i="1"/>
  <c r="AF77712" i="1"/>
  <c r="AF77713" i="1"/>
  <c r="AF77714" i="1"/>
  <c r="AF77715" i="1"/>
  <c r="AF77716" i="1"/>
  <c r="AF77717" i="1"/>
  <c r="AF77718" i="1"/>
  <c r="AF77719" i="1"/>
  <c r="AF77720" i="1"/>
  <c r="AF77721" i="1"/>
  <c r="AF77722" i="1"/>
  <c r="AF77723" i="1"/>
  <c r="AF77724" i="1"/>
  <c r="AF77725" i="1"/>
  <c r="AF77726" i="1"/>
  <c r="AF77727" i="1"/>
  <c r="AF77728" i="1"/>
  <c r="AF77729" i="1"/>
  <c r="AF77730" i="1"/>
  <c r="AF77731" i="1"/>
  <c r="AF77732" i="1"/>
  <c r="AF77733" i="1"/>
  <c r="AF77734" i="1"/>
  <c r="AF77735" i="1"/>
  <c r="AF77736" i="1"/>
  <c r="AF77737" i="1"/>
  <c r="AF77738" i="1"/>
  <c r="AF77739" i="1"/>
  <c r="AF77740" i="1"/>
  <c r="AF77741" i="1"/>
  <c r="AF77742" i="1"/>
  <c r="AF77743" i="1"/>
  <c r="AF77744" i="1"/>
  <c r="AF77745" i="1"/>
  <c r="AF77746" i="1"/>
  <c r="AF77747" i="1"/>
  <c r="AF77748" i="1"/>
  <c r="AF77749" i="1"/>
  <c r="AF77750" i="1"/>
  <c r="AF77751" i="1"/>
  <c r="AF77752" i="1"/>
  <c r="AF77753" i="1"/>
  <c r="AF77754" i="1"/>
  <c r="AF77755" i="1"/>
  <c r="AF77756" i="1"/>
  <c r="AF77757" i="1"/>
  <c r="AF77758" i="1"/>
  <c r="AF77759" i="1"/>
  <c r="AF77760" i="1"/>
  <c r="AF77761" i="1"/>
  <c r="AF77762" i="1"/>
  <c r="AF77763" i="1"/>
  <c r="AF77764" i="1"/>
  <c r="AF77765" i="1"/>
  <c r="AF77766" i="1"/>
  <c r="AF77767" i="1"/>
  <c r="AF77768" i="1"/>
  <c r="AF77769" i="1"/>
  <c r="AF77770" i="1"/>
  <c r="AF77771" i="1"/>
  <c r="AF77772" i="1"/>
  <c r="AF77773" i="1"/>
  <c r="AF77774" i="1"/>
  <c r="AF77775" i="1"/>
  <c r="AF77776" i="1"/>
  <c r="AF77777" i="1"/>
  <c r="AF77778" i="1"/>
  <c r="AF77779" i="1"/>
  <c r="AF77780" i="1"/>
  <c r="AF77781" i="1"/>
  <c r="AF77782" i="1"/>
  <c r="AF77783" i="1"/>
  <c r="AF77784" i="1"/>
  <c r="AF77785" i="1"/>
  <c r="AF77786" i="1"/>
  <c r="AF77787" i="1"/>
  <c r="AF77788" i="1"/>
  <c r="AF77789" i="1"/>
  <c r="AF77790" i="1"/>
  <c r="AF77791" i="1"/>
  <c r="AF77792" i="1"/>
  <c r="AF77793" i="1"/>
  <c r="AF77794" i="1"/>
  <c r="AF77795" i="1"/>
  <c r="AF77796" i="1"/>
  <c r="AF77797" i="1"/>
  <c r="AF77798" i="1"/>
  <c r="AF77799" i="1"/>
  <c r="AF77800" i="1"/>
  <c r="AF77801" i="1"/>
  <c r="AF77802" i="1"/>
  <c r="AF77803" i="1"/>
  <c r="AF77804" i="1"/>
  <c r="AF77805" i="1"/>
  <c r="AF77806" i="1"/>
  <c r="AF77807" i="1"/>
  <c r="AF77808" i="1"/>
  <c r="AF77809" i="1"/>
  <c r="AF77810" i="1"/>
  <c r="AF77811" i="1"/>
  <c r="AF77812" i="1"/>
  <c r="AF77813" i="1"/>
  <c r="AF77814" i="1"/>
  <c r="AF77815" i="1"/>
  <c r="AF77816" i="1"/>
  <c r="AF77817" i="1"/>
  <c r="AF77818" i="1"/>
  <c r="AF77819" i="1"/>
  <c r="AF77820" i="1"/>
  <c r="AF77821" i="1"/>
  <c r="AF77822" i="1"/>
  <c r="AF77823" i="1"/>
  <c r="AF77824" i="1"/>
  <c r="AF77825" i="1"/>
  <c r="AF77826" i="1"/>
  <c r="AF77827" i="1"/>
  <c r="AF77828" i="1"/>
  <c r="AF77829" i="1"/>
  <c r="AF77830" i="1"/>
  <c r="AF77831" i="1"/>
  <c r="AF77832" i="1"/>
  <c r="AF77833" i="1"/>
  <c r="AF77834" i="1"/>
  <c r="AF77835" i="1"/>
  <c r="AF77836" i="1"/>
  <c r="AF77837" i="1"/>
  <c r="AF77838" i="1"/>
  <c r="AF77839" i="1"/>
  <c r="AF77840" i="1"/>
  <c r="AF77841" i="1"/>
  <c r="AF77842" i="1"/>
  <c r="AF77843" i="1"/>
  <c r="AF77844" i="1"/>
  <c r="AF77845" i="1"/>
  <c r="AF77846" i="1"/>
  <c r="AF77847" i="1"/>
  <c r="AF77848" i="1"/>
  <c r="AF77849" i="1"/>
  <c r="AF77850" i="1"/>
  <c r="AF77851" i="1"/>
  <c r="AF77852" i="1"/>
  <c r="AF77853" i="1"/>
  <c r="AF77854" i="1"/>
  <c r="AF77855" i="1"/>
  <c r="AF77856" i="1"/>
  <c r="AF77857" i="1"/>
  <c r="AF77858" i="1"/>
  <c r="AF77859" i="1"/>
  <c r="AF77860" i="1"/>
  <c r="AF77861" i="1"/>
  <c r="AF77862" i="1"/>
  <c r="AF77863" i="1"/>
  <c r="AF77864" i="1"/>
  <c r="AF77865" i="1"/>
  <c r="AF77866" i="1"/>
  <c r="AF77867" i="1"/>
  <c r="AF77868" i="1"/>
  <c r="AF77869" i="1"/>
  <c r="AF77870" i="1"/>
  <c r="AF77871" i="1"/>
  <c r="AF77872" i="1"/>
  <c r="AF77873" i="1"/>
  <c r="AF77874" i="1"/>
  <c r="AF77875" i="1"/>
  <c r="AF77876" i="1"/>
  <c r="AF77877" i="1"/>
  <c r="AF77878" i="1"/>
  <c r="AF77879" i="1"/>
  <c r="AF77880" i="1"/>
  <c r="AF77881" i="1"/>
  <c r="AF77882" i="1"/>
  <c r="AF77883" i="1"/>
  <c r="AF77884" i="1"/>
  <c r="AF77885" i="1"/>
  <c r="AF77886" i="1"/>
  <c r="AF77887" i="1"/>
  <c r="AF77888" i="1"/>
  <c r="AF77889" i="1"/>
  <c r="AF77890" i="1"/>
  <c r="AF77891" i="1"/>
  <c r="AF77892" i="1"/>
  <c r="AF77893" i="1"/>
  <c r="AF77894" i="1"/>
  <c r="AF77895" i="1"/>
  <c r="AF77896" i="1"/>
  <c r="AF77897" i="1"/>
  <c r="AF77898" i="1"/>
  <c r="AF77899" i="1"/>
  <c r="AF77900" i="1"/>
  <c r="AF77901" i="1"/>
  <c r="AF77902" i="1"/>
  <c r="AF77903" i="1"/>
  <c r="AF77904" i="1"/>
  <c r="AF77905" i="1"/>
  <c r="AF77906" i="1"/>
  <c r="AF77907" i="1"/>
  <c r="AF77908" i="1"/>
  <c r="AF77909" i="1"/>
  <c r="AF77910" i="1"/>
  <c r="AF77911" i="1"/>
  <c r="AF77912" i="1"/>
  <c r="AF77913" i="1"/>
  <c r="AF77914" i="1"/>
  <c r="AF77915" i="1"/>
  <c r="AF77916" i="1"/>
  <c r="AF77917" i="1"/>
  <c r="AF77918" i="1"/>
  <c r="AF77919" i="1"/>
  <c r="AF77920" i="1"/>
  <c r="AF77921" i="1"/>
  <c r="AF77922" i="1"/>
  <c r="AF77923" i="1"/>
  <c r="AF77924" i="1"/>
  <c r="AF77925" i="1"/>
  <c r="AF77926" i="1"/>
  <c r="AF77927" i="1"/>
  <c r="AF77928" i="1"/>
  <c r="AF77929" i="1"/>
  <c r="AF77930" i="1"/>
  <c r="AF77931" i="1"/>
  <c r="AF77932" i="1"/>
  <c r="AF77933" i="1"/>
  <c r="AF77934" i="1"/>
  <c r="AF77935" i="1"/>
  <c r="AF77936" i="1"/>
  <c r="AF77937" i="1"/>
  <c r="AF77938" i="1"/>
  <c r="AF77939" i="1"/>
  <c r="AF77940" i="1"/>
  <c r="AF77941" i="1"/>
  <c r="AF77942" i="1"/>
  <c r="AF77943" i="1"/>
  <c r="AF77944" i="1"/>
  <c r="AF77945" i="1"/>
  <c r="AF77946" i="1"/>
  <c r="AF77947" i="1"/>
  <c r="AF77948" i="1"/>
  <c r="AF77949" i="1"/>
  <c r="AF77950" i="1"/>
  <c r="AF77951" i="1"/>
  <c r="AF77952" i="1"/>
  <c r="AF77953" i="1"/>
  <c r="AF77954" i="1"/>
  <c r="AF77955" i="1"/>
  <c r="AF77956" i="1"/>
  <c r="AF77957" i="1"/>
  <c r="AF77958" i="1"/>
  <c r="AF77959" i="1"/>
  <c r="AF77960" i="1"/>
  <c r="AF77961" i="1"/>
  <c r="AF77962" i="1"/>
  <c r="AF77963" i="1"/>
  <c r="AF77964" i="1"/>
  <c r="AF77965" i="1"/>
  <c r="AF77966" i="1"/>
  <c r="AF77967" i="1"/>
  <c r="AF77968" i="1"/>
  <c r="AF77969" i="1"/>
  <c r="AF77970" i="1"/>
  <c r="AF77971" i="1"/>
  <c r="AF77972" i="1"/>
  <c r="AF77973" i="1"/>
  <c r="AF77974" i="1"/>
  <c r="AF77975" i="1"/>
  <c r="AF77976" i="1"/>
  <c r="AF77977" i="1"/>
  <c r="AF77978" i="1"/>
  <c r="AF77979" i="1"/>
  <c r="AF77980" i="1"/>
  <c r="AF77981" i="1"/>
  <c r="AF77982" i="1"/>
  <c r="AF77983" i="1"/>
  <c r="AF77984" i="1"/>
  <c r="AF77985" i="1"/>
  <c r="AF77986" i="1"/>
  <c r="AF77987" i="1"/>
  <c r="AF77988" i="1"/>
  <c r="AF77989" i="1"/>
  <c r="AF77990" i="1"/>
  <c r="AF77991" i="1"/>
  <c r="AF77992" i="1"/>
  <c r="AF77993" i="1"/>
  <c r="AF77994" i="1"/>
  <c r="AF77995" i="1"/>
  <c r="AF77996" i="1"/>
  <c r="AF77997" i="1"/>
  <c r="AF77998" i="1"/>
  <c r="AF77999" i="1"/>
  <c r="AF78000" i="1"/>
  <c r="AF78001" i="1"/>
  <c r="AF78002" i="1"/>
  <c r="AF78003" i="1"/>
  <c r="AF78004" i="1"/>
  <c r="AF78005" i="1"/>
  <c r="AF78006" i="1"/>
  <c r="AF78007" i="1"/>
  <c r="AF78008" i="1"/>
  <c r="AF78009" i="1"/>
  <c r="AF78010" i="1"/>
  <c r="AF78011" i="1"/>
  <c r="AF78012" i="1"/>
  <c r="AF78013" i="1"/>
  <c r="AF78014" i="1"/>
  <c r="AF78015" i="1"/>
  <c r="AF78016" i="1"/>
  <c r="AF78017" i="1"/>
  <c r="AF78018" i="1"/>
  <c r="AF78019" i="1"/>
  <c r="AF78020" i="1"/>
  <c r="AF78021" i="1"/>
  <c r="AF78022" i="1"/>
  <c r="AF78023" i="1"/>
  <c r="AF78024" i="1"/>
  <c r="AF78025" i="1"/>
  <c r="AF78026" i="1"/>
  <c r="AF78027" i="1"/>
  <c r="AF78028" i="1"/>
  <c r="AF78029" i="1"/>
  <c r="AF78030" i="1"/>
  <c r="AF78031" i="1"/>
  <c r="AF78032" i="1"/>
  <c r="AF78033" i="1"/>
  <c r="AF78034" i="1"/>
  <c r="AF78035" i="1"/>
  <c r="AF78036" i="1"/>
  <c r="AF78037" i="1"/>
  <c r="AF78038" i="1"/>
  <c r="AF78039" i="1"/>
  <c r="AF78040" i="1"/>
  <c r="AF78041" i="1"/>
  <c r="AF78042" i="1"/>
  <c r="AF78043" i="1"/>
  <c r="AF78044" i="1"/>
  <c r="AF78045" i="1"/>
  <c r="AF78046" i="1"/>
  <c r="AF78047" i="1"/>
  <c r="AF78048" i="1"/>
  <c r="AF78049" i="1"/>
  <c r="AF78050" i="1"/>
  <c r="AF78051" i="1"/>
  <c r="AF78052" i="1"/>
  <c r="AF78053" i="1"/>
  <c r="AF78054" i="1"/>
  <c r="AF78055" i="1"/>
  <c r="AF78056" i="1"/>
  <c r="AF78057" i="1"/>
  <c r="AF78058" i="1"/>
  <c r="AF78059" i="1"/>
  <c r="AF78060" i="1"/>
  <c r="AF78061" i="1"/>
  <c r="AF78062" i="1"/>
  <c r="AF78063" i="1"/>
  <c r="AF78064" i="1"/>
  <c r="AF78065" i="1"/>
  <c r="AF78066" i="1"/>
  <c r="AF78067" i="1"/>
  <c r="AF78068" i="1"/>
  <c r="AF78069" i="1"/>
  <c r="AF78070" i="1"/>
  <c r="AF78071" i="1"/>
  <c r="AF78072" i="1"/>
  <c r="AF78073" i="1"/>
  <c r="AF78074" i="1"/>
  <c r="AF78075" i="1"/>
  <c r="AF78076" i="1"/>
  <c r="AF78077" i="1"/>
  <c r="AF78078" i="1"/>
  <c r="AF78079" i="1"/>
  <c r="AF78080" i="1"/>
  <c r="AF78081" i="1"/>
  <c r="AF78082" i="1"/>
  <c r="AF78083" i="1"/>
  <c r="AF78084" i="1"/>
  <c r="AF78085" i="1"/>
  <c r="AF78086" i="1"/>
  <c r="AF78087" i="1"/>
  <c r="AF78088" i="1"/>
  <c r="AF78089" i="1"/>
  <c r="AF78090" i="1"/>
  <c r="AF78091" i="1"/>
  <c r="AF78092" i="1"/>
  <c r="AF78093" i="1"/>
  <c r="AF78094" i="1"/>
  <c r="AF78095" i="1"/>
  <c r="AF78096" i="1"/>
  <c r="AF78097" i="1"/>
  <c r="AF78098" i="1"/>
  <c r="AF78099" i="1"/>
  <c r="AF78100" i="1"/>
  <c r="AF78101" i="1"/>
  <c r="AF78102" i="1"/>
  <c r="AF78103" i="1"/>
  <c r="AF78104" i="1"/>
  <c r="AF78105" i="1"/>
  <c r="AF78106" i="1"/>
  <c r="AF78107" i="1"/>
  <c r="AF78108" i="1"/>
  <c r="AF78109" i="1"/>
  <c r="AF78110" i="1"/>
  <c r="AF78111" i="1"/>
  <c r="AF78112" i="1"/>
  <c r="AF78113" i="1"/>
  <c r="AF78114" i="1"/>
  <c r="AF78115" i="1"/>
  <c r="AF78116" i="1"/>
  <c r="AF78117" i="1"/>
  <c r="AF78118" i="1"/>
  <c r="AF78119" i="1"/>
  <c r="AF78120" i="1"/>
  <c r="AF78121" i="1"/>
  <c r="AF78122" i="1"/>
  <c r="AF78123" i="1"/>
  <c r="AF78124" i="1"/>
  <c r="AF78125" i="1"/>
  <c r="AF78126" i="1"/>
  <c r="AF78127" i="1"/>
  <c r="AF78128" i="1"/>
  <c r="AF78129" i="1"/>
  <c r="AF78130" i="1"/>
  <c r="AF78131" i="1"/>
  <c r="AF78132" i="1"/>
  <c r="AF78133" i="1"/>
  <c r="AF78134" i="1"/>
  <c r="AF78135" i="1"/>
  <c r="AF78136" i="1"/>
  <c r="AF78137" i="1"/>
  <c r="AF78138" i="1"/>
  <c r="AF78139" i="1"/>
  <c r="AF78140" i="1"/>
  <c r="AF78141" i="1"/>
  <c r="AF78142" i="1"/>
  <c r="AF78143" i="1"/>
  <c r="AF78144" i="1"/>
  <c r="AF78145" i="1"/>
  <c r="AF78146" i="1"/>
  <c r="AF78147" i="1"/>
  <c r="AF78148" i="1"/>
  <c r="AF78149" i="1"/>
  <c r="AF78150" i="1"/>
  <c r="AF78151" i="1"/>
  <c r="AF78152" i="1"/>
  <c r="AF78153" i="1"/>
  <c r="AF78154" i="1"/>
  <c r="AF78155" i="1"/>
  <c r="AF78156" i="1"/>
  <c r="AF78157" i="1"/>
  <c r="AF78158" i="1"/>
  <c r="AF78159" i="1"/>
  <c r="AF78160" i="1"/>
  <c r="AF78161" i="1"/>
  <c r="AF78162" i="1"/>
  <c r="AF78163" i="1"/>
  <c r="AF78164" i="1"/>
  <c r="AF78165" i="1"/>
  <c r="AF78166" i="1"/>
  <c r="AF78167" i="1"/>
  <c r="AF78168" i="1"/>
  <c r="AF78169" i="1"/>
  <c r="AF78170" i="1"/>
  <c r="AF78171" i="1"/>
  <c r="AF78172" i="1"/>
  <c r="AF78173" i="1"/>
  <c r="AF78174" i="1"/>
  <c r="AF78175" i="1"/>
  <c r="AF78176" i="1"/>
  <c r="AF78177" i="1"/>
  <c r="AF78178" i="1"/>
  <c r="AF78179" i="1"/>
  <c r="AF78180" i="1"/>
  <c r="AF78181" i="1"/>
  <c r="AF78182" i="1"/>
  <c r="AF78183" i="1"/>
  <c r="AF78184" i="1"/>
  <c r="AF78185" i="1"/>
  <c r="AF78186" i="1"/>
  <c r="AF78187" i="1"/>
  <c r="AF78188" i="1"/>
  <c r="AF78189" i="1"/>
  <c r="AF78190" i="1"/>
  <c r="AF78191" i="1"/>
  <c r="AF78192" i="1"/>
  <c r="AF78193" i="1"/>
  <c r="AF78194" i="1"/>
  <c r="AF78195" i="1"/>
  <c r="AF78196" i="1"/>
  <c r="AF78197" i="1"/>
  <c r="AF78198" i="1"/>
  <c r="AF78199" i="1"/>
  <c r="AF78200" i="1"/>
  <c r="AF78201" i="1"/>
  <c r="AF78202" i="1"/>
  <c r="AF78203" i="1"/>
  <c r="AF78204" i="1"/>
  <c r="AF78205" i="1"/>
  <c r="AF78206" i="1"/>
  <c r="AF78207" i="1"/>
  <c r="AF78208" i="1"/>
  <c r="AF78209" i="1"/>
  <c r="AF78210" i="1"/>
  <c r="AF78211" i="1"/>
  <c r="AF78212" i="1"/>
  <c r="AF78213" i="1"/>
  <c r="AF78214" i="1"/>
  <c r="AF78215" i="1"/>
  <c r="AF78216" i="1"/>
  <c r="AF78217" i="1"/>
  <c r="AF78218" i="1"/>
  <c r="AF78219" i="1"/>
  <c r="AF78220" i="1"/>
  <c r="AF78221" i="1"/>
  <c r="AF78222" i="1"/>
  <c r="AF78223" i="1"/>
  <c r="AF78224" i="1"/>
  <c r="AF78225" i="1"/>
  <c r="AF78226" i="1"/>
  <c r="AF78227" i="1"/>
  <c r="AF78228" i="1"/>
  <c r="AF78229" i="1"/>
  <c r="AF78230" i="1"/>
  <c r="AF78231" i="1"/>
  <c r="AF78232" i="1"/>
  <c r="AF78233" i="1"/>
  <c r="AF78234" i="1"/>
  <c r="AF78235" i="1"/>
  <c r="AF78236" i="1"/>
  <c r="AF78237" i="1"/>
  <c r="AF78238" i="1"/>
  <c r="AF78239" i="1"/>
  <c r="AF78240" i="1"/>
  <c r="AF78241" i="1"/>
  <c r="AF78242" i="1"/>
  <c r="AF78243" i="1"/>
  <c r="AF78244" i="1"/>
  <c r="AF78245" i="1"/>
  <c r="AF78246" i="1"/>
  <c r="AF78247" i="1"/>
  <c r="AF78248" i="1"/>
  <c r="AF78249" i="1"/>
  <c r="AF78250" i="1"/>
  <c r="AF78251" i="1"/>
  <c r="AF78252" i="1"/>
  <c r="AF78253" i="1"/>
  <c r="AF78254" i="1"/>
  <c r="AF78255" i="1"/>
  <c r="AF78256" i="1"/>
  <c r="AF78257" i="1"/>
  <c r="AF78258" i="1"/>
  <c r="AF78259" i="1"/>
  <c r="AF78260" i="1"/>
  <c r="AF78261" i="1"/>
  <c r="AF78262" i="1"/>
  <c r="AF78263" i="1"/>
  <c r="AF78264" i="1"/>
  <c r="AF78265" i="1"/>
  <c r="AF78266" i="1"/>
  <c r="AF78267" i="1"/>
  <c r="AF78268" i="1"/>
  <c r="AF78269" i="1"/>
  <c r="AF78270" i="1"/>
  <c r="AF78271" i="1"/>
  <c r="AF78272" i="1"/>
  <c r="AF78273" i="1"/>
  <c r="AF78274" i="1"/>
  <c r="AF78275" i="1"/>
  <c r="AF78276" i="1"/>
  <c r="AF78277" i="1"/>
  <c r="AF78278" i="1"/>
  <c r="AF78279" i="1"/>
  <c r="AF78280" i="1"/>
  <c r="AF78281" i="1"/>
  <c r="AF78282" i="1"/>
  <c r="AF78283" i="1"/>
  <c r="AF78284" i="1"/>
  <c r="AF78285" i="1"/>
  <c r="AF78286" i="1"/>
  <c r="AF78287" i="1"/>
  <c r="AF78288" i="1"/>
  <c r="AF78289" i="1"/>
  <c r="AF78290" i="1"/>
  <c r="AF78291" i="1"/>
  <c r="AF78292" i="1"/>
  <c r="AF78293" i="1"/>
  <c r="AF78294" i="1"/>
  <c r="AF78295" i="1"/>
  <c r="AF78296" i="1"/>
  <c r="AF78297" i="1"/>
  <c r="AF78298" i="1"/>
  <c r="AF78299" i="1"/>
  <c r="AF78300" i="1"/>
  <c r="AF78301" i="1"/>
  <c r="AF78302" i="1"/>
  <c r="AF78303" i="1"/>
  <c r="AF78304" i="1"/>
  <c r="AF78305" i="1"/>
  <c r="AF78306" i="1"/>
  <c r="AF78307" i="1"/>
  <c r="AF78308" i="1"/>
  <c r="AF78309" i="1"/>
  <c r="AF78310" i="1"/>
  <c r="AF78311" i="1"/>
  <c r="AF78312" i="1"/>
  <c r="AF78313" i="1"/>
  <c r="AF78314" i="1"/>
  <c r="AF78315" i="1"/>
  <c r="AF78316" i="1"/>
  <c r="AF78317" i="1"/>
  <c r="AF78318" i="1"/>
  <c r="AF78319" i="1"/>
  <c r="AF78320" i="1"/>
  <c r="AF78321" i="1"/>
  <c r="AF78322" i="1"/>
  <c r="AF78323" i="1"/>
  <c r="AF78324" i="1"/>
  <c r="AF78325" i="1"/>
  <c r="AF78326" i="1"/>
  <c r="AF78327" i="1"/>
  <c r="AF78328" i="1"/>
  <c r="AF78329" i="1"/>
  <c r="AF78330" i="1"/>
  <c r="AF78331" i="1"/>
  <c r="AF78332" i="1"/>
  <c r="AF78333" i="1"/>
  <c r="AF78334" i="1"/>
  <c r="AF78335" i="1"/>
  <c r="AF78336" i="1"/>
  <c r="AF78337" i="1"/>
  <c r="AF78338" i="1"/>
  <c r="AF78339" i="1"/>
  <c r="AF78340" i="1"/>
  <c r="AF78341" i="1"/>
  <c r="AF78342" i="1"/>
  <c r="AF78343" i="1"/>
  <c r="AF78344" i="1"/>
  <c r="AF78345" i="1"/>
  <c r="AF78346" i="1"/>
  <c r="AF78347" i="1"/>
  <c r="AF78348" i="1"/>
  <c r="AF78349" i="1"/>
  <c r="AF78350" i="1"/>
  <c r="AF78351" i="1"/>
  <c r="AF78352" i="1"/>
  <c r="AF78353" i="1"/>
  <c r="AF78354" i="1"/>
  <c r="AF78355" i="1"/>
  <c r="AF78356" i="1"/>
  <c r="AF78357" i="1"/>
  <c r="AF78358" i="1"/>
  <c r="AF78359" i="1"/>
  <c r="AF78360" i="1"/>
  <c r="AF78361" i="1"/>
  <c r="AF78362" i="1"/>
  <c r="AF78363" i="1"/>
  <c r="AF78364" i="1"/>
  <c r="AF78365" i="1"/>
  <c r="AF78366" i="1"/>
  <c r="AF78367" i="1"/>
  <c r="AF78368" i="1"/>
  <c r="AF78369" i="1"/>
  <c r="AF78370" i="1"/>
  <c r="AF78371" i="1"/>
  <c r="AF78372" i="1"/>
  <c r="AF78373" i="1"/>
  <c r="AF78374" i="1"/>
  <c r="AF78375" i="1"/>
  <c r="AF78376" i="1"/>
  <c r="AF78377" i="1"/>
  <c r="AF78378" i="1"/>
  <c r="AF78379" i="1"/>
  <c r="AF78380" i="1"/>
  <c r="AF78381" i="1"/>
  <c r="AF78382" i="1"/>
  <c r="AF78383" i="1"/>
  <c r="AF78384" i="1"/>
  <c r="AF78385" i="1"/>
  <c r="AF78386" i="1"/>
  <c r="AF78387" i="1"/>
  <c r="AF78388" i="1"/>
  <c r="AF78389" i="1"/>
  <c r="AF78390" i="1"/>
  <c r="AF78391" i="1"/>
  <c r="AF78392" i="1"/>
  <c r="AF78393" i="1"/>
  <c r="AF78394" i="1"/>
  <c r="AF78395" i="1"/>
  <c r="AF78396" i="1"/>
  <c r="AF78397" i="1"/>
  <c r="AF78398" i="1"/>
  <c r="AF78399" i="1"/>
  <c r="AF78400" i="1"/>
  <c r="AF78401" i="1"/>
  <c r="AF78402" i="1"/>
  <c r="AF78403" i="1"/>
  <c r="AF78404" i="1"/>
  <c r="AF78405" i="1"/>
  <c r="AF78406" i="1"/>
  <c r="AF78407" i="1"/>
  <c r="AF78408" i="1"/>
  <c r="AF78409" i="1"/>
  <c r="AF78410" i="1"/>
  <c r="AF78411" i="1"/>
  <c r="AF78412" i="1"/>
  <c r="AF78413" i="1"/>
  <c r="AF78414" i="1"/>
  <c r="AF78415" i="1"/>
  <c r="AF78416" i="1"/>
  <c r="AF78417" i="1"/>
  <c r="AF78418" i="1"/>
  <c r="AF78419" i="1"/>
  <c r="AF78420" i="1"/>
  <c r="AF78421" i="1"/>
  <c r="AF78422" i="1"/>
  <c r="AF78423" i="1"/>
  <c r="AF78424" i="1"/>
  <c r="AF78425" i="1"/>
  <c r="AF78426" i="1"/>
  <c r="AF78427" i="1"/>
  <c r="AF78428" i="1"/>
  <c r="AF78429" i="1"/>
  <c r="AF78430" i="1"/>
  <c r="AF78431" i="1"/>
  <c r="AF78432" i="1"/>
  <c r="AF78433" i="1"/>
  <c r="AF78434" i="1"/>
  <c r="AF78435" i="1"/>
  <c r="AF78436" i="1"/>
  <c r="AF78437" i="1"/>
  <c r="AF78438" i="1"/>
  <c r="AF78439" i="1"/>
  <c r="AF78440" i="1"/>
  <c r="AF78441" i="1"/>
  <c r="AF78442" i="1"/>
  <c r="AF78443" i="1"/>
  <c r="AF78444" i="1"/>
  <c r="AF78445" i="1"/>
  <c r="AF78446" i="1"/>
  <c r="AF78447" i="1"/>
  <c r="AF78448" i="1"/>
  <c r="AF78449" i="1"/>
  <c r="AF78450" i="1"/>
  <c r="AF78451" i="1"/>
  <c r="AF78452" i="1"/>
  <c r="AF78453" i="1"/>
  <c r="AF78454" i="1"/>
  <c r="AF78455" i="1"/>
  <c r="AF78456" i="1"/>
  <c r="AF78457" i="1"/>
  <c r="AF78458" i="1"/>
  <c r="AF78459" i="1"/>
  <c r="AF78460" i="1"/>
  <c r="AF78461" i="1"/>
  <c r="AF78462" i="1"/>
  <c r="AF78463" i="1"/>
  <c r="AF78464" i="1"/>
  <c r="AF78465" i="1"/>
  <c r="AF78466" i="1"/>
  <c r="AF78467" i="1"/>
  <c r="AF78468" i="1"/>
  <c r="AF78469" i="1"/>
  <c r="AF78470" i="1"/>
  <c r="AF78471" i="1"/>
  <c r="AF78472" i="1"/>
  <c r="AF78473" i="1"/>
  <c r="AF78474" i="1"/>
  <c r="AF78475" i="1"/>
  <c r="AF78476" i="1"/>
  <c r="AF78477" i="1"/>
  <c r="AF78478" i="1"/>
  <c r="AF78479" i="1"/>
  <c r="AF78480" i="1"/>
  <c r="AF78481" i="1"/>
  <c r="AF78482" i="1"/>
  <c r="AF78483" i="1"/>
  <c r="AF78484" i="1"/>
  <c r="AF78485" i="1"/>
  <c r="AF78486" i="1"/>
  <c r="AF78487" i="1"/>
  <c r="AF78488" i="1"/>
  <c r="AF78489" i="1"/>
  <c r="AF78490" i="1"/>
  <c r="AF78491" i="1"/>
  <c r="AF78492" i="1"/>
  <c r="AF78493" i="1"/>
  <c r="AF78494" i="1"/>
  <c r="AF78495" i="1"/>
  <c r="AF78496" i="1"/>
  <c r="AF78497" i="1"/>
  <c r="AF78498" i="1"/>
  <c r="AF78499" i="1"/>
  <c r="AF78500" i="1"/>
  <c r="AF78501" i="1"/>
  <c r="AF78502" i="1"/>
  <c r="AF78503" i="1"/>
  <c r="AF78504" i="1"/>
  <c r="AF78505" i="1"/>
  <c r="AF78506" i="1"/>
  <c r="AF78507" i="1"/>
  <c r="AF78508" i="1"/>
  <c r="AF78509" i="1"/>
  <c r="AF78510" i="1"/>
  <c r="AF78511" i="1"/>
  <c r="AF78512" i="1"/>
  <c r="AF78513" i="1"/>
  <c r="AF78514" i="1"/>
  <c r="AF78515" i="1"/>
  <c r="AF78516" i="1"/>
  <c r="AF78517" i="1"/>
  <c r="AF78518" i="1"/>
  <c r="AF78519" i="1"/>
  <c r="AF78520" i="1"/>
  <c r="AF78521" i="1"/>
  <c r="AF78522" i="1"/>
  <c r="AF78523" i="1"/>
  <c r="AF78524" i="1"/>
  <c r="AF78525" i="1"/>
  <c r="AF78526" i="1"/>
  <c r="AF78527" i="1"/>
  <c r="AF78528" i="1"/>
  <c r="AF78529" i="1"/>
  <c r="AF78530" i="1"/>
  <c r="AF78531" i="1"/>
  <c r="AF78532" i="1"/>
  <c r="AF78533" i="1"/>
  <c r="AF78534" i="1"/>
  <c r="AF78535" i="1"/>
  <c r="AF78536" i="1"/>
  <c r="AF78537" i="1"/>
  <c r="AF78538" i="1"/>
  <c r="AF78539" i="1"/>
  <c r="AF78540" i="1"/>
  <c r="AF78541" i="1"/>
  <c r="AF78542" i="1"/>
  <c r="AF78543" i="1"/>
  <c r="AF78544" i="1"/>
  <c r="AF78545" i="1"/>
  <c r="AF78546" i="1"/>
  <c r="AF78547" i="1"/>
  <c r="AF78548" i="1"/>
  <c r="AF78549" i="1"/>
  <c r="AF78550" i="1"/>
  <c r="AF78551" i="1"/>
  <c r="AF78552" i="1"/>
  <c r="AF78553" i="1"/>
  <c r="AF78554" i="1"/>
  <c r="AF78555" i="1"/>
  <c r="AF78556" i="1"/>
  <c r="AF78557" i="1"/>
  <c r="AF78558" i="1"/>
  <c r="AF78559" i="1"/>
  <c r="AF78560" i="1"/>
  <c r="AF78561" i="1"/>
  <c r="AF78562" i="1"/>
  <c r="AF78563" i="1"/>
  <c r="AF78564" i="1"/>
  <c r="AF78565" i="1"/>
  <c r="AF78566" i="1"/>
  <c r="AF78567" i="1"/>
  <c r="AF78568" i="1"/>
  <c r="AF78569" i="1"/>
  <c r="AF78570" i="1"/>
  <c r="AF78571" i="1"/>
  <c r="AF78572" i="1"/>
  <c r="AF78573" i="1"/>
  <c r="AF78574" i="1"/>
  <c r="AF78575" i="1"/>
  <c r="AF78576" i="1"/>
  <c r="AF78577" i="1"/>
  <c r="AF78578" i="1"/>
  <c r="AF78579" i="1"/>
  <c r="AF78580" i="1"/>
  <c r="AF78581" i="1"/>
  <c r="AF78582" i="1"/>
  <c r="AF78583" i="1"/>
  <c r="AF78584" i="1"/>
  <c r="AF78585" i="1"/>
  <c r="AF78586" i="1"/>
  <c r="AF78587" i="1"/>
  <c r="AF78588" i="1"/>
  <c r="AF78589" i="1"/>
  <c r="AF78590" i="1"/>
  <c r="AF78591" i="1"/>
  <c r="AF78592" i="1"/>
  <c r="AF78593" i="1"/>
  <c r="AF78594" i="1"/>
  <c r="AF78595" i="1"/>
  <c r="AF78596" i="1"/>
  <c r="AF78597" i="1"/>
  <c r="AF78598" i="1"/>
  <c r="AF78599" i="1"/>
  <c r="AF78600" i="1"/>
  <c r="AF78601" i="1"/>
  <c r="AF78602" i="1"/>
  <c r="AF78603" i="1"/>
  <c r="AF78604" i="1"/>
  <c r="AF78605" i="1"/>
  <c r="AF78606" i="1"/>
  <c r="AF78607" i="1"/>
  <c r="AF78608" i="1"/>
  <c r="AF78609" i="1"/>
  <c r="AF78610" i="1"/>
  <c r="AF78611" i="1"/>
  <c r="AF78612" i="1"/>
  <c r="AF78613" i="1"/>
  <c r="AF78614" i="1"/>
  <c r="AF78615" i="1"/>
  <c r="AF78616" i="1"/>
  <c r="AF78617" i="1"/>
  <c r="AF78618" i="1"/>
  <c r="AF78619" i="1"/>
  <c r="AF78620" i="1"/>
  <c r="AF78621" i="1"/>
  <c r="AF78622" i="1"/>
  <c r="AF78623" i="1"/>
  <c r="AF78624" i="1"/>
  <c r="AF78625" i="1"/>
  <c r="AF78626" i="1"/>
  <c r="AF78627" i="1"/>
  <c r="AF78628" i="1"/>
  <c r="AF78629" i="1"/>
  <c r="AF78630" i="1"/>
  <c r="AF78631" i="1"/>
  <c r="AF78632" i="1"/>
  <c r="AF78633" i="1"/>
  <c r="AF78634" i="1"/>
  <c r="AF78635" i="1"/>
  <c r="AF78636" i="1"/>
  <c r="AF78637" i="1"/>
  <c r="AF78638" i="1"/>
  <c r="AF78639" i="1"/>
  <c r="AF78640" i="1"/>
  <c r="AF78641" i="1"/>
  <c r="AF78642" i="1"/>
  <c r="AF78643" i="1"/>
  <c r="AF78644" i="1"/>
  <c r="AF78645" i="1"/>
  <c r="AF78646" i="1"/>
  <c r="AF78647" i="1"/>
  <c r="AF78648" i="1"/>
  <c r="AF78649" i="1"/>
  <c r="AF78650" i="1"/>
  <c r="AF78651" i="1"/>
  <c r="AF78652" i="1"/>
  <c r="AF78653" i="1"/>
  <c r="AF78654" i="1"/>
  <c r="AF78655" i="1"/>
  <c r="AF78656" i="1"/>
  <c r="AF78657" i="1"/>
  <c r="AF78658" i="1"/>
  <c r="AF78659" i="1"/>
  <c r="AF78660" i="1"/>
  <c r="AF78661" i="1"/>
  <c r="AF78662" i="1"/>
  <c r="AF78663" i="1"/>
  <c r="AF78664" i="1"/>
  <c r="AF78665" i="1"/>
  <c r="AF78666" i="1"/>
  <c r="AF78667" i="1"/>
  <c r="AF78668" i="1"/>
  <c r="AF78669" i="1"/>
  <c r="AF78670" i="1"/>
  <c r="AF78671" i="1"/>
  <c r="AF78672" i="1"/>
  <c r="AF78673" i="1"/>
  <c r="AF78674" i="1"/>
  <c r="AF78675" i="1"/>
  <c r="AF78676" i="1"/>
  <c r="AF78677" i="1"/>
  <c r="AF78678" i="1"/>
  <c r="AF78679" i="1"/>
  <c r="AF78680" i="1"/>
  <c r="AF78681" i="1"/>
  <c r="AF78682" i="1"/>
  <c r="AF78683" i="1"/>
  <c r="AF78684" i="1"/>
  <c r="AF78685" i="1"/>
  <c r="AF78686" i="1"/>
  <c r="AF78687" i="1"/>
  <c r="AF78688" i="1"/>
  <c r="AF78689" i="1"/>
  <c r="AF78690" i="1"/>
  <c r="AF78691" i="1"/>
  <c r="AF78692" i="1"/>
  <c r="AF78693" i="1"/>
  <c r="AF78694" i="1"/>
  <c r="AF78695" i="1"/>
  <c r="AF78696" i="1"/>
  <c r="AF78697" i="1"/>
  <c r="AF78698" i="1"/>
  <c r="AF78699" i="1"/>
  <c r="AF78700" i="1"/>
  <c r="AF78701" i="1"/>
  <c r="AF78702" i="1"/>
  <c r="AF78703" i="1"/>
  <c r="AF78704" i="1"/>
  <c r="AF78705" i="1"/>
  <c r="AF78706" i="1"/>
  <c r="AF78707" i="1"/>
  <c r="AF78708" i="1"/>
  <c r="AF78709" i="1"/>
  <c r="AF78710" i="1"/>
  <c r="AF78711" i="1"/>
  <c r="AF78712" i="1"/>
  <c r="AF78713" i="1"/>
  <c r="AF78714" i="1"/>
  <c r="AF78715" i="1"/>
  <c r="AF78716" i="1"/>
  <c r="AF78717" i="1"/>
  <c r="AF78718" i="1"/>
  <c r="AF78719" i="1"/>
  <c r="AF78720" i="1"/>
  <c r="AF78721" i="1"/>
  <c r="AF78722" i="1"/>
  <c r="AF78723" i="1"/>
  <c r="AF78724" i="1"/>
  <c r="AF78725" i="1"/>
  <c r="AF78726" i="1"/>
  <c r="AF78727" i="1"/>
  <c r="AF78728" i="1"/>
  <c r="AF78729" i="1"/>
  <c r="AF78730" i="1"/>
  <c r="AF78731" i="1"/>
  <c r="AF78732" i="1"/>
  <c r="AF78733" i="1"/>
  <c r="AF78734" i="1"/>
  <c r="AF78735" i="1"/>
  <c r="AF78736" i="1"/>
  <c r="AF78737" i="1"/>
  <c r="AF78738" i="1"/>
  <c r="AF78739" i="1"/>
  <c r="AF78740" i="1"/>
  <c r="AF78741" i="1"/>
  <c r="AF78742" i="1"/>
  <c r="AF78743" i="1"/>
  <c r="AF78744" i="1"/>
  <c r="AF78745" i="1"/>
  <c r="AF78746" i="1"/>
  <c r="AF78747" i="1"/>
  <c r="AF78748" i="1"/>
  <c r="AF78749" i="1"/>
  <c r="AF78750" i="1"/>
  <c r="AF78751" i="1"/>
  <c r="AF78752" i="1"/>
  <c r="AF78753" i="1"/>
  <c r="AF78754" i="1"/>
  <c r="AF78755" i="1"/>
  <c r="AF78756" i="1"/>
  <c r="AF78757" i="1"/>
  <c r="AF78758" i="1"/>
  <c r="AF78759" i="1"/>
  <c r="AF78760" i="1"/>
  <c r="AF78761" i="1"/>
  <c r="AF78762" i="1"/>
  <c r="AF78763" i="1"/>
  <c r="AF78764" i="1"/>
  <c r="AF78765" i="1"/>
  <c r="AF78766" i="1"/>
  <c r="AF78767" i="1"/>
  <c r="AF78768" i="1"/>
  <c r="AF78769" i="1"/>
  <c r="AF78770" i="1"/>
  <c r="AF78771" i="1"/>
  <c r="AF78772" i="1"/>
  <c r="AF78773" i="1"/>
  <c r="AF78774" i="1"/>
  <c r="AF78775" i="1"/>
  <c r="AF78776" i="1"/>
  <c r="AF78777" i="1"/>
  <c r="AF78778" i="1"/>
  <c r="AF78779" i="1"/>
  <c r="AF78780" i="1"/>
  <c r="AF78781" i="1"/>
  <c r="AF78782" i="1"/>
  <c r="AF78783" i="1"/>
  <c r="AF78784" i="1"/>
  <c r="AF78785" i="1"/>
  <c r="AF78786" i="1"/>
  <c r="AF78787" i="1"/>
  <c r="AF78788" i="1"/>
  <c r="AF78789" i="1"/>
  <c r="AF78790" i="1"/>
  <c r="AF78791" i="1"/>
  <c r="AF78792" i="1"/>
  <c r="AF78793" i="1"/>
  <c r="AF78794" i="1"/>
  <c r="AF78795" i="1"/>
  <c r="AF78796" i="1"/>
  <c r="AF78797" i="1"/>
  <c r="AF78798" i="1"/>
  <c r="AF78799" i="1"/>
  <c r="AF78800" i="1"/>
  <c r="AF78801" i="1"/>
  <c r="AF78802" i="1"/>
  <c r="AF78803" i="1"/>
  <c r="AF78804" i="1"/>
  <c r="AF78805" i="1"/>
  <c r="AF78806" i="1"/>
  <c r="AF78807" i="1"/>
  <c r="AF78808" i="1"/>
  <c r="AF78809" i="1"/>
  <c r="AF78810" i="1"/>
  <c r="AF78811" i="1"/>
  <c r="AF78812" i="1"/>
  <c r="AF78813" i="1"/>
  <c r="AF78814" i="1"/>
  <c r="AF78815" i="1"/>
  <c r="AF78816" i="1"/>
  <c r="AF78817" i="1"/>
  <c r="AF78818" i="1"/>
  <c r="AF78819" i="1"/>
  <c r="AF78820" i="1"/>
  <c r="AF78821" i="1"/>
  <c r="AF78822" i="1"/>
  <c r="AF78823" i="1"/>
  <c r="AF78824" i="1"/>
  <c r="AF78825" i="1"/>
  <c r="AF78826" i="1"/>
  <c r="AF78827" i="1"/>
  <c r="AF78828" i="1"/>
  <c r="AF78829" i="1"/>
  <c r="AF78830" i="1"/>
  <c r="AF78831" i="1"/>
  <c r="AF78832" i="1"/>
  <c r="AF78833" i="1"/>
  <c r="AF78834" i="1"/>
  <c r="AF78835" i="1"/>
  <c r="AF78836" i="1"/>
  <c r="AF78837" i="1"/>
  <c r="AF78838" i="1"/>
  <c r="AF78839" i="1"/>
  <c r="AF78840" i="1"/>
  <c r="AF78841" i="1"/>
  <c r="AF78842" i="1"/>
  <c r="AF78843" i="1"/>
  <c r="AF78844" i="1"/>
  <c r="AF78845" i="1"/>
  <c r="AF78846" i="1"/>
  <c r="AF78847" i="1"/>
  <c r="AF78848" i="1"/>
  <c r="AF78849" i="1"/>
  <c r="AF78850" i="1"/>
  <c r="AF78851" i="1"/>
  <c r="AF78852" i="1"/>
  <c r="AF78853" i="1"/>
  <c r="AF78854" i="1"/>
  <c r="AF78855" i="1"/>
  <c r="AF78856" i="1"/>
  <c r="AF78857" i="1"/>
  <c r="AF78858" i="1"/>
  <c r="AF78859" i="1"/>
  <c r="AF78860" i="1"/>
  <c r="AF78861" i="1"/>
  <c r="AF78862" i="1"/>
  <c r="AF78863" i="1"/>
  <c r="AF78864" i="1"/>
  <c r="AF78865" i="1"/>
  <c r="AF78866" i="1"/>
  <c r="AF78867" i="1"/>
  <c r="AF78868" i="1"/>
  <c r="AF78869" i="1"/>
  <c r="AF78870" i="1"/>
  <c r="AF78871" i="1"/>
  <c r="AF78872" i="1"/>
  <c r="AF78873" i="1"/>
  <c r="AF78874" i="1"/>
  <c r="AF78875" i="1"/>
  <c r="AF78876" i="1"/>
  <c r="AF78877" i="1"/>
  <c r="AF78878" i="1"/>
  <c r="AF78879" i="1"/>
  <c r="AF78880" i="1"/>
  <c r="AF78881" i="1"/>
  <c r="AF78882" i="1"/>
  <c r="AF78883" i="1"/>
  <c r="AF78884" i="1"/>
  <c r="AF78885" i="1"/>
  <c r="AF78886" i="1"/>
  <c r="AF78887" i="1"/>
  <c r="AF78888" i="1"/>
  <c r="AF78889" i="1"/>
  <c r="AF78890" i="1"/>
  <c r="AF78891" i="1"/>
  <c r="AF78892" i="1"/>
  <c r="AF78893" i="1"/>
  <c r="AF78894" i="1"/>
  <c r="AF78895" i="1"/>
  <c r="AF78896" i="1"/>
  <c r="AF78897" i="1"/>
  <c r="AF78898" i="1"/>
  <c r="AF78899" i="1"/>
  <c r="AF78900" i="1"/>
  <c r="AF78901" i="1"/>
  <c r="AF78902" i="1"/>
  <c r="AF78903" i="1"/>
  <c r="AF78904" i="1"/>
  <c r="AF78905" i="1"/>
  <c r="AF78906" i="1"/>
  <c r="AF78907" i="1"/>
  <c r="AF78908" i="1"/>
  <c r="AF78909" i="1"/>
  <c r="AF78910" i="1"/>
  <c r="AF78911" i="1"/>
  <c r="AF78912" i="1"/>
  <c r="AF78913" i="1"/>
  <c r="AF78914" i="1"/>
  <c r="AF78915" i="1"/>
  <c r="AF78916" i="1"/>
  <c r="AF78917" i="1"/>
  <c r="AF78918" i="1"/>
  <c r="AF78919" i="1"/>
  <c r="AF78920" i="1"/>
  <c r="AF78921" i="1"/>
  <c r="AF78922" i="1"/>
  <c r="AF78923" i="1"/>
  <c r="AF78924" i="1"/>
  <c r="AF78925" i="1"/>
  <c r="AF78926" i="1"/>
  <c r="AF78927" i="1"/>
  <c r="AF78928" i="1"/>
  <c r="AF78929" i="1"/>
  <c r="AF78930" i="1"/>
  <c r="AF78931" i="1"/>
  <c r="AF78932" i="1"/>
  <c r="AF78933" i="1"/>
  <c r="AF78934" i="1"/>
  <c r="AF78935" i="1"/>
  <c r="AF78936" i="1"/>
  <c r="AF78937" i="1"/>
  <c r="AF78938" i="1"/>
  <c r="AF78939" i="1"/>
  <c r="AF78940" i="1"/>
  <c r="AF78941" i="1"/>
  <c r="AF78942" i="1"/>
  <c r="AF78943" i="1"/>
  <c r="AF78944" i="1"/>
  <c r="AF78945" i="1"/>
  <c r="AF78946" i="1"/>
  <c r="AF78947" i="1"/>
  <c r="AF78948" i="1"/>
  <c r="AF78949" i="1"/>
  <c r="AF78950" i="1"/>
  <c r="AF78951" i="1"/>
  <c r="AF78952" i="1"/>
  <c r="AF78953" i="1"/>
  <c r="AF78954" i="1"/>
  <c r="AF78955" i="1"/>
  <c r="AF78956" i="1"/>
  <c r="AF78957" i="1"/>
  <c r="AF78958" i="1"/>
  <c r="AF78959" i="1"/>
  <c r="AF78960" i="1"/>
  <c r="AF78961" i="1"/>
  <c r="AF78962" i="1"/>
  <c r="AF78963" i="1"/>
  <c r="AF78964" i="1"/>
  <c r="AF78965" i="1"/>
  <c r="AF78966" i="1"/>
  <c r="AF78967" i="1"/>
  <c r="AF78968" i="1"/>
  <c r="AF78969" i="1"/>
  <c r="AF78970" i="1"/>
  <c r="AF78971" i="1"/>
  <c r="AF78972" i="1"/>
  <c r="AF78973" i="1"/>
  <c r="AF78974" i="1"/>
  <c r="AF78975" i="1"/>
  <c r="AF78976" i="1"/>
  <c r="AF78977" i="1"/>
  <c r="AF78978" i="1"/>
  <c r="AF78979" i="1"/>
  <c r="AF78980" i="1"/>
  <c r="AF78981" i="1"/>
  <c r="AF78982" i="1"/>
  <c r="AF78983" i="1"/>
  <c r="AF78984" i="1"/>
  <c r="AF78985" i="1"/>
  <c r="AF78986" i="1"/>
  <c r="AF78987" i="1"/>
  <c r="AF78988" i="1"/>
  <c r="AF78989" i="1"/>
  <c r="AF78990" i="1"/>
  <c r="AF78991" i="1"/>
  <c r="AF78992" i="1"/>
  <c r="AF78993" i="1"/>
  <c r="AF78994" i="1"/>
  <c r="AF78995" i="1"/>
  <c r="AF78996" i="1"/>
  <c r="AF78997" i="1"/>
  <c r="AF78998" i="1"/>
  <c r="AF78999" i="1"/>
  <c r="AF79000" i="1"/>
  <c r="AF79001" i="1"/>
  <c r="AF79002" i="1"/>
  <c r="AF79003" i="1"/>
  <c r="AF79004" i="1"/>
  <c r="AF79005" i="1"/>
  <c r="AF79006" i="1"/>
  <c r="AF79007" i="1"/>
  <c r="AF79008" i="1"/>
  <c r="AF79009" i="1"/>
  <c r="AF79010" i="1"/>
  <c r="AF79011" i="1"/>
  <c r="AF79012" i="1"/>
  <c r="AF79013" i="1"/>
  <c r="AF79014" i="1"/>
  <c r="AF79015" i="1"/>
  <c r="AF79016" i="1"/>
  <c r="AF79017" i="1"/>
  <c r="AF79018" i="1"/>
  <c r="AF79019" i="1"/>
  <c r="AF79020" i="1"/>
  <c r="AF79021" i="1"/>
  <c r="AF79022" i="1"/>
  <c r="AF79023" i="1"/>
  <c r="AF79024" i="1"/>
  <c r="AF79025" i="1"/>
  <c r="AF79026" i="1"/>
  <c r="AF79027" i="1"/>
  <c r="AF79028" i="1"/>
  <c r="AF79029" i="1"/>
  <c r="AF79030" i="1"/>
  <c r="AF79031" i="1"/>
  <c r="AF79032" i="1"/>
  <c r="AF79033" i="1"/>
  <c r="AF79034" i="1"/>
  <c r="AF79035" i="1"/>
  <c r="AF79036" i="1"/>
  <c r="AF79037" i="1"/>
  <c r="AF79038" i="1"/>
  <c r="AF79039" i="1"/>
  <c r="AF79040" i="1"/>
  <c r="AF79041" i="1"/>
  <c r="AF79042" i="1"/>
  <c r="AF79043" i="1"/>
  <c r="AF79044" i="1"/>
  <c r="AF79045" i="1"/>
  <c r="AF79046" i="1"/>
  <c r="AF79047" i="1"/>
  <c r="AF79048" i="1"/>
  <c r="AF79049" i="1"/>
  <c r="AF79050" i="1"/>
  <c r="AF79051" i="1"/>
  <c r="AF79052" i="1"/>
  <c r="AF79053" i="1"/>
  <c r="AF79054" i="1"/>
  <c r="AF79055" i="1"/>
  <c r="AF79056" i="1"/>
  <c r="AF79057" i="1"/>
  <c r="AF79058" i="1"/>
  <c r="AF79059" i="1"/>
  <c r="AF79060" i="1"/>
  <c r="AF79061" i="1"/>
  <c r="AF79062" i="1"/>
  <c r="AF79063" i="1"/>
  <c r="AF79064" i="1"/>
  <c r="AF79065" i="1"/>
  <c r="AF79066" i="1"/>
  <c r="AF79067" i="1"/>
  <c r="AF79068" i="1"/>
  <c r="AF79069" i="1"/>
  <c r="AF79070" i="1"/>
  <c r="AF79071" i="1"/>
  <c r="AF79072" i="1"/>
  <c r="AF79073" i="1"/>
  <c r="AF79074" i="1"/>
  <c r="AF79075" i="1"/>
  <c r="AF79076" i="1"/>
  <c r="AF79077" i="1"/>
  <c r="AF79078" i="1"/>
  <c r="AF79079" i="1"/>
  <c r="AF79080" i="1"/>
  <c r="AF79081" i="1"/>
  <c r="AF79082" i="1"/>
  <c r="AF79083" i="1"/>
  <c r="AF79084" i="1"/>
  <c r="AF79085" i="1"/>
  <c r="AF79086" i="1"/>
  <c r="AF79087" i="1"/>
  <c r="AF79088" i="1"/>
  <c r="AF79089" i="1"/>
  <c r="AF79090" i="1"/>
  <c r="AF79091" i="1"/>
  <c r="AF79092" i="1"/>
  <c r="AF79093" i="1"/>
  <c r="AF79094" i="1"/>
  <c r="AF79095" i="1"/>
  <c r="AF79096" i="1"/>
  <c r="AF79097" i="1"/>
  <c r="AF79098" i="1"/>
  <c r="AF79099" i="1"/>
  <c r="AF79100" i="1"/>
  <c r="AF79101" i="1"/>
  <c r="AF79102" i="1"/>
  <c r="AF79103" i="1"/>
  <c r="AF79104" i="1"/>
  <c r="AF79105" i="1"/>
  <c r="AF79106" i="1"/>
  <c r="AF79107" i="1"/>
  <c r="AF79108" i="1"/>
  <c r="AF79109" i="1"/>
  <c r="AF79110" i="1"/>
  <c r="AF79111" i="1"/>
  <c r="AF79112" i="1"/>
  <c r="AF79113" i="1"/>
  <c r="AF79114" i="1"/>
  <c r="AF79115" i="1"/>
  <c r="AF79116" i="1"/>
  <c r="AF79117" i="1"/>
  <c r="AF79118" i="1"/>
  <c r="AF79119" i="1"/>
  <c r="AF79120" i="1"/>
  <c r="AF79121" i="1"/>
  <c r="AF79122" i="1"/>
  <c r="AF79123" i="1"/>
  <c r="AF79124" i="1"/>
  <c r="AF79125" i="1"/>
  <c r="AF79126" i="1"/>
  <c r="AF79127" i="1"/>
  <c r="AF79128" i="1"/>
  <c r="AF79129" i="1"/>
  <c r="AF79130" i="1"/>
  <c r="AF79131" i="1"/>
  <c r="AF79132" i="1"/>
  <c r="AF79133" i="1"/>
  <c r="AF79134" i="1"/>
  <c r="AF79135" i="1"/>
  <c r="AF79136" i="1"/>
  <c r="AF79137" i="1"/>
  <c r="AF79138" i="1"/>
  <c r="AF79139" i="1"/>
  <c r="AF79140" i="1"/>
  <c r="AF79141" i="1"/>
  <c r="AF79142" i="1"/>
  <c r="AF79143" i="1"/>
  <c r="AF79144" i="1"/>
  <c r="AF79145" i="1"/>
  <c r="AF79146" i="1"/>
  <c r="AF79147" i="1"/>
  <c r="AF79148" i="1"/>
  <c r="AF79149" i="1"/>
  <c r="AF79150" i="1"/>
  <c r="AF79151" i="1"/>
  <c r="AF79152" i="1"/>
  <c r="AF79153" i="1"/>
  <c r="AF79154" i="1"/>
  <c r="AF79155" i="1"/>
  <c r="AF79156" i="1"/>
  <c r="AF79157" i="1"/>
  <c r="AF79158" i="1"/>
  <c r="AF79159" i="1"/>
  <c r="AF79160" i="1"/>
  <c r="AF79161" i="1"/>
  <c r="AF79162" i="1"/>
  <c r="AF79163" i="1"/>
  <c r="AF79164" i="1"/>
  <c r="AF79165" i="1"/>
  <c r="AF79166" i="1"/>
  <c r="AF79167" i="1"/>
  <c r="AF79168" i="1"/>
  <c r="AF79169" i="1"/>
  <c r="AF79170" i="1"/>
  <c r="AF79171" i="1"/>
  <c r="AF79172" i="1"/>
  <c r="AF79173" i="1"/>
  <c r="AF79174" i="1"/>
  <c r="AF79175" i="1"/>
  <c r="AF79176" i="1"/>
  <c r="AF79177" i="1"/>
  <c r="AF79178" i="1"/>
  <c r="AF79179" i="1"/>
  <c r="AF79180" i="1"/>
  <c r="AF79181" i="1"/>
  <c r="AF79182" i="1"/>
  <c r="AF79183" i="1"/>
  <c r="AF79184" i="1"/>
  <c r="AF79185" i="1"/>
  <c r="AF79186" i="1"/>
  <c r="AF79187" i="1"/>
  <c r="AF79188" i="1"/>
  <c r="AF79189" i="1"/>
  <c r="AF79190" i="1"/>
  <c r="AF79191" i="1"/>
  <c r="AF79192" i="1"/>
  <c r="AF79193" i="1"/>
  <c r="AF79194" i="1"/>
  <c r="AF79195" i="1"/>
  <c r="AF79196" i="1"/>
  <c r="AF79197" i="1"/>
  <c r="AF79198" i="1"/>
  <c r="AF79199" i="1"/>
  <c r="AF79200" i="1"/>
  <c r="AF79201" i="1"/>
  <c r="AF79202" i="1"/>
  <c r="AF79203" i="1"/>
  <c r="AF79204" i="1"/>
  <c r="AF79205" i="1"/>
  <c r="AF79206" i="1"/>
  <c r="AF79207" i="1"/>
  <c r="AF79208" i="1"/>
  <c r="AF79209" i="1"/>
  <c r="AF79210" i="1"/>
  <c r="AF79211" i="1"/>
  <c r="AF79212" i="1"/>
  <c r="AF79213" i="1"/>
  <c r="AF79214" i="1"/>
  <c r="AF79215" i="1"/>
  <c r="AF79216" i="1"/>
  <c r="AF79217" i="1"/>
  <c r="AF79218" i="1"/>
  <c r="AF79219" i="1"/>
  <c r="AF79220" i="1"/>
  <c r="AF79221" i="1"/>
  <c r="AF79222" i="1"/>
  <c r="AF79223" i="1"/>
  <c r="AF79224" i="1"/>
  <c r="AF79225" i="1"/>
  <c r="AF79226" i="1"/>
  <c r="AF79227" i="1"/>
  <c r="AF79228" i="1"/>
  <c r="AF79229" i="1"/>
  <c r="AF79230" i="1"/>
  <c r="AF79231" i="1"/>
  <c r="AF79232" i="1"/>
  <c r="AF79233" i="1"/>
  <c r="AF79234" i="1"/>
  <c r="AF79235" i="1"/>
  <c r="AF79236" i="1"/>
  <c r="AF79237" i="1"/>
  <c r="AF79238" i="1"/>
  <c r="AF79239" i="1"/>
  <c r="AF79240" i="1"/>
  <c r="AF79241" i="1"/>
  <c r="AF79242" i="1"/>
  <c r="AF79243" i="1"/>
  <c r="AF79244" i="1"/>
  <c r="AF79245" i="1"/>
  <c r="AF79246" i="1"/>
  <c r="AF79247" i="1"/>
  <c r="AF79248" i="1"/>
  <c r="AF79249" i="1"/>
  <c r="AF79250" i="1"/>
  <c r="AF79251" i="1"/>
  <c r="AF79252" i="1"/>
  <c r="AF79253" i="1"/>
  <c r="AF79254" i="1"/>
  <c r="AF79255" i="1"/>
  <c r="AF79256" i="1"/>
  <c r="AF79257" i="1"/>
  <c r="AF79258" i="1"/>
  <c r="AF79259" i="1"/>
  <c r="AF79260" i="1"/>
  <c r="AF79261" i="1"/>
  <c r="AF79262" i="1"/>
  <c r="AF79263" i="1"/>
  <c r="AF79264" i="1"/>
  <c r="AF79265" i="1"/>
  <c r="AF79266" i="1"/>
  <c r="AF79267" i="1"/>
  <c r="AF79268" i="1"/>
  <c r="AF79269" i="1"/>
  <c r="AF79270" i="1"/>
  <c r="AF79271" i="1"/>
  <c r="AF79272" i="1"/>
  <c r="AF79273" i="1"/>
  <c r="AF79274" i="1"/>
  <c r="AF79275" i="1"/>
  <c r="AF79276" i="1"/>
  <c r="AF79277" i="1"/>
  <c r="AF79278" i="1"/>
  <c r="AF79279" i="1"/>
  <c r="AF79280" i="1"/>
  <c r="AF79281" i="1"/>
  <c r="AF79282" i="1"/>
  <c r="AF79283" i="1"/>
  <c r="AF79284" i="1"/>
  <c r="AF79285" i="1"/>
  <c r="AF79286" i="1"/>
  <c r="AF79287" i="1"/>
  <c r="AF79288" i="1"/>
  <c r="AF79289" i="1"/>
  <c r="AF79290" i="1"/>
  <c r="AF79291" i="1"/>
  <c r="AF79292" i="1"/>
  <c r="AF79293" i="1"/>
  <c r="AF79294" i="1"/>
  <c r="AF79295" i="1"/>
  <c r="AF79296" i="1"/>
  <c r="AF79297" i="1"/>
  <c r="AF79298" i="1"/>
  <c r="AF79299" i="1"/>
  <c r="AF79300" i="1"/>
  <c r="AF79301" i="1"/>
  <c r="AF79302" i="1"/>
  <c r="AF79303" i="1"/>
  <c r="AF79304" i="1"/>
  <c r="AF79305" i="1"/>
  <c r="AF79306" i="1"/>
  <c r="AF79307" i="1"/>
  <c r="AF79308" i="1"/>
  <c r="AF79309" i="1"/>
  <c r="AF79310" i="1"/>
  <c r="AF79311" i="1"/>
  <c r="AF79312" i="1"/>
  <c r="AF79313" i="1"/>
  <c r="AF79314" i="1"/>
  <c r="AF79315" i="1"/>
  <c r="AF79316" i="1"/>
  <c r="AF79317" i="1"/>
  <c r="AF79318" i="1"/>
  <c r="AF79319" i="1"/>
  <c r="AF79320" i="1"/>
  <c r="AF79321" i="1"/>
  <c r="AF79322" i="1"/>
  <c r="AF79323" i="1"/>
  <c r="AF79324" i="1"/>
  <c r="AF79325" i="1"/>
  <c r="AF79326" i="1"/>
  <c r="AF79327" i="1"/>
  <c r="AF79328" i="1"/>
  <c r="AF79329" i="1"/>
  <c r="AF79330" i="1"/>
  <c r="AF79331" i="1"/>
  <c r="AF79332" i="1"/>
  <c r="AF79333" i="1"/>
  <c r="AF79334" i="1"/>
  <c r="AF79335" i="1"/>
  <c r="AF79336" i="1"/>
  <c r="AF79337" i="1"/>
  <c r="AF79338" i="1"/>
  <c r="AF79339" i="1"/>
  <c r="AF79340" i="1"/>
  <c r="AF79341" i="1"/>
  <c r="AF79342" i="1"/>
  <c r="AF79343" i="1"/>
  <c r="AF79344" i="1"/>
  <c r="AF79345" i="1"/>
  <c r="AF79346" i="1"/>
  <c r="AF79347" i="1"/>
  <c r="AF79348" i="1"/>
  <c r="AF79349" i="1"/>
  <c r="AF79350" i="1"/>
  <c r="AF79351" i="1"/>
  <c r="AF79352" i="1"/>
  <c r="AF79353" i="1"/>
  <c r="AF79354" i="1"/>
  <c r="AF79355" i="1"/>
  <c r="AF79356" i="1"/>
  <c r="AF79357" i="1"/>
  <c r="AF79358" i="1"/>
  <c r="AF79359" i="1"/>
  <c r="AF79360" i="1"/>
  <c r="AF79361" i="1"/>
  <c r="AF79362" i="1"/>
  <c r="AF79363" i="1"/>
  <c r="AF79364" i="1"/>
  <c r="AF79365" i="1"/>
  <c r="AF79366" i="1"/>
  <c r="AF79367" i="1"/>
  <c r="AF79368" i="1"/>
  <c r="AF79369" i="1"/>
  <c r="AF79370" i="1"/>
  <c r="AF79371" i="1"/>
  <c r="AF79372" i="1"/>
  <c r="AF79373" i="1"/>
  <c r="AF79374" i="1"/>
  <c r="AF79375" i="1"/>
  <c r="AF79376" i="1"/>
  <c r="AF79377" i="1"/>
  <c r="AF79378" i="1"/>
  <c r="AF79379" i="1"/>
  <c r="AF79380" i="1"/>
  <c r="AF79381" i="1"/>
  <c r="AF79382" i="1"/>
  <c r="AF79383" i="1"/>
  <c r="AF79384" i="1"/>
  <c r="AF79385" i="1"/>
  <c r="AF79386" i="1"/>
  <c r="AF79387" i="1"/>
  <c r="AF79388" i="1"/>
  <c r="AF79389" i="1"/>
  <c r="AF79390" i="1"/>
  <c r="AF79391" i="1"/>
  <c r="AF79392" i="1"/>
  <c r="AF79393" i="1"/>
  <c r="AF79394" i="1"/>
  <c r="AF79395" i="1"/>
  <c r="AF79396" i="1"/>
  <c r="AF79397" i="1"/>
  <c r="AF79398" i="1"/>
  <c r="AF79399" i="1"/>
  <c r="AF79400" i="1"/>
  <c r="AF79401" i="1"/>
  <c r="AF79402" i="1"/>
  <c r="AF79403" i="1"/>
  <c r="AF79404" i="1"/>
  <c r="AF79405" i="1"/>
  <c r="AF79406" i="1"/>
  <c r="AF79407" i="1"/>
  <c r="AF79408" i="1"/>
  <c r="AF79409" i="1"/>
  <c r="AF79410" i="1"/>
  <c r="AF79411" i="1"/>
  <c r="AF79412" i="1"/>
  <c r="AF79413" i="1"/>
  <c r="AF79414" i="1"/>
  <c r="AF79415" i="1"/>
  <c r="AF79416" i="1"/>
  <c r="AF79417" i="1"/>
  <c r="AF79418" i="1"/>
  <c r="AF79419" i="1"/>
  <c r="AF79420" i="1"/>
  <c r="AF79421" i="1"/>
  <c r="AF79422" i="1"/>
  <c r="AF79423" i="1"/>
  <c r="AF79424" i="1"/>
  <c r="AF79425" i="1"/>
  <c r="AF79426" i="1"/>
  <c r="AF79427" i="1"/>
  <c r="AF79428" i="1"/>
  <c r="AF79429" i="1"/>
  <c r="AF79430" i="1"/>
  <c r="AF79431" i="1"/>
  <c r="AF79432" i="1"/>
  <c r="AF79433" i="1"/>
  <c r="AF79434" i="1"/>
  <c r="AF79435" i="1"/>
  <c r="AF79436" i="1"/>
  <c r="AF79437" i="1"/>
  <c r="AF79438" i="1"/>
  <c r="AF79439" i="1"/>
  <c r="AF79440" i="1"/>
  <c r="AF79441" i="1"/>
  <c r="AF79442" i="1"/>
  <c r="AF79443" i="1"/>
  <c r="AF79444" i="1"/>
  <c r="AF79445" i="1"/>
  <c r="AF79446" i="1"/>
  <c r="AF79447" i="1"/>
  <c r="AF79448" i="1"/>
  <c r="AF79449" i="1"/>
  <c r="AF79450" i="1"/>
  <c r="AF79451" i="1"/>
  <c r="AF79452" i="1"/>
  <c r="AF79453" i="1"/>
  <c r="AF79454" i="1"/>
  <c r="AF79455" i="1"/>
  <c r="AF79456" i="1"/>
  <c r="AF79457" i="1"/>
  <c r="AF79458" i="1"/>
  <c r="AF79459" i="1"/>
  <c r="AF79460" i="1"/>
  <c r="AF79461" i="1"/>
  <c r="AF79462" i="1"/>
  <c r="AF79463" i="1"/>
  <c r="AF79464" i="1"/>
  <c r="AF79465" i="1"/>
  <c r="AF79466" i="1"/>
  <c r="AF79467" i="1"/>
  <c r="AF79468" i="1"/>
  <c r="AF79469" i="1"/>
  <c r="AF79470" i="1"/>
  <c r="AF79471" i="1"/>
  <c r="AF79472" i="1"/>
  <c r="AF79473" i="1"/>
  <c r="AF79474" i="1"/>
  <c r="AF79475" i="1"/>
  <c r="AF79476" i="1"/>
  <c r="AF79477" i="1"/>
  <c r="AF79478" i="1"/>
  <c r="AF79479" i="1"/>
  <c r="AF79480" i="1"/>
  <c r="AF79481" i="1"/>
  <c r="AF79482" i="1"/>
  <c r="AF79483" i="1"/>
  <c r="AF79484" i="1"/>
  <c r="AF79485" i="1"/>
  <c r="AF79486" i="1"/>
  <c r="AF79487" i="1"/>
  <c r="AF79488" i="1"/>
  <c r="AF79489" i="1"/>
  <c r="AF79490" i="1"/>
  <c r="AF79491" i="1"/>
  <c r="AF79492" i="1"/>
  <c r="AF79493" i="1"/>
  <c r="AF79494" i="1"/>
  <c r="AF79495" i="1"/>
  <c r="AF79496" i="1"/>
  <c r="AF79497" i="1"/>
  <c r="AF79498" i="1"/>
  <c r="AF79499" i="1"/>
  <c r="AF79500" i="1"/>
  <c r="AF79501" i="1"/>
  <c r="AF79502" i="1"/>
  <c r="AF79503" i="1"/>
  <c r="AF79504" i="1"/>
  <c r="AF79505" i="1"/>
  <c r="AF79506" i="1"/>
  <c r="AF79507" i="1"/>
  <c r="AF79508" i="1"/>
  <c r="AF79509" i="1"/>
  <c r="AF79510" i="1"/>
  <c r="AF79511" i="1"/>
  <c r="AF79512" i="1"/>
  <c r="AF79513" i="1"/>
  <c r="AF79514" i="1"/>
  <c r="AF79515" i="1"/>
  <c r="AF79516" i="1"/>
  <c r="AF79517" i="1"/>
  <c r="AF79518" i="1"/>
  <c r="AF79519" i="1"/>
  <c r="AF79520" i="1"/>
  <c r="AF79521" i="1"/>
  <c r="AF79522" i="1"/>
  <c r="AF79523" i="1"/>
  <c r="AF79524" i="1"/>
  <c r="AF79525" i="1"/>
  <c r="AF79526" i="1"/>
  <c r="AF79527" i="1"/>
  <c r="AF79528" i="1"/>
  <c r="AF79529" i="1"/>
  <c r="AF79530" i="1"/>
  <c r="AF79531" i="1"/>
  <c r="AF79532" i="1"/>
  <c r="AF79533" i="1"/>
  <c r="AF79534" i="1"/>
  <c r="AF79535" i="1"/>
  <c r="AF79536" i="1"/>
  <c r="AF79537" i="1"/>
  <c r="AF79538" i="1"/>
  <c r="AF79539" i="1"/>
  <c r="AF79540" i="1"/>
  <c r="AF79541" i="1"/>
  <c r="AF79542" i="1"/>
  <c r="AF79543" i="1"/>
  <c r="AF79544" i="1"/>
  <c r="AF79545" i="1"/>
  <c r="AF79546" i="1"/>
  <c r="AF79547" i="1"/>
  <c r="AF79548" i="1"/>
  <c r="AF79549" i="1"/>
  <c r="AF79550" i="1"/>
  <c r="AF79551" i="1"/>
  <c r="AF79552" i="1"/>
  <c r="AF79553" i="1"/>
  <c r="AF79554" i="1"/>
  <c r="AF79555" i="1"/>
  <c r="AF79556" i="1"/>
  <c r="AF79557" i="1"/>
  <c r="AF79558" i="1"/>
  <c r="AF79559" i="1"/>
  <c r="AF79560" i="1"/>
  <c r="AF79561" i="1"/>
  <c r="AF79562" i="1"/>
  <c r="AF79563" i="1"/>
  <c r="AF79564" i="1"/>
  <c r="AF79565" i="1"/>
  <c r="AF79566" i="1"/>
  <c r="AF79567" i="1"/>
  <c r="AF79568" i="1"/>
  <c r="AF79569" i="1"/>
  <c r="AF79570" i="1"/>
  <c r="AF79571" i="1"/>
  <c r="AF79572" i="1"/>
  <c r="AF79573" i="1"/>
  <c r="AF79574" i="1"/>
  <c r="AF79575" i="1"/>
  <c r="AF79576" i="1"/>
  <c r="AF79577" i="1"/>
  <c r="AF79578" i="1"/>
  <c r="AF79579" i="1"/>
  <c r="AF79580" i="1"/>
  <c r="AF79581" i="1"/>
  <c r="AF79582" i="1"/>
  <c r="AF79583" i="1"/>
  <c r="AF79584" i="1"/>
  <c r="AF79585" i="1"/>
  <c r="AF79586" i="1"/>
  <c r="AF79587" i="1"/>
  <c r="AF79588" i="1"/>
  <c r="AF79589" i="1"/>
  <c r="AF79590" i="1"/>
  <c r="AF79591" i="1"/>
  <c r="AF79592" i="1"/>
  <c r="AF79593" i="1"/>
  <c r="AF79594" i="1"/>
  <c r="AF79595" i="1"/>
  <c r="AF79596" i="1"/>
  <c r="AF79597" i="1"/>
  <c r="AF79598" i="1"/>
  <c r="AF79599" i="1"/>
  <c r="AF79600" i="1"/>
  <c r="AF79601" i="1"/>
  <c r="AF79602" i="1"/>
  <c r="AF79603" i="1"/>
  <c r="AF79604" i="1"/>
  <c r="AF79605" i="1"/>
  <c r="AF79606" i="1"/>
  <c r="AF79607" i="1"/>
  <c r="AF79608" i="1"/>
  <c r="AF79609" i="1"/>
  <c r="AF79610" i="1"/>
  <c r="AF79611" i="1"/>
  <c r="AF79612" i="1"/>
  <c r="AF79613" i="1"/>
  <c r="AF79614" i="1"/>
  <c r="AF79615" i="1"/>
  <c r="AF79616" i="1"/>
  <c r="AF79617" i="1"/>
  <c r="AF79618" i="1"/>
  <c r="AF79619" i="1"/>
  <c r="AF79620" i="1"/>
  <c r="AF79621" i="1"/>
  <c r="AF79622" i="1"/>
  <c r="AF79623" i="1"/>
  <c r="AF79624" i="1"/>
  <c r="AF79625" i="1"/>
  <c r="AF79626" i="1"/>
  <c r="AF79627" i="1"/>
  <c r="AF79628" i="1"/>
  <c r="AF79629" i="1"/>
  <c r="AF79630" i="1"/>
  <c r="AF79631" i="1"/>
  <c r="AF79632" i="1"/>
  <c r="AF79633" i="1"/>
  <c r="AF79634" i="1"/>
  <c r="AF79635" i="1"/>
  <c r="AF79636" i="1"/>
  <c r="AF79637" i="1"/>
  <c r="AF79638" i="1"/>
  <c r="AF79639" i="1"/>
  <c r="AF79640" i="1"/>
  <c r="AF79641" i="1"/>
  <c r="AF79642" i="1"/>
  <c r="AF79643" i="1"/>
  <c r="AF79644" i="1"/>
  <c r="AF79645" i="1"/>
  <c r="AF79646" i="1"/>
  <c r="AF79647" i="1"/>
  <c r="AF79648" i="1"/>
  <c r="AF79649" i="1"/>
  <c r="AF79650" i="1"/>
  <c r="AF79651" i="1"/>
  <c r="AF79652" i="1"/>
  <c r="AF79653" i="1"/>
  <c r="AF79654" i="1"/>
  <c r="AF79655" i="1"/>
  <c r="AF79656" i="1"/>
  <c r="AF79657" i="1"/>
  <c r="AF79658" i="1"/>
  <c r="AF79659" i="1"/>
  <c r="AF79660" i="1"/>
  <c r="AF79661" i="1"/>
  <c r="AF79662" i="1"/>
  <c r="AF79663" i="1"/>
  <c r="AF79664" i="1"/>
  <c r="AF79665" i="1"/>
  <c r="AF79666" i="1"/>
  <c r="AF79667" i="1"/>
  <c r="AF79668" i="1"/>
  <c r="AF79669" i="1"/>
  <c r="AF79670" i="1"/>
  <c r="AF79671" i="1"/>
  <c r="AF79672" i="1"/>
  <c r="AF79673" i="1"/>
  <c r="AF79674" i="1"/>
  <c r="AF79675" i="1"/>
  <c r="AF79676" i="1"/>
  <c r="AF79677" i="1"/>
  <c r="AF79678" i="1"/>
  <c r="AF79679" i="1"/>
  <c r="AF79680" i="1"/>
  <c r="AF79681" i="1"/>
  <c r="AF79682" i="1"/>
  <c r="AF79683" i="1"/>
  <c r="AF79684" i="1"/>
  <c r="AF79685" i="1"/>
  <c r="AF79686" i="1"/>
  <c r="AF79687" i="1"/>
  <c r="AF79688" i="1"/>
  <c r="AF79689" i="1"/>
  <c r="AF79690" i="1"/>
  <c r="AF79691" i="1"/>
  <c r="AF79692" i="1"/>
  <c r="AF79693" i="1"/>
  <c r="AF79694" i="1"/>
  <c r="AF79695" i="1"/>
  <c r="AF79696" i="1"/>
  <c r="AF79697" i="1"/>
  <c r="AF79698" i="1"/>
  <c r="AF79699" i="1"/>
  <c r="AF79700" i="1"/>
  <c r="AF79701" i="1"/>
  <c r="AF79702" i="1"/>
  <c r="AF79703" i="1"/>
  <c r="AF79704" i="1"/>
  <c r="AF79705" i="1"/>
  <c r="AF79706" i="1"/>
  <c r="AF79707" i="1"/>
  <c r="AF79708" i="1"/>
  <c r="AF79709" i="1"/>
  <c r="AF79710" i="1"/>
  <c r="AF79711" i="1"/>
  <c r="AF79712" i="1"/>
  <c r="AF79713" i="1"/>
  <c r="AF79714" i="1"/>
  <c r="AF79715" i="1"/>
  <c r="AF79716" i="1"/>
  <c r="AF79717" i="1"/>
  <c r="AF79718" i="1"/>
  <c r="AF79719" i="1"/>
  <c r="AF79720" i="1"/>
  <c r="AF79721" i="1"/>
  <c r="AF79722" i="1"/>
  <c r="AF79723" i="1"/>
  <c r="AF79724" i="1"/>
  <c r="AF79725" i="1"/>
  <c r="AF79726" i="1"/>
  <c r="AF79727" i="1"/>
  <c r="AF79728" i="1"/>
  <c r="AF79729" i="1"/>
  <c r="AF79730" i="1"/>
  <c r="AF79731" i="1"/>
  <c r="AF79732" i="1"/>
  <c r="AF79733" i="1"/>
  <c r="AF79734" i="1"/>
  <c r="AF79735" i="1"/>
  <c r="AF79736" i="1"/>
  <c r="AF79737" i="1"/>
  <c r="AF79738" i="1"/>
  <c r="AF79739" i="1"/>
  <c r="AF79740" i="1"/>
  <c r="AF79741" i="1"/>
  <c r="AF79742" i="1"/>
  <c r="AF79743" i="1"/>
  <c r="AF79744" i="1"/>
  <c r="AF79745" i="1"/>
  <c r="AF79746" i="1"/>
  <c r="AF79747" i="1"/>
  <c r="AF79748" i="1"/>
  <c r="AF79749" i="1"/>
  <c r="AF79750" i="1"/>
  <c r="AF79751" i="1"/>
  <c r="AF79752" i="1"/>
  <c r="AF79753" i="1"/>
  <c r="AF79754" i="1"/>
  <c r="AF79755" i="1"/>
  <c r="AF79756" i="1"/>
  <c r="AF79757" i="1"/>
  <c r="AF79758" i="1"/>
  <c r="AF79759" i="1"/>
  <c r="AF79760" i="1"/>
  <c r="AF79761" i="1"/>
  <c r="AF79762" i="1"/>
  <c r="AF79763" i="1"/>
  <c r="AF79764" i="1"/>
  <c r="AF79765" i="1"/>
  <c r="AF79766" i="1"/>
  <c r="AF79767" i="1"/>
  <c r="AF79768" i="1"/>
  <c r="AF79769" i="1"/>
  <c r="AF79770" i="1"/>
  <c r="AF79771" i="1"/>
  <c r="AF79772" i="1"/>
  <c r="AF79773" i="1"/>
  <c r="AF79774" i="1"/>
  <c r="AF79775" i="1"/>
  <c r="AF79776" i="1"/>
  <c r="AF79777" i="1"/>
  <c r="AF79778" i="1"/>
  <c r="AF79779" i="1"/>
  <c r="AF79780" i="1"/>
  <c r="AF79781" i="1"/>
  <c r="AF79782" i="1"/>
  <c r="AF79783" i="1"/>
  <c r="AF79784" i="1"/>
  <c r="AF79785" i="1"/>
  <c r="AF79786" i="1"/>
  <c r="AF79787" i="1"/>
  <c r="AF79788" i="1"/>
  <c r="AF79789" i="1"/>
  <c r="AF79790" i="1"/>
  <c r="AF79791" i="1"/>
  <c r="AF79792" i="1"/>
  <c r="AF79793" i="1"/>
  <c r="AF79794" i="1"/>
  <c r="AF79795" i="1"/>
  <c r="AF79796" i="1"/>
  <c r="AF79797" i="1"/>
  <c r="AF79798" i="1"/>
  <c r="AF79799" i="1"/>
  <c r="AF79800" i="1"/>
  <c r="AF79801" i="1"/>
  <c r="AF79802" i="1"/>
  <c r="AF79803" i="1"/>
  <c r="AF79804" i="1"/>
  <c r="AF79805" i="1"/>
  <c r="AF79806" i="1"/>
  <c r="AF79807" i="1"/>
  <c r="AF79808" i="1"/>
  <c r="AF79809" i="1"/>
  <c r="AF79810" i="1"/>
  <c r="AF79811" i="1"/>
  <c r="AF79812" i="1"/>
  <c r="AF79813" i="1"/>
  <c r="AF79814" i="1"/>
  <c r="AF79815" i="1"/>
  <c r="AF79816" i="1"/>
  <c r="AF79817" i="1"/>
  <c r="AF79818" i="1"/>
  <c r="AF79819" i="1"/>
  <c r="AF79820" i="1"/>
  <c r="AF79821" i="1"/>
  <c r="AF79822" i="1"/>
  <c r="AF79823" i="1"/>
  <c r="AF79824" i="1"/>
  <c r="AF79825" i="1"/>
  <c r="AF79826" i="1"/>
  <c r="AF79827" i="1"/>
  <c r="AF79828" i="1"/>
  <c r="AF79829" i="1"/>
  <c r="AF79830" i="1"/>
  <c r="AF79831" i="1"/>
  <c r="AF79832" i="1"/>
  <c r="AF79833" i="1"/>
  <c r="AF79834" i="1"/>
  <c r="AF79835" i="1"/>
  <c r="AF79836" i="1"/>
  <c r="AF79837" i="1"/>
  <c r="AF79838" i="1"/>
  <c r="AF79839" i="1"/>
  <c r="AF79840" i="1"/>
  <c r="AF79841" i="1"/>
  <c r="AF79842" i="1"/>
  <c r="AF79843" i="1"/>
  <c r="AF79844" i="1"/>
  <c r="AF79845" i="1"/>
  <c r="AF79846" i="1"/>
  <c r="AF79847" i="1"/>
  <c r="AF79848" i="1"/>
  <c r="AF79849" i="1"/>
  <c r="AF79850" i="1"/>
  <c r="AF79851" i="1"/>
  <c r="AF79852" i="1"/>
  <c r="AF79853" i="1"/>
  <c r="AF79854" i="1"/>
  <c r="AF79855" i="1"/>
  <c r="AF79856" i="1"/>
  <c r="AF79857" i="1"/>
  <c r="AF79858" i="1"/>
  <c r="AF79859" i="1"/>
  <c r="AF79860" i="1"/>
  <c r="AF79861" i="1"/>
  <c r="AF79862" i="1"/>
  <c r="AF79863" i="1"/>
  <c r="AF79864" i="1"/>
  <c r="AF79865" i="1"/>
  <c r="AF79866" i="1"/>
  <c r="AF79867" i="1"/>
  <c r="AF79868" i="1"/>
  <c r="AF79869" i="1"/>
  <c r="AF79870" i="1"/>
  <c r="AF79871" i="1"/>
  <c r="AF79872" i="1"/>
  <c r="AF79873" i="1"/>
  <c r="AF79874" i="1"/>
  <c r="AF79875" i="1"/>
  <c r="AF79876" i="1"/>
  <c r="AF79877" i="1"/>
  <c r="AF79878" i="1"/>
  <c r="AF79879" i="1"/>
  <c r="AF79880" i="1"/>
  <c r="AF79881" i="1"/>
  <c r="AF79882" i="1"/>
  <c r="AF79883" i="1"/>
  <c r="AF79884" i="1"/>
  <c r="AF79885" i="1"/>
  <c r="AF79886" i="1"/>
  <c r="AF79887" i="1"/>
  <c r="AF79888" i="1"/>
  <c r="AF79889" i="1"/>
  <c r="AF79890" i="1"/>
  <c r="AF79891" i="1"/>
  <c r="AF79892" i="1"/>
  <c r="AF79893" i="1"/>
  <c r="AF79894" i="1"/>
  <c r="AF79895" i="1"/>
  <c r="AF79896" i="1"/>
  <c r="AF79897" i="1"/>
  <c r="AF79898" i="1"/>
  <c r="AF79899" i="1"/>
  <c r="AF79900" i="1"/>
  <c r="AF79901" i="1"/>
  <c r="AF79902" i="1"/>
  <c r="AF79903" i="1"/>
  <c r="AF79904" i="1"/>
  <c r="AF79905" i="1"/>
  <c r="AF79906" i="1"/>
  <c r="AF79907" i="1"/>
  <c r="AF79908" i="1"/>
  <c r="AF79909" i="1"/>
  <c r="AF79910" i="1"/>
  <c r="AF79911" i="1"/>
  <c r="AF79912" i="1"/>
  <c r="AF79913" i="1"/>
  <c r="AF79914" i="1"/>
  <c r="AF79915" i="1"/>
  <c r="AF79916" i="1"/>
  <c r="AF79917" i="1"/>
  <c r="AF79918" i="1"/>
  <c r="AF79919" i="1"/>
  <c r="AF79920" i="1"/>
  <c r="AF79921" i="1"/>
  <c r="AF79922" i="1"/>
  <c r="AF79923" i="1"/>
  <c r="AF79924" i="1"/>
  <c r="AF79925" i="1"/>
  <c r="AF79926" i="1"/>
  <c r="AF79927" i="1"/>
  <c r="AF79928" i="1"/>
  <c r="AF79929" i="1"/>
  <c r="AF79930" i="1"/>
  <c r="AF79931" i="1"/>
  <c r="AF79932" i="1"/>
  <c r="AF79933" i="1"/>
  <c r="AF79934" i="1"/>
  <c r="AF79935" i="1"/>
  <c r="AF79936" i="1"/>
  <c r="AF79937" i="1"/>
  <c r="AF79938" i="1"/>
  <c r="AF79939" i="1"/>
  <c r="AF79940" i="1"/>
  <c r="AF79941" i="1"/>
  <c r="AF79942" i="1"/>
  <c r="AF79943" i="1"/>
  <c r="AF79944" i="1"/>
  <c r="AF79945" i="1"/>
  <c r="AF79946" i="1"/>
  <c r="AF79947" i="1"/>
  <c r="AF79948" i="1"/>
  <c r="AF79949" i="1"/>
  <c r="AF79950" i="1"/>
  <c r="AF79951" i="1"/>
  <c r="AF79952" i="1"/>
  <c r="AF79953" i="1"/>
  <c r="AF79954" i="1"/>
  <c r="AF79955" i="1"/>
  <c r="AF79956" i="1"/>
  <c r="AF79957" i="1"/>
  <c r="AF79958" i="1"/>
  <c r="AF79959" i="1"/>
  <c r="AF79960" i="1"/>
  <c r="AF79961" i="1"/>
  <c r="AF79962" i="1"/>
  <c r="AF79963" i="1"/>
  <c r="AF79964" i="1"/>
  <c r="AF79965" i="1"/>
  <c r="AF79966" i="1"/>
  <c r="AF79967" i="1"/>
  <c r="AF79968" i="1"/>
  <c r="AF79969" i="1"/>
  <c r="AF79970" i="1"/>
  <c r="AF79971" i="1"/>
  <c r="AF79972" i="1"/>
  <c r="AF79973" i="1"/>
  <c r="AF79974" i="1"/>
  <c r="AF79975" i="1"/>
  <c r="AF79976" i="1"/>
  <c r="AF79977" i="1"/>
  <c r="AF79978" i="1"/>
  <c r="AF79979" i="1"/>
  <c r="AF79980" i="1"/>
  <c r="AF79981" i="1"/>
  <c r="AF79982" i="1"/>
  <c r="AF79983" i="1"/>
  <c r="AF79984" i="1"/>
  <c r="AF79985" i="1"/>
  <c r="AF79986" i="1"/>
  <c r="AF79987" i="1"/>
  <c r="AF79988" i="1"/>
  <c r="AF79989" i="1"/>
  <c r="AF79990" i="1"/>
  <c r="AF79991" i="1"/>
  <c r="AF79992" i="1"/>
  <c r="AF79993" i="1"/>
  <c r="AF79994" i="1"/>
  <c r="AF79995" i="1"/>
  <c r="AF79996" i="1"/>
  <c r="AF79997" i="1"/>
  <c r="AF79998" i="1"/>
  <c r="AF79999" i="1"/>
  <c r="AF80000" i="1"/>
  <c r="AF80001" i="1"/>
  <c r="AF80002" i="1"/>
  <c r="AF80003" i="1"/>
  <c r="AF80004" i="1"/>
  <c r="AF80005" i="1"/>
  <c r="AF80006" i="1"/>
  <c r="AF80007" i="1"/>
  <c r="AF80008" i="1"/>
  <c r="AF80009" i="1"/>
  <c r="AF80010" i="1"/>
  <c r="AF80011" i="1"/>
  <c r="AF80012" i="1"/>
  <c r="AF80013" i="1"/>
  <c r="AF80014" i="1"/>
  <c r="AF80015" i="1"/>
  <c r="AF80016" i="1"/>
  <c r="AF80017" i="1"/>
  <c r="AF80018" i="1"/>
  <c r="AF80019" i="1"/>
  <c r="AF80020" i="1"/>
  <c r="AF80021" i="1"/>
  <c r="AF80022" i="1"/>
  <c r="AF80023" i="1"/>
  <c r="AF80024" i="1"/>
  <c r="AF80025" i="1"/>
  <c r="AF80026" i="1"/>
  <c r="AF80027" i="1"/>
  <c r="AF80028" i="1"/>
  <c r="AF80029" i="1"/>
  <c r="AF80030" i="1"/>
  <c r="AF80031" i="1"/>
  <c r="AF80032" i="1"/>
  <c r="AF80033" i="1"/>
  <c r="AF80034" i="1"/>
  <c r="AF80035" i="1"/>
  <c r="AF80036" i="1"/>
  <c r="AF80037" i="1"/>
  <c r="AF80038" i="1"/>
  <c r="AF80039" i="1"/>
  <c r="AF80040" i="1"/>
  <c r="AF80041" i="1"/>
  <c r="AF80042" i="1"/>
  <c r="AF80043" i="1"/>
  <c r="AF80044" i="1"/>
  <c r="AF80045" i="1"/>
  <c r="AF80046" i="1"/>
  <c r="AF80047" i="1"/>
  <c r="AF80048" i="1"/>
  <c r="AF80049" i="1"/>
  <c r="AF80050" i="1"/>
  <c r="AF80051" i="1"/>
  <c r="AF80052" i="1"/>
  <c r="AF80053" i="1"/>
  <c r="AF80054" i="1"/>
  <c r="AF80055" i="1"/>
  <c r="AF80056" i="1"/>
  <c r="AF80057" i="1"/>
  <c r="AF80058" i="1"/>
  <c r="AF80059" i="1"/>
  <c r="AF80060" i="1"/>
  <c r="AF80061" i="1"/>
  <c r="AF80062" i="1"/>
  <c r="AF80063" i="1"/>
  <c r="AF80064" i="1"/>
  <c r="AF80065" i="1"/>
  <c r="AF80066" i="1"/>
  <c r="AF80067" i="1"/>
  <c r="AF80068" i="1"/>
  <c r="AF80069" i="1"/>
  <c r="AF80070" i="1"/>
  <c r="AF80071" i="1"/>
  <c r="AF80072" i="1"/>
  <c r="AF80073" i="1"/>
  <c r="AF80074" i="1"/>
  <c r="AF80075" i="1"/>
  <c r="AF80076" i="1"/>
  <c r="AF80077" i="1"/>
  <c r="AF80078" i="1"/>
  <c r="AF80079" i="1"/>
  <c r="AF80080" i="1"/>
  <c r="AF80081" i="1"/>
  <c r="AF80082" i="1"/>
  <c r="AF80083" i="1"/>
  <c r="AF80084" i="1"/>
  <c r="AF80085" i="1"/>
  <c r="AF80086" i="1"/>
  <c r="AF80087" i="1"/>
  <c r="AF80088" i="1"/>
  <c r="AF80089" i="1"/>
  <c r="AF80090" i="1"/>
  <c r="AF80091" i="1"/>
  <c r="AF80092" i="1"/>
  <c r="AF80093" i="1"/>
  <c r="AF80094" i="1"/>
  <c r="AF80095" i="1"/>
  <c r="AF80096" i="1"/>
  <c r="AF80097" i="1"/>
  <c r="AF80098" i="1"/>
  <c r="AF80099" i="1"/>
  <c r="AF80100" i="1"/>
  <c r="AF80101" i="1"/>
  <c r="AF80102" i="1"/>
  <c r="AF80103" i="1"/>
  <c r="AF80104" i="1"/>
  <c r="AF80105" i="1"/>
  <c r="AF80106" i="1"/>
  <c r="AF80107" i="1"/>
  <c r="AF80108" i="1"/>
  <c r="AF80109" i="1"/>
  <c r="AF80110" i="1"/>
  <c r="AF80111" i="1"/>
  <c r="AF80112" i="1"/>
  <c r="AF80113" i="1"/>
  <c r="AF80114" i="1"/>
  <c r="AF80115" i="1"/>
  <c r="AF80116" i="1"/>
  <c r="AF80117" i="1"/>
  <c r="AF80118" i="1"/>
  <c r="AF80119" i="1"/>
  <c r="AF80120" i="1"/>
  <c r="AF80121" i="1"/>
  <c r="AF80122" i="1"/>
  <c r="AF80123" i="1"/>
  <c r="AF80124" i="1"/>
  <c r="AF80125" i="1"/>
  <c r="AF80126" i="1"/>
  <c r="AF80127" i="1"/>
  <c r="AF80128" i="1"/>
  <c r="AF80129" i="1"/>
  <c r="AF80130" i="1"/>
  <c r="AF80131" i="1"/>
  <c r="AF80132" i="1"/>
  <c r="AF80133" i="1"/>
  <c r="AF80134" i="1"/>
  <c r="AF80135" i="1"/>
  <c r="AF80136" i="1"/>
  <c r="AF80137" i="1"/>
  <c r="AF80138" i="1"/>
  <c r="AF80139" i="1"/>
  <c r="AF80140" i="1"/>
  <c r="AF80141" i="1"/>
  <c r="AF80142" i="1"/>
  <c r="AF80143" i="1"/>
  <c r="AF80144" i="1"/>
  <c r="AF80145" i="1"/>
  <c r="AF80146" i="1"/>
  <c r="AF80147" i="1"/>
  <c r="AF80148" i="1"/>
  <c r="AF80149" i="1"/>
  <c r="AF80150" i="1"/>
  <c r="AF80151" i="1"/>
  <c r="AF80152" i="1"/>
  <c r="AF80153" i="1"/>
  <c r="AF80154" i="1"/>
  <c r="AF80155" i="1"/>
  <c r="AF80156" i="1"/>
  <c r="AF80157" i="1"/>
  <c r="AF80158" i="1"/>
  <c r="AF80159" i="1"/>
  <c r="AF80160" i="1"/>
  <c r="AF80161" i="1"/>
  <c r="AF80162" i="1"/>
  <c r="AF80163" i="1"/>
  <c r="AF80164" i="1"/>
  <c r="AF80165" i="1"/>
  <c r="AF80166" i="1"/>
  <c r="AF80167" i="1"/>
  <c r="AF80168" i="1"/>
  <c r="AF80169" i="1"/>
  <c r="AF80170" i="1"/>
  <c r="AF80171" i="1"/>
  <c r="AF80172" i="1"/>
  <c r="AF80173" i="1"/>
  <c r="AF80174" i="1"/>
  <c r="AF80175" i="1"/>
  <c r="AF80176" i="1"/>
  <c r="AF80177" i="1"/>
  <c r="AF80178" i="1"/>
  <c r="AF80179" i="1"/>
  <c r="AF80180" i="1"/>
  <c r="AF80181" i="1"/>
  <c r="AF80182" i="1"/>
  <c r="AF80183" i="1"/>
  <c r="AF80184" i="1"/>
  <c r="AF80185" i="1"/>
  <c r="AF80186" i="1"/>
  <c r="AF80187" i="1"/>
  <c r="AF80188" i="1"/>
  <c r="AF80189" i="1"/>
  <c r="AF80190" i="1"/>
  <c r="AF80191" i="1"/>
  <c r="AF80192" i="1"/>
  <c r="AF80193" i="1"/>
  <c r="AF80194" i="1"/>
  <c r="AF80195" i="1"/>
  <c r="AF80196" i="1"/>
  <c r="AF80197" i="1"/>
  <c r="AF80198" i="1"/>
  <c r="AF80199" i="1"/>
  <c r="AF80200" i="1"/>
  <c r="AF80201" i="1"/>
  <c r="AF80202" i="1"/>
  <c r="AF80203" i="1"/>
  <c r="AF80204" i="1"/>
  <c r="AF80205" i="1"/>
  <c r="AF80206" i="1"/>
  <c r="AF80207" i="1"/>
  <c r="AF80208" i="1"/>
  <c r="AF80209" i="1"/>
  <c r="AF80210" i="1"/>
  <c r="AF80211" i="1"/>
  <c r="AF80212" i="1"/>
  <c r="AF80213" i="1"/>
  <c r="AF80214" i="1"/>
  <c r="AF80215" i="1"/>
  <c r="AF80216" i="1"/>
  <c r="AF80217" i="1"/>
  <c r="AF80218" i="1"/>
  <c r="AF80219" i="1"/>
  <c r="AF80220" i="1"/>
  <c r="AF80221" i="1"/>
  <c r="AF80222" i="1"/>
  <c r="AF80223" i="1"/>
  <c r="AF80224" i="1"/>
  <c r="AF80225" i="1"/>
  <c r="AF80226" i="1"/>
  <c r="AF80227" i="1"/>
  <c r="AF80228" i="1"/>
  <c r="AF80229" i="1"/>
  <c r="AF80230" i="1"/>
  <c r="AF80231" i="1"/>
  <c r="AF80232" i="1"/>
  <c r="AF80233" i="1"/>
  <c r="AF80234" i="1"/>
  <c r="AF80235" i="1"/>
  <c r="AF80236" i="1"/>
  <c r="AF80237" i="1"/>
  <c r="AF80238" i="1"/>
  <c r="AF80239" i="1"/>
  <c r="AF80240" i="1"/>
  <c r="AF80241" i="1"/>
  <c r="AF80242" i="1"/>
  <c r="AF80243" i="1"/>
  <c r="AF80244" i="1"/>
  <c r="AF80245" i="1"/>
  <c r="AF80246" i="1"/>
  <c r="AF80247" i="1"/>
  <c r="AF80248" i="1"/>
  <c r="AF80249" i="1"/>
  <c r="AF80250" i="1"/>
  <c r="AF80251" i="1"/>
  <c r="AF80252" i="1"/>
  <c r="AF80253" i="1"/>
  <c r="AF80254" i="1"/>
  <c r="AF80255" i="1"/>
  <c r="AF80256" i="1"/>
  <c r="AF80257" i="1"/>
  <c r="AF80258" i="1"/>
  <c r="AF80259" i="1"/>
  <c r="AF80260" i="1"/>
  <c r="AF80261" i="1"/>
  <c r="AF80262" i="1"/>
  <c r="AF80263" i="1"/>
  <c r="AF80264" i="1"/>
  <c r="AF80265" i="1"/>
  <c r="AF80266" i="1"/>
  <c r="AF80267" i="1"/>
  <c r="AF80268" i="1"/>
  <c r="AF80269" i="1"/>
  <c r="AF80270" i="1"/>
  <c r="AF80271" i="1"/>
  <c r="AF80272" i="1"/>
  <c r="AF80273" i="1"/>
  <c r="AF80274" i="1"/>
  <c r="AF80275" i="1"/>
  <c r="AF80276" i="1"/>
  <c r="AF80277" i="1"/>
  <c r="AF80278" i="1"/>
  <c r="AF80279" i="1"/>
  <c r="AF80280" i="1"/>
  <c r="AF80281" i="1"/>
  <c r="AF80282" i="1"/>
  <c r="AF80283" i="1"/>
  <c r="AF80284" i="1"/>
  <c r="AF80285" i="1"/>
  <c r="AF80286" i="1"/>
  <c r="AF80287" i="1"/>
  <c r="AF80288" i="1"/>
  <c r="AF80289" i="1"/>
  <c r="AF80290" i="1"/>
  <c r="AF80291" i="1"/>
  <c r="AF80292" i="1"/>
  <c r="AF80293" i="1"/>
  <c r="AF80294" i="1"/>
  <c r="AF80295" i="1"/>
  <c r="AF80296" i="1"/>
  <c r="AF80297" i="1"/>
  <c r="AF80298" i="1"/>
  <c r="AF80299" i="1"/>
  <c r="AF80300" i="1"/>
  <c r="AF80301" i="1"/>
  <c r="AF80302" i="1"/>
  <c r="AF80303" i="1"/>
  <c r="AF80304" i="1"/>
  <c r="AF80305" i="1"/>
  <c r="AF80306" i="1"/>
  <c r="AF80307" i="1"/>
  <c r="AF80308" i="1"/>
  <c r="AF80309" i="1"/>
  <c r="AF80310" i="1"/>
  <c r="AF80311" i="1"/>
  <c r="AF80312" i="1"/>
  <c r="AF80313" i="1"/>
  <c r="AF80314" i="1"/>
  <c r="AF80315" i="1"/>
  <c r="AF80316" i="1"/>
  <c r="AF80317" i="1"/>
  <c r="AF80318" i="1"/>
  <c r="AF80319" i="1"/>
  <c r="AF80320" i="1"/>
  <c r="AF80321" i="1"/>
  <c r="AF80322" i="1"/>
  <c r="AF80323" i="1"/>
  <c r="AF80324" i="1"/>
  <c r="AF80325" i="1"/>
  <c r="AF80326" i="1"/>
  <c r="AF80327" i="1"/>
  <c r="AF80328" i="1"/>
  <c r="AF80329" i="1"/>
  <c r="AF80330" i="1"/>
  <c r="AF80331" i="1"/>
  <c r="AF80332" i="1"/>
  <c r="AF80333" i="1"/>
  <c r="AF80334" i="1"/>
  <c r="AF80335" i="1"/>
  <c r="AF80336" i="1"/>
  <c r="AF80337" i="1"/>
  <c r="AF80338" i="1"/>
  <c r="AF80339" i="1"/>
  <c r="AF80340" i="1"/>
  <c r="AF80341" i="1"/>
  <c r="AF80342" i="1"/>
  <c r="AF80343" i="1"/>
  <c r="AF80344" i="1"/>
  <c r="AF80345" i="1"/>
  <c r="AF80346" i="1"/>
  <c r="AF80347" i="1"/>
  <c r="AF80348" i="1"/>
  <c r="AF80349" i="1"/>
  <c r="AF80350" i="1"/>
  <c r="AF80351" i="1"/>
  <c r="AF80352" i="1"/>
  <c r="AF80353" i="1"/>
  <c r="AF80354" i="1"/>
  <c r="AF80355" i="1"/>
  <c r="AF80356" i="1"/>
  <c r="AF80357" i="1"/>
  <c r="AF80358" i="1"/>
  <c r="AF80359" i="1"/>
  <c r="AF80360" i="1"/>
  <c r="AF80361" i="1"/>
  <c r="AF80362" i="1"/>
  <c r="AF80363" i="1"/>
  <c r="AF80364" i="1"/>
  <c r="AF80365" i="1"/>
  <c r="AF80366" i="1"/>
  <c r="AF80367" i="1"/>
  <c r="AF80368" i="1"/>
  <c r="AF80369" i="1"/>
  <c r="AF80370" i="1"/>
  <c r="AF80371" i="1"/>
  <c r="AF80372" i="1"/>
  <c r="AF80373" i="1"/>
  <c r="AF80374" i="1"/>
  <c r="AF80375" i="1"/>
  <c r="AF80376" i="1"/>
  <c r="AF80377" i="1"/>
  <c r="AF80378" i="1"/>
  <c r="AF80379" i="1"/>
  <c r="AF80380" i="1"/>
  <c r="AF80381" i="1"/>
  <c r="AF80382" i="1"/>
  <c r="AF80383" i="1"/>
  <c r="AF80384" i="1"/>
  <c r="AF80385" i="1"/>
  <c r="AF80386" i="1"/>
  <c r="AF80387" i="1"/>
  <c r="AF80388" i="1"/>
  <c r="AF80389" i="1"/>
  <c r="AF80390" i="1"/>
  <c r="AF80391" i="1"/>
  <c r="AF80392" i="1"/>
  <c r="AF80393" i="1"/>
  <c r="AF80394" i="1"/>
  <c r="AF80395" i="1"/>
  <c r="AF80396" i="1"/>
  <c r="AF80397" i="1"/>
  <c r="AF80398" i="1"/>
  <c r="AF80399" i="1"/>
  <c r="AF80400" i="1"/>
  <c r="AF80401" i="1"/>
  <c r="AF80402" i="1"/>
  <c r="AF80403" i="1"/>
  <c r="AF80404" i="1"/>
  <c r="AF80405" i="1"/>
  <c r="AF80406" i="1"/>
  <c r="AF80407" i="1"/>
  <c r="AF80408" i="1"/>
  <c r="AF80409" i="1"/>
  <c r="AF80410" i="1"/>
  <c r="AF80411" i="1"/>
  <c r="AF80412" i="1"/>
  <c r="AF80413" i="1"/>
  <c r="AF80414" i="1"/>
  <c r="AF80415" i="1"/>
  <c r="AF80416" i="1"/>
  <c r="AF80417" i="1"/>
  <c r="AF80418" i="1"/>
  <c r="AF80419" i="1"/>
  <c r="AF80420" i="1"/>
  <c r="AF80421" i="1"/>
  <c r="AF80422" i="1"/>
  <c r="AF80423" i="1"/>
  <c r="AF80424" i="1"/>
  <c r="AF80425" i="1"/>
  <c r="AF80426" i="1"/>
  <c r="AF80427" i="1"/>
  <c r="AF80428" i="1"/>
  <c r="AF80429" i="1"/>
  <c r="AF80430" i="1"/>
  <c r="AF80431" i="1"/>
  <c r="AF80432" i="1"/>
  <c r="AF80433" i="1"/>
  <c r="AF80434" i="1"/>
  <c r="AF80435" i="1"/>
  <c r="AF80436" i="1"/>
  <c r="AF80437" i="1"/>
  <c r="AF80438" i="1"/>
  <c r="AF80439" i="1"/>
  <c r="AF80440" i="1"/>
  <c r="AF80441" i="1"/>
  <c r="AF80442" i="1"/>
  <c r="AF80443" i="1"/>
  <c r="AF80444" i="1"/>
  <c r="AF80445" i="1"/>
  <c r="AF80446" i="1"/>
  <c r="AF80447" i="1"/>
  <c r="AF80448" i="1"/>
  <c r="AF80449" i="1"/>
  <c r="AF80450" i="1"/>
  <c r="AF80451" i="1"/>
  <c r="AF80452" i="1"/>
  <c r="AF80453" i="1"/>
  <c r="AF80454" i="1"/>
  <c r="AF80455" i="1"/>
  <c r="AF80456" i="1"/>
  <c r="AF80457" i="1"/>
  <c r="AF80458" i="1"/>
  <c r="AF80459" i="1"/>
  <c r="AF80460" i="1"/>
  <c r="AF80461" i="1"/>
  <c r="AF80462" i="1"/>
  <c r="AF80463" i="1"/>
  <c r="AF80464" i="1"/>
  <c r="AF80465" i="1"/>
  <c r="AF80466" i="1"/>
  <c r="AF80467" i="1"/>
  <c r="AF80468" i="1"/>
  <c r="AF80469" i="1"/>
  <c r="AF80470" i="1"/>
  <c r="AF80471" i="1"/>
  <c r="AF80472" i="1"/>
  <c r="AF80473" i="1"/>
  <c r="AF80474" i="1"/>
  <c r="AF80475" i="1"/>
  <c r="AF80476" i="1"/>
  <c r="AF80477" i="1"/>
  <c r="AF80478" i="1"/>
  <c r="AF80479" i="1"/>
  <c r="AF80480" i="1"/>
  <c r="AF80481" i="1"/>
  <c r="AF80482" i="1"/>
  <c r="AF80483" i="1"/>
  <c r="AF80484" i="1"/>
  <c r="AF80485" i="1"/>
  <c r="AF80486" i="1"/>
  <c r="AF80487" i="1"/>
  <c r="AF80488" i="1"/>
  <c r="AF80489" i="1"/>
  <c r="AF80490" i="1"/>
  <c r="AF80491" i="1"/>
  <c r="AF80492" i="1"/>
  <c r="AF80493" i="1"/>
  <c r="AF80494" i="1"/>
  <c r="AF80495" i="1"/>
  <c r="AF80496" i="1"/>
  <c r="AF80497" i="1"/>
  <c r="AF80498" i="1"/>
  <c r="AF80499" i="1"/>
  <c r="AF80500" i="1"/>
  <c r="AF80501" i="1"/>
  <c r="AF80502" i="1"/>
  <c r="AF80503" i="1"/>
  <c r="AF80504" i="1"/>
  <c r="AF80505" i="1"/>
  <c r="AF80506" i="1"/>
  <c r="AF80507" i="1"/>
  <c r="AF80508" i="1"/>
  <c r="AF80509" i="1"/>
  <c r="AF80510" i="1"/>
  <c r="AF80511" i="1"/>
  <c r="AF80512" i="1"/>
  <c r="AF80513" i="1"/>
  <c r="AF80514" i="1"/>
  <c r="AF80515" i="1"/>
  <c r="AF80516" i="1"/>
  <c r="AF80517" i="1"/>
  <c r="AF80518" i="1"/>
  <c r="AF80519" i="1"/>
  <c r="AF80520" i="1"/>
  <c r="AF80521" i="1"/>
  <c r="AF80522" i="1"/>
  <c r="AF80523" i="1"/>
  <c r="AF80524" i="1"/>
  <c r="AF80525" i="1"/>
  <c r="AF80526" i="1"/>
  <c r="AF80527" i="1"/>
  <c r="AF80528" i="1"/>
  <c r="AF80529" i="1"/>
  <c r="AF80530" i="1"/>
  <c r="AF80531" i="1"/>
  <c r="AF80532" i="1"/>
  <c r="AF80533" i="1"/>
  <c r="AF80534" i="1"/>
  <c r="AF80535" i="1"/>
  <c r="AF80536" i="1"/>
  <c r="AF80537" i="1"/>
  <c r="AF80538" i="1"/>
  <c r="AF80539" i="1"/>
  <c r="AF80540" i="1"/>
  <c r="AF80541" i="1"/>
  <c r="AF80542" i="1"/>
  <c r="AF80543" i="1"/>
  <c r="AF80544" i="1"/>
  <c r="AF80545" i="1"/>
  <c r="AF80546" i="1"/>
  <c r="AF80547" i="1"/>
  <c r="AF80548" i="1"/>
  <c r="AF80549" i="1"/>
  <c r="AF80550" i="1"/>
  <c r="AF80551" i="1"/>
  <c r="AF80552" i="1"/>
  <c r="AF80553" i="1"/>
  <c r="AF80554" i="1"/>
  <c r="AF80555" i="1"/>
  <c r="AF80556" i="1"/>
  <c r="AF80557" i="1"/>
  <c r="AF80558" i="1"/>
  <c r="AF80559" i="1"/>
  <c r="AF80560" i="1"/>
  <c r="AF80561" i="1"/>
  <c r="AF80562" i="1"/>
  <c r="AF80563" i="1"/>
  <c r="AF80564" i="1"/>
  <c r="AF80565" i="1"/>
  <c r="AF80566" i="1"/>
  <c r="AF80567" i="1"/>
  <c r="AF80568" i="1"/>
  <c r="AF80569" i="1"/>
  <c r="AF80570" i="1"/>
  <c r="AF80571" i="1"/>
  <c r="AF80572" i="1"/>
  <c r="AF80573" i="1"/>
  <c r="AF80574" i="1"/>
  <c r="AF80575" i="1"/>
  <c r="AF80576" i="1"/>
  <c r="AF80577" i="1"/>
  <c r="AF80578" i="1"/>
  <c r="AF80579" i="1"/>
  <c r="AF80580" i="1"/>
  <c r="AF80581" i="1"/>
  <c r="AF80582" i="1"/>
  <c r="AF80583" i="1"/>
  <c r="AF80584" i="1"/>
  <c r="AF80585" i="1"/>
  <c r="AF80586" i="1"/>
  <c r="AF80587" i="1"/>
  <c r="AF80588" i="1"/>
  <c r="AF80589" i="1"/>
  <c r="AF80590" i="1"/>
  <c r="AF80591" i="1"/>
  <c r="AF80592" i="1"/>
  <c r="AF80593" i="1"/>
  <c r="AF80594" i="1"/>
  <c r="AF80595" i="1"/>
  <c r="AF80596" i="1"/>
  <c r="AF80597" i="1"/>
  <c r="AF80598" i="1"/>
  <c r="AF80599" i="1"/>
  <c r="AF80600" i="1"/>
  <c r="AF80601" i="1"/>
  <c r="AF80602" i="1"/>
  <c r="AF80603" i="1"/>
  <c r="AF80604" i="1"/>
  <c r="AF80605" i="1"/>
  <c r="AF80606" i="1"/>
  <c r="AF80607" i="1"/>
  <c r="AF80608" i="1"/>
  <c r="AF80609" i="1"/>
  <c r="AF80610" i="1"/>
  <c r="AF80611" i="1"/>
  <c r="AF80612" i="1"/>
  <c r="AF80613" i="1"/>
  <c r="AF80614" i="1"/>
  <c r="AF80615" i="1"/>
  <c r="AF80616" i="1"/>
  <c r="AF80617" i="1"/>
  <c r="AF80618" i="1"/>
  <c r="AF80619" i="1"/>
  <c r="AF80620" i="1"/>
  <c r="AF80621" i="1"/>
  <c r="AF80622" i="1"/>
  <c r="AF80623" i="1"/>
  <c r="AF80624" i="1"/>
  <c r="AF80625" i="1"/>
  <c r="AF80626" i="1"/>
  <c r="AF80627" i="1"/>
  <c r="AF80628" i="1"/>
  <c r="AF80629" i="1"/>
  <c r="AF80630" i="1"/>
  <c r="AF80631" i="1"/>
  <c r="AF80632" i="1"/>
  <c r="AF80633" i="1"/>
  <c r="AF80634" i="1"/>
  <c r="AF80635" i="1"/>
  <c r="AF80636" i="1"/>
  <c r="AF80637" i="1"/>
  <c r="AF80638" i="1"/>
  <c r="AF80639" i="1"/>
  <c r="AF80640" i="1"/>
  <c r="AF80641" i="1"/>
  <c r="AF80642" i="1"/>
  <c r="AF80643" i="1"/>
  <c r="AF80644" i="1"/>
  <c r="AF80645" i="1"/>
  <c r="AF80646" i="1"/>
  <c r="AF80647" i="1"/>
  <c r="AF80648" i="1"/>
  <c r="AF80649" i="1"/>
  <c r="AF80650" i="1"/>
  <c r="AF80651" i="1"/>
  <c r="AF80652" i="1"/>
  <c r="AF80653" i="1"/>
  <c r="AF80654" i="1"/>
  <c r="AF80655" i="1"/>
  <c r="AF80656" i="1"/>
  <c r="AF80657" i="1"/>
  <c r="AF80658" i="1"/>
  <c r="AF80659" i="1"/>
  <c r="AF80660" i="1"/>
  <c r="AF80661" i="1"/>
  <c r="AF80662" i="1"/>
  <c r="AF80663" i="1"/>
  <c r="AF80664" i="1"/>
  <c r="AF80665" i="1"/>
  <c r="AF80666" i="1"/>
  <c r="AF80667" i="1"/>
  <c r="AF80668" i="1"/>
  <c r="AF80669" i="1"/>
  <c r="AF80670" i="1"/>
  <c r="AF80671" i="1"/>
  <c r="AF80672" i="1"/>
  <c r="AF80673" i="1"/>
  <c r="AF80674" i="1"/>
  <c r="AF80675" i="1"/>
  <c r="AF80676" i="1"/>
  <c r="AF80677" i="1"/>
  <c r="AF80678" i="1"/>
  <c r="AF80679" i="1"/>
  <c r="AF80680" i="1"/>
  <c r="AF80681" i="1"/>
  <c r="AF80682" i="1"/>
  <c r="AF80683" i="1"/>
  <c r="AF80684" i="1"/>
  <c r="AF80685" i="1"/>
  <c r="AF80686" i="1"/>
  <c r="AF80687" i="1"/>
  <c r="AF80688" i="1"/>
  <c r="AF80689" i="1"/>
  <c r="AF80690" i="1"/>
  <c r="AF80691" i="1"/>
  <c r="AF80692" i="1"/>
  <c r="AF80693" i="1"/>
  <c r="AF80694" i="1"/>
  <c r="AF80695" i="1"/>
  <c r="AF80696" i="1"/>
  <c r="AF80697" i="1"/>
  <c r="AF80698" i="1"/>
  <c r="AF80699" i="1"/>
  <c r="AF80700" i="1"/>
  <c r="AF80701" i="1"/>
  <c r="AF80702" i="1"/>
  <c r="AF80703" i="1"/>
  <c r="AF80704" i="1"/>
  <c r="AF80705" i="1"/>
  <c r="AF80706" i="1"/>
  <c r="AF80707" i="1"/>
  <c r="AF80708" i="1"/>
  <c r="AF80709" i="1"/>
  <c r="AF80710" i="1"/>
  <c r="AF80711" i="1"/>
  <c r="AF80712" i="1"/>
  <c r="AF80713" i="1"/>
  <c r="AF80714" i="1"/>
  <c r="AF80715" i="1"/>
  <c r="AF80716" i="1"/>
  <c r="AF80717" i="1"/>
  <c r="AF80718" i="1"/>
  <c r="AF80719" i="1"/>
  <c r="AF80720" i="1"/>
  <c r="AF80721" i="1"/>
  <c r="AF80722" i="1"/>
  <c r="AF80723" i="1"/>
  <c r="AF80724" i="1"/>
  <c r="AF80725" i="1"/>
  <c r="AF80726" i="1"/>
  <c r="AF80727" i="1"/>
  <c r="AF80728" i="1"/>
  <c r="AF80729" i="1"/>
  <c r="AF80730" i="1"/>
  <c r="AF80731" i="1"/>
  <c r="AF80732" i="1"/>
  <c r="AF80733" i="1"/>
  <c r="AF80734" i="1"/>
  <c r="AF80735" i="1"/>
  <c r="AF80736" i="1"/>
  <c r="AF80737" i="1"/>
  <c r="AF80738" i="1"/>
  <c r="AF80739" i="1"/>
  <c r="AF80740" i="1"/>
  <c r="AF80741" i="1"/>
  <c r="AF80742" i="1"/>
  <c r="AF80743" i="1"/>
  <c r="AF80744" i="1"/>
  <c r="AF80745" i="1"/>
  <c r="AF80746" i="1"/>
  <c r="AF80747" i="1"/>
  <c r="AF80748" i="1"/>
  <c r="AF80749" i="1"/>
  <c r="AF80750" i="1"/>
  <c r="AF80751" i="1"/>
  <c r="AF80752" i="1"/>
  <c r="AF80753" i="1"/>
  <c r="AF80754" i="1"/>
  <c r="AF80755" i="1"/>
  <c r="AF80756" i="1"/>
  <c r="AF80757" i="1"/>
  <c r="AF80758" i="1"/>
  <c r="AF80759" i="1"/>
  <c r="AF80760" i="1"/>
  <c r="AF80761" i="1"/>
  <c r="AF80762" i="1"/>
  <c r="AF80763" i="1"/>
  <c r="AF80764" i="1"/>
  <c r="AF80765" i="1"/>
  <c r="AF80766" i="1"/>
  <c r="AF80767" i="1"/>
  <c r="AF80768" i="1"/>
  <c r="AF80769" i="1"/>
  <c r="AF80770" i="1"/>
  <c r="AF80771" i="1"/>
  <c r="AF80772" i="1"/>
  <c r="AF80773" i="1"/>
  <c r="AF80774" i="1"/>
  <c r="AF80775" i="1"/>
  <c r="AF80776" i="1"/>
  <c r="AF80777" i="1"/>
  <c r="AF80778" i="1"/>
  <c r="AF80779" i="1"/>
  <c r="AF80780" i="1"/>
  <c r="AF80781" i="1"/>
  <c r="AF80782" i="1"/>
  <c r="AF80783" i="1"/>
  <c r="AF80784" i="1"/>
  <c r="AF80785" i="1"/>
  <c r="AF80786" i="1"/>
  <c r="AF80787" i="1"/>
  <c r="AF80788" i="1"/>
  <c r="AF80789" i="1"/>
  <c r="AF80790" i="1"/>
  <c r="AF80791" i="1"/>
  <c r="AF80792" i="1"/>
  <c r="AF80793" i="1"/>
  <c r="AF80794" i="1"/>
  <c r="AF80795" i="1"/>
  <c r="AF80796" i="1"/>
  <c r="AF80797" i="1"/>
  <c r="AF80798" i="1"/>
  <c r="AF80799" i="1"/>
  <c r="AF80800" i="1"/>
  <c r="AF80801" i="1"/>
  <c r="AF80802" i="1"/>
  <c r="AF80803" i="1"/>
  <c r="AF80804" i="1"/>
  <c r="AF80805" i="1"/>
  <c r="AF80806" i="1"/>
  <c r="AF80807" i="1"/>
  <c r="AF80808" i="1"/>
  <c r="AF80809" i="1"/>
  <c r="AF80810" i="1"/>
  <c r="AF80811" i="1"/>
  <c r="AF80812" i="1"/>
  <c r="AF80813" i="1"/>
  <c r="AF80814" i="1"/>
  <c r="AF80815" i="1"/>
  <c r="AF80816" i="1"/>
  <c r="AF80817" i="1"/>
  <c r="AF80818" i="1"/>
  <c r="AF80819" i="1"/>
  <c r="AF80820" i="1"/>
  <c r="AF80821" i="1"/>
  <c r="AF80822" i="1"/>
  <c r="AF80823" i="1"/>
  <c r="AF80824" i="1"/>
  <c r="AF80825" i="1"/>
  <c r="AF80826" i="1"/>
  <c r="AF80827" i="1"/>
  <c r="AF80828" i="1"/>
  <c r="AF80829" i="1"/>
  <c r="AF80830" i="1"/>
  <c r="AF80831" i="1"/>
  <c r="AF80832" i="1"/>
  <c r="AF80833" i="1"/>
  <c r="AF80834" i="1"/>
  <c r="AF80835" i="1"/>
  <c r="AF80836" i="1"/>
  <c r="AF80837" i="1"/>
  <c r="AF80838" i="1"/>
  <c r="AF80839" i="1"/>
  <c r="AF80840" i="1"/>
  <c r="AF80841" i="1"/>
  <c r="AF80842" i="1"/>
  <c r="AF80843" i="1"/>
  <c r="AF80844" i="1"/>
  <c r="AF80845" i="1"/>
  <c r="AF80846" i="1"/>
  <c r="AF80847" i="1"/>
  <c r="AF80848" i="1"/>
  <c r="AF80849" i="1"/>
  <c r="AF80850" i="1"/>
  <c r="AF80851" i="1"/>
  <c r="AF80852" i="1"/>
  <c r="AF80853" i="1"/>
  <c r="AF80854" i="1"/>
  <c r="AF80855" i="1"/>
  <c r="AF80856" i="1"/>
  <c r="AF80857" i="1"/>
  <c r="AF80858" i="1"/>
  <c r="AF80859" i="1"/>
  <c r="AF80860" i="1"/>
  <c r="AF80861" i="1"/>
  <c r="AF80862" i="1"/>
  <c r="AF80863" i="1"/>
  <c r="AF80864" i="1"/>
  <c r="AF80865" i="1"/>
  <c r="AF80866" i="1"/>
  <c r="AF80867" i="1"/>
  <c r="AF80868" i="1"/>
  <c r="AF80869" i="1"/>
  <c r="AF80870" i="1"/>
  <c r="AF80871" i="1"/>
  <c r="AF80872" i="1"/>
  <c r="AF80873" i="1"/>
  <c r="AF80874" i="1"/>
  <c r="AF80875" i="1"/>
  <c r="AF80876" i="1"/>
  <c r="AF80877" i="1"/>
  <c r="AF80878" i="1"/>
  <c r="AF80879" i="1"/>
  <c r="AF80880" i="1"/>
  <c r="AF80881" i="1"/>
  <c r="AF80882" i="1"/>
  <c r="AF80883" i="1"/>
  <c r="AF80884" i="1"/>
  <c r="AF80885" i="1"/>
  <c r="AF80886" i="1"/>
  <c r="AF80887" i="1"/>
  <c r="AF80888" i="1"/>
  <c r="AF80889" i="1"/>
  <c r="AF80890" i="1"/>
  <c r="AF80891" i="1"/>
  <c r="AF80892" i="1"/>
  <c r="AF80893" i="1"/>
  <c r="AF80894" i="1"/>
  <c r="AF80895" i="1"/>
  <c r="AF80896" i="1"/>
  <c r="AF80897" i="1"/>
  <c r="AF80898" i="1"/>
  <c r="AF80899" i="1"/>
  <c r="AF80900" i="1"/>
  <c r="AF80901" i="1"/>
  <c r="AF80902" i="1"/>
  <c r="AF80903" i="1"/>
  <c r="AF80904" i="1"/>
  <c r="AF80905" i="1"/>
  <c r="AF80906" i="1"/>
  <c r="AF80907" i="1"/>
  <c r="AF80908" i="1"/>
  <c r="AF80909" i="1"/>
  <c r="AF80910" i="1"/>
  <c r="AF80911" i="1"/>
  <c r="AF80912" i="1"/>
  <c r="AF80913" i="1"/>
  <c r="AF80914" i="1"/>
  <c r="AF80915" i="1"/>
  <c r="AF80916" i="1"/>
  <c r="AF80917" i="1"/>
  <c r="AF80918" i="1"/>
  <c r="AF80919" i="1"/>
  <c r="AF80920" i="1"/>
  <c r="AF80921" i="1"/>
  <c r="AF80922" i="1"/>
  <c r="AF80923" i="1"/>
  <c r="AF80924" i="1"/>
  <c r="AF80925" i="1"/>
  <c r="AF80926" i="1"/>
  <c r="AF80927" i="1"/>
  <c r="AF80928" i="1"/>
  <c r="AF80929" i="1"/>
  <c r="AF80930" i="1"/>
  <c r="AF80931" i="1"/>
  <c r="AF80932" i="1"/>
  <c r="AF80933" i="1"/>
  <c r="AF80934" i="1"/>
  <c r="AF80935" i="1"/>
  <c r="AF80936" i="1"/>
  <c r="AF80937" i="1"/>
  <c r="AF80938" i="1"/>
  <c r="AF80939" i="1"/>
  <c r="AF80940" i="1"/>
  <c r="AF80941" i="1"/>
  <c r="AF80942" i="1"/>
  <c r="AF80943" i="1"/>
  <c r="AF80944" i="1"/>
  <c r="AF80945" i="1"/>
  <c r="AF80946" i="1"/>
  <c r="AF80947" i="1"/>
  <c r="AF80948" i="1"/>
  <c r="AF80949" i="1"/>
  <c r="AF80950" i="1"/>
  <c r="AF80951" i="1"/>
  <c r="AF80952" i="1"/>
  <c r="AF80953" i="1"/>
  <c r="AF80954" i="1"/>
  <c r="AF80955" i="1"/>
  <c r="AF80956" i="1"/>
  <c r="AF80957" i="1"/>
  <c r="AF80958" i="1"/>
  <c r="AF80959" i="1"/>
  <c r="AF80960" i="1"/>
  <c r="AF80961" i="1"/>
  <c r="AF80962" i="1"/>
  <c r="AF80963" i="1"/>
  <c r="AF80964" i="1"/>
  <c r="AF80965" i="1"/>
  <c r="AF80966" i="1"/>
  <c r="AF80967" i="1"/>
  <c r="AF80968" i="1"/>
  <c r="AF80969" i="1"/>
  <c r="AF80970" i="1"/>
  <c r="AF80971" i="1"/>
  <c r="AF80972" i="1"/>
  <c r="AF80973" i="1"/>
  <c r="AF80974" i="1"/>
  <c r="AF80975" i="1"/>
  <c r="AF80976" i="1"/>
  <c r="AF80977" i="1"/>
  <c r="AF80978" i="1"/>
  <c r="AF80979" i="1"/>
  <c r="AF80980" i="1"/>
  <c r="AF80981" i="1"/>
  <c r="AF80982" i="1"/>
  <c r="AF80983" i="1"/>
  <c r="AF80984" i="1"/>
  <c r="AF80985" i="1"/>
  <c r="AF80986" i="1"/>
  <c r="AF80987" i="1"/>
  <c r="AF80988" i="1"/>
  <c r="AF80989" i="1"/>
  <c r="AF80990" i="1"/>
  <c r="AF80991" i="1"/>
  <c r="AF80992" i="1"/>
  <c r="AF80993" i="1"/>
  <c r="AF80994" i="1"/>
  <c r="AF80995" i="1"/>
  <c r="AF80996" i="1"/>
  <c r="AF80997" i="1"/>
  <c r="AF80998" i="1"/>
  <c r="AF80999" i="1"/>
  <c r="AF81000" i="1"/>
  <c r="AF81001" i="1"/>
  <c r="AF81002" i="1"/>
  <c r="AF81003" i="1"/>
  <c r="AF81004" i="1"/>
  <c r="AF81005" i="1"/>
  <c r="AF81006" i="1"/>
  <c r="AF81007" i="1"/>
  <c r="AF81008" i="1"/>
  <c r="AF81009" i="1"/>
  <c r="AF81010" i="1"/>
  <c r="AF81011" i="1"/>
  <c r="AF81012" i="1"/>
  <c r="AF81013" i="1"/>
  <c r="AF81014" i="1"/>
  <c r="AF81015" i="1"/>
  <c r="AF81016" i="1"/>
  <c r="AF81017" i="1"/>
  <c r="AF81018" i="1"/>
  <c r="AF81019" i="1"/>
  <c r="AF81020" i="1"/>
  <c r="AF81021" i="1"/>
  <c r="AF81022" i="1"/>
  <c r="AF81023" i="1"/>
  <c r="AF81024" i="1"/>
  <c r="AF81025" i="1"/>
  <c r="AF81026" i="1"/>
  <c r="AF81027" i="1"/>
  <c r="AF81028" i="1"/>
  <c r="AF81029" i="1"/>
  <c r="AF81030" i="1"/>
  <c r="AF81031" i="1"/>
  <c r="AF81032" i="1"/>
  <c r="AF81033" i="1"/>
  <c r="AF81034" i="1"/>
  <c r="AF81035" i="1"/>
  <c r="AF81036" i="1"/>
  <c r="AF81037" i="1"/>
  <c r="AF81038" i="1"/>
  <c r="AF81039" i="1"/>
  <c r="AF81040" i="1"/>
  <c r="AF81041" i="1"/>
  <c r="AF81042" i="1"/>
  <c r="AF81043" i="1"/>
  <c r="AF81044" i="1"/>
  <c r="AF81045" i="1"/>
  <c r="AF81046" i="1"/>
  <c r="AF81047" i="1"/>
  <c r="AF81048" i="1"/>
  <c r="AF81049" i="1"/>
  <c r="AF81050" i="1"/>
  <c r="AF81051" i="1"/>
  <c r="AF81052" i="1"/>
  <c r="AF81053" i="1"/>
  <c r="AF81054" i="1"/>
  <c r="AF81055" i="1"/>
  <c r="AF81056" i="1"/>
  <c r="AF81057" i="1"/>
  <c r="AF81058" i="1"/>
  <c r="AF81059" i="1"/>
  <c r="AF81060" i="1"/>
  <c r="AF81061" i="1"/>
  <c r="AF81062" i="1"/>
  <c r="AF81063" i="1"/>
  <c r="AF81064" i="1"/>
  <c r="AF81065" i="1"/>
  <c r="AF81066" i="1"/>
  <c r="AF81067" i="1"/>
  <c r="AF81068" i="1"/>
  <c r="AF81069" i="1"/>
  <c r="AF81070" i="1"/>
  <c r="AF81071" i="1"/>
  <c r="AF81072" i="1"/>
  <c r="AF81073" i="1"/>
  <c r="AF81074" i="1"/>
  <c r="AF81075" i="1"/>
  <c r="AF81076" i="1"/>
  <c r="AF81077" i="1"/>
  <c r="AF81078" i="1"/>
  <c r="AF81079" i="1"/>
  <c r="AF81080" i="1"/>
  <c r="AF81081" i="1"/>
  <c r="AF81082" i="1"/>
  <c r="AF81083" i="1"/>
  <c r="AF81084" i="1"/>
  <c r="AF81085" i="1"/>
  <c r="AF81086" i="1"/>
  <c r="AF81087" i="1"/>
  <c r="AF81088" i="1"/>
  <c r="AF81089" i="1"/>
  <c r="AF81090" i="1"/>
  <c r="AF81091" i="1"/>
  <c r="AF81092" i="1"/>
  <c r="AF81093" i="1"/>
  <c r="AF81094" i="1"/>
  <c r="AF81095" i="1"/>
  <c r="AF81096" i="1"/>
  <c r="AF81097" i="1"/>
  <c r="AF81098" i="1"/>
  <c r="AF81099" i="1"/>
  <c r="AF81100" i="1"/>
  <c r="AF81101" i="1"/>
  <c r="AF81102" i="1"/>
  <c r="AF81103" i="1"/>
  <c r="AF81104" i="1"/>
  <c r="AF81105" i="1"/>
  <c r="AF81106" i="1"/>
  <c r="AF81107" i="1"/>
  <c r="AF81108" i="1"/>
  <c r="AF81109" i="1"/>
  <c r="AF81110" i="1"/>
  <c r="AF81111" i="1"/>
  <c r="AF81112" i="1"/>
  <c r="AF81113" i="1"/>
  <c r="AF81114" i="1"/>
  <c r="AF81115" i="1"/>
  <c r="AF81116" i="1"/>
  <c r="AF81117" i="1"/>
  <c r="AF81118" i="1"/>
  <c r="AF81119" i="1"/>
  <c r="AF81120" i="1"/>
  <c r="AF81121" i="1"/>
  <c r="AF81122" i="1"/>
  <c r="AF81123" i="1"/>
  <c r="AF81124" i="1"/>
  <c r="AF81125" i="1"/>
  <c r="AF81126" i="1"/>
  <c r="AF81127" i="1"/>
  <c r="AF81128" i="1"/>
  <c r="AF81129" i="1"/>
  <c r="AF81130" i="1"/>
  <c r="AF81131" i="1"/>
  <c r="AF81132" i="1"/>
  <c r="AF81133" i="1"/>
  <c r="AF81134" i="1"/>
  <c r="AF81135" i="1"/>
  <c r="AF81136" i="1"/>
  <c r="AF81137" i="1"/>
  <c r="AF81138" i="1"/>
  <c r="AF81139" i="1"/>
  <c r="AF81140" i="1"/>
  <c r="AF81141" i="1"/>
  <c r="AF81142" i="1"/>
  <c r="AF81143" i="1"/>
  <c r="AF81144" i="1"/>
  <c r="AF81145" i="1"/>
  <c r="AF81146" i="1"/>
  <c r="AF81147" i="1"/>
  <c r="AF81148" i="1"/>
  <c r="AF81149" i="1"/>
  <c r="AF81150" i="1"/>
  <c r="AF81151" i="1"/>
  <c r="AF81152" i="1"/>
  <c r="AF81153" i="1"/>
  <c r="AF81154" i="1"/>
  <c r="AF81155" i="1"/>
  <c r="AF81156" i="1"/>
  <c r="AF81157" i="1"/>
  <c r="AF81158" i="1"/>
  <c r="AF81159" i="1"/>
  <c r="AF81160" i="1"/>
  <c r="AF81161" i="1"/>
  <c r="AF81162" i="1"/>
  <c r="AF81163" i="1"/>
  <c r="AF81164" i="1"/>
  <c r="AF81165" i="1"/>
  <c r="AF81166" i="1"/>
  <c r="AF81167" i="1"/>
  <c r="AF81168" i="1"/>
  <c r="AF81169" i="1"/>
  <c r="AF81170" i="1"/>
  <c r="AF81171" i="1"/>
  <c r="AF81172" i="1"/>
  <c r="AF81173" i="1"/>
  <c r="AF81174" i="1"/>
  <c r="AF81175" i="1"/>
  <c r="AF81176" i="1"/>
  <c r="AF81177" i="1"/>
  <c r="AF81178" i="1"/>
  <c r="AF81179" i="1"/>
  <c r="AF81180" i="1"/>
  <c r="AF81181" i="1"/>
  <c r="AF81182" i="1"/>
  <c r="AF81183" i="1"/>
  <c r="AF81184" i="1"/>
  <c r="AF81185" i="1"/>
  <c r="AF81186" i="1"/>
  <c r="AF81187" i="1"/>
  <c r="AF81188" i="1"/>
  <c r="AF81189" i="1"/>
  <c r="AF81190" i="1"/>
  <c r="AF81191" i="1"/>
  <c r="AF81192" i="1"/>
  <c r="AF81193" i="1"/>
  <c r="AF81194" i="1"/>
  <c r="AF81195" i="1"/>
  <c r="AF81196" i="1"/>
  <c r="AF81197" i="1"/>
  <c r="AF81198" i="1"/>
  <c r="AF81199" i="1"/>
  <c r="AF81200" i="1"/>
  <c r="AF81201" i="1"/>
  <c r="AF81202" i="1"/>
  <c r="AF81203" i="1"/>
  <c r="AF81204" i="1"/>
  <c r="AF81205" i="1"/>
  <c r="AF81206" i="1"/>
  <c r="AF81207" i="1"/>
  <c r="AF81208" i="1"/>
  <c r="AF81209" i="1"/>
  <c r="AF81210" i="1"/>
  <c r="AF81211" i="1"/>
  <c r="AF81212" i="1"/>
  <c r="AF81213" i="1"/>
  <c r="AF81214" i="1"/>
  <c r="AF81215" i="1"/>
  <c r="AF81216" i="1"/>
  <c r="AF81217" i="1"/>
  <c r="AF81218" i="1"/>
  <c r="AF81219" i="1"/>
  <c r="AF81220" i="1"/>
  <c r="AF81221" i="1"/>
  <c r="AF81222" i="1"/>
  <c r="AF81223" i="1"/>
  <c r="AF81224" i="1"/>
  <c r="AF81225" i="1"/>
  <c r="AF81226" i="1"/>
  <c r="AF81227" i="1"/>
  <c r="AF81228" i="1"/>
  <c r="AF81229" i="1"/>
  <c r="AF81230" i="1"/>
  <c r="AF81231" i="1"/>
  <c r="AF81232" i="1"/>
  <c r="AF81233" i="1"/>
  <c r="AF81234" i="1"/>
  <c r="AF81235" i="1"/>
  <c r="AF81236" i="1"/>
  <c r="AF81237" i="1"/>
  <c r="AF81238" i="1"/>
  <c r="AF81239" i="1"/>
  <c r="AF81240" i="1"/>
  <c r="AF81241" i="1"/>
  <c r="AF81242" i="1"/>
  <c r="AF81243" i="1"/>
  <c r="AF81244" i="1"/>
  <c r="AF81245" i="1"/>
  <c r="AF81246" i="1"/>
  <c r="AF81247" i="1"/>
  <c r="AF81248" i="1"/>
  <c r="AF81249" i="1"/>
  <c r="AF81250" i="1"/>
  <c r="AF81251" i="1"/>
  <c r="AF81252" i="1"/>
  <c r="AF81253" i="1"/>
  <c r="AF81254" i="1"/>
  <c r="AF81255" i="1"/>
  <c r="AF81256" i="1"/>
  <c r="AF81257" i="1"/>
  <c r="AF81258" i="1"/>
  <c r="AF81259" i="1"/>
  <c r="AF81260" i="1"/>
  <c r="AF81261" i="1"/>
  <c r="AF81262" i="1"/>
  <c r="AF81263" i="1"/>
  <c r="AF81264" i="1"/>
  <c r="AF81265" i="1"/>
  <c r="AF81266" i="1"/>
  <c r="AF81267" i="1"/>
  <c r="AF81268" i="1"/>
  <c r="AF81269" i="1"/>
  <c r="AF81270" i="1"/>
  <c r="AF81271" i="1"/>
  <c r="AF81272" i="1"/>
  <c r="AF81273" i="1"/>
  <c r="AF81274" i="1"/>
  <c r="AF81275" i="1"/>
  <c r="AF81276" i="1"/>
  <c r="AF81277" i="1"/>
  <c r="AF81278" i="1"/>
  <c r="AF81279" i="1"/>
  <c r="AF81280" i="1"/>
  <c r="AF81281" i="1"/>
  <c r="AF81282" i="1"/>
  <c r="AF81283" i="1"/>
  <c r="AF81284" i="1"/>
  <c r="AF81285" i="1"/>
  <c r="AF81286" i="1"/>
  <c r="AF81287" i="1"/>
  <c r="AF81288" i="1"/>
  <c r="AF81289" i="1"/>
  <c r="AF81290" i="1"/>
  <c r="AF81291" i="1"/>
  <c r="AF81292" i="1"/>
  <c r="AF81293" i="1"/>
  <c r="AF81294" i="1"/>
  <c r="AF81295" i="1"/>
  <c r="AF81296" i="1"/>
  <c r="AF81297" i="1"/>
  <c r="AF81298" i="1"/>
  <c r="AF81299" i="1"/>
  <c r="AF81300" i="1"/>
  <c r="AF81301" i="1"/>
  <c r="AF81302" i="1"/>
  <c r="AF81303" i="1"/>
  <c r="AF81304" i="1"/>
  <c r="AF81305" i="1"/>
  <c r="AF81306" i="1"/>
  <c r="AF81307" i="1"/>
  <c r="AF81308" i="1"/>
  <c r="AF81309" i="1"/>
  <c r="AF81310" i="1"/>
  <c r="AF81311" i="1"/>
  <c r="AF81312" i="1"/>
  <c r="AF81313" i="1"/>
  <c r="AF81314" i="1"/>
  <c r="AF81315" i="1"/>
  <c r="AF81316" i="1"/>
  <c r="AF81317" i="1"/>
  <c r="AF81318" i="1"/>
  <c r="AF81319" i="1"/>
  <c r="AF81320" i="1"/>
  <c r="AF81321" i="1"/>
  <c r="AF81322" i="1"/>
  <c r="AF81323" i="1"/>
  <c r="AF81324" i="1"/>
  <c r="AF81325" i="1"/>
  <c r="AF81326" i="1"/>
  <c r="AF81327" i="1"/>
  <c r="AF81328" i="1"/>
  <c r="AF81329" i="1"/>
  <c r="AF81330" i="1"/>
  <c r="AF81331" i="1"/>
  <c r="AF81332" i="1"/>
  <c r="AF81333" i="1"/>
  <c r="AF81334" i="1"/>
  <c r="AF81335" i="1"/>
  <c r="AF81336" i="1"/>
  <c r="AF81337" i="1"/>
  <c r="AF81338" i="1"/>
  <c r="AF81339" i="1"/>
  <c r="AF81340" i="1"/>
  <c r="AF81341" i="1"/>
  <c r="AF81342" i="1"/>
  <c r="AF81343" i="1"/>
  <c r="AF81344" i="1"/>
  <c r="AF81345" i="1"/>
  <c r="AF81346" i="1"/>
  <c r="AF81347" i="1"/>
  <c r="AF81348" i="1"/>
  <c r="AF81349" i="1"/>
  <c r="AF81350" i="1"/>
  <c r="AF81351" i="1"/>
  <c r="AF81352" i="1"/>
  <c r="AF81353" i="1"/>
  <c r="AF81354" i="1"/>
  <c r="AF81355" i="1"/>
  <c r="AF81356" i="1"/>
  <c r="AF81357" i="1"/>
  <c r="AF81358" i="1"/>
  <c r="AF81359" i="1"/>
  <c r="AF81360" i="1"/>
  <c r="AF81361" i="1"/>
  <c r="AF81362" i="1"/>
  <c r="AF81363" i="1"/>
  <c r="AF81364" i="1"/>
  <c r="AF81365" i="1"/>
  <c r="AF81366" i="1"/>
  <c r="AF81367" i="1"/>
  <c r="AF81368" i="1"/>
  <c r="AF81369" i="1"/>
  <c r="AF81370" i="1"/>
  <c r="AF81371" i="1"/>
  <c r="AF81372" i="1"/>
  <c r="AF81373" i="1"/>
  <c r="AF81374" i="1"/>
  <c r="AF81375" i="1"/>
  <c r="AF81376" i="1"/>
  <c r="AF81377" i="1"/>
  <c r="AF81378" i="1"/>
  <c r="AF81379" i="1"/>
  <c r="AF81380" i="1"/>
  <c r="AF81381" i="1"/>
  <c r="AF81382" i="1"/>
  <c r="AF81383" i="1"/>
  <c r="AF81384" i="1"/>
  <c r="AF81385" i="1"/>
  <c r="AF81386" i="1"/>
  <c r="AF81387" i="1"/>
  <c r="AF81388" i="1"/>
  <c r="AF81389" i="1"/>
  <c r="AF81390" i="1"/>
  <c r="AF81391" i="1"/>
  <c r="AF81392" i="1"/>
  <c r="AF81393" i="1"/>
  <c r="AF81394" i="1"/>
  <c r="AF81395" i="1"/>
  <c r="AF81396" i="1"/>
  <c r="AF81397" i="1"/>
  <c r="AF81398" i="1"/>
  <c r="AF81399" i="1"/>
  <c r="AF81400" i="1"/>
  <c r="AF81401" i="1"/>
  <c r="AF81402" i="1"/>
  <c r="AF81403" i="1"/>
  <c r="AF81404" i="1"/>
  <c r="AF81405" i="1"/>
  <c r="AF81406" i="1"/>
  <c r="AF81407" i="1"/>
  <c r="AF81408" i="1"/>
  <c r="AF81409" i="1"/>
  <c r="AF81410" i="1"/>
  <c r="AF81411" i="1"/>
  <c r="AF81412" i="1"/>
  <c r="AF81413" i="1"/>
  <c r="AF81414" i="1"/>
  <c r="AF81415" i="1"/>
  <c r="AF81416" i="1"/>
  <c r="AF81417" i="1"/>
  <c r="AF81418" i="1"/>
  <c r="AF81419" i="1"/>
  <c r="AF81420" i="1"/>
  <c r="AF81421" i="1"/>
  <c r="AF81422" i="1"/>
  <c r="AF81423" i="1"/>
  <c r="AF81424" i="1"/>
  <c r="AF81425" i="1"/>
  <c r="AF81426" i="1"/>
  <c r="AF81427" i="1"/>
  <c r="AF81428" i="1"/>
  <c r="AF81429" i="1"/>
  <c r="AF81430" i="1"/>
  <c r="AF81431" i="1"/>
  <c r="AF81432" i="1"/>
  <c r="AF81433" i="1"/>
  <c r="AF81434" i="1"/>
  <c r="AF81435" i="1"/>
  <c r="AF81436" i="1"/>
  <c r="AF81437" i="1"/>
  <c r="AF81438" i="1"/>
  <c r="AF81439" i="1"/>
  <c r="AF81440" i="1"/>
  <c r="AF81441" i="1"/>
  <c r="AF81442" i="1"/>
  <c r="AF81443" i="1"/>
  <c r="AF81444" i="1"/>
  <c r="AF81445" i="1"/>
  <c r="AF81446" i="1"/>
  <c r="AF81447" i="1"/>
  <c r="AF81448" i="1"/>
  <c r="AF81449" i="1"/>
  <c r="AF81450" i="1"/>
  <c r="AF81451" i="1"/>
  <c r="AF81452" i="1"/>
  <c r="AF81453" i="1"/>
  <c r="AF81454" i="1"/>
  <c r="AF81455" i="1"/>
  <c r="AF81456" i="1"/>
  <c r="AF81457" i="1"/>
  <c r="AF81458" i="1"/>
  <c r="AF81459" i="1"/>
  <c r="AF81460" i="1"/>
  <c r="AF81461" i="1"/>
  <c r="AF81462" i="1"/>
  <c r="AF81463" i="1"/>
  <c r="AF81464" i="1"/>
  <c r="AF81465" i="1"/>
  <c r="AF81466" i="1"/>
  <c r="AF81467" i="1"/>
  <c r="AF81468" i="1"/>
  <c r="AF81469" i="1"/>
  <c r="AF81470" i="1"/>
  <c r="AF81471" i="1"/>
  <c r="AF81472" i="1"/>
  <c r="AF81473" i="1"/>
  <c r="AF81474" i="1"/>
  <c r="AF81475" i="1"/>
  <c r="AF81476" i="1"/>
  <c r="AF81477" i="1"/>
  <c r="AF81478" i="1"/>
  <c r="AF81479" i="1"/>
  <c r="AF81480" i="1"/>
  <c r="AF81481" i="1"/>
  <c r="AF81482" i="1"/>
  <c r="AF81483" i="1"/>
  <c r="AF81484" i="1"/>
  <c r="AF81485" i="1"/>
  <c r="AF81486" i="1"/>
  <c r="AF81487" i="1"/>
  <c r="AF81488" i="1"/>
  <c r="AF81489" i="1"/>
  <c r="AF81490" i="1"/>
  <c r="AF81491" i="1"/>
  <c r="AF81492" i="1"/>
  <c r="AF81493" i="1"/>
  <c r="AF81494" i="1"/>
  <c r="AF81495" i="1"/>
  <c r="AF81496" i="1"/>
  <c r="AF81497" i="1"/>
  <c r="AF81498" i="1"/>
  <c r="AF81499" i="1"/>
  <c r="AF81500" i="1"/>
  <c r="AF81501" i="1"/>
  <c r="AF81502" i="1"/>
  <c r="AF81503" i="1"/>
  <c r="AF81504" i="1"/>
  <c r="AF81505" i="1"/>
  <c r="AF81506" i="1"/>
  <c r="AF81507" i="1"/>
  <c r="AF81508" i="1"/>
  <c r="AF81509" i="1"/>
  <c r="AF81510" i="1"/>
  <c r="AF81511" i="1"/>
  <c r="AF81512" i="1"/>
  <c r="AF81513" i="1"/>
  <c r="AF81514" i="1"/>
  <c r="AF81515" i="1"/>
  <c r="AF81516" i="1"/>
  <c r="AF81517" i="1"/>
  <c r="AF81518" i="1"/>
  <c r="AF81519" i="1"/>
  <c r="AF81520" i="1"/>
  <c r="AF81521" i="1"/>
  <c r="AF81522" i="1"/>
  <c r="AF81523" i="1"/>
  <c r="AF81524" i="1"/>
  <c r="AF81525" i="1"/>
  <c r="AF81526" i="1"/>
  <c r="AF81527" i="1"/>
  <c r="AF81528" i="1"/>
  <c r="AF81529" i="1"/>
  <c r="AF81530" i="1"/>
  <c r="AF81531" i="1"/>
  <c r="AF81532" i="1"/>
  <c r="AF81533" i="1"/>
  <c r="AF81534" i="1"/>
  <c r="AF81535" i="1"/>
  <c r="AF81536" i="1"/>
  <c r="AF81537" i="1"/>
  <c r="AF81538" i="1"/>
  <c r="AF81539" i="1"/>
  <c r="AF81540" i="1"/>
  <c r="AF81541" i="1"/>
  <c r="AF81542" i="1"/>
  <c r="AF81543" i="1"/>
  <c r="AF81544" i="1"/>
  <c r="AF81545" i="1"/>
  <c r="AF81546" i="1"/>
  <c r="AF81547" i="1"/>
  <c r="AF81548" i="1"/>
  <c r="AF81549" i="1"/>
  <c r="AF81550" i="1"/>
  <c r="AF81551" i="1"/>
  <c r="AF81552" i="1"/>
  <c r="AF81553" i="1"/>
  <c r="AF81554" i="1"/>
  <c r="AF81555" i="1"/>
  <c r="AF81556" i="1"/>
  <c r="AF81557" i="1"/>
  <c r="AF81558" i="1"/>
  <c r="AF81559" i="1"/>
  <c r="AF81560" i="1"/>
  <c r="AF81561" i="1"/>
  <c r="AF81562" i="1"/>
  <c r="AF81563" i="1"/>
  <c r="AF81564" i="1"/>
  <c r="AF81565" i="1"/>
  <c r="AF81566" i="1"/>
  <c r="AF81567" i="1"/>
  <c r="AF81568" i="1"/>
  <c r="AF81569" i="1"/>
  <c r="AF81570" i="1"/>
  <c r="AF81571" i="1"/>
  <c r="AF81572" i="1"/>
  <c r="AF81573" i="1"/>
  <c r="AF81574" i="1"/>
  <c r="AF81575" i="1"/>
  <c r="AF81576" i="1"/>
  <c r="AF81577" i="1"/>
  <c r="AF81578" i="1"/>
  <c r="AF81579" i="1"/>
  <c r="AF81580" i="1"/>
  <c r="AF81581" i="1"/>
  <c r="AF81582" i="1"/>
  <c r="AF81583" i="1"/>
  <c r="AF81584" i="1"/>
  <c r="AF81585" i="1"/>
  <c r="AF81586" i="1"/>
  <c r="AF81587" i="1"/>
  <c r="AF81588" i="1"/>
  <c r="AF81589" i="1"/>
  <c r="AF81590" i="1"/>
  <c r="AF81591" i="1"/>
  <c r="AF81592" i="1"/>
  <c r="AF81593" i="1"/>
  <c r="AF81594" i="1"/>
  <c r="AF81595" i="1"/>
  <c r="AF81596" i="1"/>
  <c r="AF81597" i="1"/>
  <c r="AF81598" i="1"/>
  <c r="AF81599" i="1"/>
  <c r="AF81600" i="1"/>
  <c r="AF81601" i="1"/>
  <c r="AF81602" i="1"/>
  <c r="AF81603" i="1"/>
  <c r="AF81604" i="1"/>
  <c r="AF81605" i="1"/>
  <c r="AF81606" i="1"/>
  <c r="AF81607" i="1"/>
  <c r="AF81608" i="1"/>
  <c r="AF81609" i="1"/>
  <c r="AF81610" i="1"/>
  <c r="AF81611" i="1"/>
  <c r="AF81612" i="1"/>
  <c r="AF81613" i="1"/>
  <c r="AF81614" i="1"/>
  <c r="AF81615" i="1"/>
  <c r="AF81616" i="1"/>
  <c r="AF81617" i="1"/>
  <c r="AF81618" i="1"/>
  <c r="AF81619" i="1"/>
  <c r="AF81620" i="1"/>
  <c r="AF81621" i="1"/>
  <c r="AF81622" i="1"/>
  <c r="AF81623" i="1"/>
  <c r="AF81624" i="1"/>
  <c r="AF81625" i="1"/>
  <c r="AF81626" i="1"/>
  <c r="AF81627" i="1"/>
  <c r="AF81628" i="1"/>
  <c r="AF81629" i="1"/>
  <c r="AF81630" i="1"/>
  <c r="AF81631" i="1"/>
  <c r="AF81632" i="1"/>
  <c r="AF81633" i="1"/>
  <c r="AF81634" i="1"/>
  <c r="AF81635" i="1"/>
  <c r="AF81636" i="1"/>
  <c r="AF81637" i="1"/>
  <c r="AF81638" i="1"/>
  <c r="AF81639" i="1"/>
  <c r="AF81640" i="1"/>
  <c r="AF81641" i="1"/>
  <c r="AF81642" i="1"/>
  <c r="AF81643" i="1"/>
  <c r="AF81644" i="1"/>
  <c r="AF81645" i="1"/>
  <c r="AF81646" i="1"/>
  <c r="AF81647" i="1"/>
  <c r="AF81648" i="1"/>
  <c r="AF81649" i="1"/>
  <c r="AF81650" i="1"/>
  <c r="AF81651" i="1"/>
  <c r="AF81652" i="1"/>
  <c r="AF81653" i="1"/>
  <c r="AF81654" i="1"/>
  <c r="AF81655" i="1"/>
  <c r="AF81656" i="1"/>
  <c r="AF81657" i="1"/>
  <c r="AF81658" i="1"/>
  <c r="AF81659" i="1"/>
  <c r="AF81660" i="1"/>
  <c r="AF81661" i="1"/>
  <c r="AF81662" i="1"/>
  <c r="AF81663" i="1"/>
  <c r="AF81664" i="1"/>
  <c r="AF81665" i="1"/>
  <c r="AF81666" i="1"/>
  <c r="AF81667" i="1"/>
  <c r="AF81668" i="1"/>
  <c r="AF81669" i="1"/>
  <c r="AF81670" i="1"/>
  <c r="AF81671" i="1"/>
  <c r="AF81672" i="1"/>
  <c r="AF81673" i="1"/>
  <c r="AF81674" i="1"/>
  <c r="AF81675" i="1"/>
  <c r="AF81676" i="1"/>
  <c r="AF81677" i="1"/>
  <c r="AF81678" i="1"/>
  <c r="AF81679" i="1"/>
  <c r="AF81680" i="1"/>
  <c r="AF81681" i="1"/>
  <c r="AF81682" i="1"/>
  <c r="AF81683" i="1"/>
  <c r="AF81684" i="1"/>
  <c r="AF81685" i="1"/>
  <c r="AF81686" i="1"/>
  <c r="AF81687" i="1"/>
  <c r="AF81688" i="1"/>
  <c r="AF81689" i="1"/>
  <c r="AF81690" i="1"/>
  <c r="AF81691" i="1"/>
  <c r="AF81692" i="1"/>
  <c r="AF81693" i="1"/>
  <c r="AF81694" i="1"/>
  <c r="AF81695" i="1"/>
  <c r="AF81696" i="1"/>
  <c r="AF81697" i="1"/>
  <c r="AF81698" i="1"/>
  <c r="AF81699" i="1"/>
  <c r="AF81700" i="1"/>
  <c r="AF81701" i="1"/>
  <c r="AF81702" i="1"/>
  <c r="AF81703" i="1"/>
  <c r="AF81704" i="1"/>
  <c r="AF81705" i="1"/>
  <c r="AF81706" i="1"/>
  <c r="AF81707" i="1"/>
  <c r="AF81708" i="1"/>
  <c r="AF81709" i="1"/>
  <c r="AF81710" i="1"/>
  <c r="AF81711" i="1"/>
  <c r="AF81712" i="1"/>
  <c r="AF81713" i="1"/>
  <c r="AF81714" i="1"/>
  <c r="AF81715" i="1"/>
  <c r="AF81716" i="1"/>
  <c r="AF81717" i="1"/>
  <c r="AF81718" i="1"/>
  <c r="AF81719" i="1"/>
  <c r="AF81720" i="1"/>
  <c r="AF81721" i="1"/>
  <c r="AF81722" i="1"/>
  <c r="AF81723" i="1"/>
  <c r="AF81724" i="1"/>
  <c r="AF81725" i="1"/>
  <c r="AF81726" i="1"/>
  <c r="AF81727" i="1"/>
  <c r="AF81728" i="1"/>
  <c r="AF81729" i="1"/>
  <c r="AF81730" i="1"/>
  <c r="AF81731" i="1"/>
  <c r="AF81732" i="1"/>
  <c r="AF81733" i="1"/>
  <c r="AF81734" i="1"/>
  <c r="AF81735" i="1"/>
  <c r="AF81736" i="1"/>
  <c r="AF81737" i="1"/>
  <c r="AF81738" i="1"/>
  <c r="AF81739" i="1"/>
  <c r="AF81740" i="1"/>
  <c r="AF81741" i="1"/>
  <c r="AF81742" i="1"/>
  <c r="AF81743" i="1"/>
  <c r="AF81744" i="1"/>
  <c r="AF81745" i="1"/>
  <c r="AF81746" i="1"/>
  <c r="AF81747" i="1"/>
  <c r="AF81748" i="1"/>
  <c r="AF81749" i="1"/>
  <c r="AF81750" i="1"/>
  <c r="AF81751" i="1"/>
  <c r="AF81752" i="1"/>
  <c r="AF81753" i="1"/>
  <c r="AF81754" i="1"/>
  <c r="AF81755" i="1"/>
  <c r="AF81756" i="1"/>
  <c r="AF81757" i="1"/>
  <c r="AF81758" i="1"/>
  <c r="AF81759" i="1"/>
  <c r="AF81760" i="1"/>
  <c r="AF81761" i="1"/>
  <c r="AF81762" i="1"/>
  <c r="AF81763" i="1"/>
  <c r="AF81764" i="1"/>
  <c r="AF81765" i="1"/>
  <c r="AF81766" i="1"/>
  <c r="AF81767" i="1"/>
  <c r="AF81768" i="1"/>
  <c r="AF81769" i="1"/>
  <c r="AF81770" i="1"/>
  <c r="AF81771" i="1"/>
  <c r="AF81772" i="1"/>
  <c r="AF81773" i="1"/>
  <c r="AF81774" i="1"/>
  <c r="AF81775" i="1"/>
  <c r="AF81776" i="1"/>
  <c r="AF81777" i="1"/>
  <c r="AF81778" i="1"/>
  <c r="AF81779" i="1"/>
  <c r="AF81780" i="1"/>
  <c r="AF81781" i="1"/>
  <c r="AF81782" i="1"/>
  <c r="AF81783" i="1"/>
  <c r="AF81784" i="1"/>
  <c r="AF81785" i="1"/>
  <c r="AF81786" i="1"/>
  <c r="AF81787" i="1"/>
  <c r="AF81788" i="1"/>
  <c r="AF81789" i="1"/>
  <c r="AF81790" i="1"/>
  <c r="AF81791" i="1"/>
  <c r="AF81792" i="1"/>
  <c r="AF81793" i="1"/>
  <c r="AF81794" i="1"/>
  <c r="AF81795" i="1"/>
  <c r="AF81796" i="1"/>
  <c r="AF81797" i="1"/>
  <c r="AF81798" i="1"/>
  <c r="AF81799" i="1"/>
  <c r="AF81800" i="1"/>
  <c r="AF81801" i="1"/>
  <c r="AF81802" i="1"/>
  <c r="AF81803" i="1"/>
  <c r="AF81804" i="1"/>
  <c r="AF81805" i="1"/>
  <c r="AF81806" i="1"/>
  <c r="AF81807" i="1"/>
  <c r="AF81808" i="1"/>
  <c r="AF81809" i="1"/>
  <c r="AF81810" i="1"/>
  <c r="AF81811" i="1"/>
  <c r="AF81812" i="1"/>
  <c r="AF81813" i="1"/>
  <c r="AF81814" i="1"/>
  <c r="AF81815" i="1"/>
  <c r="AF81816" i="1"/>
  <c r="AF81817" i="1"/>
  <c r="AF81818" i="1"/>
  <c r="AF81819" i="1"/>
  <c r="AF81820" i="1"/>
  <c r="AF81821" i="1"/>
  <c r="AF81822" i="1"/>
  <c r="AF81823" i="1"/>
  <c r="AF81824" i="1"/>
  <c r="AF81825" i="1"/>
  <c r="AF81826" i="1"/>
  <c r="AF81827" i="1"/>
  <c r="AF81828" i="1"/>
  <c r="AF81829" i="1"/>
  <c r="AF81830" i="1"/>
  <c r="AF81831" i="1"/>
  <c r="AF81832" i="1"/>
  <c r="AF81833" i="1"/>
  <c r="AF81834" i="1"/>
  <c r="AF81835" i="1"/>
  <c r="AF81836" i="1"/>
  <c r="AF81837" i="1"/>
  <c r="AF81838" i="1"/>
  <c r="AF81839" i="1"/>
  <c r="AF81840" i="1"/>
  <c r="AF81841" i="1"/>
  <c r="AF81842" i="1"/>
  <c r="AF81843" i="1"/>
  <c r="AF81844" i="1"/>
  <c r="AF81845" i="1"/>
  <c r="AF81846" i="1"/>
  <c r="AF81847" i="1"/>
  <c r="AF81848" i="1"/>
  <c r="AF81849" i="1"/>
  <c r="AF81850" i="1"/>
  <c r="AF81851" i="1"/>
  <c r="AF81852" i="1"/>
  <c r="AF81853" i="1"/>
  <c r="AF81854" i="1"/>
  <c r="AF81855" i="1"/>
  <c r="AF81856" i="1"/>
  <c r="AF81857" i="1"/>
  <c r="AF81858" i="1"/>
  <c r="AF81859" i="1"/>
  <c r="AF81860" i="1"/>
  <c r="AF81861" i="1"/>
  <c r="AF81862" i="1"/>
  <c r="AF81863" i="1"/>
  <c r="AF81864" i="1"/>
  <c r="AF81865" i="1"/>
  <c r="AF81866" i="1"/>
  <c r="AF81867" i="1"/>
  <c r="AF81868" i="1"/>
  <c r="AF81869" i="1"/>
  <c r="AF81870" i="1"/>
  <c r="AF81871" i="1"/>
  <c r="AF81872" i="1"/>
  <c r="AF81873" i="1"/>
  <c r="AF81874" i="1"/>
  <c r="AF81875" i="1"/>
  <c r="AF81876" i="1"/>
  <c r="AF81877" i="1"/>
  <c r="AF81878" i="1"/>
  <c r="AF81879" i="1"/>
  <c r="AF81880" i="1"/>
  <c r="AF81881" i="1"/>
  <c r="AF81882" i="1"/>
  <c r="AF81883" i="1"/>
  <c r="AF81884" i="1"/>
  <c r="AF81885" i="1"/>
  <c r="AF81886" i="1"/>
  <c r="AF81887" i="1"/>
  <c r="AF81888" i="1"/>
  <c r="AF81889" i="1"/>
  <c r="AF81890" i="1"/>
  <c r="AF81891" i="1"/>
  <c r="AF81892" i="1"/>
  <c r="AF81893" i="1"/>
  <c r="AF81894" i="1"/>
  <c r="AF81895" i="1"/>
  <c r="AF81896" i="1"/>
  <c r="AF81897" i="1"/>
  <c r="AF81898" i="1"/>
  <c r="AF81899" i="1"/>
  <c r="AF81900" i="1"/>
  <c r="AF81901" i="1"/>
  <c r="AF81902" i="1"/>
  <c r="AF81903" i="1"/>
  <c r="AF81904" i="1"/>
  <c r="AF81905" i="1"/>
  <c r="AF81906" i="1"/>
  <c r="AF81907" i="1"/>
  <c r="AF81908" i="1"/>
  <c r="AF81909" i="1"/>
  <c r="AF81910" i="1"/>
  <c r="AF81911" i="1"/>
  <c r="AF81912" i="1"/>
  <c r="AF81913" i="1"/>
  <c r="AF81914" i="1"/>
  <c r="AF81915" i="1"/>
  <c r="AF81916" i="1"/>
  <c r="AF81917" i="1"/>
  <c r="AF81918" i="1"/>
  <c r="AF81919" i="1"/>
  <c r="AF81920" i="1"/>
  <c r="AF81921" i="1"/>
  <c r="AF81922" i="1"/>
  <c r="AF81923" i="1"/>
  <c r="AF81924" i="1"/>
  <c r="AF81925" i="1"/>
  <c r="AF81926" i="1"/>
  <c r="AF81927" i="1"/>
  <c r="AF81928" i="1"/>
  <c r="AF81929" i="1"/>
  <c r="AF81930" i="1"/>
  <c r="AF81931" i="1"/>
  <c r="AF81932" i="1"/>
  <c r="AF81933" i="1"/>
  <c r="AF81934" i="1"/>
  <c r="AF81935" i="1"/>
  <c r="AF81936" i="1"/>
  <c r="AF81937" i="1"/>
  <c r="AF81938" i="1"/>
  <c r="AF81939" i="1"/>
  <c r="AF81940" i="1"/>
  <c r="AF81941" i="1"/>
  <c r="AF81942" i="1"/>
  <c r="AF81943" i="1"/>
  <c r="AF81944" i="1"/>
  <c r="AF81945" i="1"/>
  <c r="AF81946" i="1"/>
  <c r="AF81947" i="1"/>
  <c r="AF81948" i="1"/>
  <c r="AF81949" i="1"/>
  <c r="AF81950" i="1"/>
  <c r="AF81951" i="1"/>
  <c r="AF81952" i="1"/>
  <c r="AF81953" i="1"/>
  <c r="AF81954" i="1"/>
  <c r="AF81955" i="1"/>
  <c r="AF81956" i="1"/>
  <c r="AF81957" i="1"/>
  <c r="AF81958" i="1"/>
  <c r="AF81959" i="1"/>
  <c r="AF81960" i="1"/>
  <c r="AF81961" i="1"/>
  <c r="AF81962" i="1"/>
  <c r="AF81963" i="1"/>
  <c r="AF81964" i="1"/>
  <c r="AF81965" i="1"/>
  <c r="AF81966" i="1"/>
  <c r="AF81967" i="1"/>
  <c r="AF81968" i="1"/>
  <c r="AF81969" i="1"/>
  <c r="AF81970" i="1"/>
  <c r="AF81971" i="1"/>
  <c r="AF81972" i="1"/>
  <c r="AF81973" i="1"/>
  <c r="AF81974" i="1"/>
  <c r="AF81975" i="1"/>
  <c r="AF81976" i="1"/>
  <c r="AF81977" i="1"/>
  <c r="AF81978" i="1"/>
  <c r="AF81979" i="1"/>
  <c r="AF81980" i="1"/>
  <c r="AF81981" i="1"/>
  <c r="AF81982" i="1"/>
  <c r="AF81983" i="1"/>
  <c r="AF81984" i="1"/>
  <c r="AF81985" i="1"/>
  <c r="AF81986" i="1"/>
  <c r="AF81987" i="1"/>
  <c r="AF81988" i="1"/>
  <c r="AF81989" i="1"/>
  <c r="AF81990" i="1"/>
  <c r="AF81991" i="1"/>
  <c r="AF81992" i="1"/>
  <c r="AF81993" i="1"/>
  <c r="AF81994" i="1"/>
  <c r="AF81995" i="1"/>
  <c r="AF81996" i="1"/>
  <c r="AF81997" i="1"/>
  <c r="AF81998" i="1"/>
  <c r="AF81999" i="1"/>
  <c r="AF82000" i="1"/>
  <c r="AF82001" i="1"/>
  <c r="AF82002" i="1"/>
  <c r="AF82003" i="1"/>
  <c r="AF82004" i="1"/>
  <c r="AF82005" i="1"/>
  <c r="AF82006" i="1"/>
  <c r="AF82007" i="1"/>
  <c r="AF82008" i="1"/>
  <c r="AF82009" i="1"/>
  <c r="AF82010" i="1"/>
  <c r="AF82011" i="1"/>
  <c r="AF82012" i="1"/>
  <c r="AF82013" i="1"/>
  <c r="AF82014" i="1"/>
  <c r="AF82015" i="1"/>
  <c r="AF82016" i="1"/>
  <c r="AF82017" i="1"/>
  <c r="AF82018" i="1"/>
  <c r="AF82019" i="1"/>
  <c r="AF82020" i="1"/>
  <c r="AF82021" i="1"/>
  <c r="AF82022" i="1"/>
  <c r="AF82023" i="1"/>
  <c r="AF82024" i="1"/>
  <c r="AF82025" i="1"/>
  <c r="AF82026" i="1"/>
  <c r="AF82027" i="1"/>
  <c r="AF82028" i="1"/>
  <c r="AF82029" i="1"/>
  <c r="AF82030" i="1"/>
  <c r="AF82031" i="1"/>
  <c r="AF82032" i="1"/>
  <c r="AF82033" i="1"/>
  <c r="AF82034" i="1"/>
  <c r="AF82035" i="1"/>
  <c r="AF82036" i="1"/>
  <c r="AF82037" i="1"/>
  <c r="AF82038" i="1"/>
  <c r="AF82039" i="1"/>
  <c r="AF82040" i="1"/>
  <c r="AF82041" i="1"/>
  <c r="AF82042" i="1"/>
  <c r="AF82043" i="1"/>
  <c r="AF82044" i="1"/>
  <c r="AF82045" i="1"/>
  <c r="AF82046" i="1"/>
  <c r="AF82047" i="1"/>
  <c r="AF82048" i="1"/>
  <c r="AF82049" i="1"/>
  <c r="AF82050" i="1"/>
  <c r="AF82051" i="1"/>
  <c r="AF82052" i="1"/>
  <c r="AF82053" i="1"/>
  <c r="AF82054" i="1"/>
  <c r="AF82055" i="1"/>
  <c r="AF82056" i="1"/>
  <c r="AF82057" i="1"/>
  <c r="AF82058" i="1"/>
  <c r="AF82059" i="1"/>
  <c r="AF82060" i="1"/>
  <c r="AF82061" i="1"/>
  <c r="AF82062" i="1"/>
  <c r="AF82063" i="1"/>
  <c r="AF82064" i="1"/>
  <c r="AF82065" i="1"/>
  <c r="AF82066" i="1"/>
  <c r="AF82067" i="1"/>
  <c r="AF82068" i="1"/>
  <c r="AF82069" i="1"/>
  <c r="AF82070" i="1"/>
  <c r="AF82071" i="1"/>
  <c r="AF82072" i="1"/>
  <c r="AF82073" i="1"/>
  <c r="AF82074" i="1"/>
  <c r="AF82075" i="1"/>
  <c r="AF82076" i="1"/>
  <c r="AF82077" i="1"/>
  <c r="AF82078" i="1"/>
  <c r="AF82079" i="1"/>
  <c r="AF82080" i="1"/>
  <c r="AF82081" i="1"/>
  <c r="AF82082" i="1"/>
  <c r="AF82083" i="1"/>
  <c r="AF82084" i="1"/>
  <c r="AF82085" i="1"/>
  <c r="AF82086" i="1"/>
  <c r="AF82087" i="1"/>
  <c r="AF82088" i="1"/>
  <c r="AF82089" i="1"/>
  <c r="AF82090" i="1"/>
  <c r="AF82091" i="1"/>
  <c r="AF82092" i="1"/>
  <c r="AF82093" i="1"/>
  <c r="AF82094" i="1"/>
  <c r="AF82095" i="1"/>
  <c r="AF82096" i="1"/>
  <c r="AF82097" i="1"/>
  <c r="AF82098" i="1"/>
  <c r="AF82099" i="1"/>
  <c r="AF82100" i="1"/>
  <c r="AF82101" i="1"/>
  <c r="AF82102" i="1"/>
  <c r="AF82103" i="1"/>
  <c r="AF82104" i="1"/>
  <c r="AF82105" i="1"/>
  <c r="AF82106" i="1"/>
  <c r="AF82107" i="1"/>
  <c r="AF82108" i="1"/>
  <c r="AF82109" i="1"/>
  <c r="AF82110" i="1"/>
  <c r="AF82111" i="1"/>
  <c r="AF82112" i="1"/>
  <c r="AF82113" i="1"/>
  <c r="AF82114" i="1"/>
  <c r="AF82115" i="1"/>
  <c r="AF82116" i="1"/>
  <c r="AF82117" i="1"/>
  <c r="AF82118" i="1"/>
  <c r="AF82119" i="1"/>
  <c r="AF82120" i="1"/>
  <c r="AF82121" i="1"/>
  <c r="AF82122" i="1"/>
  <c r="AF82123" i="1"/>
  <c r="AF82124" i="1"/>
  <c r="AF82125" i="1"/>
  <c r="AF82126" i="1"/>
  <c r="AF82127" i="1"/>
  <c r="AF82128" i="1"/>
  <c r="AF82129" i="1"/>
  <c r="AF82130" i="1"/>
  <c r="AF82131" i="1"/>
  <c r="AF82132" i="1"/>
  <c r="AF82133" i="1"/>
  <c r="AF82134" i="1"/>
  <c r="AF82135" i="1"/>
  <c r="AF82136" i="1"/>
  <c r="AF82137" i="1"/>
  <c r="AF82138" i="1"/>
  <c r="AF82139" i="1"/>
  <c r="AF82140" i="1"/>
  <c r="AF82141" i="1"/>
  <c r="AF82142" i="1"/>
  <c r="AF82143" i="1"/>
  <c r="AF82144" i="1"/>
  <c r="AF82145" i="1"/>
  <c r="AF82146" i="1"/>
  <c r="AF82147" i="1"/>
  <c r="AF82148" i="1"/>
  <c r="AF82149" i="1"/>
  <c r="AF82150" i="1"/>
  <c r="AF82151" i="1"/>
  <c r="AF82152" i="1"/>
  <c r="AF82153" i="1"/>
  <c r="AF82154" i="1"/>
  <c r="AF82155" i="1"/>
  <c r="AF82156" i="1"/>
  <c r="AF82157" i="1"/>
  <c r="AF82158" i="1"/>
  <c r="AF82159" i="1"/>
  <c r="AF82160" i="1"/>
  <c r="AF82161" i="1"/>
  <c r="AF82162" i="1"/>
  <c r="AF82163" i="1"/>
  <c r="AF82164" i="1"/>
  <c r="AF82165" i="1"/>
  <c r="AF82166" i="1"/>
  <c r="AF82167" i="1"/>
  <c r="AF82168" i="1"/>
  <c r="AF82169" i="1"/>
  <c r="AF82170" i="1"/>
  <c r="AF82171" i="1"/>
  <c r="AF82172" i="1"/>
  <c r="AF82173" i="1"/>
  <c r="AF82174" i="1"/>
  <c r="AF82175" i="1"/>
  <c r="AF82176" i="1"/>
  <c r="AF82177" i="1"/>
  <c r="AF82178" i="1"/>
  <c r="AF82179" i="1"/>
  <c r="AF82180" i="1"/>
  <c r="AF82181" i="1"/>
  <c r="AF82182" i="1"/>
  <c r="AF82183" i="1"/>
  <c r="AF82184" i="1"/>
  <c r="AF82185" i="1"/>
  <c r="AF82186" i="1"/>
  <c r="AF82187" i="1"/>
  <c r="AF82188" i="1"/>
  <c r="AF82189" i="1"/>
  <c r="AF82190" i="1"/>
  <c r="AF82191" i="1"/>
  <c r="AF82192" i="1"/>
  <c r="AF82193" i="1"/>
  <c r="AF82194" i="1"/>
  <c r="AF82195" i="1"/>
  <c r="AF82196" i="1"/>
  <c r="AF82197" i="1"/>
  <c r="AF82198" i="1"/>
  <c r="AF82199" i="1"/>
  <c r="AF82200" i="1"/>
  <c r="AF82201" i="1"/>
  <c r="AF82202" i="1"/>
  <c r="AF82203" i="1"/>
  <c r="AF82204" i="1"/>
  <c r="AF82205" i="1"/>
  <c r="AF82206" i="1"/>
  <c r="AF82207" i="1"/>
  <c r="AF82208" i="1"/>
  <c r="AF82209" i="1"/>
  <c r="AF82210" i="1"/>
  <c r="AF82211" i="1"/>
  <c r="AF82212" i="1"/>
  <c r="AF82213" i="1"/>
  <c r="AF82214" i="1"/>
  <c r="AF82215" i="1"/>
  <c r="AF82216" i="1"/>
  <c r="AF82217" i="1"/>
  <c r="AF82218" i="1"/>
  <c r="AF82219" i="1"/>
  <c r="AF82220" i="1"/>
  <c r="AF82221" i="1"/>
  <c r="AF82222" i="1"/>
  <c r="AF82223" i="1"/>
  <c r="AF82224" i="1"/>
  <c r="AF82225" i="1"/>
  <c r="AF82226" i="1"/>
  <c r="AF82227" i="1"/>
  <c r="AF82228" i="1"/>
  <c r="AF82229" i="1"/>
  <c r="AF82230" i="1"/>
  <c r="AF82231" i="1"/>
  <c r="AF82232" i="1"/>
  <c r="AF82233" i="1"/>
  <c r="AF82234" i="1"/>
  <c r="AF82235" i="1"/>
  <c r="AF82236" i="1"/>
  <c r="AF82237" i="1"/>
  <c r="AF82238" i="1"/>
  <c r="AF82239" i="1"/>
  <c r="AF82240" i="1"/>
  <c r="AF82241" i="1"/>
  <c r="AF82242" i="1"/>
  <c r="AF82243" i="1"/>
  <c r="AF82244" i="1"/>
  <c r="AF82245" i="1"/>
  <c r="AF82246" i="1"/>
  <c r="AF82247" i="1"/>
  <c r="AF82248" i="1"/>
  <c r="AF82249" i="1"/>
  <c r="AF82250" i="1"/>
  <c r="AF82251" i="1"/>
  <c r="AF82252" i="1"/>
  <c r="AF82253" i="1"/>
  <c r="AF82254" i="1"/>
  <c r="AF82255" i="1"/>
  <c r="AF82256" i="1"/>
  <c r="AF82257" i="1"/>
  <c r="AF82258" i="1"/>
  <c r="AF82259" i="1"/>
  <c r="AF82260" i="1"/>
  <c r="AF82261" i="1"/>
  <c r="AF82262" i="1"/>
  <c r="AF82263" i="1"/>
  <c r="AF82264" i="1"/>
  <c r="AF82265" i="1"/>
  <c r="AF82266" i="1"/>
  <c r="AF82267" i="1"/>
  <c r="AF82268" i="1"/>
  <c r="AF82269" i="1"/>
  <c r="AF82270" i="1"/>
  <c r="AF82271" i="1"/>
  <c r="AF82272" i="1"/>
  <c r="AF82273" i="1"/>
  <c r="AF82274" i="1"/>
  <c r="AF82275" i="1"/>
  <c r="AF82276" i="1"/>
  <c r="AF82277" i="1"/>
  <c r="AF82278" i="1"/>
  <c r="AF82279" i="1"/>
  <c r="AF82280" i="1"/>
  <c r="AF82281" i="1"/>
  <c r="AF82282" i="1"/>
  <c r="AF82283" i="1"/>
  <c r="AF82284" i="1"/>
  <c r="AF82285" i="1"/>
  <c r="AF82286" i="1"/>
  <c r="AF82287" i="1"/>
  <c r="AF82288" i="1"/>
  <c r="AF82289" i="1"/>
  <c r="AF82290" i="1"/>
  <c r="AF82291" i="1"/>
  <c r="AF82292" i="1"/>
  <c r="AF82293" i="1"/>
  <c r="AF82294" i="1"/>
  <c r="AF82295" i="1"/>
  <c r="AF82296" i="1"/>
  <c r="AF82297" i="1"/>
  <c r="AF82298" i="1"/>
  <c r="AF82299" i="1"/>
  <c r="AF82300" i="1"/>
  <c r="AF82301" i="1"/>
  <c r="AF82302" i="1"/>
  <c r="AF82303" i="1"/>
  <c r="AF82304" i="1"/>
  <c r="AF82305" i="1"/>
  <c r="AF82306" i="1"/>
  <c r="AF82307" i="1"/>
  <c r="AF82308" i="1"/>
  <c r="AF82309" i="1"/>
  <c r="AF82310" i="1"/>
  <c r="AF82311" i="1"/>
  <c r="AF82312" i="1"/>
  <c r="AF82313" i="1"/>
  <c r="AF82314" i="1"/>
  <c r="AF82315" i="1"/>
  <c r="AF82316" i="1"/>
  <c r="AF82317" i="1"/>
  <c r="AF82318" i="1"/>
  <c r="AF82319" i="1"/>
  <c r="AF82320" i="1"/>
  <c r="AF82321" i="1"/>
  <c r="AF82322" i="1"/>
  <c r="AF82323" i="1"/>
  <c r="AF82324" i="1"/>
  <c r="AF82325" i="1"/>
  <c r="AF82326" i="1"/>
  <c r="AF82327" i="1"/>
  <c r="AF82328" i="1"/>
  <c r="AF82329" i="1"/>
  <c r="AF82330" i="1"/>
  <c r="AF82331" i="1"/>
  <c r="AF82332" i="1"/>
  <c r="AF82333" i="1"/>
  <c r="AF82334" i="1"/>
  <c r="AF82335" i="1"/>
  <c r="AF82336" i="1"/>
  <c r="AF82337" i="1"/>
  <c r="AF82338" i="1"/>
  <c r="AF82339" i="1"/>
  <c r="AF82340" i="1"/>
  <c r="AF82341" i="1"/>
  <c r="AF82342" i="1"/>
  <c r="AF82343" i="1"/>
  <c r="AF82344" i="1"/>
  <c r="AF82345" i="1"/>
  <c r="AF82346" i="1"/>
  <c r="AF82347" i="1"/>
  <c r="AF82348" i="1"/>
  <c r="AF82349" i="1"/>
  <c r="AF82350" i="1"/>
  <c r="AF82351" i="1"/>
  <c r="AF82352" i="1"/>
  <c r="AF82353" i="1"/>
  <c r="AF82354" i="1"/>
  <c r="AF82355" i="1"/>
  <c r="AF82356" i="1"/>
  <c r="AF82357" i="1"/>
  <c r="AF82358" i="1"/>
  <c r="AF82359" i="1"/>
  <c r="AF82360" i="1"/>
  <c r="AF82361" i="1"/>
  <c r="AF82362" i="1"/>
  <c r="AF82363" i="1"/>
  <c r="AF82364" i="1"/>
  <c r="AF82365" i="1"/>
  <c r="AF82366" i="1"/>
  <c r="AF82367" i="1"/>
  <c r="AF82368" i="1"/>
  <c r="AF82369" i="1"/>
  <c r="AF82370" i="1"/>
  <c r="AF82371" i="1"/>
  <c r="AF82372" i="1"/>
  <c r="AF82373" i="1"/>
  <c r="AF82374" i="1"/>
  <c r="AF82375" i="1"/>
  <c r="AF82376" i="1"/>
  <c r="AF82377" i="1"/>
  <c r="AF82378" i="1"/>
  <c r="AF82379" i="1"/>
  <c r="AF82380" i="1"/>
  <c r="AF82381" i="1"/>
  <c r="AF82382" i="1"/>
  <c r="AF82383" i="1"/>
  <c r="AF82384" i="1"/>
  <c r="AF82385" i="1"/>
  <c r="AF82386" i="1"/>
  <c r="AF82387" i="1"/>
  <c r="AF82388" i="1"/>
  <c r="AF82389" i="1"/>
  <c r="AF82390" i="1"/>
  <c r="AF82391" i="1"/>
  <c r="AF82392" i="1"/>
  <c r="AF82393" i="1"/>
  <c r="AF82394" i="1"/>
  <c r="AF82395" i="1"/>
  <c r="AF82396" i="1"/>
  <c r="AF82397" i="1"/>
  <c r="AF82398" i="1"/>
  <c r="AF82399" i="1"/>
  <c r="AF82400" i="1"/>
  <c r="AF82401" i="1"/>
  <c r="AF82402" i="1"/>
  <c r="AF82403" i="1"/>
  <c r="AF82404" i="1"/>
  <c r="AF82405" i="1"/>
  <c r="AF82406" i="1"/>
  <c r="AF82407" i="1"/>
  <c r="AF82408" i="1"/>
  <c r="AF82409" i="1"/>
  <c r="AF82410" i="1"/>
  <c r="AF82411" i="1"/>
  <c r="AF82412" i="1"/>
  <c r="AF82413" i="1"/>
  <c r="AF82414" i="1"/>
  <c r="AF82415" i="1"/>
  <c r="AF82416" i="1"/>
  <c r="AF82417" i="1"/>
  <c r="AF82418" i="1"/>
  <c r="AF82419" i="1"/>
  <c r="AF82420" i="1"/>
  <c r="AF82421" i="1"/>
  <c r="AF82422" i="1"/>
  <c r="AF82423" i="1"/>
  <c r="AF82424" i="1"/>
  <c r="AF82425" i="1"/>
  <c r="AF82426" i="1"/>
  <c r="AF82427" i="1"/>
  <c r="AF82428" i="1"/>
  <c r="AF82429" i="1"/>
  <c r="AF82430" i="1"/>
  <c r="AF82431" i="1"/>
  <c r="AF82432" i="1"/>
  <c r="AF82433" i="1"/>
  <c r="AF82434" i="1"/>
  <c r="AF82435" i="1"/>
  <c r="AF82436" i="1"/>
  <c r="AF82437" i="1"/>
  <c r="AF82438" i="1"/>
  <c r="AF82439" i="1"/>
  <c r="AF82440" i="1"/>
  <c r="AF82441" i="1"/>
  <c r="AF82442" i="1"/>
  <c r="AF82443" i="1"/>
  <c r="AF82444" i="1"/>
  <c r="AF82445" i="1"/>
  <c r="AF82446" i="1"/>
  <c r="AF82447" i="1"/>
  <c r="AF82448" i="1"/>
  <c r="AF82449" i="1"/>
  <c r="AF82450" i="1"/>
  <c r="AF82451" i="1"/>
  <c r="AF82452" i="1"/>
  <c r="AF82453" i="1"/>
  <c r="AF82454" i="1"/>
  <c r="AF82455" i="1"/>
  <c r="AF82456" i="1"/>
  <c r="AF82457" i="1"/>
  <c r="AF82458" i="1"/>
  <c r="AF82459" i="1"/>
  <c r="AF82460" i="1"/>
  <c r="AF82461" i="1"/>
  <c r="AF82462" i="1"/>
  <c r="AF82463" i="1"/>
  <c r="AF82464" i="1"/>
  <c r="AF82465" i="1"/>
  <c r="AF82466" i="1"/>
  <c r="AF82467" i="1"/>
  <c r="AF82468" i="1"/>
  <c r="AF82469" i="1"/>
  <c r="AF82470" i="1"/>
  <c r="AF82471" i="1"/>
  <c r="AF82472" i="1"/>
  <c r="AF82473" i="1"/>
  <c r="AF82474" i="1"/>
  <c r="AF82475" i="1"/>
  <c r="AF82476" i="1"/>
  <c r="AF82477" i="1"/>
  <c r="AF82478" i="1"/>
  <c r="AF82479" i="1"/>
  <c r="AF82480" i="1"/>
  <c r="AF82481" i="1"/>
  <c r="AF82482" i="1"/>
  <c r="AF82483" i="1"/>
  <c r="AF82484" i="1"/>
  <c r="AF82485" i="1"/>
  <c r="AF82486" i="1"/>
  <c r="AF82487" i="1"/>
  <c r="AF82488" i="1"/>
  <c r="AF82489" i="1"/>
  <c r="AF82490" i="1"/>
  <c r="AF82491" i="1"/>
  <c r="AF82492" i="1"/>
  <c r="AF82493" i="1"/>
  <c r="AF82494" i="1"/>
  <c r="AF82495" i="1"/>
  <c r="AF82496" i="1"/>
  <c r="AF82497" i="1"/>
  <c r="AF82498" i="1"/>
  <c r="AF82499" i="1"/>
  <c r="AF82500" i="1"/>
  <c r="AF82501" i="1"/>
  <c r="AF82502" i="1"/>
  <c r="AF82503" i="1"/>
  <c r="AF82504" i="1"/>
  <c r="AF82505" i="1"/>
  <c r="AF82506" i="1"/>
  <c r="AF82507" i="1"/>
  <c r="AF82508" i="1"/>
  <c r="AF82509" i="1"/>
  <c r="AF82510" i="1"/>
  <c r="AF82511" i="1"/>
  <c r="AF82512" i="1"/>
  <c r="AF82513" i="1"/>
  <c r="AF82514" i="1"/>
  <c r="AF82515" i="1"/>
  <c r="AF82516" i="1"/>
  <c r="AF82517" i="1"/>
  <c r="AF82518" i="1"/>
  <c r="AF82519" i="1"/>
  <c r="AF82520" i="1"/>
  <c r="AF82521" i="1"/>
  <c r="AF82522" i="1"/>
  <c r="AF82523" i="1"/>
  <c r="AF82524" i="1"/>
  <c r="AF82525" i="1"/>
  <c r="AF82526" i="1"/>
  <c r="AF82527" i="1"/>
  <c r="AF82528" i="1"/>
  <c r="AF82529" i="1"/>
  <c r="AF82530" i="1"/>
  <c r="AF82531" i="1"/>
  <c r="AF82532" i="1"/>
  <c r="AF82533" i="1"/>
  <c r="AF82534" i="1"/>
  <c r="AF82535" i="1"/>
  <c r="AF82536" i="1"/>
  <c r="AF82537" i="1"/>
  <c r="AF82538" i="1"/>
  <c r="AF82539" i="1"/>
  <c r="AF82540" i="1"/>
  <c r="AF82541" i="1"/>
  <c r="AF82542" i="1"/>
  <c r="AF82543" i="1"/>
  <c r="AF82544" i="1"/>
  <c r="AF82545" i="1"/>
  <c r="AF82546" i="1"/>
  <c r="AF82547" i="1"/>
  <c r="AF82548" i="1"/>
  <c r="AF82549" i="1"/>
  <c r="AF82550" i="1"/>
  <c r="AF82551" i="1"/>
  <c r="AF82552" i="1"/>
  <c r="AF82553" i="1"/>
  <c r="AF82554" i="1"/>
  <c r="AF82555" i="1"/>
  <c r="AF82556" i="1"/>
  <c r="AF82557" i="1"/>
  <c r="AF82558" i="1"/>
  <c r="AF82559" i="1"/>
  <c r="AF82560" i="1"/>
  <c r="AF82561" i="1"/>
  <c r="AF82562" i="1"/>
  <c r="AF82563" i="1"/>
  <c r="AF82564" i="1"/>
  <c r="AF82565" i="1"/>
  <c r="AF82566" i="1"/>
  <c r="AF82567" i="1"/>
  <c r="AF82568" i="1"/>
  <c r="AF82569" i="1"/>
  <c r="AF82570" i="1"/>
  <c r="AF82571" i="1"/>
  <c r="AF82572" i="1"/>
  <c r="AF82573" i="1"/>
  <c r="AF82574" i="1"/>
  <c r="AF82575" i="1"/>
  <c r="AF82576" i="1"/>
  <c r="AF82577" i="1"/>
  <c r="AF82578" i="1"/>
  <c r="AF82579" i="1"/>
  <c r="AF82580" i="1"/>
  <c r="AF82581" i="1"/>
  <c r="AF82582" i="1"/>
  <c r="AF82583" i="1"/>
  <c r="AF82584" i="1"/>
  <c r="AF82585" i="1"/>
  <c r="AF82586" i="1"/>
  <c r="AF82587" i="1"/>
  <c r="AF82588" i="1"/>
  <c r="AF82589" i="1"/>
  <c r="AF82590" i="1"/>
  <c r="AF82591" i="1"/>
  <c r="AF82592" i="1"/>
  <c r="AF82593" i="1"/>
  <c r="AF82594" i="1"/>
  <c r="AF82595" i="1"/>
  <c r="AF82596" i="1"/>
  <c r="AF82597" i="1"/>
  <c r="AF82598" i="1"/>
  <c r="AF82599" i="1"/>
  <c r="AF82600" i="1"/>
  <c r="AF82601" i="1"/>
  <c r="AF82602" i="1"/>
  <c r="AF82603" i="1"/>
  <c r="AF82604" i="1"/>
  <c r="AF82605" i="1"/>
  <c r="AF82606" i="1"/>
  <c r="AF82607" i="1"/>
  <c r="AF82608" i="1"/>
  <c r="AF82609" i="1"/>
  <c r="AF82610" i="1"/>
  <c r="AF82611" i="1"/>
  <c r="AF82612" i="1"/>
  <c r="AF82613" i="1"/>
  <c r="AF82614" i="1"/>
  <c r="AF82615" i="1"/>
  <c r="AF82616" i="1"/>
  <c r="AF82617" i="1"/>
  <c r="AF82618" i="1"/>
  <c r="AF82619" i="1"/>
  <c r="AF82620" i="1"/>
  <c r="AF82621" i="1"/>
  <c r="AF82622" i="1"/>
  <c r="AF82623" i="1"/>
  <c r="AF82624" i="1"/>
  <c r="AF82625" i="1"/>
  <c r="AF82626" i="1"/>
  <c r="AF82627" i="1"/>
  <c r="AF82628" i="1"/>
  <c r="AF82629" i="1"/>
  <c r="AF82630" i="1"/>
  <c r="AF82631" i="1"/>
  <c r="AF82632" i="1"/>
  <c r="AF82633" i="1"/>
  <c r="AF82634" i="1"/>
  <c r="AF82635" i="1"/>
  <c r="AF82636" i="1"/>
  <c r="AF82637" i="1"/>
  <c r="AF82638" i="1"/>
  <c r="AF82639" i="1"/>
  <c r="AF82640" i="1"/>
  <c r="AF82641" i="1"/>
  <c r="AF82642" i="1"/>
  <c r="AF82643" i="1"/>
  <c r="AF82644" i="1"/>
  <c r="AF82645" i="1"/>
  <c r="AF82646" i="1"/>
  <c r="AF82647" i="1"/>
  <c r="AF82648" i="1"/>
  <c r="AF82649" i="1"/>
  <c r="AF82650" i="1"/>
  <c r="AF82651" i="1"/>
  <c r="AF82652" i="1"/>
  <c r="AF82653" i="1"/>
  <c r="AF82654" i="1"/>
  <c r="AF82655" i="1"/>
  <c r="AF82656" i="1"/>
  <c r="AF82657" i="1"/>
  <c r="AF82658" i="1"/>
  <c r="AF82659" i="1"/>
  <c r="AF82660" i="1"/>
  <c r="AF82661" i="1"/>
  <c r="AF82662" i="1"/>
  <c r="AF82663" i="1"/>
  <c r="AF82664" i="1"/>
  <c r="AF82665" i="1"/>
  <c r="AF82666" i="1"/>
  <c r="AF82667" i="1"/>
  <c r="AF82668" i="1"/>
  <c r="AF82669" i="1"/>
  <c r="AF82670" i="1"/>
  <c r="AF82671" i="1"/>
  <c r="AF82672" i="1"/>
  <c r="AF82673" i="1"/>
  <c r="AF82674" i="1"/>
  <c r="AF82675" i="1"/>
  <c r="AF82676" i="1"/>
  <c r="AF82677" i="1"/>
  <c r="AF82678" i="1"/>
  <c r="AF82679" i="1"/>
  <c r="AF82680" i="1"/>
  <c r="AF82681" i="1"/>
  <c r="AF82682" i="1"/>
  <c r="AF82683" i="1"/>
  <c r="AF82684" i="1"/>
  <c r="AF82685" i="1"/>
  <c r="AF82686" i="1"/>
  <c r="AF82687" i="1"/>
  <c r="AF82688" i="1"/>
  <c r="AF82689" i="1"/>
  <c r="AF82690" i="1"/>
  <c r="AF82691" i="1"/>
  <c r="AF82692" i="1"/>
  <c r="AF82693" i="1"/>
  <c r="AF82694" i="1"/>
  <c r="AF82695" i="1"/>
  <c r="AF82696" i="1"/>
  <c r="AF82697" i="1"/>
  <c r="AF82698" i="1"/>
  <c r="AF82699" i="1"/>
  <c r="AF82700" i="1"/>
  <c r="AF82701" i="1"/>
  <c r="AF82702" i="1"/>
  <c r="AF82703" i="1"/>
  <c r="AF82704" i="1"/>
  <c r="AF82705" i="1"/>
  <c r="AF82706" i="1"/>
  <c r="AF82707" i="1"/>
  <c r="AF82708" i="1"/>
  <c r="AF82709" i="1"/>
  <c r="AF82710" i="1"/>
  <c r="AF82711" i="1"/>
  <c r="AF82712" i="1"/>
  <c r="AF82713" i="1"/>
  <c r="AF82714" i="1"/>
  <c r="AF82715" i="1"/>
  <c r="AF82716" i="1"/>
  <c r="AF82717" i="1"/>
  <c r="AF82718" i="1"/>
  <c r="AF82719" i="1"/>
  <c r="AF82720" i="1"/>
  <c r="AF82721" i="1"/>
  <c r="AF82722" i="1"/>
  <c r="AF82723" i="1"/>
  <c r="AF82724" i="1"/>
  <c r="AF82725" i="1"/>
  <c r="AF82726" i="1"/>
  <c r="AF82727" i="1"/>
  <c r="AF82728" i="1"/>
  <c r="AF82729" i="1"/>
  <c r="AF82730" i="1"/>
  <c r="AF82731" i="1"/>
  <c r="AF82732" i="1"/>
  <c r="AF82733" i="1"/>
  <c r="AF82734" i="1"/>
  <c r="AF82735" i="1"/>
  <c r="AF82736" i="1"/>
  <c r="AF82737" i="1"/>
  <c r="AF82738" i="1"/>
  <c r="AF82739" i="1"/>
  <c r="AF82740" i="1"/>
  <c r="AF82741" i="1"/>
  <c r="AF82742" i="1"/>
  <c r="AF82743" i="1"/>
  <c r="AF82744" i="1"/>
  <c r="AF82745" i="1"/>
  <c r="AF82746" i="1"/>
  <c r="AF82747" i="1"/>
  <c r="AF82748" i="1"/>
  <c r="AF82749" i="1"/>
  <c r="AF82750" i="1"/>
  <c r="AF82751" i="1"/>
  <c r="AF82752" i="1"/>
  <c r="AF82753" i="1"/>
  <c r="AF82754" i="1"/>
  <c r="AF82755" i="1"/>
  <c r="AF82756" i="1"/>
  <c r="AF82757" i="1"/>
  <c r="AF82758" i="1"/>
  <c r="AF82759" i="1"/>
  <c r="AF82760" i="1"/>
  <c r="AF82761" i="1"/>
  <c r="AF82762" i="1"/>
  <c r="AF82763" i="1"/>
  <c r="AF82764" i="1"/>
  <c r="AF82765" i="1"/>
  <c r="AF82766" i="1"/>
  <c r="AF82767" i="1"/>
  <c r="AF82768" i="1"/>
  <c r="AF82769" i="1"/>
  <c r="AF82770" i="1"/>
  <c r="AF82771" i="1"/>
  <c r="AF82772" i="1"/>
  <c r="AF82773" i="1"/>
  <c r="AF82774" i="1"/>
  <c r="AF82775" i="1"/>
  <c r="AF82776" i="1"/>
  <c r="AF82777" i="1"/>
  <c r="AF82778" i="1"/>
  <c r="AF82779" i="1"/>
  <c r="AF82780" i="1"/>
  <c r="AF82781" i="1"/>
  <c r="AF82782" i="1"/>
  <c r="AF82783" i="1"/>
  <c r="AF82784" i="1"/>
  <c r="AF82785" i="1"/>
  <c r="AF82786" i="1"/>
  <c r="AF82787" i="1"/>
  <c r="AF82788" i="1"/>
  <c r="AF82789" i="1"/>
  <c r="AF82790" i="1"/>
  <c r="AF82791" i="1"/>
  <c r="AF82792" i="1"/>
  <c r="AF82793" i="1"/>
  <c r="AF82794" i="1"/>
  <c r="AF82795" i="1"/>
  <c r="AF82796" i="1"/>
  <c r="AF82797" i="1"/>
  <c r="AF82798" i="1"/>
  <c r="AF82799" i="1"/>
  <c r="AF82800" i="1"/>
  <c r="AF82801" i="1"/>
  <c r="AF82802" i="1"/>
  <c r="AF82803" i="1"/>
  <c r="AF82804" i="1"/>
  <c r="AF82805" i="1"/>
  <c r="AF82806" i="1"/>
  <c r="AF82807" i="1"/>
  <c r="AF82808" i="1"/>
  <c r="AF82809" i="1"/>
  <c r="AF82810" i="1"/>
  <c r="AF82811" i="1"/>
  <c r="AF82812" i="1"/>
  <c r="AF82813" i="1"/>
  <c r="AF82814" i="1"/>
  <c r="AF82815" i="1"/>
  <c r="AF82816" i="1"/>
  <c r="AF82817" i="1"/>
  <c r="AF82818" i="1"/>
  <c r="AF82819" i="1"/>
  <c r="AF82820" i="1"/>
  <c r="AF82821" i="1"/>
  <c r="AF82822" i="1"/>
  <c r="AF82823" i="1"/>
  <c r="AF82824" i="1"/>
  <c r="AF82825" i="1"/>
  <c r="AF82826" i="1"/>
  <c r="AF82827" i="1"/>
  <c r="AF82828" i="1"/>
  <c r="AF82829" i="1"/>
  <c r="AF82830" i="1"/>
  <c r="AF82831" i="1"/>
  <c r="AF82832" i="1"/>
  <c r="AF82833" i="1"/>
  <c r="AF82834" i="1"/>
  <c r="AF82835" i="1"/>
  <c r="AF82836" i="1"/>
  <c r="AF82837" i="1"/>
  <c r="AF82838" i="1"/>
  <c r="AF82839" i="1"/>
  <c r="AF82840" i="1"/>
  <c r="AF82841" i="1"/>
  <c r="AF82842" i="1"/>
  <c r="AF82843" i="1"/>
  <c r="AF82844" i="1"/>
  <c r="AF82845" i="1"/>
  <c r="AF82846" i="1"/>
  <c r="AF82847" i="1"/>
  <c r="AF82848" i="1"/>
  <c r="AF82849" i="1"/>
  <c r="AF82850" i="1"/>
  <c r="AF82851" i="1"/>
  <c r="AF82852" i="1"/>
  <c r="AF82853" i="1"/>
  <c r="AF82854" i="1"/>
  <c r="AF82855" i="1"/>
  <c r="AF82856" i="1"/>
  <c r="AF82857" i="1"/>
  <c r="AF82858" i="1"/>
  <c r="AF82859" i="1"/>
  <c r="AF82860" i="1"/>
  <c r="AF82861" i="1"/>
  <c r="AF82862" i="1"/>
  <c r="AF82863" i="1"/>
  <c r="AF82864" i="1"/>
  <c r="AF82865" i="1"/>
  <c r="AF82866" i="1"/>
  <c r="AF82867" i="1"/>
  <c r="AF82868" i="1"/>
  <c r="AF82869" i="1"/>
  <c r="AF82870" i="1"/>
  <c r="AF82871" i="1"/>
  <c r="AF82872" i="1"/>
  <c r="AF82873" i="1"/>
  <c r="AF82874" i="1"/>
  <c r="AF82875" i="1"/>
  <c r="AF82876" i="1"/>
  <c r="AF82877" i="1"/>
  <c r="AF82878" i="1"/>
  <c r="AF82879" i="1"/>
  <c r="AF82880" i="1"/>
  <c r="AF82881" i="1"/>
  <c r="AF82882" i="1"/>
  <c r="AF82883" i="1"/>
  <c r="AF82884" i="1"/>
  <c r="AF82885" i="1"/>
  <c r="AF82886" i="1"/>
  <c r="AF82887" i="1"/>
  <c r="AF82888" i="1"/>
  <c r="AF82889" i="1"/>
  <c r="AF82890" i="1"/>
  <c r="AF82891" i="1"/>
  <c r="AF82892" i="1"/>
  <c r="AF82893" i="1"/>
  <c r="AF82894" i="1"/>
  <c r="AF82895" i="1"/>
  <c r="AF82896" i="1"/>
  <c r="AF82897" i="1"/>
  <c r="AF82898" i="1"/>
  <c r="AF82899" i="1"/>
  <c r="AF82900" i="1"/>
  <c r="AF82901" i="1"/>
  <c r="AF82902" i="1"/>
  <c r="AF82903" i="1"/>
  <c r="AF82904" i="1"/>
  <c r="AF82905" i="1"/>
  <c r="AF82906" i="1"/>
  <c r="AF82907" i="1"/>
  <c r="AF82908" i="1"/>
  <c r="AF82909" i="1"/>
  <c r="AF82910" i="1"/>
  <c r="AF82911" i="1"/>
  <c r="AF82912" i="1"/>
  <c r="AF82913" i="1"/>
  <c r="AF82914" i="1"/>
  <c r="AF82915" i="1"/>
  <c r="AF82916" i="1"/>
  <c r="AF82917" i="1"/>
  <c r="AF82918" i="1"/>
  <c r="AF82919" i="1"/>
  <c r="AF82920" i="1"/>
  <c r="AF82921" i="1"/>
  <c r="AF82922" i="1"/>
  <c r="AF82923" i="1"/>
  <c r="AF82924" i="1"/>
  <c r="AF82925" i="1"/>
  <c r="AF82926" i="1"/>
  <c r="AF82927" i="1"/>
  <c r="AF82928" i="1"/>
  <c r="AF82929" i="1"/>
  <c r="AF82930" i="1"/>
  <c r="AF82931" i="1"/>
  <c r="AF82932" i="1"/>
  <c r="AF82933" i="1"/>
  <c r="AF82934" i="1"/>
  <c r="AF82935" i="1"/>
  <c r="AF82936" i="1"/>
  <c r="AF82937" i="1"/>
  <c r="AF82938" i="1"/>
  <c r="AF82939" i="1"/>
  <c r="AF82940" i="1"/>
  <c r="AF82941" i="1"/>
  <c r="AF82942" i="1"/>
  <c r="AF82943" i="1"/>
  <c r="AF82944" i="1"/>
  <c r="AF82945" i="1"/>
  <c r="AF82946" i="1"/>
  <c r="AF82947" i="1"/>
  <c r="AF82948" i="1"/>
  <c r="AF82949" i="1"/>
  <c r="AF82950" i="1"/>
  <c r="AF82951" i="1"/>
  <c r="AF82952" i="1"/>
  <c r="AF82953" i="1"/>
  <c r="AF82954" i="1"/>
  <c r="AF82955" i="1"/>
  <c r="AF82956" i="1"/>
  <c r="AF82957" i="1"/>
  <c r="AF82958" i="1"/>
  <c r="AF82959" i="1"/>
  <c r="AF82960" i="1"/>
  <c r="AF82961" i="1"/>
  <c r="AF82962" i="1"/>
  <c r="AF82963" i="1"/>
  <c r="AF82964" i="1"/>
  <c r="AF82965" i="1"/>
  <c r="AF82966" i="1"/>
  <c r="AF82967" i="1"/>
  <c r="AF82968" i="1"/>
  <c r="AF82969" i="1"/>
  <c r="AF82970" i="1"/>
  <c r="AF82971" i="1"/>
  <c r="AF82972" i="1"/>
  <c r="AF82973" i="1"/>
  <c r="AF82974" i="1"/>
  <c r="AF82975" i="1"/>
  <c r="AF82976" i="1"/>
  <c r="AF82977" i="1"/>
  <c r="AF82978" i="1"/>
  <c r="AF82979" i="1"/>
  <c r="AF82980" i="1"/>
  <c r="AF82981" i="1"/>
  <c r="AF82982" i="1"/>
  <c r="AF82983" i="1"/>
  <c r="AF82984" i="1"/>
  <c r="AF82985" i="1"/>
  <c r="AF82986" i="1"/>
  <c r="AF82987" i="1"/>
  <c r="AF82988" i="1"/>
  <c r="AF82989" i="1"/>
  <c r="AF82990" i="1"/>
  <c r="AF82991" i="1"/>
  <c r="AF82992" i="1"/>
  <c r="AF82993" i="1"/>
  <c r="AF82994" i="1"/>
  <c r="AF82995" i="1"/>
  <c r="AF82996" i="1"/>
  <c r="AF82997" i="1"/>
  <c r="AF82998" i="1"/>
  <c r="AF82999" i="1"/>
  <c r="AF83000" i="1"/>
  <c r="AF83001" i="1"/>
  <c r="AF83002" i="1"/>
  <c r="AF83003" i="1"/>
  <c r="AF83004" i="1"/>
  <c r="AF83005" i="1"/>
  <c r="AF83006" i="1"/>
  <c r="AF83007" i="1"/>
  <c r="AF83008" i="1"/>
  <c r="AF83009" i="1"/>
  <c r="AF83010" i="1"/>
  <c r="AF83011" i="1"/>
  <c r="AF83012" i="1"/>
  <c r="AF83013" i="1"/>
  <c r="AF83014" i="1"/>
  <c r="AF83015" i="1"/>
  <c r="AF83016" i="1"/>
  <c r="AF83017" i="1"/>
  <c r="AF83018" i="1"/>
  <c r="AF83019" i="1"/>
  <c r="AF83020" i="1"/>
  <c r="AF83021" i="1"/>
  <c r="AF83022" i="1"/>
  <c r="AF83023" i="1"/>
  <c r="AF83024" i="1"/>
  <c r="AF83025" i="1"/>
  <c r="AF83026" i="1"/>
  <c r="AF83027" i="1"/>
  <c r="AF83028" i="1"/>
  <c r="AF83029" i="1"/>
  <c r="AF83030" i="1"/>
  <c r="AF83031" i="1"/>
  <c r="AF83032" i="1"/>
  <c r="AF83033" i="1"/>
  <c r="AF83034" i="1"/>
  <c r="AF83035" i="1"/>
  <c r="AF83036" i="1"/>
  <c r="AF83037" i="1"/>
  <c r="AF83038" i="1"/>
  <c r="AF83039" i="1"/>
  <c r="AF83040" i="1"/>
  <c r="AF83041" i="1"/>
  <c r="AF83042" i="1"/>
  <c r="AF83043" i="1"/>
  <c r="AF83044" i="1"/>
  <c r="AF83045" i="1"/>
  <c r="AF83046" i="1"/>
  <c r="AF83047" i="1"/>
  <c r="AF83048" i="1"/>
  <c r="AF83049" i="1"/>
  <c r="AF83050" i="1"/>
  <c r="AF83051" i="1"/>
  <c r="AF83052" i="1"/>
  <c r="AF83053" i="1"/>
  <c r="AF83054" i="1"/>
  <c r="AF83055" i="1"/>
  <c r="AF83056" i="1"/>
  <c r="AF83057" i="1"/>
  <c r="AF83058" i="1"/>
  <c r="AF83059" i="1"/>
  <c r="AF83060" i="1"/>
  <c r="AF83061" i="1"/>
  <c r="AF83062" i="1"/>
  <c r="AF83063" i="1"/>
  <c r="AF83064" i="1"/>
  <c r="AF83065" i="1"/>
  <c r="AF83066" i="1"/>
  <c r="AF83067" i="1"/>
  <c r="AF83068" i="1"/>
  <c r="AF83069" i="1"/>
  <c r="AF83070" i="1"/>
  <c r="AF83071" i="1"/>
  <c r="AF83072" i="1"/>
  <c r="AF83073" i="1"/>
  <c r="AF83074" i="1"/>
  <c r="AF83075" i="1"/>
  <c r="AF83076" i="1"/>
  <c r="AF83077" i="1"/>
  <c r="AF83078" i="1"/>
  <c r="AF83079" i="1"/>
  <c r="AF83080" i="1"/>
  <c r="AF83081" i="1"/>
  <c r="AF83082" i="1"/>
  <c r="AF83083" i="1"/>
  <c r="AF83084" i="1"/>
  <c r="AF83085" i="1"/>
  <c r="AF83086" i="1"/>
  <c r="AF83087" i="1"/>
  <c r="AF83088" i="1"/>
  <c r="AF83089" i="1"/>
  <c r="AF83090" i="1"/>
  <c r="AF83091" i="1"/>
  <c r="AF83092" i="1"/>
  <c r="AF83093" i="1"/>
  <c r="AF83094" i="1"/>
  <c r="AF83095" i="1"/>
  <c r="AF83096" i="1"/>
  <c r="AF83097" i="1"/>
  <c r="AF83098" i="1"/>
  <c r="AF83099" i="1"/>
  <c r="AF83100" i="1"/>
  <c r="AF83101" i="1"/>
  <c r="AF83102" i="1"/>
  <c r="AF83103" i="1"/>
  <c r="AF83104" i="1"/>
  <c r="AF83105" i="1"/>
  <c r="AF83106" i="1"/>
  <c r="AF83107" i="1"/>
  <c r="AF83108" i="1"/>
  <c r="AF83109" i="1"/>
  <c r="AF83110" i="1"/>
  <c r="AF83111" i="1"/>
  <c r="AF83112" i="1"/>
  <c r="AF83113" i="1"/>
  <c r="AF83114" i="1"/>
  <c r="AF83115" i="1"/>
  <c r="AF83116" i="1"/>
  <c r="AF83117" i="1"/>
  <c r="AF83118" i="1"/>
  <c r="AF83119" i="1"/>
  <c r="AF83120" i="1"/>
  <c r="AF83121" i="1"/>
  <c r="AF83122" i="1"/>
  <c r="AF83123" i="1"/>
  <c r="AF83124" i="1"/>
  <c r="AF83125" i="1"/>
  <c r="AF83126" i="1"/>
  <c r="AF83127" i="1"/>
  <c r="AF83128" i="1"/>
  <c r="AF83129" i="1"/>
  <c r="AF83130" i="1"/>
  <c r="AF83131" i="1"/>
  <c r="AF83132" i="1"/>
  <c r="AF83133" i="1"/>
  <c r="AF83134" i="1"/>
  <c r="AF83135" i="1"/>
  <c r="AF83136" i="1"/>
  <c r="AF83137" i="1"/>
  <c r="AF83138" i="1"/>
  <c r="AF83139" i="1"/>
  <c r="AF83140" i="1"/>
  <c r="AF83141" i="1"/>
  <c r="AF83142" i="1"/>
  <c r="AF83143" i="1"/>
  <c r="AF83144" i="1"/>
  <c r="AF83145" i="1"/>
  <c r="AF83146" i="1"/>
  <c r="AF83147" i="1"/>
  <c r="AF83148" i="1"/>
  <c r="AF83149" i="1"/>
  <c r="AF83150" i="1"/>
  <c r="AF83151" i="1"/>
  <c r="AF83152" i="1"/>
  <c r="AF83153" i="1"/>
  <c r="AF83154" i="1"/>
  <c r="AF83155" i="1"/>
  <c r="AF83156" i="1"/>
  <c r="AF83157" i="1"/>
  <c r="AF83158" i="1"/>
  <c r="AF83159" i="1"/>
  <c r="AF83160" i="1"/>
  <c r="AF83161" i="1"/>
  <c r="AF83162" i="1"/>
  <c r="AF83163" i="1"/>
  <c r="AF83164" i="1"/>
  <c r="AF83165" i="1"/>
  <c r="AF83166" i="1"/>
  <c r="AF83167" i="1"/>
  <c r="AF83168" i="1"/>
  <c r="AF83169" i="1"/>
  <c r="AF83170" i="1"/>
  <c r="AF83171" i="1"/>
  <c r="AF83172" i="1"/>
  <c r="AF83173" i="1"/>
  <c r="AF83174" i="1"/>
  <c r="AF83175" i="1"/>
  <c r="AF83176" i="1"/>
  <c r="AF83177" i="1"/>
  <c r="AF83178" i="1"/>
  <c r="AF83179" i="1"/>
  <c r="AF83180" i="1"/>
  <c r="AF83181" i="1"/>
  <c r="AF83182" i="1"/>
  <c r="AF83183" i="1"/>
  <c r="AF83184" i="1"/>
  <c r="AF83185" i="1"/>
  <c r="AF83186" i="1"/>
  <c r="AF83187" i="1"/>
  <c r="AF83188" i="1"/>
  <c r="AF83189" i="1"/>
  <c r="AF83190" i="1"/>
  <c r="AF83191" i="1"/>
  <c r="AF83192" i="1"/>
  <c r="AF83193" i="1"/>
  <c r="AF83194" i="1"/>
  <c r="AF83195" i="1"/>
  <c r="AF83196" i="1"/>
  <c r="AF83197" i="1"/>
  <c r="AF83198" i="1"/>
  <c r="AF83199" i="1"/>
  <c r="AF83200" i="1"/>
  <c r="AF83201" i="1"/>
  <c r="AF83202" i="1"/>
  <c r="AF83203" i="1"/>
  <c r="AF83204" i="1"/>
  <c r="AF83205" i="1"/>
  <c r="AF83206" i="1"/>
  <c r="AF83207" i="1"/>
  <c r="AF83208" i="1"/>
  <c r="AF83209" i="1"/>
  <c r="AF83210" i="1"/>
  <c r="AF83211" i="1"/>
  <c r="AF83212" i="1"/>
  <c r="AF83213" i="1"/>
  <c r="AF83214" i="1"/>
  <c r="AF83215" i="1"/>
  <c r="AF83216" i="1"/>
  <c r="AF83217" i="1"/>
  <c r="AF83218" i="1"/>
  <c r="AF83219" i="1"/>
  <c r="AF83220" i="1"/>
  <c r="AF83221" i="1"/>
  <c r="AF83222" i="1"/>
  <c r="AF83223" i="1"/>
  <c r="AF83224" i="1"/>
  <c r="AF83225" i="1"/>
  <c r="AF83226" i="1"/>
  <c r="AF83227" i="1"/>
  <c r="AF83228" i="1"/>
  <c r="AF83229" i="1"/>
  <c r="AF83230" i="1"/>
  <c r="AF83231" i="1"/>
  <c r="AF83232" i="1"/>
  <c r="AF83233" i="1"/>
  <c r="AF83234" i="1"/>
  <c r="AF83235" i="1"/>
  <c r="AF83236" i="1"/>
  <c r="AF83237" i="1"/>
  <c r="AF83238" i="1"/>
  <c r="AF83239" i="1"/>
  <c r="AF83240" i="1"/>
  <c r="AF83241" i="1"/>
  <c r="AF83242" i="1"/>
  <c r="AF83243" i="1"/>
  <c r="AF83244" i="1"/>
  <c r="AF83245" i="1"/>
  <c r="AF83246" i="1"/>
  <c r="AF83247" i="1"/>
  <c r="AF83248" i="1"/>
  <c r="AF83249" i="1"/>
  <c r="AF83250" i="1"/>
  <c r="AF83251" i="1"/>
  <c r="AF83252" i="1"/>
  <c r="AF83253" i="1"/>
  <c r="AF83254" i="1"/>
  <c r="AF83255" i="1"/>
  <c r="AF83256" i="1"/>
  <c r="AF83257" i="1"/>
  <c r="AF83258" i="1"/>
  <c r="AF83259" i="1"/>
  <c r="AF83260" i="1"/>
  <c r="AF83261" i="1"/>
  <c r="AF83262" i="1"/>
  <c r="AF83263" i="1"/>
  <c r="AF83264" i="1"/>
  <c r="AF83265" i="1"/>
  <c r="AF83266" i="1"/>
  <c r="AF83267" i="1"/>
  <c r="AF83268" i="1"/>
  <c r="AF83269" i="1"/>
  <c r="AF83270" i="1"/>
  <c r="AF83271" i="1"/>
  <c r="AF83272" i="1"/>
  <c r="AF83273" i="1"/>
  <c r="AF83274" i="1"/>
  <c r="AF83275" i="1"/>
  <c r="AF83276" i="1"/>
  <c r="AF83277" i="1"/>
  <c r="AF83278" i="1"/>
  <c r="AF83279" i="1"/>
  <c r="AF83280" i="1"/>
  <c r="AF83281" i="1"/>
  <c r="AF83282" i="1"/>
  <c r="AF83283" i="1"/>
  <c r="AF83284" i="1"/>
  <c r="AF83285" i="1"/>
  <c r="AF83286" i="1"/>
  <c r="AF83287" i="1"/>
  <c r="AF83288" i="1"/>
  <c r="AF83289" i="1"/>
  <c r="AF83290" i="1"/>
  <c r="AF83291" i="1"/>
  <c r="AF83292" i="1"/>
  <c r="AF83293" i="1"/>
  <c r="AF83294" i="1"/>
  <c r="AF83295" i="1"/>
  <c r="AF83296" i="1"/>
  <c r="AF83297" i="1"/>
  <c r="AF83298" i="1"/>
  <c r="AF83299" i="1"/>
  <c r="AF83300" i="1"/>
  <c r="AF83301" i="1"/>
  <c r="AF83302" i="1"/>
  <c r="AF83303" i="1"/>
  <c r="AF83304" i="1"/>
  <c r="AF83305" i="1"/>
  <c r="AF83306" i="1"/>
  <c r="AF83307" i="1"/>
  <c r="AF83308" i="1"/>
  <c r="AF83309" i="1"/>
  <c r="AF83310" i="1"/>
  <c r="AF83311" i="1"/>
  <c r="AF83312" i="1"/>
  <c r="AF83313" i="1"/>
  <c r="AF83314" i="1"/>
  <c r="AF83315" i="1"/>
  <c r="AF83316" i="1"/>
  <c r="AF83317" i="1"/>
  <c r="AF83318" i="1"/>
  <c r="AF83319" i="1"/>
  <c r="AF83320" i="1"/>
  <c r="AF83321" i="1"/>
  <c r="AF83322" i="1"/>
  <c r="AF83323" i="1"/>
  <c r="AF83324" i="1"/>
  <c r="AF83325" i="1"/>
  <c r="AF83326" i="1"/>
  <c r="AF83327" i="1"/>
  <c r="AF83328" i="1"/>
  <c r="AF83329" i="1"/>
  <c r="AF83330" i="1"/>
  <c r="AF83331" i="1"/>
  <c r="AF83332" i="1"/>
  <c r="AF83333" i="1"/>
  <c r="AF83334" i="1"/>
  <c r="AF83335" i="1"/>
  <c r="AF83336" i="1"/>
  <c r="AF83337" i="1"/>
  <c r="AF83338" i="1"/>
  <c r="AF83339" i="1"/>
  <c r="AF83340" i="1"/>
  <c r="AF83341" i="1"/>
  <c r="AF83342" i="1"/>
  <c r="AF83343" i="1"/>
  <c r="AF83344" i="1"/>
  <c r="AF83345" i="1"/>
  <c r="AF83346" i="1"/>
  <c r="AF83347" i="1"/>
  <c r="AF83348" i="1"/>
  <c r="AF83349" i="1"/>
  <c r="AF83350" i="1"/>
  <c r="AF83351" i="1"/>
  <c r="AF83352" i="1"/>
  <c r="AF83353" i="1"/>
  <c r="AF83354" i="1"/>
  <c r="AF83355" i="1"/>
  <c r="AF83356" i="1"/>
  <c r="AF83357" i="1"/>
  <c r="AF83358" i="1"/>
  <c r="AF83359" i="1"/>
  <c r="AF83360" i="1"/>
  <c r="AF83361" i="1"/>
  <c r="AF83362" i="1"/>
  <c r="AF83363" i="1"/>
  <c r="AF83364" i="1"/>
  <c r="AF83365" i="1"/>
  <c r="AF83366" i="1"/>
  <c r="AF83367" i="1"/>
  <c r="AF83368" i="1"/>
  <c r="AF83369" i="1"/>
  <c r="AF83370" i="1"/>
  <c r="AF83371" i="1"/>
  <c r="AF83372" i="1"/>
  <c r="AF83373" i="1"/>
  <c r="AF83374" i="1"/>
  <c r="AF83375" i="1"/>
  <c r="AF83376" i="1"/>
  <c r="AF83377" i="1"/>
  <c r="AF83378" i="1"/>
  <c r="AF83379" i="1"/>
  <c r="AF83380" i="1"/>
  <c r="AF83381" i="1"/>
  <c r="AF83382" i="1"/>
  <c r="AF83383" i="1"/>
  <c r="AF83384" i="1"/>
  <c r="AF83385" i="1"/>
  <c r="AF83386" i="1"/>
  <c r="AF83387" i="1"/>
  <c r="AF83388" i="1"/>
  <c r="AF83389" i="1"/>
  <c r="AF83390" i="1"/>
  <c r="AF83391" i="1"/>
  <c r="AF83392" i="1"/>
  <c r="AF83393" i="1"/>
  <c r="AF83394" i="1"/>
  <c r="AF83395" i="1"/>
  <c r="AF83396" i="1"/>
  <c r="AF83397" i="1"/>
  <c r="AF83398" i="1"/>
  <c r="AF83399" i="1"/>
  <c r="AF83400" i="1"/>
  <c r="AF83401" i="1"/>
  <c r="AF83402" i="1"/>
  <c r="AF83403" i="1"/>
  <c r="AF83404" i="1"/>
  <c r="AF83405" i="1"/>
  <c r="AF83406" i="1"/>
  <c r="AF83407" i="1"/>
  <c r="AF83408" i="1"/>
  <c r="AF83409" i="1"/>
  <c r="AF83410" i="1"/>
  <c r="AF83411" i="1"/>
  <c r="AF83412" i="1"/>
  <c r="AF83413" i="1"/>
  <c r="AF83414" i="1"/>
  <c r="AF83415" i="1"/>
  <c r="AF83416" i="1"/>
  <c r="AF83417" i="1"/>
  <c r="AF83418" i="1"/>
  <c r="AF83419" i="1"/>
  <c r="AF83420" i="1"/>
  <c r="AF83421" i="1"/>
  <c r="AF83422" i="1"/>
  <c r="AF83423" i="1"/>
  <c r="AF83424" i="1"/>
  <c r="AF83425" i="1"/>
  <c r="AF83426" i="1"/>
  <c r="AF83427" i="1"/>
  <c r="AF83428" i="1"/>
  <c r="AF83429" i="1"/>
  <c r="AF83430" i="1"/>
  <c r="AF83431" i="1"/>
  <c r="AF83432" i="1"/>
  <c r="AF83433" i="1"/>
  <c r="AF83434" i="1"/>
  <c r="AF83435" i="1"/>
  <c r="AF83436" i="1"/>
  <c r="AF83437" i="1"/>
  <c r="AF83438" i="1"/>
  <c r="AF83439" i="1"/>
  <c r="AF83440" i="1"/>
  <c r="AF83441" i="1"/>
  <c r="AF83442" i="1"/>
  <c r="AF83443" i="1"/>
  <c r="AF83444" i="1"/>
  <c r="AF83445" i="1"/>
  <c r="AF83446" i="1"/>
  <c r="AF83447" i="1"/>
  <c r="AF83448" i="1"/>
  <c r="AF83449" i="1"/>
  <c r="AF83450" i="1"/>
  <c r="AF83451" i="1"/>
  <c r="AF83452" i="1"/>
  <c r="AF83453" i="1"/>
  <c r="AF83454" i="1"/>
  <c r="AF83455" i="1"/>
  <c r="AF83456" i="1"/>
  <c r="AF83457" i="1"/>
  <c r="AF83458" i="1"/>
  <c r="AF83459" i="1"/>
  <c r="AF83460" i="1"/>
  <c r="AF83461" i="1"/>
  <c r="AF83462" i="1"/>
  <c r="AF83463" i="1"/>
  <c r="AF83464" i="1"/>
  <c r="AF83465" i="1"/>
  <c r="AF83466" i="1"/>
  <c r="AF83467" i="1"/>
  <c r="AF83468" i="1"/>
  <c r="AF83469" i="1"/>
  <c r="AF83470" i="1"/>
  <c r="AF83471" i="1"/>
  <c r="AF83472" i="1"/>
  <c r="AF83473" i="1"/>
  <c r="AF83474" i="1"/>
  <c r="AF83475" i="1"/>
  <c r="AF83476" i="1"/>
  <c r="AF83477" i="1"/>
  <c r="AF83478" i="1"/>
  <c r="AF83479" i="1"/>
  <c r="AF83480" i="1"/>
  <c r="AF83481" i="1"/>
  <c r="AF83482" i="1"/>
  <c r="AF83483" i="1"/>
  <c r="AF83484" i="1"/>
  <c r="AF83485" i="1"/>
  <c r="AF83486" i="1"/>
  <c r="AF83487" i="1"/>
  <c r="AF83488" i="1"/>
  <c r="AF83489" i="1"/>
  <c r="AF83490" i="1"/>
  <c r="AF83491" i="1"/>
  <c r="AF83492" i="1"/>
  <c r="AF83493" i="1"/>
  <c r="AF83494" i="1"/>
  <c r="AF83495" i="1"/>
  <c r="AF83496" i="1"/>
  <c r="AF83497" i="1"/>
  <c r="AF83498" i="1"/>
  <c r="AF83499" i="1"/>
  <c r="AF83500" i="1"/>
  <c r="AF83501" i="1"/>
  <c r="AF83502" i="1"/>
  <c r="AF83503" i="1"/>
  <c r="AF83504" i="1"/>
  <c r="AF83505" i="1"/>
  <c r="AF83506" i="1"/>
  <c r="AF83507" i="1"/>
  <c r="AF83508" i="1"/>
  <c r="AF83509" i="1"/>
  <c r="AF83510" i="1"/>
  <c r="AF83511" i="1"/>
  <c r="AF83512" i="1"/>
  <c r="AF83513" i="1"/>
  <c r="AF83514" i="1"/>
  <c r="AF83515" i="1"/>
  <c r="AF83516" i="1"/>
  <c r="AF83517" i="1"/>
  <c r="AF83518" i="1"/>
  <c r="AF83519" i="1"/>
  <c r="AF83520" i="1"/>
  <c r="AF83521" i="1"/>
  <c r="AF83522" i="1"/>
  <c r="AF83523" i="1"/>
  <c r="AF83524" i="1"/>
  <c r="AF83525" i="1"/>
  <c r="AF83526" i="1"/>
  <c r="AF83527" i="1"/>
  <c r="AF83528" i="1"/>
  <c r="AF83529" i="1"/>
  <c r="AF83530" i="1"/>
  <c r="AF83531" i="1"/>
  <c r="AF83532" i="1"/>
  <c r="AF83533" i="1"/>
  <c r="AF83534" i="1"/>
  <c r="AF83535" i="1"/>
  <c r="AF83536" i="1"/>
  <c r="AF83537" i="1"/>
  <c r="AF83538" i="1"/>
  <c r="AF83539" i="1"/>
  <c r="AF83540" i="1"/>
  <c r="AF83541" i="1"/>
  <c r="AF83542" i="1"/>
  <c r="AF83543" i="1"/>
  <c r="AF83544" i="1"/>
  <c r="AF83545" i="1"/>
  <c r="AF83546" i="1"/>
  <c r="AF83547" i="1"/>
  <c r="AF83548" i="1"/>
  <c r="AF83549" i="1"/>
  <c r="AF83550" i="1"/>
  <c r="AF83551" i="1"/>
  <c r="AF83552" i="1"/>
  <c r="AF83553" i="1"/>
  <c r="AF83554" i="1"/>
  <c r="AF83555" i="1"/>
  <c r="AF83556" i="1"/>
  <c r="AF83557" i="1"/>
  <c r="AF83558" i="1"/>
  <c r="AF83559" i="1"/>
  <c r="AF83560" i="1"/>
  <c r="AF83561" i="1"/>
  <c r="AF83562" i="1"/>
  <c r="AF83563" i="1"/>
  <c r="AF83564" i="1"/>
  <c r="AF83565" i="1"/>
  <c r="AF83566" i="1"/>
  <c r="AF83567" i="1"/>
  <c r="AF83568" i="1"/>
  <c r="AF83569" i="1"/>
  <c r="AF83570" i="1"/>
  <c r="AF83571" i="1"/>
  <c r="AF83572" i="1"/>
  <c r="AF83573" i="1"/>
  <c r="AF83574" i="1"/>
  <c r="AF83575" i="1"/>
  <c r="AF83576" i="1"/>
  <c r="AF83577" i="1"/>
  <c r="AF83578" i="1"/>
  <c r="AF83579" i="1"/>
  <c r="AF83580" i="1"/>
  <c r="AF83581" i="1"/>
  <c r="AF83582" i="1"/>
  <c r="AF83583" i="1"/>
  <c r="AF83584" i="1"/>
  <c r="AF83585" i="1"/>
  <c r="AF83586" i="1"/>
  <c r="AF83587" i="1"/>
  <c r="AF83588" i="1"/>
  <c r="AF83589" i="1"/>
  <c r="AF83590" i="1"/>
  <c r="AF83591" i="1"/>
  <c r="AF83592" i="1"/>
  <c r="AF83593" i="1"/>
  <c r="AF83594" i="1"/>
  <c r="AF83595" i="1"/>
  <c r="AF83596" i="1"/>
  <c r="AF83597" i="1"/>
  <c r="AF83598" i="1"/>
  <c r="AF83599" i="1"/>
  <c r="AF83600" i="1"/>
  <c r="AF83601" i="1"/>
  <c r="AF83602" i="1"/>
  <c r="AF83603" i="1"/>
  <c r="AF83604" i="1"/>
  <c r="AF83605" i="1"/>
  <c r="AF83606" i="1"/>
  <c r="AF83607" i="1"/>
  <c r="AF83608" i="1"/>
  <c r="AF83609" i="1"/>
  <c r="AF83610" i="1"/>
  <c r="AF83611" i="1"/>
  <c r="AF83612" i="1"/>
  <c r="AF83613" i="1"/>
  <c r="AF83614" i="1"/>
  <c r="AF83615" i="1"/>
  <c r="AF83616" i="1"/>
  <c r="AF83617" i="1"/>
  <c r="AF83618" i="1"/>
  <c r="AF83619" i="1"/>
  <c r="AF83620" i="1"/>
  <c r="AF83621" i="1"/>
  <c r="AF83622" i="1"/>
  <c r="AF83623" i="1"/>
  <c r="AF83624" i="1"/>
  <c r="AF83625" i="1"/>
  <c r="AF83626" i="1"/>
  <c r="AF83627" i="1"/>
  <c r="AF83628" i="1"/>
  <c r="AF83629" i="1"/>
  <c r="AF83630" i="1"/>
  <c r="AF83631" i="1"/>
  <c r="AF83632" i="1"/>
  <c r="AF83633" i="1"/>
  <c r="AF83634" i="1"/>
  <c r="AF83635" i="1"/>
  <c r="AF83636" i="1"/>
  <c r="AF83637" i="1"/>
  <c r="AF83638" i="1"/>
  <c r="AF83639" i="1"/>
  <c r="AF83640" i="1"/>
  <c r="AF83641" i="1"/>
  <c r="AF83642" i="1"/>
  <c r="AF83643" i="1"/>
  <c r="AF83644" i="1"/>
  <c r="AF83645" i="1"/>
  <c r="AF83646" i="1"/>
  <c r="AF83647" i="1"/>
  <c r="AF83648" i="1"/>
  <c r="AF83649" i="1"/>
  <c r="AF83650" i="1"/>
  <c r="AF83651" i="1"/>
  <c r="AF83652" i="1"/>
  <c r="AF83653" i="1"/>
  <c r="AF83654" i="1"/>
  <c r="AF83655" i="1"/>
  <c r="AF83656" i="1"/>
  <c r="AF83657" i="1"/>
  <c r="AF83658" i="1"/>
  <c r="AF83659" i="1"/>
  <c r="AF83660" i="1"/>
  <c r="AF83661" i="1"/>
  <c r="AF83662" i="1"/>
  <c r="AF83663" i="1"/>
  <c r="AF83664" i="1"/>
  <c r="AF83665" i="1"/>
  <c r="AF83666" i="1"/>
  <c r="AF83667" i="1"/>
  <c r="AF83668" i="1"/>
  <c r="AF83669" i="1"/>
  <c r="AF83670" i="1"/>
  <c r="AF83671" i="1"/>
  <c r="AF83672" i="1"/>
  <c r="AF83673" i="1"/>
  <c r="AF83674" i="1"/>
  <c r="AF83675" i="1"/>
  <c r="AF83676" i="1"/>
  <c r="AF83677" i="1"/>
  <c r="AF83678" i="1"/>
  <c r="AF83679" i="1"/>
  <c r="AF83680" i="1"/>
  <c r="AF83681" i="1"/>
  <c r="AF83682" i="1"/>
  <c r="AF83683" i="1"/>
  <c r="AF83684" i="1"/>
  <c r="AF83685" i="1"/>
  <c r="AF83686" i="1"/>
  <c r="AF83687" i="1"/>
  <c r="AF83688" i="1"/>
  <c r="AF83689" i="1"/>
  <c r="AF83690" i="1"/>
  <c r="AF83691" i="1"/>
  <c r="AF83692" i="1"/>
  <c r="AF83693" i="1"/>
  <c r="AF83694" i="1"/>
  <c r="AF83695" i="1"/>
  <c r="AF83696" i="1"/>
  <c r="AF83697" i="1"/>
  <c r="AF83698" i="1"/>
  <c r="AF83699" i="1"/>
  <c r="AF83700" i="1"/>
  <c r="AF83701" i="1"/>
  <c r="AF83702" i="1"/>
  <c r="AF83703" i="1"/>
  <c r="AF83704" i="1"/>
  <c r="AF83705" i="1"/>
  <c r="AF83706" i="1"/>
  <c r="AF83707" i="1"/>
  <c r="AF83708" i="1"/>
  <c r="AF83709" i="1"/>
  <c r="AF83710" i="1"/>
  <c r="AF83711" i="1"/>
  <c r="AF83712" i="1"/>
  <c r="AF83713" i="1"/>
  <c r="AF83714" i="1"/>
  <c r="AF83715" i="1"/>
  <c r="AF83716" i="1"/>
  <c r="AF83717" i="1"/>
  <c r="AF83718" i="1"/>
  <c r="AF83719" i="1"/>
  <c r="AF83720" i="1"/>
  <c r="AF83721" i="1"/>
  <c r="AF83722" i="1"/>
  <c r="AF83723" i="1"/>
  <c r="AF83724" i="1"/>
  <c r="AF83725" i="1"/>
  <c r="AF83726" i="1"/>
  <c r="AF83727" i="1"/>
  <c r="AF83728" i="1"/>
  <c r="AF83729" i="1"/>
  <c r="AF83730" i="1"/>
  <c r="AF83731" i="1"/>
  <c r="AF83732" i="1"/>
  <c r="AF83733" i="1"/>
  <c r="AF83734" i="1"/>
  <c r="AF83735" i="1"/>
  <c r="AF83736" i="1"/>
  <c r="AF83737" i="1"/>
  <c r="AF83738" i="1"/>
  <c r="AF83739" i="1"/>
  <c r="AF83740" i="1"/>
  <c r="AF83741" i="1"/>
  <c r="AF83742" i="1"/>
  <c r="AF83743" i="1"/>
  <c r="AF83744" i="1"/>
  <c r="AF83745" i="1"/>
  <c r="AF83746" i="1"/>
  <c r="AF83747" i="1"/>
  <c r="AF83748" i="1"/>
  <c r="AF83749" i="1"/>
  <c r="AF83750" i="1"/>
  <c r="AF83751" i="1"/>
  <c r="AF83752" i="1"/>
  <c r="AF83753" i="1"/>
  <c r="AF83754" i="1"/>
  <c r="AF83755" i="1"/>
  <c r="AF83756" i="1"/>
  <c r="AF83757" i="1"/>
  <c r="AF83758" i="1"/>
  <c r="AF83759" i="1"/>
  <c r="AF83760" i="1"/>
  <c r="AF83761" i="1"/>
  <c r="AF83762" i="1"/>
  <c r="AF83763" i="1"/>
  <c r="AF83764" i="1"/>
  <c r="AF83765" i="1"/>
  <c r="AF83766" i="1"/>
  <c r="AF83767" i="1"/>
  <c r="AF83768" i="1"/>
  <c r="AF83769" i="1"/>
  <c r="AF83770" i="1"/>
  <c r="AF83771" i="1"/>
  <c r="AF83772" i="1"/>
  <c r="AF83773" i="1"/>
  <c r="AF83774" i="1"/>
  <c r="AF83775" i="1"/>
  <c r="AF83776" i="1"/>
  <c r="AF83777" i="1"/>
  <c r="AF83778" i="1"/>
  <c r="AF83779" i="1"/>
  <c r="AF83780" i="1"/>
  <c r="AF83781" i="1"/>
  <c r="AF83782" i="1"/>
  <c r="AF83783" i="1"/>
  <c r="AF83784" i="1"/>
  <c r="AF83785" i="1"/>
  <c r="AF83786" i="1"/>
  <c r="AF83787" i="1"/>
  <c r="AF83788" i="1"/>
  <c r="AF83789" i="1"/>
  <c r="AF83790" i="1"/>
  <c r="AF83791" i="1"/>
  <c r="AF83792" i="1"/>
  <c r="AF83793" i="1"/>
  <c r="AF83794" i="1"/>
  <c r="AF83795" i="1"/>
  <c r="AF83796" i="1"/>
  <c r="AF83797" i="1"/>
  <c r="AF83798" i="1"/>
  <c r="AF83799" i="1"/>
  <c r="AF83800" i="1"/>
  <c r="AF83801" i="1"/>
  <c r="AF83802" i="1"/>
  <c r="AF83803" i="1"/>
  <c r="AF83804" i="1"/>
  <c r="AF83805" i="1"/>
  <c r="AF83806" i="1"/>
  <c r="AF83807" i="1"/>
  <c r="AF83808" i="1"/>
  <c r="AF83809" i="1"/>
  <c r="AF83810" i="1"/>
  <c r="AF83811" i="1"/>
  <c r="AF83812" i="1"/>
  <c r="AF83813" i="1"/>
  <c r="AF83814" i="1"/>
  <c r="AF83815" i="1"/>
  <c r="AF83816" i="1"/>
  <c r="AF83817" i="1"/>
  <c r="AF83818" i="1"/>
  <c r="AF83819" i="1"/>
  <c r="AF83820" i="1"/>
  <c r="AF83821" i="1"/>
  <c r="AF83822" i="1"/>
  <c r="AF83823" i="1"/>
  <c r="AF83824" i="1"/>
  <c r="AF83825" i="1"/>
  <c r="AF83826" i="1"/>
  <c r="AF83827" i="1"/>
  <c r="AF83828" i="1"/>
  <c r="AF83829" i="1"/>
  <c r="AF83830" i="1"/>
  <c r="AF83831" i="1"/>
  <c r="AF83832" i="1"/>
  <c r="AF83833" i="1"/>
  <c r="AF83834" i="1"/>
  <c r="AF83835" i="1"/>
  <c r="AF83836" i="1"/>
  <c r="AF83837" i="1"/>
  <c r="AF83838" i="1"/>
  <c r="AF83839" i="1"/>
  <c r="AF83840" i="1"/>
  <c r="AF83841" i="1"/>
  <c r="AF83842" i="1"/>
  <c r="AF83843" i="1"/>
  <c r="AF83844" i="1"/>
  <c r="AF83845" i="1"/>
  <c r="AF83846" i="1"/>
  <c r="AF83847" i="1"/>
  <c r="AF83848" i="1"/>
  <c r="AF83849" i="1"/>
  <c r="AF83850" i="1"/>
  <c r="AF83851" i="1"/>
  <c r="AF83852" i="1"/>
  <c r="AF83853" i="1"/>
  <c r="AF83854" i="1"/>
  <c r="AF83855" i="1"/>
  <c r="AF83856" i="1"/>
  <c r="AF83857" i="1"/>
  <c r="AF83858" i="1"/>
  <c r="AF83859" i="1"/>
  <c r="AF83860" i="1"/>
  <c r="AF83861" i="1"/>
  <c r="AF83862" i="1"/>
  <c r="AF83863" i="1"/>
  <c r="AF83864" i="1"/>
  <c r="AF83865" i="1"/>
  <c r="AF83866" i="1"/>
  <c r="AF83867" i="1"/>
  <c r="AF83868" i="1"/>
  <c r="AF83869" i="1"/>
  <c r="AF83870" i="1"/>
  <c r="AF83871" i="1"/>
  <c r="AF83872" i="1"/>
  <c r="AF83873" i="1"/>
  <c r="AF83874" i="1"/>
  <c r="AF83875" i="1"/>
  <c r="AF83876" i="1"/>
  <c r="AF83877" i="1"/>
  <c r="AF83878" i="1"/>
  <c r="AF83879" i="1"/>
  <c r="AF83880" i="1"/>
  <c r="AF83881" i="1"/>
  <c r="AF83882" i="1"/>
  <c r="AF83883" i="1"/>
  <c r="AF83884" i="1"/>
  <c r="AF83885" i="1"/>
  <c r="AF83886" i="1"/>
  <c r="AF83887" i="1"/>
  <c r="AF83888" i="1"/>
  <c r="AF83889" i="1"/>
  <c r="AF83890" i="1"/>
  <c r="AF83891" i="1"/>
  <c r="AF83892" i="1"/>
  <c r="AF83893" i="1"/>
  <c r="AF83894" i="1"/>
  <c r="AF83895" i="1"/>
  <c r="AF83896" i="1"/>
  <c r="AF83897" i="1"/>
  <c r="AF83898" i="1"/>
  <c r="AF83899" i="1"/>
  <c r="AF83900" i="1"/>
  <c r="AF83901" i="1"/>
  <c r="AF83902" i="1"/>
  <c r="AF83903" i="1"/>
  <c r="AF83904" i="1"/>
  <c r="AF83905" i="1"/>
  <c r="AF83906" i="1"/>
  <c r="AF83907" i="1"/>
  <c r="AF83908" i="1"/>
  <c r="AF83909" i="1"/>
  <c r="AF83910" i="1"/>
  <c r="AF83911" i="1"/>
  <c r="AF83912" i="1"/>
  <c r="AF83913" i="1"/>
  <c r="AF83914" i="1"/>
  <c r="AF83915" i="1"/>
  <c r="AF83916" i="1"/>
  <c r="AF83917" i="1"/>
  <c r="AF83918" i="1"/>
  <c r="AF83919" i="1"/>
  <c r="AF83920" i="1"/>
  <c r="AF83921" i="1"/>
  <c r="AF83922" i="1"/>
  <c r="AF83923" i="1"/>
  <c r="AF83924" i="1"/>
  <c r="AF83925" i="1"/>
  <c r="AF83926" i="1"/>
  <c r="AF83927" i="1"/>
  <c r="AF83928" i="1"/>
  <c r="AF83929" i="1"/>
  <c r="AF83930" i="1"/>
  <c r="AF83931" i="1"/>
  <c r="AF83932" i="1"/>
  <c r="AF83933" i="1"/>
  <c r="AF83934" i="1"/>
  <c r="AF83935" i="1"/>
  <c r="AF83936" i="1"/>
  <c r="AF83937" i="1"/>
  <c r="AF83938" i="1"/>
  <c r="AF83939" i="1"/>
  <c r="AF83940" i="1"/>
  <c r="AF83941" i="1"/>
  <c r="AF83942" i="1"/>
  <c r="AF83943" i="1"/>
  <c r="AF83944" i="1"/>
  <c r="AF83945" i="1"/>
  <c r="AF83946" i="1"/>
  <c r="AF83947" i="1"/>
  <c r="AF83948" i="1"/>
  <c r="AF83949" i="1"/>
  <c r="AF83950" i="1"/>
  <c r="AF83951" i="1"/>
  <c r="AF83952" i="1"/>
  <c r="AF83953" i="1"/>
  <c r="AF83954" i="1"/>
  <c r="AF83955" i="1"/>
  <c r="AF83956" i="1"/>
  <c r="AF83957" i="1"/>
  <c r="AF83958" i="1"/>
  <c r="AF83959" i="1"/>
  <c r="AF83960" i="1"/>
  <c r="AF83961" i="1"/>
  <c r="AF83962" i="1"/>
  <c r="AF83963" i="1"/>
  <c r="AF83964" i="1"/>
  <c r="AF83965" i="1"/>
  <c r="AF83966" i="1"/>
  <c r="AF83967" i="1"/>
  <c r="AF83968" i="1"/>
  <c r="AF83969" i="1"/>
  <c r="AF83970" i="1"/>
  <c r="AF83971" i="1"/>
  <c r="AF83972" i="1"/>
  <c r="AF83973" i="1"/>
  <c r="AF83974" i="1"/>
  <c r="AF83975" i="1"/>
  <c r="AF83976" i="1"/>
  <c r="AF83977" i="1"/>
  <c r="AF83978" i="1"/>
  <c r="AF83979" i="1"/>
  <c r="AF83980" i="1"/>
  <c r="AF83981" i="1"/>
  <c r="AF83982" i="1"/>
  <c r="AF83983" i="1"/>
  <c r="AF83984" i="1"/>
  <c r="AF83985" i="1"/>
  <c r="AF83986" i="1"/>
  <c r="AF83987" i="1"/>
  <c r="AF83988" i="1"/>
  <c r="AF83989" i="1"/>
  <c r="AF83990" i="1"/>
  <c r="AF83991" i="1"/>
  <c r="AF83992" i="1"/>
  <c r="AF83993" i="1"/>
  <c r="AF83994" i="1"/>
  <c r="AF83995" i="1"/>
  <c r="AF83996" i="1"/>
  <c r="AF83997" i="1"/>
  <c r="AF83998" i="1"/>
  <c r="AF83999" i="1"/>
  <c r="AF84000" i="1"/>
  <c r="AF84001" i="1"/>
  <c r="AF84002" i="1"/>
  <c r="AF84003" i="1"/>
  <c r="AF84004" i="1"/>
  <c r="AF84005" i="1"/>
  <c r="AF84006" i="1"/>
  <c r="AF84007" i="1"/>
  <c r="AF84008" i="1"/>
  <c r="AF84009" i="1"/>
  <c r="AF84010" i="1"/>
  <c r="AF84011" i="1"/>
  <c r="AF84012" i="1"/>
  <c r="AF84013" i="1"/>
  <c r="AF84014" i="1"/>
  <c r="AF84015" i="1"/>
  <c r="AF84016" i="1"/>
  <c r="AF84017" i="1"/>
  <c r="AF84018" i="1"/>
  <c r="AF84019" i="1"/>
  <c r="AF84020" i="1"/>
  <c r="AF84021" i="1"/>
  <c r="AF84022" i="1"/>
  <c r="AF84023" i="1"/>
  <c r="AF84024" i="1"/>
  <c r="AF84025" i="1"/>
  <c r="AF84026" i="1"/>
  <c r="AF84027" i="1"/>
  <c r="AF84028" i="1"/>
  <c r="AF84029" i="1"/>
  <c r="AF84030" i="1"/>
  <c r="AF84031" i="1"/>
  <c r="AF84032" i="1"/>
  <c r="AF84033" i="1"/>
  <c r="AF84034" i="1"/>
  <c r="AF84035" i="1"/>
  <c r="AF84036" i="1"/>
  <c r="AF84037" i="1"/>
  <c r="AF84038" i="1"/>
  <c r="AF84039" i="1"/>
  <c r="AF84040" i="1"/>
  <c r="AF84041" i="1"/>
  <c r="AF84042" i="1"/>
  <c r="AF84043" i="1"/>
  <c r="AF84044" i="1"/>
  <c r="AF84045" i="1"/>
  <c r="AF84046" i="1"/>
  <c r="AF84047" i="1"/>
  <c r="AF84048" i="1"/>
  <c r="AF84049" i="1"/>
  <c r="AF84050" i="1"/>
  <c r="AF84051" i="1"/>
  <c r="AF84052" i="1"/>
  <c r="AF84053" i="1"/>
  <c r="AF84054" i="1"/>
  <c r="AF84055" i="1"/>
  <c r="AF84056" i="1"/>
  <c r="AF84057" i="1"/>
  <c r="AF84058" i="1"/>
  <c r="AF84059" i="1"/>
  <c r="AF84060" i="1"/>
  <c r="AF84061" i="1"/>
  <c r="AF84062" i="1"/>
  <c r="AF84063" i="1"/>
  <c r="AF84064" i="1"/>
  <c r="AF84065" i="1"/>
  <c r="AF84066" i="1"/>
  <c r="AF84067" i="1"/>
  <c r="AF84068" i="1"/>
  <c r="AF84069" i="1"/>
  <c r="AF84070" i="1"/>
  <c r="AF84071" i="1"/>
  <c r="AF84072" i="1"/>
  <c r="AF84073" i="1"/>
  <c r="AF84074" i="1"/>
  <c r="AF84075" i="1"/>
  <c r="AF84076" i="1"/>
  <c r="AF84077" i="1"/>
  <c r="AF84078" i="1"/>
  <c r="AF84079" i="1"/>
  <c r="AF84080" i="1"/>
  <c r="AF84081" i="1"/>
  <c r="AF84082" i="1"/>
  <c r="AF84083" i="1"/>
  <c r="AF84084" i="1"/>
  <c r="AF84085" i="1"/>
  <c r="AF84086" i="1"/>
  <c r="AF84087" i="1"/>
  <c r="AF84088" i="1"/>
  <c r="AF84089" i="1"/>
  <c r="AF84090" i="1"/>
  <c r="AF84091" i="1"/>
  <c r="AF84092" i="1"/>
  <c r="AF84093" i="1"/>
  <c r="AF84094" i="1"/>
  <c r="AF84095" i="1"/>
  <c r="AF84096" i="1"/>
  <c r="AF84097" i="1"/>
  <c r="AF84098" i="1"/>
  <c r="AF84099" i="1"/>
  <c r="AF84100" i="1"/>
  <c r="AF84101" i="1"/>
  <c r="AF84102" i="1"/>
  <c r="AF84103" i="1"/>
  <c r="AF84104" i="1"/>
  <c r="AF84105" i="1"/>
  <c r="AF84106" i="1"/>
  <c r="AF84107" i="1"/>
  <c r="AF84108" i="1"/>
  <c r="AF84109" i="1"/>
  <c r="AF84110" i="1"/>
  <c r="AF84111" i="1"/>
  <c r="AF84112" i="1"/>
  <c r="AF84113" i="1"/>
  <c r="AF84114" i="1"/>
  <c r="AF84115" i="1"/>
  <c r="AF84116" i="1"/>
  <c r="AF84117" i="1"/>
  <c r="AF84118" i="1"/>
  <c r="AF84119" i="1"/>
  <c r="AF84120" i="1"/>
  <c r="AF84121" i="1"/>
  <c r="AF84122" i="1"/>
  <c r="AF84123" i="1"/>
  <c r="AF84124" i="1"/>
  <c r="AF84125" i="1"/>
  <c r="AF84126" i="1"/>
  <c r="AF84127" i="1"/>
  <c r="AF84128" i="1"/>
  <c r="AF84129" i="1"/>
  <c r="AF84130" i="1"/>
  <c r="AF84131" i="1"/>
  <c r="AF84132" i="1"/>
  <c r="AF84133" i="1"/>
  <c r="AF84134" i="1"/>
  <c r="AF84135" i="1"/>
  <c r="AF84136" i="1"/>
  <c r="AF84137" i="1"/>
  <c r="AF84138" i="1"/>
  <c r="AF84139" i="1"/>
  <c r="AF84140" i="1"/>
  <c r="AF84141" i="1"/>
  <c r="AF84142" i="1"/>
  <c r="AF84143" i="1"/>
  <c r="AF84144" i="1"/>
  <c r="AF84145" i="1"/>
  <c r="AF84146" i="1"/>
  <c r="AF84147" i="1"/>
  <c r="AF84148" i="1"/>
  <c r="AF84149" i="1"/>
  <c r="AF84150" i="1"/>
  <c r="AF84151" i="1"/>
  <c r="AF84152" i="1"/>
  <c r="AF84153" i="1"/>
  <c r="AF84154" i="1"/>
  <c r="AF84155" i="1"/>
  <c r="AF84156" i="1"/>
  <c r="AF84157" i="1"/>
  <c r="AF84158" i="1"/>
  <c r="AF84159" i="1"/>
  <c r="AF84160" i="1"/>
  <c r="AF84161" i="1"/>
  <c r="AF84162" i="1"/>
  <c r="AF84163" i="1"/>
  <c r="AF84164" i="1"/>
  <c r="AF84165" i="1"/>
  <c r="AF84166" i="1"/>
  <c r="AF84167" i="1"/>
  <c r="AF84168" i="1"/>
  <c r="AF84169" i="1"/>
  <c r="AF84170" i="1"/>
  <c r="AF84171" i="1"/>
  <c r="AF84172" i="1"/>
  <c r="AF84173" i="1"/>
  <c r="AF84174" i="1"/>
  <c r="AF84175" i="1"/>
  <c r="AF84176" i="1"/>
  <c r="AF84177" i="1"/>
  <c r="AF84178" i="1"/>
  <c r="AF84179" i="1"/>
  <c r="AF84180" i="1"/>
  <c r="AF84181" i="1"/>
  <c r="AF84182" i="1"/>
  <c r="AF84183" i="1"/>
  <c r="AF84184" i="1"/>
  <c r="AF84185" i="1"/>
  <c r="AF84186" i="1"/>
  <c r="AF84187" i="1"/>
  <c r="AF84188" i="1"/>
  <c r="AF84189" i="1"/>
  <c r="AF84190" i="1"/>
  <c r="AF84191" i="1"/>
  <c r="AF84192" i="1"/>
  <c r="AF84193" i="1"/>
  <c r="AF84194" i="1"/>
  <c r="AF84195" i="1"/>
  <c r="AF84196" i="1"/>
  <c r="AF84197" i="1"/>
  <c r="AF84198" i="1"/>
  <c r="AF84199" i="1"/>
  <c r="AF84200" i="1"/>
  <c r="AF84201" i="1"/>
  <c r="AF84202" i="1"/>
  <c r="AF84203" i="1"/>
  <c r="AF84204" i="1"/>
  <c r="AF84205" i="1"/>
  <c r="AF84206" i="1"/>
  <c r="AF84207" i="1"/>
  <c r="AF84208" i="1"/>
  <c r="AF84209" i="1"/>
  <c r="AF84210" i="1"/>
  <c r="AF84211" i="1"/>
  <c r="AF84212" i="1"/>
  <c r="AF84213" i="1"/>
  <c r="AF84214" i="1"/>
  <c r="AF84215" i="1"/>
  <c r="AF84216" i="1"/>
  <c r="AF84217" i="1"/>
  <c r="AF84218" i="1"/>
  <c r="AF84219" i="1"/>
  <c r="AF84220" i="1"/>
  <c r="AF84221" i="1"/>
  <c r="AF84222" i="1"/>
  <c r="AF84223" i="1"/>
  <c r="AF84224" i="1"/>
  <c r="AF84225" i="1"/>
  <c r="AF84226" i="1"/>
  <c r="AF84227" i="1"/>
  <c r="AF84228" i="1"/>
  <c r="AF84229" i="1"/>
  <c r="AF84230" i="1"/>
  <c r="AF84231" i="1"/>
  <c r="AF84232" i="1"/>
  <c r="AF84233" i="1"/>
  <c r="AF84234" i="1"/>
  <c r="AF84235" i="1"/>
  <c r="AF84236" i="1"/>
  <c r="AF84237" i="1"/>
  <c r="AF84238" i="1"/>
  <c r="AF84239" i="1"/>
  <c r="AF84240" i="1"/>
  <c r="AF84241" i="1"/>
  <c r="AF84242" i="1"/>
  <c r="AF84243" i="1"/>
  <c r="AF84244" i="1"/>
  <c r="AF84245" i="1"/>
  <c r="AF84246" i="1"/>
  <c r="AF84247" i="1"/>
  <c r="AF84248" i="1"/>
  <c r="AF84249" i="1"/>
  <c r="AF84250" i="1"/>
  <c r="AF84251" i="1"/>
  <c r="AF84252" i="1"/>
  <c r="AF84253" i="1"/>
  <c r="AF84254" i="1"/>
  <c r="AF84255" i="1"/>
  <c r="AF84256" i="1"/>
  <c r="AF84257" i="1"/>
  <c r="AF84258" i="1"/>
  <c r="AF84259" i="1"/>
  <c r="AF84260" i="1"/>
  <c r="AF84261" i="1"/>
  <c r="AF84262" i="1"/>
  <c r="AF84263" i="1"/>
  <c r="AF84264" i="1"/>
  <c r="AF84265" i="1"/>
  <c r="AF84266" i="1"/>
  <c r="AF84267" i="1"/>
  <c r="AF84268" i="1"/>
  <c r="AF84269" i="1"/>
  <c r="AF84270" i="1"/>
  <c r="AF84271" i="1"/>
  <c r="AF84272" i="1"/>
  <c r="AF84273" i="1"/>
  <c r="AF84274" i="1"/>
  <c r="AF84275" i="1"/>
  <c r="AF84276" i="1"/>
  <c r="AF84277" i="1"/>
  <c r="AF84278" i="1"/>
  <c r="AF84279" i="1"/>
  <c r="AF84280" i="1"/>
  <c r="AF84281" i="1"/>
  <c r="AF84282" i="1"/>
  <c r="AF84283" i="1"/>
  <c r="AF84284" i="1"/>
  <c r="AF84285" i="1"/>
  <c r="AF84286" i="1"/>
  <c r="AF84287" i="1"/>
  <c r="AF84288" i="1"/>
  <c r="AF84289" i="1"/>
  <c r="AF84290" i="1"/>
  <c r="AF84291" i="1"/>
  <c r="AF84292" i="1"/>
  <c r="AF84293" i="1"/>
  <c r="AF84294" i="1"/>
  <c r="AF84295" i="1"/>
  <c r="AF84296" i="1"/>
  <c r="AF84297" i="1"/>
  <c r="AF84298" i="1"/>
  <c r="AF84299" i="1"/>
  <c r="AF84300" i="1"/>
  <c r="AF84301" i="1"/>
  <c r="AF84302" i="1"/>
  <c r="AF84303" i="1"/>
  <c r="AF84304" i="1"/>
  <c r="AF84305" i="1"/>
  <c r="AF84306" i="1"/>
  <c r="AF84307" i="1"/>
  <c r="AF84308" i="1"/>
  <c r="AF84309" i="1"/>
  <c r="AF84310" i="1"/>
  <c r="AF84311" i="1"/>
  <c r="AF84312" i="1"/>
  <c r="AF84313" i="1"/>
  <c r="AF84314" i="1"/>
  <c r="AF84315" i="1"/>
  <c r="AF84316" i="1"/>
  <c r="AF84317" i="1"/>
  <c r="AF84318" i="1"/>
  <c r="AF84319" i="1"/>
  <c r="AF84320" i="1"/>
  <c r="AF84321" i="1"/>
  <c r="AF84322" i="1"/>
  <c r="AF84323" i="1"/>
  <c r="AF84324" i="1"/>
  <c r="AF84325" i="1"/>
  <c r="AF84326" i="1"/>
  <c r="AF84327" i="1"/>
  <c r="AF84328" i="1"/>
  <c r="AF84329" i="1"/>
  <c r="AF84330" i="1"/>
  <c r="AF84331" i="1"/>
  <c r="AF84332" i="1"/>
  <c r="AF84333" i="1"/>
  <c r="AF84334" i="1"/>
  <c r="AF84335" i="1"/>
  <c r="AF84336" i="1"/>
  <c r="AF84337" i="1"/>
  <c r="AF84338" i="1"/>
  <c r="AF84339" i="1"/>
  <c r="AF84340" i="1"/>
  <c r="AF84341" i="1"/>
  <c r="AF84342" i="1"/>
  <c r="AF84343" i="1"/>
  <c r="AF84344" i="1"/>
  <c r="AF84345" i="1"/>
  <c r="AF84346" i="1"/>
  <c r="AF84347" i="1"/>
  <c r="AF84348" i="1"/>
  <c r="AF84349" i="1"/>
  <c r="AF84350" i="1"/>
  <c r="AF84351" i="1"/>
  <c r="AF84352" i="1"/>
  <c r="AF84353" i="1"/>
  <c r="AF84354" i="1"/>
  <c r="AF84355" i="1"/>
  <c r="AF84356" i="1"/>
  <c r="AF84357" i="1"/>
  <c r="AF84358" i="1"/>
  <c r="AF84359" i="1"/>
  <c r="AF84360" i="1"/>
  <c r="AF84361" i="1"/>
  <c r="AF84362" i="1"/>
  <c r="AF84363" i="1"/>
  <c r="AF84364" i="1"/>
  <c r="AF84365" i="1"/>
  <c r="AF84366" i="1"/>
  <c r="AF84367" i="1"/>
  <c r="AF84368" i="1"/>
  <c r="AF84369" i="1"/>
  <c r="AF84370" i="1"/>
  <c r="AF84371" i="1"/>
  <c r="AF84372" i="1"/>
  <c r="AF84373" i="1"/>
  <c r="AF84374" i="1"/>
  <c r="AF84375" i="1"/>
  <c r="AF84376" i="1"/>
  <c r="AF84377" i="1"/>
  <c r="AF84378" i="1"/>
  <c r="AF84379" i="1"/>
  <c r="AF84380" i="1"/>
  <c r="AF84381" i="1"/>
  <c r="AF84382" i="1"/>
  <c r="AF84383" i="1"/>
  <c r="AF84384" i="1"/>
  <c r="AF84385" i="1"/>
  <c r="AF84386" i="1"/>
  <c r="AF84387" i="1"/>
  <c r="AF84388" i="1"/>
  <c r="AF84389" i="1"/>
  <c r="AF84390" i="1"/>
  <c r="AF84391" i="1"/>
  <c r="AF84392" i="1"/>
  <c r="AF84393" i="1"/>
  <c r="AF84394" i="1"/>
  <c r="AF84395" i="1"/>
  <c r="AF84396" i="1"/>
  <c r="AF84397" i="1"/>
  <c r="AF84398" i="1"/>
  <c r="AF84399" i="1"/>
  <c r="AF84400" i="1"/>
  <c r="AF84401" i="1"/>
  <c r="AF84402" i="1"/>
  <c r="AF84403" i="1"/>
  <c r="AF84404" i="1"/>
  <c r="AF84405" i="1"/>
  <c r="AF84406" i="1"/>
  <c r="AF84407" i="1"/>
  <c r="AF84408" i="1"/>
  <c r="AF84409" i="1"/>
  <c r="AF84410" i="1"/>
  <c r="AF84411" i="1"/>
  <c r="AF84412" i="1"/>
  <c r="AF84413" i="1"/>
  <c r="AF84414" i="1"/>
  <c r="AF84415" i="1"/>
  <c r="AF84416" i="1"/>
  <c r="AF84417" i="1"/>
  <c r="AF84418" i="1"/>
  <c r="AF84419" i="1"/>
  <c r="AF84420" i="1"/>
  <c r="AF84421" i="1"/>
  <c r="AF84422" i="1"/>
  <c r="AF84423" i="1"/>
  <c r="AF84424" i="1"/>
  <c r="AF84425" i="1"/>
  <c r="AF84426" i="1"/>
  <c r="AF84427" i="1"/>
  <c r="AF84428" i="1"/>
  <c r="AF84429" i="1"/>
  <c r="AF84430" i="1"/>
  <c r="AF84431" i="1"/>
  <c r="AF84432" i="1"/>
  <c r="AF84433" i="1"/>
  <c r="AF84434" i="1"/>
  <c r="AF84435" i="1"/>
  <c r="AF84436" i="1"/>
  <c r="AF84437" i="1"/>
  <c r="AF84438" i="1"/>
  <c r="AF84439" i="1"/>
  <c r="AF84440" i="1"/>
  <c r="AF84441" i="1"/>
  <c r="AF84442" i="1"/>
  <c r="AF84443" i="1"/>
  <c r="AF84444" i="1"/>
  <c r="AF84445" i="1"/>
  <c r="AF84446" i="1"/>
  <c r="AF84447" i="1"/>
  <c r="AF84448" i="1"/>
  <c r="AF84449" i="1"/>
  <c r="AF84450" i="1"/>
  <c r="AF84451" i="1"/>
  <c r="AF84452" i="1"/>
  <c r="AF84453" i="1"/>
  <c r="AF84454" i="1"/>
  <c r="AF84455" i="1"/>
  <c r="AF84456" i="1"/>
  <c r="AF84457" i="1"/>
  <c r="AF84458" i="1"/>
  <c r="AF84459" i="1"/>
  <c r="AF84460" i="1"/>
  <c r="AF84461" i="1"/>
  <c r="AF84462" i="1"/>
  <c r="AF84463" i="1"/>
  <c r="AF84464" i="1"/>
  <c r="AF84465" i="1"/>
  <c r="AF84466" i="1"/>
  <c r="AF84467" i="1"/>
  <c r="AF84468" i="1"/>
  <c r="AF84469" i="1"/>
  <c r="AF84470" i="1"/>
  <c r="AF84471" i="1"/>
  <c r="AF84472" i="1"/>
  <c r="AF84473" i="1"/>
  <c r="AF84474" i="1"/>
  <c r="AF84475" i="1"/>
  <c r="AF84476" i="1"/>
  <c r="AF84477" i="1"/>
  <c r="AF84478" i="1"/>
  <c r="AF84479" i="1"/>
  <c r="AF84480" i="1"/>
  <c r="AF84481" i="1"/>
  <c r="AF84482" i="1"/>
  <c r="AF84483" i="1"/>
  <c r="AF84484" i="1"/>
  <c r="AF84485" i="1"/>
  <c r="AF84486" i="1"/>
  <c r="AF84487" i="1"/>
  <c r="AF84488" i="1"/>
  <c r="AF84489" i="1"/>
  <c r="AF84490" i="1"/>
  <c r="AF84491" i="1"/>
  <c r="AF84492" i="1"/>
  <c r="AF84493" i="1"/>
  <c r="AF84494" i="1"/>
  <c r="AF84495" i="1"/>
  <c r="AF84496" i="1"/>
  <c r="AF84497" i="1"/>
  <c r="AF84498" i="1"/>
  <c r="AF84499" i="1"/>
  <c r="AF84500" i="1"/>
  <c r="AF84501" i="1"/>
  <c r="AF84502" i="1"/>
  <c r="AF84503" i="1"/>
  <c r="AF84504" i="1"/>
  <c r="AF84505" i="1"/>
  <c r="AF84506" i="1"/>
  <c r="AF84507" i="1"/>
  <c r="AF84508" i="1"/>
  <c r="AF84509" i="1"/>
  <c r="AF84510" i="1"/>
  <c r="AF84511" i="1"/>
  <c r="AF84512" i="1"/>
  <c r="AF84513" i="1"/>
  <c r="AF84514" i="1"/>
  <c r="AF84515" i="1"/>
  <c r="AF84516" i="1"/>
  <c r="AF84517" i="1"/>
  <c r="AF84518" i="1"/>
  <c r="AF84519" i="1"/>
  <c r="AF84520" i="1"/>
  <c r="AF84521" i="1"/>
  <c r="AF84522" i="1"/>
  <c r="AF84523" i="1"/>
  <c r="AF84524" i="1"/>
  <c r="AF84525" i="1"/>
  <c r="AF84526" i="1"/>
  <c r="AF84527" i="1"/>
  <c r="AF84528" i="1"/>
  <c r="AF84529" i="1"/>
  <c r="AF84530" i="1"/>
  <c r="AF84531" i="1"/>
  <c r="AF84532" i="1"/>
  <c r="AF84533" i="1"/>
  <c r="AF84534" i="1"/>
  <c r="AF84535" i="1"/>
  <c r="AF84536" i="1"/>
  <c r="AF84537" i="1"/>
  <c r="AF84538" i="1"/>
  <c r="AF84539" i="1"/>
  <c r="AF84540" i="1"/>
  <c r="AF84541" i="1"/>
  <c r="AF84542" i="1"/>
  <c r="AF84543" i="1"/>
  <c r="AF84544" i="1"/>
  <c r="AF84545" i="1"/>
  <c r="AF84546" i="1"/>
  <c r="AF84547" i="1"/>
  <c r="AF84548" i="1"/>
  <c r="AF84549" i="1"/>
  <c r="AF84550" i="1"/>
  <c r="AF84551" i="1"/>
  <c r="AF84552" i="1"/>
  <c r="AF84553" i="1"/>
  <c r="AF84554" i="1"/>
  <c r="AF84555" i="1"/>
  <c r="AF84556" i="1"/>
  <c r="AF84557" i="1"/>
  <c r="AF84558" i="1"/>
  <c r="AF84559" i="1"/>
  <c r="AF84560" i="1"/>
  <c r="AF84561" i="1"/>
  <c r="AF84562" i="1"/>
  <c r="AF84563" i="1"/>
  <c r="AF84564" i="1"/>
  <c r="AF84565" i="1"/>
  <c r="AF84566" i="1"/>
  <c r="AF84567" i="1"/>
  <c r="AF84568" i="1"/>
  <c r="AF84569" i="1"/>
  <c r="AF84570" i="1"/>
  <c r="AF84571" i="1"/>
  <c r="AF84572" i="1"/>
  <c r="AF84573" i="1"/>
  <c r="AF84574" i="1"/>
  <c r="AF84575" i="1"/>
  <c r="AF84576" i="1"/>
  <c r="AF84577" i="1"/>
  <c r="AF84578" i="1"/>
  <c r="AF84579" i="1"/>
  <c r="AF84580" i="1"/>
  <c r="AF84581" i="1"/>
  <c r="AF84582" i="1"/>
  <c r="AF84583" i="1"/>
  <c r="AF84584" i="1"/>
  <c r="AF84585" i="1"/>
  <c r="AF84586" i="1"/>
  <c r="AF84587" i="1"/>
  <c r="AF84588" i="1"/>
  <c r="AF84589" i="1"/>
  <c r="AF84590" i="1"/>
  <c r="AF84591" i="1"/>
  <c r="AF84592" i="1"/>
  <c r="AF84593" i="1"/>
  <c r="AF84594" i="1"/>
  <c r="AF84595" i="1"/>
  <c r="AF84596" i="1"/>
  <c r="AF84597" i="1"/>
  <c r="AF84598" i="1"/>
  <c r="AF84599" i="1"/>
  <c r="AF84600" i="1"/>
  <c r="AF84601" i="1"/>
  <c r="AF84602" i="1"/>
  <c r="AF84603" i="1"/>
  <c r="AF84604" i="1"/>
  <c r="AF84605" i="1"/>
  <c r="AF84606" i="1"/>
  <c r="AF84607" i="1"/>
  <c r="AF84608" i="1"/>
  <c r="AF84609" i="1"/>
  <c r="AF84610" i="1"/>
  <c r="AF84611" i="1"/>
  <c r="AF84612" i="1"/>
  <c r="AF84613" i="1"/>
  <c r="AF84614" i="1"/>
  <c r="AF84615" i="1"/>
  <c r="AF84616" i="1"/>
  <c r="AF84617" i="1"/>
  <c r="AF84618" i="1"/>
  <c r="AF84619" i="1"/>
  <c r="AF84620" i="1"/>
  <c r="AF84621" i="1"/>
  <c r="AF84622" i="1"/>
  <c r="AF84623" i="1"/>
  <c r="AF84624" i="1"/>
  <c r="AF84625" i="1"/>
  <c r="AF84626" i="1"/>
  <c r="AF84627" i="1"/>
  <c r="AF84628" i="1"/>
  <c r="AF84629" i="1"/>
  <c r="AF84630" i="1"/>
  <c r="AF84631" i="1"/>
  <c r="AF84632" i="1"/>
  <c r="AF84633" i="1"/>
  <c r="AF84634" i="1"/>
  <c r="AF84635" i="1"/>
  <c r="AF84636" i="1"/>
  <c r="AF84637" i="1"/>
  <c r="AF84638" i="1"/>
  <c r="AF84639" i="1"/>
  <c r="AF84640" i="1"/>
  <c r="AF84641" i="1"/>
  <c r="AF84642" i="1"/>
  <c r="AF84643" i="1"/>
  <c r="AF84644" i="1"/>
  <c r="AF84645" i="1"/>
  <c r="AF84646" i="1"/>
  <c r="AF84647" i="1"/>
  <c r="AF84648" i="1"/>
  <c r="AF84649" i="1"/>
  <c r="AF84650" i="1"/>
  <c r="AF84651" i="1"/>
  <c r="AF84652" i="1"/>
  <c r="AF84653" i="1"/>
  <c r="AF84654" i="1"/>
  <c r="AF84655" i="1"/>
  <c r="AF84656" i="1"/>
  <c r="AF84657" i="1"/>
  <c r="AF84658" i="1"/>
  <c r="AF84659" i="1"/>
  <c r="AF84660" i="1"/>
  <c r="AF84661" i="1"/>
  <c r="AF84662" i="1"/>
  <c r="AF84663" i="1"/>
  <c r="AF84664" i="1"/>
  <c r="AF84665" i="1"/>
  <c r="AF84666" i="1"/>
  <c r="AF84667" i="1"/>
  <c r="AF84668" i="1"/>
  <c r="AF84669" i="1"/>
  <c r="AF84670" i="1"/>
  <c r="AF84671" i="1"/>
  <c r="AF84672" i="1"/>
  <c r="AF84673" i="1"/>
  <c r="AF84674" i="1"/>
  <c r="AF84675" i="1"/>
  <c r="AF84676" i="1"/>
  <c r="AF84677" i="1"/>
  <c r="AF84678" i="1"/>
  <c r="AF84679" i="1"/>
  <c r="AF84680" i="1"/>
  <c r="AF84681" i="1"/>
  <c r="AF84682" i="1"/>
  <c r="AF84683" i="1"/>
  <c r="AF84684" i="1"/>
  <c r="AF84685" i="1"/>
  <c r="AF84686" i="1"/>
  <c r="AF84687" i="1"/>
  <c r="AF84688" i="1"/>
  <c r="AF84689" i="1"/>
  <c r="AF84690" i="1"/>
  <c r="AF84691" i="1"/>
  <c r="AF84692" i="1"/>
  <c r="AF84693" i="1"/>
  <c r="AF84694" i="1"/>
  <c r="AF84695" i="1"/>
  <c r="AF84696" i="1"/>
  <c r="AF84697" i="1"/>
  <c r="AF84698" i="1"/>
  <c r="AF84699" i="1"/>
  <c r="AF84700" i="1"/>
  <c r="AF84701" i="1"/>
  <c r="AF84702" i="1"/>
  <c r="AF84703" i="1"/>
  <c r="AF84704" i="1"/>
  <c r="AF84705" i="1"/>
  <c r="AF84706" i="1"/>
  <c r="AF84707" i="1"/>
  <c r="AF84708" i="1"/>
  <c r="AF84709" i="1"/>
  <c r="AF84710" i="1"/>
  <c r="AF84711" i="1"/>
  <c r="AF84712" i="1"/>
  <c r="AF84713" i="1"/>
  <c r="AF84714" i="1"/>
  <c r="AF84715" i="1"/>
  <c r="AF84716" i="1"/>
  <c r="AF84717" i="1"/>
  <c r="AF84718" i="1"/>
  <c r="AF84719" i="1"/>
  <c r="AF84720" i="1"/>
  <c r="AF84721" i="1"/>
  <c r="AF84722" i="1"/>
  <c r="AF84723" i="1"/>
  <c r="AF84724" i="1"/>
  <c r="AF84725" i="1"/>
  <c r="AF84726" i="1"/>
  <c r="AF84727" i="1"/>
  <c r="AF84728" i="1"/>
  <c r="AF84729" i="1"/>
  <c r="AF84730" i="1"/>
  <c r="AF84731" i="1"/>
  <c r="AF84732" i="1"/>
  <c r="AF84733" i="1"/>
  <c r="AF84734" i="1"/>
  <c r="AF84735" i="1"/>
  <c r="AF84736" i="1"/>
  <c r="AF84737" i="1"/>
  <c r="AF84738" i="1"/>
  <c r="AF84739" i="1"/>
  <c r="AF84740" i="1"/>
  <c r="AF84741" i="1"/>
  <c r="AF84742" i="1"/>
  <c r="AF84743" i="1"/>
  <c r="AF84744" i="1"/>
  <c r="AF84745" i="1"/>
  <c r="AF84746" i="1"/>
  <c r="AF84747" i="1"/>
  <c r="AF84748" i="1"/>
  <c r="AF84749" i="1"/>
  <c r="AF84750" i="1"/>
  <c r="AF84751" i="1"/>
  <c r="AF84752" i="1"/>
  <c r="AF84753" i="1"/>
  <c r="AF84754" i="1"/>
  <c r="AF84755" i="1"/>
  <c r="AF84756" i="1"/>
  <c r="AF84757" i="1"/>
  <c r="AF84758" i="1"/>
  <c r="AF84759" i="1"/>
  <c r="AF84760" i="1"/>
  <c r="AF84761" i="1"/>
  <c r="AF84762" i="1"/>
  <c r="AF84763" i="1"/>
  <c r="AF84764" i="1"/>
  <c r="AF84765" i="1"/>
  <c r="AF84766" i="1"/>
  <c r="AF84767" i="1"/>
  <c r="AF84768" i="1"/>
  <c r="AF84769" i="1"/>
  <c r="AF84770" i="1"/>
  <c r="AF84771" i="1"/>
  <c r="AF84772" i="1"/>
  <c r="AF84773" i="1"/>
  <c r="AF84774" i="1"/>
  <c r="AF84775" i="1"/>
  <c r="AF84776" i="1"/>
  <c r="AF84777" i="1"/>
  <c r="AF84778" i="1"/>
  <c r="AF84779" i="1"/>
  <c r="AF84780" i="1"/>
  <c r="AF84781" i="1"/>
  <c r="AF84782" i="1"/>
  <c r="AF84783" i="1"/>
  <c r="AF84784" i="1"/>
  <c r="AF84785" i="1"/>
  <c r="AF84786" i="1"/>
  <c r="AF84787" i="1"/>
  <c r="AF84788" i="1"/>
  <c r="AF84789" i="1"/>
  <c r="AF84790" i="1"/>
  <c r="AF84791" i="1"/>
  <c r="AF84792" i="1"/>
  <c r="AF84793" i="1"/>
  <c r="AF84794" i="1"/>
  <c r="AF84795" i="1"/>
  <c r="AF84796" i="1"/>
  <c r="AF84797" i="1"/>
  <c r="AF84798" i="1"/>
  <c r="AF84799" i="1"/>
  <c r="AF84800" i="1"/>
  <c r="AF84801" i="1"/>
  <c r="AF84802" i="1"/>
  <c r="AF84803" i="1"/>
  <c r="AF84804" i="1"/>
  <c r="AF84805" i="1"/>
  <c r="AF84806" i="1"/>
  <c r="AF84807" i="1"/>
  <c r="AF84808" i="1"/>
  <c r="AF84809" i="1"/>
  <c r="AF84810" i="1"/>
  <c r="AF84811" i="1"/>
  <c r="AF84812" i="1"/>
  <c r="AF84813" i="1"/>
  <c r="AF84814" i="1"/>
  <c r="AF84815" i="1"/>
  <c r="AF84816" i="1"/>
  <c r="AF84817" i="1"/>
  <c r="AF84818" i="1"/>
  <c r="AF84819" i="1"/>
  <c r="AF84820" i="1"/>
  <c r="AF84821" i="1"/>
  <c r="AF84822" i="1"/>
  <c r="AF84823" i="1"/>
  <c r="AF84824" i="1"/>
  <c r="AF84825" i="1"/>
  <c r="AF84826" i="1"/>
  <c r="AF84827" i="1"/>
  <c r="AF84828" i="1"/>
  <c r="AF84829" i="1"/>
  <c r="AF84830" i="1"/>
  <c r="AF84831" i="1"/>
  <c r="AF84832" i="1"/>
  <c r="AF84833" i="1"/>
  <c r="AF84834" i="1"/>
  <c r="AF84835" i="1"/>
  <c r="AF84836" i="1"/>
  <c r="AF84837" i="1"/>
  <c r="AF84838" i="1"/>
  <c r="AF84839" i="1"/>
  <c r="AF84840" i="1"/>
  <c r="AF84841" i="1"/>
  <c r="AF84842" i="1"/>
  <c r="AF84843" i="1"/>
  <c r="AF84844" i="1"/>
  <c r="AF84845" i="1"/>
  <c r="AF84846" i="1"/>
  <c r="AF84847" i="1"/>
  <c r="AF84848" i="1"/>
  <c r="AF84849" i="1"/>
  <c r="AF84850" i="1"/>
  <c r="AF84851" i="1"/>
  <c r="AF84852" i="1"/>
  <c r="AF84853" i="1"/>
  <c r="AF84854" i="1"/>
  <c r="AF84855" i="1"/>
  <c r="AF84856" i="1"/>
  <c r="AF84857" i="1"/>
  <c r="AF84858" i="1"/>
  <c r="AF84859" i="1"/>
  <c r="AF84860" i="1"/>
  <c r="AF84861" i="1"/>
  <c r="AF84862" i="1"/>
  <c r="AF84863" i="1"/>
  <c r="AF84864" i="1"/>
  <c r="AF84865" i="1"/>
  <c r="AF84866" i="1"/>
  <c r="AF84867" i="1"/>
  <c r="AF84868" i="1"/>
  <c r="AF84869" i="1"/>
  <c r="AF84870" i="1"/>
  <c r="AF84871" i="1"/>
  <c r="AF84872" i="1"/>
  <c r="AF84873" i="1"/>
  <c r="AF84874" i="1"/>
  <c r="AF84875" i="1"/>
  <c r="AF84876" i="1"/>
  <c r="AF84877" i="1"/>
  <c r="AF84878" i="1"/>
  <c r="AF84879" i="1"/>
  <c r="AF84880" i="1"/>
  <c r="AF84881" i="1"/>
  <c r="AF84882" i="1"/>
  <c r="AF84883" i="1"/>
  <c r="AF84884" i="1"/>
  <c r="AF84885" i="1"/>
  <c r="AF84886" i="1"/>
  <c r="AF84887" i="1"/>
  <c r="AF84888" i="1"/>
  <c r="AF84889" i="1"/>
  <c r="AF84890" i="1"/>
  <c r="AF84891" i="1"/>
  <c r="AF84892" i="1"/>
  <c r="AF84893" i="1"/>
  <c r="AF84894" i="1"/>
  <c r="AF84895" i="1"/>
  <c r="AF84896" i="1"/>
  <c r="AF84897" i="1"/>
  <c r="AF84898" i="1"/>
  <c r="AF84899" i="1"/>
  <c r="AF84900" i="1"/>
  <c r="AF84901" i="1"/>
  <c r="AF84902" i="1"/>
  <c r="AF84903" i="1"/>
  <c r="AF84904" i="1"/>
  <c r="AF84905" i="1"/>
  <c r="AF84906" i="1"/>
  <c r="AF84907" i="1"/>
  <c r="AF84908" i="1"/>
  <c r="AF84909" i="1"/>
  <c r="AF84910" i="1"/>
  <c r="AF84911" i="1"/>
  <c r="AF84912" i="1"/>
  <c r="AF84913" i="1"/>
  <c r="AF84914" i="1"/>
  <c r="AF84915" i="1"/>
  <c r="AF84916" i="1"/>
  <c r="AF84917" i="1"/>
  <c r="AF84918" i="1"/>
  <c r="AF84919" i="1"/>
  <c r="AF84920" i="1"/>
  <c r="AF84921" i="1"/>
  <c r="AF84922" i="1"/>
  <c r="AF84923" i="1"/>
  <c r="AF84924" i="1"/>
  <c r="AF84925" i="1"/>
  <c r="AF84926" i="1"/>
  <c r="AF84927" i="1"/>
  <c r="AF84928" i="1"/>
  <c r="AF84929" i="1"/>
  <c r="AF84930" i="1"/>
  <c r="AF84931" i="1"/>
  <c r="AF84932" i="1"/>
  <c r="AF84933" i="1"/>
  <c r="AF84934" i="1"/>
  <c r="AF84935" i="1"/>
  <c r="AF84936" i="1"/>
  <c r="AF84937" i="1"/>
  <c r="AF84938" i="1"/>
  <c r="AF84939" i="1"/>
  <c r="AF84940" i="1"/>
  <c r="AF84941" i="1"/>
  <c r="AF84942" i="1"/>
  <c r="AF84943" i="1"/>
  <c r="AF84944" i="1"/>
  <c r="AF84945" i="1"/>
  <c r="AF84946" i="1"/>
  <c r="AF84947" i="1"/>
  <c r="AF84948" i="1"/>
  <c r="AF84949" i="1"/>
  <c r="AF84950" i="1"/>
  <c r="AF84951" i="1"/>
  <c r="AF84952" i="1"/>
  <c r="AF84953" i="1"/>
  <c r="AF84954" i="1"/>
  <c r="AF84955" i="1"/>
  <c r="AF84956" i="1"/>
  <c r="AF84957" i="1"/>
  <c r="AF84958" i="1"/>
  <c r="AF84959" i="1"/>
  <c r="AF84960" i="1"/>
  <c r="AF84961" i="1"/>
  <c r="AF84962" i="1"/>
  <c r="AF84963" i="1"/>
  <c r="AF84964" i="1"/>
  <c r="AF84965" i="1"/>
  <c r="AF84966" i="1"/>
  <c r="AF84967" i="1"/>
  <c r="AF84968" i="1"/>
  <c r="AF84969" i="1"/>
  <c r="AF84970" i="1"/>
  <c r="AF84971" i="1"/>
  <c r="AF84972" i="1"/>
  <c r="AF84973" i="1"/>
  <c r="AF84974" i="1"/>
  <c r="AF84975" i="1"/>
  <c r="AF84976" i="1"/>
  <c r="AF84977" i="1"/>
  <c r="AF84978" i="1"/>
  <c r="AF84979" i="1"/>
  <c r="AF84980" i="1"/>
  <c r="AF84981" i="1"/>
  <c r="AF84982" i="1"/>
  <c r="AF84983" i="1"/>
  <c r="AF84984" i="1"/>
  <c r="AF84985" i="1"/>
  <c r="AF84986" i="1"/>
  <c r="AF84987" i="1"/>
  <c r="AF84988" i="1"/>
  <c r="AF84989" i="1"/>
  <c r="AF84990" i="1"/>
  <c r="AF84991" i="1"/>
  <c r="AF84992" i="1"/>
  <c r="AF84993" i="1"/>
  <c r="AF84994" i="1"/>
  <c r="AF84995" i="1"/>
  <c r="AF84996" i="1"/>
  <c r="AF84997" i="1"/>
  <c r="AF84998" i="1"/>
  <c r="AF84999" i="1"/>
  <c r="AF85000" i="1"/>
  <c r="AF85001" i="1"/>
  <c r="AF85002" i="1"/>
  <c r="AF85003" i="1"/>
  <c r="AF85004" i="1"/>
  <c r="AF85005" i="1"/>
  <c r="AF85006" i="1"/>
  <c r="AF85007" i="1"/>
  <c r="AF85008" i="1"/>
  <c r="AF85009" i="1"/>
  <c r="AF85010" i="1"/>
  <c r="AF85011" i="1"/>
  <c r="AF85012" i="1"/>
  <c r="AF85013" i="1"/>
  <c r="AF85014" i="1"/>
  <c r="AF85015" i="1"/>
  <c r="AF85016" i="1"/>
  <c r="AF85017" i="1"/>
  <c r="AF85018" i="1"/>
  <c r="AF85019" i="1"/>
  <c r="AF85020" i="1"/>
  <c r="AF85021" i="1"/>
  <c r="AF85022" i="1"/>
  <c r="AF85023" i="1"/>
  <c r="AF85024" i="1"/>
  <c r="AF85025" i="1"/>
  <c r="AF85026" i="1"/>
  <c r="AF85027" i="1"/>
  <c r="AF85028" i="1"/>
  <c r="AF85029" i="1"/>
  <c r="AF85030" i="1"/>
  <c r="AF85031" i="1"/>
  <c r="AF85032" i="1"/>
  <c r="AF85033" i="1"/>
  <c r="AF85034" i="1"/>
  <c r="AF85035" i="1"/>
  <c r="AF85036" i="1"/>
  <c r="AF85037" i="1"/>
  <c r="AF85038" i="1"/>
  <c r="AF85039" i="1"/>
  <c r="AF85040" i="1"/>
  <c r="AF85041" i="1"/>
  <c r="AF85042" i="1"/>
  <c r="AF85043" i="1"/>
  <c r="AF85044" i="1"/>
  <c r="AF85045" i="1"/>
  <c r="AF85046" i="1"/>
  <c r="AF85047" i="1"/>
  <c r="AF85048" i="1"/>
  <c r="AF85049" i="1"/>
  <c r="AF85050" i="1"/>
  <c r="AF85051" i="1"/>
  <c r="AF85052" i="1"/>
  <c r="AF85053" i="1"/>
  <c r="AF85054" i="1"/>
  <c r="AF85055" i="1"/>
  <c r="AF85056" i="1"/>
  <c r="AF85057" i="1"/>
  <c r="AF85058" i="1"/>
  <c r="AF85059" i="1"/>
  <c r="AF85060" i="1"/>
  <c r="AF85061" i="1"/>
  <c r="AF85062" i="1"/>
  <c r="AF85063" i="1"/>
  <c r="AF85064" i="1"/>
  <c r="AF85065" i="1"/>
  <c r="AF85066" i="1"/>
  <c r="AF85067" i="1"/>
  <c r="AF85068" i="1"/>
  <c r="AF85069" i="1"/>
  <c r="AF85070" i="1"/>
  <c r="AF85071" i="1"/>
  <c r="AF85072" i="1"/>
  <c r="AF85073" i="1"/>
  <c r="AF85074" i="1"/>
  <c r="AF85075" i="1"/>
  <c r="AF85076" i="1"/>
  <c r="AF85077" i="1"/>
  <c r="AF85078" i="1"/>
  <c r="AF85079" i="1"/>
  <c r="AF85080" i="1"/>
  <c r="AF85081" i="1"/>
  <c r="AF85082" i="1"/>
  <c r="AF85083" i="1"/>
  <c r="AF85084" i="1"/>
  <c r="AF85085" i="1"/>
  <c r="AF85086" i="1"/>
  <c r="AF85087" i="1"/>
  <c r="AF85088" i="1"/>
  <c r="AF85089" i="1"/>
  <c r="AF85090" i="1"/>
  <c r="AF85091" i="1"/>
  <c r="AF85092" i="1"/>
  <c r="AF85093" i="1"/>
  <c r="AF85094" i="1"/>
  <c r="AF85095" i="1"/>
  <c r="AF85096" i="1"/>
  <c r="AF85097" i="1"/>
  <c r="AF85098" i="1"/>
  <c r="AF85099" i="1"/>
  <c r="AF85100" i="1"/>
  <c r="AF85101" i="1"/>
  <c r="AF85102" i="1"/>
  <c r="AF85103" i="1"/>
  <c r="AF85104" i="1"/>
  <c r="AF85105" i="1"/>
  <c r="AF85106" i="1"/>
  <c r="AF85107" i="1"/>
  <c r="AF85108" i="1"/>
  <c r="AF85109" i="1"/>
  <c r="AF85110" i="1"/>
  <c r="AF85111" i="1"/>
  <c r="AF85112" i="1"/>
  <c r="AF85113" i="1"/>
  <c r="AF85114" i="1"/>
  <c r="AF85115" i="1"/>
  <c r="AF85116" i="1"/>
  <c r="AF85117" i="1"/>
  <c r="AF85118" i="1"/>
  <c r="AF85119" i="1"/>
  <c r="AF85120" i="1"/>
  <c r="AF85121" i="1"/>
  <c r="AF85122" i="1"/>
  <c r="AF85123" i="1"/>
  <c r="AF85124" i="1"/>
  <c r="AF85125" i="1"/>
  <c r="AF85126" i="1"/>
  <c r="AF85127" i="1"/>
  <c r="AF85128" i="1"/>
  <c r="AF85129" i="1"/>
  <c r="AF85130" i="1"/>
  <c r="AF85131" i="1"/>
  <c r="AF85132" i="1"/>
  <c r="AF85133" i="1"/>
  <c r="AF85134" i="1"/>
  <c r="AF85135" i="1"/>
  <c r="AF85136" i="1"/>
  <c r="AF85137" i="1"/>
  <c r="AF85138" i="1"/>
  <c r="AF85139" i="1"/>
  <c r="AF85140" i="1"/>
  <c r="AF85141" i="1"/>
  <c r="AF85142" i="1"/>
  <c r="AF85143" i="1"/>
  <c r="AF85144" i="1"/>
  <c r="AF85145" i="1"/>
  <c r="AF85146" i="1"/>
  <c r="AF85147" i="1"/>
  <c r="AF85148" i="1"/>
  <c r="AF85149" i="1"/>
  <c r="AF85150" i="1"/>
  <c r="AF85151" i="1"/>
  <c r="AF85152" i="1"/>
  <c r="AF85153" i="1"/>
  <c r="AF85154" i="1"/>
  <c r="AF85155" i="1"/>
  <c r="AF85156" i="1"/>
  <c r="AF85157" i="1"/>
  <c r="AF85158" i="1"/>
  <c r="AF85159" i="1"/>
  <c r="AF85160" i="1"/>
  <c r="AF85161" i="1"/>
  <c r="AF85162" i="1"/>
  <c r="AF85163" i="1"/>
  <c r="AF85164" i="1"/>
  <c r="AF85165" i="1"/>
  <c r="AF85166" i="1"/>
  <c r="AF85167" i="1"/>
  <c r="AF85168" i="1"/>
  <c r="AF85169" i="1"/>
  <c r="AF85170" i="1"/>
  <c r="AF85171" i="1"/>
  <c r="AF85172" i="1"/>
  <c r="AF85173" i="1"/>
  <c r="AF85174" i="1"/>
  <c r="AF85175" i="1"/>
  <c r="AF85176" i="1"/>
  <c r="AF85177" i="1"/>
  <c r="AF85178" i="1"/>
  <c r="AF85179" i="1"/>
  <c r="AF85180" i="1"/>
  <c r="AF85181" i="1"/>
  <c r="AF85182" i="1"/>
  <c r="AF85183" i="1"/>
  <c r="AF85184" i="1"/>
  <c r="AF85185" i="1"/>
  <c r="AF85186" i="1"/>
  <c r="AF85187" i="1"/>
  <c r="AF85188" i="1"/>
  <c r="AF85189" i="1"/>
  <c r="AF85190" i="1"/>
  <c r="AF85191" i="1"/>
  <c r="AF85192" i="1"/>
  <c r="AF85193" i="1"/>
  <c r="AF85194" i="1"/>
  <c r="AF85195" i="1"/>
  <c r="AF85196" i="1"/>
  <c r="AF85197" i="1"/>
  <c r="AF85198" i="1"/>
  <c r="AF85199" i="1"/>
  <c r="AF85200" i="1"/>
  <c r="AF85201" i="1"/>
  <c r="AF85202" i="1"/>
  <c r="AF85203" i="1"/>
  <c r="AF85204" i="1"/>
  <c r="AF85205" i="1"/>
  <c r="AF85206" i="1"/>
  <c r="AF85207" i="1"/>
  <c r="AF85208" i="1"/>
  <c r="AF85209" i="1"/>
  <c r="AF85210" i="1"/>
  <c r="AF85211" i="1"/>
  <c r="AF85212" i="1"/>
  <c r="AF85213" i="1"/>
  <c r="AF85214" i="1"/>
  <c r="AF85215" i="1"/>
  <c r="AF85216" i="1"/>
  <c r="AF85217" i="1"/>
  <c r="AF85218" i="1"/>
  <c r="AF85219" i="1"/>
  <c r="AF85220" i="1"/>
  <c r="AF85221" i="1"/>
  <c r="AF85222" i="1"/>
  <c r="AF85223" i="1"/>
  <c r="AF85224" i="1"/>
  <c r="AF85225" i="1"/>
  <c r="AF85226" i="1"/>
  <c r="AF85227" i="1"/>
  <c r="AF85228" i="1"/>
  <c r="AF85229" i="1"/>
  <c r="AF85230" i="1"/>
  <c r="AF85231" i="1"/>
  <c r="AF85232" i="1"/>
  <c r="AF85233" i="1"/>
  <c r="AF85234" i="1"/>
  <c r="AF85235" i="1"/>
  <c r="AF85236" i="1"/>
  <c r="AF85237" i="1"/>
  <c r="AF85238" i="1"/>
  <c r="AF85239" i="1"/>
  <c r="AF85240" i="1"/>
  <c r="AF85241" i="1"/>
  <c r="AF85242" i="1"/>
  <c r="AF85243" i="1"/>
  <c r="AF85244" i="1"/>
  <c r="AF85245" i="1"/>
  <c r="AF85246" i="1"/>
  <c r="AF85247" i="1"/>
  <c r="AF85248" i="1"/>
  <c r="AF85249" i="1"/>
  <c r="AF85250" i="1"/>
  <c r="AF85251" i="1"/>
  <c r="AF85252" i="1"/>
  <c r="AF85253" i="1"/>
  <c r="AF85254" i="1"/>
  <c r="AF85255" i="1"/>
  <c r="AF85256" i="1"/>
  <c r="AF85257" i="1"/>
  <c r="AF85258" i="1"/>
  <c r="AF85259" i="1"/>
  <c r="AF85260" i="1"/>
  <c r="AF85261" i="1"/>
  <c r="AF85262" i="1"/>
  <c r="AF85263" i="1"/>
  <c r="AF85264" i="1"/>
  <c r="AF85265" i="1"/>
  <c r="AF85266" i="1"/>
  <c r="AF85267" i="1"/>
  <c r="AF85268" i="1"/>
  <c r="AF85269" i="1"/>
  <c r="AF85270" i="1"/>
  <c r="AF85271" i="1"/>
  <c r="AF85272" i="1"/>
  <c r="AF85273" i="1"/>
  <c r="AF85274" i="1"/>
  <c r="AF85275" i="1"/>
  <c r="AF85276" i="1"/>
  <c r="AF85277" i="1"/>
  <c r="AF85278" i="1"/>
  <c r="AF85279" i="1"/>
  <c r="AF85280" i="1"/>
  <c r="AF85281" i="1"/>
  <c r="AF85282" i="1"/>
  <c r="AF85283" i="1"/>
  <c r="AF85284" i="1"/>
  <c r="AF85285" i="1"/>
  <c r="AF85286" i="1"/>
  <c r="AF85287" i="1"/>
  <c r="AF85288" i="1"/>
  <c r="AF85289" i="1"/>
  <c r="AF85290" i="1"/>
  <c r="AF85291" i="1"/>
  <c r="AF85292" i="1"/>
  <c r="AF85293" i="1"/>
  <c r="AF85294" i="1"/>
  <c r="AF85295" i="1"/>
  <c r="AF85296" i="1"/>
  <c r="AF85297" i="1"/>
  <c r="AF85298" i="1"/>
  <c r="AF85299" i="1"/>
  <c r="AF85300" i="1"/>
  <c r="AF85301" i="1"/>
  <c r="AF85302" i="1"/>
  <c r="AF85303" i="1"/>
  <c r="AF85304" i="1"/>
  <c r="AF85305" i="1"/>
  <c r="AF85306" i="1"/>
  <c r="AF85307" i="1"/>
  <c r="AF85308" i="1"/>
  <c r="AF85309" i="1"/>
  <c r="AF85310" i="1"/>
  <c r="AF85311" i="1"/>
  <c r="AF85312" i="1"/>
  <c r="AF85313" i="1"/>
  <c r="AF85314" i="1"/>
  <c r="AF85315" i="1"/>
  <c r="AF85316" i="1"/>
  <c r="AF85317" i="1"/>
  <c r="AF85318" i="1"/>
  <c r="AF85319" i="1"/>
  <c r="AF85320" i="1"/>
  <c r="AF85321" i="1"/>
  <c r="AF85322" i="1"/>
  <c r="AF85323" i="1"/>
  <c r="AF85324" i="1"/>
  <c r="AF85325" i="1"/>
  <c r="AF85326" i="1"/>
  <c r="AF85327" i="1"/>
  <c r="AF85328" i="1"/>
  <c r="AF85329" i="1"/>
  <c r="AF85330" i="1"/>
  <c r="AF85331" i="1"/>
  <c r="AF85332" i="1"/>
  <c r="AF85333" i="1"/>
  <c r="AF85334" i="1"/>
  <c r="AF85335" i="1"/>
  <c r="AF85336" i="1"/>
  <c r="AF85337" i="1"/>
  <c r="AF85338" i="1"/>
  <c r="AF85339" i="1"/>
  <c r="AF85340" i="1"/>
  <c r="AF85341" i="1"/>
  <c r="AF85342" i="1"/>
  <c r="AF85343" i="1"/>
  <c r="AF85344" i="1"/>
  <c r="AF85345" i="1"/>
  <c r="AF85346" i="1"/>
  <c r="AF85347" i="1"/>
  <c r="AF85348" i="1"/>
  <c r="AF85349" i="1"/>
  <c r="AF85350" i="1"/>
  <c r="AF85351" i="1"/>
  <c r="AF85352" i="1"/>
  <c r="AF85353" i="1"/>
  <c r="AF85354" i="1"/>
  <c r="AF85355" i="1"/>
  <c r="AF85356" i="1"/>
  <c r="AF85357" i="1"/>
  <c r="AF85358" i="1"/>
  <c r="AF85359" i="1"/>
  <c r="AF85360" i="1"/>
  <c r="AF85361" i="1"/>
  <c r="AF85362" i="1"/>
  <c r="AF85363" i="1"/>
  <c r="AF85364" i="1"/>
  <c r="AF85365" i="1"/>
  <c r="AF85366" i="1"/>
  <c r="AF85367" i="1"/>
  <c r="AF85368" i="1"/>
  <c r="AF85369" i="1"/>
  <c r="AF85370" i="1"/>
  <c r="AF85371" i="1"/>
  <c r="AF85372" i="1"/>
  <c r="AF85373" i="1"/>
  <c r="AF85374" i="1"/>
  <c r="AF85375" i="1"/>
  <c r="AF85376" i="1"/>
  <c r="AF85377" i="1"/>
  <c r="AF85378" i="1"/>
  <c r="AF85379" i="1"/>
  <c r="AF85380" i="1"/>
  <c r="AF85381" i="1"/>
  <c r="AF85382" i="1"/>
  <c r="AF85383" i="1"/>
  <c r="AF85384" i="1"/>
  <c r="AF85385" i="1"/>
  <c r="AF85386" i="1"/>
  <c r="AF85387" i="1"/>
  <c r="AF85388" i="1"/>
  <c r="AF85389" i="1"/>
  <c r="AF85390" i="1"/>
  <c r="AF85391" i="1"/>
  <c r="AF85392" i="1"/>
  <c r="AF85393" i="1"/>
  <c r="AF85394" i="1"/>
  <c r="AF85395" i="1"/>
  <c r="AF85396" i="1"/>
  <c r="AF85397" i="1"/>
  <c r="AF85398" i="1"/>
  <c r="AF85399" i="1"/>
  <c r="AF85400" i="1"/>
  <c r="AF85401" i="1"/>
  <c r="AF85402" i="1"/>
  <c r="AF85403" i="1"/>
  <c r="AF85404" i="1"/>
  <c r="AF85405" i="1"/>
  <c r="AF85406" i="1"/>
  <c r="AF85407" i="1"/>
  <c r="AF85408" i="1"/>
  <c r="AF85409" i="1"/>
  <c r="AF85410" i="1"/>
  <c r="AF85411" i="1"/>
  <c r="AF85412" i="1"/>
  <c r="AF85413" i="1"/>
  <c r="AF85414" i="1"/>
  <c r="AF85415" i="1"/>
  <c r="AF85416" i="1"/>
  <c r="AF85417" i="1"/>
  <c r="AF85418" i="1"/>
  <c r="AF85419" i="1"/>
  <c r="AF85420" i="1"/>
  <c r="AF85421" i="1"/>
  <c r="AF85422" i="1"/>
  <c r="AF85423" i="1"/>
  <c r="AF85424" i="1"/>
  <c r="AF85425" i="1"/>
  <c r="AF85426" i="1"/>
  <c r="AF85427" i="1"/>
  <c r="AF85428" i="1"/>
  <c r="AF85429" i="1"/>
  <c r="AF85430" i="1"/>
  <c r="AF85431" i="1"/>
  <c r="AF85432" i="1"/>
  <c r="AF85433" i="1"/>
  <c r="AF85434" i="1"/>
  <c r="AF85435" i="1"/>
  <c r="AF85436" i="1"/>
  <c r="AF85437" i="1"/>
  <c r="AF85438" i="1"/>
  <c r="AF85439" i="1"/>
  <c r="AF85440" i="1"/>
  <c r="AF85441" i="1"/>
  <c r="AF85442" i="1"/>
  <c r="AF85443" i="1"/>
  <c r="AF85444" i="1"/>
  <c r="AF85445" i="1"/>
  <c r="AF85446" i="1"/>
  <c r="AF85447" i="1"/>
  <c r="AF85448" i="1"/>
  <c r="AF85449" i="1"/>
  <c r="AF85450" i="1"/>
  <c r="AF85451" i="1"/>
  <c r="AF85452" i="1"/>
  <c r="AF85453" i="1"/>
  <c r="AF85454" i="1"/>
  <c r="AF85455" i="1"/>
  <c r="AF85456" i="1"/>
  <c r="AF85457" i="1"/>
  <c r="AF85458" i="1"/>
  <c r="AF85459" i="1"/>
  <c r="AF85460" i="1"/>
  <c r="AF85461" i="1"/>
  <c r="AF85462" i="1"/>
  <c r="AF85463" i="1"/>
  <c r="AF85464" i="1"/>
  <c r="AF85465" i="1"/>
  <c r="AF85466" i="1"/>
  <c r="AF85467" i="1"/>
  <c r="AF85468" i="1"/>
  <c r="AF85469" i="1"/>
  <c r="AF85470" i="1"/>
  <c r="AF85471" i="1"/>
  <c r="AF85472" i="1"/>
  <c r="AF85473" i="1"/>
  <c r="AF85474" i="1"/>
  <c r="AF85475" i="1"/>
  <c r="AF85476" i="1"/>
  <c r="AF85477" i="1"/>
  <c r="AF85478" i="1"/>
  <c r="AF85479" i="1"/>
  <c r="AF85480" i="1"/>
  <c r="AF85481" i="1"/>
  <c r="AF85482" i="1"/>
  <c r="AF85483" i="1"/>
  <c r="AF85484" i="1"/>
  <c r="AF85485" i="1"/>
  <c r="AF85486" i="1"/>
  <c r="AF85487" i="1"/>
  <c r="AF85488" i="1"/>
  <c r="AF85489" i="1"/>
  <c r="AF85490" i="1"/>
  <c r="AF85491" i="1"/>
  <c r="AF85492" i="1"/>
  <c r="AF85493" i="1"/>
  <c r="AF85494" i="1"/>
  <c r="AF85495" i="1"/>
  <c r="AF85496" i="1"/>
  <c r="AF85497" i="1"/>
  <c r="AF85498" i="1"/>
  <c r="AF85499" i="1"/>
  <c r="AF85500" i="1"/>
  <c r="AF85501" i="1"/>
  <c r="AF85502" i="1"/>
  <c r="AF85503" i="1"/>
  <c r="AF85504" i="1"/>
  <c r="AF85505" i="1"/>
  <c r="AF85506" i="1"/>
  <c r="AF85507" i="1"/>
  <c r="AF85508" i="1"/>
  <c r="AF85509" i="1"/>
  <c r="AF85510" i="1"/>
  <c r="AF85511" i="1"/>
  <c r="AF85512" i="1"/>
  <c r="AF85513" i="1"/>
  <c r="AF85514" i="1"/>
  <c r="AF85515" i="1"/>
  <c r="AF85516" i="1"/>
  <c r="AF85517" i="1"/>
  <c r="AF85518" i="1"/>
  <c r="AF85519" i="1"/>
  <c r="AF85520" i="1"/>
  <c r="AF85521" i="1"/>
  <c r="AF85522" i="1"/>
  <c r="AF85523" i="1"/>
  <c r="AF85524" i="1"/>
  <c r="AF85525" i="1"/>
  <c r="AF85526" i="1"/>
  <c r="AF85527" i="1"/>
  <c r="AF85528" i="1"/>
  <c r="AF85529" i="1"/>
  <c r="AF85530" i="1"/>
  <c r="AF85531" i="1"/>
  <c r="AF85532" i="1"/>
  <c r="AF85533" i="1"/>
  <c r="AF85534" i="1"/>
  <c r="AF85535" i="1"/>
  <c r="AF85536" i="1"/>
  <c r="AF85537" i="1"/>
  <c r="AF85538" i="1"/>
  <c r="AF85539" i="1"/>
  <c r="AF85540" i="1"/>
  <c r="AF85541" i="1"/>
  <c r="AF85542" i="1"/>
  <c r="AF85543" i="1"/>
  <c r="AF85544" i="1"/>
  <c r="AF85545" i="1"/>
  <c r="AF85546" i="1"/>
  <c r="AF85547" i="1"/>
  <c r="AF85548" i="1"/>
  <c r="AF85549" i="1"/>
  <c r="AF85550" i="1"/>
  <c r="AF85551" i="1"/>
  <c r="AF85552" i="1"/>
  <c r="AF85553" i="1"/>
  <c r="AF85554" i="1"/>
  <c r="AF85555" i="1"/>
  <c r="AF85556" i="1"/>
  <c r="AF85557" i="1"/>
  <c r="AF85558" i="1"/>
  <c r="AF85559" i="1"/>
  <c r="AF85560" i="1"/>
  <c r="AF85561" i="1"/>
  <c r="AF85562" i="1"/>
  <c r="AF85563" i="1"/>
  <c r="AF85564" i="1"/>
  <c r="AF85565" i="1"/>
  <c r="AF85566" i="1"/>
  <c r="AF85567" i="1"/>
  <c r="AF85568" i="1"/>
  <c r="AF85569" i="1"/>
  <c r="AF85570" i="1"/>
  <c r="AF85571" i="1"/>
  <c r="AF85572" i="1"/>
  <c r="AF85573" i="1"/>
  <c r="AF85574" i="1"/>
  <c r="AF85575" i="1"/>
  <c r="AF85576" i="1"/>
  <c r="AF85577" i="1"/>
  <c r="AF85578" i="1"/>
  <c r="AF85579" i="1"/>
  <c r="AF85580" i="1"/>
  <c r="AF85581" i="1"/>
  <c r="AF85582" i="1"/>
  <c r="AF85583" i="1"/>
  <c r="AF85584" i="1"/>
  <c r="AF85585" i="1"/>
  <c r="AF85586" i="1"/>
  <c r="AF85587" i="1"/>
  <c r="AF85588" i="1"/>
  <c r="AF85589" i="1"/>
  <c r="AF85590" i="1"/>
  <c r="AF85591" i="1"/>
  <c r="AF85592" i="1"/>
  <c r="AF85593" i="1"/>
  <c r="AF85594" i="1"/>
  <c r="AF85595" i="1"/>
  <c r="AF85596" i="1"/>
  <c r="AF85597" i="1"/>
  <c r="AF85598" i="1"/>
  <c r="AF85599" i="1"/>
  <c r="AF85600" i="1"/>
  <c r="AF85601" i="1"/>
  <c r="AF85602" i="1"/>
  <c r="AF85603" i="1"/>
  <c r="AF85604" i="1"/>
  <c r="AF85605" i="1"/>
  <c r="AF85606" i="1"/>
  <c r="AF85607" i="1"/>
  <c r="AF85608" i="1"/>
  <c r="AF85609" i="1"/>
  <c r="AF85610" i="1"/>
  <c r="AF85611" i="1"/>
  <c r="AF85612" i="1"/>
  <c r="AF85613" i="1"/>
  <c r="AF85614" i="1"/>
  <c r="AF85615" i="1"/>
  <c r="AF85616" i="1"/>
  <c r="AF85617" i="1"/>
  <c r="AF85618" i="1"/>
  <c r="AF85619" i="1"/>
  <c r="AF85620" i="1"/>
  <c r="AF85621" i="1"/>
  <c r="AF85622" i="1"/>
  <c r="AF85623" i="1"/>
  <c r="AF85624" i="1"/>
  <c r="AF85625" i="1"/>
  <c r="AF85626" i="1"/>
  <c r="AF85627" i="1"/>
  <c r="AF85628" i="1"/>
  <c r="AF85629" i="1"/>
  <c r="AF85630" i="1"/>
  <c r="AF85631" i="1"/>
  <c r="AF85632" i="1"/>
  <c r="AF85633" i="1"/>
  <c r="AF85634" i="1"/>
  <c r="AF85635" i="1"/>
  <c r="AF85636" i="1"/>
  <c r="AF85637" i="1"/>
  <c r="AF85638" i="1"/>
  <c r="AF85639" i="1"/>
  <c r="AF85640" i="1"/>
  <c r="AF85641" i="1"/>
  <c r="AF85642" i="1"/>
  <c r="AF85643" i="1"/>
  <c r="AF85644" i="1"/>
  <c r="AF85645" i="1"/>
  <c r="AF85646" i="1"/>
  <c r="AF85647" i="1"/>
  <c r="AF85648" i="1"/>
  <c r="AF85649" i="1"/>
  <c r="AF85650" i="1"/>
  <c r="AF85651" i="1"/>
  <c r="AF85652" i="1"/>
  <c r="AF85653" i="1"/>
  <c r="AF85654" i="1"/>
  <c r="AF85655" i="1"/>
  <c r="AF85656" i="1"/>
  <c r="AF85657" i="1"/>
  <c r="AF85658" i="1"/>
  <c r="AF85659" i="1"/>
  <c r="AF85660" i="1"/>
  <c r="AF85661" i="1"/>
  <c r="AF85662" i="1"/>
  <c r="AF85663" i="1"/>
  <c r="AF85664" i="1"/>
  <c r="AF85665" i="1"/>
  <c r="AF85666" i="1"/>
  <c r="AF85667" i="1"/>
  <c r="AF85668" i="1"/>
  <c r="AF85669" i="1"/>
  <c r="AF85670" i="1"/>
  <c r="AF85671" i="1"/>
  <c r="AF85672" i="1"/>
  <c r="AF85673" i="1"/>
  <c r="AF85674" i="1"/>
  <c r="AF85675" i="1"/>
  <c r="AF85676" i="1"/>
  <c r="AF85677" i="1"/>
  <c r="AF85678" i="1"/>
  <c r="AF85679" i="1"/>
  <c r="AF85680" i="1"/>
  <c r="AF85681" i="1"/>
  <c r="AF85682" i="1"/>
  <c r="AF85683" i="1"/>
  <c r="AF85684" i="1"/>
  <c r="AF85685" i="1"/>
  <c r="AF85686" i="1"/>
  <c r="AF85687" i="1"/>
  <c r="AF85688" i="1"/>
  <c r="AF85689" i="1"/>
  <c r="AF85690" i="1"/>
  <c r="AF85691" i="1"/>
  <c r="AF85692" i="1"/>
  <c r="AF85693" i="1"/>
  <c r="AF85694" i="1"/>
  <c r="AF85695" i="1"/>
  <c r="AF85696" i="1"/>
  <c r="AF85697" i="1"/>
  <c r="AF85698" i="1"/>
  <c r="AF85699" i="1"/>
  <c r="AF85700" i="1"/>
  <c r="AF85701" i="1"/>
  <c r="AF85702" i="1"/>
  <c r="AF85703" i="1"/>
  <c r="AF85704" i="1"/>
  <c r="AF85705" i="1"/>
  <c r="AF85706" i="1"/>
  <c r="AF85707" i="1"/>
  <c r="AF85708" i="1"/>
  <c r="AF85709" i="1"/>
  <c r="AF85710" i="1"/>
  <c r="AF85711" i="1"/>
  <c r="AF85712" i="1"/>
  <c r="AF85713" i="1"/>
  <c r="AF85714" i="1"/>
  <c r="AF85715" i="1"/>
  <c r="AF85716" i="1"/>
  <c r="AF85717" i="1"/>
  <c r="AF85718" i="1"/>
  <c r="AF85719" i="1"/>
  <c r="AF85720" i="1"/>
  <c r="AF85721" i="1"/>
  <c r="AF85722" i="1"/>
  <c r="AF85723" i="1"/>
  <c r="AF85724" i="1"/>
  <c r="AF85725" i="1"/>
  <c r="AF85726" i="1"/>
  <c r="AF85727" i="1"/>
  <c r="AF85728" i="1"/>
  <c r="AF85729" i="1"/>
  <c r="AF85730" i="1"/>
  <c r="AF85731" i="1"/>
  <c r="AF85732" i="1"/>
  <c r="AF85733" i="1"/>
  <c r="AF85734" i="1"/>
  <c r="AF85735" i="1"/>
  <c r="AF85736" i="1"/>
  <c r="AF85737" i="1"/>
  <c r="AF85738" i="1"/>
  <c r="AF85739" i="1"/>
  <c r="AF85740" i="1"/>
  <c r="AF85741" i="1"/>
  <c r="AF85742" i="1"/>
  <c r="AF85743" i="1"/>
  <c r="AF85744" i="1"/>
  <c r="AF85745" i="1"/>
  <c r="AF85746" i="1"/>
  <c r="AF85747" i="1"/>
  <c r="AF85748" i="1"/>
  <c r="AF85749" i="1"/>
  <c r="AF85750" i="1"/>
  <c r="AF85751" i="1"/>
  <c r="AF85752" i="1"/>
  <c r="AF85753" i="1"/>
  <c r="AF85754" i="1"/>
  <c r="AF85755" i="1"/>
  <c r="AF85756" i="1"/>
  <c r="AF85757" i="1"/>
  <c r="AF85758" i="1"/>
  <c r="AF85759" i="1"/>
  <c r="AF85760" i="1"/>
  <c r="AF85761" i="1"/>
  <c r="AF85762" i="1"/>
  <c r="AF85763" i="1"/>
  <c r="AF85764" i="1"/>
  <c r="AF85765" i="1"/>
  <c r="AF85766" i="1"/>
  <c r="AF85767" i="1"/>
  <c r="AF85768" i="1"/>
  <c r="AF85769" i="1"/>
  <c r="AF85770" i="1"/>
  <c r="AF85771" i="1"/>
  <c r="AF85772" i="1"/>
  <c r="AF85773" i="1"/>
  <c r="AF85774" i="1"/>
  <c r="AF85775" i="1"/>
  <c r="AF85776" i="1"/>
  <c r="AF85777" i="1"/>
  <c r="AF85778" i="1"/>
  <c r="AF85779" i="1"/>
  <c r="AF85780" i="1"/>
  <c r="AF85781" i="1"/>
  <c r="AF85782" i="1"/>
  <c r="AF85783" i="1"/>
  <c r="AF85784" i="1"/>
  <c r="AF85785" i="1"/>
  <c r="AF85786" i="1"/>
  <c r="AF85787" i="1"/>
  <c r="AF85788" i="1"/>
  <c r="AF85789" i="1"/>
  <c r="AF85790" i="1"/>
  <c r="AF85791" i="1"/>
  <c r="AF85792" i="1"/>
  <c r="AF85793" i="1"/>
  <c r="AF85794" i="1"/>
  <c r="AF85795" i="1"/>
  <c r="AF85796" i="1"/>
  <c r="AF85797" i="1"/>
  <c r="AF85798" i="1"/>
  <c r="AF85799" i="1"/>
  <c r="AF85800" i="1"/>
  <c r="AF85801" i="1"/>
  <c r="AF85802" i="1"/>
  <c r="AF85803" i="1"/>
  <c r="AF85804" i="1"/>
  <c r="AF85805" i="1"/>
  <c r="AF85806" i="1"/>
  <c r="AF85807" i="1"/>
  <c r="AF85808" i="1"/>
  <c r="AF85809" i="1"/>
  <c r="AF85810" i="1"/>
  <c r="AF85811" i="1"/>
  <c r="AF85812" i="1"/>
  <c r="AF85813" i="1"/>
  <c r="AF85814" i="1"/>
  <c r="AF85815" i="1"/>
  <c r="AF85816" i="1"/>
  <c r="AF85817" i="1"/>
  <c r="AF85818" i="1"/>
  <c r="AF85819" i="1"/>
  <c r="AF85820" i="1"/>
  <c r="AF85821" i="1"/>
  <c r="AF85822" i="1"/>
  <c r="AF85823" i="1"/>
  <c r="AF85824" i="1"/>
  <c r="AF85825" i="1"/>
  <c r="AF85826" i="1"/>
  <c r="AF85827" i="1"/>
  <c r="AF85828" i="1"/>
  <c r="AF85829" i="1"/>
  <c r="AF85830" i="1"/>
  <c r="AF85831" i="1"/>
  <c r="AF85832" i="1"/>
  <c r="AF85833" i="1"/>
  <c r="AF85834" i="1"/>
  <c r="AF85835" i="1"/>
  <c r="AF85836" i="1"/>
  <c r="AF85837" i="1"/>
  <c r="AF85838" i="1"/>
  <c r="AF85839" i="1"/>
  <c r="AF85840" i="1"/>
  <c r="AF85841" i="1"/>
  <c r="AF85842" i="1"/>
  <c r="AF85843" i="1"/>
  <c r="AF85844" i="1"/>
  <c r="AF85845" i="1"/>
  <c r="AF85846" i="1"/>
  <c r="AF85847" i="1"/>
  <c r="AF85848" i="1"/>
  <c r="AF85849" i="1"/>
  <c r="AF85850" i="1"/>
  <c r="AF85851" i="1"/>
  <c r="AF85852" i="1"/>
  <c r="AF85853" i="1"/>
  <c r="AF85854" i="1"/>
  <c r="AF85855" i="1"/>
  <c r="AF85856" i="1"/>
  <c r="AF85857" i="1"/>
  <c r="AF85858" i="1"/>
  <c r="AF85859" i="1"/>
  <c r="AF85860" i="1"/>
  <c r="AF85861" i="1"/>
  <c r="AF85862" i="1"/>
  <c r="AF85863" i="1"/>
  <c r="AF85864" i="1"/>
  <c r="AF85865" i="1"/>
  <c r="AF85866" i="1"/>
  <c r="AF85867" i="1"/>
  <c r="AF85868" i="1"/>
  <c r="AF85869" i="1"/>
  <c r="AF85870" i="1"/>
  <c r="AF85871" i="1"/>
  <c r="AF85872" i="1"/>
  <c r="AF85873" i="1"/>
  <c r="AF85874" i="1"/>
  <c r="AF85875" i="1"/>
  <c r="AF85876" i="1"/>
  <c r="AF85877" i="1"/>
  <c r="AF85878" i="1"/>
  <c r="AF85879" i="1"/>
  <c r="AF85880" i="1"/>
  <c r="AF85881" i="1"/>
  <c r="AF85882" i="1"/>
  <c r="AF85883" i="1"/>
  <c r="AF85884" i="1"/>
  <c r="AF85885" i="1"/>
  <c r="AF85886" i="1"/>
  <c r="AF85887" i="1"/>
  <c r="AF85888" i="1"/>
  <c r="AF85889" i="1"/>
  <c r="AF85890" i="1"/>
  <c r="AF85891" i="1"/>
  <c r="AF85892" i="1"/>
  <c r="AF85893" i="1"/>
  <c r="AF85894" i="1"/>
  <c r="AF85895" i="1"/>
  <c r="AF85896" i="1"/>
  <c r="AF85897" i="1"/>
  <c r="AF85898" i="1"/>
  <c r="AF85899" i="1"/>
  <c r="AF85900" i="1"/>
  <c r="AF85901" i="1"/>
  <c r="AF85902" i="1"/>
  <c r="AF85903" i="1"/>
  <c r="AF85904" i="1"/>
  <c r="AF85905" i="1"/>
  <c r="AF85906" i="1"/>
  <c r="AF85907" i="1"/>
  <c r="AF85908" i="1"/>
  <c r="AF85909" i="1"/>
  <c r="AF85910" i="1"/>
  <c r="AF85911" i="1"/>
  <c r="AF85912" i="1"/>
  <c r="AF85913" i="1"/>
  <c r="AF85914" i="1"/>
  <c r="AF85915" i="1"/>
  <c r="AF85916" i="1"/>
  <c r="AF85917" i="1"/>
  <c r="AF85918" i="1"/>
  <c r="AF85919" i="1"/>
  <c r="AF85920" i="1"/>
  <c r="AF85921" i="1"/>
  <c r="AF85922" i="1"/>
  <c r="AF85923" i="1"/>
  <c r="AF85924" i="1"/>
  <c r="AF85925" i="1"/>
  <c r="AF85926" i="1"/>
  <c r="AF85927" i="1"/>
  <c r="AF85928" i="1"/>
  <c r="AF85929" i="1"/>
  <c r="AF85930" i="1"/>
  <c r="AF85931" i="1"/>
  <c r="AF85932" i="1"/>
  <c r="AF85933" i="1"/>
  <c r="AF85934" i="1"/>
  <c r="AF85935" i="1"/>
  <c r="AF85936" i="1"/>
  <c r="AF85937" i="1"/>
  <c r="AF85938" i="1"/>
  <c r="AF85939" i="1"/>
  <c r="AF85940" i="1"/>
  <c r="AF85941" i="1"/>
  <c r="AF85942" i="1"/>
  <c r="AF85943" i="1"/>
  <c r="AF85944" i="1"/>
  <c r="AF85945" i="1"/>
  <c r="AF85946" i="1"/>
  <c r="AF85947" i="1"/>
  <c r="AF85948" i="1"/>
  <c r="AF85949" i="1"/>
  <c r="AF85950" i="1"/>
  <c r="AF85951" i="1"/>
  <c r="AF85952" i="1"/>
  <c r="AF85953" i="1"/>
  <c r="AF85954" i="1"/>
  <c r="AF85955" i="1"/>
  <c r="AF85956" i="1"/>
  <c r="AF85957" i="1"/>
  <c r="AF85958" i="1"/>
  <c r="AF85959" i="1"/>
  <c r="AF85960" i="1"/>
  <c r="AF85961" i="1"/>
  <c r="AF85962" i="1"/>
  <c r="AF85963" i="1"/>
  <c r="AF85964" i="1"/>
  <c r="AF85965" i="1"/>
  <c r="AF85966" i="1"/>
  <c r="AF85967" i="1"/>
  <c r="AF85968" i="1"/>
  <c r="AF85969" i="1"/>
  <c r="AF85970" i="1"/>
  <c r="AF85971" i="1"/>
  <c r="AF85972" i="1"/>
  <c r="AF85973" i="1"/>
  <c r="AF85974" i="1"/>
  <c r="AF85975" i="1"/>
  <c r="AF85976" i="1"/>
  <c r="AF85977" i="1"/>
  <c r="AF85978" i="1"/>
  <c r="AF85979" i="1"/>
  <c r="AF85980" i="1"/>
  <c r="AF85981" i="1"/>
  <c r="AF85982" i="1"/>
  <c r="AF85983" i="1"/>
  <c r="AF85984" i="1"/>
  <c r="AF85985" i="1"/>
  <c r="AF85986" i="1"/>
  <c r="AF85987" i="1"/>
  <c r="AF85988" i="1"/>
  <c r="AF85989" i="1"/>
  <c r="AF85990" i="1"/>
  <c r="AF85991" i="1"/>
  <c r="AF85992" i="1"/>
  <c r="AF85993" i="1"/>
  <c r="AF85994" i="1"/>
  <c r="AF85995" i="1"/>
  <c r="AF85996" i="1"/>
  <c r="AF85997" i="1"/>
  <c r="AF85998" i="1"/>
  <c r="AF85999" i="1"/>
  <c r="AF86000" i="1"/>
  <c r="AF86001" i="1"/>
  <c r="AF86002" i="1"/>
  <c r="AF86003" i="1"/>
  <c r="AF86004" i="1"/>
  <c r="AF86005" i="1"/>
  <c r="AF86006" i="1"/>
  <c r="AF86007" i="1"/>
  <c r="AF86008" i="1"/>
  <c r="AF86009" i="1"/>
  <c r="AF86010" i="1"/>
  <c r="AF86011" i="1"/>
  <c r="AF86012" i="1"/>
  <c r="AF86013" i="1"/>
  <c r="AF86014" i="1"/>
  <c r="AF86015" i="1"/>
  <c r="AF86016" i="1"/>
  <c r="AF86017" i="1"/>
  <c r="AF86018" i="1"/>
  <c r="AF86019" i="1"/>
  <c r="AF86020" i="1"/>
  <c r="AF86021" i="1"/>
  <c r="AF86022" i="1"/>
  <c r="AF86023" i="1"/>
  <c r="AF86024" i="1"/>
  <c r="AF86025" i="1"/>
  <c r="AF86026" i="1"/>
  <c r="AF86027" i="1"/>
  <c r="AF86028" i="1"/>
  <c r="AF86029" i="1"/>
  <c r="AF86030" i="1"/>
  <c r="AF86031" i="1"/>
  <c r="AF86032" i="1"/>
  <c r="AF86033" i="1"/>
  <c r="AF86034" i="1"/>
  <c r="AF86035" i="1"/>
  <c r="AF86036" i="1"/>
  <c r="AF86037" i="1"/>
  <c r="AF86038" i="1"/>
  <c r="AF86039" i="1"/>
  <c r="AF86040" i="1"/>
  <c r="AF86041" i="1"/>
  <c r="AF86042" i="1"/>
  <c r="AF86043" i="1"/>
  <c r="AF86044" i="1"/>
  <c r="AF86045" i="1"/>
  <c r="AF86046" i="1"/>
  <c r="AF86047" i="1"/>
  <c r="AF86048" i="1"/>
  <c r="AF86049" i="1"/>
  <c r="AF86050" i="1"/>
  <c r="AF86051" i="1"/>
  <c r="AF86052" i="1"/>
  <c r="AF86053" i="1"/>
  <c r="AF86054" i="1"/>
  <c r="AF86055" i="1"/>
  <c r="AF86056" i="1"/>
  <c r="AF86057" i="1"/>
  <c r="AF86058" i="1"/>
  <c r="AF86059" i="1"/>
  <c r="AF86060" i="1"/>
  <c r="AF86061" i="1"/>
  <c r="AF86062" i="1"/>
  <c r="AF86063" i="1"/>
  <c r="AF86064" i="1"/>
  <c r="AF86065" i="1"/>
  <c r="AF86066" i="1"/>
  <c r="AF86067" i="1"/>
  <c r="AF86068" i="1"/>
  <c r="AF86069" i="1"/>
  <c r="AF86070" i="1"/>
  <c r="AF86071" i="1"/>
  <c r="AF86072" i="1"/>
  <c r="AF86073" i="1"/>
  <c r="AF86074" i="1"/>
  <c r="AF86075" i="1"/>
  <c r="AF86076" i="1"/>
  <c r="AF86077" i="1"/>
  <c r="AF86078" i="1"/>
  <c r="AF86079" i="1"/>
  <c r="AF86080" i="1"/>
  <c r="AF86081" i="1"/>
  <c r="AF86082" i="1"/>
  <c r="AF86083" i="1"/>
  <c r="AF86084" i="1"/>
  <c r="AF86085" i="1"/>
  <c r="AF86086" i="1"/>
  <c r="AF86087" i="1"/>
  <c r="AF86088" i="1"/>
  <c r="AF86089" i="1"/>
  <c r="AF86090" i="1"/>
  <c r="AF86091" i="1"/>
  <c r="AF86092" i="1"/>
  <c r="AF86093" i="1"/>
  <c r="AF86094" i="1"/>
  <c r="AF86095" i="1"/>
  <c r="AF86096" i="1"/>
  <c r="AF86097" i="1"/>
  <c r="AF86098" i="1"/>
  <c r="AF86099" i="1"/>
  <c r="AF86100" i="1"/>
  <c r="AF86101" i="1"/>
  <c r="AF86102" i="1"/>
  <c r="AF86103" i="1"/>
  <c r="AF86104" i="1"/>
  <c r="AF86105" i="1"/>
  <c r="AF86106" i="1"/>
  <c r="AF86107" i="1"/>
  <c r="AF86108" i="1"/>
  <c r="AF86109" i="1"/>
  <c r="AF86110" i="1"/>
  <c r="AF86111" i="1"/>
  <c r="AF86112" i="1"/>
  <c r="AF86113" i="1"/>
  <c r="AF86114" i="1"/>
  <c r="AF86115" i="1"/>
  <c r="AF86116" i="1"/>
  <c r="AF86117" i="1"/>
  <c r="AF86118" i="1"/>
  <c r="AF86119" i="1"/>
  <c r="AF86120" i="1"/>
  <c r="AF86121" i="1"/>
  <c r="AF86122" i="1"/>
  <c r="AF86123" i="1"/>
  <c r="AF86124" i="1"/>
  <c r="AF86125" i="1"/>
  <c r="AF86126" i="1"/>
  <c r="AF86127" i="1"/>
  <c r="AF86128" i="1"/>
  <c r="AF86129" i="1"/>
  <c r="AF86130" i="1"/>
  <c r="AF86131" i="1"/>
  <c r="AF86132" i="1"/>
  <c r="AF86133" i="1"/>
  <c r="AF86134" i="1"/>
  <c r="AF86135" i="1"/>
  <c r="AF86136" i="1"/>
  <c r="AF86137" i="1"/>
  <c r="AF86138" i="1"/>
  <c r="AF86139" i="1"/>
  <c r="AF86140" i="1"/>
  <c r="AF86141" i="1"/>
  <c r="AF86142" i="1"/>
  <c r="AF86143" i="1"/>
  <c r="AF86144" i="1"/>
  <c r="AF86145" i="1"/>
  <c r="AF86146" i="1"/>
  <c r="AF86147" i="1"/>
  <c r="AF86148" i="1"/>
  <c r="AF86149" i="1"/>
  <c r="AF86150" i="1"/>
  <c r="AF86151" i="1"/>
  <c r="AF86152" i="1"/>
  <c r="AF86153" i="1"/>
  <c r="AF86154" i="1"/>
  <c r="AF86155" i="1"/>
  <c r="AF86156" i="1"/>
  <c r="AF86157" i="1"/>
  <c r="AF86158" i="1"/>
  <c r="AF86159" i="1"/>
  <c r="AF86160" i="1"/>
  <c r="AF86161" i="1"/>
  <c r="AF86162" i="1"/>
  <c r="AF86163" i="1"/>
  <c r="AF86164" i="1"/>
  <c r="AF86165" i="1"/>
  <c r="AF86166" i="1"/>
  <c r="AF86167" i="1"/>
  <c r="AF86168" i="1"/>
  <c r="AF86169" i="1"/>
  <c r="AF86170" i="1"/>
  <c r="AF86171" i="1"/>
  <c r="AF86172" i="1"/>
  <c r="AF86173" i="1"/>
  <c r="AF86174" i="1"/>
  <c r="AF86175" i="1"/>
  <c r="AF86176" i="1"/>
  <c r="AF86177" i="1"/>
  <c r="AF86178" i="1"/>
  <c r="AF86179" i="1"/>
  <c r="AF86180" i="1"/>
  <c r="AF86181" i="1"/>
  <c r="AF86182" i="1"/>
  <c r="AF86183" i="1"/>
  <c r="AF86184" i="1"/>
  <c r="AF86185" i="1"/>
  <c r="AF86186" i="1"/>
  <c r="AF86187" i="1"/>
  <c r="AF86188" i="1"/>
  <c r="AF86189" i="1"/>
  <c r="AF86190" i="1"/>
  <c r="AF86191" i="1"/>
  <c r="AF86192" i="1"/>
  <c r="AF86193" i="1"/>
  <c r="AF86194" i="1"/>
  <c r="AF86195" i="1"/>
  <c r="AF86196" i="1"/>
  <c r="AF86197" i="1"/>
  <c r="AF86198" i="1"/>
  <c r="AF86199" i="1"/>
  <c r="AF86200" i="1"/>
  <c r="AF86201" i="1"/>
  <c r="AF86202" i="1"/>
  <c r="AF86203" i="1"/>
  <c r="AF86204" i="1"/>
  <c r="AF86205" i="1"/>
  <c r="AF86206" i="1"/>
  <c r="AF86207" i="1"/>
  <c r="AF86208" i="1"/>
  <c r="AF86209" i="1"/>
  <c r="AF86210" i="1"/>
  <c r="AF86211" i="1"/>
  <c r="AF86212" i="1"/>
  <c r="AF86213" i="1"/>
  <c r="AF86214" i="1"/>
  <c r="AF86215" i="1"/>
  <c r="AF86216" i="1"/>
  <c r="AF86217" i="1"/>
  <c r="AF86218" i="1"/>
  <c r="AF86219" i="1"/>
  <c r="AF86220" i="1"/>
  <c r="AF86221" i="1"/>
  <c r="AF86222" i="1"/>
  <c r="AF86223" i="1"/>
  <c r="AF86224" i="1"/>
  <c r="AF86225" i="1"/>
  <c r="AF86226" i="1"/>
  <c r="AF86227" i="1"/>
  <c r="AF86228" i="1"/>
  <c r="AF86229" i="1"/>
  <c r="AF86230" i="1"/>
  <c r="AF86231" i="1"/>
  <c r="AF86232" i="1"/>
  <c r="AF86233" i="1"/>
  <c r="AF86234" i="1"/>
  <c r="AF86235" i="1"/>
  <c r="AF86236" i="1"/>
  <c r="AF86237" i="1"/>
  <c r="AF86238" i="1"/>
  <c r="AF86239" i="1"/>
  <c r="AF86240" i="1"/>
  <c r="AF86241" i="1"/>
  <c r="AF86242" i="1"/>
  <c r="AF86243" i="1"/>
  <c r="AF86244" i="1"/>
  <c r="AF86245" i="1"/>
  <c r="AF86246" i="1"/>
  <c r="AF86247" i="1"/>
  <c r="AF86248" i="1"/>
  <c r="AF86249" i="1"/>
  <c r="AF86250" i="1"/>
  <c r="AF86251" i="1"/>
  <c r="AF86252" i="1"/>
  <c r="AF86253" i="1"/>
  <c r="AF86254" i="1"/>
  <c r="AF86255" i="1"/>
  <c r="AF86256" i="1"/>
  <c r="AF86257" i="1"/>
  <c r="AF86258" i="1"/>
  <c r="AF86259" i="1"/>
  <c r="AF86260" i="1"/>
  <c r="AF86261" i="1"/>
  <c r="AF86262" i="1"/>
  <c r="AF86263" i="1"/>
  <c r="AF86264" i="1"/>
  <c r="AF86265" i="1"/>
  <c r="AF86266" i="1"/>
  <c r="AF86267" i="1"/>
  <c r="AF86268" i="1"/>
  <c r="AF86269" i="1"/>
  <c r="AF86270" i="1"/>
  <c r="AF86271" i="1"/>
  <c r="AF86272" i="1"/>
  <c r="AF86273" i="1"/>
  <c r="AF86274" i="1"/>
  <c r="AF86275" i="1"/>
  <c r="AF86276" i="1"/>
  <c r="AF86277" i="1"/>
  <c r="AF86278" i="1"/>
  <c r="AF86279" i="1"/>
  <c r="AF86280" i="1"/>
  <c r="AF86281" i="1"/>
  <c r="AF86282" i="1"/>
  <c r="AF86283" i="1"/>
  <c r="AF86284" i="1"/>
  <c r="AF86285" i="1"/>
  <c r="AF86286" i="1"/>
  <c r="AF86287" i="1"/>
  <c r="AF86288" i="1"/>
  <c r="AF86289" i="1"/>
  <c r="AF86290" i="1"/>
  <c r="AF86291" i="1"/>
  <c r="AF86292" i="1"/>
  <c r="AF86293" i="1"/>
  <c r="AF86294" i="1"/>
  <c r="AF86295" i="1"/>
  <c r="AF86296" i="1"/>
  <c r="AF86297" i="1"/>
  <c r="AF86298" i="1"/>
  <c r="AF86299" i="1"/>
  <c r="AF86300" i="1"/>
  <c r="AF86301" i="1"/>
  <c r="AF86302" i="1"/>
  <c r="AF86303" i="1"/>
  <c r="AF86304" i="1"/>
  <c r="AF86305" i="1"/>
  <c r="AF86306" i="1"/>
  <c r="AF86307" i="1"/>
  <c r="AF86308" i="1"/>
  <c r="AF86309" i="1"/>
  <c r="AF86310" i="1"/>
  <c r="AF86311" i="1"/>
  <c r="AF86312" i="1"/>
  <c r="AF86313" i="1"/>
  <c r="AF86314" i="1"/>
  <c r="AF86315" i="1"/>
  <c r="AF86316" i="1"/>
  <c r="AF86317" i="1"/>
  <c r="AF86318" i="1"/>
  <c r="AF86319" i="1"/>
  <c r="AF86320" i="1"/>
  <c r="AF86321" i="1"/>
  <c r="AF86322" i="1"/>
  <c r="AF86323" i="1"/>
  <c r="AF86324" i="1"/>
  <c r="AF86325" i="1"/>
  <c r="AF86326" i="1"/>
  <c r="AF86327" i="1"/>
  <c r="AF86328" i="1"/>
  <c r="AF86329" i="1"/>
  <c r="AF86330" i="1"/>
  <c r="AF86331" i="1"/>
  <c r="AF86332" i="1"/>
  <c r="AF86333" i="1"/>
  <c r="AF86334" i="1"/>
  <c r="AF86335" i="1"/>
  <c r="AF86336" i="1"/>
  <c r="AF86337" i="1"/>
  <c r="AF86338" i="1"/>
  <c r="AF86339" i="1"/>
  <c r="AF86340" i="1"/>
  <c r="AF86341" i="1"/>
  <c r="AF86342" i="1"/>
  <c r="AF86343" i="1"/>
  <c r="AF86344" i="1"/>
  <c r="AF86345" i="1"/>
  <c r="AF86346" i="1"/>
  <c r="AF86347" i="1"/>
  <c r="AF86348" i="1"/>
  <c r="AF86349" i="1"/>
  <c r="AF86350" i="1"/>
  <c r="AF86351" i="1"/>
  <c r="AF86352" i="1"/>
  <c r="AF86353" i="1"/>
  <c r="AF86354" i="1"/>
  <c r="AF86355" i="1"/>
  <c r="AF86356" i="1"/>
  <c r="AF86357" i="1"/>
  <c r="AF86358" i="1"/>
  <c r="AF86359" i="1"/>
  <c r="AF86360" i="1"/>
  <c r="AF86361" i="1"/>
  <c r="AF86362" i="1"/>
  <c r="AF86363" i="1"/>
  <c r="AF86364" i="1"/>
  <c r="AF86365" i="1"/>
  <c r="AF86366" i="1"/>
  <c r="AF86367" i="1"/>
  <c r="AF86368" i="1"/>
  <c r="AF86369" i="1"/>
  <c r="AF86370" i="1"/>
  <c r="AF86371" i="1"/>
  <c r="AF86372" i="1"/>
  <c r="AF86373" i="1"/>
  <c r="AF86374" i="1"/>
  <c r="AF86375" i="1"/>
  <c r="AF86376" i="1"/>
  <c r="AF86377" i="1"/>
  <c r="AF86378" i="1"/>
  <c r="AF86379" i="1"/>
  <c r="AF86380" i="1"/>
  <c r="AF86381" i="1"/>
  <c r="AF86382" i="1"/>
  <c r="AF86383" i="1"/>
  <c r="AF86384" i="1"/>
  <c r="AF86385" i="1"/>
  <c r="AF86386" i="1"/>
  <c r="AF86387" i="1"/>
  <c r="AF86388" i="1"/>
  <c r="AF86389" i="1"/>
  <c r="AF86390" i="1"/>
  <c r="AF86391" i="1"/>
  <c r="AF86392" i="1"/>
  <c r="AF86393" i="1"/>
  <c r="AF86394" i="1"/>
  <c r="AF86395" i="1"/>
  <c r="AF86396" i="1"/>
  <c r="AF86397" i="1"/>
  <c r="AF86398" i="1"/>
  <c r="AF86399" i="1"/>
  <c r="AF86400" i="1"/>
  <c r="AF86401" i="1"/>
  <c r="AF86402" i="1"/>
  <c r="AF86403" i="1"/>
  <c r="AF86404" i="1"/>
  <c r="AF86405" i="1"/>
  <c r="AF86406" i="1"/>
  <c r="AF86407" i="1"/>
  <c r="AF86408" i="1"/>
  <c r="AF86409" i="1"/>
  <c r="AF86410" i="1"/>
  <c r="AF86411" i="1"/>
  <c r="AF86412" i="1"/>
  <c r="AF86413" i="1"/>
  <c r="AF86414" i="1"/>
  <c r="AF86415" i="1"/>
  <c r="AF86416" i="1"/>
  <c r="AF86417" i="1"/>
  <c r="AF86418" i="1"/>
  <c r="AF86419" i="1"/>
  <c r="AF86420" i="1"/>
  <c r="AF86421" i="1"/>
  <c r="AF86422" i="1"/>
  <c r="AF86423" i="1"/>
  <c r="AF86424" i="1"/>
  <c r="AF86425" i="1"/>
  <c r="AF86426" i="1"/>
  <c r="AF86427" i="1"/>
  <c r="AF86428" i="1"/>
  <c r="AF86429" i="1"/>
  <c r="AF86430" i="1"/>
  <c r="AF86431" i="1"/>
  <c r="AF86432" i="1"/>
  <c r="AF86433" i="1"/>
  <c r="AF86434" i="1"/>
  <c r="AF86435" i="1"/>
  <c r="AF86436" i="1"/>
  <c r="AF86437" i="1"/>
  <c r="AF86438" i="1"/>
  <c r="AF86439" i="1"/>
  <c r="AF86440" i="1"/>
  <c r="AF86441" i="1"/>
  <c r="AF86442" i="1"/>
  <c r="AF86443" i="1"/>
  <c r="AF86444" i="1"/>
  <c r="AF86445" i="1"/>
  <c r="AF86446" i="1"/>
  <c r="AF86447" i="1"/>
  <c r="AF86448" i="1"/>
  <c r="AF86449" i="1"/>
  <c r="AF86450" i="1"/>
  <c r="AF86451" i="1"/>
  <c r="AF86452" i="1"/>
  <c r="AF86453" i="1"/>
  <c r="AF86454" i="1"/>
  <c r="AF86455" i="1"/>
  <c r="AF86456" i="1"/>
  <c r="AF86457" i="1"/>
  <c r="AF86458" i="1"/>
  <c r="AF86459" i="1"/>
  <c r="AF86460" i="1"/>
  <c r="AF86461" i="1"/>
  <c r="AF86462" i="1"/>
  <c r="AF86463" i="1"/>
  <c r="AF86464" i="1"/>
  <c r="AF86465" i="1"/>
  <c r="AF86466" i="1"/>
  <c r="AF86467" i="1"/>
  <c r="AF86468" i="1"/>
  <c r="AF86469" i="1"/>
  <c r="AF86470" i="1"/>
  <c r="AF86471" i="1"/>
  <c r="AF86472" i="1"/>
  <c r="AF86473" i="1"/>
  <c r="AF86474" i="1"/>
  <c r="AF86475" i="1"/>
  <c r="AF86476" i="1"/>
  <c r="AF86477" i="1"/>
  <c r="AF86478" i="1"/>
  <c r="AF86479" i="1"/>
  <c r="AF86480" i="1"/>
  <c r="AF86481" i="1"/>
  <c r="AF86482" i="1"/>
  <c r="AF86483" i="1"/>
  <c r="AF86484" i="1"/>
  <c r="AF86485" i="1"/>
  <c r="AF86486" i="1"/>
  <c r="AF86487" i="1"/>
  <c r="AF86488" i="1"/>
  <c r="AF86489" i="1"/>
  <c r="AF86490" i="1"/>
  <c r="AF86491" i="1"/>
  <c r="AF86492" i="1"/>
  <c r="AF86493" i="1"/>
  <c r="AF86494" i="1"/>
  <c r="AF86495" i="1"/>
  <c r="AF86496" i="1"/>
  <c r="AF86497" i="1"/>
  <c r="AF86498" i="1"/>
  <c r="AF86499" i="1"/>
  <c r="AF86500" i="1"/>
  <c r="AF86501" i="1"/>
  <c r="AF86502" i="1"/>
  <c r="AF86503" i="1"/>
  <c r="AF86504" i="1"/>
  <c r="AF86505" i="1"/>
  <c r="AF86506" i="1"/>
  <c r="AF86507" i="1"/>
  <c r="AF86508" i="1"/>
  <c r="AF86509" i="1"/>
  <c r="AF86510" i="1"/>
  <c r="AF86511" i="1"/>
  <c r="AF86512" i="1"/>
  <c r="AF86513" i="1"/>
  <c r="AF86514" i="1"/>
  <c r="AF86515" i="1"/>
  <c r="AF86516" i="1"/>
  <c r="AF86517" i="1"/>
  <c r="AF86518" i="1"/>
  <c r="AF86519" i="1"/>
  <c r="AF86520" i="1"/>
  <c r="AF86521" i="1"/>
  <c r="AF86522" i="1"/>
  <c r="AF86523" i="1"/>
  <c r="AF86524" i="1"/>
  <c r="AF86525" i="1"/>
  <c r="AF86526" i="1"/>
  <c r="AF86527" i="1"/>
  <c r="AF86528" i="1"/>
  <c r="AF86529" i="1"/>
  <c r="AF86530" i="1"/>
  <c r="AF86531" i="1"/>
  <c r="AF86532" i="1"/>
  <c r="AF86533" i="1"/>
  <c r="AF86534" i="1"/>
  <c r="AF86535" i="1"/>
  <c r="AF86536" i="1"/>
  <c r="AF86537" i="1"/>
  <c r="AF86538" i="1"/>
  <c r="AF86539" i="1"/>
  <c r="AF86540" i="1"/>
  <c r="AF86541" i="1"/>
  <c r="AF86542" i="1"/>
  <c r="AF86543" i="1"/>
  <c r="AF86544" i="1"/>
  <c r="AF86545" i="1"/>
  <c r="AF86546" i="1"/>
  <c r="AF86547" i="1"/>
  <c r="AF86548" i="1"/>
  <c r="AF86549" i="1"/>
  <c r="AF86550" i="1"/>
  <c r="AF86551" i="1"/>
  <c r="AF86552" i="1"/>
  <c r="AF86553" i="1"/>
  <c r="AF86554" i="1"/>
  <c r="AF86555" i="1"/>
  <c r="AF86556" i="1"/>
  <c r="AF86557" i="1"/>
  <c r="AF86558" i="1"/>
  <c r="AF86559" i="1"/>
  <c r="AF86560" i="1"/>
  <c r="AF86561" i="1"/>
  <c r="AF86562" i="1"/>
  <c r="AF86563" i="1"/>
  <c r="AF86564" i="1"/>
  <c r="AF86565" i="1"/>
  <c r="AF86566" i="1"/>
  <c r="AF86567" i="1"/>
  <c r="AF86568" i="1"/>
  <c r="AF86569" i="1"/>
  <c r="AF86570" i="1"/>
  <c r="AF86571" i="1"/>
  <c r="AF86572" i="1"/>
  <c r="AF86573" i="1"/>
  <c r="AF86574" i="1"/>
  <c r="AF86575" i="1"/>
  <c r="AF86576" i="1"/>
  <c r="AF86577" i="1"/>
  <c r="AF86578" i="1"/>
  <c r="AF86579" i="1"/>
  <c r="AF86580" i="1"/>
  <c r="AF86581" i="1"/>
  <c r="AF86582" i="1"/>
  <c r="AF86583" i="1"/>
  <c r="AF86584" i="1"/>
  <c r="AF86585" i="1"/>
  <c r="AF86586" i="1"/>
  <c r="AF86587" i="1"/>
  <c r="AF86588" i="1"/>
  <c r="AF86589" i="1"/>
  <c r="AF86590" i="1"/>
  <c r="AF86591" i="1"/>
  <c r="AF86592" i="1"/>
  <c r="AF86593" i="1"/>
  <c r="AF86594" i="1"/>
  <c r="AF86595" i="1"/>
  <c r="AF86596" i="1"/>
  <c r="AF86597" i="1"/>
  <c r="AF86598" i="1"/>
  <c r="AF86599" i="1"/>
  <c r="AF86600" i="1"/>
  <c r="AF86601" i="1"/>
  <c r="AF86602" i="1"/>
  <c r="AF86603" i="1"/>
  <c r="AF86604" i="1"/>
  <c r="AF86605" i="1"/>
  <c r="AF86606" i="1"/>
  <c r="AF86607" i="1"/>
  <c r="AF86608" i="1"/>
  <c r="AF86609" i="1"/>
  <c r="AF86610" i="1"/>
  <c r="AF86611" i="1"/>
  <c r="AF86612" i="1"/>
  <c r="AF86613" i="1"/>
  <c r="AF86614" i="1"/>
  <c r="AF86615" i="1"/>
  <c r="AF86616" i="1"/>
  <c r="AF86617" i="1"/>
  <c r="AF86618" i="1"/>
  <c r="AF86619" i="1"/>
  <c r="AF86620" i="1"/>
  <c r="AF86621" i="1"/>
  <c r="AF86622" i="1"/>
  <c r="AF86623" i="1"/>
  <c r="AF86624" i="1"/>
  <c r="AF86625" i="1"/>
  <c r="AF86626" i="1"/>
  <c r="AF86627" i="1"/>
  <c r="AF86628" i="1"/>
  <c r="AF86629" i="1"/>
  <c r="AF86630" i="1"/>
  <c r="AF86631" i="1"/>
  <c r="AF86632" i="1"/>
  <c r="AF86633" i="1"/>
  <c r="AF86634" i="1"/>
  <c r="AF86635" i="1"/>
  <c r="AF86636" i="1"/>
  <c r="AF86637" i="1"/>
  <c r="AF86638" i="1"/>
  <c r="AF86639" i="1"/>
  <c r="AF86640" i="1"/>
  <c r="AF86641" i="1"/>
  <c r="AF86642" i="1"/>
  <c r="AF86643" i="1"/>
  <c r="AF86644" i="1"/>
  <c r="AF86645" i="1"/>
  <c r="AF86646" i="1"/>
  <c r="AF86647" i="1"/>
  <c r="AF86648" i="1"/>
  <c r="AF86649" i="1"/>
  <c r="AF86650" i="1"/>
  <c r="AF86651" i="1"/>
  <c r="AF86652" i="1"/>
  <c r="AF86653" i="1"/>
  <c r="AF86654" i="1"/>
  <c r="AF86655" i="1"/>
  <c r="AF86656" i="1"/>
  <c r="AF86657" i="1"/>
  <c r="AF86658" i="1"/>
  <c r="AF86659" i="1"/>
  <c r="AF86660" i="1"/>
  <c r="AF86661" i="1"/>
  <c r="AF86662" i="1"/>
  <c r="AF86663" i="1"/>
  <c r="AF86664" i="1"/>
  <c r="AF86665" i="1"/>
  <c r="AF86666" i="1"/>
  <c r="AF86667" i="1"/>
  <c r="AF86668" i="1"/>
  <c r="AF86669" i="1"/>
  <c r="AF86670" i="1"/>
  <c r="AF86671" i="1"/>
  <c r="AF86672" i="1"/>
  <c r="AF86673" i="1"/>
  <c r="AF86674" i="1"/>
  <c r="AF86675" i="1"/>
  <c r="AF86676" i="1"/>
  <c r="AF86677" i="1"/>
  <c r="AF86678" i="1"/>
  <c r="AF86679" i="1"/>
  <c r="AF86680" i="1"/>
  <c r="AF86681" i="1"/>
  <c r="AF86682" i="1"/>
  <c r="AF86683" i="1"/>
  <c r="AF86684" i="1"/>
  <c r="AF86685" i="1"/>
  <c r="AF86686" i="1"/>
  <c r="AF86687" i="1"/>
  <c r="AF86688" i="1"/>
  <c r="AF86689" i="1"/>
  <c r="AF86690" i="1"/>
  <c r="AF86691" i="1"/>
  <c r="AF86692" i="1"/>
  <c r="AF86693" i="1"/>
  <c r="AF86694" i="1"/>
  <c r="AF86695" i="1"/>
  <c r="AF86696" i="1"/>
  <c r="AF86697" i="1"/>
  <c r="AF86698" i="1"/>
  <c r="AF86699" i="1"/>
  <c r="AF86700" i="1"/>
  <c r="AF86701" i="1"/>
  <c r="AF86702" i="1"/>
  <c r="AF86703" i="1"/>
  <c r="AF86704" i="1"/>
  <c r="AF86705" i="1"/>
  <c r="AF86706" i="1"/>
  <c r="AF86707" i="1"/>
  <c r="AF86708" i="1"/>
  <c r="AF86709" i="1"/>
  <c r="AF86710" i="1"/>
  <c r="AF86711" i="1"/>
  <c r="AF86712" i="1"/>
  <c r="AF86713" i="1"/>
  <c r="AF86714" i="1"/>
  <c r="AF86715" i="1"/>
  <c r="AF86716" i="1"/>
  <c r="AF86717" i="1"/>
  <c r="AF86718" i="1"/>
  <c r="AF86719" i="1"/>
  <c r="AF86720" i="1"/>
  <c r="AF86721" i="1"/>
  <c r="AF86722" i="1"/>
  <c r="AF86723" i="1"/>
  <c r="AF86724" i="1"/>
  <c r="AF86725" i="1"/>
  <c r="AF86726" i="1"/>
  <c r="AF86727" i="1"/>
  <c r="AF86728" i="1"/>
  <c r="AF86729" i="1"/>
  <c r="AF86730" i="1"/>
  <c r="AF86731" i="1"/>
  <c r="AF86732" i="1"/>
  <c r="AF86733" i="1"/>
  <c r="AF86734" i="1"/>
  <c r="AF86735" i="1"/>
  <c r="AF86736" i="1"/>
  <c r="AF86737" i="1"/>
  <c r="AF86738" i="1"/>
  <c r="AF86739" i="1"/>
  <c r="AF86740" i="1"/>
  <c r="AF86741" i="1"/>
  <c r="AF86742" i="1"/>
  <c r="AF86743" i="1"/>
  <c r="AF86744" i="1"/>
  <c r="AF86745" i="1"/>
  <c r="AF86746" i="1"/>
  <c r="AF86747" i="1"/>
  <c r="AF86748" i="1"/>
  <c r="AF86749" i="1"/>
  <c r="AF86750" i="1"/>
  <c r="AF86751" i="1"/>
  <c r="AF86752" i="1"/>
  <c r="AF86753" i="1"/>
  <c r="AF86754" i="1"/>
  <c r="AF86755" i="1"/>
  <c r="AF86756" i="1"/>
  <c r="AF86757" i="1"/>
  <c r="AF86758" i="1"/>
  <c r="AF86759" i="1"/>
  <c r="AF86760" i="1"/>
  <c r="AF86761" i="1"/>
  <c r="AF86762" i="1"/>
  <c r="AF86763" i="1"/>
  <c r="AF86764" i="1"/>
  <c r="AF86765" i="1"/>
  <c r="AF86766" i="1"/>
  <c r="AF86767" i="1"/>
  <c r="AF86768" i="1"/>
  <c r="AF86769" i="1"/>
  <c r="AF86770" i="1"/>
  <c r="AF86771" i="1"/>
  <c r="AF86772" i="1"/>
  <c r="AF86773" i="1"/>
  <c r="AF86774" i="1"/>
  <c r="AF86775" i="1"/>
  <c r="AF86776" i="1"/>
  <c r="AF86777" i="1"/>
  <c r="AF86778" i="1"/>
  <c r="AF86779" i="1"/>
  <c r="AF86780" i="1"/>
  <c r="AF86781" i="1"/>
  <c r="AF86782" i="1"/>
  <c r="AF86783" i="1"/>
  <c r="AF86784" i="1"/>
  <c r="AF86785" i="1"/>
  <c r="AF86786" i="1"/>
  <c r="AF86787" i="1"/>
  <c r="AF86788" i="1"/>
  <c r="AF86789" i="1"/>
  <c r="AF86790" i="1"/>
  <c r="AF86791" i="1"/>
  <c r="AF86792" i="1"/>
  <c r="AF86793" i="1"/>
  <c r="AF86794" i="1"/>
  <c r="AF86795" i="1"/>
  <c r="AF86796" i="1"/>
  <c r="AF86797" i="1"/>
  <c r="AF86798" i="1"/>
  <c r="AF86799" i="1"/>
  <c r="AF86800" i="1"/>
  <c r="AF86801" i="1"/>
  <c r="AF86802" i="1"/>
  <c r="AF86803" i="1"/>
  <c r="AF86804" i="1"/>
  <c r="AF86805" i="1"/>
  <c r="AF86806" i="1"/>
  <c r="AF86807" i="1"/>
  <c r="AF86808" i="1"/>
  <c r="AF86809" i="1"/>
  <c r="AF86810" i="1"/>
  <c r="AF86811" i="1"/>
  <c r="AF86812" i="1"/>
  <c r="AF86813" i="1"/>
  <c r="AF86814" i="1"/>
  <c r="AF86815" i="1"/>
  <c r="AF86816" i="1"/>
  <c r="AF86817" i="1"/>
  <c r="AF86818" i="1"/>
  <c r="AF86819" i="1"/>
  <c r="AF86820" i="1"/>
  <c r="AF86821" i="1"/>
  <c r="AF86822" i="1"/>
  <c r="AF86823" i="1"/>
  <c r="AF86824" i="1"/>
  <c r="AF86825" i="1"/>
  <c r="AF86826" i="1"/>
  <c r="AF86827" i="1"/>
  <c r="AF86828" i="1"/>
  <c r="AF86829" i="1"/>
  <c r="AF86830" i="1"/>
  <c r="AF86831" i="1"/>
  <c r="AF86832" i="1"/>
  <c r="AF86833" i="1"/>
  <c r="AF86834" i="1"/>
  <c r="AF86835" i="1"/>
  <c r="AF86836" i="1"/>
  <c r="AF86837" i="1"/>
  <c r="AF86838" i="1"/>
  <c r="AF86839" i="1"/>
  <c r="AF86840" i="1"/>
  <c r="AF86841" i="1"/>
  <c r="AF86842" i="1"/>
  <c r="AF86843" i="1"/>
  <c r="AF86844" i="1"/>
  <c r="AF86845" i="1"/>
  <c r="AF86846" i="1"/>
  <c r="AF86847" i="1"/>
  <c r="AF86848" i="1"/>
  <c r="AF86849" i="1"/>
  <c r="AF86850" i="1"/>
  <c r="AF86851" i="1"/>
  <c r="AF86852" i="1"/>
  <c r="AF86853" i="1"/>
  <c r="AF86854" i="1"/>
  <c r="AF86855" i="1"/>
  <c r="AF86856" i="1"/>
  <c r="AF86857" i="1"/>
  <c r="AF86858" i="1"/>
  <c r="AF86859" i="1"/>
  <c r="AF86860" i="1"/>
  <c r="AF86861" i="1"/>
  <c r="AF86862" i="1"/>
  <c r="AF86863" i="1"/>
  <c r="AF86864" i="1"/>
  <c r="AF86865" i="1"/>
  <c r="AF86866" i="1"/>
  <c r="AF86867" i="1"/>
  <c r="AF86868" i="1"/>
  <c r="AF86869" i="1"/>
  <c r="AF86870" i="1"/>
  <c r="AF86871" i="1"/>
  <c r="AF86872" i="1"/>
  <c r="AF86873" i="1"/>
  <c r="AF86874" i="1"/>
  <c r="AF86875" i="1"/>
  <c r="AF86876" i="1"/>
  <c r="AF86877" i="1"/>
  <c r="AF86878" i="1"/>
  <c r="AF86879" i="1"/>
  <c r="AF86880" i="1"/>
  <c r="AF86881" i="1"/>
  <c r="AF86882" i="1"/>
  <c r="AF86883" i="1"/>
  <c r="AF86884" i="1"/>
  <c r="AF86885" i="1"/>
  <c r="AF86886" i="1"/>
  <c r="AF86887" i="1"/>
  <c r="AF86888" i="1"/>
  <c r="AF86889" i="1"/>
  <c r="AF86890" i="1"/>
  <c r="AF86891" i="1"/>
  <c r="AF86892" i="1"/>
  <c r="AF86893" i="1"/>
  <c r="AF86894" i="1"/>
  <c r="AF86895" i="1"/>
  <c r="AF86896" i="1"/>
  <c r="AF86897" i="1"/>
  <c r="AF86898" i="1"/>
  <c r="AF86899" i="1"/>
  <c r="AF86900" i="1"/>
  <c r="AF86901" i="1"/>
  <c r="AF86902" i="1"/>
  <c r="AF86903" i="1"/>
  <c r="AF86904" i="1"/>
  <c r="AF86905" i="1"/>
  <c r="AF86906" i="1"/>
  <c r="AF86907" i="1"/>
  <c r="AF86908" i="1"/>
  <c r="AF86909" i="1"/>
  <c r="AF86910" i="1"/>
  <c r="AF86911" i="1"/>
  <c r="AF86912" i="1"/>
  <c r="AF86913" i="1"/>
  <c r="AF86914" i="1"/>
  <c r="AF86915" i="1"/>
  <c r="AF86916" i="1"/>
  <c r="AF86917" i="1"/>
  <c r="AF86918" i="1"/>
  <c r="AF86919" i="1"/>
  <c r="AF86920" i="1"/>
  <c r="AF86921" i="1"/>
  <c r="AF86922" i="1"/>
  <c r="AF86923" i="1"/>
  <c r="AF86924" i="1"/>
  <c r="AF86925" i="1"/>
  <c r="AF86926" i="1"/>
  <c r="AF86927" i="1"/>
  <c r="AF86928" i="1"/>
  <c r="AF86929" i="1"/>
  <c r="AF86930" i="1"/>
  <c r="AF86931" i="1"/>
  <c r="AF86932" i="1"/>
  <c r="AF86933" i="1"/>
  <c r="AF86934" i="1"/>
  <c r="AF86935" i="1"/>
  <c r="AF86936" i="1"/>
  <c r="AF86937" i="1"/>
  <c r="AF86938" i="1"/>
  <c r="AF86939" i="1"/>
  <c r="AF86940" i="1"/>
  <c r="AF86941" i="1"/>
  <c r="AF86942" i="1"/>
  <c r="AF86943" i="1"/>
  <c r="AF86944" i="1"/>
  <c r="AF86945" i="1"/>
  <c r="AF86946" i="1"/>
  <c r="AF86947" i="1"/>
  <c r="AF86948" i="1"/>
  <c r="AF86949" i="1"/>
  <c r="AF86950" i="1"/>
  <c r="AF86951" i="1"/>
  <c r="AF86952" i="1"/>
  <c r="AF86953" i="1"/>
  <c r="AF86954" i="1"/>
  <c r="AF86955" i="1"/>
  <c r="AF86956" i="1"/>
  <c r="AF86957" i="1"/>
  <c r="AF86958" i="1"/>
  <c r="AF86959" i="1"/>
  <c r="AF86960" i="1"/>
  <c r="AF86961" i="1"/>
  <c r="AF86962" i="1"/>
  <c r="AF86963" i="1"/>
  <c r="AF86964" i="1"/>
  <c r="AF86965" i="1"/>
  <c r="AF86966" i="1"/>
  <c r="AF86967" i="1"/>
  <c r="AF86968" i="1"/>
  <c r="AF86969" i="1"/>
  <c r="AF86970" i="1"/>
  <c r="AF86971" i="1"/>
  <c r="AF86972" i="1"/>
  <c r="AF86973" i="1"/>
  <c r="AF86974" i="1"/>
  <c r="AF86975" i="1"/>
  <c r="AF86976" i="1"/>
  <c r="AF86977" i="1"/>
  <c r="AF86978" i="1"/>
  <c r="AF86979" i="1"/>
  <c r="AF86980" i="1"/>
  <c r="AF86981" i="1"/>
  <c r="AF86982" i="1"/>
  <c r="AF86983" i="1"/>
  <c r="AF86984" i="1"/>
  <c r="AF86985" i="1"/>
  <c r="AF86986" i="1"/>
  <c r="AF86987" i="1"/>
  <c r="AF86988" i="1"/>
  <c r="AF86989" i="1"/>
  <c r="AF86990" i="1"/>
  <c r="AF86991" i="1"/>
  <c r="AF86992" i="1"/>
  <c r="AF86993" i="1"/>
  <c r="AF86994" i="1"/>
  <c r="AF86995" i="1"/>
  <c r="AF86996" i="1"/>
  <c r="AF86997" i="1"/>
  <c r="AF86998" i="1"/>
  <c r="AF86999" i="1"/>
  <c r="AF87000" i="1"/>
  <c r="AF87001" i="1"/>
  <c r="AF87002" i="1"/>
  <c r="AF87003" i="1"/>
  <c r="AF87004" i="1"/>
  <c r="AF87005" i="1"/>
  <c r="AF87006" i="1"/>
  <c r="AF87007" i="1"/>
  <c r="AF87008" i="1"/>
  <c r="AF87009" i="1"/>
  <c r="AF87010" i="1"/>
  <c r="AF87011" i="1"/>
  <c r="AF87012" i="1"/>
  <c r="AF87013" i="1"/>
  <c r="AF87014" i="1"/>
  <c r="AF87015" i="1"/>
  <c r="AF87016" i="1"/>
  <c r="AF87017" i="1"/>
  <c r="AF87018" i="1"/>
  <c r="AF87019" i="1"/>
  <c r="AF87020" i="1"/>
  <c r="AF87021" i="1"/>
  <c r="AF87022" i="1"/>
  <c r="AF87023" i="1"/>
  <c r="AF87024" i="1"/>
  <c r="AF87025" i="1"/>
  <c r="AF87026" i="1"/>
  <c r="AF87027" i="1"/>
  <c r="AF87028" i="1"/>
  <c r="AF87029" i="1"/>
  <c r="AF87030" i="1"/>
  <c r="AF87031" i="1"/>
  <c r="AF87032" i="1"/>
  <c r="AF87033" i="1"/>
  <c r="AF87034" i="1"/>
  <c r="AF87035" i="1"/>
  <c r="AF87036" i="1"/>
  <c r="AF87037" i="1"/>
  <c r="AF87038" i="1"/>
  <c r="AF87039" i="1"/>
  <c r="AF87040" i="1"/>
  <c r="AF87041" i="1"/>
  <c r="AF87042" i="1"/>
  <c r="AF87043" i="1"/>
  <c r="AF87044" i="1"/>
  <c r="AF87045" i="1"/>
  <c r="AF87046" i="1"/>
  <c r="AF87047" i="1"/>
  <c r="AF87048" i="1"/>
  <c r="AF87049" i="1"/>
  <c r="AF87050" i="1"/>
  <c r="AF87051" i="1"/>
  <c r="AF87052" i="1"/>
  <c r="AF87053" i="1"/>
  <c r="AF87054" i="1"/>
  <c r="AF87055" i="1"/>
  <c r="AF87056" i="1"/>
  <c r="AF87057" i="1"/>
  <c r="AF87058" i="1"/>
  <c r="AF87059" i="1"/>
  <c r="AF87060" i="1"/>
  <c r="AF87061" i="1"/>
  <c r="AF87062" i="1"/>
  <c r="AF87063" i="1"/>
  <c r="AF87064" i="1"/>
  <c r="AF87065" i="1"/>
  <c r="AF87066" i="1"/>
  <c r="AF87067" i="1"/>
  <c r="AF87068" i="1"/>
  <c r="AF87069" i="1"/>
  <c r="AF87070" i="1"/>
  <c r="AF87071" i="1"/>
  <c r="AF87072" i="1"/>
  <c r="AF87073" i="1"/>
  <c r="AF87074" i="1"/>
  <c r="AF87075" i="1"/>
  <c r="AF87076" i="1"/>
  <c r="AF87077" i="1"/>
  <c r="AF87078" i="1"/>
  <c r="AF87079" i="1"/>
  <c r="AF87080" i="1"/>
  <c r="AF87081" i="1"/>
  <c r="AF87082" i="1"/>
  <c r="AF87083" i="1"/>
  <c r="AF87084" i="1"/>
  <c r="AF87085" i="1"/>
  <c r="AF87086" i="1"/>
  <c r="AF87087" i="1"/>
  <c r="AF87088" i="1"/>
  <c r="AF87089" i="1"/>
  <c r="AF87090" i="1"/>
  <c r="AF87091" i="1"/>
  <c r="AF87092" i="1"/>
  <c r="AF87093" i="1"/>
  <c r="AF87094" i="1"/>
  <c r="AF87095" i="1"/>
  <c r="AF87096" i="1"/>
  <c r="AF87097" i="1"/>
  <c r="AF87098" i="1"/>
  <c r="AF87099" i="1"/>
  <c r="AF87100" i="1"/>
  <c r="AF87101" i="1"/>
  <c r="AF87102" i="1"/>
  <c r="AF87103" i="1"/>
  <c r="AF87104" i="1"/>
  <c r="AF87105" i="1"/>
  <c r="AF87106" i="1"/>
  <c r="AF87107" i="1"/>
  <c r="AF87108" i="1"/>
  <c r="AF87109" i="1"/>
  <c r="AF87110" i="1"/>
  <c r="AF87111" i="1"/>
  <c r="AF87112" i="1"/>
  <c r="AF87113" i="1"/>
  <c r="AF87114" i="1"/>
  <c r="AF87115" i="1"/>
  <c r="AF87116" i="1"/>
  <c r="AF87117" i="1"/>
  <c r="AF87118" i="1"/>
  <c r="AF87119" i="1"/>
  <c r="AF87120" i="1"/>
  <c r="AF87121" i="1"/>
  <c r="AF87122" i="1"/>
  <c r="AF87123" i="1"/>
  <c r="AF87124" i="1"/>
  <c r="AF87125" i="1"/>
  <c r="AF87126" i="1"/>
  <c r="AF87127" i="1"/>
  <c r="AF87128" i="1"/>
  <c r="AF87129" i="1"/>
  <c r="AF87130" i="1"/>
  <c r="AF87131" i="1"/>
  <c r="AF87132" i="1"/>
  <c r="AF87133" i="1"/>
  <c r="AF87134" i="1"/>
  <c r="AF87135" i="1"/>
  <c r="AF87136" i="1"/>
  <c r="AF87137" i="1"/>
  <c r="AF87138" i="1"/>
  <c r="AF87139" i="1"/>
  <c r="AF87140" i="1"/>
  <c r="AF87141" i="1"/>
  <c r="AF87142" i="1"/>
  <c r="AF87143" i="1"/>
  <c r="AF87144" i="1"/>
  <c r="AF87145" i="1"/>
  <c r="AF87146" i="1"/>
  <c r="AF87147" i="1"/>
  <c r="AF87148" i="1"/>
  <c r="AF87149" i="1"/>
  <c r="AF87150" i="1"/>
  <c r="AF87151" i="1"/>
  <c r="AF87152" i="1"/>
  <c r="AF87153" i="1"/>
  <c r="AF87154" i="1"/>
  <c r="AF87155" i="1"/>
  <c r="AF87156" i="1"/>
  <c r="AF87157" i="1"/>
  <c r="AF87158" i="1"/>
  <c r="AF87159" i="1"/>
  <c r="AF87160" i="1"/>
  <c r="AF87161" i="1"/>
  <c r="AF87162" i="1"/>
  <c r="AF87163" i="1"/>
  <c r="AF87164" i="1"/>
  <c r="AF87165" i="1"/>
  <c r="AF87166" i="1"/>
  <c r="AF87167" i="1"/>
  <c r="AF87168" i="1"/>
  <c r="AF87169" i="1"/>
  <c r="AF87170" i="1"/>
  <c r="AF87171" i="1"/>
  <c r="AF87172" i="1"/>
  <c r="AF87173" i="1"/>
  <c r="AF87174" i="1"/>
  <c r="AF87175" i="1"/>
  <c r="AF87176" i="1"/>
  <c r="AF87177" i="1"/>
  <c r="AF87178" i="1"/>
  <c r="AF87179" i="1"/>
  <c r="AF87180" i="1"/>
  <c r="AF87181" i="1"/>
  <c r="AF87182" i="1"/>
  <c r="AF87183" i="1"/>
  <c r="AF87184" i="1"/>
  <c r="AF87185" i="1"/>
  <c r="AF87186" i="1"/>
  <c r="AF87187" i="1"/>
  <c r="AF87188" i="1"/>
  <c r="AF87189" i="1"/>
  <c r="AF87190" i="1"/>
  <c r="AF87191" i="1"/>
  <c r="AF87192" i="1"/>
  <c r="AF87193" i="1"/>
  <c r="AF87194" i="1"/>
  <c r="AF87195" i="1"/>
  <c r="AF87196" i="1"/>
  <c r="AF87197" i="1"/>
  <c r="AF87198" i="1"/>
  <c r="AF87199" i="1"/>
  <c r="AF87200" i="1"/>
  <c r="AF87201" i="1"/>
  <c r="AF87202" i="1"/>
  <c r="AF87203" i="1"/>
  <c r="AF87204" i="1"/>
  <c r="AF87205" i="1"/>
  <c r="AF87206" i="1"/>
  <c r="AF87207" i="1"/>
  <c r="AF87208" i="1"/>
  <c r="AF87209" i="1"/>
  <c r="AF87210" i="1"/>
  <c r="AF87211" i="1"/>
  <c r="AF87212" i="1"/>
  <c r="AF87213" i="1"/>
  <c r="AF87214" i="1"/>
  <c r="AF87215" i="1"/>
  <c r="AF87216" i="1"/>
  <c r="AF87217" i="1"/>
  <c r="AF87218" i="1"/>
  <c r="AF87219" i="1"/>
  <c r="AF87220" i="1"/>
  <c r="AF87221" i="1"/>
  <c r="AF87222" i="1"/>
  <c r="AF87223" i="1"/>
  <c r="AF87224" i="1"/>
  <c r="AF87225" i="1"/>
  <c r="AF87226" i="1"/>
  <c r="AF87227" i="1"/>
  <c r="AF87228" i="1"/>
  <c r="AF87229" i="1"/>
  <c r="AF87230" i="1"/>
  <c r="AF87231" i="1"/>
  <c r="AF87232" i="1"/>
  <c r="AF87233" i="1"/>
  <c r="AF87234" i="1"/>
  <c r="AF87235" i="1"/>
  <c r="AF87236" i="1"/>
  <c r="AF87237" i="1"/>
  <c r="AF87238" i="1"/>
  <c r="AF87239" i="1"/>
  <c r="AF87240" i="1"/>
  <c r="AF87241" i="1"/>
  <c r="AF87242" i="1"/>
  <c r="AF87243" i="1"/>
  <c r="AF87244" i="1"/>
  <c r="AF87245" i="1"/>
  <c r="AF87246" i="1"/>
  <c r="AF87247" i="1"/>
  <c r="AF87248" i="1"/>
  <c r="AF87249" i="1"/>
  <c r="AF87250" i="1"/>
  <c r="AF87251" i="1"/>
  <c r="AF87252" i="1"/>
  <c r="AF87253" i="1"/>
  <c r="AF87254" i="1"/>
  <c r="AF87255" i="1"/>
  <c r="AF87256" i="1"/>
  <c r="AF87257" i="1"/>
  <c r="AF87258" i="1"/>
  <c r="AF87259" i="1"/>
  <c r="AF87260" i="1"/>
  <c r="AF87261" i="1"/>
  <c r="AF87262" i="1"/>
  <c r="AF87263" i="1"/>
  <c r="AF87264" i="1"/>
  <c r="AF87265" i="1"/>
  <c r="AF87266" i="1"/>
  <c r="AF87267" i="1"/>
  <c r="AF87268" i="1"/>
  <c r="AF87269" i="1"/>
  <c r="AF87270" i="1"/>
  <c r="AF87271" i="1"/>
  <c r="AF87272" i="1"/>
  <c r="AF87273" i="1"/>
  <c r="AF87274" i="1"/>
  <c r="AF87275" i="1"/>
  <c r="AF87276" i="1"/>
  <c r="AF87277" i="1"/>
  <c r="AF87278" i="1"/>
  <c r="AF87279" i="1"/>
  <c r="AF87280" i="1"/>
  <c r="AF87281" i="1"/>
  <c r="AF87282" i="1"/>
  <c r="AF87283" i="1"/>
  <c r="AF87284" i="1"/>
  <c r="AF87285" i="1"/>
  <c r="AF87286" i="1"/>
  <c r="AF87287" i="1"/>
  <c r="AF87288" i="1"/>
  <c r="AF87289" i="1"/>
  <c r="AF87290" i="1"/>
  <c r="AF87291" i="1"/>
  <c r="AF87292" i="1"/>
  <c r="AF87293" i="1"/>
  <c r="AF87294" i="1"/>
  <c r="AF87295" i="1"/>
  <c r="AF87296" i="1"/>
  <c r="AF87297" i="1"/>
  <c r="AF87298" i="1"/>
  <c r="AF87299" i="1"/>
  <c r="AF87300" i="1"/>
  <c r="AF87301" i="1"/>
  <c r="AF87302" i="1"/>
  <c r="AF87303" i="1"/>
  <c r="AF87304" i="1"/>
  <c r="AF87305" i="1"/>
  <c r="AF87306" i="1"/>
  <c r="AF87307" i="1"/>
  <c r="AF87308" i="1"/>
  <c r="AF87309" i="1"/>
  <c r="AF87310" i="1"/>
  <c r="AF87311" i="1"/>
  <c r="AF87312" i="1"/>
  <c r="AF87313" i="1"/>
  <c r="AF87314" i="1"/>
  <c r="AF87315" i="1"/>
  <c r="AF87316" i="1"/>
  <c r="AF87317" i="1"/>
  <c r="AF87318" i="1"/>
  <c r="AF87319" i="1"/>
  <c r="AF87320" i="1"/>
  <c r="AF87321" i="1"/>
  <c r="AF87322" i="1"/>
  <c r="AF87323" i="1"/>
  <c r="AF87324" i="1"/>
  <c r="AF87325" i="1"/>
  <c r="AF87326" i="1"/>
  <c r="AF87327" i="1"/>
  <c r="AF87328" i="1"/>
  <c r="AF87329" i="1"/>
  <c r="AF87330" i="1"/>
  <c r="AF87331" i="1"/>
  <c r="AF87332" i="1"/>
  <c r="AF87333" i="1"/>
  <c r="AF87334" i="1"/>
  <c r="AF87335" i="1"/>
  <c r="AF87336" i="1"/>
  <c r="AF87337" i="1"/>
  <c r="AF87338" i="1"/>
  <c r="AF87339" i="1"/>
  <c r="AF87340" i="1"/>
  <c r="AF87341" i="1"/>
  <c r="AF87342" i="1"/>
  <c r="AF87343" i="1"/>
  <c r="AF87344" i="1"/>
  <c r="AF87345" i="1"/>
  <c r="AF87346" i="1"/>
  <c r="AF87347" i="1"/>
  <c r="AF87348" i="1"/>
  <c r="AF87349" i="1"/>
  <c r="AF87350" i="1"/>
  <c r="AF87351" i="1"/>
  <c r="AF87352" i="1"/>
  <c r="AF87353" i="1"/>
  <c r="AF87354" i="1"/>
  <c r="AF87355" i="1"/>
  <c r="AF87356" i="1"/>
  <c r="AF87357" i="1"/>
  <c r="AF87358" i="1"/>
  <c r="AF87359" i="1"/>
  <c r="AF87360" i="1"/>
  <c r="AF87361" i="1"/>
  <c r="AF87362" i="1"/>
  <c r="AF87363" i="1"/>
  <c r="AF87364" i="1"/>
  <c r="AF87365" i="1"/>
  <c r="AF87366" i="1"/>
  <c r="AF87367" i="1"/>
  <c r="AF87368" i="1"/>
  <c r="AF87369" i="1"/>
  <c r="AF87370" i="1"/>
  <c r="AF87371" i="1"/>
  <c r="AF87372" i="1"/>
  <c r="AF87373" i="1"/>
  <c r="AF87374" i="1"/>
  <c r="AF87375" i="1"/>
  <c r="AF87376" i="1"/>
  <c r="AF87377" i="1"/>
  <c r="AF87378" i="1"/>
  <c r="AF87379" i="1"/>
  <c r="AF87380" i="1"/>
  <c r="AF87381" i="1"/>
  <c r="AF87382" i="1"/>
  <c r="AF87383" i="1"/>
  <c r="AF87384" i="1"/>
  <c r="AF87385" i="1"/>
  <c r="AF87386" i="1"/>
  <c r="AF87387" i="1"/>
  <c r="AF87388" i="1"/>
  <c r="AF87389" i="1"/>
  <c r="AF87390" i="1"/>
  <c r="AF87391" i="1"/>
  <c r="AF87392" i="1"/>
  <c r="AF87393" i="1"/>
  <c r="AF87394" i="1"/>
  <c r="AF87395" i="1"/>
  <c r="AF87396" i="1"/>
  <c r="AF87397" i="1"/>
  <c r="AF87398" i="1"/>
  <c r="AF87399" i="1"/>
  <c r="AF87400" i="1"/>
  <c r="AF87401" i="1"/>
  <c r="AF87402" i="1"/>
  <c r="AF87403" i="1"/>
  <c r="AF87404" i="1"/>
  <c r="AF87405" i="1"/>
  <c r="AF87406" i="1"/>
  <c r="AF87407" i="1"/>
  <c r="AF87408" i="1"/>
  <c r="AF87409" i="1"/>
  <c r="AF87410" i="1"/>
  <c r="AF87411" i="1"/>
  <c r="AF87412" i="1"/>
  <c r="AF87413" i="1"/>
  <c r="AF87414" i="1"/>
  <c r="AF87415" i="1"/>
  <c r="AF87416" i="1"/>
  <c r="AF87417" i="1"/>
  <c r="AF87418" i="1"/>
  <c r="AF87419" i="1"/>
  <c r="AF87420" i="1"/>
  <c r="AF87421" i="1"/>
  <c r="AF87422" i="1"/>
  <c r="AF87423" i="1"/>
  <c r="AF87424" i="1"/>
  <c r="AF87425" i="1"/>
  <c r="AF87426" i="1"/>
  <c r="AF87427" i="1"/>
  <c r="AF87428" i="1"/>
  <c r="AF87429" i="1"/>
  <c r="AF87430" i="1"/>
  <c r="AF87431" i="1"/>
  <c r="AF87432" i="1"/>
  <c r="AF87433" i="1"/>
  <c r="AF87434" i="1"/>
  <c r="AF87435" i="1"/>
  <c r="AF87436" i="1"/>
  <c r="AF87437" i="1"/>
  <c r="AF87438" i="1"/>
  <c r="AF87439" i="1"/>
  <c r="AF87440" i="1"/>
  <c r="AF87441" i="1"/>
  <c r="AF87442" i="1"/>
  <c r="AF87443" i="1"/>
  <c r="AF87444" i="1"/>
  <c r="AF87445" i="1"/>
  <c r="AF87446" i="1"/>
  <c r="AF87447" i="1"/>
  <c r="AF87448" i="1"/>
  <c r="AF87449" i="1"/>
  <c r="AF87450" i="1"/>
  <c r="AF87451" i="1"/>
  <c r="AF87452" i="1"/>
  <c r="AF87453" i="1"/>
  <c r="AF87454" i="1"/>
  <c r="AF87455" i="1"/>
  <c r="AF87456" i="1"/>
  <c r="AF87457" i="1"/>
  <c r="AF87458" i="1"/>
  <c r="AF87459" i="1"/>
  <c r="AF87460" i="1"/>
  <c r="AF87461" i="1"/>
  <c r="AF87462" i="1"/>
  <c r="AF87463" i="1"/>
  <c r="AF87464" i="1"/>
  <c r="AF87465" i="1"/>
  <c r="AF87466" i="1"/>
  <c r="AF87467" i="1"/>
  <c r="AF87468" i="1"/>
  <c r="AF87469" i="1"/>
  <c r="AF87470" i="1"/>
  <c r="AF87471" i="1"/>
  <c r="AF87472" i="1"/>
  <c r="AF87473" i="1"/>
  <c r="AF87474" i="1"/>
  <c r="AF87475" i="1"/>
  <c r="AF87476" i="1"/>
  <c r="AF87477" i="1"/>
  <c r="AF87478" i="1"/>
  <c r="AF87479" i="1"/>
  <c r="AF87480" i="1"/>
  <c r="AF87481" i="1"/>
  <c r="AF87482" i="1"/>
  <c r="AF87483" i="1"/>
  <c r="AF87484" i="1"/>
  <c r="AF87485" i="1"/>
  <c r="AF87486" i="1"/>
  <c r="AF87487" i="1"/>
  <c r="AF87488" i="1"/>
  <c r="AF87489" i="1"/>
  <c r="AF87490" i="1"/>
  <c r="AF87491" i="1"/>
  <c r="AF87492" i="1"/>
  <c r="AF87493" i="1"/>
  <c r="AF87494" i="1"/>
  <c r="AF87495" i="1"/>
  <c r="AF87496" i="1"/>
  <c r="AF87497" i="1"/>
  <c r="AF87498" i="1"/>
  <c r="AF87499" i="1"/>
  <c r="AF87500" i="1"/>
  <c r="AF87501" i="1"/>
  <c r="AF87502" i="1"/>
  <c r="AF87503" i="1"/>
  <c r="AF87504" i="1"/>
  <c r="AF87505" i="1"/>
  <c r="AF87506" i="1"/>
  <c r="AF87507" i="1"/>
  <c r="AF87508" i="1"/>
  <c r="AF87509" i="1"/>
  <c r="AF87510" i="1"/>
  <c r="AF87511" i="1"/>
  <c r="AF87512" i="1"/>
  <c r="AF87513" i="1"/>
  <c r="AF87514" i="1"/>
  <c r="AF87515" i="1"/>
  <c r="AF87516" i="1"/>
  <c r="AF87517" i="1"/>
  <c r="AF87518" i="1"/>
  <c r="AF87519" i="1"/>
  <c r="AF87520" i="1"/>
  <c r="AF87521" i="1"/>
  <c r="AF87522" i="1"/>
  <c r="AF87523" i="1"/>
  <c r="AF87524" i="1"/>
  <c r="AF87525" i="1"/>
  <c r="AF87526" i="1"/>
  <c r="AF87527" i="1"/>
  <c r="AF87528" i="1"/>
  <c r="AF87529" i="1"/>
  <c r="AF87530" i="1"/>
  <c r="AF87531" i="1"/>
  <c r="AF87532" i="1"/>
  <c r="AF87533" i="1"/>
  <c r="AF87534" i="1"/>
  <c r="AF87535" i="1"/>
  <c r="AF87536" i="1"/>
  <c r="AF87537" i="1"/>
  <c r="AF87538" i="1"/>
  <c r="AF87539" i="1"/>
  <c r="AF87540" i="1"/>
  <c r="AF87541" i="1"/>
  <c r="AF87542" i="1"/>
  <c r="AF87543" i="1"/>
  <c r="AF87544" i="1"/>
  <c r="AF87545" i="1"/>
  <c r="AF87546" i="1"/>
  <c r="AF87547" i="1"/>
  <c r="AF87548" i="1"/>
  <c r="AF87549" i="1"/>
  <c r="AF87550" i="1"/>
  <c r="AF87551" i="1"/>
  <c r="AF87552" i="1"/>
  <c r="AF87553" i="1"/>
  <c r="AF87554" i="1"/>
  <c r="AF87555" i="1"/>
  <c r="AF87556" i="1"/>
  <c r="AF87557" i="1"/>
  <c r="AF87558" i="1"/>
  <c r="AF87559" i="1"/>
  <c r="AF87560" i="1"/>
  <c r="AF87561" i="1"/>
  <c r="AF87562" i="1"/>
  <c r="AF87563" i="1"/>
  <c r="AF87564" i="1"/>
  <c r="AF87565" i="1"/>
  <c r="AF87566" i="1"/>
  <c r="AF87567" i="1"/>
  <c r="AF87568" i="1"/>
  <c r="AF87569" i="1"/>
  <c r="AF87570" i="1"/>
  <c r="AF87571" i="1"/>
  <c r="AF87572" i="1"/>
  <c r="AF87573" i="1"/>
  <c r="AF87574" i="1"/>
  <c r="AF87575" i="1"/>
  <c r="AF87576" i="1"/>
  <c r="AF87577" i="1"/>
  <c r="AF87578" i="1"/>
  <c r="AF87579" i="1"/>
  <c r="AF87580" i="1"/>
  <c r="AF87581" i="1"/>
  <c r="AF87582" i="1"/>
  <c r="AF87583" i="1"/>
  <c r="AF87584" i="1"/>
  <c r="AF87585" i="1"/>
  <c r="AF87586" i="1"/>
  <c r="AF87587" i="1"/>
  <c r="AF87588" i="1"/>
  <c r="AF87589" i="1"/>
  <c r="AF87590" i="1"/>
  <c r="AF87591" i="1"/>
  <c r="AF87592" i="1"/>
  <c r="AF87593" i="1"/>
  <c r="AF87594" i="1"/>
  <c r="AF87595" i="1"/>
  <c r="AF87596" i="1"/>
  <c r="AF87597" i="1"/>
  <c r="AF87598" i="1"/>
  <c r="AF87599" i="1"/>
  <c r="AF87600" i="1"/>
  <c r="AF87601" i="1"/>
  <c r="AF87602" i="1"/>
  <c r="AF87603" i="1"/>
  <c r="AF87604" i="1"/>
  <c r="AF87605" i="1"/>
  <c r="AF87606" i="1"/>
  <c r="AF87607" i="1"/>
  <c r="AF87608" i="1"/>
  <c r="AF87609" i="1"/>
  <c r="AF87610" i="1"/>
  <c r="AF87611" i="1"/>
  <c r="AF87612" i="1"/>
  <c r="AF87613" i="1"/>
  <c r="AF87614" i="1"/>
  <c r="AF87615" i="1"/>
  <c r="AF87616" i="1"/>
  <c r="AF87617" i="1"/>
  <c r="AF87618" i="1"/>
  <c r="AF87619" i="1"/>
  <c r="AF87620" i="1"/>
  <c r="AF87621" i="1"/>
  <c r="AF87622" i="1"/>
  <c r="AF87623" i="1"/>
  <c r="AF87624" i="1"/>
  <c r="AF87625" i="1"/>
  <c r="AF87626" i="1"/>
  <c r="AF87627" i="1"/>
  <c r="AF87628" i="1"/>
  <c r="AF87629" i="1"/>
  <c r="AF87630" i="1"/>
  <c r="AF87631" i="1"/>
  <c r="AF87632" i="1"/>
  <c r="AF87633" i="1"/>
  <c r="AF87634" i="1"/>
  <c r="AF87635" i="1"/>
  <c r="AF87636" i="1"/>
  <c r="AF87637" i="1"/>
  <c r="AF87638" i="1"/>
  <c r="AF87639" i="1"/>
  <c r="AF87640" i="1"/>
  <c r="AF87641" i="1"/>
  <c r="AF87642" i="1"/>
  <c r="AF87643" i="1"/>
  <c r="AF87644" i="1"/>
  <c r="AF87645" i="1"/>
  <c r="AF87646" i="1"/>
  <c r="AF87647" i="1"/>
  <c r="AF87648" i="1"/>
  <c r="AF87649" i="1"/>
  <c r="AF87650" i="1"/>
  <c r="AF87651" i="1"/>
  <c r="AF87652" i="1"/>
  <c r="AF87653" i="1"/>
  <c r="AF87654" i="1"/>
  <c r="AF87655" i="1"/>
  <c r="AF87656" i="1"/>
  <c r="AF87657" i="1"/>
  <c r="AF87658" i="1"/>
  <c r="AF87659" i="1"/>
  <c r="AF87660" i="1"/>
  <c r="AF87661" i="1"/>
  <c r="AF87662" i="1"/>
  <c r="AF87663" i="1"/>
  <c r="AF87664" i="1"/>
  <c r="AF87665" i="1"/>
  <c r="AF87666" i="1"/>
  <c r="AF87667" i="1"/>
  <c r="AF87668" i="1"/>
  <c r="AF87669" i="1"/>
  <c r="AF87670" i="1"/>
  <c r="AF87671" i="1"/>
  <c r="AF87672" i="1"/>
  <c r="AF87673" i="1"/>
  <c r="AF87674" i="1"/>
  <c r="AF87675" i="1"/>
  <c r="AF87676" i="1"/>
  <c r="AF87677" i="1"/>
  <c r="AF87678" i="1"/>
  <c r="AF87679" i="1"/>
  <c r="AF87680" i="1"/>
  <c r="AF87681" i="1"/>
  <c r="AF87682" i="1"/>
  <c r="AF87683" i="1"/>
  <c r="AF87684" i="1"/>
  <c r="AF87685" i="1"/>
  <c r="AF87686" i="1"/>
  <c r="AF87687" i="1"/>
  <c r="AF87688" i="1"/>
  <c r="AF87689" i="1"/>
  <c r="AF87690" i="1"/>
  <c r="AF87691" i="1"/>
  <c r="AF87692" i="1"/>
  <c r="AF87693" i="1"/>
  <c r="AF87694" i="1"/>
  <c r="AF87695" i="1"/>
  <c r="AF87696" i="1"/>
  <c r="AF87697" i="1"/>
  <c r="AF87698" i="1"/>
  <c r="AF87699" i="1"/>
  <c r="AF87700" i="1"/>
  <c r="AF87701" i="1"/>
  <c r="AF87702" i="1"/>
  <c r="AF87703" i="1"/>
  <c r="AF87704" i="1"/>
  <c r="AF87705" i="1"/>
  <c r="AF87706" i="1"/>
  <c r="AF87707" i="1"/>
  <c r="AF87708" i="1"/>
  <c r="AF87709" i="1"/>
  <c r="AF87710" i="1"/>
  <c r="AF87711" i="1"/>
  <c r="AF87712" i="1"/>
  <c r="AF87713" i="1"/>
  <c r="AF87714" i="1"/>
  <c r="AF87715" i="1"/>
  <c r="AF87716" i="1"/>
  <c r="AF87717" i="1"/>
  <c r="AF87718" i="1"/>
  <c r="AF87719" i="1"/>
  <c r="AF87720" i="1"/>
  <c r="AF87721" i="1"/>
  <c r="AF87722" i="1"/>
  <c r="AF87723" i="1"/>
  <c r="AF87724" i="1"/>
  <c r="AF87725" i="1"/>
  <c r="AF87726" i="1"/>
  <c r="AF87727" i="1"/>
  <c r="AF87728" i="1"/>
  <c r="AF87729" i="1"/>
  <c r="AF87730" i="1"/>
  <c r="AF87731" i="1"/>
  <c r="AF87732" i="1"/>
  <c r="AF87733" i="1"/>
  <c r="AF87734" i="1"/>
  <c r="AF87735" i="1"/>
  <c r="AF87736" i="1"/>
  <c r="AF87737" i="1"/>
  <c r="AF87738" i="1"/>
  <c r="AF87739" i="1"/>
  <c r="AF87740" i="1"/>
  <c r="AF87741" i="1"/>
  <c r="AF87742" i="1"/>
  <c r="AF87743" i="1"/>
  <c r="AF87744" i="1"/>
  <c r="AF87745" i="1"/>
  <c r="AF87746" i="1"/>
  <c r="AF87747" i="1"/>
  <c r="AF87748" i="1"/>
  <c r="AF87749" i="1"/>
  <c r="AF87750" i="1"/>
  <c r="AF87751" i="1"/>
  <c r="AF87752" i="1"/>
  <c r="AF87753" i="1"/>
  <c r="AF87754" i="1"/>
  <c r="AF87755" i="1"/>
  <c r="AF87756" i="1"/>
  <c r="AF87757" i="1"/>
  <c r="AF87758" i="1"/>
  <c r="AF87759" i="1"/>
  <c r="AF87760" i="1"/>
  <c r="AF87761" i="1"/>
  <c r="AF87762" i="1"/>
  <c r="AF87763" i="1"/>
  <c r="AF87764" i="1"/>
  <c r="AF87765" i="1"/>
  <c r="AF87766" i="1"/>
  <c r="AF87767" i="1"/>
  <c r="AF87768" i="1"/>
  <c r="AF87769" i="1"/>
  <c r="AF87770" i="1"/>
  <c r="AF87771" i="1"/>
  <c r="AF87772" i="1"/>
  <c r="AF87773" i="1"/>
  <c r="AF87774" i="1"/>
  <c r="AF87775" i="1"/>
  <c r="AF87776" i="1"/>
  <c r="AF87777" i="1"/>
  <c r="AF87778" i="1"/>
  <c r="AF87779" i="1"/>
  <c r="AF87780" i="1"/>
  <c r="AF87781" i="1"/>
  <c r="AF87782" i="1"/>
  <c r="AF87783" i="1"/>
  <c r="AF87784" i="1"/>
  <c r="AF87785" i="1"/>
  <c r="AF87786" i="1"/>
  <c r="AF87787" i="1"/>
  <c r="AF87788" i="1"/>
  <c r="AF87789" i="1"/>
  <c r="AF87790" i="1"/>
  <c r="AF87791" i="1"/>
  <c r="AF87792" i="1"/>
  <c r="AF87793" i="1"/>
  <c r="AF87794" i="1"/>
  <c r="AF87795" i="1"/>
  <c r="AF87796" i="1"/>
  <c r="AF87797" i="1"/>
  <c r="AF87798" i="1"/>
  <c r="AF87799" i="1"/>
  <c r="AF87800" i="1"/>
  <c r="AF87801" i="1"/>
  <c r="AF87802" i="1"/>
  <c r="AF87803" i="1"/>
  <c r="AF87804" i="1"/>
  <c r="AF87805" i="1"/>
  <c r="AF87806" i="1"/>
  <c r="AF87807" i="1"/>
  <c r="AF87808" i="1"/>
  <c r="AF87809" i="1"/>
  <c r="AF87810" i="1"/>
  <c r="AF87811" i="1"/>
  <c r="AF87812" i="1"/>
  <c r="AF87813" i="1"/>
  <c r="AF87814" i="1"/>
  <c r="AF87815" i="1"/>
  <c r="AF87816" i="1"/>
  <c r="AF87817" i="1"/>
  <c r="AF87818" i="1"/>
  <c r="AF87819" i="1"/>
  <c r="AF87820" i="1"/>
  <c r="AF87821" i="1"/>
  <c r="AF87822" i="1"/>
  <c r="AF87823" i="1"/>
  <c r="AF87824" i="1"/>
  <c r="AF87825" i="1"/>
  <c r="AF87826" i="1"/>
  <c r="AF87827" i="1"/>
  <c r="AF87828" i="1"/>
  <c r="AF87829" i="1"/>
  <c r="AF87830" i="1"/>
  <c r="AF87831" i="1"/>
  <c r="AF87832" i="1"/>
  <c r="AF87833" i="1"/>
  <c r="AF87834" i="1"/>
  <c r="AF87835" i="1"/>
  <c r="AF87836" i="1"/>
  <c r="AF87837" i="1"/>
  <c r="AF87838" i="1"/>
  <c r="AF87839" i="1"/>
  <c r="AF87840" i="1"/>
  <c r="AF87841" i="1"/>
  <c r="AF87842" i="1"/>
  <c r="AF87843" i="1"/>
  <c r="AF87844" i="1"/>
  <c r="AF87845" i="1"/>
  <c r="AF87846" i="1"/>
  <c r="AF87847" i="1"/>
  <c r="AF87848" i="1"/>
  <c r="AF87849" i="1"/>
  <c r="AF87850" i="1"/>
  <c r="AF87851" i="1"/>
  <c r="AF87852" i="1"/>
  <c r="AF87853" i="1"/>
  <c r="AF87854" i="1"/>
  <c r="AF87855" i="1"/>
  <c r="AF87856" i="1"/>
  <c r="AF87857" i="1"/>
  <c r="AF87858" i="1"/>
  <c r="AF87859" i="1"/>
  <c r="AF87860" i="1"/>
  <c r="AF87861" i="1"/>
  <c r="AF87862" i="1"/>
  <c r="AF87863" i="1"/>
  <c r="AF87864" i="1"/>
  <c r="AF87865" i="1"/>
  <c r="AF87866" i="1"/>
  <c r="AF87867" i="1"/>
  <c r="AF87868" i="1"/>
  <c r="AF87869" i="1"/>
  <c r="AF87870" i="1"/>
  <c r="AF87871" i="1"/>
  <c r="AF87872" i="1"/>
  <c r="AF87873" i="1"/>
  <c r="AF87874" i="1"/>
  <c r="AF87875" i="1"/>
  <c r="AF87876" i="1"/>
  <c r="AF87877" i="1"/>
  <c r="AF87878" i="1"/>
  <c r="AF87879" i="1"/>
  <c r="AF87880" i="1"/>
  <c r="AF87881" i="1"/>
  <c r="AF87882" i="1"/>
  <c r="AF87883" i="1"/>
  <c r="AF87884" i="1"/>
  <c r="AF87885" i="1"/>
  <c r="AF87886" i="1"/>
  <c r="AF87887" i="1"/>
  <c r="AF87888" i="1"/>
  <c r="AF87889" i="1"/>
  <c r="AF87890" i="1"/>
  <c r="AF87891" i="1"/>
  <c r="AF87892" i="1"/>
  <c r="AF87893" i="1"/>
  <c r="AF87894" i="1"/>
  <c r="AF87895" i="1"/>
  <c r="AF87896" i="1"/>
  <c r="AF87897" i="1"/>
  <c r="AF87898" i="1"/>
  <c r="AF87899" i="1"/>
  <c r="AF87900" i="1"/>
  <c r="AF87901" i="1"/>
  <c r="AF87902" i="1"/>
  <c r="AF87903" i="1"/>
  <c r="AF87904" i="1"/>
  <c r="AF87905" i="1"/>
  <c r="AF87906" i="1"/>
  <c r="AF87907" i="1"/>
  <c r="AF87908" i="1"/>
  <c r="AF87909" i="1"/>
  <c r="AF87910" i="1"/>
  <c r="AF87911" i="1"/>
  <c r="AF87912" i="1"/>
  <c r="AF87913" i="1"/>
  <c r="AF87914" i="1"/>
  <c r="AF87915" i="1"/>
  <c r="AF87916" i="1"/>
  <c r="AF87917" i="1"/>
  <c r="AF87918" i="1"/>
  <c r="AF87919" i="1"/>
  <c r="AF87920" i="1"/>
  <c r="AF87921" i="1"/>
  <c r="AF87922" i="1"/>
  <c r="AF87923" i="1"/>
  <c r="AF87924" i="1"/>
  <c r="AF87925" i="1"/>
  <c r="AF87926" i="1"/>
  <c r="AF87927" i="1"/>
  <c r="AF87928" i="1"/>
  <c r="AF87929" i="1"/>
  <c r="AF87930" i="1"/>
  <c r="AF87931" i="1"/>
  <c r="AF87932" i="1"/>
  <c r="AF87933" i="1"/>
  <c r="AF87934" i="1"/>
  <c r="AF87935" i="1"/>
  <c r="AF87936" i="1"/>
  <c r="AF87937" i="1"/>
  <c r="AF87938" i="1"/>
  <c r="AF87939" i="1"/>
  <c r="AF87940" i="1"/>
  <c r="AF87941" i="1"/>
  <c r="AF87942" i="1"/>
  <c r="AF87943" i="1"/>
  <c r="AF87944" i="1"/>
  <c r="AF87945" i="1"/>
  <c r="AF87946" i="1"/>
  <c r="AF87947" i="1"/>
  <c r="AF87948" i="1"/>
  <c r="AF87949" i="1"/>
  <c r="AF87950" i="1"/>
  <c r="AF87951" i="1"/>
  <c r="AF87952" i="1"/>
  <c r="AF87953" i="1"/>
  <c r="AF87954" i="1"/>
  <c r="AF87955" i="1"/>
  <c r="AF87956" i="1"/>
  <c r="AF87957" i="1"/>
  <c r="AF87958" i="1"/>
  <c r="AF87959" i="1"/>
  <c r="AF87960" i="1"/>
  <c r="AF87961" i="1"/>
  <c r="AF87962" i="1"/>
  <c r="AF87963" i="1"/>
  <c r="AF87964" i="1"/>
  <c r="AF87965" i="1"/>
  <c r="AF87966" i="1"/>
  <c r="AF87967" i="1"/>
  <c r="AF87968" i="1"/>
  <c r="AF87969" i="1"/>
  <c r="AF87970" i="1"/>
  <c r="AF87971" i="1"/>
  <c r="AF87972" i="1"/>
  <c r="AF87973" i="1"/>
  <c r="AF87974" i="1"/>
  <c r="AF87975" i="1"/>
  <c r="AF87976" i="1"/>
  <c r="AF87977" i="1"/>
  <c r="AF87978" i="1"/>
  <c r="AF87979" i="1"/>
  <c r="AF87980" i="1"/>
  <c r="AF87981" i="1"/>
  <c r="AF87982" i="1"/>
  <c r="AF87983" i="1"/>
  <c r="AF87984" i="1"/>
  <c r="AF87985" i="1"/>
  <c r="AF87986" i="1"/>
  <c r="AF87987" i="1"/>
  <c r="AF87988" i="1"/>
  <c r="AF87989" i="1"/>
  <c r="AF87990" i="1"/>
  <c r="AF87991" i="1"/>
  <c r="AF87992" i="1"/>
  <c r="AF87993" i="1"/>
  <c r="AF87994" i="1"/>
  <c r="AF87995" i="1"/>
  <c r="AF87996" i="1"/>
  <c r="AF87997" i="1"/>
  <c r="AF87998" i="1"/>
  <c r="AF87999" i="1"/>
  <c r="AF88000" i="1"/>
  <c r="AF88001" i="1"/>
  <c r="AF88002" i="1"/>
  <c r="AF88003" i="1"/>
  <c r="AF88004" i="1"/>
  <c r="AF88005" i="1"/>
  <c r="AF88006" i="1"/>
  <c r="AF88007" i="1"/>
  <c r="AF88008" i="1"/>
  <c r="AF88009" i="1"/>
  <c r="AF88010" i="1"/>
  <c r="AF88011" i="1"/>
  <c r="AF88012" i="1"/>
  <c r="AF88013" i="1"/>
  <c r="AF88014" i="1"/>
  <c r="AF88015" i="1"/>
  <c r="AF88016" i="1"/>
  <c r="AF88017" i="1"/>
  <c r="AF88018" i="1"/>
  <c r="AF88019" i="1"/>
  <c r="AF88020" i="1"/>
  <c r="AF88021" i="1"/>
  <c r="AF88022" i="1"/>
  <c r="AF88023" i="1"/>
  <c r="AF88024" i="1"/>
  <c r="AF88025" i="1"/>
  <c r="AF88026" i="1"/>
  <c r="AF88027" i="1"/>
  <c r="AF88028" i="1"/>
  <c r="AF88029" i="1"/>
  <c r="AF88030" i="1"/>
  <c r="AF88031" i="1"/>
  <c r="AF88032" i="1"/>
  <c r="AF88033" i="1"/>
  <c r="AF88034" i="1"/>
  <c r="AF88035" i="1"/>
  <c r="AF88036" i="1"/>
  <c r="AF88037" i="1"/>
  <c r="AF88038" i="1"/>
  <c r="AF88039" i="1"/>
  <c r="AF88040" i="1"/>
  <c r="AF88041" i="1"/>
  <c r="AF88042" i="1"/>
  <c r="AF88043" i="1"/>
  <c r="AF88044" i="1"/>
  <c r="AF88045" i="1"/>
  <c r="AF88046" i="1"/>
  <c r="AF88047" i="1"/>
  <c r="AF88048" i="1"/>
  <c r="AF88049" i="1"/>
  <c r="AF88050" i="1"/>
  <c r="AF88051" i="1"/>
  <c r="AF88052" i="1"/>
  <c r="AF88053" i="1"/>
  <c r="AF88054" i="1"/>
  <c r="AF88055" i="1"/>
  <c r="AF88056" i="1"/>
  <c r="AF88057" i="1"/>
  <c r="AF88058" i="1"/>
  <c r="AF88059" i="1"/>
  <c r="AF88060" i="1"/>
  <c r="AF88061" i="1"/>
  <c r="AF88062" i="1"/>
  <c r="AF88063" i="1"/>
  <c r="AF88064" i="1"/>
  <c r="AF88065" i="1"/>
  <c r="AF88066" i="1"/>
  <c r="AF88067" i="1"/>
  <c r="AF88068" i="1"/>
  <c r="AF88069" i="1"/>
  <c r="AF88070" i="1"/>
  <c r="AF88071" i="1"/>
  <c r="AF88072" i="1"/>
  <c r="AF88073" i="1"/>
  <c r="AF88074" i="1"/>
  <c r="AF88075" i="1"/>
  <c r="AF88076" i="1"/>
  <c r="AF88077" i="1"/>
  <c r="AF88078" i="1"/>
  <c r="AF88079" i="1"/>
  <c r="AF88080" i="1"/>
  <c r="AF88081" i="1"/>
  <c r="AF88082" i="1"/>
  <c r="AF88083" i="1"/>
  <c r="AF88084" i="1"/>
  <c r="AF88085" i="1"/>
  <c r="AF88086" i="1"/>
  <c r="AF88087" i="1"/>
  <c r="AF88088" i="1"/>
  <c r="AF88089" i="1"/>
  <c r="AF88090" i="1"/>
  <c r="AF88091" i="1"/>
  <c r="AF88092" i="1"/>
  <c r="AF88093" i="1"/>
  <c r="AF88094" i="1"/>
  <c r="AF88095" i="1"/>
  <c r="AF88096" i="1"/>
  <c r="AF88097" i="1"/>
  <c r="AF88098" i="1"/>
  <c r="AF88099" i="1"/>
  <c r="AF88100" i="1"/>
  <c r="AF88101" i="1"/>
  <c r="AF88102" i="1"/>
  <c r="AF88103" i="1"/>
  <c r="AF88104" i="1"/>
  <c r="AF88105" i="1"/>
  <c r="AF88106" i="1"/>
  <c r="AF88107" i="1"/>
  <c r="AF88108" i="1"/>
  <c r="AF88109" i="1"/>
  <c r="AF88110" i="1"/>
  <c r="AF88111" i="1"/>
  <c r="AF88112" i="1"/>
  <c r="AF88113" i="1"/>
  <c r="AF88114" i="1"/>
  <c r="AF88115" i="1"/>
  <c r="AF88116" i="1"/>
  <c r="AF88117" i="1"/>
  <c r="AF88118" i="1"/>
  <c r="AF88119" i="1"/>
  <c r="AF88120" i="1"/>
  <c r="AF88121" i="1"/>
  <c r="AF88122" i="1"/>
  <c r="AF88123" i="1"/>
  <c r="AF88124" i="1"/>
  <c r="AF88125" i="1"/>
  <c r="AF88126" i="1"/>
  <c r="AF88127" i="1"/>
  <c r="AF88128" i="1"/>
  <c r="AF88129" i="1"/>
  <c r="AF88130" i="1"/>
  <c r="AF88131" i="1"/>
  <c r="AF88132" i="1"/>
  <c r="AF88133" i="1"/>
  <c r="AF88134" i="1"/>
  <c r="AF88135" i="1"/>
  <c r="AF88136" i="1"/>
  <c r="AF88137" i="1"/>
  <c r="AF88138" i="1"/>
  <c r="AF88139" i="1"/>
  <c r="AF88140" i="1"/>
  <c r="AF88141" i="1"/>
  <c r="AF88142" i="1"/>
  <c r="AF88143" i="1"/>
  <c r="AF88144" i="1"/>
  <c r="AF88145" i="1"/>
  <c r="AF88146" i="1"/>
  <c r="AF88147" i="1"/>
  <c r="AF88148" i="1"/>
  <c r="AF88149" i="1"/>
  <c r="AF88150" i="1"/>
  <c r="AF88151" i="1"/>
  <c r="AF88152" i="1"/>
  <c r="AF88153" i="1"/>
  <c r="AF88154" i="1"/>
  <c r="AF88155" i="1"/>
  <c r="AF88156" i="1"/>
  <c r="AF88157" i="1"/>
  <c r="AF88158" i="1"/>
  <c r="AF88159" i="1"/>
  <c r="AF88160" i="1"/>
  <c r="AF88161" i="1"/>
  <c r="AF88162" i="1"/>
  <c r="AF88163" i="1"/>
  <c r="AF88164" i="1"/>
  <c r="AF88165" i="1"/>
  <c r="AF88166" i="1"/>
  <c r="AF88167" i="1"/>
  <c r="AF88168" i="1"/>
  <c r="AF88169" i="1"/>
  <c r="AF88170" i="1"/>
  <c r="AF88171" i="1"/>
  <c r="AF88172" i="1"/>
  <c r="AF88173" i="1"/>
  <c r="AF88174" i="1"/>
  <c r="AF88175" i="1"/>
  <c r="AF88176" i="1"/>
  <c r="AF88177" i="1"/>
  <c r="AF88178" i="1"/>
  <c r="AF88179" i="1"/>
  <c r="AF88180" i="1"/>
  <c r="AF88181" i="1"/>
  <c r="AF88182" i="1"/>
  <c r="AF88183" i="1"/>
  <c r="AF88184" i="1"/>
  <c r="AF88185" i="1"/>
  <c r="AF88186" i="1"/>
  <c r="AF88187" i="1"/>
  <c r="AF88188" i="1"/>
  <c r="AF88189" i="1"/>
  <c r="AF88190" i="1"/>
  <c r="AF88191" i="1"/>
  <c r="AF88192" i="1"/>
  <c r="AF88193" i="1"/>
  <c r="AF88194" i="1"/>
  <c r="AF88195" i="1"/>
  <c r="AF88196" i="1"/>
  <c r="AF88197" i="1"/>
  <c r="AF88198" i="1"/>
  <c r="AF88199" i="1"/>
  <c r="AF88200" i="1"/>
  <c r="AF88201" i="1"/>
  <c r="AF88202" i="1"/>
  <c r="AF88203" i="1"/>
  <c r="AF88204" i="1"/>
  <c r="AF88205" i="1"/>
  <c r="AF88206" i="1"/>
  <c r="AF88207" i="1"/>
  <c r="AF88208" i="1"/>
  <c r="AF88209" i="1"/>
  <c r="AF88210" i="1"/>
  <c r="AF88211" i="1"/>
  <c r="AF88212" i="1"/>
  <c r="AF88213" i="1"/>
  <c r="AF88214" i="1"/>
  <c r="AF88215" i="1"/>
  <c r="AF88216" i="1"/>
  <c r="AF88217" i="1"/>
  <c r="AF88218" i="1"/>
  <c r="AF88219" i="1"/>
  <c r="AF88220" i="1"/>
  <c r="AF88221" i="1"/>
  <c r="AF88222" i="1"/>
  <c r="AF88223" i="1"/>
  <c r="AF88224" i="1"/>
  <c r="AF88225" i="1"/>
  <c r="AF88226" i="1"/>
  <c r="AF88227" i="1"/>
  <c r="AF88228" i="1"/>
  <c r="AF88229" i="1"/>
  <c r="AF88230" i="1"/>
  <c r="AF88231" i="1"/>
  <c r="AF88232" i="1"/>
  <c r="AF88233" i="1"/>
  <c r="AF88234" i="1"/>
  <c r="AF88235" i="1"/>
  <c r="AF88236" i="1"/>
  <c r="AF88237" i="1"/>
  <c r="AF88238" i="1"/>
  <c r="AF88239" i="1"/>
  <c r="AF88240" i="1"/>
  <c r="AF88241" i="1"/>
  <c r="AF88242" i="1"/>
  <c r="AF88243" i="1"/>
  <c r="AF88244" i="1"/>
  <c r="AF88245" i="1"/>
  <c r="AF88246" i="1"/>
  <c r="AF88247" i="1"/>
  <c r="AF88248" i="1"/>
  <c r="AF88249" i="1"/>
  <c r="AF88250" i="1"/>
  <c r="AF88251" i="1"/>
  <c r="AF88252" i="1"/>
  <c r="AF88253" i="1"/>
  <c r="AF88254" i="1"/>
  <c r="AF88255" i="1"/>
  <c r="AF88256" i="1"/>
  <c r="AF88257" i="1"/>
  <c r="AF88258" i="1"/>
  <c r="AF88259" i="1"/>
  <c r="AF88260" i="1"/>
  <c r="AF88261" i="1"/>
  <c r="AF88262" i="1"/>
  <c r="AF88263" i="1"/>
  <c r="AF88264" i="1"/>
  <c r="AF88265" i="1"/>
  <c r="AF88266" i="1"/>
  <c r="AF88267" i="1"/>
  <c r="AF88268" i="1"/>
  <c r="AF88269" i="1"/>
  <c r="AF88270" i="1"/>
  <c r="AF88271" i="1"/>
  <c r="AF88272" i="1"/>
  <c r="AF88273" i="1"/>
  <c r="AF88274" i="1"/>
  <c r="AF88275" i="1"/>
  <c r="AF88276" i="1"/>
  <c r="AF88277" i="1"/>
  <c r="AF88278" i="1"/>
  <c r="AF88279" i="1"/>
  <c r="AF88280" i="1"/>
  <c r="AF88281" i="1"/>
  <c r="AF88282" i="1"/>
  <c r="AF88283" i="1"/>
  <c r="AF88284" i="1"/>
  <c r="AF88285" i="1"/>
  <c r="AF88286" i="1"/>
  <c r="AF88287" i="1"/>
  <c r="AF88288" i="1"/>
  <c r="AF88289" i="1"/>
  <c r="AF88290" i="1"/>
  <c r="AF88291" i="1"/>
  <c r="AF88292" i="1"/>
  <c r="AF88293" i="1"/>
  <c r="AF88294" i="1"/>
  <c r="AF88295" i="1"/>
  <c r="AF88296" i="1"/>
  <c r="AF88297" i="1"/>
  <c r="AF88298" i="1"/>
  <c r="AF88299" i="1"/>
  <c r="AF88300" i="1"/>
  <c r="AF88301" i="1"/>
  <c r="AF88302" i="1"/>
  <c r="AF88303" i="1"/>
  <c r="AF88304" i="1"/>
  <c r="AF88305" i="1"/>
  <c r="AF88306" i="1"/>
  <c r="AF88307" i="1"/>
  <c r="AF88308" i="1"/>
  <c r="AF88309" i="1"/>
  <c r="AF88310" i="1"/>
  <c r="AF88311" i="1"/>
  <c r="AF88312" i="1"/>
  <c r="AF88313" i="1"/>
  <c r="AF88314" i="1"/>
  <c r="AF88315" i="1"/>
  <c r="AF88316" i="1"/>
  <c r="AF88317" i="1"/>
  <c r="AF88318" i="1"/>
  <c r="AF88319" i="1"/>
  <c r="AF88320" i="1"/>
  <c r="AF88321" i="1"/>
  <c r="AF88322" i="1"/>
  <c r="AF88323" i="1"/>
  <c r="AF88324" i="1"/>
  <c r="AF88325" i="1"/>
  <c r="AF88326" i="1"/>
  <c r="AF88327" i="1"/>
  <c r="AF88328" i="1"/>
  <c r="AF88329" i="1"/>
  <c r="AF88330" i="1"/>
  <c r="AF88331" i="1"/>
  <c r="AF88332" i="1"/>
  <c r="AF88333" i="1"/>
  <c r="AF88334" i="1"/>
  <c r="AF88335" i="1"/>
  <c r="AF88336" i="1"/>
  <c r="AF88337" i="1"/>
  <c r="AF88338" i="1"/>
  <c r="AF88339" i="1"/>
  <c r="AF88340" i="1"/>
  <c r="AF88341" i="1"/>
  <c r="AF88342" i="1"/>
  <c r="AF88343" i="1"/>
  <c r="AF88344" i="1"/>
  <c r="AF88345" i="1"/>
  <c r="AF88346" i="1"/>
  <c r="AF88347" i="1"/>
  <c r="AF88348" i="1"/>
  <c r="AF88349" i="1"/>
  <c r="AF88350" i="1"/>
  <c r="AF88351" i="1"/>
  <c r="AF88352" i="1"/>
  <c r="AF88353" i="1"/>
  <c r="AF88354" i="1"/>
  <c r="AF88355" i="1"/>
  <c r="AF88356" i="1"/>
  <c r="AF88357" i="1"/>
  <c r="AF88358" i="1"/>
  <c r="AF88359" i="1"/>
  <c r="AF88360" i="1"/>
  <c r="AF88361" i="1"/>
  <c r="AF88362" i="1"/>
  <c r="AF88363" i="1"/>
  <c r="AF88364" i="1"/>
  <c r="AF88365" i="1"/>
  <c r="AF88366" i="1"/>
  <c r="AF88367" i="1"/>
  <c r="AF88368" i="1"/>
  <c r="AF88369" i="1"/>
  <c r="AF88370" i="1"/>
  <c r="AF88371" i="1"/>
  <c r="AF88372" i="1"/>
  <c r="AF88373" i="1"/>
  <c r="AF88374" i="1"/>
  <c r="AF88375" i="1"/>
  <c r="AF88376" i="1"/>
  <c r="AF88377" i="1"/>
  <c r="AF88378" i="1"/>
  <c r="AF88379" i="1"/>
  <c r="AF88380" i="1"/>
  <c r="AF88381" i="1"/>
  <c r="AF88382" i="1"/>
  <c r="AF88383" i="1"/>
  <c r="AF88384" i="1"/>
  <c r="AF88385" i="1"/>
  <c r="AF88386" i="1"/>
  <c r="AF88387" i="1"/>
  <c r="AF88388" i="1"/>
  <c r="AF88389" i="1"/>
  <c r="AF88390" i="1"/>
  <c r="AF88391" i="1"/>
  <c r="AF88392" i="1"/>
  <c r="AF88393" i="1"/>
  <c r="AF88394" i="1"/>
  <c r="AF88395" i="1"/>
  <c r="AF88396" i="1"/>
  <c r="AF88397" i="1"/>
  <c r="AF88398" i="1"/>
  <c r="AF88399" i="1"/>
  <c r="AF88400" i="1"/>
  <c r="AF88401" i="1"/>
  <c r="AF88402" i="1"/>
  <c r="AF88403" i="1"/>
  <c r="AF88404" i="1"/>
  <c r="AF88405" i="1"/>
  <c r="AF88406" i="1"/>
  <c r="AF88407" i="1"/>
  <c r="AF88408" i="1"/>
  <c r="AF88409" i="1"/>
  <c r="AF88410" i="1"/>
  <c r="AF88411" i="1"/>
  <c r="AF88412" i="1"/>
  <c r="AF88413" i="1"/>
  <c r="AF88414" i="1"/>
  <c r="AF88415" i="1"/>
  <c r="AF88416" i="1"/>
  <c r="AF88417" i="1"/>
  <c r="AF88418" i="1"/>
  <c r="AF88419" i="1"/>
  <c r="AF88420" i="1"/>
  <c r="AF88421" i="1"/>
  <c r="AF88422" i="1"/>
  <c r="AF88423" i="1"/>
  <c r="AF88424" i="1"/>
  <c r="AF88425" i="1"/>
  <c r="AF88426" i="1"/>
  <c r="AF88427" i="1"/>
  <c r="AF88428" i="1"/>
  <c r="AF88429" i="1"/>
  <c r="AF88430" i="1"/>
  <c r="AF88431" i="1"/>
  <c r="AF88432" i="1"/>
  <c r="AF88433" i="1"/>
  <c r="AF88434" i="1"/>
  <c r="AF88435" i="1"/>
  <c r="AF88436" i="1"/>
  <c r="AF88437" i="1"/>
  <c r="AF88438" i="1"/>
  <c r="AF88439" i="1"/>
  <c r="AF88440" i="1"/>
  <c r="AF88441" i="1"/>
  <c r="AF88442" i="1"/>
  <c r="AF88443" i="1"/>
  <c r="AF88444" i="1"/>
  <c r="AF88445" i="1"/>
  <c r="AF88446" i="1"/>
  <c r="AF88447" i="1"/>
  <c r="AF88448" i="1"/>
  <c r="AF88449" i="1"/>
  <c r="AF88450" i="1"/>
  <c r="AF88451" i="1"/>
  <c r="AF88452" i="1"/>
  <c r="AF88453" i="1"/>
  <c r="AF88454" i="1"/>
  <c r="AF88455" i="1"/>
  <c r="AF88456" i="1"/>
  <c r="AF88457" i="1"/>
  <c r="AF88458" i="1"/>
  <c r="AF88459" i="1"/>
  <c r="AF88460" i="1"/>
  <c r="AF88461" i="1"/>
  <c r="AF88462" i="1"/>
  <c r="AF88463" i="1"/>
  <c r="AF88464" i="1"/>
  <c r="AF88465" i="1"/>
  <c r="AF88466" i="1"/>
  <c r="AF88467" i="1"/>
  <c r="AF88468" i="1"/>
  <c r="AF88469" i="1"/>
  <c r="AF88470" i="1"/>
  <c r="AF88471" i="1"/>
  <c r="AF88472" i="1"/>
  <c r="AF88473" i="1"/>
  <c r="AF88474" i="1"/>
  <c r="AF88475" i="1"/>
  <c r="AF88476" i="1"/>
  <c r="AF88477" i="1"/>
  <c r="AF88478" i="1"/>
  <c r="AF88479" i="1"/>
  <c r="AF88480" i="1"/>
  <c r="AF88481" i="1"/>
  <c r="AF88482" i="1"/>
  <c r="AF88483" i="1"/>
  <c r="AF88484" i="1"/>
  <c r="AF88485" i="1"/>
  <c r="AF88486" i="1"/>
  <c r="AF88487" i="1"/>
  <c r="AF88488" i="1"/>
  <c r="AF88489" i="1"/>
  <c r="AF88490" i="1"/>
  <c r="AF88491" i="1"/>
  <c r="AF88492" i="1"/>
  <c r="AF88493" i="1"/>
  <c r="AF88494" i="1"/>
  <c r="AF88495" i="1"/>
  <c r="AF88496" i="1"/>
  <c r="AF88497" i="1"/>
  <c r="AF88498" i="1"/>
  <c r="AF88499" i="1"/>
  <c r="AF88500" i="1"/>
  <c r="AF88501" i="1"/>
  <c r="AF88502" i="1"/>
  <c r="AF88503" i="1"/>
  <c r="AF88504" i="1"/>
  <c r="AF88505" i="1"/>
  <c r="AF88506" i="1"/>
  <c r="AF88507" i="1"/>
  <c r="AF88508" i="1"/>
  <c r="AF88509" i="1"/>
  <c r="AF88510" i="1"/>
  <c r="AF88511" i="1"/>
  <c r="AF88512" i="1"/>
  <c r="AF88513" i="1"/>
  <c r="AF88514" i="1"/>
  <c r="AF88515" i="1"/>
  <c r="AF88516" i="1"/>
  <c r="AF88517" i="1"/>
  <c r="AF88518" i="1"/>
  <c r="AF88519" i="1"/>
  <c r="AF88520" i="1"/>
  <c r="AF88521" i="1"/>
  <c r="AF88522" i="1"/>
  <c r="AF88523" i="1"/>
  <c r="AF88524" i="1"/>
  <c r="AF88525" i="1"/>
  <c r="AF88526" i="1"/>
  <c r="AF88527" i="1"/>
  <c r="AF88528" i="1"/>
  <c r="AF88529" i="1"/>
  <c r="AF88530" i="1"/>
  <c r="AF88531" i="1"/>
  <c r="AF88532" i="1"/>
  <c r="AF88533" i="1"/>
  <c r="AF88534" i="1"/>
  <c r="AF88535" i="1"/>
  <c r="AF88536" i="1"/>
  <c r="AF88537" i="1"/>
  <c r="AF88538" i="1"/>
  <c r="AF88539" i="1"/>
  <c r="AF88540" i="1"/>
  <c r="AF88541" i="1"/>
  <c r="AF88542" i="1"/>
  <c r="AF88543" i="1"/>
  <c r="AF88544" i="1"/>
  <c r="AF88545" i="1"/>
  <c r="AF88546" i="1"/>
  <c r="AF88547" i="1"/>
  <c r="AF88548" i="1"/>
  <c r="AF88549" i="1"/>
  <c r="AF88550" i="1"/>
  <c r="AF88551" i="1"/>
  <c r="AF88552" i="1"/>
  <c r="AF88553" i="1"/>
  <c r="AF88554" i="1"/>
  <c r="AF88555" i="1"/>
  <c r="AF88556" i="1"/>
  <c r="AF88557" i="1"/>
  <c r="AF88558" i="1"/>
  <c r="AF88559" i="1"/>
  <c r="AF88560" i="1"/>
  <c r="AF88561" i="1"/>
  <c r="AF88562" i="1"/>
  <c r="AF88563" i="1"/>
  <c r="AF88564" i="1"/>
  <c r="AF88565" i="1"/>
  <c r="AF88566" i="1"/>
  <c r="AF88567" i="1"/>
  <c r="AF88568" i="1"/>
  <c r="AF88569" i="1"/>
  <c r="AF88570" i="1"/>
  <c r="AF88571" i="1"/>
  <c r="AF88572" i="1"/>
  <c r="AF88573" i="1"/>
  <c r="AF88574" i="1"/>
  <c r="AF88575" i="1"/>
  <c r="AF88576" i="1"/>
  <c r="AF88577" i="1"/>
  <c r="AF88578" i="1"/>
  <c r="AF88579" i="1"/>
  <c r="AF88580" i="1"/>
  <c r="AF88581" i="1"/>
  <c r="AF88582" i="1"/>
  <c r="AF88583" i="1"/>
  <c r="AF88584" i="1"/>
  <c r="AF88585" i="1"/>
  <c r="AF88586" i="1"/>
  <c r="AF88587" i="1"/>
  <c r="AF88588" i="1"/>
  <c r="AF88589" i="1"/>
  <c r="AF88590" i="1"/>
  <c r="AF88591" i="1"/>
  <c r="AF88592" i="1"/>
  <c r="AF88593" i="1"/>
  <c r="AF88594" i="1"/>
  <c r="AF88595" i="1"/>
  <c r="AF88596" i="1"/>
  <c r="AF88597" i="1"/>
  <c r="AF88598" i="1"/>
  <c r="AF88599" i="1"/>
  <c r="AF88600" i="1"/>
  <c r="AF88601" i="1"/>
  <c r="AF88602" i="1"/>
  <c r="AF88603" i="1"/>
  <c r="AF88604" i="1"/>
  <c r="AF88605" i="1"/>
  <c r="AF88606" i="1"/>
  <c r="AF88607" i="1"/>
  <c r="AF88608" i="1"/>
  <c r="AF88609" i="1"/>
  <c r="AF88610" i="1"/>
  <c r="AF88611" i="1"/>
  <c r="AF88612" i="1"/>
  <c r="AF88613" i="1"/>
  <c r="AF88614" i="1"/>
  <c r="AF88615" i="1"/>
  <c r="AF88616" i="1"/>
  <c r="AF88617" i="1"/>
  <c r="AF88618" i="1"/>
  <c r="AF88619" i="1"/>
  <c r="AF88620" i="1"/>
  <c r="AF88621" i="1"/>
  <c r="AF88622" i="1"/>
  <c r="AF88623" i="1"/>
  <c r="AF88624" i="1"/>
  <c r="AF88625" i="1"/>
  <c r="AF88626" i="1"/>
  <c r="AF88627" i="1"/>
  <c r="AF88628" i="1"/>
  <c r="AF88629" i="1"/>
  <c r="AF88630" i="1"/>
  <c r="AF88631" i="1"/>
  <c r="AF88632" i="1"/>
  <c r="AF88633" i="1"/>
  <c r="AF88634" i="1"/>
  <c r="AF88635" i="1"/>
  <c r="AF88636" i="1"/>
  <c r="AF88637" i="1"/>
  <c r="AF88638" i="1"/>
  <c r="AF88639" i="1"/>
  <c r="AF88640" i="1"/>
  <c r="AF88641" i="1"/>
  <c r="AF88642" i="1"/>
  <c r="AF88643" i="1"/>
  <c r="AF88644" i="1"/>
  <c r="AF88645" i="1"/>
  <c r="AF88646" i="1"/>
  <c r="AF88647" i="1"/>
  <c r="AF88648" i="1"/>
  <c r="AF88649" i="1"/>
  <c r="AF88650" i="1"/>
  <c r="AF88651" i="1"/>
  <c r="AF88652" i="1"/>
  <c r="AF88653" i="1"/>
  <c r="AF88654" i="1"/>
  <c r="AF88655" i="1"/>
  <c r="AF88656" i="1"/>
  <c r="AF88657" i="1"/>
  <c r="AF88658" i="1"/>
  <c r="AF88659" i="1"/>
  <c r="AF88660" i="1"/>
  <c r="AF88661" i="1"/>
  <c r="AF88662" i="1"/>
  <c r="AF88663" i="1"/>
  <c r="AF88664" i="1"/>
  <c r="AF88665" i="1"/>
  <c r="AF88666" i="1"/>
  <c r="AF88667" i="1"/>
  <c r="AF88668" i="1"/>
  <c r="AF88669" i="1"/>
  <c r="AF88670" i="1"/>
  <c r="AF88671" i="1"/>
  <c r="AF88672" i="1"/>
  <c r="AF88673" i="1"/>
  <c r="AF88674" i="1"/>
  <c r="AF88675" i="1"/>
  <c r="AF88676" i="1"/>
  <c r="AF88677" i="1"/>
  <c r="AF88678" i="1"/>
  <c r="AF88679" i="1"/>
  <c r="AF88680" i="1"/>
  <c r="AF88681" i="1"/>
  <c r="AF88682" i="1"/>
  <c r="AF88683" i="1"/>
  <c r="AF88684" i="1"/>
  <c r="AF88685" i="1"/>
  <c r="AF88686" i="1"/>
  <c r="AF88687" i="1"/>
  <c r="AF88688" i="1"/>
  <c r="AF88689" i="1"/>
  <c r="AF88690" i="1"/>
  <c r="AF88691" i="1"/>
  <c r="AF88692" i="1"/>
  <c r="AF88693" i="1"/>
  <c r="AF88694" i="1"/>
  <c r="AF88695" i="1"/>
  <c r="AF88696" i="1"/>
  <c r="AF88697" i="1"/>
  <c r="AF88698" i="1"/>
  <c r="AF88699" i="1"/>
  <c r="AF88700" i="1"/>
  <c r="AF88701" i="1"/>
  <c r="AF88702" i="1"/>
  <c r="AF88703" i="1"/>
  <c r="AF88704" i="1"/>
  <c r="AF88705" i="1"/>
  <c r="AF88706" i="1"/>
  <c r="AF88707" i="1"/>
  <c r="AF88708" i="1"/>
  <c r="AF88709" i="1"/>
  <c r="AF88710" i="1"/>
  <c r="AF88711" i="1"/>
  <c r="AF88712" i="1"/>
  <c r="AF88713" i="1"/>
  <c r="AF88714" i="1"/>
  <c r="AF88715" i="1"/>
  <c r="AF88716" i="1"/>
  <c r="AF88717" i="1"/>
  <c r="AF88718" i="1"/>
  <c r="AF88719" i="1"/>
  <c r="AF88720" i="1"/>
  <c r="AF88721" i="1"/>
  <c r="AF88722" i="1"/>
  <c r="AF88723" i="1"/>
  <c r="AF88724" i="1"/>
  <c r="AF88725" i="1"/>
  <c r="AF88726" i="1"/>
  <c r="AF88727" i="1"/>
  <c r="AF88728" i="1"/>
  <c r="AF88729" i="1"/>
  <c r="AF88730" i="1"/>
  <c r="AF88731" i="1"/>
  <c r="AF88732" i="1"/>
  <c r="AF88733" i="1"/>
  <c r="AF88734" i="1"/>
  <c r="AF88735" i="1"/>
  <c r="AF88736" i="1"/>
  <c r="AF88737" i="1"/>
  <c r="AF88738" i="1"/>
  <c r="AF88739" i="1"/>
  <c r="AF88740" i="1"/>
  <c r="AF88741" i="1"/>
  <c r="AF88742" i="1"/>
  <c r="AF88743" i="1"/>
  <c r="AF88744" i="1"/>
  <c r="AF88745" i="1"/>
  <c r="AF88746" i="1"/>
  <c r="AF88747" i="1"/>
  <c r="AF88748" i="1"/>
  <c r="AF88749" i="1"/>
  <c r="AF88750" i="1"/>
  <c r="AF88751" i="1"/>
  <c r="AF88752" i="1"/>
  <c r="AF88753" i="1"/>
  <c r="AF88754" i="1"/>
  <c r="AF88755" i="1"/>
  <c r="AF88756" i="1"/>
  <c r="AF88757" i="1"/>
  <c r="AF88758" i="1"/>
  <c r="AF88759" i="1"/>
  <c r="AF88760" i="1"/>
  <c r="AF88761" i="1"/>
  <c r="AF88762" i="1"/>
  <c r="AF88763" i="1"/>
  <c r="AF88764" i="1"/>
  <c r="AF88765" i="1"/>
  <c r="AF88766" i="1"/>
  <c r="AF88767" i="1"/>
  <c r="AF88768" i="1"/>
  <c r="AF88769" i="1"/>
  <c r="AF88770" i="1"/>
  <c r="AF88771" i="1"/>
  <c r="AF88772" i="1"/>
  <c r="AF88773" i="1"/>
  <c r="AF88774" i="1"/>
  <c r="AF88775" i="1"/>
  <c r="AF88776" i="1"/>
  <c r="AF88777" i="1"/>
  <c r="AF88778" i="1"/>
  <c r="AF88779" i="1"/>
  <c r="AF88780" i="1"/>
  <c r="AF88781" i="1"/>
  <c r="AF88782" i="1"/>
  <c r="AF88783" i="1"/>
  <c r="AF88784" i="1"/>
  <c r="AF88785" i="1"/>
  <c r="AF88786" i="1"/>
  <c r="AF88787" i="1"/>
  <c r="AF88788" i="1"/>
  <c r="AF88789" i="1"/>
  <c r="AF88790" i="1"/>
  <c r="AF88791" i="1"/>
  <c r="AF88792" i="1"/>
  <c r="AF88793" i="1"/>
  <c r="AF88794" i="1"/>
  <c r="AF88795" i="1"/>
  <c r="AF88796" i="1"/>
  <c r="AF88797" i="1"/>
  <c r="AF88798" i="1"/>
  <c r="AF88799" i="1"/>
  <c r="AF88800" i="1"/>
  <c r="AF88801" i="1"/>
  <c r="AF88802" i="1"/>
  <c r="AF88803" i="1"/>
  <c r="AF88804" i="1"/>
  <c r="AF88805" i="1"/>
  <c r="AF88806" i="1"/>
  <c r="AF88807" i="1"/>
  <c r="AF88808" i="1"/>
  <c r="AF88809" i="1"/>
  <c r="AF88810" i="1"/>
  <c r="AF88811" i="1"/>
  <c r="AF88812" i="1"/>
  <c r="AF88813" i="1"/>
  <c r="AF88814" i="1"/>
  <c r="AF88815" i="1"/>
  <c r="AF88816" i="1"/>
  <c r="AF88817" i="1"/>
  <c r="AF88818" i="1"/>
  <c r="AF88819" i="1"/>
  <c r="AF88820" i="1"/>
  <c r="AF88821" i="1"/>
  <c r="AF88822" i="1"/>
  <c r="AF88823" i="1"/>
  <c r="AF88824" i="1"/>
  <c r="AF88825" i="1"/>
  <c r="AF88826" i="1"/>
  <c r="AF88827" i="1"/>
  <c r="AF88828" i="1"/>
  <c r="AF88829" i="1"/>
  <c r="AF88830" i="1"/>
  <c r="AF88831" i="1"/>
  <c r="AF88832" i="1"/>
  <c r="AF88833" i="1"/>
  <c r="AF88834" i="1"/>
  <c r="AF88835" i="1"/>
  <c r="AF88836" i="1"/>
  <c r="AF88837" i="1"/>
  <c r="AF88838" i="1"/>
  <c r="AF88839" i="1"/>
  <c r="AF88840" i="1"/>
  <c r="AF88841" i="1"/>
  <c r="AF88842" i="1"/>
  <c r="AF88843" i="1"/>
  <c r="AF88844" i="1"/>
  <c r="AF88845" i="1"/>
  <c r="AF88846" i="1"/>
  <c r="AF88847" i="1"/>
  <c r="AF88848" i="1"/>
  <c r="AF88849" i="1"/>
  <c r="AF88850" i="1"/>
  <c r="AF88851" i="1"/>
  <c r="AF88852" i="1"/>
  <c r="AF88853" i="1"/>
  <c r="AF88854" i="1"/>
  <c r="AF88855" i="1"/>
  <c r="AF88856" i="1"/>
  <c r="AF88857" i="1"/>
  <c r="AF88858" i="1"/>
  <c r="AF88859" i="1"/>
  <c r="AF88860" i="1"/>
  <c r="AF88861" i="1"/>
  <c r="AF88862" i="1"/>
  <c r="AF88863" i="1"/>
  <c r="AF88864" i="1"/>
  <c r="AF88865" i="1"/>
  <c r="AF88866" i="1"/>
  <c r="AF88867" i="1"/>
  <c r="AF88868" i="1"/>
  <c r="AF88869" i="1"/>
  <c r="AF88870" i="1"/>
  <c r="AF88871" i="1"/>
  <c r="AF88872" i="1"/>
  <c r="AF88873" i="1"/>
  <c r="AF88874" i="1"/>
  <c r="AF88875" i="1"/>
  <c r="AF88876" i="1"/>
  <c r="AF88877" i="1"/>
  <c r="AF88878" i="1"/>
  <c r="AF88879" i="1"/>
  <c r="AF88880" i="1"/>
  <c r="AF88881" i="1"/>
  <c r="AF88882" i="1"/>
  <c r="AF88883" i="1"/>
  <c r="AF88884" i="1"/>
  <c r="AF88885" i="1"/>
  <c r="AF88886" i="1"/>
  <c r="AF88887" i="1"/>
  <c r="AF88888" i="1"/>
  <c r="AF88889" i="1"/>
  <c r="AF88890" i="1"/>
  <c r="AF88891" i="1"/>
  <c r="AF88892" i="1"/>
  <c r="AF88893" i="1"/>
  <c r="AF88894" i="1"/>
  <c r="AF88895" i="1"/>
  <c r="AF88896" i="1"/>
  <c r="AF88897" i="1"/>
  <c r="AF88898" i="1"/>
  <c r="AF88899" i="1"/>
  <c r="AF88900" i="1"/>
  <c r="AF88901" i="1"/>
  <c r="AF88902" i="1"/>
  <c r="AF88903" i="1"/>
  <c r="AF88904" i="1"/>
  <c r="AF88905" i="1"/>
  <c r="AF88906" i="1"/>
  <c r="AF88907" i="1"/>
  <c r="AF88908" i="1"/>
  <c r="AF88909" i="1"/>
  <c r="AF88910" i="1"/>
  <c r="AF88911" i="1"/>
  <c r="AF88912" i="1"/>
  <c r="AF88913" i="1"/>
  <c r="AF88914" i="1"/>
  <c r="AF88915" i="1"/>
  <c r="AF88916" i="1"/>
  <c r="AF88917" i="1"/>
  <c r="AF88918" i="1"/>
  <c r="AF88919" i="1"/>
  <c r="AF88920" i="1"/>
  <c r="AF88921" i="1"/>
  <c r="AF88922" i="1"/>
  <c r="AF88923" i="1"/>
  <c r="AF88924" i="1"/>
  <c r="AF88925" i="1"/>
  <c r="AF88926" i="1"/>
  <c r="AF88927" i="1"/>
  <c r="AF88928" i="1"/>
  <c r="AF88929" i="1"/>
  <c r="AF88930" i="1"/>
  <c r="AF88931" i="1"/>
  <c r="AF88932" i="1"/>
  <c r="AF88933" i="1"/>
  <c r="AF88934" i="1"/>
  <c r="AF88935" i="1"/>
  <c r="AF88936" i="1"/>
  <c r="AF88937" i="1"/>
  <c r="AF88938" i="1"/>
  <c r="AF88939" i="1"/>
  <c r="AF88940" i="1"/>
  <c r="AF88941" i="1"/>
  <c r="AF88942" i="1"/>
  <c r="AF88943" i="1"/>
  <c r="AF88944" i="1"/>
  <c r="AF88945" i="1"/>
  <c r="AF88946" i="1"/>
  <c r="AF88947" i="1"/>
  <c r="AF88948" i="1"/>
  <c r="AF88949" i="1"/>
  <c r="AF88950" i="1"/>
  <c r="AF88951" i="1"/>
  <c r="AF88952" i="1"/>
  <c r="AF88953" i="1"/>
  <c r="AF88954" i="1"/>
  <c r="AF88955" i="1"/>
  <c r="AF88956" i="1"/>
  <c r="AF88957" i="1"/>
  <c r="AF88958" i="1"/>
  <c r="AF88959" i="1"/>
  <c r="AF88960" i="1"/>
  <c r="AF88961" i="1"/>
  <c r="AF88962" i="1"/>
  <c r="AF88963" i="1"/>
  <c r="AF88964" i="1"/>
  <c r="AF88965" i="1"/>
  <c r="AF88966" i="1"/>
  <c r="AF88967" i="1"/>
  <c r="AF88968" i="1"/>
  <c r="AF88969" i="1"/>
  <c r="AF88970" i="1"/>
  <c r="AF88971" i="1"/>
  <c r="AF88972" i="1"/>
  <c r="AF88973" i="1"/>
  <c r="AF88974" i="1"/>
  <c r="AF88975" i="1"/>
  <c r="AF88976" i="1"/>
  <c r="AF88977" i="1"/>
  <c r="AF88978" i="1"/>
  <c r="AF88979" i="1"/>
  <c r="AF88980" i="1"/>
  <c r="AF88981" i="1"/>
  <c r="AF88982" i="1"/>
  <c r="AF88983" i="1"/>
  <c r="AF88984" i="1"/>
  <c r="AF88985" i="1"/>
  <c r="AF88986" i="1"/>
  <c r="AF88987" i="1"/>
  <c r="AF88988" i="1"/>
  <c r="AF88989" i="1"/>
  <c r="AF88990" i="1"/>
  <c r="AF88991" i="1"/>
  <c r="AF88992" i="1"/>
  <c r="AF88993" i="1"/>
  <c r="AF88994" i="1"/>
  <c r="AF88995" i="1"/>
  <c r="AF88996" i="1"/>
  <c r="AF88997" i="1"/>
  <c r="AF88998" i="1"/>
  <c r="AF88999" i="1"/>
  <c r="AF89000" i="1"/>
  <c r="AF89001" i="1"/>
  <c r="AF89002" i="1"/>
  <c r="AF89003" i="1"/>
  <c r="AF89004" i="1"/>
  <c r="AF89005" i="1"/>
  <c r="AF89006" i="1"/>
  <c r="AF89007" i="1"/>
  <c r="AF89008" i="1"/>
  <c r="AF89009" i="1"/>
  <c r="AF89010" i="1"/>
  <c r="AF89011" i="1"/>
  <c r="AF89012" i="1"/>
  <c r="AF89013" i="1"/>
  <c r="AF89014" i="1"/>
  <c r="AF89015" i="1"/>
  <c r="AF89016" i="1"/>
  <c r="AF89017" i="1"/>
  <c r="AF89018" i="1"/>
  <c r="AF89019" i="1"/>
  <c r="AF89020" i="1"/>
  <c r="AF89021" i="1"/>
  <c r="AF89022" i="1"/>
  <c r="AF89023" i="1"/>
  <c r="AF89024" i="1"/>
  <c r="AF89025" i="1"/>
  <c r="AF89026" i="1"/>
  <c r="AF89027" i="1"/>
  <c r="AF89028" i="1"/>
  <c r="AF89029" i="1"/>
  <c r="AF89030" i="1"/>
  <c r="AF89031" i="1"/>
  <c r="AF89032" i="1"/>
  <c r="AF89033" i="1"/>
  <c r="AF89034" i="1"/>
  <c r="AF89035" i="1"/>
  <c r="AF89036" i="1"/>
  <c r="AF89037" i="1"/>
  <c r="AF89038" i="1"/>
  <c r="AF89039" i="1"/>
  <c r="AF89040" i="1"/>
  <c r="AF89041" i="1"/>
  <c r="AF89042" i="1"/>
  <c r="AF89043" i="1"/>
  <c r="AF89044" i="1"/>
  <c r="AF89045" i="1"/>
  <c r="AF89046" i="1"/>
  <c r="AF89047" i="1"/>
  <c r="AF89048" i="1"/>
  <c r="AF89049" i="1"/>
  <c r="AF89050" i="1"/>
  <c r="AF89051" i="1"/>
  <c r="AF89052" i="1"/>
  <c r="AF89053" i="1"/>
  <c r="AF89054" i="1"/>
  <c r="AF89055" i="1"/>
  <c r="AF89056" i="1"/>
  <c r="AF89057" i="1"/>
  <c r="AF89058" i="1"/>
  <c r="AF89059" i="1"/>
  <c r="AF89060" i="1"/>
  <c r="AF89061" i="1"/>
  <c r="AF89062" i="1"/>
  <c r="AF89063" i="1"/>
  <c r="AF89064" i="1"/>
  <c r="AF89065" i="1"/>
  <c r="AF89066" i="1"/>
  <c r="AF89067" i="1"/>
  <c r="AF89068" i="1"/>
  <c r="AF89069" i="1"/>
  <c r="AF89070" i="1"/>
  <c r="AF89071" i="1"/>
  <c r="AF89072" i="1"/>
  <c r="AF89073" i="1"/>
  <c r="AF89074" i="1"/>
  <c r="AF89075" i="1"/>
  <c r="AF89076" i="1"/>
  <c r="AF89077" i="1"/>
  <c r="AF89078" i="1"/>
  <c r="AF89079" i="1"/>
  <c r="AF89080" i="1"/>
  <c r="AF89081" i="1"/>
  <c r="AF89082" i="1"/>
  <c r="AF89083" i="1"/>
  <c r="AF89084" i="1"/>
  <c r="AF89085" i="1"/>
  <c r="AF89086" i="1"/>
  <c r="AF89087" i="1"/>
  <c r="AF89088" i="1"/>
  <c r="AF89089" i="1"/>
  <c r="AF89090" i="1"/>
  <c r="AF89091" i="1"/>
  <c r="AF89092" i="1"/>
  <c r="AF89093" i="1"/>
  <c r="AF89094" i="1"/>
  <c r="AF89095" i="1"/>
  <c r="AF89096" i="1"/>
  <c r="AF89097" i="1"/>
  <c r="AF89098" i="1"/>
  <c r="AF89099" i="1"/>
  <c r="AF89100" i="1"/>
  <c r="AF89101" i="1"/>
  <c r="AF89102" i="1"/>
  <c r="AF89103" i="1"/>
  <c r="AF89104" i="1"/>
  <c r="AF89105" i="1"/>
  <c r="AF89106" i="1"/>
  <c r="AF89107" i="1"/>
  <c r="AF89108" i="1"/>
  <c r="AF89109" i="1"/>
  <c r="AF89110" i="1"/>
  <c r="AF89111" i="1"/>
  <c r="AF89112" i="1"/>
  <c r="AF89113" i="1"/>
  <c r="AF89114" i="1"/>
  <c r="AF89115" i="1"/>
  <c r="AF89116" i="1"/>
  <c r="AF89117" i="1"/>
  <c r="AF89118" i="1"/>
  <c r="AF89119" i="1"/>
  <c r="AF89120" i="1"/>
  <c r="AF89121" i="1"/>
  <c r="AF89122" i="1"/>
  <c r="AF89123" i="1"/>
  <c r="AF89124" i="1"/>
  <c r="AF89125" i="1"/>
  <c r="AF89126" i="1"/>
  <c r="AF89127" i="1"/>
  <c r="AF89128" i="1"/>
  <c r="AF89129" i="1"/>
  <c r="AF89130" i="1"/>
  <c r="AF89131" i="1"/>
  <c r="AF89132" i="1"/>
  <c r="AF89133" i="1"/>
  <c r="AF89134" i="1"/>
  <c r="AF89135" i="1"/>
  <c r="AF89136" i="1"/>
  <c r="AF89137" i="1"/>
  <c r="AF89138" i="1"/>
  <c r="AF89139" i="1"/>
  <c r="AF89140" i="1"/>
  <c r="AF89141" i="1"/>
  <c r="AF89142" i="1"/>
  <c r="AF89143" i="1"/>
  <c r="AF89144" i="1"/>
  <c r="AF89145" i="1"/>
  <c r="AF89146" i="1"/>
  <c r="AF89147" i="1"/>
  <c r="AF89148" i="1"/>
  <c r="AF89149" i="1"/>
  <c r="AF89150" i="1"/>
  <c r="AF89151" i="1"/>
  <c r="AF89152" i="1"/>
  <c r="AF89153" i="1"/>
  <c r="AF89154" i="1"/>
  <c r="AF89155" i="1"/>
  <c r="AF89156" i="1"/>
  <c r="AF89157" i="1"/>
  <c r="AF89158" i="1"/>
  <c r="AF89159" i="1"/>
  <c r="AF89160" i="1"/>
  <c r="AF89161" i="1"/>
  <c r="AF89162" i="1"/>
  <c r="AF89163" i="1"/>
  <c r="AF89164" i="1"/>
  <c r="AF89165" i="1"/>
  <c r="AF89166" i="1"/>
  <c r="AF89167" i="1"/>
  <c r="AF89168" i="1"/>
  <c r="AF89169" i="1"/>
  <c r="AF89170" i="1"/>
  <c r="AF89171" i="1"/>
  <c r="AF89172" i="1"/>
  <c r="AF89173" i="1"/>
  <c r="AF89174" i="1"/>
  <c r="AF89175" i="1"/>
  <c r="AF89176" i="1"/>
  <c r="AF89177" i="1"/>
  <c r="AF89178" i="1"/>
  <c r="AF89179" i="1"/>
  <c r="AF89180" i="1"/>
  <c r="AF89181" i="1"/>
  <c r="AF89182" i="1"/>
  <c r="AF89183" i="1"/>
  <c r="AF89184" i="1"/>
  <c r="AF89185" i="1"/>
  <c r="AF89186" i="1"/>
  <c r="AF89187" i="1"/>
  <c r="AF89188" i="1"/>
  <c r="AF89189" i="1"/>
  <c r="AF89190" i="1"/>
  <c r="AF89191" i="1"/>
  <c r="AF89192" i="1"/>
  <c r="AF89193" i="1"/>
  <c r="AF89194" i="1"/>
  <c r="AF89195" i="1"/>
  <c r="AF89196" i="1"/>
  <c r="AF89197" i="1"/>
  <c r="AF89198" i="1"/>
  <c r="AF89199" i="1"/>
  <c r="AF89200" i="1"/>
  <c r="AF89201" i="1"/>
  <c r="AF89202" i="1"/>
  <c r="AF89203" i="1"/>
  <c r="AF89204" i="1"/>
  <c r="AF89205" i="1"/>
  <c r="AF89206" i="1"/>
  <c r="AF89207" i="1"/>
  <c r="AF89208" i="1"/>
  <c r="AF89209" i="1"/>
  <c r="AF89210" i="1"/>
  <c r="AF89211" i="1"/>
  <c r="AF89212" i="1"/>
  <c r="AF89213" i="1"/>
  <c r="AF89214" i="1"/>
  <c r="AF89215" i="1"/>
  <c r="AF89216" i="1"/>
  <c r="AF89217" i="1"/>
  <c r="AF89218" i="1"/>
  <c r="AF89219" i="1"/>
  <c r="AF89220" i="1"/>
  <c r="AF89221" i="1"/>
  <c r="AF89222" i="1"/>
  <c r="AF89223" i="1"/>
  <c r="AF89224" i="1"/>
  <c r="AF89225" i="1"/>
  <c r="AF89226" i="1"/>
  <c r="AF89227" i="1"/>
  <c r="AF89228" i="1"/>
  <c r="AF89229" i="1"/>
  <c r="AF89230" i="1"/>
  <c r="AF89231" i="1"/>
  <c r="AF89232" i="1"/>
  <c r="AF89233" i="1"/>
  <c r="AF89234" i="1"/>
  <c r="AF89235" i="1"/>
  <c r="AF89236" i="1"/>
  <c r="AF89237" i="1"/>
  <c r="AF89238" i="1"/>
  <c r="AF89239" i="1"/>
  <c r="AF89240" i="1"/>
  <c r="AF89241" i="1"/>
  <c r="AF89242" i="1"/>
  <c r="AF89243" i="1"/>
  <c r="AF89244" i="1"/>
  <c r="AF89245" i="1"/>
  <c r="AF89246" i="1"/>
  <c r="AF89247" i="1"/>
  <c r="AF89248" i="1"/>
  <c r="AF89249" i="1"/>
  <c r="AF89250" i="1"/>
  <c r="AF89251" i="1"/>
  <c r="AF89252" i="1"/>
  <c r="AF89253" i="1"/>
  <c r="AF89254" i="1"/>
  <c r="AF89255" i="1"/>
  <c r="AF89256" i="1"/>
  <c r="AF89257" i="1"/>
  <c r="AF89258" i="1"/>
  <c r="AF89259" i="1"/>
  <c r="AF89260" i="1"/>
  <c r="AF89261" i="1"/>
  <c r="AF89262" i="1"/>
  <c r="AF89263" i="1"/>
  <c r="AF89264" i="1"/>
  <c r="AF89265" i="1"/>
  <c r="AF89266" i="1"/>
  <c r="AF89267" i="1"/>
  <c r="AF89268" i="1"/>
  <c r="AF89269" i="1"/>
  <c r="AF89270" i="1"/>
  <c r="AF89271" i="1"/>
  <c r="AF89272" i="1"/>
  <c r="AF89273" i="1"/>
  <c r="AF89274" i="1"/>
  <c r="AF89275" i="1"/>
  <c r="AF89276" i="1"/>
  <c r="AF89277" i="1"/>
  <c r="AF89278" i="1"/>
  <c r="AF89279" i="1"/>
  <c r="AF89280" i="1"/>
  <c r="AF89281" i="1"/>
  <c r="AF89282" i="1"/>
  <c r="AF89283" i="1"/>
  <c r="AF89284" i="1"/>
  <c r="AF89285" i="1"/>
  <c r="AF89286" i="1"/>
  <c r="AF89287" i="1"/>
  <c r="AF89288" i="1"/>
  <c r="AF89289" i="1"/>
  <c r="AF89290" i="1"/>
  <c r="AF89291" i="1"/>
  <c r="AF89292" i="1"/>
  <c r="AF89293" i="1"/>
  <c r="AF89294" i="1"/>
  <c r="AF89295" i="1"/>
  <c r="AF89296" i="1"/>
  <c r="AF89297" i="1"/>
  <c r="AF89298" i="1"/>
  <c r="AF89299" i="1"/>
  <c r="AF89300" i="1"/>
  <c r="AF89301" i="1"/>
  <c r="AF89302" i="1"/>
  <c r="AF89303" i="1"/>
  <c r="AF89304" i="1"/>
  <c r="AF89305" i="1"/>
  <c r="AF89306" i="1"/>
  <c r="AF89307" i="1"/>
  <c r="AF89308" i="1"/>
  <c r="AF89309" i="1"/>
  <c r="AF89310" i="1"/>
  <c r="AF89311" i="1"/>
  <c r="AF89312" i="1"/>
  <c r="AF89313" i="1"/>
  <c r="AF89314" i="1"/>
  <c r="AF89315" i="1"/>
  <c r="AF89316" i="1"/>
  <c r="AF89317" i="1"/>
  <c r="AF89318" i="1"/>
  <c r="AF89319" i="1"/>
  <c r="AF89320" i="1"/>
  <c r="AF89321" i="1"/>
  <c r="AF89322" i="1"/>
  <c r="AF89323" i="1"/>
  <c r="AF89324" i="1"/>
  <c r="AF89325" i="1"/>
  <c r="AF89326" i="1"/>
  <c r="AF89327" i="1"/>
  <c r="AF89328" i="1"/>
  <c r="AF89329" i="1"/>
  <c r="AF89330" i="1"/>
  <c r="AF89331" i="1"/>
  <c r="AF89332" i="1"/>
  <c r="AF89333" i="1"/>
  <c r="AF89334" i="1"/>
  <c r="AF89335" i="1"/>
  <c r="AF89336" i="1"/>
  <c r="AF89337" i="1"/>
  <c r="AF89338" i="1"/>
  <c r="AF89339" i="1"/>
  <c r="AF89340" i="1"/>
  <c r="AF89341" i="1"/>
  <c r="AF89342" i="1"/>
  <c r="AF89343" i="1"/>
  <c r="AF89344" i="1"/>
  <c r="AF89345" i="1"/>
  <c r="AF89346" i="1"/>
  <c r="AF89347" i="1"/>
  <c r="AF89348" i="1"/>
  <c r="AF89349" i="1"/>
  <c r="AF89350" i="1"/>
  <c r="AF89351" i="1"/>
  <c r="AF89352" i="1"/>
  <c r="AF89353" i="1"/>
  <c r="AF89354" i="1"/>
  <c r="AF89355" i="1"/>
  <c r="AF89356" i="1"/>
  <c r="AF89357" i="1"/>
  <c r="AF89358" i="1"/>
  <c r="AF89359" i="1"/>
  <c r="AF89360" i="1"/>
  <c r="AF89361" i="1"/>
  <c r="AF89362" i="1"/>
  <c r="AF89363" i="1"/>
  <c r="AF89364" i="1"/>
  <c r="AF89365" i="1"/>
  <c r="AF89366" i="1"/>
  <c r="AF89367" i="1"/>
  <c r="AF89368" i="1"/>
  <c r="AF89369" i="1"/>
  <c r="AF89370" i="1"/>
  <c r="AF89371" i="1"/>
  <c r="AF89372" i="1"/>
  <c r="AF89373" i="1"/>
  <c r="AF89374" i="1"/>
  <c r="AF89375" i="1"/>
  <c r="AF89376" i="1"/>
  <c r="AF89377" i="1"/>
  <c r="AF89378" i="1"/>
  <c r="AF89379" i="1"/>
  <c r="AF89380" i="1"/>
  <c r="AF89381" i="1"/>
  <c r="AF89382" i="1"/>
  <c r="AF89383" i="1"/>
  <c r="AF89384" i="1"/>
  <c r="AF89385" i="1"/>
  <c r="AF89386" i="1"/>
  <c r="AF89387" i="1"/>
  <c r="AF89388" i="1"/>
  <c r="AF89389" i="1"/>
  <c r="AF89390" i="1"/>
  <c r="AF89391" i="1"/>
  <c r="AF89392" i="1"/>
  <c r="AF89393" i="1"/>
  <c r="AF89394" i="1"/>
  <c r="AF89395" i="1"/>
  <c r="AF89396" i="1"/>
  <c r="AF89397" i="1"/>
  <c r="AF89398" i="1"/>
  <c r="AF89399" i="1"/>
  <c r="AF89400" i="1"/>
  <c r="AF89401" i="1"/>
  <c r="AF89402" i="1"/>
  <c r="AF89403" i="1"/>
  <c r="AF89404" i="1"/>
  <c r="AF89405" i="1"/>
  <c r="AF89406" i="1"/>
  <c r="AF89407" i="1"/>
  <c r="AF89408" i="1"/>
  <c r="AF89409" i="1"/>
  <c r="AF89410" i="1"/>
  <c r="AF89411" i="1"/>
  <c r="AF89412" i="1"/>
  <c r="AF89413" i="1"/>
  <c r="AF89414" i="1"/>
  <c r="AF89415" i="1"/>
  <c r="AF89416" i="1"/>
  <c r="AF89417" i="1"/>
  <c r="AF89418" i="1"/>
  <c r="AF89419" i="1"/>
  <c r="AF89420" i="1"/>
  <c r="AF89421" i="1"/>
  <c r="AF89422" i="1"/>
  <c r="AF89423" i="1"/>
  <c r="AF89424" i="1"/>
  <c r="AF89425" i="1"/>
  <c r="AF89426" i="1"/>
  <c r="AF89427" i="1"/>
  <c r="AF89428" i="1"/>
  <c r="AF89429" i="1"/>
  <c r="AF89430" i="1"/>
  <c r="AF89431" i="1"/>
  <c r="AF89432" i="1"/>
  <c r="AF89433" i="1"/>
  <c r="AF89434" i="1"/>
  <c r="AF89435" i="1"/>
  <c r="AF89436" i="1"/>
  <c r="AF89437" i="1"/>
  <c r="AF89438" i="1"/>
  <c r="AF89439" i="1"/>
  <c r="AF89440" i="1"/>
  <c r="AF89441" i="1"/>
  <c r="AF89442" i="1"/>
  <c r="AF89443" i="1"/>
  <c r="AF89444" i="1"/>
  <c r="AF89445" i="1"/>
  <c r="AF89446" i="1"/>
  <c r="AF89447" i="1"/>
  <c r="AF89448" i="1"/>
  <c r="AF89449" i="1"/>
  <c r="AF89450" i="1"/>
  <c r="AF89451" i="1"/>
  <c r="AF89452" i="1"/>
  <c r="AF89453" i="1"/>
  <c r="AF89454" i="1"/>
  <c r="AF89455" i="1"/>
  <c r="AF89456" i="1"/>
  <c r="AF89457" i="1"/>
  <c r="AF89458" i="1"/>
  <c r="AF89459" i="1"/>
  <c r="AF89460" i="1"/>
  <c r="AF89461" i="1"/>
  <c r="AF89462" i="1"/>
  <c r="AF89463" i="1"/>
  <c r="AF89464" i="1"/>
  <c r="AF89465" i="1"/>
  <c r="AF89466" i="1"/>
  <c r="AF89467" i="1"/>
  <c r="AF89468" i="1"/>
  <c r="AF89469" i="1"/>
  <c r="AF89470" i="1"/>
  <c r="AF89471" i="1"/>
  <c r="AF89472" i="1"/>
  <c r="AF89473" i="1"/>
  <c r="AF89474" i="1"/>
  <c r="AF89475" i="1"/>
  <c r="AF89476" i="1"/>
  <c r="AF89477" i="1"/>
  <c r="AF89478" i="1"/>
  <c r="AF89479" i="1"/>
  <c r="AF89480" i="1"/>
  <c r="AF89481" i="1"/>
  <c r="AF89482" i="1"/>
  <c r="AF89483" i="1"/>
  <c r="AF89484" i="1"/>
  <c r="AF89485" i="1"/>
  <c r="AF89486" i="1"/>
  <c r="AF89487" i="1"/>
  <c r="AF89488" i="1"/>
  <c r="AF89489" i="1"/>
  <c r="AF89490" i="1"/>
  <c r="AF89491" i="1"/>
  <c r="AF89492" i="1"/>
  <c r="AF89493" i="1"/>
  <c r="AF89494" i="1"/>
  <c r="AF89495" i="1"/>
  <c r="AF89496" i="1"/>
  <c r="AF89497" i="1"/>
  <c r="AF89498" i="1"/>
  <c r="AF89499" i="1"/>
  <c r="AF89500" i="1"/>
  <c r="AF89501" i="1"/>
  <c r="AF89502" i="1"/>
  <c r="AF89503" i="1"/>
  <c r="AF89504" i="1"/>
  <c r="AF89505" i="1"/>
  <c r="AF89506" i="1"/>
  <c r="AF89507" i="1"/>
  <c r="AF89508" i="1"/>
  <c r="AF89509" i="1"/>
  <c r="AF89510" i="1"/>
  <c r="AF89511" i="1"/>
  <c r="AF89512" i="1"/>
  <c r="AF89513" i="1"/>
  <c r="AF89514" i="1"/>
  <c r="AF89515" i="1"/>
  <c r="AF89516" i="1"/>
  <c r="AF89517" i="1"/>
  <c r="AF89518" i="1"/>
  <c r="AF89519" i="1"/>
  <c r="AF89520" i="1"/>
  <c r="AF89521" i="1"/>
  <c r="AF89522" i="1"/>
  <c r="AF89523" i="1"/>
  <c r="AF89524" i="1"/>
  <c r="AF89525" i="1"/>
  <c r="AF89526" i="1"/>
  <c r="AF89527" i="1"/>
  <c r="AF89528" i="1"/>
  <c r="AF89529" i="1"/>
  <c r="AF89530" i="1"/>
  <c r="AF89531" i="1"/>
  <c r="AF89532" i="1"/>
  <c r="AF89533" i="1"/>
  <c r="AF89534" i="1"/>
  <c r="AF89535" i="1"/>
  <c r="AF89536" i="1"/>
  <c r="AF89537" i="1"/>
  <c r="AF89538" i="1"/>
  <c r="AF89539" i="1"/>
  <c r="AF89540" i="1"/>
  <c r="AF89541" i="1"/>
  <c r="AF89542" i="1"/>
  <c r="AF89543" i="1"/>
  <c r="AF89544" i="1"/>
  <c r="AF89545" i="1"/>
  <c r="AF89546" i="1"/>
  <c r="AF89547" i="1"/>
  <c r="AF89548" i="1"/>
  <c r="AF89549" i="1"/>
  <c r="AF89550" i="1"/>
  <c r="AF89551" i="1"/>
  <c r="AF89552" i="1"/>
  <c r="AF89553" i="1"/>
  <c r="AF89554" i="1"/>
  <c r="AF89555" i="1"/>
  <c r="AF89556" i="1"/>
  <c r="AF89557" i="1"/>
  <c r="AF89558" i="1"/>
  <c r="AF89559" i="1"/>
  <c r="AF89560" i="1"/>
  <c r="AF89561" i="1"/>
  <c r="AF89562" i="1"/>
  <c r="AF89563" i="1"/>
  <c r="AF89564" i="1"/>
  <c r="AF89565" i="1"/>
  <c r="AF89566" i="1"/>
  <c r="AF89567" i="1"/>
  <c r="AF89568" i="1"/>
  <c r="AF89569" i="1"/>
  <c r="AF89570" i="1"/>
  <c r="AF89571" i="1"/>
  <c r="AF89572" i="1"/>
  <c r="AF89573" i="1"/>
  <c r="AF89574" i="1"/>
  <c r="AF89575" i="1"/>
  <c r="AF89576" i="1"/>
  <c r="AF89577" i="1"/>
  <c r="AF89578" i="1"/>
  <c r="AF89579" i="1"/>
  <c r="AF89580" i="1"/>
  <c r="AF89581" i="1"/>
  <c r="AF89582" i="1"/>
  <c r="AF89583" i="1"/>
  <c r="AF89584" i="1"/>
  <c r="AF89585" i="1"/>
  <c r="AF89586" i="1"/>
  <c r="AF89587" i="1"/>
  <c r="AF89588" i="1"/>
  <c r="AF89589" i="1"/>
  <c r="AF89590" i="1"/>
  <c r="AF89591" i="1"/>
  <c r="AF89592" i="1"/>
  <c r="AF89593" i="1"/>
  <c r="AF89594" i="1"/>
  <c r="AF89595" i="1"/>
  <c r="AF89596" i="1"/>
  <c r="AF89597" i="1"/>
  <c r="AF89598" i="1"/>
  <c r="AF89599" i="1"/>
  <c r="AF89600" i="1"/>
  <c r="AF89601" i="1"/>
  <c r="AF89602" i="1"/>
  <c r="AF89603" i="1"/>
  <c r="AF89604" i="1"/>
  <c r="AF89605" i="1"/>
  <c r="AF89606" i="1"/>
  <c r="AF89607" i="1"/>
  <c r="AF89608" i="1"/>
  <c r="AF89609" i="1"/>
  <c r="AF89610" i="1"/>
  <c r="AF89611" i="1"/>
  <c r="AF89612" i="1"/>
  <c r="AF89613" i="1"/>
  <c r="AF89614" i="1"/>
  <c r="AF89615" i="1"/>
  <c r="AF89616" i="1"/>
  <c r="AF89617" i="1"/>
  <c r="AF89618" i="1"/>
  <c r="AF89619" i="1"/>
  <c r="AF89620" i="1"/>
  <c r="AF89621" i="1"/>
  <c r="AF89622" i="1"/>
  <c r="AF89623" i="1"/>
  <c r="AF89624" i="1"/>
  <c r="AF89625" i="1"/>
  <c r="AF89626" i="1"/>
  <c r="AF89627" i="1"/>
  <c r="AF89628" i="1"/>
  <c r="AF89629" i="1"/>
  <c r="AF89630" i="1"/>
  <c r="AF89631" i="1"/>
  <c r="AF89632" i="1"/>
  <c r="AF89633" i="1"/>
  <c r="AF89634" i="1"/>
  <c r="AF89635" i="1"/>
  <c r="AF89636" i="1"/>
  <c r="AF89637" i="1"/>
  <c r="AF89638" i="1"/>
  <c r="AF89639" i="1"/>
  <c r="AF89640" i="1"/>
  <c r="AF89641" i="1"/>
  <c r="AF89642" i="1"/>
  <c r="AF89643" i="1"/>
  <c r="AF89644" i="1"/>
  <c r="AF89645" i="1"/>
  <c r="AF89646" i="1"/>
  <c r="AF89647" i="1"/>
  <c r="AF89648" i="1"/>
  <c r="AF89649" i="1"/>
  <c r="AF89650" i="1"/>
  <c r="AF89651" i="1"/>
  <c r="AF89652" i="1"/>
  <c r="AF89653" i="1"/>
  <c r="AF89654" i="1"/>
  <c r="AF89655" i="1"/>
  <c r="AF89656" i="1"/>
  <c r="AF89657" i="1"/>
  <c r="AF89658" i="1"/>
  <c r="AF89659" i="1"/>
  <c r="AF89660" i="1"/>
  <c r="AF89661" i="1"/>
  <c r="AF89662" i="1"/>
  <c r="AF89663" i="1"/>
  <c r="AF89664" i="1"/>
  <c r="AF89665" i="1"/>
  <c r="AF89666" i="1"/>
  <c r="AF89667" i="1"/>
  <c r="AF89668" i="1"/>
  <c r="AF89669" i="1"/>
  <c r="AF89670" i="1"/>
  <c r="AF89671" i="1"/>
  <c r="AF89672" i="1"/>
  <c r="AF89673" i="1"/>
  <c r="AF89674" i="1"/>
  <c r="AF89675" i="1"/>
  <c r="AF89676" i="1"/>
  <c r="AF89677" i="1"/>
  <c r="AF89678" i="1"/>
  <c r="AF89679" i="1"/>
  <c r="AF89680" i="1"/>
  <c r="AF89681" i="1"/>
  <c r="AF89682" i="1"/>
  <c r="AF89683" i="1"/>
  <c r="AF89684" i="1"/>
  <c r="AF89685" i="1"/>
  <c r="AF89686" i="1"/>
  <c r="AF89687" i="1"/>
  <c r="AF89688" i="1"/>
  <c r="AF89689" i="1"/>
  <c r="AF89690" i="1"/>
  <c r="AF89691" i="1"/>
  <c r="AF89692" i="1"/>
  <c r="AF89693" i="1"/>
  <c r="AF89694" i="1"/>
  <c r="AF89695" i="1"/>
  <c r="AF89696" i="1"/>
  <c r="AF89697" i="1"/>
  <c r="AF89698" i="1"/>
  <c r="AF89699" i="1"/>
  <c r="AF89700" i="1"/>
  <c r="AF89701" i="1"/>
  <c r="AF89702" i="1"/>
  <c r="AF89703" i="1"/>
  <c r="AF89704" i="1"/>
  <c r="AF89705" i="1"/>
  <c r="AF89706" i="1"/>
  <c r="AF89707" i="1"/>
  <c r="AF89708" i="1"/>
  <c r="AF89709" i="1"/>
  <c r="AF89710" i="1"/>
  <c r="AF89711" i="1"/>
  <c r="AF89712" i="1"/>
  <c r="AF89713" i="1"/>
  <c r="AF89714" i="1"/>
  <c r="AF89715" i="1"/>
  <c r="AF89716" i="1"/>
  <c r="AF89717" i="1"/>
  <c r="AF89718" i="1"/>
  <c r="AF89719" i="1"/>
  <c r="AF89720" i="1"/>
  <c r="AF89721" i="1"/>
  <c r="AF89722" i="1"/>
  <c r="AF89723" i="1"/>
  <c r="AF89724" i="1"/>
  <c r="AF89725" i="1"/>
  <c r="AF89726" i="1"/>
  <c r="AF89727" i="1"/>
  <c r="AF89728" i="1"/>
  <c r="AF89729" i="1"/>
  <c r="AF89730" i="1"/>
  <c r="AF89731" i="1"/>
  <c r="AF89732" i="1"/>
  <c r="AF89733" i="1"/>
  <c r="AF89734" i="1"/>
  <c r="AF89735" i="1"/>
  <c r="AF89736" i="1"/>
  <c r="AF89737" i="1"/>
  <c r="AF89738" i="1"/>
  <c r="AF89739" i="1"/>
  <c r="AF89740" i="1"/>
  <c r="AF89741" i="1"/>
  <c r="AF89742" i="1"/>
  <c r="AF89743" i="1"/>
  <c r="AF89744" i="1"/>
  <c r="AF89745" i="1"/>
  <c r="AF89746" i="1"/>
  <c r="AF89747" i="1"/>
  <c r="AF89748" i="1"/>
  <c r="AF89749" i="1"/>
  <c r="AF89750" i="1"/>
  <c r="AF89751" i="1"/>
  <c r="AF89752" i="1"/>
  <c r="AF89753" i="1"/>
  <c r="AF89754" i="1"/>
  <c r="AF89755" i="1"/>
  <c r="AF89756" i="1"/>
  <c r="AF89757" i="1"/>
  <c r="AF89758" i="1"/>
  <c r="AF89759" i="1"/>
  <c r="AF89760" i="1"/>
  <c r="AF89761" i="1"/>
  <c r="AF89762" i="1"/>
  <c r="AF89763" i="1"/>
  <c r="AF89764" i="1"/>
  <c r="AF89765" i="1"/>
  <c r="AF89766" i="1"/>
  <c r="AF89767" i="1"/>
  <c r="AF89768" i="1"/>
  <c r="AF89769" i="1"/>
  <c r="AF89770" i="1"/>
  <c r="AF89771" i="1"/>
  <c r="AF89772" i="1"/>
  <c r="AF89773" i="1"/>
  <c r="AF89774" i="1"/>
  <c r="AF89775" i="1"/>
  <c r="AF89776" i="1"/>
  <c r="AF89777" i="1"/>
  <c r="AF89778" i="1"/>
  <c r="AF89779" i="1"/>
  <c r="AF89780" i="1"/>
  <c r="AF89781" i="1"/>
  <c r="AF89782" i="1"/>
  <c r="AF89783" i="1"/>
  <c r="AF89784" i="1"/>
  <c r="AF89785" i="1"/>
  <c r="AF89786" i="1"/>
  <c r="AF89787" i="1"/>
  <c r="AF89788" i="1"/>
  <c r="AF89789" i="1"/>
  <c r="AF89790" i="1"/>
  <c r="AF89791" i="1"/>
  <c r="AF89792" i="1"/>
  <c r="AF89793" i="1"/>
  <c r="AF89794" i="1"/>
  <c r="AF89795" i="1"/>
  <c r="AF89796" i="1"/>
  <c r="AF89797" i="1"/>
  <c r="AF89798" i="1"/>
  <c r="AF89799" i="1"/>
  <c r="AF89800" i="1"/>
  <c r="AF89801" i="1"/>
  <c r="AF89802" i="1"/>
  <c r="AF89803" i="1"/>
  <c r="AF89804" i="1"/>
  <c r="AF89805" i="1"/>
  <c r="AF89806" i="1"/>
  <c r="AF89807" i="1"/>
  <c r="AF89808" i="1"/>
  <c r="AF89809" i="1"/>
  <c r="AF89810" i="1"/>
  <c r="AF89811" i="1"/>
  <c r="AF89812" i="1"/>
  <c r="AF89813" i="1"/>
  <c r="AF89814" i="1"/>
  <c r="AF89815" i="1"/>
  <c r="AF89816" i="1"/>
  <c r="AF89817" i="1"/>
  <c r="AF89818" i="1"/>
  <c r="AF89819" i="1"/>
  <c r="AF89820" i="1"/>
  <c r="AF89821" i="1"/>
  <c r="AF89822" i="1"/>
  <c r="AF89823" i="1"/>
  <c r="AF89824" i="1"/>
  <c r="AF89825" i="1"/>
  <c r="AF89826" i="1"/>
  <c r="AF89827" i="1"/>
  <c r="AF89828" i="1"/>
  <c r="AF89829" i="1"/>
  <c r="AF89830" i="1"/>
  <c r="AF89831" i="1"/>
  <c r="AF89832" i="1"/>
  <c r="AF89833" i="1"/>
  <c r="AF89834" i="1"/>
  <c r="AF89835" i="1"/>
  <c r="AF89836" i="1"/>
  <c r="AF89837" i="1"/>
  <c r="AF89838" i="1"/>
  <c r="AF89839" i="1"/>
  <c r="AF89840" i="1"/>
  <c r="AF89841" i="1"/>
  <c r="AF89842" i="1"/>
  <c r="AF89843" i="1"/>
  <c r="AF89844" i="1"/>
  <c r="AF89845" i="1"/>
  <c r="AF89846" i="1"/>
  <c r="AF89847" i="1"/>
  <c r="AF89848" i="1"/>
  <c r="AF89849" i="1"/>
  <c r="AF89850" i="1"/>
  <c r="AF89851" i="1"/>
  <c r="AF89852" i="1"/>
  <c r="AF89853" i="1"/>
  <c r="AF89854" i="1"/>
  <c r="AF89855" i="1"/>
  <c r="AF89856" i="1"/>
  <c r="AF89857" i="1"/>
  <c r="AF89858" i="1"/>
  <c r="AF89859" i="1"/>
  <c r="AF89860" i="1"/>
  <c r="AF89861" i="1"/>
  <c r="AF89862" i="1"/>
  <c r="AF89863" i="1"/>
  <c r="AF89864" i="1"/>
  <c r="AF89865" i="1"/>
  <c r="AF89866" i="1"/>
  <c r="AF89867" i="1"/>
  <c r="AF89868" i="1"/>
  <c r="AF89869" i="1"/>
  <c r="AF89870" i="1"/>
  <c r="AF89871" i="1"/>
  <c r="AF89872" i="1"/>
  <c r="AF89873" i="1"/>
  <c r="AF89874" i="1"/>
  <c r="AF89875" i="1"/>
  <c r="AF89876" i="1"/>
  <c r="AF89877" i="1"/>
  <c r="AF89878" i="1"/>
  <c r="AF89879" i="1"/>
  <c r="AF89880" i="1"/>
  <c r="AF89881" i="1"/>
  <c r="AF89882" i="1"/>
  <c r="AF89883" i="1"/>
  <c r="AF89884" i="1"/>
  <c r="AF89885" i="1"/>
  <c r="AF89886" i="1"/>
  <c r="AF89887" i="1"/>
  <c r="AF89888" i="1"/>
  <c r="AF89889" i="1"/>
  <c r="AF89890" i="1"/>
  <c r="AF89891" i="1"/>
  <c r="AF89892" i="1"/>
  <c r="AF89893" i="1"/>
  <c r="AF89894" i="1"/>
  <c r="AF89895" i="1"/>
  <c r="AF89896" i="1"/>
  <c r="AF89897" i="1"/>
  <c r="AF89898" i="1"/>
  <c r="AF89899" i="1"/>
  <c r="AF89900" i="1"/>
  <c r="AF89901" i="1"/>
  <c r="AF89902" i="1"/>
  <c r="AF89903" i="1"/>
  <c r="AF89904" i="1"/>
  <c r="AF89905" i="1"/>
  <c r="AF89906" i="1"/>
  <c r="AF89907" i="1"/>
  <c r="AF89908" i="1"/>
  <c r="AF89909" i="1"/>
  <c r="AF89910" i="1"/>
  <c r="AF89911" i="1"/>
  <c r="AF89912" i="1"/>
  <c r="AF89913" i="1"/>
  <c r="AF89914" i="1"/>
  <c r="AF89915" i="1"/>
  <c r="AF89916" i="1"/>
  <c r="AF89917" i="1"/>
  <c r="AF89918" i="1"/>
  <c r="AF89919" i="1"/>
  <c r="AF89920" i="1"/>
  <c r="AF89921" i="1"/>
  <c r="AF89922" i="1"/>
  <c r="AF89923" i="1"/>
  <c r="AF89924" i="1"/>
  <c r="AF89925" i="1"/>
  <c r="AF89926" i="1"/>
  <c r="AF89927" i="1"/>
  <c r="AF89928" i="1"/>
  <c r="AF89929" i="1"/>
  <c r="AF89930" i="1"/>
  <c r="AF89931" i="1"/>
  <c r="AF89932" i="1"/>
  <c r="AF89933" i="1"/>
  <c r="AF89934" i="1"/>
  <c r="AF89935" i="1"/>
  <c r="AF89936" i="1"/>
  <c r="AF89937" i="1"/>
  <c r="AF89938" i="1"/>
  <c r="AF89939" i="1"/>
  <c r="AF89940" i="1"/>
  <c r="AF89941" i="1"/>
  <c r="AF89942" i="1"/>
  <c r="AF89943" i="1"/>
  <c r="AF89944" i="1"/>
  <c r="AF89945" i="1"/>
  <c r="AF89946" i="1"/>
  <c r="AF89947" i="1"/>
  <c r="AF89948" i="1"/>
  <c r="AF89949" i="1"/>
  <c r="AF89950" i="1"/>
  <c r="AF89951" i="1"/>
  <c r="AF89952" i="1"/>
  <c r="AF89953" i="1"/>
  <c r="AF89954" i="1"/>
  <c r="AF89955" i="1"/>
  <c r="AF89956" i="1"/>
  <c r="AF89957" i="1"/>
  <c r="AF89958" i="1"/>
  <c r="AF89959" i="1"/>
  <c r="AF89960" i="1"/>
  <c r="AF89961" i="1"/>
  <c r="AF89962" i="1"/>
  <c r="AF89963" i="1"/>
  <c r="AF89964" i="1"/>
  <c r="AF89965" i="1"/>
  <c r="AF89966" i="1"/>
  <c r="AF89967" i="1"/>
  <c r="AF89968" i="1"/>
  <c r="AF89969" i="1"/>
  <c r="AF89970" i="1"/>
  <c r="AF89971" i="1"/>
  <c r="AF89972" i="1"/>
  <c r="AF89973" i="1"/>
  <c r="AF89974" i="1"/>
  <c r="AF89975" i="1"/>
  <c r="AF89976" i="1"/>
  <c r="AF89977" i="1"/>
  <c r="AF89978" i="1"/>
  <c r="AF89979" i="1"/>
  <c r="AF89980" i="1"/>
  <c r="AF89981" i="1"/>
  <c r="AF89982" i="1"/>
  <c r="AF89983" i="1"/>
  <c r="AF89984" i="1"/>
  <c r="AF89985" i="1"/>
  <c r="AF89986" i="1"/>
  <c r="AF89987" i="1"/>
  <c r="AF89988" i="1"/>
  <c r="AF89989" i="1"/>
  <c r="AF89990" i="1"/>
  <c r="AF89991" i="1"/>
  <c r="AF89992" i="1"/>
  <c r="AF89993" i="1"/>
  <c r="AF89994" i="1"/>
  <c r="AF89995" i="1"/>
  <c r="AF89996" i="1"/>
  <c r="AF89997" i="1"/>
  <c r="AF89998" i="1"/>
  <c r="AF89999" i="1"/>
  <c r="AF90000" i="1"/>
  <c r="AF90001" i="1"/>
  <c r="AF90002" i="1"/>
  <c r="AF90003" i="1"/>
  <c r="AF90004" i="1"/>
  <c r="AF90005" i="1"/>
  <c r="AF90006" i="1"/>
  <c r="AF90007" i="1"/>
  <c r="AF90008" i="1"/>
  <c r="AF90009" i="1"/>
  <c r="AF90010" i="1"/>
  <c r="AF90011" i="1"/>
  <c r="AF90012" i="1"/>
  <c r="AF90013" i="1"/>
  <c r="AF90014" i="1"/>
  <c r="AF90015" i="1"/>
  <c r="AF90016" i="1"/>
  <c r="AF90017" i="1"/>
  <c r="AF90018" i="1"/>
  <c r="AF90019" i="1"/>
  <c r="AF90020" i="1"/>
  <c r="AF90021" i="1"/>
  <c r="AF90022" i="1"/>
  <c r="AF90023" i="1"/>
  <c r="AF90024" i="1"/>
  <c r="AF90025" i="1"/>
  <c r="AF90026" i="1"/>
  <c r="AF90027" i="1"/>
  <c r="AF90028" i="1"/>
  <c r="AF90029" i="1"/>
  <c r="AF90030" i="1"/>
  <c r="AF90031" i="1"/>
  <c r="AF90032" i="1"/>
  <c r="AF90033" i="1"/>
  <c r="AF90034" i="1"/>
  <c r="AF90035" i="1"/>
  <c r="AF90036" i="1"/>
  <c r="AF90037" i="1"/>
  <c r="AF90038" i="1"/>
  <c r="AF90039" i="1"/>
  <c r="AF90040" i="1"/>
  <c r="AF90041" i="1"/>
  <c r="AF90042" i="1"/>
  <c r="AF90043" i="1"/>
  <c r="AF90044" i="1"/>
  <c r="AF90045" i="1"/>
  <c r="AF90046" i="1"/>
  <c r="AF90047" i="1"/>
  <c r="AF90048" i="1"/>
  <c r="AF90049" i="1"/>
  <c r="AF90050" i="1"/>
  <c r="AF90051" i="1"/>
  <c r="AF90052" i="1"/>
  <c r="AF90053" i="1"/>
  <c r="AF90054" i="1"/>
  <c r="AF90055" i="1"/>
  <c r="AF90056" i="1"/>
  <c r="AF90057" i="1"/>
  <c r="AF90058" i="1"/>
  <c r="AF90059" i="1"/>
  <c r="AF90060" i="1"/>
  <c r="AF90061" i="1"/>
  <c r="AF90062" i="1"/>
  <c r="AF90063" i="1"/>
  <c r="AF90064" i="1"/>
  <c r="AF90065" i="1"/>
  <c r="AF90066" i="1"/>
  <c r="AF90067" i="1"/>
  <c r="AF90068" i="1"/>
  <c r="AF90069" i="1"/>
  <c r="AF90070" i="1"/>
  <c r="AF90071" i="1"/>
  <c r="AF90072" i="1"/>
  <c r="AF90073" i="1"/>
  <c r="AF90074" i="1"/>
  <c r="AF90075" i="1"/>
  <c r="AF90076" i="1"/>
  <c r="AF90077" i="1"/>
  <c r="AF90078" i="1"/>
  <c r="AF90079" i="1"/>
  <c r="AF90080" i="1"/>
  <c r="AF90081" i="1"/>
  <c r="AF90082" i="1"/>
  <c r="AF90083" i="1"/>
  <c r="AF90084" i="1"/>
  <c r="AF90085" i="1"/>
  <c r="AF90086" i="1"/>
  <c r="AF90087" i="1"/>
  <c r="AF90088" i="1"/>
  <c r="AF90089" i="1"/>
  <c r="AF90090" i="1"/>
  <c r="AF90091" i="1"/>
  <c r="AF90092" i="1"/>
  <c r="AF90093" i="1"/>
  <c r="AF90094" i="1"/>
  <c r="AF90095" i="1"/>
  <c r="AF90096" i="1"/>
  <c r="AF90097" i="1"/>
  <c r="AF90098" i="1"/>
  <c r="AF90099" i="1"/>
  <c r="AF90100" i="1"/>
  <c r="AF90101" i="1"/>
  <c r="AF90102" i="1"/>
  <c r="AF90103" i="1"/>
  <c r="AF90104" i="1"/>
  <c r="AF90105" i="1"/>
  <c r="AF90106" i="1"/>
  <c r="AF90107" i="1"/>
  <c r="AF90108" i="1"/>
  <c r="AF90109" i="1"/>
  <c r="AF90110" i="1"/>
  <c r="AF90111" i="1"/>
  <c r="AF90112" i="1"/>
  <c r="AF90113" i="1"/>
  <c r="AF90114" i="1"/>
  <c r="AF90115" i="1"/>
  <c r="AF90116" i="1"/>
  <c r="AF90117" i="1"/>
  <c r="AF90118" i="1"/>
  <c r="AF90119" i="1"/>
  <c r="AF90120" i="1"/>
  <c r="AF90121" i="1"/>
  <c r="AF90122" i="1"/>
  <c r="AF90123" i="1"/>
  <c r="AF90124" i="1"/>
  <c r="AF90125" i="1"/>
  <c r="AF90126" i="1"/>
  <c r="AF90127" i="1"/>
  <c r="AF90128" i="1"/>
  <c r="AF90129" i="1"/>
  <c r="AF90130" i="1"/>
  <c r="AF90131" i="1"/>
  <c r="AF90132" i="1"/>
  <c r="AF90133" i="1"/>
  <c r="AF90134" i="1"/>
  <c r="AF90135" i="1"/>
  <c r="AF90136" i="1"/>
  <c r="AF90137" i="1"/>
  <c r="AF90138" i="1"/>
  <c r="AF90139" i="1"/>
  <c r="AF90140" i="1"/>
  <c r="AF90141" i="1"/>
  <c r="AF90142" i="1"/>
  <c r="AF90143" i="1"/>
  <c r="AF90144" i="1"/>
  <c r="AF90145" i="1"/>
  <c r="AF90146" i="1"/>
  <c r="AF90147" i="1"/>
  <c r="AF90148" i="1"/>
  <c r="AF90149" i="1"/>
  <c r="AF90150" i="1"/>
  <c r="AF90151" i="1"/>
  <c r="AF90152" i="1"/>
  <c r="AF90153" i="1"/>
  <c r="AF90154" i="1"/>
  <c r="AF90155" i="1"/>
  <c r="AF90156" i="1"/>
  <c r="AF90157" i="1"/>
  <c r="AF90158" i="1"/>
  <c r="AF90159" i="1"/>
  <c r="AF90160" i="1"/>
  <c r="AF90161" i="1"/>
  <c r="AF90162" i="1"/>
  <c r="AF90163" i="1"/>
  <c r="AF90164" i="1"/>
  <c r="AF90165" i="1"/>
  <c r="AF90166" i="1"/>
  <c r="AF90167" i="1"/>
  <c r="AF90168" i="1"/>
  <c r="AF90169" i="1"/>
  <c r="AF90170" i="1"/>
  <c r="AF90171" i="1"/>
  <c r="AF90172" i="1"/>
  <c r="AF90173" i="1"/>
  <c r="AF90174" i="1"/>
  <c r="AF90175" i="1"/>
  <c r="AF90176" i="1"/>
  <c r="AF90177" i="1"/>
  <c r="AF90178" i="1"/>
  <c r="AF90179" i="1"/>
  <c r="AF90180" i="1"/>
  <c r="AF90181" i="1"/>
  <c r="AF90182" i="1"/>
  <c r="AF90183" i="1"/>
  <c r="AF90184" i="1"/>
  <c r="AF90185" i="1"/>
  <c r="AF90186" i="1"/>
  <c r="AF90187" i="1"/>
  <c r="AF90188" i="1"/>
  <c r="AF90189" i="1"/>
  <c r="AF90190" i="1"/>
  <c r="AF90191" i="1"/>
  <c r="AF90192" i="1"/>
  <c r="AF90193" i="1"/>
  <c r="AF90194" i="1"/>
  <c r="AF90195" i="1"/>
  <c r="AF90196" i="1"/>
  <c r="AF90197" i="1"/>
  <c r="AF90198" i="1"/>
  <c r="AF90199" i="1"/>
  <c r="AF90200" i="1"/>
  <c r="AF90201" i="1"/>
  <c r="AF90202" i="1"/>
  <c r="AF90203" i="1"/>
  <c r="AF90204" i="1"/>
  <c r="AF90205" i="1"/>
  <c r="AF90206" i="1"/>
  <c r="AF90207" i="1"/>
  <c r="AF90208" i="1"/>
  <c r="AF90209" i="1"/>
  <c r="AF90210" i="1"/>
  <c r="AF90211" i="1"/>
  <c r="AF90212" i="1"/>
  <c r="AF90213" i="1"/>
  <c r="AF90214" i="1"/>
  <c r="AF90215" i="1"/>
  <c r="AF90216" i="1"/>
  <c r="AF90217" i="1"/>
  <c r="AF90218" i="1"/>
  <c r="AF90219" i="1"/>
  <c r="AF90220" i="1"/>
  <c r="AF90221" i="1"/>
  <c r="AF90222" i="1"/>
  <c r="AF90223" i="1"/>
  <c r="AF90224" i="1"/>
  <c r="AF90225" i="1"/>
  <c r="AF90226" i="1"/>
  <c r="AF90227" i="1"/>
  <c r="AF90228" i="1"/>
  <c r="AF90229" i="1"/>
  <c r="AF90230" i="1"/>
  <c r="AF90231" i="1"/>
  <c r="AF90232" i="1"/>
  <c r="AF90233" i="1"/>
  <c r="AF90234" i="1"/>
  <c r="AF90235" i="1"/>
  <c r="AF90236" i="1"/>
  <c r="AF90237" i="1"/>
  <c r="AF90238" i="1"/>
  <c r="AF90239" i="1"/>
  <c r="AF90240" i="1"/>
  <c r="AF90241" i="1"/>
  <c r="AF90242" i="1"/>
  <c r="AF90243" i="1"/>
  <c r="AF90244" i="1"/>
  <c r="AF90245" i="1"/>
  <c r="AF90246" i="1"/>
  <c r="AF90247" i="1"/>
  <c r="AF90248" i="1"/>
  <c r="AF90249" i="1"/>
  <c r="AF90250" i="1"/>
  <c r="AF90251" i="1"/>
  <c r="AF90252" i="1"/>
  <c r="AF90253" i="1"/>
  <c r="AF90254" i="1"/>
  <c r="AF90255" i="1"/>
  <c r="AF90256" i="1"/>
  <c r="AF90257" i="1"/>
  <c r="AF90258" i="1"/>
  <c r="AF90259" i="1"/>
  <c r="AF90260" i="1"/>
  <c r="AF90261" i="1"/>
  <c r="AF90262" i="1"/>
  <c r="AF90263" i="1"/>
  <c r="AF90264" i="1"/>
  <c r="AF90265" i="1"/>
  <c r="AF90266" i="1"/>
  <c r="AF90267" i="1"/>
  <c r="AF90268" i="1"/>
  <c r="AF90269" i="1"/>
  <c r="AF90270" i="1"/>
  <c r="AF90271" i="1"/>
  <c r="AF90272" i="1"/>
  <c r="AF90273" i="1"/>
  <c r="AF90274" i="1"/>
  <c r="AF90275" i="1"/>
  <c r="AF90276" i="1"/>
  <c r="AF90277" i="1"/>
  <c r="AF90278" i="1"/>
  <c r="AF90279" i="1"/>
  <c r="AF90280" i="1"/>
  <c r="AF90281" i="1"/>
  <c r="AF90282" i="1"/>
  <c r="AF90283" i="1"/>
  <c r="AF90284" i="1"/>
  <c r="AF90285" i="1"/>
  <c r="AF90286" i="1"/>
  <c r="AF90287" i="1"/>
  <c r="AF90288" i="1"/>
  <c r="AF90289" i="1"/>
  <c r="AF90290" i="1"/>
  <c r="AF90291" i="1"/>
  <c r="AF90292" i="1"/>
  <c r="AF90293" i="1"/>
  <c r="AF90294" i="1"/>
  <c r="AF90295" i="1"/>
  <c r="AF90296" i="1"/>
  <c r="AF90297" i="1"/>
  <c r="AF90298" i="1"/>
  <c r="AF90299" i="1"/>
  <c r="AF90300" i="1"/>
  <c r="AF90301" i="1"/>
  <c r="AF90302" i="1"/>
  <c r="AF90303" i="1"/>
  <c r="AF90304" i="1"/>
  <c r="AF90305" i="1"/>
  <c r="AF90306" i="1"/>
  <c r="AF90307" i="1"/>
  <c r="AF90308" i="1"/>
  <c r="AF90309" i="1"/>
  <c r="AF90310" i="1"/>
  <c r="AF90311" i="1"/>
  <c r="AF90312" i="1"/>
  <c r="AF90313" i="1"/>
  <c r="AF90314" i="1"/>
  <c r="AF90315" i="1"/>
  <c r="AF90316" i="1"/>
  <c r="AF90317" i="1"/>
  <c r="AF90318" i="1"/>
  <c r="AF90319" i="1"/>
  <c r="AF90320" i="1"/>
  <c r="AF90321" i="1"/>
  <c r="AF90322" i="1"/>
  <c r="AF90323" i="1"/>
  <c r="AF90324" i="1"/>
  <c r="AF90325" i="1"/>
  <c r="AF90326" i="1"/>
  <c r="AF90327" i="1"/>
  <c r="AF90328" i="1"/>
  <c r="AF90329" i="1"/>
  <c r="AF90330" i="1"/>
  <c r="AF90331" i="1"/>
  <c r="AF90332" i="1"/>
  <c r="AF90333" i="1"/>
  <c r="AF90334" i="1"/>
  <c r="AF90335" i="1"/>
  <c r="AF90336" i="1"/>
  <c r="AF90337" i="1"/>
  <c r="AF90338" i="1"/>
  <c r="AF90339" i="1"/>
  <c r="AF90340" i="1"/>
  <c r="AF90341" i="1"/>
  <c r="AF90342" i="1"/>
  <c r="AF90343" i="1"/>
  <c r="AF90344" i="1"/>
  <c r="AF90345" i="1"/>
  <c r="AF90346" i="1"/>
  <c r="AF90347" i="1"/>
  <c r="AF90348" i="1"/>
  <c r="AF90349" i="1"/>
  <c r="AF90350" i="1"/>
  <c r="AF90351" i="1"/>
  <c r="AF90352" i="1"/>
  <c r="AF90353" i="1"/>
  <c r="AF90354" i="1"/>
  <c r="AF90355" i="1"/>
  <c r="AF90356" i="1"/>
  <c r="AF90357" i="1"/>
  <c r="AF90358" i="1"/>
  <c r="AF90359" i="1"/>
  <c r="AF90360" i="1"/>
  <c r="AF90361" i="1"/>
  <c r="AF90362" i="1"/>
  <c r="AF90363" i="1"/>
  <c r="AF90364" i="1"/>
  <c r="AF90365" i="1"/>
  <c r="AF90366" i="1"/>
  <c r="AF90367" i="1"/>
  <c r="AF90368" i="1"/>
  <c r="AF90369" i="1"/>
  <c r="AF90370" i="1"/>
  <c r="AF90371" i="1"/>
  <c r="AF90372" i="1"/>
  <c r="AF90373" i="1"/>
  <c r="AF90374" i="1"/>
  <c r="AF90375" i="1"/>
  <c r="AF90376" i="1"/>
  <c r="AF90377" i="1"/>
  <c r="AF90378" i="1"/>
  <c r="AF90379" i="1"/>
  <c r="AF90380" i="1"/>
  <c r="AF90381" i="1"/>
  <c r="AF90382" i="1"/>
  <c r="AF90383" i="1"/>
  <c r="AF90384" i="1"/>
  <c r="AF90385" i="1"/>
  <c r="AF90386" i="1"/>
  <c r="AF90387" i="1"/>
  <c r="AF90388" i="1"/>
  <c r="AF90389" i="1"/>
  <c r="AF90390" i="1"/>
  <c r="AF90391" i="1"/>
  <c r="AF90392" i="1"/>
  <c r="AF90393" i="1"/>
  <c r="AF90394" i="1"/>
  <c r="AF90395" i="1"/>
  <c r="AF90396" i="1"/>
  <c r="AF90397" i="1"/>
  <c r="AF90398" i="1"/>
  <c r="AF90399" i="1"/>
  <c r="AF90400" i="1"/>
  <c r="AF90401" i="1"/>
  <c r="AF90402" i="1"/>
  <c r="AF90403" i="1"/>
  <c r="AF90404" i="1"/>
  <c r="AF90405" i="1"/>
  <c r="AF90406" i="1"/>
  <c r="AF90407" i="1"/>
  <c r="AF90408" i="1"/>
  <c r="AF90409" i="1"/>
  <c r="AF90410" i="1"/>
  <c r="AF90411" i="1"/>
  <c r="AF90412" i="1"/>
  <c r="AF90413" i="1"/>
  <c r="AF90414" i="1"/>
  <c r="AF90415" i="1"/>
  <c r="AF90416" i="1"/>
  <c r="AF90417" i="1"/>
  <c r="AF90418" i="1"/>
  <c r="AF90419" i="1"/>
  <c r="AF90420" i="1"/>
  <c r="AF90421" i="1"/>
  <c r="AF90422" i="1"/>
  <c r="AF90423" i="1"/>
  <c r="AF90424" i="1"/>
  <c r="AF90425" i="1"/>
  <c r="AF90426" i="1"/>
  <c r="AF90427" i="1"/>
  <c r="AF90428" i="1"/>
  <c r="AF90429" i="1"/>
  <c r="AF90430" i="1"/>
  <c r="AF90431" i="1"/>
  <c r="AF90432" i="1"/>
  <c r="AF90433" i="1"/>
  <c r="AF90434" i="1"/>
  <c r="AF90435" i="1"/>
  <c r="AF90436" i="1"/>
  <c r="AF90437" i="1"/>
  <c r="AF90438" i="1"/>
  <c r="AF90439" i="1"/>
  <c r="AF90440" i="1"/>
  <c r="AF90441" i="1"/>
  <c r="AF90442" i="1"/>
  <c r="AF90443" i="1"/>
  <c r="AF90444" i="1"/>
  <c r="AF90445" i="1"/>
  <c r="AF90446" i="1"/>
  <c r="AF90447" i="1"/>
  <c r="AF90448" i="1"/>
  <c r="AF90449" i="1"/>
  <c r="AF90450" i="1"/>
  <c r="AF90451" i="1"/>
  <c r="AF90452" i="1"/>
  <c r="AF90453" i="1"/>
  <c r="AF90454" i="1"/>
  <c r="AF90455" i="1"/>
  <c r="AF90456" i="1"/>
  <c r="AF90457" i="1"/>
  <c r="AF90458" i="1"/>
  <c r="AF90459" i="1"/>
  <c r="AF90460" i="1"/>
  <c r="AF90461" i="1"/>
  <c r="AF90462" i="1"/>
  <c r="AF90463" i="1"/>
  <c r="AF90464" i="1"/>
  <c r="AF90465" i="1"/>
  <c r="AF90466" i="1"/>
  <c r="AF90467" i="1"/>
  <c r="AF90468" i="1"/>
  <c r="AF90469" i="1"/>
  <c r="AF90470" i="1"/>
  <c r="AF90471" i="1"/>
  <c r="AF90472" i="1"/>
  <c r="AF90473" i="1"/>
  <c r="AF90474" i="1"/>
  <c r="AF90475" i="1"/>
  <c r="AF90476" i="1"/>
  <c r="AF90477" i="1"/>
  <c r="AF90478" i="1"/>
  <c r="AF90479" i="1"/>
  <c r="AF90480" i="1"/>
  <c r="AF90481" i="1"/>
  <c r="AF90482" i="1"/>
  <c r="AF90483" i="1"/>
  <c r="AF90484" i="1"/>
  <c r="AF90485" i="1"/>
  <c r="AF90486" i="1"/>
  <c r="AF90487" i="1"/>
  <c r="AF90488" i="1"/>
  <c r="AF90489" i="1"/>
  <c r="AF90490" i="1"/>
  <c r="AF90491" i="1"/>
  <c r="AF90492" i="1"/>
  <c r="AF90493" i="1"/>
  <c r="AF90494" i="1"/>
  <c r="AF90495" i="1"/>
  <c r="AF90496" i="1"/>
  <c r="AF90497" i="1"/>
  <c r="AF90498" i="1"/>
  <c r="AF90499" i="1"/>
  <c r="AF90500" i="1"/>
  <c r="AF90501" i="1"/>
  <c r="AF90502" i="1"/>
  <c r="AF90503" i="1"/>
  <c r="AF90504" i="1"/>
  <c r="AF90505" i="1"/>
  <c r="AF90506" i="1"/>
  <c r="AF90507" i="1"/>
  <c r="AF90508" i="1"/>
  <c r="AF90509" i="1"/>
  <c r="AF90510" i="1"/>
  <c r="AF90511" i="1"/>
  <c r="AF90512" i="1"/>
  <c r="AF90513" i="1"/>
  <c r="AF90514" i="1"/>
  <c r="AF90515" i="1"/>
  <c r="AF90516" i="1"/>
  <c r="AF90517" i="1"/>
  <c r="AF90518" i="1"/>
  <c r="AF90519" i="1"/>
  <c r="AF90520" i="1"/>
  <c r="AF90521" i="1"/>
  <c r="AF90522" i="1"/>
  <c r="AF90523" i="1"/>
  <c r="AF90524" i="1"/>
  <c r="AF90525" i="1"/>
  <c r="AF90526" i="1"/>
  <c r="AF90527" i="1"/>
  <c r="AF90528" i="1"/>
  <c r="AF90529" i="1"/>
  <c r="AF90530" i="1"/>
  <c r="AF90531" i="1"/>
  <c r="AF90532" i="1"/>
  <c r="AF90533" i="1"/>
  <c r="AF90534" i="1"/>
  <c r="AF90535" i="1"/>
  <c r="AF90536" i="1"/>
  <c r="AF90537" i="1"/>
  <c r="AF90538" i="1"/>
  <c r="AF90539" i="1"/>
  <c r="AF90540" i="1"/>
  <c r="AF90541" i="1"/>
  <c r="AF90542" i="1"/>
  <c r="AF90543" i="1"/>
  <c r="AF90544" i="1"/>
  <c r="AF90545" i="1"/>
  <c r="AF90546" i="1"/>
  <c r="AF90547" i="1"/>
  <c r="AF90548" i="1"/>
  <c r="AF90549" i="1"/>
  <c r="AF90550" i="1"/>
  <c r="AF90551" i="1"/>
  <c r="AF90552" i="1"/>
  <c r="AF90553" i="1"/>
  <c r="AF90554" i="1"/>
  <c r="AF90555" i="1"/>
  <c r="AF90556" i="1"/>
  <c r="AF90557" i="1"/>
  <c r="AF90558" i="1"/>
  <c r="AF90559" i="1"/>
  <c r="AF90560" i="1"/>
  <c r="AF90561" i="1"/>
  <c r="AF90562" i="1"/>
  <c r="AF90563" i="1"/>
  <c r="AF90564" i="1"/>
  <c r="AF90565" i="1"/>
  <c r="AF90566" i="1"/>
  <c r="AF90567" i="1"/>
  <c r="AF90568" i="1"/>
  <c r="AF90569" i="1"/>
  <c r="AF90570" i="1"/>
  <c r="AF90571" i="1"/>
  <c r="AF90572" i="1"/>
  <c r="AF90573" i="1"/>
  <c r="AF90574" i="1"/>
  <c r="AF90575" i="1"/>
  <c r="AF90576" i="1"/>
  <c r="AF90577" i="1"/>
  <c r="AF90578" i="1"/>
  <c r="AF90579" i="1"/>
  <c r="AF90580" i="1"/>
  <c r="AF90581" i="1"/>
  <c r="AF90582" i="1"/>
  <c r="AF90583" i="1"/>
  <c r="AF90584" i="1"/>
  <c r="AF90585" i="1"/>
  <c r="AF90586" i="1"/>
  <c r="AF90587" i="1"/>
  <c r="AF90588" i="1"/>
  <c r="AF90589" i="1"/>
  <c r="AF90590" i="1"/>
  <c r="AF90591" i="1"/>
  <c r="AF90592" i="1"/>
  <c r="AF90593" i="1"/>
  <c r="AF90594" i="1"/>
  <c r="AF90595" i="1"/>
  <c r="AF90596" i="1"/>
  <c r="AF90597" i="1"/>
  <c r="AF90598" i="1"/>
  <c r="AF90599" i="1"/>
  <c r="AF90600" i="1"/>
  <c r="AF90601" i="1"/>
  <c r="AF90602" i="1"/>
  <c r="AF90603" i="1"/>
  <c r="AF90604" i="1"/>
  <c r="AF90605" i="1"/>
  <c r="AF90606" i="1"/>
  <c r="AF90607" i="1"/>
  <c r="AF90608" i="1"/>
  <c r="AF90609" i="1"/>
  <c r="AF90610" i="1"/>
  <c r="AF90611" i="1"/>
  <c r="AF90612" i="1"/>
  <c r="AF90613" i="1"/>
  <c r="AF90614" i="1"/>
  <c r="AF90615" i="1"/>
  <c r="AF90616" i="1"/>
  <c r="AF90617" i="1"/>
  <c r="AF90618" i="1"/>
  <c r="AF90619" i="1"/>
  <c r="AF90620" i="1"/>
  <c r="AF90621" i="1"/>
  <c r="AF90622" i="1"/>
  <c r="AF90623" i="1"/>
  <c r="AF90624" i="1"/>
  <c r="AF90625" i="1"/>
  <c r="AF90626" i="1"/>
  <c r="AF90627" i="1"/>
  <c r="AF90628" i="1"/>
  <c r="AF90629" i="1"/>
  <c r="AF90630" i="1"/>
  <c r="AF90631" i="1"/>
  <c r="AF90632" i="1"/>
  <c r="AF90633" i="1"/>
  <c r="AF90634" i="1"/>
  <c r="AF90635" i="1"/>
  <c r="AF90636" i="1"/>
  <c r="AF90637" i="1"/>
  <c r="AF90638" i="1"/>
  <c r="AF90639" i="1"/>
  <c r="AF90640" i="1"/>
  <c r="AF90641" i="1"/>
  <c r="AF90642" i="1"/>
  <c r="AF90643" i="1"/>
  <c r="AF90644" i="1"/>
  <c r="AF90645" i="1"/>
  <c r="AF90646" i="1"/>
  <c r="AF90647" i="1"/>
  <c r="AF90648" i="1"/>
  <c r="AF90649" i="1"/>
  <c r="AF90650" i="1"/>
  <c r="AF90651" i="1"/>
  <c r="AF90652" i="1"/>
  <c r="AF90653" i="1"/>
  <c r="AF90654" i="1"/>
  <c r="AF90655" i="1"/>
  <c r="AF90656" i="1"/>
  <c r="AF90657" i="1"/>
  <c r="AF90658" i="1"/>
  <c r="AF90659" i="1"/>
  <c r="AF90660" i="1"/>
  <c r="AF90661" i="1"/>
  <c r="AF90662" i="1"/>
  <c r="AF90663" i="1"/>
  <c r="AF90664" i="1"/>
  <c r="AF90665" i="1"/>
  <c r="AF90666" i="1"/>
  <c r="AF90667" i="1"/>
  <c r="AF90668" i="1"/>
  <c r="AF90669" i="1"/>
  <c r="AF90670" i="1"/>
  <c r="AF90671" i="1"/>
  <c r="AF90672" i="1"/>
  <c r="AF90673" i="1"/>
  <c r="AF90674" i="1"/>
  <c r="AF90675" i="1"/>
  <c r="AF90676" i="1"/>
  <c r="AF90677" i="1"/>
  <c r="AF90678" i="1"/>
  <c r="AF90679" i="1"/>
  <c r="AF90680" i="1"/>
  <c r="AF90681" i="1"/>
  <c r="AF90682" i="1"/>
  <c r="AF90683" i="1"/>
  <c r="AF90684" i="1"/>
  <c r="AF90685" i="1"/>
  <c r="AF90686" i="1"/>
  <c r="AF90687" i="1"/>
  <c r="AF90688" i="1"/>
  <c r="AF90689" i="1"/>
  <c r="AF90690" i="1"/>
  <c r="AF90691" i="1"/>
  <c r="AF90692" i="1"/>
  <c r="AF90693" i="1"/>
  <c r="AF90694" i="1"/>
  <c r="AF90695" i="1"/>
  <c r="AF90696" i="1"/>
  <c r="AF90697" i="1"/>
  <c r="AF90698" i="1"/>
  <c r="AF90699" i="1"/>
  <c r="AF90700" i="1"/>
  <c r="AF90701" i="1"/>
  <c r="AF90702" i="1"/>
  <c r="AF90703" i="1"/>
  <c r="AF90704" i="1"/>
  <c r="AF90705" i="1"/>
  <c r="AF90706" i="1"/>
  <c r="AF90707" i="1"/>
  <c r="AF90708" i="1"/>
  <c r="AF90709" i="1"/>
  <c r="AF90710" i="1"/>
  <c r="AF90711" i="1"/>
  <c r="AF90712" i="1"/>
  <c r="AF90713" i="1"/>
  <c r="AF90714" i="1"/>
  <c r="AF90715" i="1"/>
  <c r="AF90716" i="1"/>
  <c r="AF90717" i="1"/>
  <c r="AF90718" i="1"/>
  <c r="AF90719" i="1"/>
  <c r="AF90720" i="1"/>
  <c r="AF90721" i="1"/>
  <c r="AF90722" i="1"/>
  <c r="AF90723" i="1"/>
  <c r="AF90724" i="1"/>
  <c r="AF90725" i="1"/>
  <c r="AF90726" i="1"/>
  <c r="AF90727" i="1"/>
  <c r="AF90728" i="1"/>
  <c r="AF90729" i="1"/>
  <c r="AF90730" i="1"/>
  <c r="AF90731" i="1"/>
  <c r="AF90732" i="1"/>
  <c r="AF90733" i="1"/>
  <c r="AF90734" i="1"/>
  <c r="AF90735" i="1"/>
  <c r="AF90736" i="1"/>
  <c r="AF90737" i="1"/>
  <c r="AF90738" i="1"/>
  <c r="AF90739" i="1"/>
  <c r="AF90740" i="1"/>
  <c r="AF90741" i="1"/>
  <c r="AF90742" i="1"/>
  <c r="AF90743" i="1"/>
  <c r="AF90744" i="1"/>
  <c r="AF90745" i="1"/>
  <c r="AF90746" i="1"/>
  <c r="AF90747" i="1"/>
  <c r="AF90748" i="1"/>
  <c r="AF90749" i="1"/>
  <c r="AF90750" i="1"/>
  <c r="AF90751" i="1"/>
  <c r="AF90752" i="1"/>
  <c r="AF90753" i="1"/>
  <c r="AF90754" i="1"/>
  <c r="AF90755" i="1"/>
  <c r="AF90756" i="1"/>
  <c r="AF90757" i="1"/>
  <c r="AF90758" i="1"/>
  <c r="AF90759" i="1"/>
  <c r="AF90760" i="1"/>
  <c r="AF90761" i="1"/>
  <c r="AF90762" i="1"/>
  <c r="AF90763" i="1"/>
  <c r="AF90764" i="1"/>
  <c r="AF90765" i="1"/>
  <c r="AF90766" i="1"/>
  <c r="AF90767" i="1"/>
  <c r="AF90768" i="1"/>
  <c r="AF90769" i="1"/>
  <c r="AF90770" i="1"/>
  <c r="AF90771" i="1"/>
  <c r="AF90772" i="1"/>
  <c r="AF90773" i="1"/>
  <c r="AF90774" i="1"/>
  <c r="AF90775" i="1"/>
  <c r="AF90776" i="1"/>
  <c r="AF90777" i="1"/>
  <c r="AF90778" i="1"/>
  <c r="AF90779" i="1"/>
  <c r="AF90780" i="1"/>
  <c r="AF90781" i="1"/>
  <c r="AF90782" i="1"/>
  <c r="AF90783" i="1"/>
  <c r="AF90784" i="1"/>
  <c r="AF90785" i="1"/>
  <c r="AF90786" i="1"/>
  <c r="AF90787" i="1"/>
  <c r="AF90788" i="1"/>
  <c r="AF90789" i="1"/>
  <c r="AF90790" i="1"/>
  <c r="AF90791" i="1"/>
  <c r="AF90792" i="1"/>
  <c r="AF90793" i="1"/>
  <c r="AF90794" i="1"/>
  <c r="AF90795" i="1"/>
  <c r="AF90796" i="1"/>
  <c r="AF90797" i="1"/>
  <c r="AF90798" i="1"/>
  <c r="AF90799" i="1"/>
  <c r="AF90800" i="1"/>
  <c r="AF90801" i="1"/>
  <c r="AF90802" i="1"/>
  <c r="AF90803" i="1"/>
  <c r="AF90804" i="1"/>
  <c r="AF90805" i="1"/>
  <c r="AF90806" i="1"/>
  <c r="AF90807" i="1"/>
  <c r="AF90808" i="1"/>
  <c r="AF90809" i="1"/>
  <c r="AF90810" i="1"/>
  <c r="AF90811" i="1"/>
  <c r="AF90812" i="1"/>
  <c r="AF90813" i="1"/>
  <c r="AF90814" i="1"/>
  <c r="AF90815" i="1"/>
  <c r="AF90816" i="1"/>
  <c r="AF90817" i="1"/>
  <c r="AF90818" i="1"/>
  <c r="AF90819" i="1"/>
  <c r="AF90820" i="1"/>
  <c r="AF90821" i="1"/>
  <c r="AF90822" i="1"/>
  <c r="AF90823" i="1"/>
  <c r="AF90824" i="1"/>
  <c r="AF90825" i="1"/>
  <c r="AF90826" i="1"/>
  <c r="AF90827" i="1"/>
  <c r="AF90828" i="1"/>
  <c r="AF90829" i="1"/>
  <c r="AF90830" i="1"/>
  <c r="AF90831" i="1"/>
  <c r="AF90832" i="1"/>
  <c r="AF90833" i="1"/>
  <c r="AF90834" i="1"/>
  <c r="AF90835" i="1"/>
  <c r="AF90836" i="1"/>
  <c r="AF90837" i="1"/>
  <c r="AF90838" i="1"/>
  <c r="AF90839" i="1"/>
  <c r="AF90840" i="1"/>
  <c r="AF90841" i="1"/>
  <c r="AF90842" i="1"/>
  <c r="AF90843" i="1"/>
  <c r="AF90844" i="1"/>
  <c r="AF90845" i="1"/>
  <c r="AF90846" i="1"/>
  <c r="AF90847" i="1"/>
  <c r="AF90848" i="1"/>
  <c r="AF90849" i="1"/>
  <c r="AF90850" i="1"/>
  <c r="AF90851" i="1"/>
  <c r="AF90852" i="1"/>
  <c r="AF90853" i="1"/>
  <c r="AF90854" i="1"/>
  <c r="AF90855" i="1"/>
  <c r="AF90856" i="1"/>
  <c r="AF90857" i="1"/>
  <c r="AF90858" i="1"/>
  <c r="AF90859" i="1"/>
  <c r="AF90860" i="1"/>
  <c r="AF90861" i="1"/>
  <c r="AF90862" i="1"/>
  <c r="AF90863" i="1"/>
  <c r="AF90864" i="1"/>
  <c r="AF90865" i="1"/>
  <c r="AF90866" i="1"/>
  <c r="AF90867" i="1"/>
  <c r="AF90868" i="1"/>
  <c r="AF90869" i="1"/>
  <c r="AF90870" i="1"/>
  <c r="AF90871" i="1"/>
  <c r="AF90872" i="1"/>
  <c r="AF90873" i="1"/>
  <c r="AF90874" i="1"/>
  <c r="AF90875" i="1"/>
  <c r="AF90876" i="1"/>
  <c r="AF90877" i="1"/>
  <c r="AF90878" i="1"/>
  <c r="AF90879" i="1"/>
  <c r="AF90880" i="1"/>
  <c r="AF90881" i="1"/>
  <c r="AF90882" i="1"/>
  <c r="AF90883" i="1"/>
  <c r="AF90884" i="1"/>
  <c r="AF90885" i="1"/>
  <c r="AF90886" i="1"/>
  <c r="AF90887" i="1"/>
  <c r="AF90888" i="1"/>
  <c r="AF90889" i="1"/>
  <c r="AF90890" i="1"/>
  <c r="AF90891" i="1"/>
  <c r="AF90892" i="1"/>
  <c r="AF90893" i="1"/>
  <c r="AF90894" i="1"/>
  <c r="AF90895" i="1"/>
  <c r="AF90896" i="1"/>
  <c r="AF90897" i="1"/>
  <c r="AF90898" i="1"/>
  <c r="AF90899" i="1"/>
  <c r="AF90900" i="1"/>
  <c r="AF90901" i="1"/>
  <c r="AF90902" i="1"/>
  <c r="AF90903" i="1"/>
  <c r="AF90904" i="1"/>
  <c r="AF90905" i="1"/>
  <c r="AF90906" i="1"/>
  <c r="AF90907" i="1"/>
  <c r="AF90908" i="1"/>
  <c r="AF90909" i="1"/>
  <c r="AF90910" i="1"/>
  <c r="AF90911" i="1"/>
  <c r="AF90912" i="1"/>
  <c r="AF90913" i="1"/>
  <c r="AF90914" i="1"/>
  <c r="AF90915" i="1"/>
  <c r="AF90916" i="1"/>
  <c r="AF90917" i="1"/>
  <c r="AF90918" i="1"/>
  <c r="AF90919" i="1"/>
  <c r="AF90920" i="1"/>
  <c r="AF90921" i="1"/>
  <c r="AF90922" i="1"/>
  <c r="AF90923" i="1"/>
  <c r="AF90924" i="1"/>
  <c r="AF90925" i="1"/>
  <c r="AF90926" i="1"/>
  <c r="AF90927" i="1"/>
  <c r="AF90928" i="1"/>
  <c r="AF90929" i="1"/>
  <c r="AF90930" i="1"/>
  <c r="AF90931" i="1"/>
  <c r="AF90932" i="1"/>
  <c r="AF90933" i="1"/>
  <c r="AF90934" i="1"/>
  <c r="AF90935" i="1"/>
  <c r="AF90936" i="1"/>
  <c r="AF90937" i="1"/>
  <c r="AF90938" i="1"/>
  <c r="AF90939" i="1"/>
  <c r="AF90940" i="1"/>
  <c r="AF90941" i="1"/>
  <c r="AF90942" i="1"/>
  <c r="AF90943" i="1"/>
  <c r="AF90944" i="1"/>
  <c r="AF90945" i="1"/>
  <c r="AF90946" i="1"/>
  <c r="AF90947" i="1"/>
  <c r="AF90948" i="1"/>
  <c r="AF90949" i="1"/>
  <c r="AF90950" i="1"/>
  <c r="AF90951" i="1"/>
  <c r="AF90952" i="1"/>
  <c r="AF90953" i="1"/>
  <c r="AF90954" i="1"/>
  <c r="AF90955" i="1"/>
  <c r="AF90956" i="1"/>
  <c r="AF90957" i="1"/>
  <c r="AF90958" i="1"/>
  <c r="AF90959" i="1"/>
  <c r="AF90960" i="1"/>
  <c r="AF90961" i="1"/>
  <c r="AF90962" i="1"/>
  <c r="AF90963" i="1"/>
  <c r="AF90964" i="1"/>
  <c r="AF90965" i="1"/>
  <c r="AF90966" i="1"/>
  <c r="AF90967" i="1"/>
  <c r="AF90968" i="1"/>
  <c r="AF90969" i="1"/>
  <c r="AF90970" i="1"/>
  <c r="AF90971" i="1"/>
  <c r="AF90972" i="1"/>
  <c r="AF90973" i="1"/>
  <c r="AF90974" i="1"/>
  <c r="AF90975" i="1"/>
  <c r="AF90976" i="1"/>
  <c r="AF90977" i="1"/>
  <c r="AF90978" i="1"/>
  <c r="AF90979" i="1"/>
  <c r="AF90980" i="1"/>
  <c r="AF90981" i="1"/>
  <c r="AF90982" i="1"/>
  <c r="AF90983" i="1"/>
  <c r="AF90984" i="1"/>
  <c r="AF90985" i="1"/>
  <c r="AF90986" i="1"/>
  <c r="AF90987" i="1"/>
  <c r="AF90988" i="1"/>
  <c r="AF90989" i="1"/>
  <c r="AF90990" i="1"/>
  <c r="AF90991" i="1"/>
  <c r="AF90992" i="1"/>
  <c r="AF90993" i="1"/>
  <c r="AF90994" i="1"/>
  <c r="AF90995" i="1"/>
  <c r="AF90996" i="1"/>
  <c r="AF90997" i="1"/>
  <c r="AF90998" i="1"/>
  <c r="AF90999" i="1"/>
  <c r="AF91000" i="1"/>
  <c r="AF91001" i="1"/>
  <c r="AF91002" i="1"/>
  <c r="AF91003" i="1"/>
  <c r="AF91004" i="1"/>
  <c r="AF91005" i="1"/>
  <c r="AF91006" i="1"/>
  <c r="AF91007" i="1"/>
  <c r="AF91008" i="1"/>
  <c r="AF91009" i="1"/>
  <c r="AF91010" i="1"/>
  <c r="AF91011" i="1"/>
  <c r="AF91012" i="1"/>
  <c r="AF91013" i="1"/>
  <c r="AF91014" i="1"/>
  <c r="AF91015" i="1"/>
  <c r="AF91016" i="1"/>
  <c r="AF91017" i="1"/>
  <c r="AF91018" i="1"/>
  <c r="AF91019" i="1"/>
  <c r="AF91020" i="1"/>
  <c r="AF91021" i="1"/>
  <c r="AF91022" i="1"/>
  <c r="AF91023" i="1"/>
  <c r="AF91024" i="1"/>
  <c r="AF91025" i="1"/>
  <c r="AF91026" i="1"/>
  <c r="AF91027" i="1"/>
  <c r="AF91028" i="1"/>
  <c r="AF91029" i="1"/>
  <c r="AF91030" i="1"/>
  <c r="AF91031" i="1"/>
  <c r="AF91032" i="1"/>
  <c r="AF91033" i="1"/>
  <c r="AF91034" i="1"/>
  <c r="AF91035" i="1"/>
  <c r="AF91036" i="1"/>
  <c r="AF91037" i="1"/>
  <c r="AF91038" i="1"/>
  <c r="AF91039" i="1"/>
  <c r="AF91040" i="1"/>
  <c r="AF91041" i="1"/>
  <c r="AF91042" i="1"/>
  <c r="AF91043" i="1"/>
  <c r="AF91044" i="1"/>
  <c r="AF91045" i="1"/>
  <c r="AF91046" i="1"/>
  <c r="AF91047" i="1"/>
  <c r="AF91048" i="1"/>
  <c r="AF91049" i="1"/>
  <c r="AF91050" i="1"/>
  <c r="AF91051" i="1"/>
  <c r="AF91052" i="1"/>
  <c r="AF91053" i="1"/>
  <c r="AF91054" i="1"/>
  <c r="AF91055" i="1"/>
  <c r="AF91056" i="1"/>
  <c r="AF91057" i="1"/>
  <c r="AF91058" i="1"/>
  <c r="AF91059" i="1"/>
  <c r="AF91060" i="1"/>
  <c r="AF91061" i="1"/>
  <c r="AF91062" i="1"/>
  <c r="AF91063" i="1"/>
  <c r="AF91064" i="1"/>
  <c r="AF91065" i="1"/>
  <c r="AF91066" i="1"/>
  <c r="AF91067" i="1"/>
  <c r="AF91068" i="1"/>
  <c r="AF91069" i="1"/>
  <c r="AF91070" i="1"/>
  <c r="AF91071" i="1"/>
  <c r="AF91072" i="1"/>
  <c r="AF91073" i="1"/>
  <c r="AF91074" i="1"/>
  <c r="AF91075" i="1"/>
  <c r="AF91076" i="1"/>
  <c r="AF91077" i="1"/>
  <c r="AF91078" i="1"/>
  <c r="AF91079" i="1"/>
  <c r="AF91080" i="1"/>
  <c r="AF91081" i="1"/>
  <c r="AF91082" i="1"/>
  <c r="AF91083" i="1"/>
  <c r="AF91084" i="1"/>
  <c r="AF91085" i="1"/>
  <c r="AF91086" i="1"/>
  <c r="AF91087" i="1"/>
  <c r="AF91088" i="1"/>
  <c r="AF91089" i="1"/>
  <c r="AF91090" i="1"/>
  <c r="AF91091" i="1"/>
  <c r="AF91092" i="1"/>
  <c r="AF91093" i="1"/>
  <c r="AF91094" i="1"/>
  <c r="AF91095" i="1"/>
  <c r="AF91096" i="1"/>
  <c r="AF91097" i="1"/>
  <c r="AF91098" i="1"/>
  <c r="AF91099" i="1"/>
  <c r="AF91100" i="1"/>
  <c r="AF91101" i="1"/>
  <c r="AF91102" i="1"/>
  <c r="AF91103" i="1"/>
  <c r="AF91104" i="1"/>
  <c r="AF91105" i="1"/>
  <c r="AF91106" i="1"/>
  <c r="AF91107" i="1"/>
  <c r="AF91108" i="1"/>
  <c r="AF91109" i="1"/>
  <c r="AF91110" i="1"/>
  <c r="AF91111" i="1"/>
  <c r="AF91112" i="1"/>
  <c r="AF91113" i="1"/>
  <c r="AF91114" i="1"/>
  <c r="AF91115" i="1"/>
  <c r="AF91116" i="1"/>
  <c r="AF91117" i="1"/>
  <c r="AF91118" i="1"/>
  <c r="AF91119" i="1"/>
  <c r="AF91120" i="1"/>
  <c r="AF91121" i="1"/>
  <c r="AF91122" i="1"/>
  <c r="AF91123" i="1"/>
  <c r="AF91124" i="1"/>
  <c r="AF91125" i="1"/>
  <c r="AF91126" i="1"/>
  <c r="AF91127" i="1"/>
  <c r="AF91128" i="1"/>
  <c r="AF91129" i="1"/>
  <c r="AF91130" i="1"/>
  <c r="AF91131" i="1"/>
  <c r="AF91132" i="1"/>
  <c r="AF91133" i="1"/>
  <c r="AF91134" i="1"/>
  <c r="AF91135" i="1"/>
  <c r="AF91136" i="1"/>
  <c r="AF91137" i="1"/>
  <c r="AF91138" i="1"/>
  <c r="AF91139" i="1"/>
  <c r="AF91140" i="1"/>
  <c r="AF91141" i="1"/>
  <c r="AF91142" i="1"/>
  <c r="AF91143" i="1"/>
  <c r="AF91144" i="1"/>
  <c r="AF91145" i="1"/>
  <c r="AF91146" i="1"/>
  <c r="AF91147" i="1"/>
  <c r="AF91148" i="1"/>
  <c r="AF91149" i="1"/>
  <c r="AF91150" i="1"/>
  <c r="AF91151" i="1"/>
  <c r="AF91152" i="1"/>
  <c r="AF91153" i="1"/>
  <c r="AF91154" i="1"/>
  <c r="AF91155" i="1"/>
  <c r="AF91156" i="1"/>
  <c r="AF91157" i="1"/>
  <c r="AF91158" i="1"/>
  <c r="AF91159" i="1"/>
  <c r="AF91160" i="1"/>
  <c r="AF91161" i="1"/>
  <c r="AF91162" i="1"/>
  <c r="AF91163" i="1"/>
  <c r="AF91164" i="1"/>
  <c r="AF91165" i="1"/>
  <c r="AF91166" i="1"/>
  <c r="AF91167" i="1"/>
  <c r="AF91168" i="1"/>
  <c r="AF91169" i="1"/>
  <c r="AF91170" i="1"/>
  <c r="AF91171" i="1"/>
  <c r="AF91172" i="1"/>
  <c r="AF91173" i="1"/>
  <c r="AF91174" i="1"/>
  <c r="AF91175" i="1"/>
  <c r="AF91176" i="1"/>
  <c r="AF91177" i="1"/>
  <c r="AF91178" i="1"/>
  <c r="AF91179" i="1"/>
  <c r="AF91180" i="1"/>
  <c r="AF91181" i="1"/>
  <c r="AF91182" i="1"/>
  <c r="AF91183" i="1"/>
  <c r="AF91184" i="1"/>
  <c r="AF91185" i="1"/>
  <c r="AF91186" i="1"/>
  <c r="AF91187" i="1"/>
  <c r="AF91188" i="1"/>
  <c r="AF91189" i="1"/>
  <c r="AF91190" i="1"/>
  <c r="AF91191" i="1"/>
  <c r="AF91192" i="1"/>
  <c r="AF91193" i="1"/>
  <c r="AF91194" i="1"/>
  <c r="AF91195" i="1"/>
  <c r="AF91196" i="1"/>
  <c r="AF91197" i="1"/>
  <c r="AF91198" i="1"/>
  <c r="AF91199" i="1"/>
  <c r="AF91200" i="1"/>
  <c r="AF91201" i="1"/>
  <c r="AF91202" i="1"/>
  <c r="AF91203" i="1"/>
  <c r="AF91204" i="1"/>
  <c r="AF91205" i="1"/>
  <c r="AF91206" i="1"/>
  <c r="AF91207" i="1"/>
  <c r="AF91208" i="1"/>
  <c r="AF91209" i="1"/>
  <c r="AF91210" i="1"/>
  <c r="AF91211" i="1"/>
  <c r="AF91212" i="1"/>
  <c r="AF91213" i="1"/>
  <c r="AF91214" i="1"/>
  <c r="AF91215" i="1"/>
  <c r="AF91216" i="1"/>
  <c r="AF91217" i="1"/>
  <c r="AF91218" i="1"/>
  <c r="AF91219" i="1"/>
  <c r="AF91220" i="1"/>
  <c r="AF91221" i="1"/>
  <c r="AF91222" i="1"/>
  <c r="AF91223" i="1"/>
  <c r="AF91224" i="1"/>
  <c r="AF91225" i="1"/>
  <c r="AF91226" i="1"/>
  <c r="AF91227" i="1"/>
  <c r="AF91228" i="1"/>
  <c r="AF91229" i="1"/>
  <c r="AF91230" i="1"/>
  <c r="AF91231" i="1"/>
  <c r="AF91232" i="1"/>
  <c r="AF91233" i="1"/>
  <c r="AF91234" i="1"/>
  <c r="AF91235" i="1"/>
  <c r="AF91236" i="1"/>
  <c r="AF91237" i="1"/>
  <c r="AF91238" i="1"/>
  <c r="AF91239" i="1"/>
  <c r="AF91240" i="1"/>
  <c r="AF91241" i="1"/>
  <c r="AF91242" i="1"/>
  <c r="AF91243" i="1"/>
  <c r="AF91244" i="1"/>
  <c r="AF91245" i="1"/>
  <c r="AF91246" i="1"/>
  <c r="AF91247" i="1"/>
  <c r="AF91248" i="1"/>
  <c r="AF91249" i="1"/>
  <c r="AF91250" i="1"/>
  <c r="AF91251" i="1"/>
  <c r="AF91252" i="1"/>
  <c r="AF91253" i="1"/>
  <c r="AF91254" i="1"/>
  <c r="AF91255" i="1"/>
  <c r="AF91256" i="1"/>
  <c r="AF91257" i="1"/>
  <c r="AF91258" i="1"/>
  <c r="AF91259" i="1"/>
  <c r="AF91260" i="1"/>
  <c r="AF91261" i="1"/>
  <c r="AF91262" i="1"/>
  <c r="AF91263" i="1"/>
  <c r="AF91264" i="1"/>
  <c r="AF91265" i="1"/>
  <c r="AF91266" i="1"/>
  <c r="AF91267" i="1"/>
  <c r="AF91268" i="1"/>
  <c r="AF91269" i="1"/>
  <c r="AF91270" i="1"/>
  <c r="AF91271" i="1"/>
  <c r="AF91272" i="1"/>
  <c r="AF91273" i="1"/>
  <c r="AF91274" i="1"/>
  <c r="AF91275" i="1"/>
  <c r="AF91276" i="1"/>
  <c r="AF91277" i="1"/>
  <c r="AF91278" i="1"/>
  <c r="AF91279" i="1"/>
  <c r="AF91280" i="1"/>
  <c r="AF91281" i="1"/>
  <c r="AF91282" i="1"/>
  <c r="AF91283" i="1"/>
  <c r="AF91284" i="1"/>
  <c r="AF91285" i="1"/>
  <c r="AF91286" i="1"/>
  <c r="AF91287" i="1"/>
  <c r="AF91288" i="1"/>
  <c r="AF91289" i="1"/>
  <c r="AF91290" i="1"/>
  <c r="AF91291" i="1"/>
  <c r="AF91292" i="1"/>
  <c r="AF91293" i="1"/>
  <c r="AF91294" i="1"/>
  <c r="AF91295" i="1"/>
  <c r="AF91296" i="1"/>
  <c r="AF91297" i="1"/>
  <c r="AF91298" i="1"/>
  <c r="AF91299" i="1"/>
  <c r="AF91300" i="1"/>
  <c r="AF91301" i="1"/>
  <c r="AF91302" i="1"/>
  <c r="AF91303" i="1"/>
  <c r="AF91304" i="1"/>
  <c r="AF91305" i="1"/>
  <c r="AF91306" i="1"/>
  <c r="AF91307" i="1"/>
  <c r="AF91308" i="1"/>
  <c r="AF91309" i="1"/>
  <c r="AF91310" i="1"/>
  <c r="AF91311" i="1"/>
  <c r="AF91312" i="1"/>
  <c r="AF91313" i="1"/>
  <c r="AF91314" i="1"/>
  <c r="AF91315" i="1"/>
  <c r="AF91316" i="1"/>
  <c r="AF91317" i="1"/>
  <c r="AF91318" i="1"/>
  <c r="AF91319" i="1"/>
  <c r="AF91320" i="1"/>
  <c r="AF91321" i="1"/>
  <c r="AF91322" i="1"/>
  <c r="AF91323" i="1"/>
  <c r="AF91324" i="1"/>
  <c r="AF91325" i="1"/>
  <c r="AF91326" i="1"/>
  <c r="AF91327" i="1"/>
  <c r="AF91328" i="1"/>
  <c r="AF91329" i="1"/>
  <c r="AF91330" i="1"/>
  <c r="AF91331" i="1"/>
  <c r="AF91332" i="1"/>
  <c r="AF91333" i="1"/>
  <c r="AF91334" i="1"/>
  <c r="AF91335" i="1"/>
  <c r="AF91336" i="1"/>
  <c r="AF91337" i="1"/>
  <c r="AF91338" i="1"/>
  <c r="AF91339" i="1"/>
  <c r="AF91340" i="1"/>
  <c r="AF91341" i="1"/>
  <c r="AF91342" i="1"/>
  <c r="AF91343" i="1"/>
  <c r="AF91344" i="1"/>
  <c r="AF91345" i="1"/>
  <c r="AF91346" i="1"/>
  <c r="AF91347" i="1"/>
  <c r="AF91348" i="1"/>
  <c r="AF91349" i="1"/>
  <c r="AF91350" i="1"/>
  <c r="AF91351" i="1"/>
  <c r="AF91352" i="1"/>
  <c r="AF91353" i="1"/>
  <c r="AF91354" i="1"/>
  <c r="AF91355" i="1"/>
  <c r="AF91356" i="1"/>
  <c r="AF91357" i="1"/>
  <c r="AF91358" i="1"/>
  <c r="AF91359" i="1"/>
  <c r="AF91360" i="1"/>
  <c r="AF91361" i="1"/>
  <c r="AF91362" i="1"/>
  <c r="AF91363" i="1"/>
  <c r="AF91364" i="1"/>
  <c r="AF91365" i="1"/>
  <c r="AF91366" i="1"/>
  <c r="AF91367" i="1"/>
  <c r="AF91368" i="1"/>
  <c r="AF91369" i="1"/>
  <c r="AF91370" i="1"/>
  <c r="AF91371" i="1"/>
  <c r="AF91372" i="1"/>
  <c r="AF91373" i="1"/>
  <c r="AF91374" i="1"/>
  <c r="AF91375" i="1"/>
  <c r="AF91376" i="1"/>
  <c r="AF91377" i="1"/>
  <c r="AF91378" i="1"/>
  <c r="AF91379" i="1"/>
  <c r="AF91380" i="1"/>
  <c r="AF91381" i="1"/>
  <c r="AF91382" i="1"/>
  <c r="AF91383" i="1"/>
  <c r="AF91384" i="1"/>
  <c r="AF91385" i="1"/>
  <c r="AF91386" i="1"/>
  <c r="AF91387" i="1"/>
  <c r="AF91388" i="1"/>
  <c r="AF91389" i="1"/>
  <c r="AF91390" i="1"/>
  <c r="AF91391" i="1"/>
  <c r="AF91392" i="1"/>
  <c r="AF91393" i="1"/>
  <c r="AF91394" i="1"/>
  <c r="AF91395" i="1"/>
  <c r="AF91396" i="1"/>
  <c r="AF91397" i="1"/>
  <c r="AF91398" i="1"/>
  <c r="AF91399" i="1"/>
  <c r="AF91400" i="1"/>
  <c r="AF91401" i="1"/>
  <c r="AF91402" i="1"/>
  <c r="AF91403" i="1"/>
  <c r="AF91404" i="1"/>
  <c r="AF91405" i="1"/>
  <c r="AF91406" i="1"/>
  <c r="AF91407" i="1"/>
  <c r="AF91408" i="1"/>
  <c r="AF91409" i="1"/>
  <c r="AF91410" i="1"/>
  <c r="AF91411" i="1"/>
  <c r="AF91412" i="1"/>
  <c r="AF91413" i="1"/>
  <c r="AF91414" i="1"/>
  <c r="AF91415" i="1"/>
  <c r="AF91416" i="1"/>
  <c r="AF91417" i="1"/>
  <c r="AF91418" i="1"/>
  <c r="AF91419" i="1"/>
  <c r="AF91420" i="1"/>
  <c r="AF91421" i="1"/>
  <c r="AF91422" i="1"/>
  <c r="AF91423" i="1"/>
  <c r="AF91424" i="1"/>
  <c r="AF91425" i="1"/>
  <c r="AF91426" i="1"/>
  <c r="AF91427" i="1"/>
  <c r="AF91428" i="1"/>
  <c r="AF91429" i="1"/>
  <c r="AF91430" i="1"/>
  <c r="AF91431" i="1"/>
  <c r="AF91432" i="1"/>
  <c r="AF91433" i="1"/>
  <c r="AF91434" i="1"/>
  <c r="AF91435" i="1"/>
  <c r="AF91436" i="1"/>
  <c r="AF91437" i="1"/>
  <c r="AF91438" i="1"/>
  <c r="AF91439" i="1"/>
  <c r="AF91440" i="1"/>
  <c r="AF91441" i="1"/>
  <c r="AF91442" i="1"/>
  <c r="AF91443" i="1"/>
  <c r="AF91444" i="1"/>
  <c r="AF91445" i="1"/>
  <c r="AF91446" i="1"/>
  <c r="AF91447" i="1"/>
  <c r="AF91448" i="1"/>
  <c r="AF91449" i="1"/>
  <c r="AF91450" i="1"/>
  <c r="AF91451" i="1"/>
  <c r="AF91452" i="1"/>
  <c r="AF91453" i="1"/>
  <c r="AF91454" i="1"/>
  <c r="AF91455" i="1"/>
  <c r="AF91456" i="1"/>
  <c r="AF91457" i="1"/>
  <c r="AF91458" i="1"/>
  <c r="AF91459" i="1"/>
  <c r="AF91460" i="1"/>
  <c r="AF91461" i="1"/>
  <c r="AF91462" i="1"/>
  <c r="AF91463" i="1"/>
  <c r="AF91464" i="1"/>
  <c r="AF91465" i="1"/>
  <c r="AF91466" i="1"/>
  <c r="AF91467" i="1"/>
  <c r="AF91468" i="1"/>
  <c r="AF91469" i="1"/>
  <c r="AF91470" i="1"/>
  <c r="AF91471" i="1"/>
  <c r="AF91472" i="1"/>
  <c r="AF91473" i="1"/>
  <c r="AF91474" i="1"/>
  <c r="AF91475" i="1"/>
  <c r="AF91476" i="1"/>
  <c r="AF91477" i="1"/>
  <c r="AF91478" i="1"/>
  <c r="AF91479" i="1"/>
  <c r="AF91480" i="1"/>
  <c r="AF91481" i="1"/>
  <c r="AF91482" i="1"/>
  <c r="AF91483" i="1"/>
  <c r="AF91484" i="1"/>
  <c r="AF91485" i="1"/>
  <c r="AF91486" i="1"/>
  <c r="AF91487" i="1"/>
  <c r="AF91488" i="1"/>
  <c r="AF91489" i="1"/>
  <c r="AF91490" i="1"/>
  <c r="AF91491" i="1"/>
  <c r="AF91492" i="1"/>
  <c r="AF91493" i="1"/>
  <c r="AF91494" i="1"/>
  <c r="AF91495" i="1"/>
  <c r="AF91496" i="1"/>
  <c r="AF91497" i="1"/>
  <c r="AF91498" i="1"/>
  <c r="AF91499" i="1"/>
  <c r="AF91500" i="1"/>
  <c r="AF91501" i="1"/>
  <c r="AF91502" i="1"/>
  <c r="AF91503" i="1"/>
  <c r="AF91504" i="1"/>
  <c r="AF91505" i="1"/>
  <c r="AF91506" i="1"/>
  <c r="AF91507" i="1"/>
  <c r="AF91508" i="1"/>
  <c r="AF91509" i="1"/>
  <c r="AF91510" i="1"/>
  <c r="AF91511" i="1"/>
  <c r="AF91512" i="1"/>
  <c r="AF91513" i="1"/>
  <c r="AF91514" i="1"/>
  <c r="AF91515" i="1"/>
  <c r="AF91516" i="1"/>
  <c r="AF91517" i="1"/>
  <c r="AF91518" i="1"/>
  <c r="AF91519" i="1"/>
  <c r="AF91520" i="1"/>
  <c r="AF91521" i="1"/>
  <c r="AF91522" i="1"/>
  <c r="AF91523" i="1"/>
  <c r="AF91524" i="1"/>
  <c r="AF91525" i="1"/>
  <c r="AF91526" i="1"/>
  <c r="AF91527" i="1"/>
  <c r="AF91528" i="1"/>
  <c r="AF91529" i="1"/>
  <c r="AF91530" i="1"/>
  <c r="AF91531" i="1"/>
  <c r="AF91532" i="1"/>
  <c r="AF91533" i="1"/>
  <c r="AF91534" i="1"/>
  <c r="AF91535" i="1"/>
  <c r="AF91536" i="1"/>
  <c r="AF91537" i="1"/>
  <c r="AF91538" i="1"/>
  <c r="AF91539" i="1"/>
  <c r="AF91540" i="1"/>
  <c r="AF91541" i="1"/>
  <c r="AF91542" i="1"/>
  <c r="AF91543" i="1"/>
  <c r="AF91544" i="1"/>
  <c r="AF91545" i="1"/>
  <c r="AF91546" i="1"/>
  <c r="AF91547" i="1"/>
  <c r="AF91548" i="1"/>
  <c r="AF91549" i="1"/>
  <c r="AF91550" i="1"/>
  <c r="AF91551" i="1"/>
  <c r="AF91552" i="1"/>
  <c r="AF91553" i="1"/>
  <c r="AF91554" i="1"/>
  <c r="AF91555" i="1"/>
  <c r="AF91556" i="1"/>
  <c r="AF91557" i="1"/>
  <c r="AF91558" i="1"/>
  <c r="AF91559" i="1"/>
  <c r="AF91560" i="1"/>
  <c r="AF91561" i="1"/>
  <c r="AF91562" i="1"/>
  <c r="AF91563" i="1"/>
  <c r="AF91564" i="1"/>
  <c r="AF91565" i="1"/>
  <c r="AF91566" i="1"/>
  <c r="AF91567" i="1"/>
  <c r="AF91568" i="1"/>
  <c r="AF91569" i="1"/>
  <c r="AF91570" i="1"/>
  <c r="AF91571" i="1"/>
  <c r="AF91572" i="1"/>
  <c r="AF91573" i="1"/>
  <c r="AF91574" i="1"/>
  <c r="AF91575" i="1"/>
  <c r="AF91576" i="1"/>
  <c r="AF91577" i="1"/>
  <c r="AF91578" i="1"/>
  <c r="AF91579" i="1"/>
  <c r="AF91580" i="1"/>
  <c r="AF91581" i="1"/>
  <c r="AF91582" i="1"/>
  <c r="AF91583" i="1"/>
  <c r="AF91584" i="1"/>
  <c r="AF91585" i="1"/>
  <c r="AF91586" i="1"/>
  <c r="AF91587" i="1"/>
  <c r="AF91588" i="1"/>
  <c r="AF91589" i="1"/>
  <c r="AF91590" i="1"/>
  <c r="AF91591" i="1"/>
  <c r="AF91592" i="1"/>
  <c r="AF91593" i="1"/>
  <c r="AF91594" i="1"/>
  <c r="AF91595" i="1"/>
  <c r="AF91596" i="1"/>
  <c r="AF91597" i="1"/>
  <c r="AF91598" i="1"/>
  <c r="AF91599" i="1"/>
  <c r="AF91600" i="1"/>
  <c r="AF91601" i="1"/>
  <c r="AF91602" i="1"/>
  <c r="AF91603" i="1"/>
  <c r="AF91604" i="1"/>
  <c r="AF91605" i="1"/>
  <c r="AF91606" i="1"/>
  <c r="AF91607" i="1"/>
  <c r="AF91608" i="1"/>
  <c r="AF91609" i="1"/>
  <c r="AF91610" i="1"/>
  <c r="AF91611" i="1"/>
  <c r="AF91612" i="1"/>
  <c r="AF91613" i="1"/>
  <c r="AF91614" i="1"/>
  <c r="AF91615" i="1"/>
  <c r="AF91616" i="1"/>
  <c r="AF91617" i="1"/>
  <c r="AF91618" i="1"/>
  <c r="AF91619" i="1"/>
  <c r="AF91620" i="1"/>
  <c r="AF91621" i="1"/>
  <c r="AF91622" i="1"/>
  <c r="AF91623" i="1"/>
  <c r="AF91624" i="1"/>
  <c r="AF91625" i="1"/>
  <c r="AF91626" i="1"/>
  <c r="AF91627" i="1"/>
  <c r="AF91628" i="1"/>
  <c r="AF91629" i="1"/>
  <c r="AF91630" i="1"/>
  <c r="AF91631" i="1"/>
  <c r="AF91632" i="1"/>
  <c r="AF91633" i="1"/>
  <c r="AF91634" i="1"/>
  <c r="AF91635" i="1"/>
  <c r="AF91636" i="1"/>
  <c r="AF91637" i="1"/>
  <c r="AF91638" i="1"/>
  <c r="AF91639" i="1"/>
  <c r="AF91640" i="1"/>
  <c r="AF91641" i="1"/>
  <c r="AF91642" i="1"/>
  <c r="AF91643" i="1"/>
  <c r="AF91644" i="1"/>
  <c r="AF91645" i="1"/>
  <c r="AF91646" i="1"/>
  <c r="AF91647" i="1"/>
  <c r="AF91648" i="1"/>
  <c r="AF91649" i="1"/>
  <c r="AF91650" i="1"/>
  <c r="AF91651" i="1"/>
  <c r="AF91652" i="1"/>
  <c r="AF91653" i="1"/>
  <c r="AF91654" i="1"/>
  <c r="AF91655" i="1"/>
  <c r="AF91656" i="1"/>
  <c r="AF91657" i="1"/>
  <c r="AF91658" i="1"/>
  <c r="AF91659" i="1"/>
  <c r="AF91660" i="1"/>
  <c r="AF91661" i="1"/>
  <c r="AF91662" i="1"/>
  <c r="AF91663" i="1"/>
  <c r="AF91664" i="1"/>
  <c r="AF91665" i="1"/>
  <c r="AF91666" i="1"/>
  <c r="AF91667" i="1"/>
  <c r="AF91668" i="1"/>
  <c r="AF91669" i="1"/>
  <c r="AF91670" i="1"/>
  <c r="AF91671" i="1"/>
  <c r="AF91672" i="1"/>
  <c r="AF91673" i="1"/>
  <c r="AF91674" i="1"/>
  <c r="AF91675" i="1"/>
  <c r="AF91676" i="1"/>
  <c r="AF91677" i="1"/>
  <c r="AF91678" i="1"/>
  <c r="AF91679" i="1"/>
  <c r="AF91680" i="1"/>
  <c r="AF91681" i="1"/>
  <c r="AF91682" i="1"/>
  <c r="AF91683" i="1"/>
  <c r="AF91684" i="1"/>
  <c r="AF91685" i="1"/>
  <c r="AF91686" i="1"/>
  <c r="AF91687" i="1"/>
  <c r="AF91688" i="1"/>
  <c r="AF91689" i="1"/>
  <c r="AF91690" i="1"/>
  <c r="AF91691" i="1"/>
  <c r="AF91692" i="1"/>
  <c r="AF91693" i="1"/>
  <c r="AF91694" i="1"/>
  <c r="AF91695" i="1"/>
  <c r="AF91696" i="1"/>
  <c r="AF91697" i="1"/>
  <c r="AF91698" i="1"/>
  <c r="AF91699" i="1"/>
  <c r="AF91700" i="1"/>
  <c r="AF91701" i="1"/>
  <c r="AF91702" i="1"/>
  <c r="AF91703" i="1"/>
  <c r="AF91704" i="1"/>
  <c r="AF91705" i="1"/>
  <c r="AF91706" i="1"/>
  <c r="AF91707" i="1"/>
  <c r="AF91708" i="1"/>
  <c r="AF91709" i="1"/>
  <c r="AF91710" i="1"/>
  <c r="AF91711" i="1"/>
  <c r="AF91712" i="1"/>
  <c r="AF91713" i="1"/>
  <c r="AF91714" i="1"/>
  <c r="AF91715" i="1"/>
  <c r="AF91716" i="1"/>
  <c r="AF91717" i="1"/>
  <c r="AF91718" i="1"/>
  <c r="AF91719" i="1"/>
  <c r="AF91720" i="1"/>
  <c r="AF91721" i="1"/>
  <c r="AF91722" i="1"/>
  <c r="AF91723" i="1"/>
  <c r="AF91724" i="1"/>
  <c r="AF91725" i="1"/>
  <c r="AF91726" i="1"/>
  <c r="AF91727" i="1"/>
  <c r="AF91728" i="1"/>
  <c r="AF91729" i="1"/>
  <c r="AF91730" i="1"/>
  <c r="AF91731" i="1"/>
  <c r="AF91732" i="1"/>
  <c r="AF91733" i="1"/>
  <c r="AF91734" i="1"/>
  <c r="AF91735" i="1"/>
  <c r="AF91736" i="1"/>
  <c r="AF91737" i="1"/>
  <c r="AF91738" i="1"/>
  <c r="AF91739" i="1"/>
  <c r="AF91740" i="1"/>
  <c r="AF91741" i="1"/>
  <c r="AF91742" i="1"/>
  <c r="AF91743" i="1"/>
  <c r="AF91744" i="1"/>
  <c r="AF91745" i="1"/>
  <c r="AF91746" i="1"/>
  <c r="AF91747" i="1"/>
  <c r="AF91748" i="1"/>
  <c r="AF91749" i="1"/>
  <c r="AF91750" i="1"/>
  <c r="AF91751" i="1"/>
  <c r="AF91752" i="1"/>
  <c r="AF91753" i="1"/>
  <c r="AF91754" i="1"/>
  <c r="AF91755" i="1"/>
  <c r="AF91756" i="1"/>
  <c r="AF91757" i="1"/>
  <c r="AF91758" i="1"/>
  <c r="AF91759" i="1"/>
  <c r="AF91760" i="1"/>
  <c r="AF91761" i="1"/>
  <c r="AF91762" i="1"/>
  <c r="AF91763" i="1"/>
  <c r="AF91764" i="1"/>
  <c r="AF91765" i="1"/>
  <c r="AF91766" i="1"/>
  <c r="AF91767" i="1"/>
  <c r="AF91768" i="1"/>
  <c r="AF91769" i="1"/>
  <c r="AF91770" i="1"/>
  <c r="AF91771" i="1"/>
  <c r="AF91772" i="1"/>
  <c r="AF91773" i="1"/>
  <c r="AF91774" i="1"/>
  <c r="AF91775" i="1"/>
  <c r="AF91776" i="1"/>
  <c r="AF91777" i="1"/>
  <c r="AF91778" i="1"/>
  <c r="AF91779" i="1"/>
  <c r="AF91780" i="1"/>
  <c r="AF91781" i="1"/>
  <c r="AF91782" i="1"/>
  <c r="AF91783" i="1"/>
  <c r="AF91784" i="1"/>
  <c r="AF91785" i="1"/>
  <c r="AF91786" i="1"/>
  <c r="AF91787" i="1"/>
  <c r="AF91788" i="1"/>
  <c r="AF91789" i="1"/>
  <c r="AF91790" i="1"/>
  <c r="AF91791" i="1"/>
  <c r="AF91792" i="1"/>
  <c r="AF91793" i="1"/>
  <c r="AF91794" i="1"/>
  <c r="AF91795" i="1"/>
  <c r="AF91796" i="1"/>
  <c r="AF91797" i="1"/>
  <c r="AF91798" i="1"/>
  <c r="AF91799" i="1"/>
  <c r="AF91800" i="1"/>
  <c r="AF91801" i="1"/>
  <c r="AF91802" i="1"/>
  <c r="AF91803" i="1"/>
  <c r="AF91804" i="1"/>
  <c r="AF91805" i="1"/>
  <c r="AF91806" i="1"/>
  <c r="AF91807" i="1"/>
  <c r="AF91808" i="1"/>
  <c r="AF91809" i="1"/>
  <c r="AF91810" i="1"/>
  <c r="AF91811" i="1"/>
  <c r="AF91812" i="1"/>
  <c r="AF91813" i="1"/>
  <c r="AF91814" i="1"/>
  <c r="AF91815" i="1"/>
  <c r="AF91816" i="1"/>
  <c r="AF91817" i="1"/>
  <c r="AF91818" i="1"/>
  <c r="AF91819" i="1"/>
  <c r="AF91820" i="1"/>
  <c r="AF91821" i="1"/>
  <c r="AF91822" i="1"/>
  <c r="AF91823" i="1"/>
  <c r="AF91824" i="1"/>
  <c r="AF91825" i="1"/>
  <c r="AF91826" i="1"/>
  <c r="AF91827" i="1"/>
  <c r="AF91828" i="1"/>
  <c r="AF91829" i="1"/>
  <c r="AF91830" i="1"/>
  <c r="AF91831" i="1"/>
  <c r="AF91832" i="1"/>
  <c r="AF91833" i="1"/>
  <c r="AF91834" i="1"/>
  <c r="AF91835" i="1"/>
  <c r="AF91836" i="1"/>
  <c r="AF91837" i="1"/>
  <c r="AF91838" i="1"/>
  <c r="AF91839" i="1"/>
  <c r="AF91840" i="1"/>
  <c r="AF91841" i="1"/>
  <c r="AF91842" i="1"/>
  <c r="AF91843" i="1"/>
  <c r="AF91844" i="1"/>
  <c r="AF91845" i="1"/>
  <c r="AF91846" i="1"/>
  <c r="AF91847" i="1"/>
  <c r="AF91848" i="1"/>
  <c r="AF91849" i="1"/>
  <c r="AF91850" i="1"/>
  <c r="AF91851" i="1"/>
  <c r="AF91852" i="1"/>
  <c r="AF91853" i="1"/>
  <c r="AF91854" i="1"/>
  <c r="AF91855" i="1"/>
  <c r="AF91856" i="1"/>
  <c r="AF91857" i="1"/>
  <c r="AF91858" i="1"/>
  <c r="AF91859" i="1"/>
  <c r="AF91860" i="1"/>
  <c r="AF91861" i="1"/>
  <c r="AF91862" i="1"/>
  <c r="AF91863" i="1"/>
  <c r="AF91864" i="1"/>
  <c r="AF91865" i="1"/>
  <c r="AF91866" i="1"/>
  <c r="AF91867" i="1"/>
  <c r="AF91868" i="1"/>
  <c r="AF91869" i="1"/>
  <c r="AF91870" i="1"/>
  <c r="AF91871" i="1"/>
  <c r="AF91872" i="1"/>
  <c r="AF91873" i="1"/>
  <c r="AF91874" i="1"/>
  <c r="AF91875" i="1"/>
  <c r="AF91876" i="1"/>
  <c r="AF91877" i="1"/>
  <c r="AF91878" i="1"/>
  <c r="AF91879" i="1"/>
  <c r="AF91880" i="1"/>
  <c r="AF91881" i="1"/>
  <c r="AF91882" i="1"/>
  <c r="AF91883" i="1"/>
  <c r="AF91884" i="1"/>
  <c r="AF91885" i="1"/>
  <c r="AF91886" i="1"/>
  <c r="AF91887" i="1"/>
  <c r="AF91888" i="1"/>
  <c r="AF91889" i="1"/>
  <c r="AF91890" i="1"/>
  <c r="AF91891" i="1"/>
  <c r="AF91892" i="1"/>
  <c r="AF91893" i="1"/>
  <c r="AF91894" i="1"/>
  <c r="AF91895" i="1"/>
  <c r="AF91896" i="1"/>
  <c r="AF91897" i="1"/>
  <c r="AF91898" i="1"/>
  <c r="AF91899" i="1"/>
  <c r="AF91900" i="1"/>
  <c r="AF91901" i="1"/>
  <c r="AF91902" i="1"/>
  <c r="AF91903" i="1"/>
  <c r="AF91904" i="1"/>
  <c r="AF91905" i="1"/>
  <c r="AF91906" i="1"/>
  <c r="AF91907" i="1"/>
  <c r="AF91908" i="1"/>
  <c r="AF91909" i="1"/>
  <c r="AF91910" i="1"/>
  <c r="AF91911" i="1"/>
  <c r="AF91912" i="1"/>
  <c r="AF91913" i="1"/>
  <c r="AF91914" i="1"/>
  <c r="AF91915" i="1"/>
  <c r="AF91916" i="1"/>
  <c r="AF91917" i="1"/>
  <c r="AF91918" i="1"/>
  <c r="AF91919" i="1"/>
  <c r="AF91920" i="1"/>
  <c r="AF91921" i="1"/>
  <c r="AF91922" i="1"/>
  <c r="AF91923" i="1"/>
  <c r="AF91924" i="1"/>
  <c r="AF91925" i="1"/>
  <c r="AF91926" i="1"/>
  <c r="AF91927" i="1"/>
  <c r="AF91928" i="1"/>
  <c r="AF91929" i="1"/>
  <c r="AF91930" i="1"/>
  <c r="AF91931" i="1"/>
  <c r="AF91932" i="1"/>
  <c r="AF91933" i="1"/>
  <c r="AF91934" i="1"/>
  <c r="AF91935" i="1"/>
  <c r="AF91936" i="1"/>
  <c r="AF91937" i="1"/>
  <c r="AF91938" i="1"/>
  <c r="AF91939" i="1"/>
  <c r="AF91940" i="1"/>
  <c r="AF91941" i="1"/>
  <c r="AF91942" i="1"/>
  <c r="AF91943" i="1"/>
  <c r="AF91944" i="1"/>
  <c r="AF91945" i="1"/>
  <c r="AF91946" i="1"/>
  <c r="AF91947" i="1"/>
  <c r="AF91948" i="1"/>
  <c r="AF91949" i="1"/>
  <c r="AF91950" i="1"/>
  <c r="AF91951" i="1"/>
  <c r="AF91952" i="1"/>
  <c r="AF91953" i="1"/>
  <c r="AF91954" i="1"/>
  <c r="AF91955" i="1"/>
  <c r="AF91956" i="1"/>
  <c r="AF91957" i="1"/>
  <c r="AF91958" i="1"/>
  <c r="AF91959" i="1"/>
  <c r="AF91960" i="1"/>
  <c r="AF91961" i="1"/>
  <c r="AF91962" i="1"/>
  <c r="AF91963" i="1"/>
  <c r="AF91964" i="1"/>
  <c r="AF91965" i="1"/>
  <c r="AF91966" i="1"/>
  <c r="AF91967" i="1"/>
  <c r="AF91968" i="1"/>
  <c r="AF91969" i="1"/>
  <c r="AF91970" i="1"/>
  <c r="AF91971" i="1"/>
  <c r="AF91972" i="1"/>
  <c r="AF91973" i="1"/>
  <c r="AF91974" i="1"/>
  <c r="AF91975" i="1"/>
  <c r="AF91976" i="1"/>
  <c r="AF91977" i="1"/>
  <c r="AF91978" i="1"/>
  <c r="AF91979" i="1"/>
  <c r="AF91980" i="1"/>
  <c r="AF91981" i="1"/>
  <c r="AF91982" i="1"/>
  <c r="AF91983" i="1"/>
  <c r="AF91984" i="1"/>
  <c r="AF91985" i="1"/>
  <c r="AF91986" i="1"/>
  <c r="AF91987" i="1"/>
  <c r="AF91988" i="1"/>
  <c r="AF91989" i="1"/>
  <c r="AF91990" i="1"/>
  <c r="AF91991" i="1"/>
  <c r="AF91992" i="1"/>
  <c r="AF91993" i="1"/>
  <c r="AF91994" i="1"/>
  <c r="AF91995" i="1"/>
  <c r="AF91996" i="1"/>
  <c r="AF91997" i="1"/>
  <c r="AF91998" i="1"/>
  <c r="AF91999" i="1"/>
  <c r="AF92000" i="1"/>
  <c r="AF92001" i="1"/>
  <c r="AF92002" i="1"/>
  <c r="AF92003" i="1"/>
  <c r="AF92004" i="1"/>
  <c r="AF92005" i="1"/>
  <c r="AF92006" i="1"/>
  <c r="AF92007" i="1"/>
  <c r="AF92008" i="1"/>
  <c r="AF92009" i="1"/>
  <c r="AF92010" i="1"/>
  <c r="AF92011" i="1"/>
  <c r="AF92012" i="1"/>
  <c r="AF92013" i="1"/>
  <c r="AF92014" i="1"/>
  <c r="AF92015" i="1"/>
  <c r="AF92016" i="1"/>
  <c r="AF92017" i="1"/>
  <c r="AF92018" i="1"/>
  <c r="AF92019" i="1"/>
  <c r="AF92020" i="1"/>
  <c r="AF92021" i="1"/>
  <c r="AF92022" i="1"/>
  <c r="AF92023" i="1"/>
  <c r="AF92024" i="1"/>
  <c r="AF92025" i="1"/>
  <c r="AF92026" i="1"/>
  <c r="AF92027" i="1"/>
  <c r="AF92028" i="1"/>
  <c r="AF92029" i="1"/>
  <c r="AF92030" i="1"/>
  <c r="AF92031" i="1"/>
  <c r="AF92032" i="1"/>
  <c r="AF92033" i="1"/>
  <c r="AF92034" i="1"/>
  <c r="AF92035" i="1"/>
  <c r="AF92036" i="1"/>
  <c r="AF92037" i="1"/>
  <c r="AF92038" i="1"/>
  <c r="AF92039" i="1"/>
  <c r="AF92040" i="1"/>
  <c r="AF92041" i="1"/>
  <c r="AF92042" i="1"/>
  <c r="AF92043" i="1"/>
  <c r="AF92044" i="1"/>
  <c r="AF92045" i="1"/>
  <c r="AF92046" i="1"/>
  <c r="AF92047" i="1"/>
  <c r="AF92048" i="1"/>
  <c r="AF92049" i="1"/>
  <c r="AF92050" i="1"/>
  <c r="AF92051" i="1"/>
  <c r="AF92052" i="1"/>
  <c r="AF92053" i="1"/>
  <c r="AF92054" i="1"/>
  <c r="AF92055" i="1"/>
  <c r="AF92056" i="1"/>
  <c r="AF92057" i="1"/>
  <c r="AF92058" i="1"/>
  <c r="AF92059" i="1"/>
  <c r="AF92060" i="1"/>
  <c r="AF92061" i="1"/>
  <c r="AF92062" i="1"/>
  <c r="AF92063" i="1"/>
  <c r="AF92064" i="1"/>
  <c r="AF92065" i="1"/>
  <c r="AF92066" i="1"/>
  <c r="AF92067" i="1"/>
  <c r="AF92068" i="1"/>
  <c r="AF92069" i="1"/>
  <c r="AF92070" i="1"/>
  <c r="AF92071" i="1"/>
  <c r="AF92072" i="1"/>
  <c r="AF92073" i="1"/>
  <c r="AF92074" i="1"/>
  <c r="AF92075" i="1"/>
  <c r="AF92076" i="1"/>
  <c r="AF92077" i="1"/>
  <c r="AF92078" i="1"/>
  <c r="AF92079" i="1"/>
  <c r="AF92080" i="1"/>
  <c r="AF92081" i="1"/>
  <c r="AF92082" i="1"/>
  <c r="AF92083" i="1"/>
  <c r="AF92084" i="1"/>
  <c r="AF92085" i="1"/>
  <c r="AF92086" i="1"/>
  <c r="AF92087" i="1"/>
  <c r="AF92088" i="1"/>
  <c r="AF92089" i="1"/>
  <c r="AF92090" i="1"/>
  <c r="AF92091" i="1"/>
  <c r="AF92092" i="1"/>
  <c r="AF92093" i="1"/>
  <c r="AF92094" i="1"/>
  <c r="AF92095" i="1"/>
  <c r="AF92096" i="1"/>
  <c r="AF92097" i="1"/>
  <c r="AF92098" i="1"/>
  <c r="AF92099" i="1"/>
  <c r="AF92100" i="1"/>
  <c r="AF92101" i="1"/>
  <c r="AF92102" i="1"/>
  <c r="AF92103" i="1"/>
  <c r="AF92104" i="1"/>
  <c r="AF92105" i="1"/>
  <c r="AF92106" i="1"/>
  <c r="AF92107" i="1"/>
  <c r="AF92108" i="1"/>
  <c r="AF92109" i="1"/>
  <c r="AF92110" i="1"/>
  <c r="AF92111" i="1"/>
  <c r="AF92112" i="1"/>
  <c r="AF92113" i="1"/>
  <c r="AF92114" i="1"/>
  <c r="AF92115" i="1"/>
  <c r="AF92116" i="1"/>
  <c r="AF92117" i="1"/>
  <c r="AF92118" i="1"/>
  <c r="AF92119" i="1"/>
  <c r="AF92120" i="1"/>
  <c r="AF92121" i="1"/>
  <c r="AF92122" i="1"/>
  <c r="AF92123" i="1"/>
  <c r="AF92124" i="1"/>
  <c r="AF92125" i="1"/>
  <c r="AF92126" i="1"/>
  <c r="AF92127" i="1"/>
  <c r="AF92128" i="1"/>
  <c r="AF92129" i="1"/>
  <c r="AF92130" i="1"/>
  <c r="AF92131" i="1"/>
  <c r="AF92132" i="1"/>
  <c r="AF92133" i="1"/>
  <c r="AF92134" i="1"/>
  <c r="AF92135" i="1"/>
  <c r="AF92136" i="1"/>
  <c r="AF92137" i="1"/>
  <c r="AF92138" i="1"/>
  <c r="AF92139" i="1"/>
  <c r="AF92140" i="1"/>
  <c r="AF92141" i="1"/>
  <c r="AF92142" i="1"/>
  <c r="AF92143" i="1"/>
  <c r="AF92144" i="1"/>
  <c r="AF92145" i="1"/>
  <c r="AF92146" i="1"/>
  <c r="AF92147" i="1"/>
  <c r="AF92148" i="1"/>
  <c r="AF92149" i="1"/>
  <c r="AF92150" i="1"/>
  <c r="AF92151" i="1"/>
  <c r="AF92152" i="1"/>
  <c r="AF92153" i="1"/>
  <c r="AF92154" i="1"/>
  <c r="AF92155" i="1"/>
  <c r="AF92156" i="1"/>
  <c r="AF92157" i="1"/>
  <c r="AF92158" i="1"/>
  <c r="AF92159" i="1"/>
  <c r="AF92160" i="1"/>
  <c r="AF92161" i="1"/>
  <c r="AF92162" i="1"/>
  <c r="AF92163" i="1"/>
  <c r="AF92164" i="1"/>
  <c r="AF92165" i="1"/>
  <c r="AF92166" i="1"/>
  <c r="AF92167" i="1"/>
  <c r="AF92168" i="1"/>
  <c r="AF92169" i="1"/>
  <c r="AF92170" i="1"/>
  <c r="AF92171" i="1"/>
  <c r="AF92172" i="1"/>
  <c r="AF92173" i="1"/>
  <c r="AF92174" i="1"/>
  <c r="AF92175" i="1"/>
  <c r="AF92176" i="1"/>
  <c r="AF92177" i="1"/>
  <c r="AF92178" i="1"/>
  <c r="AF92179" i="1"/>
  <c r="AF92180" i="1"/>
  <c r="AF92181" i="1"/>
  <c r="AF92182" i="1"/>
  <c r="AF92183" i="1"/>
  <c r="AF92184" i="1"/>
  <c r="AF92185" i="1"/>
  <c r="AF92186" i="1"/>
  <c r="AF92187" i="1"/>
  <c r="AF92188" i="1"/>
  <c r="AF92189" i="1"/>
  <c r="AF92190" i="1"/>
  <c r="AF92191" i="1"/>
  <c r="AF92192" i="1"/>
  <c r="AF92193" i="1"/>
  <c r="AF92194" i="1"/>
  <c r="AF92195" i="1"/>
  <c r="AF92196" i="1"/>
  <c r="AF92197" i="1"/>
  <c r="AF92198" i="1"/>
  <c r="AF92199" i="1"/>
  <c r="AF92200" i="1"/>
  <c r="AF92201" i="1"/>
  <c r="AF92202" i="1"/>
  <c r="AF92203" i="1"/>
  <c r="AF92204" i="1"/>
  <c r="AF92205" i="1"/>
  <c r="AF92206" i="1"/>
  <c r="AF92207" i="1"/>
  <c r="AF92208" i="1"/>
  <c r="AF92209" i="1"/>
  <c r="AF92210" i="1"/>
  <c r="AF92211" i="1"/>
  <c r="AF92212" i="1"/>
  <c r="AF92213" i="1"/>
  <c r="AF92214" i="1"/>
  <c r="AF92215" i="1"/>
  <c r="AF92216" i="1"/>
  <c r="AF92217" i="1"/>
  <c r="AF92218" i="1"/>
  <c r="AF92219" i="1"/>
  <c r="AF92220" i="1"/>
  <c r="AF92221" i="1"/>
  <c r="AF92222" i="1"/>
  <c r="AF92223" i="1"/>
  <c r="AF92224" i="1"/>
  <c r="AF92225" i="1"/>
  <c r="AF92226" i="1"/>
  <c r="AF92227" i="1"/>
  <c r="AF92228" i="1"/>
  <c r="AF92229" i="1"/>
  <c r="AF92230" i="1"/>
  <c r="AF92231" i="1"/>
  <c r="AF92232" i="1"/>
  <c r="AF92233" i="1"/>
  <c r="AF92234" i="1"/>
  <c r="AF92235" i="1"/>
  <c r="AF92236" i="1"/>
  <c r="AF92237" i="1"/>
  <c r="AF92238" i="1"/>
  <c r="AF92239" i="1"/>
  <c r="AF92240" i="1"/>
  <c r="AF92241" i="1"/>
  <c r="AF92242" i="1"/>
  <c r="AF92243" i="1"/>
  <c r="AF92244" i="1"/>
  <c r="AF92245" i="1"/>
  <c r="AF92246" i="1"/>
  <c r="AF92247" i="1"/>
  <c r="AF92248" i="1"/>
  <c r="AF92249" i="1"/>
  <c r="AF92250" i="1"/>
  <c r="AF92251" i="1"/>
  <c r="AF92252" i="1"/>
  <c r="AF92253" i="1"/>
  <c r="AF92254" i="1"/>
  <c r="AF92255" i="1"/>
  <c r="AF92256" i="1"/>
  <c r="AF92257" i="1"/>
  <c r="AF92258" i="1"/>
  <c r="AF92259" i="1"/>
  <c r="AF92260" i="1"/>
  <c r="AF92261" i="1"/>
  <c r="AF92262" i="1"/>
  <c r="AF92263" i="1"/>
  <c r="AF92264" i="1"/>
  <c r="AF92265" i="1"/>
  <c r="AF92266" i="1"/>
  <c r="AF92267" i="1"/>
  <c r="AF92268" i="1"/>
  <c r="AF92269" i="1"/>
  <c r="AF92270" i="1"/>
  <c r="AF92271" i="1"/>
  <c r="AF92272" i="1"/>
  <c r="AF92273" i="1"/>
  <c r="AF92274" i="1"/>
  <c r="AF92275" i="1"/>
  <c r="AF92276" i="1"/>
  <c r="AF92277" i="1"/>
  <c r="AF92278" i="1"/>
  <c r="AF92279" i="1"/>
  <c r="AF92280" i="1"/>
  <c r="AF92281" i="1"/>
  <c r="AF92282" i="1"/>
  <c r="AF92283" i="1"/>
  <c r="AF92284" i="1"/>
  <c r="AF92285" i="1"/>
  <c r="AF92286" i="1"/>
  <c r="AF92287" i="1"/>
  <c r="AF92288" i="1"/>
  <c r="AF92289" i="1"/>
  <c r="AF92290" i="1"/>
  <c r="AF92291" i="1"/>
  <c r="AF92292" i="1"/>
  <c r="AF92293" i="1"/>
  <c r="AF92294" i="1"/>
  <c r="AF92295" i="1"/>
  <c r="AF92296" i="1"/>
  <c r="AF92297" i="1"/>
  <c r="AF92298" i="1"/>
  <c r="AF92299" i="1"/>
  <c r="AF92300" i="1"/>
  <c r="AF92301" i="1"/>
  <c r="AF92302" i="1"/>
  <c r="AF92303" i="1"/>
  <c r="AF92304" i="1"/>
  <c r="AF92305" i="1"/>
  <c r="AF92306" i="1"/>
  <c r="AF92307" i="1"/>
  <c r="AF92308" i="1"/>
  <c r="AF92309" i="1"/>
  <c r="AF92310" i="1"/>
  <c r="AF92311" i="1"/>
  <c r="AF92312" i="1"/>
  <c r="AF92313" i="1"/>
  <c r="AF92314" i="1"/>
  <c r="AF92315" i="1"/>
  <c r="AF92316" i="1"/>
  <c r="AF92317" i="1"/>
  <c r="AF92318" i="1"/>
  <c r="AF92319" i="1"/>
  <c r="AF92320" i="1"/>
  <c r="AF92321" i="1"/>
  <c r="AF92322" i="1"/>
  <c r="AF92323" i="1"/>
  <c r="AF92324" i="1"/>
  <c r="AF92325" i="1"/>
  <c r="AF92326" i="1"/>
  <c r="AF92327" i="1"/>
  <c r="AF92328" i="1"/>
  <c r="AF92329" i="1"/>
  <c r="AF92330" i="1"/>
  <c r="AF92331" i="1"/>
  <c r="AF92332" i="1"/>
  <c r="AF92333" i="1"/>
  <c r="AF92334" i="1"/>
  <c r="AF92335" i="1"/>
  <c r="AF92336" i="1"/>
  <c r="AF92337" i="1"/>
  <c r="AF92338" i="1"/>
  <c r="AF92339" i="1"/>
  <c r="AF92340" i="1"/>
  <c r="AF92341" i="1"/>
  <c r="AF92342" i="1"/>
  <c r="AF92343" i="1"/>
  <c r="AF92344" i="1"/>
  <c r="AF92345" i="1"/>
  <c r="AF92346" i="1"/>
  <c r="AF92347" i="1"/>
  <c r="AF92348" i="1"/>
  <c r="AF92349" i="1"/>
  <c r="AF92350" i="1"/>
  <c r="AF92351" i="1"/>
  <c r="AF92352" i="1"/>
  <c r="AF92353" i="1"/>
  <c r="AF92354" i="1"/>
  <c r="AF92355" i="1"/>
  <c r="AF92356" i="1"/>
  <c r="AF92357" i="1"/>
  <c r="AF92358" i="1"/>
  <c r="AF92359" i="1"/>
  <c r="AF92360" i="1"/>
  <c r="AF92361" i="1"/>
  <c r="AF92362" i="1"/>
  <c r="AF92363" i="1"/>
  <c r="AF92364" i="1"/>
  <c r="AF92365" i="1"/>
  <c r="AF92366" i="1"/>
  <c r="AF92367" i="1"/>
  <c r="AF92368" i="1"/>
  <c r="AF92369" i="1"/>
  <c r="AF92370" i="1"/>
  <c r="AF92371" i="1"/>
  <c r="AF92372" i="1"/>
  <c r="AF92373" i="1"/>
  <c r="AF92374" i="1"/>
  <c r="AF92375" i="1"/>
  <c r="AF92376" i="1"/>
  <c r="AF92377" i="1"/>
  <c r="AF92378" i="1"/>
  <c r="AF92379" i="1"/>
  <c r="AF92380" i="1"/>
  <c r="AF92381" i="1"/>
  <c r="AF92382" i="1"/>
  <c r="AF92383" i="1"/>
  <c r="AF92384" i="1"/>
  <c r="AF92385" i="1"/>
  <c r="AF92386" i="1"/>
  <c r="AF92387" i="1"/>
  <c r="AF92388" i="1"/>
  <c r="AF92389" i="1"/>
  <c r="AF92390" i="1"/>
  <c r="AF92391" i="1"/>
  <c r="AF92392" i="1"/>
  <c r="AF92393" i="1"/>
  <c r="AF92394" i="1"/>
  <c r="AF92395" i="1"/>
  <c r="AF92396" i="1"/>
  <c r="AF92397" i="1"/>
  <c r="AF92398" i="1"/>
  <c r="AF92399" i="1"/>
  <c r="AF92400" i="1"/>
  <c r="AF92401" i="1"/>
  <c r="AF92402" i="1"/>
  <c r="AF92403" i="1"/>
  <c r="AF92404" i="1"/>
  <c r="AF92405" i="1"/>
  <c r="AF92406" i="1"/>
  <c r="AF92407" i="1"/>
  <c r="AF92408" i="1"/>
  <c r="AF92409" i="1"/>
  <c r="AF92410" i="1"/>
  <c r="AF92411" i="1"/>
  <c r="AF92412" i="1"/>
  <c r="AF92413" i="1"/>
  <c r="AF92414" i="1"/>
  <c r="AF92415" i="1"/>
  <c r="AF92416" i="1"/>
  <c r="AF92417" i="1"/>
  <c r="AF92418" i="1"/>
  <c r="AF92419" i="1"/>
  <c r="AF92420" i="1"/>
  <c r="AF92421" i="1"/>
  <c r="AF92422" i="1"/>
  <c r="AF92423" i="1"/>
  <c r="AF92424" i="1"/>
  <c r="AF92425" i="1"/>
  <c r="AF92426" i="1"/>
  <c r="AF92427" i="1"/>
  <c r="AF92428" i="1"/>
  <c r="AF92429" i="1"/>
  <c r="AF92430" i="1"/>
  <c r="AF92431" i="1"/>
  <c r="AF92432" i="1"/>
  <c r="AF92433" i="1"/>
  <c r="AF92434" i="1"/>
  <c r="AF92435" i="1"/>
  <c r="AF92436" i="1"/>
  <c r="AF92437" i="1"/>
  <c r="AF92438" i="1"/>
  <c r="AF92439" i="1"/>
  <c r="AF92440" i="1"/>
  <c r="AF92441" i="1"/>
  <c r="AF92442" i="1"/>
  <c r="AF92443" i="1"/>
  <c r="AF92444" i="1"/>
  <c r="AF92445" i="1"/>
  <c r="AF92446" i="1"/>
  <c r="AF92447" i="1"/>
  <c r="AF92448" i="1"/>
  <c r="AF92449" i="1"/>
  <c r="AF92450" i="1"/>
  <c r="AF92451" i="1"/>
  <c r="AF92452" i="1"/>
  <c r="AF92453" i="1"/>
  <c r="AF92454" i="1"/>
  <c r="AF92455" i="1"/>
  <c r="AF92456" i="1"/>
  <c r="AF92457" i="1"/>
  <c r="AF92458" i="1"/>
  <c r="AF92459" i="1"/>
  <c r="AF92460" i="1"/>
  <c r="AF92461" i="1"/>
  <c r="AF92462" i="1"/>
  <c r="AF92463" i="1"/>
  <c r="AF92464" i="1"/>
  <c r="AF92465" i="1"/>
  <c r="AF92466" i="1"/>
  <c r="AF92467" i="1"/>
  <c r="AF92468" i="1"/>
  <c r="AF92469" i="1"/>
  <c r="AF92470" i="1"/>
  <c r="AF92471" i="1"/>
  <c r="AF92472" i="1"/>
  <c r="AF92473" i="1"/>
  <c r="AF92474" i="1"/>
  <c r="AF92475" i="1"/>
  <c r="AF92476" i="1"/>
  <c r="AF92477" i="1"/>
  <c r="AF92478" i="1"/>
  <c r="AF92479" i="1"/>
  <c r="AF92480" i="1"/>
  <c r="AF92481" i="1"/>
  <c r="AF92482" i="1"/>
  <c r="AF92483" i="1"/>
  <c r="AF92484" i="1"/>
  <c r="AF92485" i="1"/>
  <c r="AF92486" i="1"/>
  <c r="AF92487" i="1"/>
  <c r="AF92488" i="1"/>
  <c r="AF92489" i="1"/>
  <c r="AF92490" i="1"/>
  <c r="AF92491" i="1"/>
  <c r="AF92492" i="1"/>
  <c r="AF92493" i="1"/>
  <c r="AF92494" i="1"/>
  <c r="AF92495" i="1"/>
  <c r="AF92496" i="1"/>
  <c r="AF92497" i="1"/>
  <c r="AF92498" i="1"/>
  <c r="AF92499" i="1"/>
  <c r="AF92500" i="1"/>
  <c r="AF92501" i="1"/>
  <c r="AF92502" i="1"/>
  <c r="AF92503" i="1"/>
  <c r="AF92504" i="1"/>
  <c r="AF92505" i="1"/>
  <c r="AF92506" i="1"/>
  <c r="AF92507" i="1"/>
  <c r="AF92508" i="1"/>
  <c r="AF92509" i="1"/>
  <c r="AF92510" i="1"/>
  <c r="AF92511" i="1"/>
  <c r="AF92512" i="1"/>
  <c r="AF92513" i="1"/>
  <c r="AF92514" i="1"/>
  <c r="AF92515" i="1"/>
  <c r="AF92516" i="1"/>
  <c r="AF92517" i="1"/>
  <c r="AF92518" i="1"/>
  <c r="AF92519" i="1"/>
  <c r="AF92520" i="1"/>
  <c r="AF92521" i="1"/>
  <c r="AF92522" i="1"/>
  <c r="AF92523" i="1"/>
  <c r="AF92524" i="1"/>
  <c r="AF92525" i="1"/>
  <c r="AF92526" i="1"/>
  <c r="AF92527" i="1"/>
  <c r="AF92528" i="1"/>
  <c r="AF92529" i="1"/>
  <c r="AF92530" i="1"/>
  <c r="AF92531" i="1"/>
  <c r="AF92532" i="1"/>
  <c r="AF92533" i="1"/>
  <c r="AF92534" i="1"/>
  <c r="AF92535" i="1"/>
  <c r="AF92536" i="1"/>
  <c r="AF92537" i="1"/>
  <c r="AF92538" i="1"/>
  <c r="AF92539" i="1"/>
  <c r="AF92540" i="1"/>
  <c r="AF92541" i="1"/>
  <c r="AF92542" i="1"/>
  <c r="AF92543" i="1"/>
  <c r="AF92544" i="1"/>
  <c r="AF92545" i="1"/>
  <c r="AF92546" i="1"/>
  <c r="AF92547" i="1"/>
  <c r="AF92548" i="1"/>
  <c r="AF92549" i="1"/>
  <c r="AF92550" i="1"/>
  <c r="AF92551" i="1"/>
  <c r="AF92552" i="1"/>
  <c r="AF92553" i="1"/>
  <c r="AF92554" i="1"/>
  <c r="AF92555" i="1"/>
  <c r="AF92556" i="1"/>
  <c r="AF92557" i="1"/>
  <c r="AF92558" i="1"/>
  <c r="AF92559" i="1"/>
  <c r="AF92560" i="1"/>
  <c r="AF92561" i="1"/>
  <c r="AF92562" i="1"/>
  <c r="AF92563" i="1"/>
  <c r="AF92564" i="1"/>
  <c r="AF92565" i="1"/>
  <c r="AF92566" i="1"/>
  <c r="AF92567" i="1"/>
  <c r="AF92568" i="1"/>
  <c r="AF92569" i="1"/>
  <c r="AF92570" i="1"/>
  <c r="AF92571" i="1"/>
  <c r="AF92572" i="1"/>
  <c r="AF92573" i="1"/>
  <c r="AF92574" i="1"/>
  <c r="AF92575" i="1"/>
  <c r="AF92576" i="1"/>
  <c r="AF92577" i="1"/>
  <c r="AF92578" i="1"/>
  <c r="AF92579" i="1"/>
  <c r="AF92580" i="1"/>
  <c r="AF92581" i="1"/>
  <c r="AF92582" i="1"/>
  <c r="AF92583" i="1"/>
  <c r="AF92584" i="1"/>
  <c r="AF92585" i="1"/>
  <c r="AF92586" i="1"/>
  <c r="AF92587" i="1"/>
  <c r="AF92588" i="1"/>
  <c r="AF92589" i="1"/>
  <c r="AF92590" i="1"/>
  <c r="AF92591" i="1"/>
  <c r="AF92592" i="1"/>
  <c r="AF92593" i="1"/>
  <c r="AF92594" i="1"/>
  <c r="AF92595" i="1"/>
  <c r="AF92596" i="1"/>
  <c r="AF92597" i="1"/>
  <c r="AF92598" i="1"/>
  <c r="AF92599" i="1"/>
  <c r="AF92600" i="1"/>
  <c r="AF92601" i="1"/>
  <c r="AF92602" i="1"/>
  <c r="AF92603" i="1"/>
  <c r="AF92604" i="1"/>
  <c r="AF92605" i="1"/>
  <c r="AF92606" i="1"/>
  <c r="AF92607" i="1"/>
  <c r="AF92608" i="1"/>
  <c r="AF92609" i="1"/>
  <c r="AF92610" i="1"/>
  <c r="AF92611" i="1"/>
  <c r="AF92612" i="1"/>
  <c r="AF92613" i="1"/>
  <c r="AF92614" i="1"/>
  <c r="AF92615" i="1"/>
  <c r="AF92616" i="1"/>
  <c r="AF92617" i="1"/>
  <c r="AF92618" i="1"/>
  <c r="AF92619" i="1"/>
  <c r="AF92620" i="1"/>
  <c r="AF92621" i="1"/>
  <c r="AF92622" i="1"/>
  <c r="AF92623" i="1"/>
  <c r="AF92624" i="1"/>
  <c r="AF92625" i="1"/>
  <c r="AF92626" i="1"/>
  <c r="AF92627" i="1"/>
  <c r="AF92628" i="1"/>
  <c r="AF92629" i="1"/>
  <c r="AF92630" i="1"/>
  <c r="AF92631" i="1"/>
  <c r="AF92632" i="1"/>
  <c r="AF92633" i="1"/>
  <c r="AF92634" i="1"/>
  <c r="AF92635" i="1"/>
  <c r="AF92636" i="1"/>
  <c r="AF92637" i="1"/>
  <c r="AF92638" i="1"/>
  <c r="AF92639" i="1"/>
  <c r="AF92640" i="1"/>
  <c r="AF92641" i="1"/>
  <c r="AF92642" i="1"/>
  <c r="AF92643" i="1"/>
  <c r="AF92644" i="1"/>
  <c r="AF92645" i="1"/>
  <c r="AF92646" i="1"/>
  <c r="AF92647" i="1"/>
  <c r="AF92648" i="1"/>
  <c r="AF92649" i="1"/>
  <c r="AF92650" i="1"/>
  <c r="AF92651" i="1"/>
  <c r="AF92652" i="1"/>
  <c r="AF92653" i="1"/>
  <c r="AF92654" i="1"/>
  <c r="AF92655" i="1"/>
  <c r="AF92656" i="1"/>
  <c r="AF92657" i="1"/>
  <c r="AF92658" i="1"/>
  <c r="AF92659" i="1"/>
  <c r="AF92660" i="1"/>
  <c r="AF92661" i="1"/>
  <c r="AF92662" i="1"/>
  <c r="AF92663" i="1"/>
  <c r="AF92664" i="1"/>
  <c r="AF92665" i="1"/>
  <c r="AF92666" i="1"/>
  <c r="AF92667" i="1"/>
  <c r="AF92668" i="1"/>
  <c r="AF92669" i="1"/>
  <c r="AF92670" i="1"/>
  <c r="AF92671" i="1"/>
  <c r="AF92672" i="1"/>
  <c r="AF92673" i="1"/>
  <c r="AF92674" i="1"/>
  <c r="AF92675" i="1"/>
  <c r="AF92676" i="1"/>
  <c r="AF92677" i="1"/>
  <c r="AF92678" i="1"/>
  <c r="AF92679" i="1"/>
  <c r="AF92680" i="1"/>
  <c r="AF92681" i="1"/>
  <c r="AF92682" i="1"/>
  <c r="AF92683" i="1"/>
  <c r="AF92684" i="1"/>
  <c r="AF92685" i="1"/>
  <c r="AF92686" i="1"/>
  <c r="AF92687" i="1"/>
  <c r="AF92688" i="1"/>
  <c r="AF92689" i="1"/>
  <c r="AF92690" i="1"/>
  <c r="AF92691" i="1"/>
  <c r="AF92692" i="1"/>
  <c r="AF92693" i="1"/>
  <c r="AF92694" i="1"/>
  <c r="AF92695" i="1"/>
  <c r="AF92696" i="1"/>
  <c r="AF92697" i="1"/>
  <c r="AF92698" i="1"/>
  <c r="AF92699" i="1"/>
  <c r="AF92700" i="1"/>
  <c r="AF92701" i="1"/>
  <c r="AF92702" i="1"/>
  <c r="AF92703" i="1"/>
  <c r="AF92704" i="1"/>
  <c r="AF92705" i="1"/>
  <c r="AF92706" i="1"/>
  <c r="AF92707" i="1"/>
  <c r="AF92708" i="1"/>
  <c r="AF92709" i="1"/>
  <c r="AF92710" i="1"/>
  <c r="AF92711" i="1"/>
  <c r="AF92712" i="1"/>
  <c r="AF92713" i="1"/>
  <c r="AF92714" i="1"/>
  <c r="AF92715" i="1"/>
  <c r="AF92716" i="1"/>
  <c r="AF92717" i="1"/>
  <c r="AF92718" i="1"/>
  <c r="AF92719" i="1"/>
  <c r="AF92720" i="1"/>
  <c r="AF92721" i="1"/>
  <c r="AF92722" i="1"/>
  <c r="AF92723" i="1"/>
  <c r="AF92724" i="1"/>
  <c r="AF92725" i="1"/>
  <c r="AF92726" i="1"/>
  <c r="AF92727" i="1"/>
  <c r="AF92728" i="1"/>
  <c r="AF92729" i="1"/>
  <c r="AF92730" i="1"/>
  <c r="AF92731" i="1"/>
  <c r="AF92732" i="1"/>
  <c r="AF92733" i="1"/>
  <c r="AF92734" i="1"/>
  <c r="AF92735" i="1"/>
  <c r="AF92736" i="1"/>
  <c r="AF92737" i="1"/>
  <c r="AF92738" i="1"/>
  <c r="AF92739" i="1"/>
  <c r="AF92740" i="1"/>
  <c r="AF92741" i="1"/>
  <c r="AF92742" i="1"/>
  <c r="AF92743" i="1"/>
  <c r="AF92744" i="1"/>
  <c r="AF92745" i="1"/>
  <c r="AF92746" i="1"/>
  <c r="AF92747" i="1"/>
  <c r="AF92748" i="1"/>
  <c r="AF92749" i="1"/>
  <c r="AF92750" i="1"/>
  <c r="AF92751" i="1"/>
  <c r="AF92752" i="1"/>
  <c r="AF92753" i="1"/>
  <c r="AF92754" i="1"/>
  <c r="AF92755" i="1"/>
  <c r="AF92756" i="1"/>
  <c r="AF92757" i="1"/>
  <c r="AF92758" i="1"/>
  <c r="AF92759" i="1"/>
  <c r="AF92760" i="1"/>
  <c r="AF92761" i="1"/>
  <c r="AF92762" i="1"/>
  <c r="AF92763" i="1"/>
  <c r="AF92764" i="1"/>
  <c r="AF92765" i="1"/>
  <c r="AF92766" i="1"/>
  <c r="AF92767" i="1"/>
  <c r="AF92768" i="1"/>
  <c r="AF92769" i="1"/>
  <c r="AF92770" i="1"/>
  <c r="AF92771" i="1"/>
  <c r="AF92772" i="1"/>
  <c r="AF92773" i="1"/>
  <c r="AF92774" i="1"/>
  <c r="AF92775" i="1"/>
  <c r="AF92776" i="1"/>
  <c r="AF92777" i="1"/>
  <c r="AF92778" i="1"/>
  <c r="AF92779" i="1"/>
  <c r="AF92780" i="1"/>
  <c r="AF92781" i="1"/>
  <c r="AF92782" i="1"/>
  <c r="AF92783" i="1"/>
  <c r="AF92784" i="1"/>
  <c r="AF92785" i="1"/>
  <c r="AF92786" i="1"/>
  <c r="AF92787" i="1"/>
  <c r="AF92788" i="1"/>
  <c r="AF92789" i="1"/>
  <c r="AF92790" i="1"/>
  <c r="AF92791" i="1"/>
  <c r="AF92792" i="1"/>
  <c r="AF92793" i="1"/>
  <c r="AF92794" i="1"/>
  <c r="AF92795" i="1"/>
  <c r="AF92796" i="1"/>
  <c r="AF92797" i="1"/>
  <c r="AF92798" i="1"/>
  <c r="AF92799" i="1"/>
  <c r="AF92800" i="1"/>
  <c r="AF92801" i="1"/>
  <c r="AF92802" i="1"/>
  <c r="AF92803" i="1"/>
  <c r="AF92804" i="1"/>
  <c r="AF92805" i="1"/>
  <c r="AF92806" i="1"/>
  <c r="AF92807" i="1"/>
  <c r="AF92808" i="1"/>
  <c r="AF92809" i="1"/>
  <c r="AF92810" i="1"/>
  <c r="AF92811" i="1"/>
  <c r="AF92812" i="1"/>
  <c r="AF92813" i="1"/>
  <c r="AF92814" i="1"/>
  <c r="AF92815" i="1"/>
  <c r="AF92816" i="1"/>
  <c r="AF92817" i="1"/>
  <c r="AF92818" i="1"/>
  <c r="AF92819" i="1"/>
  <c r="AF92820" i="1"/>
  <c r="AF92821" i="1"/>
  <c r="AF92822" i="1"/>
  <c r="AF92823" i="1"/>
  <c r="AF92824" i="1"/>
  <c r="AF92825" i="1"/>
  <c r="AF92826" i="1"/>
  <c r="AF92827" i="1"/>
  <c r="AF92828" i="1"/>
  <c r="AF92829" i="1"/>
  <c r="AF92830" i="1"/>
  <c r="AF92831" i="1"/>
  <c r="AF92832" i="1"/>
  <c r="AF92833" i="1"/>
  <c r="AF92834" i="1"/>
  <c r="AF92835" i="1"/>
  <c r="AF92836" i="1"/>
  <c r="AF92837" i="1"/>
  <c r="AF92838" i="1"/>
  <c r="AF92839" i="1"/>
  <c r="AF92840" i="1"/>
  <c r="AF92841" i="1"/>
  <c r="AF92842" i="1"/>
  <c r="AF92843" i="1"/>
  <c r="AF92844" i="1"/>
  <c r="AF92845" i="1"/>
  <c r="AF92846" i="1"/>
  <c r="AF92847" i="1"/>
  <c r="AF92848" i="1"/>
  <c r="AF92849" i="1"/>
  <c r="AF92850" i="1"/>
  <c r="AF92851" i="1"/>
  <c r="AF92852" i="1"/>
  <c r="AF92853" i="1"/>
  <c r="AF92854" i="1"/>
  <c r="AF92855" i="1"/>
  <c r="AF92856" i="1"/>
  <c r="AF92857" i="1"/>
  <c r="AF92858" i="1"/>
  <c r="AF92859" i="1"/>
  <c r="AF92860" i="1"/>
  <c r="AF92861" i="1"/>
  <c r="AF92862" i="1"/>
  <c r="AF92863" i="1"/>
  <c r="AF92864" i="1"/>
  <c r="AF92865" i="1"/>
  <c r="AF92866" i="1"/>
  <c r="AF92867" i="1"/>
  <c r="AF92868" i="1"/>
  <c r="AF92869" i="1"/>
  <c r="AF92870" i="1"/>
  <c r="AF92871" i="1"/>
  <c r="AF92872" i="1"/>
  <c r="AF92873" i="1"/>
  <c r="AF92874" i="1"/>
  <c r="AF92875" i="1"/>
  <c r="AF92876" i="1"/>
  <c r="AF92877" i="1"/>
  <c r="AF92878" i="1"/>
  <c r="AF92879" i="1"/>
  <c r="AF92880" i="1"/>
  <c r="AF92881" i="1"/>
  <c r="AF92882" i="1"/>
  <c r="AF92883" i="1"/>
  <c r="AF92884" i="1"/>
  <c r="AF92885" i="1"/>
  <c r="AF92886" i="1"/>
  <c r="AF92887" i="1"/>
  <c r="AF92888" i="1"/>
  <c r="AF92889" i="1"/>
  <c r="AF92890" i="1"/>
  <c r="AF92891" i="1"/>
  <c r="AF92892" i="1"/>
  <c r="AF92893" i="1"/>
  <c r="AF92894" i="1"/>
  <c r="AF92895" i="1"/>
  <c r="AF92896" i="1"/>
  <c r="AF92897" i="1"/>
  <c r="AF92898" i="1"/>
  <c r="AF92899" i="1"/>
  <c r="AF92900" i="1"/>
  <c r="AF92901" i="1"/>
  <c r="AF92902" i="1"/>
  <c r="AF92903" i="1"/>
  <c r="AF92904" i="1"/>
  <c r="AF92905" i="1"/>
  <c r="AF92906" i="1"/>
  <c r="AF92907" i="1"/>
  <c r="AF92908" i="1"/>
  <c r="AF92909" i="1"/>
  <c r="AF92910" i="1"/>
  <c r="AF92911" i="1"/>
  <c r="AF92912" i="1"/>
  <c r="AF92913" i="1"/>
  <c r="AF92914" i="1"/>
  <c r="AF92915" i="1"/>
  <c r="AF92916" i="1"/>
  <c r="AF92917" i="1"/>
  <c r="AF92918" i="1"/>
  <c r="AF92919" i="1"/>
  <c r="AF92920" i="1"/>
  <c r="AF92921" i="1"/>
  <c r="AF92922" i="1"/>
  <c r="AF92923" i="1"/>
  <c r="AF92924" i="1"/>
  <c r="AF92925" i="1"/>
  <c r="AF92926" i="1"/>
  <c r="AF92927" i="1"/>
  <c r="AF92928" i="1"/>
  <c r="AF92929" i="1"/>
  <c r="AF92930" i="1"/>
  <c r="AF92931" i="1"/>
  <c r="AF92932" i="1"/>
  <c r="AF92933" i="1"/>
  <c r="AF92934" i="1"/>
  <c r="AF92935" i="1"/>
  <c r="AF92936" i="1"/>
  <c r="AF92937" i="1"/>
  <c r="AF92938" i="1"/>
  <c r="AF92939" i="1"/>
  <c r="AF92940" i="1"/>
  <c r="AF92941" i="1"/>
  <c r="AF92942" i="1"/>
  <c r="AF92943" i="1"/>
  <c r="AF92944" i="1"/>
  <c r="AF92945" i="1"/>
  <c r="AF92946" i="1"/>
  <c r="AF92947" i="1"/>
  <c r="AF92948" i="1"/>
  <c r="AF92949" i="1"/>
  <c r="AF92950" i="1"/>
  <c r="AF92951" i="1"/>
  <c r="AF92952" i="1"/>
  <c r="AF92953" i="1"/>
  <c r="AF92954" i="1"/>
  <c r="AF92955" i="1"/>
  <c r="AF92956" i="1"/>
  <c r="AF92957" i="1"/>
  <c r="AF92958" i="1"/>
  <c r="AF92959" i="1"/>
  <c r="AF92960" i="1"/>
  <c r="AF92961" i="1"/>
  <c r="AF92962" i="1"/>
  <c r="AF92963" i="1"/>
  <c r="AF92964" i="1"/>
  <c r="AF92965" i="1"/>
  <c r="AF92966" i="1"/>
  <c r="AF92967" i="1"/>
  <c r="AF92968" i="1"/>
  <c r="AF92969" i="1"/>
  <c r="AF92970" i="1"/>
  <c r="AF92971" i="1"/>
  <c r="AF92972" i="1"/>
  <c r="AF92973" i="1"/>
  <c r="AF92974" i="1"/>
  <c r="AF92975" i="1"/>
  <c r="AF92976" i="1"/>
  <c r="AF92977" i="1"/>
  <c r="AF92978" i="1"/>
  <c r="AF92979" i="1"/>
  <c r="AF92980" i="1"/>
  <c r="AF92981" i="1"/>
  <c r="AF92982" i="1"/>
  <c r="AF92983" i="1"/>
  <c r="AF92984" i="1"/>
  <c r="AF92985" i="1"/>
  <c r="AF92986" i="1"/>
  <c r="AF92987" i="1"/>
  <c r="AF92988" i="1"/>
  <c r="AF92989" i="1"/>
  <c r="AF92990" i="1"/>
  <c r="AF92991" i="1"/>
  <c r="AF92992" i="1"/>
  <c r="AF92993" i="1"/>
  <c r="AF92994" i="1"/>
  <c r="AF92995" i="1"/>
  <c r="AF92996" i="1"/>
  <c r="AF92997" i="1"/>
  <c r="AF92998" i="1"/>
  <c r="AF92999" i="1"/>
  <c r="AF93000" i="1"/>
  <c r="AF93001" i="1"/>
  <c r="AF93002" i="1"/>
  <c r="AF93003" i="1"/>
  <c r="AF93004" i="1"/>
  <c r="AF93005" i="1"/>
  <c r="AF93006" i="1"/>
  <c r="AF93007" i="1"/>
  <c r="AF93008" i="1"/>
  <c r="AF93009" i="1"/>
  <c r="AF93010" i="1"/>
  <c r="AF93011" i="1"/>
  <c r="AF93012" i="1"/>
  <c r="AF93013" i="1"/>
  <c r="AF93014" i="1"/>
  <c r="AF93015" i="1"/>
  <c r="AF93016" i="1"/>
  <c r="AF93017" i="1"/>
  <c r="AF93018" i="1"/>
  <c r="AF93019" i="1"/>
  <c r="AF93020" i="1"/>
  <c r="AF93021" i="1"/>
  <c r="AF93022" i="1"/>
  <c r="AF93023" i="1"/>
  <c r="AF93024" i="1"/>
  <c r="AF93025" i="1"/>
  <c r="AF93026" i="1"/>
  <c r="AF93027" i="1"/>
  <c r="AF93028" i="1"/>
  <c r="AF93029" i="1"/>
  <c r="AF93030" i="1"/>
  <c r="AF93031" i="1"/>
  <c r="AF93032" i="1"/>
  <c r="AF93033" i="1"/>
  <c r="AF93034" i="1"/>
  <c r="AF93035" i="1"/>
  <c r="AF93036" i="1"/>
  <c r="AF93037" i="1"/>
  <c r="AF93038" i="1"/>
  <c r="AF93039" i="1"/>
  <c r="AF93040" i="1"/>
  <c r="AF93041" i="1"/>
  <c r="AF93042" i="1"/>
  <c r="AF93043" i="1"/>
  <c r="AF93044" i="1"/>
  <c r="AF93045" i="1"/>
  <c r="AF93046" i="1"/>
  <c r="AF93047" i="1"/>
  <c r="AF93048" i="1"/>
  <c r="AF93049" i="1"/>
  <c r="AF93050" i="1"/>
  <c r="AF93051" i="1"/>
  <c r="AF93052" i="1"/>
  <c r="AF93053" i="1"/>
  <c r="AF93054" i="1"/>
  <c r="AF93055" i="1"/>
  <c r="AF93056" i="1"/>
  <c r="AF93057" i="1"/>
  <c r="AF93058" i="1"/>
  <c r="AF93059" i="1"/>
  <c r="AF93060" i="1"/>
  <c r="AF93061" i="1"/>
  <c r="AF93062" i="1"/>
  <c r="AF93063" i="1"/>
  <c r="AF93064" i="1"/>
  <c r="AF93065" i="1"/>
  <c r="AF93066" i="1"/>
  <c r="AF93067" i="1"/>
  <c r="AF93068" i="1"/>
  <c r="AF93069" i="1"/>
  <c r="AF93070" i="1"/>
  <c r="AF93071" i="1"/>
  <c r="AF93072" i="1"/>
  <c r="AF93073" i="1"/>
  <c r="AF93074" i="1"/>
  <c r="AF93075" i="1"/>
  <c r="AF93076" i="1"/>
  <c r="AF93077" i="1"/>
  <c r="AF93078" i="1"/>
  <c r="AF93079" i="1"/>
  <c r="AF93080" i="1"/>
  <c r="AF93081" i="1"/>
  <c r="AF93082" i="1"/>
  <c r="AF93083" i="1"/>
  <c r="AF93084" i="1"/>
  <c r="AF93085" i="1"/>
  <c r="AF93086" i="1"/>
  <c r="AF93087" i="1"/>
  <c r="AF93088" i="1"/>
  <c r="AF93089" i="1"/>
  <c r="AF93090" i="1"/>
  <c r="AF93091" i="1"/>
  <c r="AF93092" i="1"/>
  <c r="AF93093" i="1"/>
  <c r="AF93094" i="1"/>
  <c r="AF93095" i="1"/>
  <c r="AF93096" i="1"/>
  <c r="AF93097" i="1"/>
  <c r="AF93098" i="1"/>
  <c r="AF93099" i="1"/>
  <c r="AF93100" i="1"/>
  <c r="AF93101" i="1"/>
  <c r="AF93102" i="1"/>
  <c r="AF93103" i="1"/>
  <c r="AF93104" i="1"/>
  <c r="AF93105" i="1"/>
  <c r="AF93106" i="1"/>
  <c r="AF93107" i="1"/>
  <c r="AF93108" i="1"/>
  <c r="AF93109" i="1"/>
  <c r="AF93110" i="1"/>
  <c r="AF93111" i="1"/>
  <c r="AF93112" i="1"/>
  <c r="AF93113" i="1"/>
  <c r="AF93114" i="1"/>
  <c r="AF93115" i="1"/>
  <c r="AF93116" i="1"/>
  <c r="AF93117" i="1"/>
  <c r="AF93118" i="1"/>
  <c r="AF93119" i="1"/>
  <c r="AF93120" i="1"/>
  <c r="AF93121" i="1"/>
  <c r="AF93122" i="1"/>
  <c r="AF93123" i="1"/>
  <c r="AF93124" i="1"/>
  <c r="AF93125" i="1"/>
  <c r="AF93126" i="1"/>
  <c r="AF93127" i="1"/>
  <c r="AF93128" i="1"/>
  <c r="AF93129" i="1"/>
  <c r="AF93130" i="1"/>
  <c r="AF93131" i="1"/>
  <c r="AF93132" i="1"/>
  <c r="AF93133" i="1"/>
  <c r="AF93134" i="1"/>
  <c r="AF93135" i="1"/>
  <c r="AF93136" i="1"/>
  <c r="AF93137" i="1"/>
  <c r="AF93138" i="1"/>
  <c r="AF93139" i="1"/>
  <c r="AF93140" i="1"/>
  <c r="AF93141" i="1"/>
  <c r="AF93142" i="1"/>
  <c r="AF93143" i="1"/>
  <c r="AF93144" i="1"/>
  <c r="AF93145" i="1"/>
  <c r="AF93146" i="1"/>
  <c r="AF93147" i="1"/>
  <c r="AF93148" i="1"/>
  <c r="AF93149" i="1"/>
  <c r="AF93150" i="1"/>
  <c r="AF93151" i="1"/>
  <c r="AF93152" i="1"/>
  <c r="AF93153" i="1"/>
  <c r="AF93154" i="1"/>
  <c r="AF93155" i="1"/>
  <c r="AF93156" i="1"/>
  <c r="AF93157" i="1"/>
  <c r="AF93158" i="1"/>
  <c r="AF93159" i="1"/>
  <c r="AF93160" i="1"/>
  <c r="AF93161" i="1"/>
  <c r="AF93162" i="1"/>
  <c r="AF93163" i="1"/>
  <c r="AF93164" i="1"/>
  <c r="AF93165" i="1"/>
  <c r="AF93166" i="1"/>
  <c r="AF93167" i="1"/>
  <c r="AF93168" i="1"/>
  <c r="AF93169" i="1"/>
  <c r="AF93170" i="1"/>
  <c r="AF93171" i="1"/>
  <c r="AF93172" i="1"/>
  <c r="AF93173" i="1"/>
  <c r="AF93174" i="1"/>
  <c r="AF93175" i="1"/>
  <c r="AF93176" i="1"/>
  <c r="AF93177" i="1"/>
  <c r="AF93178" i="1"/>
  <c r="AF93179" i="1"/>
  <c r="AF93180" i="1"/>
  <c r="AF93181" i="1"/>
  <c r="AF93182" i="1"/>
  <c r="AF93183" i="1"/>
  <c r="AF93184" i="1"/>
  <c r="AF93185" i="1"/>
  <c r="AF93186" i="1"/>
  <c r="AF93187" i="1"/>
  <c r="AF93188" i="1"/>
  <c r="AF93189" i="1"/>
  <c r="AF93190" i="1"/>
  <c r="AF93191" i="1"/>
  <c r="AF93192" i="1"/>
  <c r="AF93193" i="1"/>
  <c r="AF93194" i="1"/>
  <c r="AF93195" i="1"/>
  <c r="AF93196" i="1"/>
  <c r="AF93197" i="1"/>
  <c r="AF93198" i="1"/>
  <c r="AF93199" i="1"/>
  <c r="AF93200" i="1"/>
  <c r="AF93201" i="1"/>
  <c r="AF93202" i="1"/>
  <c r="AF93203" i="1"/>
  <c r="AF93204" i="1"/>
  <c r="AF93205" i="1"/>
  <c r="AF93206" i="1"/>
  <c r="AF93207" i="1"/>
  <c r="AF93208" i="1"/>
  <c r="AF93209" i="1"/>
  <c r="AF93210" i="1"/>
  <c r="AF93211" i="1"/>
  <c r="AF93212" i="1"/>
  <c r="AF93213" i="1"/>
  <c r="AF93214" i="1"/>
  <c r="AF93215" i="1"/>
  <c r="AF93216" i="1"/>
  <c r="AF93217" i="1"/>
  <c r="AF93218" i="1"/>
  <c r="AF93219" i="1"/>
  <c r="AF93220" i="1"/>
  <c r="AF93221" i="1"/>
  <c r="AF93222" i="1"/>
  <c r="AF93223" i="1"/>
  <c r="AF93224" i="1"/>
  <c r="AF93225" i="1"/>
  <c r="AF93226" i="1"/>
  <c r="AF93227" i="1"/>
  <c r="AF93228" i="1"/>
  <c r="AF93229" i="1"/>
  <c r="AF93230" i="1"/>
  <c r="AF93231" i="1"/>
  <c r="AF93232" i="1"/>
  <c r="AF93233" i="1"/>
  <c r="AF93234" i="1"/>
  <c r="AF93235" i="1"/>
  <c r="AF93236" i="1"/>
  <c r="AF93237" i="1"/>
  <c r="AF93238" i="1"/>
  <c r="AF93239" i="1"/>
  <c r="AF93240" i="1"/>
  <c r="AF93241" i="1"/>
  <c r="AF93242" i="1"/>
  <c r="AF93243" i="1"/>
  <c r="AF93244" i="1"/>
  <c r="AF93245" i="1"/>
  <c r="AF93246" i="1"/>
  <c r="AF93247" i="1"/>
  <c r="AF93248" i="1"/>
  <c r="AF93249" i="1"/>
  <c r="AF93250" i="1"/>
  <c r="AF93251" i="1"/>
  <c r="AF93252" i="1"/>
  <c r="AF93253" i="1"/>
  <c r="AF93254" i="1"/>
  <c r="AF93255" i="1"/>
  <c r="AF93256" i="1"/>
  <c r="AF93257" i="1"/>
  <c r="AF93258" i="1"/>
  <c r="AF93259" i="1"/>
  <c r="AF93260" i="1"/>
  <c r="AF93261" i="1"/>
  <c r="AF93262" i="1"/>
  <c r="AF93263" i="1"/>
  <c r="AF93264" i="1"/>
  <c r="AF93265" i="1"/>
  <c r="AF93266" i="1"/>
  <c r="AF93267" i="1"/>
  <c r="AF93268" i="1"/>
  <c r="AF93269" i="1"/>
  <c r="AF93270" i="1"/>
  <c r="AF93271" i="1"/>
  <c r="AF93272" i="1"/>
  <c r="AF93273" i="1"/>
  <c r="AF93274" i="1"/>
  <c r="AF93275" i="1"/>
  <c r="AF93276" i="1"/>
  <c r="AF93277" i="1"/>
  <c r="AF93278" i="1"/>
  <c r="AF93279" i="1"/>
  <c r="AF93280" i="1"/>
  <c r="AF93281" i="1"/>
  <c r="AF93282" i="1"/>
  <c r="AF93283" i="1"/>
  <c r="AF93284" i="1"/>
  <c r="AF93285" i="1"/>
  <c r="AF93286" i="1"/>
  <c r="AF93287" i="1"/>
  <c r="AF93288" i="1"/>
  <c r="AF93289" i="1"/>
  <c r="AF93290" i="1"/>
  <c r="AF93291" i="1"/>
  <c r="AF93292" i="1"/>
  <c r="AF93293" i="1"/>
  <c r="AF93294" i="1"/>
  <c r="AF93295" i="1"/>
  <c r="AF93296" i="1"/>
  <c r="AF93297" i="1"/>
  <c r="AF93298" i="1"/>
  <c r="AF93299" i="1"/>
  <c r="AF93300" i="1"/>
  <c r="AF93301" i="1"/>
  <c r="AF93302" i="1"/>
  <c r="AF93303" i="1"/>
  <c r="AF93304" i="1"/>
  <c r="AF93305" i="1"/>
  <c r="AF93306" i="1"/>
  <c r="AF93307" i="1"/>
  <c r="AF93308" i="1"/>
  <c r="AF93309" i="1"/>
  <c r="AF93310" i="1"/>
  <c r="AF93311" i="1"/>
  <c r="AF93312" i="1"/>
  <c r="AF93313" i="1"/>
  <c r="AF93314" i="1"/>
  <c r="AF93315" i="1"/>
  <c r="AF93316" i="1"/>
  <c r="AF93317" i="1"/>
  <c r="AF93318" i="1"/>
  <c r="AF93319" i="1"/>
  <c r="AF93320" i="1"/>
  <c r="AF93321" i="1"/>
  <c r="AF93322" i="1"/>
  <c r="AF93323" i="1"/>
  <c r="AF93324" i="1"/>
  <c r="AF93325" i="1"/>
  <c r="AF93326" i="1"/>
  <c r="AF93327" i="1"/>
  <c r="AF93328" i="1"/>
  <c r="AF93329" i="1"/>
  <c r="AF93330" i="1"/>
  <c r="AF93331" i="1"/>
  <c r="AF93332" i="1"/>
  <c r="AF93333" i="1"/>
  <c r="AF93334" i="1"/>
  <c r="AF93335" i="1"/>
  <c r="AF93336" i="1"/>
  <c r="AF93337" i="1"/>
  <c r="AF93338" i="1"/>
  <c r="AF93339" i="1"/>
  <c r="AF93340" i="1"/>
  <c r="AF93341" i="1"/>
  <c r="AF93342" i="1"/>
  <c r="AF93343" i="1"/>
  <c r="AF93344" i="1"/>
  <c r="AF93345" i="1"/>
  <c r="AF93346" i="1"/>
  <c r="AF93347" i="1"/>
  <c r="AF93348" i="1"/>
  <c r="AF93349" i="1"/>
  <c r="AF93350" i="1"/>
  <c r="AF93351" i="1"/>
  <c r="AF93352" i="1"/>
  <c r="AF93353" i="1"/>
  <c r="AF93354" i="1"/>
  <c r="AF93355" i="1"/>
  <c r="AF93356" i="1"/>
  <c r="AF93357" i="1"/>
  <c r="AF93358" i="1"/>
  <c r="AF93359" i="1"/>
  <c r="AF93360" i="1"/>
  <c r="AF93361" i="1"/>
  <c r="AF93362" i="1"/>
  <c r="AF93363" i="1"/>
  <c r="AF93364" i="1"/>
  <c r="AF93365" i="1"/>
  <c r="AF93366" i="1"/>
  <c r="AF93367" i="1"/>
  <c r="AF93368" i="1"/>
  <c r="AF93369" i="1"/>
  <c r="AF93370" i="1"/>
  <c r="AF93371" i="1"/>
  <c r="AF93372" i="1"/>
  <c r="AF93373" i="1"/>
  <c r="AF93374" i="1"/>
  <c r="AF93375" i="1"/>
  <c r="AF93376" i="1"/>
  <c r="AF93377" i="1"/>
  <c r="AF93378" i="1"/>
  <c r="AF93379" i="1"/>
  <c r="AF93380" i="1"/>
  <c r="AF93381" i="1"/>
  <c r="AF93382" i="1"/>
  <c r="AF93383" i="1"/>
  <c r="AF93384" i="1"/>
  <c r="AF93385" i="1"/>
  <c r="AF93386" i="1"/>
  <c r="AF93387" i="1"/>
  <c r="AF93388" i="1"/>
  <c r="AF93389" i="1"/>
  <c r="AF93390" i="1"/>
  <c r="AF93391" i="1"/>
  <c r="AF93392" i="1"/>
  <c r="AF93393" i="1"/>
  <c r="AF93394" i="1"/>
  <c r="AF93395" i="1"/>
  <c r="AF93396" i="1"/>
  <c r="AF93397" i="1"/>
  <c r="AF93398" i="1"/>
  <c r="AF93399" i="1"/>
  <c r="AF93400" i="1"/>
  <c r="AF93401" i="1"/>
  <c r="AF93402" i="1"/>
  <c r="AF93403" i="1"/>
  <c r="AF93404" i="1"/>
  <c r="AF93405" i="1"/>
  <c r="AF93406" i="1"/>
  <c r="AF93407" i="1"/>
  <c r="AF93408" i="1"/>
  <c r="AF93409" i="1"/>
  <c r="AF93410" i="1"/>
  <c r="AF93411" i="1"/>
  <c r="AF93412" i="1"/>
  <c r="AF93413" i="1"/>
  <c r="AF93414" i="1"/>
  <c r="AF93415" i="1"/>
  <c r="AF93416" i="1"/>
  <c r="AF93417" i="1"/>
  <c r="AF93418" i="1"/>
  <c r="AF93419" i="1"/>
  <c r="AF93420" i="1"/>
  <c r="AF93421" i="1"/>
  <c r="AF93422" i="1"/>
  <c r="AF93423" i="1"/>
  <c r="AF93424" i="1"/>
  <c r="AF93425" i="1"/>
  <c r="AF93426" i="1"/>
  <c r="AF93427" i="1"/>
  <c r="AF93428" i="1"/>
  <c r="AF93429" i="1"/>
  <c r="AF93430" i="1"/>
  <c r="AF93431" i="1"/>
  <c r="AF93432" i="1"/>
  <c r="AF93433" i="1"/>
  <c r="AF93434" i="1"/>
  <c r="AF93435" i="1"/>
  <c r="AF93436" i="1"/>
  <c r="AF93437" i="1"/>
  <c r="AF93438" i="1"/>
  <c r="AF93439" i="1"/>
  <c r="AF93440" i="1"/>
  <c r="AF93441" i="1"/>
  <c r="AF93442" i="1"/>
  <c r="AF93443" i="1"/>
  <c r="AF93444" i="1"/>
  <c r="AF93445" i="1"/>
  <c r="AF93446" i="1"/>
  <c r="AF93447" i="1"/>
  <c r="AF93448" i="1"/>
  <c r="AF93449" i="1"/>
  <c r="AF93450" i="1"/>
  <c r="AF93451" i="1"/>
  <c r="AF93452" i="1"/>
  <c r="AF93453" i="1"/>
  <c r="AF93454" i="1"/>
  <c r="AF93455" i="1"/>
  <c r="AF93456" i="1"/>
  <c r="AF93457" i="1"/>
  <c r="AF93458" i="1"/>
  <c r="AF93459" i="1"/>
  <c r="AF93460" i="1"/>
  <c r="AF93461" i="1"/>
  <c r="AF93462" i="1"/>
  <c r="AF93463" i="1"/>
  <c r="AF93464" i="1"/>
  <c r="AF93465" i="1"/>
  <c r="AF93466" i="1"/>
  <c r="AF93467" i="1"/>
  <c r="AF93468" i="1"/>
  <c r="AF93469" i="1"/>
  <c r="AF93470" i="1"/>
  <c r="AF93471" i="1"/>
  <c r="AF93472" i="1"/>
  <c r="AF93473" i="1"/>
  <c r="AF93474" i="1"/>
  <c r="AF93475" i="1"/>
  <c r="AF93476" i="1"/>
  <c r="AF93477" i="1"/>
  <c r="AF93478" i="1"/>
  <c r="AF93479" i="1"/>
  <c r="AF93480" i="1"/>
  <c r="AF93481" i="1"/>
  <c r="AF93482" i="1"/>
  <c r="AF93483" i="1"/>
  <c r="AF93484" i="1"/>
  <c r="AF93485" i="1"/>
  <c r="AF93486" i="1"/>
  <c r="AF93487" i="1"/>
  <c r="AF93488" i="1"/>
  <c r="AF93489" i="1"/>
  <c r="AF93490" i="1"/>
  <c r="AF93491" i="1"/>
  <c r="AF93492" i="1"/>
  <c r="AF93493" i="1"/>
  <c r="AF93494" i="1"/>
  <c r="AF93495" i="1"/>
  <c r="AF93496" i="1"/>
  <c r="AF93497" i="1"/>
  <c r="AF93498" i="1"/>
  <c r="AF93499" i="1"/>
  <c r="AF93500" i="1"/>
  <c r="AF93501" i="1"/>
  <c r="AF93502" i="1"/>
  <c r="AF93503" i="1"/>
  <c r="AF93504" i="1"/>
  <c r="AF93505" i="1"/>
  <c r="AF93506" i="1"/>
  <c r="AF93507" i="1"/>
  <c r="AF93508" i="1"/>
  <c r="AF93509" i="1"/>
  <c r="AF93510" i="1"/>
  <c r="AF93511" i="1"/>
  <c r="AF93512" i="1"/>
  <c r="AF93513" i="1"/>
  <c r="AF93514" i="1"/>
  <c r="AF93515" i="1"/>
  <c r="AF93516" i="1"/>
  <c r="AF93517" i="1"/>
  <c r="AF93518" i="1"/>
  <c r="AF93519" i="1"/>
  <c r="AF93520" i="1"/>
  <c r="AF93521" i="1"/>
  <c r="AF93522" i="1"/>
  <c r="AF93523" i="1"/>
  <c r="AF93524" i="1"/>
  <c r="AF93525" i="1"/>
  <c r="AF93526" i="1"/>
  <c r="AF93527" i="1"/>
  <c r="AF93528" i="1"/>
  <c r="AF93529" i="1"/>
  <c r="AF93530" i="1"/>
  <c r="AF93531" i="1"/>
  <c r="AF93532" i="1"/>
  <c r="AF93533" i="1"/>
  <c r="AF93534" i="1"/>
  <c r="AF93535" i="1"/>
  <c r="AF93536" i="1"/>
  <c r="AF93537" i="1"/>
  <c r="AF93538" i="1"/>
  <c r="AF93539" i="1"/>
  <c r="AF93540" i="1"/>
  <c r="AF93541" i="1"/>
  <c r="AF93542" i="1"/>
  <c r="AF93543" i="1"/>
  <c r="AF93544" i="1"/>
  <c r="AF93545" i="1"/>
  <c r="AF93546" i="1"/>
  <c r="AF93547" i="1"/>
  <c r="AF93548" i="1"/>
  <c r="AF93549" i="1"/>
  <c r="AF93550" i="1"/>
  <c r="AF93551" i="1"/>
  <c r="AF93552" i="1"/>
  <c r="AF93553" i="1"/>
  <c r="AF93554" i="1"/>
  <c r="AF93555" i="1"/>
  <c r="AF93556" i="1"/>
  <c r="AF93557" i="1"/>
  <c r="AF93558" i="1"/>
  <c r="AF93559" i="1"/>
  <c r="AF93560" i="1"/>
  <c r="AF93561" i="1"/>
  <c r="AF93562" i="1"/>
  <c r="AF93563" i="1"/>
  <c r="AF93564" i="1"/>
  <c r="AF93565" i="1"/>
  <c r="AF93566" i="1"/>
  <c r="AF93567" i="1"/>
  <c r="AF93568" i="1"/>
  <c r="AF93569" i="1"/>
  <c r="AF93570" i="1"/>
  <c r="AF93571" i="1"/>
  <c r="AF93572" i="1"/>
  <c r="AF93573" i="1"/>
  <c r="AF93574" i="1"/>
  <c r="AF93575" i="1"/>
  <c r="AF93576" i="1"/>
  <c r="AF93577" i="1"/>
  <c r="AF93578" i="1"/>
  <c r="AF93579" i="1"/>
  <c r="AF93580" i="1"/>
  <c r="AF93581" i="1"/>
  <c r="AF93582" i="1"/>
  <c r="AF93583" i="1"/>
  <c r="AF93584" i="1"/>
  <c r="AF93585" i="1"/>
  <c r="AF93586" i="1"/>
  <c r="AF93587" i="1"/>
  <c r="AF93588" i="1"/>
  <c r="AF93589" i="1"/>
  <c r="AF93590" i="1"/>
  <c r="AF93591" i="1"/>
  <c r="AF93592" i="1"/>
  <c r="AF93593" i="1"/>
  <c r="AF93594" i="1"/>
  <c r="AF93595" i="1"/>
  <c r="AF93596" i="1"/>
  <c r="AF93597" i="1"/>
  <c r="AF93598" i="1"/>
  <c r="AF93599" i="1"/>
  <c r="AF93600" i="1"/>
  <c r="AF93601" i="1"/>
  <c r="AF93602" i="1"/>
  <c r="AF93603" i="1"/>
  <c r="AF93604" i="1"/>
  <c r="AF93605" i="1"/>
  <c r="AF93606" i="1"/>
  <c r="AF93607" i="1"/>
  <c r="AF93608" i="1"/>
  <c r="AF93609" i="1"/>
  <c r="AF93610" i="1"/>
  <c r="AF93611" i="1"/>
  <c r="AF93612" i="1"/>
  <c r="AF93613" i="1"/>
  <c r="AF93614" i="1"/>
  <c r="AF93615" i="1"/>
  <c r="AF93616" i="1"/>
  <c r="AF93617" i="1"/>
  <c r="AF93618" i="1"/>
  <c r="AF93619" i="1"/>
  <c r="AF93620" i="1"/>
  <c r="AF93621" i="1"/>
  <c r="AF93622" i="1"/>
  <c r="AF93623" i="1"/>
  <c r="AF93624" i="1"/>
  <c r="AF93625" i="1"/>
  <c r="AF93626" i="1"/>
  <c r="AF93627" i="1"/>
  <c r="AF93628" i="1"/>
  <c r="AF93629" i="1"/>
  <c r="AF93630" i="1"/>
  <c r="AF93631" i="1"/>
  <c r="AF93632" i="1"/>
  <c r="AF93633" i="1"/>
  <c r="AF93634" i="1"/>
  <c r="AF93635" i="1"/>
  <c r="AF93636" i="1"/>
  <c r="AF93637" i="1"/>
  <c r="AF93638" i="1"/>
  <c r="AF93639" i="1"/>
  <c r="AF93640" i="1"/>
  <c r="AF93641" i="1"/>
  <c r="AF93642" i="1"/>
  <c r="AF93643" i="1"/>
  <c r="AF93644" i="1"/>
  <c r="AF93645" i="1"/>
  <c r="AF93646" i="1"/>
  <c r="AF93647" i="1"/>
  <c r="AF93648" i="1"/>
  <c r="AF93649" i="1"/>
  <c r="AF93650" i="1"/>
  <c r="AF93651" i="1"/>
  <c r="AF93652" i="1"/>
  <c r="AF93653" i="1"/>
  <c r="AF93654" i="1"/>
  <c r="AF93655" i="1"/>
  <c r="AF93656" i="1"/>
  <c r="AF93657" i="1"/>
  <c r="AF93658" i="1"/>
  <c r="AF93659" i="1"/>
  <c r="AF93660" i="1"/>
  <c r="AF93661" i="1"/>
  <c r="AF93662" i="1"/>
  <c r="AF93663" i="1"/>
  <c r="AF93664" i="1"/>
  <c r="AF93665" i="1"/>
  <c r="AF93666" i="1"/>
  <c r="AF93667" i="1"/>
  <c r="AF93668" i="1"/>
  <c r="AF93669" i="1"/>
  <c r="AF93670" i="1"/>
  <c r="AF93671" i="1"/>
  <c r="AF93672" i="1"/>
  <c r="AF93673" i="1"/>
  <c r="AF93674" i="1"/>
  <c r="AF93675" i="1"/>
  <c r="AF93676" i="1"/>
  <c r="AF93677" i="1"/>
  <c r="AF93678" i="1"/>
  <c r="AF93679" i="1"/>
  <c r="AF93680" i="1"/>
  <c r="AF93681" i="1"/>
  <c r="AF93682" i="1"/>
  <c r="AF93683" i="1"/>
  <c r="AF93684" i="1"/>
  <c r="AF93685" i="1"/>
  <c r="AF93686" i="1"/>
  <c r="AF93687" i="1"/>
  <c r="AF93688" i="1"/>
  <c r="AF93689" i="1"/>
  <c r="AF93690" i="1"/>
  <c r="AF93691" i="1"/>
  <c r="AF93692" i="1"/>
  <c r="AF93693" i="1"/>
  <c r="AF93694" i="1"/>
  <c r="AF93695" i="1"/>
  <c r="AF93696" i="1"/>
  <c r="AF93697" i="1"/>
  <c r="AF93698" i="1"/>
  <c r="AF93699" i="1"/>
  <c r="AF93700" i="1"/>
  <c r="AF93701" i="1"/>
  <c r="AF93702" i="1"/>
  <c r="AF93703" i="1"/>
  <c r="AF93704" i="1"/>
  <c r="AF93705" i="1"/>
  <c r="AF93706" i="1"/>
  <c r="AF93707" i="1"/>
  <c r="AF93708" i="1"/>
  <c r="AF93709" i="1"/>
  <c r="AF93710" i="1"/>
  <c r="AF93711" i="1"/>
  <c r="AF93712" i="1"/>
  <c r="AF93713" i="1"/>
  <c r="AF93714" i="1"/>
  <c r="AF93715" i="1"/>
  <c r="AF93716" i="1"/>
  <c r="AF93717" i="1"/>
  <c r="AF93718" i="1"/>
  <c r="AF93719" i="1"/>
  <c r="AF93720" i="1"/>
  <c r="AF93721" i="1"/>
  <c r="AF93722" i="1"/>
  <c r="AF93723" i="1"/>
  <c r="AF93724" i="1"/>
  <c r="AF93725" i="1"/>
  <c r="AF93726" i="1"/>
  <c r="AF93727" i="1"/>
  <c r="AF93728" i="1"/>
  <c r="AF93729" i="1"/>
  <c r="AF93730" i="1"/>
  <c r="AF93731" i="1"/>
  <c r="AF93732" i="1"/>
  <c r="AF93733" i="1"/>
  <c r="AF93734" i="1"/>
  <c r="AF93735" i="1"/>
  <c r="AF93736" i="1"/>
  <c r="AF93737" i="1"/>
  <c r="AF93738" i="1"/>
  <c r="AF93739" i="1"/>
  <c r="AF93740" i="1"/>
  <c r="AF93741" i="1"/>
  <c r="AF93742" i="1"/>
  <c r="AF93743" i="1"/>
  <c r="AF93744" i="1"/>
  <c r="AF93745" i="1"/>
  <c r="AF93746" i="1"/>
  <c r="AF93747" i="1"/>
  <c r="AF93748" i="1"/>
  <c r="AF93749" i="1"/>
  <c r="AF93750" i="1"/>
  <c r="AF93751" i="1"/>
  <c r="AF93752" i="1"/>
  <c r="AF93753" i="1"/>
  <c r="AF93754" i="1"/>
  <c r="AF93755" i="1"/>
  <c r="AF93756" i="1"/>
  <c r="AF93757" i="1"/>
  <c r="AF93758" i="1"/>
  <c r="AF93759" i="1"/>
  <c r="AF93760" i="1"/>
  <c r="AF93761" i="1"/>
  <c r="AF93762" i="1"/>
  <c r="AF93763" i="1"/>
  <c r="AF93764" i="1"/>
  <c r="AF93765" i="1"/>
  <c r="AF93766" i="1"/>
  <c r="AF93767" i="1"/>
  <c r="AF93768" i="1"/>
  <c r="AF93769" i="1"/>
  <c r="AF93770" i="1"/>
  <c r="AF93771" i="1"/>
  <c r="AF93772" i="1"/>
  <c r="AF93773" i="1"/>
  <c r="AF93774" i="1"/>
  <c r="AF93775" i="1"/>
  <c r="AF93776" i="1"/>
  <c r="AF93777" i="1"/>
  <c r="AF93778" i="1"/>
  <c r="AF93779" i="1"/>
  <c r="AF93780" i="1"/>
  <c r="AF93781" i="1"/>
  <c r="AF93782" i="1"/>
  <c r="AF93783" i="1"/>
  <c r="AF93784" i="1"/>
  <c r="AF93785" i="1"/>
  <c r="AF93786" i="1"/>
  <c r="AF93787" i="1"/>
  <c r="AF93788" i="1"/>
  <c r="AF93789" i="1"/>
  <c r="AF93790" i="1"/>
  <c r="AF93791" i="1"/>
  <c r="AF93792" i="1"/>
  <c r="AF93793" i="1"/>
  <c r="AF93794" i="1"/>
  <c r="AF93795" i="1"/>
  <c r="AF93796" i="1"/>
  <c r="AF93797" i="1"/>
  <c r="AF93798" i="1"/>
  <c r="AF93799" i="1"/>
  <c r="AF93800" i="1"/>
  <c r="AF93801" i="1"/>
  <c r="AF93802" i="1"/>
  <c r="AF93803" i="1"/>
  <c r="AF93804" i="1"/>
  <c r="AF93805" i="1"/>
  <c r="AF93806" i="1"/>
  <c r="AF93807" i="1"/>
  <c r="AF93808" i="1"/>
  <c r="AF93809" i="1"/>
  <c r="AF93810" i="1"/>
  <c r="AF93811" i="1"/>
  <c r="AF93812" i="1"/>
  <c r="AF93813" i="1"/>
  <c r="AF93814" i="1"/>
  <c r="AF93815" i="1"/>
  <c r="AF93816" i="1"/>
  <c r="AF93817" i="1"/>
  <c r="AF93818" i="1"/>
  <c r="AF93819" i="1"/>
  <c r="AF93820" i="1"/>
  <c r="AF93821" i="1"/>
  <c r="AF93822" i="1"/>
  <c r="AF93823" i="1"/>
  <c r="AF93824" i="1"/>
  <c r="AF93825" i="1"/>
  <c r="AF93826" i="1"/>
  <c r="AF93827" i="1"/>
  <c r="AF93828" i="1"/>
  <c r="AF93829" i="1"/>
  <c r="AF93830" i="1"/>
  <c r="AF93831" i="1"/>
  <c r="AF93832" i="1"/>
  <c r="AF93833" i="1"/>
  <c r="AF93834" i="1"/>
  <c r="AF93835" i="1"/>
  <c r="AF93836" i="1"/>
  <c r="AF93837" i="1"/>
  <c r="AF93838" i="1"/>
  <c r="AF93839" i="1"/>
  <c r="AF93840" i="1"/>
  <c r="AF93841" i="1"/>
  <c r="AF93842" i="1"/>
  <c r="AF93843" i="1"/>
  <c r="AF93844" i="1"/>
  <c r="AF93845" i="1"/>
  <c r="AF93846" i="1"/>
  <c r="AF93847" i="1"/>
  <c r="AF93848" i="1"/>
  <c r="AF93849" i="1"/>
  <c r="AF93850" i="1"/>
  <c r="AF93851" i="1"/>
  <c r="AF93852" i="1"/>
  <c r="AF93853" i="1"/>
  <c r="AF93854" i="1"/>
  <c r="AF93855" i="1"/>
  <c r="AF93856" i="1"/>
  <c r="AF93857" i="1"/>
  <c r="AF93858" i="1"/>
  <c r="AF93859" i="1"/>
  <c r="AF93860" i="1"/>
  <c r="AF93861" i="1"/>
  <c r="AF93862" i="1"/>
  <c r="AF93863" i="1"/>
  <c r="AF93864" i="1"/>
  <c r="AF93865" i="1"/>
  <c r="AF93866" i="1"/>
  <c r="AF93867" i="1"/>
  <c r="AF93868" i="1"/>
  <c r="AF93869" i="1"/>
  <c r="AF93870" i="1"/>
  <c r="AF93871" i="1"/>
  <c r="AF93872" i="1"/>
  <c r="AF93873" i="1"/>
  <c r="AF93874" i="1"/>
  <c r="AF93875" i="1"/>
  <c r="AF93876" i="1"/>
  <c r="AF93877" i="1"/>
  <c r="AF93878" i="1"/>
  <c r="AF93879" i="1"/>
  <c r="AF93880" i="1"/>
  <c r="AF93881" i="1"/>
  <c r="AF93882" i="1"/>
  <c r="AF93883" i="1"/>
  <c r="AF93884" i="1"/>
  <c r="AF93885" i="1"/>
  <c r="AF93886" i="1"/>
  <c r="AF93887" i="1"/>
  <c r="AF93888" i="1"/>
  <c r="AF93889" i="1"/>
  <c r="AF93890" i="1"/>
  <c r="AF93891" i="1"/>
  <c r="AF93892" i="1"/>
  <c r="AF93893" i="1"/>
  <c r="AF93894" i="1"/>
  <c r="AF93895" i="1"/>
  <c r="AF93896" i="1"/>
  <c r="AF93897" i="1"/>
  <c r="AF93898" i="1"/>
  <c r="AF93899" i="1"/>
  <c r="AF93900" i="1"/>
  <c r="AF93901" i="1"/>
  <c r="AF93902" i="1"/>
  <c r="AF93903" i="1"/>
  <c r="AF93904" i="1"/>
  <c r="AF93905" i="1"/>
  <c r="AF93906" i="1"/>
  <c r="AF93907" i="1"/>
  <c r="AF93908" i="1"/>
  <c r="AF93909" i="1"/>
  <c r="AF93910" i="1"/>
  <c r="AF93911" i="1"/>
  <c r="AF93912" i="1"/>
  <c r="AF93913" i="1"/>
  <c r="AF93914" i="1"/>
  <c r="AF93915" i="1"/>
  <c r="AF93916" i="1"/>
  <c r="AF93917" i="1"/>
  <c r="AF93918" i="1"/>
  <c r="AF93919" i="1"/>
  <c r="AF93920" i="1"/>
  <c r="AF93921" i="1"/>
  <c r="AF93922" i="1"/>
  <c r="AF93923" i="1"/>
  <c r="AF93924" i="1"/>
  <c r="AF93925" i="1"/>
  <c r="AF93926" i="1"/>
  <c r="AF93927" i="1"/>
  <c r="AF93928" i="1"/>
  <c r="AF93929" i="1"/>
  <c r="AF93930" i="1"/>
  <c r="AF93931" i="1"/>
  <c r="AF93932" i="1"/>
  <c r="AF93933" i="1"/>
  <c r="AF93934" i="1"/>
  <c r="AF93935" i="1"/>
  <c r="AF93936" i="1"/>
  <c r="AF93937" i="1"/>
  <c r="AF93938" i="1"/>
  <c r="AF93939" i="1"/>
  <c r="AF93940" i="1"/>
  <c r="AF93941" i="1"/>
  <c r="AF93942" i="1"/>
  <c r="AF93943" i="1"/>
  <c r="AF93944" i="1"/>
  <c r="AF93945" i="1"/>
  <c r="AF93946" i="1"/>
  <c r="AF93947" i="1"/>
  <c r="AF93948" i="1"/>
  <c r="AF93949" i="1"/>
  <c r="AF93950" i="1"/>
  <c r="AF93951" i="1"/>
  <c r="AF93952" i="1"/>
  <c r="AF93953" i="1"/>
  <c r="AF93954" i="1"/>
  <c r="AF93955" i="1"/>
  <c r="AF93956" i="1"/>
  <c r="AF93957" i="1"/>
  <c r="AF93958" i="1"/>
  <c r="AF93959" i="1"/>
  <c r="AF93960" i="1"/>
  <c r="AF93961" i="1"/>
  <c r="AF93962" i="1"/>
  <c r="AF93963" i="1"/>
  <c r="AF93964" i="1"/>
  <c r="AF93965" i="1"/>
  <c r="AF93966" i="1"/>
  <c r="AF93967" i="1"/>
  <c r="AF93968" i="1"/>
  <c r="AF93969" i="1"/>
  <c r="AF93970" i="1"/>
  <c r="AF93971" i="1"/>
  <c r="AF93972" i="1"/>
  <c r="AF93973" i="1"/>
  <c r="AF93974" i="1"/>
  <c r="AF93975" i="1"/>
  <c r="AF93976" i="1"/>
  <c r="AF93977" i="1"/>
  <c r="AF93978" i="1"/>
  <c r="AF93979" i="1"/>
  <c r="AF93980" i="1"/>
  <c r="AF93981" i="1"/>
  <c r="AF93982" i="1"/>
  <c r="AF93983" i="1"/>
  <c r="AF93984" i="1"/>
  <c r="AF93985" i="1"/>
  <c r="AF93986" i="1"/>
  <c r="AF93987" i="1"/>
  <c r="AF93988" i="1"/>
  <c r="AF93989" i="1"/>
  <c r="AF93990" i="1"/>
  <c r="AF93991" i="1"/>
  <c r="AF93992" i="1"/>
  <c r="AF93993" i="1"/>
  <c r="AF93994" i="1"/>
  <c r="AF93995" i="1"/>
  <c r="AF93996" i="1"/>
  <c r="AF93997" i="1"/>
  <c r="AF93998" i="1"/>
  <c r="AF93999" i="1"/>
  <c r="AF94000" i="1"/>
  <c r="AF94001" i="1"/>
  <c r="AF94002" i="1"/>
  <c r="AF94003" i="1"/>
  <c r="AF94004" i="1"/>
  <c r="AF94005" i="1"/>
  <c r="AF94006" i="1"/>
  <c r="AF94007" i="1"/>
  <c r="AF94008" i="1"/>
  <c r="AF94009" i="1"/>
  <c r="AF94010" i="1"/>
  <c r="AF94011" i="1"/>
  <c r="AF94012" i="1"/>
  <c r="AF94013" i="1"/>
  <c r="AF94014" i="1"/>
  <c r="AF94015" i="1"/>
  <c r="AF94016" i="1"/>
  <c r="AF94017" i="1"/>
  <c r="AF94018" i="1"/>
  <c r="AF94019" i="1"/>
  <c r="AF94020" i="1"/>
  <c r="AF94021" i="1"/>
  <c r="AF94022" i="1"/>
  <c r="AF94023" i="1"/>
  <c r="AF94024" i="1"/>
  <c r="AF94025" i="1"/>
  <c r="AF94026" i="1"/>
  <c r="AF94027" i="1"/>
  <c r="AF94028" i="1"/>
  <c r="AF94029" i="1"/>
  <c r="AF94030" i="1"/>
  <c r="AF94031" i="1"/>
  <c r="AF94032" i="1"/>
  <c r="AF94033" i="1"/>
  <c r="AF94034" i="1"/>
  <c r="AF94035" i="1"/>
  <c r="AF94036" i="1"/>
  <c r="AF94037" i="1"/>
  <c r="AF94038" i="1"/>
  <c r="AF94039" i="1"/>
  <c r="AF94040" i="1"/>
  <c r="AF94041" i="1"/>
  <c r="AF94042" i="1"/>
  <c r="AF94043" i="1"/>
  <c r="AF94044" i="1"/>
  <c r="AF94045" i="1"/>
  <c r="AF94046" i="1"/>
  <c r="AF94047" i="1"/>
  <c r="AF94048" i="1"/>
  <c r="AF94049" i="1"/>
  <c r="AF94050" i="1"/>
  <c r="AF94051" i="1"/>
  <c r="AF94052" i="1"/>
  <c r="AF94053" i="1"/>
  <c r="AF94054" i="1"/>
  <c r="AF94055" i="1"/>
  <c r="AF94056" i="1"/>
  <c r="AF94057" i="1"/>
  <c r="AF94058" i="1"/>
  <c r="AF94059" i="1"/>
  <c r="AF94060" i="1"/>
  <c r="AF94061" i="1"/>
  <c r="AF94062" i="1"/>
  <c r="AF94063" i="1"/>
  <c r="AF94064" i="1"/>
  <c r="AF94065" i="1"/>
  <c r="AF94066" i="1"/>
  <c r="AF94067" i="1"/>
  <c r="AF94068" i="1"/>
  <c r="AF94069" i="1"/>
  <c r="AF94070" i="1"/>
  <c r="AF94071" i="1"/>
  <c r="AF94072" i="1"/>
  <c r="AF94073" i="1"/>
  <c r="AF94074" i="1"/>
  <c r="AF94075" i="1"/>
  <c r="AF94076" i="1"/>
  <c r="AF94077" i="1"/>
  <c r="AF94078" i="1"/>
  <c r="AF94079" i="1"/>
  <c r="AF94080" i="1"/>
  <c r="AF94081" i="1"/>
  <c r="AF94082" i="1"/>
  <c r="AF94083" i="1"/>
  <c r="AF94084" i="1"/>
  <c r="AF94085" i="1"/>
  <c r="AF94086" i="1"/>
  <c r="AF94087" i="1"/>
  <c r="AF94088" i="1"/>
  <c r="AF94089" i="1"/>
  <c r="AF94090" i="1"/>
  <c r="AF94091" i="1"/>
  <c r="AF94092" i="1"/>
  <c r="AF94093" i="1"/>
  <c r="AF94094" i="1"/>
  <c r="AF94095" i="1"/>
  <c r="AF94096" i="1"/>
  <c r="AF94097" i="1"/>
  <c r="AF94098" i="1"/>
  <c r="AF94099" i="1"/>
  <c r="AF94100" i="1"/>
  <c r="AF94101" i="1"/>
  <c r="AF94102" i="1"/>
  <c r="AF94103" i="1"/>
  <c r="AF94104" i="1"/>
  <c r="AF94105" i="1"/>
  <c r="AF94106" i="1"/>
  <c r="AF94107" i="1"/>
  <c r="AF94108" i="1"/>
  <c r="AF94109" i="1"/>
  <c r="AF94110" i="1"/>
  <c r="AF94111" i="1"/>
  <c r="AF94112" i="1"/>
  <c r="AF94113" i="1"/>
  <c r="AF94114" i="1"/>
  <c r="AF94115" i="1"/>
  <c r="AF94116" i="1"/>
  <c r="AF94117" i="1"/>
  <c r="AF94118" i="1"/>
  <c r="AF94119" i="1"/>
  <c r="AF94120" i="1"/>
  <c r="AF94121" i="1"/>
  <c r="AF94122" i="1"/>
  <c r="AF94123" i="1"/>
  <c r="AF94124" i="1"/>
  <c r="AF94125" i="1"/>
  <c r="AF94126" i="1"/>
  <c r="AF94127" i="1"/>
  <c r="AF94128" i="1"/>
  <c r="AF94129" i="1"/>
  <c r="AF94130" i="1"/>
  <c r="AF94131" i="1"/>
  <c r="AF94132" i="1"/>
  <c r="AF94133" i="1"/>
  <c r="AF94134" i="1"/>
  <c r="AF94135" i="1"/>
  <c r="AF94136" i="1"/>
  <c r="AF94137" i="1"/>
  <c r="AF94138" i="1"/>
  <c r="AF94139" i="1"/>
  <c r="AF94140" i="1"/>
  <c r="AF94141" i="1"/>
  <c r="AF94142" i="1"/>
  <c r="AF94143" i="1"/>
  <c r="AF94144" i="1"/>
  <c r="AF94145" i="1"/>
  <c r="AF94146" i="1"/>
  <c r="AF94147" i="1"/>
  <c r="AF94148" i="1"/>
  <c r="AF94149" i="1"/>
  <c r="AF94150" i="1"/>
  <c r="AF94151" i="1"/>
  <c r="AF94152" i="1"/>
  <c r="AF94153" i="1"/>
  <c r="AF94154" i="1"/>
  <c r="AF94155" i="1"/>
  <c r="AF94156" i="1"/>
  <c r="AF94157" i="1"/>
  <c r="AF94158" i="1"/>
  <c r="AF94159" i="1"/>
  <c r="AF94160" i="1"/>
  <c r="AF94161" i="1"/>
  <c r="AF94162" i="1"/>
  <c r="AF94163" i="1"/>
  <c r="AF94164" i="1"/>
  <c r="AF94165" i="1"/>
  <c r="AF94166" i="1"/>
  <c r="AF94167" i="1"/>
  <c r="AF94168" i="1"/>
  <c r="AF94169" i="1"/>
  <c r="AF94170" i="1"/>
  <c r="AF94171" i="1"/>
  <c r="AF94172" i="1"/>
  <c r="AF94173" i="1"/>
  <c r="AF94174" i="1"/>
  <c r="AF94175" i="1"/>
  <c r="AF94176" i="1"/>
  <c r="AF94177" i="1"/>
  <c r="AF94178" i="1"/>
  <c r="AF94179" i="1"/>
  <c r="AF94180" i="1"/>
  <c r="AF94181" i="1"/>
  <c r="AF94182" i="1"/>
  <c r="AF94183" i="1"/>
  <c r="AF94184" i="1"/>
  <c r="AF94185" i="1"/>
  <c r="AF94186" i="1"/>
  <c r="AF94187" i="1"/>
  <c r="AF94188" i="1"/>
  <c r="AF94189" i="1"/>
  <c r="AF94190" i="1"/>
  <c r="AF94191" i="1"/>
  <c r="AF94192" i="1"/>
  <c r="AF94193" i="1"/>
  <c r="AF94194" i="1"/>
  <c r="AF94195" i="1"/>
  <c r="AF94196" i="1"/>
  <c r="AF94197" i="1"/>
  <c r="AF94198" i="1"/>
  <c r="AF94199" i="1"/>
  <c r="AF94200" i="1"/>
  <c r="AF94201" i="1"/>
  <c r="AF94202" i="1"/>
  <c r="AF94203" i="1"/>
  <c r="AF94204" i="1"/>
  <c r="AF94205" i="1"/>
  <c r="AF94206" i="1"/>
  <c r="AF94207" i="1"/>
  <c r="AF94208" i="1"/>
  <c r="AF94209" i="1"/>
  <c r="AF94210" i="1"/>
  <c r="AF94211" i="1"/>
  <c r="AF94212" i="1"/>
  <c r="AF94213" i="1"/>
  <c r="AF94214" i="1"/>
  <c r="AF94215" i="1"/>
  <c r="AF94216" i="1"/>
  <c r="AF94217" i="1"/>
  <c r="AF94218" i="1"/>
  <c r="AF94219" i="1"/>
  <c r="AF94220" i="1"/>
  <c r="AF94221" i="1"/>
  <c r="AF94222" i="1"/>
  <c r="AF94223" i="1"/>
  <c r="AF94224" i="1"/>
  <c r="AF94225" i="1"/>
  <c r="AF94226" i="1"/>
  <c r="AF94227" i="1"/>
  <c r="AF94228" i="1"/>
  <c r="AF94229" i="1"/>
  <c r="AF94230" i="1"/>
  <c r="AF94231" i="1"/>
  <c r="AF94232" i="1"/>
  <c r="AF94233" i="1"/>
  <c r="AF94234" i="1"/>
  <c r="AF94235" i="1"/>
  <c r="AF94236" i="1"/>
  <c r="AF94237" i="1"/>
  <c r="AF94238" i="1"/>
  <c r="AF94239" i="1"/>
  <c r="AF94240" i="1"/>
  <c r="AF94241" i="1"/>
  <c r="AF94242" i="1"/>
  <c r="AF94243" i="1"/>
  <c r="AF94244" i="1"/>
  <c r="AF94245" i="1"/>
  <c r="AF94246" i="1"/>
  <c r="AF94247" i="1"/>
  <c r="AF94248" i="1"/>
  <c r="AF94249" i="1"/>
  <c r="AF94250" i="1"/>
  <c r="AF94251" i="1"/>
  <c r="AF94252" i="1"/>
  <c r="AF94253" i="1"/>
  <c r="AF94254" i="1"/>
  <c r="AF94255" i="1"/>
  <c r="AF94256" i="1"/>
  <c r="AF94257" i="1"/>
  <c r="AF94258" i="1"/>
  <c r="AF94259" i="1"/>
  <c r="AF94260" i="1"/>
  <c r="AF94261" i="1"/>
  <c r="AF94262" i="1"/>
  <c r="AF94263" i="1"/>
  <c r="AF94264" i="1"/>
  <c r="AF94265" i="1"/>
  <c r="AF94266" i="1"/>
  <c r="AF94267" i="1"/>
  <c r="AF94268" i="1"/>
  <c r="AF94269" i="1"/>
  <c r="AF94270" i="1"/>
  <c r="AF94271" i="1"/>
  <c r="AF94272" i="1"/>
  <c r="AF94273" i="1"/>
  <c r="AF94274" i="1"/>
  <c r="AF94275" i="1"/>
  <c r="AF94276" i="1"/>
  <c r="AF94277" i="1"/>
  <c r="AF94278" i="1"/>
  <c r="AF94279" i="1"/>
  <c r="AF94280" i="1"/>
  <c r="AF94281" i="1"/>
  <c r="AF94282" i="1"/>
  <c r="AF94283" i="1"/>
  <c r="AF94284" i="1"/>
  <c r="AF94285" i="1"/>
  <c r="AF94286" i="1"/>
  <c r="AF94287" i="1"/>
  <c r="AF94288" i="1"/>
  <c r="AF94289" i="1"/>
  <c r="AF94290" i="1"/>
  <c r="AF94291" i="1"/>
  <c r="AF94292" i="1"/>
  <c r="AF94293" i="1"/>
  <c r="AF94294" i="1"/>
  <c r="AF94295" i="1"/>
  <c r="AF94296" i="1"/>
  <c r="AF94297" i="1"/>
  <c r="AF94298" i="1"/>
  <c r="AF94299" i="1"/>
  <c r="AF94300" i="1"/>
  <c r="AF94301" i="1"/>
  <c r="AF94302" i="1"/>
  <c r="AF94303" i="1"/>
  <c r="AF94304" i="1"/>
  <c r="AF94305" i="1"/>
  <c r="AF94306" i="1"/>
  <c r="AF94307" i="1"/>
  <c r="AF94308" i="1"/>
  <c r="AF94309" i="1"/>
  <c r="AF94310" i="1"/>
  <c r="AF94311" i="1"/>
  <c r="AF94312" i="1"/>
  <c r="AF94313" i="1"/>
  <c r="AF94314" i="1"/>
  <c r="AF94315" i="1"/>
  <c r="AF94316" i="1"/>
  <c r="AF94317" i="1"/>
  <c r="AF94318" i="1"/>
  <c r="AF94319" i="1"/>
  <c r="AF94320" i="1"/>
  <c r="AF94321" i="1"/>
  <c r="AF94322" i="1"/>
  <c r="AF94323" i="1"/>
  <c r="AF94324" i="1"/>
  <c r="AF94325" i="1"/>
  <c r="AF94326" i="1"/>
  <c r="AF94327" i="1"/>
  <c r="AF94328" i="1"/>
  <c r="AF94329" i="1"/>
  <c r="AF94330" i="1"/>
  <c r="AF94331" i="1"/>
  <c r="AF94332" i="1"/>
  <c r="AF94333" i="1"/>
  <c r="AF94334" i="1"/>
  <c r="AF94335" i="1"/>
  <c r="AF94336" i="1"/>
  <c r="AF94337" i="1"/>
  <c r="AF94338" i="1"/>
  <c r="AF94339" i="1"/>
  <c r="AF94340" i="1"/>
  <c r="AF94341" i="1"/>
  <c r="AF94342" i="1"/>
  <c r="AF94343" i="1"/>
  <c r="AF94344" i="1"/>
  <c r="AF94345" i="1"/>
  <c r="AF94346" i="1"/>
  <c r="AF94347" i="1"/>
  <c r="AF94348" i="1"/>
  <c r="AF94349" i="1"/>
  <c r="AF94350" i="1"/>
  <c r="AF94351" i="1"/>
  <c r="AF94352" i="1"/>
  <c r="AF94353" i="1"/>
  <c r="AF94354" i="1"/>
  <c r="AF94355" i="1"/>
  <c r="AF94356" i="1"/>
  <c r="AF94357" i="1"/>
  <c r="AF94358" i="1"/>
  <c r="AF94359" i="1"/>
  <c r="AF94360" i="1"/>
  <c r="AF94361" i="1"/>
  <c r="AF94362" i="1"/>
  <c r="AF94363" i="1"/>
  <c r="AF94364" i="1"/>
  <c r="AF94365" i="1"/>
  <c r="AF94366" i="1"/>
  <c r="AF94367" i="1"/>
  <c r="AF94368" i="1"/>
  <c r="AF94369" i="1"/>
  <c r="AF94370" i="1"/>
  <c r="AF94371" i="1"/>
  <c r="AF94372" i="1"/>
  <c r="AF94373" i="1"/>
  <c r="AF94374" i="1"/>
  <c r="AF94375" i="1"/>
  <c r="AF94376" i="1"/>
  <c r="AF94377" i="1"/>
  <c r="AF94378" i="1"/>
  <c r="AF94379" i="1"/>
  <c r="AF94380" i="1"/>
  <c r="AF94381" i="1"/>
  <c r="AF94382" i="1"/>
  <c r="AF94383" i="1"/>
  <c r="AF94384" i="1"/>
  <c r="AF94385" i="1"/>
  <c r="AF94386" i="1"/>
  <c r="AF94387" i="1"/>
  <c r="AF94388" i="1"/>
  <c r="AF94389" i="1"/>
  <c r="AF94390" i="1"/>
  <c r="AF94391" i="1"/>
  <c r="AF94392" i="1"/>
  <c r="AF94393" i="1"/>
  <c r="AF94394" i="1"/>
  <c r="AF94395" i="1"/>
  <c r="AF94396" i="1"/>
  <c r="AF94397" i="1"/>
  <c r="AF94398" i="1"/>
  <c r="AF94399" i="1"/>
  <c r="AF94400" i="1"/>
  <c r="AF94401" i="1"/>
  <c r="AF94402" i="1"/>
  <c r="AF94403" i="1"/>
  <c r="AF94404" i="1"/>
  <c r="AF94405" i="1"/>
  <c r="AF94406" i="1"/>
  <c r="AF94407" i="1"/>
  <c r="AF94408" i="1"/>
  <c r="AF94409" i="1"/>
  <c r="AF94410" i="1"/>
  <c r="AF94411" i="1"/>
  <c r="AF94412" i="1"/>
  <c r="AF94413" i="1"/>
  <c r="AF94414" i="1"/>
  <c r="AF94415" i="1"/>
  <c r="AF94416" i="1"/>
  <c r="AF94417" i="1"/>
  <c r="AF94418" i="1"/>
  <c r="AF94419" i="1"/>
  <c r="AF94420" i="1"/>
  <c r="AF94421" i="1"/>
  <c r="AF94422" i="1"/>
  <c r="AF94423" i="1"/>
  <c r="AF94424" i="1"/>
  <c r="AF94425" i="1"/>
  <c r="AF94426" i="1"/>
  <c r="AF94427" i="1"/>
  <c r="AF94428" i="1"/>
  <c r="AF94429" i="1"/>
  <c r="AF94430" i="1"/>
  <c r="AF94431" i="1"/>
  <c r="AF94432" i="1"/>
  <c r="AF94433" i="1"/>
  <c r="AF94434" i="1"/>
  <c r="AF94435" i="1"/>
  <c r="AF94436" i="1"/>
  <c r="AF94437" i="1"/>
  <c r="AF94438" i="1"/>
  <c r="AF94439" i="1"/>
  <c r="AF94440" i="1"/>
  <c r="AF94441" i="1"/>
  <c r="AF94442" i="1"/>
  <c r="AF94443" i="1"/>
  <c r="AF94444" i="1"/>
  <c r="AF94445" i="1"/>
  <c r="AF94446" i="1"/>
  <c r="AF94447" i="1"/>
  <c r="AF94448" i="1"/>
  <c r="AF94449" i="1"/>
  <c r="AF94450" i="1"/>
  <c r="AF94451" i="1"/>
  <c r="AF94452" i="1"/>
  <c r="AF94453" i="1"/>
  <c r="AF94454" i="1"/>
  <c r="AF94455" i="1"/>
  <c r="AF94456" i="1"/>
  <c r="AF94457" i="1"/>
  <c r="AF94458" i="1"/>
  <c r="AF94459" i="1"/>
  <c r="AF94460" i="1"/>
  <c r="AF94461" i="1"/>
  <c r="AF94462" i="1"/>
  <c r="AF94463" i="1"/>
  <c r="AF94464" i="1"/>
  <c r="AF94465" i="1"/>
  <c r="AF94466" i="1"/>
  <c r="AF94467" i="1"/>
  <c r="AF94468" i="1"/>
  <c r="AF94469" i="1"/>
  <c r="AF94470" i="1"/>
  <c r="AF94471" i="1"/>
  <c r="AF94472" i="1"/>
  <c r="AF94473" i="1"/>
  <c r="AF94474" i="1"/>
  <c r="AF94475" i="1"/>
  <c r="AF94476" i="1"/>
  <c r="AF94477" i="1"/>
  <c r="AF94478" i="1"/>
  <c r="AF94479" i="1"/>
  <c r="AF94480" i="1"/>
  <c r="AF94481" i="1"/>
  <c r="AF94482" i="1"/>
  <c r="AF94483" i="1"/>
  <c r="AF94484" i="1"/>
  <c r="AF94485" i="1"/>
  <c r="AF94486" i="1"/>
  <c r="AF94487" i="1"/>
  <c r="AF94488" i="1"/>
  <c r="AF94489" i="1"/>
  <c r="AF94490" i="1"/>
  <c r="AF94491" i="1"/>
  <c r="AF94492" i="1"/>
  <c r="AF94493" i="1"/>
  <c r="AF94494" i="1"/>
  <c r="AF94495" i="1"/>
  <c r="AF94496" i="1"/>
  <c r="AF94497" i="1"/>
  <c r="AF94498" i="1"/>
  <c r="AF94499" i="1"/>
  <c r="AF94500" i="1"/>
  <c r="AF94501" i="1"/>
  <c r="AF94502" i="1"/>
  <c r="AF94503" i="1"/>
  <c r="AF94504" i="1"/>
  <c r="AF94505" i="1"/>
  <c r="AF94506" i="1"/>
  <c r="AF94507" i="1"/>
  <c r="AF94508" i="1"/>
  <c r="AF94509" i="1"/>
  <c r="AF94510" i="1"/>
  <c r="AF94511" i="1"/>
  <c r="AF94512" i="1"/>
  <c r="AF94513" i="1"/>
  <c r="AF94514" i="1"/>
  <c r="AF94515" i="1"/>
  <c r="AF94516" i="1"/>
  <c r="AF94517" i="1"/>
  <c r="AF94518" i="1"/>
  <c r="AF94519" i="1"/>
  <c r="AF94520" i="1"/>
  <c r="AF94521" i="1"/>
  <c r="AF94522" i="1"/>
  <c r="AF94523" i="1"/>
  <c r="AF94524" i="1"/>
  <c r="AF94525" i="1"/>
  <c r="AF94526" i="1"/>
  <c r="AF94527" i="1"/>
  <c r="AF94528" i="1"/>
  <c r="AF94529" i="1"/>
  <c r="AF94530" i="1"/>
  <c r="AF94531" i="1"/>
  <c r="AF94532" i="1"/>
  <c r="AF94533" i="1"/>
  <c r="AF94534" i="1"/>
  <c r="AF94535" i="1"/>
  <c r="AF94536" i="1"/>
  <c r="AF94537" i="1"/>
  <c r="AF94538" i="1"/>
  <c r="AF94539" i="1"/>
  <c r="AF94540" i="1"/>
  <c r="AF94541" i="1"/>
  <c r="AF94542" i="1"/>
  <c r="AF94543" i="1"/>
  <c r="AF94544" i="1"/>
  <c r="AF94545" i="1"/>
  <c r="AF94546" i="1"/>
  <c r="AF94547" i="1"/>
  <c r="AF94548" i="1"/>
  <c r="AF94549" i="1"/>
  <c r="AF94550" i="1"/>
  <c r="AF94551" i="1"/>
  <c r="AF94552" i="1"/>
  <c r="AF94553" i="1"/>
  <c r="AF94554" i="1"/>
  <c r="AF94555" i="1"/>
  <c r="AF94556" i="1"/>
  <c r="AF94557" i="1"/>
  <c r="AF94558" i="1"/>
  <c r="AF94559" i="1"/>
  <c r="AF94560" i="1"/>
  <c r="AF94561" i="1"/>
  <c r="AF94562" i="1"/>
  <c r="AF94563" i="1"/>
  <c r="AF94564" i="1"/>
  <c r="AF94565" i="1"/>
  <c r="AF94566" i="1"/>
  <c r="AF94567" i="1"/>
  <c r="AF94568" i="1"/>
  <c r="AF94569" i="1"/>
  <c r="AF94570" i="1"/>
  <c r="AF94571" i="1"/>
  <c r="AF94572" i="1"/>
  <c r="AF94573" i="1"/>
  <c r="AF94574" i="1"/>
  <c r="AF94575" i="1"/>
  <c r="AF94576" i="1"/>
  <c r="AF94577" i="1"/>
  <c r="AF94578" i="1"/>
  <c r="AF94579" i="1"/>
  <c r="AF94580" i="1"/>
  <c r="AF94581" i="1"/>
  <c r="AF94582" i="1"/>
  <c r="AF94583" i="1"/>
  <c r="AF94584" i="1"/>
  <c r="AF94585" i="1"/>
  <c r="AF94586" i="1"/>
  <c r="AF94587" i="1"/>
  <c r="AF94588" i="1"/>
  <c r="AF94589" i="1"/>
  <c r="AF94590" i="1"/>
  <c r="AF94591" i="1"/>
  <c r="AF94592" i="1"/>
  <c r="AF94593" i="1"/>
  <c r="AF94594" i="1"/>
  <c r="AF94595" i="1"/>
  <c r="AF94596" i="1"/>
  <c r="AF94597" i="1"/>
  <c r="AF94598" i="1"/>
  <c r="AF94599" i="1"/>
  <c r="AF94600" i="1"/>
  <c r="AF94601" i="1"/>
  <c r="AF94602" i="1"/>
  <c r="AF94603" i="1"/>
  <c r="AF94604" i="1"/>
  <c r="AF94605" i="1"/>
  <c r="AF94606" i="1"/>
  <c r="AF94607" i="1"/>
  <c r="AF94608" i="1"/>
  <c r="AF94609" i="1"/>
  <c r="AF94610" i="1"/>
  <c r="AF94611" i="1"/>
  <c r="AF94612" i="1"/>
  <c r="AF94613" i="1"/>
  <c r="AF94614" i="1"/>
  <c r="AF94615" i="1"/>
  <c r="AF94616" i="1"/>
  <c r="AF94617" i="1"/>
  <c r="AF94618" i="1"/>
  <c r="AF94619" i="1"/>
  <c r="AF94620" i="1"/>
  <c r="AF94621" i="1"/>
  <c r="AF94622" i="1"/>
  <c r="AF94623" i="1"/>
  <c r="AF94624" i="1"/>
  <c r="AF94625" i="1"/>
  <c r="AF94626" i="1"/>
  <c r="AF94627" i="1"/>
  <c r="AF94628" i="1"/>
  <c r="AF94629" i="1"/>
  <c r="AF94630" i="1"/>
  <c r="AF94631" i="1"/>
  <c r="AF94632" i="1"/>
  <c r="AF94633" i="1"/>
  <c r="AF94634" i="1"/>
  <c r="AF94635" i="1"/>
  <c r="AF94636" i="1"/>
  <c r="AF94637" i="1"/>
  <c r="AF94638" i="1"/>
  <c r="AF94639" i="1"/>
  <c r="AF94640" i="1"/>
  <c r="AF94641" i="1"/>
  <c r="AF94642" i="1"/>
  <c r="AF94643" i="1"/>
  <c r="AF94644" i="1"/>
  <c r="AF94645" i="1"/>
  <c r="AF94646" i="1"/>
  <c r="AF94647" i="1"/>
  <c r="AF94648" i="1"/>
  <c r="AF94649" i="1"/>
  <c r="AF94650" i="1"/>
  <c r="AF94651" i="1"/>
  <c r="AF94652" i="1"/>
  <c r="AF94653" i="1"/>
  <c r="AF94654" i="1"/>
  <c r="AF94655" i="1"/>
  <c r="AF94656" i="1"/>
  <c r="AF94657" i="1"/>
  <c r="AF94658" i="1"/>
  <c r="AF94659" i="1"/>
  <c r="AF94660" i="1"/>
  <c r="AF94661" i="1"/>
  <c r="AF94662" i="1"/>
  <c r="AF94663" i="1"/>
  <c r="AF94664" i="1"/>
  <c r="AF94665" i="1"/>
  <c r="AF94666" i="1"/>
  <c r="AF94667" i="1"/>
  <c r="AF94668" i="1"/>
  <c r="AF94669" i="1"/>
  <c r="AF94670" i="1"/>
  <c r="AF94671" i="1"/>
  <c r="AF94672" i="1"/>
  <c r="AF94673" i="1"/>
  <c r="AF94674" i="1"/>
  <c r="AF94675" i="1"/>
  <c r="AF94676" i="1"/>
  <c r="AF94677" i="1"/>
  <c r="AF94678" i="1"/>
  <c r="AF94679" i="1"/>
  <c r="AF94680" i="1"/>
  <c r="AF94681" i="1"/>
  <c r="AF94682" i="1"/>
  <c r="AF94683" i="1"/>
  <c r="AF94684" i="1"/>
  <c r="AF94685" i="1"/>
  <c r="AF94686" i="1"/>
  <c r="AF94687" i="1"/>
  <c r="AF94688" i="1"/>
  <c r="AF94689" i="1"/>
  <c r="AF94690" i="1"/>
  <c r="AF94691" i="1"/>
  <c r="AF94692" i="1"/>
  <c r="AF94693" i="1"/>
  <c r="AF94694" i="1"/>
  <c r="AF94695" i="1"/>
  <c r="AF94696" i="1"/>
  <c r="AF94697" i="1"/>
  <c r="AF94698" i="1"/>
  <c r="AF94699" i="1"/>
  <c r="AF94700" i="1"/>
  <c r="AF94701" i="1"/>
  <c r="AF94702" i="1"/>
  <c r="AF94703" i="1"/>
  <c r="AF94704" i="1"/>
  <c r="AF94705" i="1"/>
  <c r="AF94706" i="1"/>
  <c r="AF94707" i="1"/>
  <c r="AF94708" i="1"/>
  <c r="AF94709" i="1"/>
  <c r="AF94710" i="1"/>
  <c r="AF94711" i="1"/>
  <c r="AF94712" i="1"/>
  <c r="AF94713" i="1"/>
  <c r="AF94714" i="1"/>
  <c r="AF94715" i="1"/>
  <c r="AF94716" i="1"/>
  <c r="AF94717" i="1"/>
  <c r="AF94718" i="1"/>
  <c r="AF94719" i="1"/>
  <c r="AF94720" i="1"/>
  <c r="AF94721" i="1"/>
  <c r="AF94722" i="1"/>
  <c r="AF94723" i="1"/>
  <c r="AF94724" i="1"/>
  <c r="AF94725" i="1"/>
  <c r="AF94726" i="1"/>
  <c r="AF94727" i="1"/>
  <c r="AF94728" i="1"/>
  <c r="AF94729" i="1"/>
  <c r="AF94730" i="1"/>
  <c r="AF94731" i="1"/>
  <c r="AF94732" i="1"/>
  <c r="AF94733" i="1"/>
  <c r="AF94734" i="1"/>
  <c r="AF94735" i="1"/>
  <c r="AF94736" i="1"/>
  <c r="AF94737" i="1"/>
  <c r="AF94738" i="1"/>
  <c r="AF94739" i="1"/>
  <c r="AF94740" i="1"/>
  <c r="AF94741" i="1"/>
  <c r="AF94742" i="1"/>
  <c r="AF94743" i="1"/>
  <c r="AF94744" i="1"/>
  <c r="AF94745" i="1"/>
  <c r="AF94746" i="1"/>
  <c r="AF94747" i="1"/>
  <c r="AF94748" i="1"/>
  <c r="AF94749" i="1"/>
  <c r="AF94750" i="1"/>
  <c r="AF94751" i="1"/>
  <c r="AF94752" i="1"/>
  <c r="AF94753" i="1"/>
  <c r="AF94754" i="1"/>
  <c r="AF94755" i="1"/>
  <c r="AF94756" i="1"/>
  <c r="AF94757" i="1"/>
  <c r="AF94758" i="1"/>
  <c r="AF94759" i="1"/>
  <c r="AF94760" i="1"/>
  <c r="AF94761" i="1"/>
  <c r="AF94762" i="1"/>
  <c r="AF94763" i="1"/>
  <c r="AF94764" i="1"/>
  <c r="AF94765" i="1"/>
  <c r="AF94766" i="1"/>
  <c r="AF94767" i="1"/>
  <c r="AF94768" i="1"/>
  <c r="AF94769" i="1"/>
  <c r="AF94770" i="1"/>
  <c r="AF94771" i="1"/>
  <c r="AF94772" i="1"/>
  <c r="AF94773" i="1"/>
  <c r="AF94774" i="1"/>
  <c r="AF94775" i="1"/>
  <c r="AF94776" i="1"/>
  <c r="AF94777" i="1"/>
  <c r="AF94778" i="1"/>
  <c r="AF94779" i="1"/>
  <c r="AF94780" i="1"/>
  <c r="AF94781" i="1"/>
  <c r="AF94782" i="1"/>
  <c r="AF94783" i="1"/>
  <c r="AF94784" i="1"/>
  <c r="AF94785" i="1"/>
  <c r="AF94786" i="1"/>
  <c r="AF94787" i="1"/>
  <c r="AF94788" i="1"/>
  <c r="AF94789" i="1"/>
  <c r="AF94790" i="1"/>
  <c r="AF94791" i="1"/>
  <c r="AF94792" i="1"/>
  <c r="AF94793" i="1"/>
  <c r="AF94794" i="1"/>
  <c r="AF94795" i="1"/>
  <c r="AF94796" i="1"/>
  <c r="AF94797" i="1"/>
  <c r="AF94798" i="1"/>
  <c r="AF94799" i="1"/>
  <c r="AF94800" i="1"/>
  <c r="AF94801" i="1"/>
  <c r="AF94802" i="1"/>
  <c r="AF94803" i="1"/>
  <c r="AF94804" i="1"/>
  <c r="AF94805" i="1"/>
  <c r="AF94806" i="1"/>
  <c r="AF94807" i="1"/>
  <c r="AF94808" i="1"/>
  <c r="AF94809" i="1"/>
  <c r="AF94810" i="1"/>
  <c r="AF94811" i="1"/>
  <c r="AF94812" i="1"/>
  <c r="AF94813" i="1"/>
  <c r="AF94814" i="1"/>
  <c r="AF94815" i="1"/>
  <c r="AF94816" i="1"/>
  <c r="AF94817" i="1"/>
  <c r="AF94818" i="1"/>
  <c r="AF94819" i="1"/>
  <c r="AF94820" i="1"/>
  <c r="AF94821" i="1"/>
  <c r="AF94822" i="1"/>
  <c r="AF94823" i="1"/>
  <c r="AF94824" i="1"/>
  <c r="AF94825" i="1"/>
  <c r="AF94826" i="1"/>
  <c r="AF94827" i="1"/>
  <c r="AF94828" i="1"/>
  <c r="AF94829" i="1"/>
  <c r="AF94830" i="1"/>
  <c r="AF94831" i="1"/>
  <c r="AF94832" i="1"/>
  <c r="AF94833" i="1"/>
  <c r="AF94834" i="1"/>
  <c r="AF94835" i="1"/>
  <c r="AF94836" i="1"/>
  <c r="AF94837" i="1"/>
  <c r="AF94838" i="1"/>
  <c r="AF94839" i="1"/>
  <c r="AF94840" i="1"/>
  <c r="AF94841" i="1"/>
  <c r="AF94842" i="1"/>
  <c r="AF94843" i="1"/>
  <c r="AF94844" i="1"/>
  <c r="AF94845" i="1"/>
  <c r="AF94846" i="1"/>
  <c r="AF94847" i="1"/>
  <c r="AF94848" i="1"/>
  <c r="AF94849" i="1"/>
  <c r="AF94850" i="1"/>
  <c r="AF94851" i="1"/>
  <c r="AF94852" i="1"/>
  <c r="AF94853" i="1"/>
  <c r="AF94854" i="1"/>
  <c r="AF94855" i="1"/>
  <c r="AF94856" i="1"/>
  <c r="AF94857" i="1"/>
  <c r="AF94858" i="1"/>
  <c r="AF94859" i="1"/>
  <c r="AF94860" i="1"/>
  <c r="AF94861" i="1"/>
  <c r="AF94862" i="1"/>
  <c r="AF94863" i="1"/>
  <c r="AF94864" i="1"/>
  <c r="AF94865" i="1"/>
  <c r="AF94866" i="1"/>
  <c r="AF94867" i="1"/>
  <c r="AF94868" i="1"/>
  <c r="AF94869" i="1"/>
  <c r="AF94870" i="1"/>
  <c r="AF94871" i="1"/>
  <c r="AF94872" i="1"/>
  <c r="AF94873" i="1"/>
  <c r="AF94874" i="1"/>
  <c r="AF94875" i="1"/>
  <c r="AF94876" i="1"/>
  <c r="AF94877" i="1"/>
  <c r="AF94878" i="1"/>
  <c r="AF94879" i="1"/>
  <c r="AF94880" i="1"/>
  <c r="AF94881" i="1"/>
  <c r="AF94882" i="1"/>
  <c r="AF94883" i="1"/>
  <c r="AF94884" i="1"/>
  <c r="AF94885" i="1"/>
  <c r="AF94886" i="1"/>
  <c r="AF94887" i="1"/>
  <c r="AF94888" i="1"/>
  <c r="AF94889" i="1"/>
  <c r="AF94890" i="1"/>
  <c r="AF94891" i="1"/>
  <c r="AF94892" i="1"/>
  <c r="AF94893" i="1"/>
  <c r="AF94894" i="1"/>
  <c r="AF94895" i="1"/>
  <c r="AF94896" i="1"/>
  <c r="AF94897" i="1"/>
  <c r="AF94898" i="1"/>
  <c r="AF94899" i="1"/>
  <c r="AF94900" i="1"/>
  <c r="AF94901" i="1"/>
  <c r="AF94902" i="1"/>
  <c r="AF94903" i="1"/>
  <c r="AF94904" i="1"/>
  <c r="AF94905" i="1"/>
  <c r="AF94906" i="1"/>
  <c r="AF94907" i="1"/>
  <c r="AF94908" i="1"/>
  <c r="AF94909" i="1"/>
  <c r="AF94910" i="1"/>
  <c r="AF94911" i="1"/>
  <c r="AF94912" i="1"/>
  <c r="AF94913" i="1"/>
  <c r="AF94914" i="1"/>
  <c r="AF94915" i="1"/>
  <c r="AF94916" i="1"/>
  <c r="AF94917" i="1"/>
  <c r="AF94918" i="1"/>
  <c r="AF94919" i="1"/>
  <c r="AF94920" i="1"/>
  <c r="AF94921" i="1"/>
  <c r="AF94922" i="1"/>
  <c r="AF94923" i="1"/>
  <c r="AF94924" i="1"/>
  <c r="AF94925" i="1"/>
  <c r="AF94926" i="1"/>
  <c r="AF94927" i="1"/>
  <c r="AF94928" i="1"/>
  <c r="AF94929" i="1"/>
  <c r="AF94930" i="1"/>
  <c r="AF94931" i="1"/>
  <c r="AF94932" i="1"/>
  <c r="AF94933" i="1"/>
  <c r="AF94934" i="1"/>
  <c r="AF94935" i="1"/>
  <c r="AF94936" i="1"/>
  <c r="AF94937" i="1"/>
  <c r="AF94938" i="1"/>
  <c r="AF94939" i="1"/>
  <c r="AF94940" i="1"/>
  <c r="AF94941" i="1"/>
  <c r="AF94942" i="1"/>
  <c r="AF94943" i="1"/>
  <c r="AF94944" i="1"/>
  <c r="AF94945" i="1"/>
  <c r="AF94946" i="1"/>
  <c r="AF94947" i="1"/>
  <c r="AF94948" i="1"/>
  <c r="AF94949" i="1"/>
  <c r="AF94950" i="1"/>
  <c r="AF94951" i="1"/>
  <c r="AF94952" i="1"/>
  <c r="AF94953" i="1"/>
  <c r="AF94954" i="1"/>
  <c r="AF94955" i="1"/>
  <c r="AF94956" i="1"/>
  <c r="AF94957" i="1"/>
  <c r="AF94958" i="1"/>
  <c r="AF94959" i="1"/>
  <c r="AF94960" i="1"/>
  <c r="AF94961" i="1"/>
  <c r="AF94962" i="1"/>
  <c r="AF94963" i="1"/>
  <c r="AF94964" i="1"/>
  <c r="AF94965" i="1"/>
  <c r="AF94966" i="1"/>
  <c r="AF94967" i="1"/>
  <c r="AF94968" i="1"/>
  <c r="AF94969" i="1"/>
  <c r="AF94970" i="1"/>
  <c r="AF94971" i="1"/>
  <c r="AF94972" i="1"/>
  <c r="AF94973" i="1"/>
  <c r="AF94974" i="1"/>
  <c r="AF94975" i="1"/>
  <c r="AF94976" i="1"/>
  <c r="AF94977" i="1"/>
  <c r="AF94978" i="1"/>
  <c r="AF94979" i="1"/>
  <c r="AF94980" i="1"/>
  <c r="AF94981" i="1"/>
  <c r="AF94982" i="1"/>
  <c r="AF94983" i="1"/>
  <c r="AF94984" i="1"/>
  <c r="AF94985" i="1"/>
  <c r="AF94986" i="1"/>
  <c r="AF94987" i="1"/>
  <c r="AF94988" i="1"/>
  <c r="AF94989" i="1"/>
  <c r="AF94990" i="1"/>
  <c r="AF94991" i="1"/>
  <c r="AF94992" i="1"/>
  <c r="AF94993" i="1"/>
  <c r="AF94994" i="1"/>
  <c r="AF94995" i="1"/>
  <c r="AF94996" i="1"/>
  <c r="AF94997" i="1"/>
  <c r="AF94998" i="1"/>
  <c r="AF94999" i="1"/>
  <c r="AF95000" i="1"/>
  <c r="AF95001" i="1"/>
  <c r="AF95002" i="1"/>
  <c r="AF95003" i="1"/>
  <c r="AF95004" i="1"/>
  <c r="AF95005" i="1"/>
  <c r="AF95006" i="1"/>
  <c r="AF95007" i="1"/>
  <c r="AF95008" i="1"/>
  <c r="AF95009" i="1"/>
  <c r="AF95010" i="1"/>
  <c r="AF95011" i="1"/>
  <c r="AF95012" i="1"/>
  <c r="AF95013" i="1"/>
  <c r="AF95014" i="1"/>
  <c r="AF95015" i="1"/>
  <c r="AF95016" i="1"/>
  <c r="AF95017" i="1"/>
  <c r="AF95018" i="1"/>
  <c r="AF95019" i="1"/>
  <c r="AF95020" i="1"/>
  <c r="AF95021" i="1"/>
  <c r="AF95022" i="1"/>
  <c r="AF95023" i="1"/>
  <c r="AF95024" i="1"/>
  <c r="AF95025" i="1"/>
  <c r="AF95026" i="1"/>
  <c r="AF95027" i="1"/>
  <c r="AF95028" i="1"/>
  <c r="AF95029" i="1"/>
  <c r="AF95030" i="1"/>
  <c r="AF95031" i="1"/>
  <c r="AF95032" i="1"/>
  <c r="AF95033" i="1"/>
  <c r="AF95034" i="1"/>
  <c r="AF95035" i="1"/>
  <c r="AF95036" i="1"/>
  <c r="AF95037" i="1"/>
  <c r="AF95038" i="1"/>
  <c r="AF95039" i="1"/>
  <c r="AF95040" i="1"/>
  <c r="AF95041" i="1"/>
  <c r="AF95042" i="1"/>
  <c r="AF95043" i="1"/>
  <c r="AF95044" i="1"/>
  <c r="AF95045" i="1"/>
  <c r="AF95046" i="1"/>
  <c r="AF95047" i="1"/>
  <c r="AF95048" i="1"/>
  <c r="AF95049" i="1"/>
  <c r="AF95050" i="1"/>
  <c r="AF95051" i="1"/>
  <c r="AF95052" i="1"/>
  <c r="AF95053" i="1"/>
  <c r="AF95054" i="1"/>
  <c r="AF95055" i="1"/>
  <c r="AF95056" i="1"/>
  <c r="AF95057" i="1"/>
  <c r="AF95058" i="1"/>
  <c r="AF95059" i="1"/>
  <c r="AF95060" i="1"/>
  <c r="AF95061" i="1"/>
  <c r="AF95062" i="1"/>
  <c r="AF95063" i="1"/>
  <c r="AF95064" i="1"/>
  <c r="AF95065" i="1"/>
  <c r="AF95066" i="1"/>
  <c r="AF95067" i="1"/>
  <c r="AF95068" i="1"/>
  <c r="AF95069" i="1"/>
  <c r="AF95070" i="1"/>
  <c r="AF95071" i="1"/>
  <c r="AF95072" i="1"/>
  <c r="AF95073" i="1"/>
  <c r="AF95074" i="1"/>
  <c r="AF95075" i="1"/>
  <c r="AF95076" i="1"/>
  <c r="AF95077" i="1"/>
  <c r="AF95078" i="1"/>
  <c r="AF95079" i="1"/>
  <c r="AF95080" i="1"/>
  <c r="AF95081" i="1"/>
  <c r="AF95082" i="1"/>
  <c r="AF95083" i="1"/>
  <c r="AF95084" i="1"/>
  <c r="AF95085" i="1"/>
  <c r="AF95086" i="1"/>
  <c r="AF95087" i="1"/>
  <c r="AF95088" i="1"/>
  <c r="AF95089" i="1"/>
  <c r="AF95090" i="1"/>
  <c r="AF95091" i="1"/>
  <c r="AF95092" i="1"/>
  <c r="AF95093" i="1"/>
  <c r="AF95094" i="1"/>
  <c r="AF95095" i="1"/>
  <c r="AF95096" i="1"/>
  <c r="AF95097" i="1"/>
  <c r="AF95098" i="1"/>
  <c r="AF95099" i="1"/>
  <c r="AF95100" i="1"/>
  <c r="AF95101" i="1"/>
  <c r="AF95102" i="1"/>
  <c r="AF95103" i="1"/>
  <c r="AF95104" i="1"/>
  <c r="AF95105" i="1"/>
  <c r="AF95106" i="1"/>
  <c r="AF95107" i="1"/>
  <c r="AF95108" i="1"/>
  <c r="AF95109" i="1"/>
  <c r="AF95110" i="1"/>
  <c r="AF95111" i="1"/>
  <c r="AF95112" i="1"/>
  <c r="AF95113" i="1"/>
  <c r="AF95114" i="1"/>
  <c r="AF95115" i="1"/>
  <c r="AF95116" i="1"/>
  <c r="AF95117" i="1"/>
  <c r="AF95118" i="1"/>
  <c r="AF95119" i="1"/>
  <c r="AF95120" i="1"/>
  <c r="AF95121" i="1"/>
  <c r="AF95122" i="1"/>
  <c r="AF95123" i="1"/>
  <c r="AF95124" i="1"/>
  <c r="AF95125" i="1"/>
  <c r="AF95126" i="1"/>
  <c r="AF95127" i="1"/>
  <c r="AF95128" i="1"/>
  <c r="AF95129" i="1"/>
  <c r="AF95130" i="1"/>
  <c r="AF95131" i="1"/>
  <c r="AF95132" i="1"/>
  <c r="AF95133" i="1"/>
  <c r="AF95134" i="1"/>
  <c r="AF95135" i="1"/>
  <c r="AF95136" i="1"/>
  <c r="AF95137" i="1"/>
  <c r="AF95138" i="1"/>
  <c r="AF95139" i="1"/>
  <c r="AF95140" i="1"/>
  <c r="AF95141" i="1"/>
  <c r="AF95142" i="1"/>
  <c r="AF95143" i="1"/>
  <c r="AF95144" i="1"/>
  <c r="AF95145" i="1"/>
  <c r="AF95146" i="1"/>
  <c r="AF95147" i="1"/>
  <c r="AF95148" i="1"/>
  <c r="AF95149" i="1"/>
  <c r="AF95150" i="1"/>
  <c r="AF95151" i="1"/>
  <c r="AF95152" i="1"/>
  <c r="AF95153" i="1"/>
  <c r="AF95154" i="1"/>
  <c r="AF95155" i="1"/>
  <c r="AF95156" i="1"/>
  <c r="AF95157" i="1"/>
  <c r="AF95158" i="1"/>
  <c r="AF95159" i="1"/>
  <c r="AF95160" i="1"/>
  <c r="AF95161" i="1"/>
  <c r="AF95162" i="1"/>
  <c r="AF95163" i="1"/>
  <c r="AF95164" i="1"/>
  <c r="AF95165" i="1"/>
  <c r="AF95166" i="1"/>
  <c r="AF95167" i="1"/>
  <c r="AF95168" i="1"/>
  <c r="AF95169" i="1"/>
  <c r="AF95170" i="1"/>
  <c r="AF95171" i="1"/>
  <c r="AF95172" i="1"/>
  <c r="AF95173" i="1"/>
  <c r="AF95174" i="1"/>
  <c r="AF95175" i="1"/>
  <c r="AF95176" i="1"/>
  <c r="AF95177" i="1"/>
  <c r="AF95178" i="1"/>
  <c r="AF95179" i="1"/>
  <c r="AF95180" i="1"/>
  <c r="AF95181" i="1"/>
  <c r="AF95182" i="1"/>
  <c r="AF95183" i="1"/>
  <c r="AF95184" i="1"/>
  <c r="AF95185" i="1"/>
  <c r="AF95186" i="1"/>
  <c r="AF95187" i="1"/>
  <c r="AF95188" i="1"/>
  <c r="AF95189" i="1"/>
  <c r="AF95190" i="1"/>
  <c r="AF95191" i="1"/>
  <c r="AF95192" i="1"/>
  <c r="AF95193" i="1"/>
  <c r="AF95194" i="1"/>
  <c r="AF95195" i="1"/>
  <c r="AF95196" i="1"/>
  <c r="AF95197" i="1"/>
  <c r="AF95198" i="1"/>
  <c r="AF95199" i="1"/>
  <c r="AF95200" i="1"/>
  <c r="AF95201" i="1"/>
  <c r="AF95202" i="1"/>
  <c r="AF95203" i="1"/>
  <c r="AF95204" i="1"/>
  <c r="AF95205" i="1"/>
  <c r="AF95206" i="1"/>
  <c r="AF95207" i="1"/>
  <c r="AF95208" i="1"/>
  <c r="AF95209" i="1"/>
  <c r="AF95210" i="1"/>
  <c r="AF95211" i="1"/>
  <c r="AF95212" i="1"/>
  <c r="AF95213" i="1"/>
  <c r="AF95214" i="1"/>
  <c r="AF95215" i="1"/>
  <c r="AF95216" i="1"/>
  <c r="AF95217" i="1"/>
  <c r="AF95218" i="1"/>
  <c r="AF95219" i="1"/>
  <c r="AF95220" i="1"/>
  <c r="AF95221" i="1"/>
  <c r="AF95222" i="1"/>
  <c r="AF95223" i="1"/>
  <c r="AF95224" i="1"/>
  <c r="AF95225" i="1"/>
  <c r="AF95226" i="1"/>
  <c r="AF95227" i="1"/>
  <c r="AF95228" i="1"/>
  <c r="AF95229" i="1"/>
  <c r="AF95230" i="1"/>
  <c r="AF95231" i="1"/>
  <c r="AF95232" i="1"/>
  <c r="AF95233" i="1"/>
  <c r="AF95234" i="1"/>
  <c r="AF95235" i="1"/>
  <c r="AF95236" i="1"/>
  <c r="AF95237" i="1"/>
  <c r="AF95238" i="1"/>
  <c r="AF95239" i="1"/>
  <c r="AF95240" i="1"/>
  <c r="AF95241" i="1"/>
  <c r="AF95242" i="1"/>
  <c r="AF95243" i="1"/>
  <c r="AF95244" i="1"/>
  <c r="AF95245" i="1"/>
  <c r="AF95246" i="1"/>
  <c r="AF95247" i="1"/>
  <c r="AF95248" i="1"/>
  <c r="AF95249" i="1"/>
  <c r="AF95250" i="1"/>
  <c r="AF95251" i="1"/>
  <c r="AF95252" i="1"/>
  <c r="AF95253" i="1"/>
  <c r="AF95254" i="1"/>
  <c r="AF95255" i="1"/>
  <c r="AF95256" i="1"/>
  <c r="AF95257" i="1"/>
  <c r="AF95258" i="1"/>
  <c r="AF95259" i="1"/>
  <c r="AF95260" i="1"/>
  <c r="AF95261" i="1"/>
  <c r="AF95262" i="1"/>
  <c r="AF95263" i="1"/>
  <c r="AF95264" i="1"/>
  <c r="AF95265" i="1"/>
  <c r="AF95266" i="1"/>
  <c r="AF95267" i="1"/>
  <c r="AF95268" i="1"/>
  <c r="AF95269" i="1"/>
  <c r="AF95270" i="1"/>
  <c r="AF95271" i="1"/>
  <c r="AF95272" i="1"/>
  <c r="AF95273" i="1"/>
  <c r="AF95274" i="1"/>
  <c r="AF95275" i="1"/>
  <c r="AF95276" i="1"/>
  <c r="AF95277" i="1"/>
  <c r="AF95278" i="1"/>
  <c r="AF95279" i="1"/>
  <c r="AF95280" i="1"/>
  <c r="AF95281" i="1"/>
  <c r="AF95282" i="1"/>
  <c r="AF95283" i="1"/>
  <c r="AF95284" i="1"/>
  <c r="AF95285" i="1"/>
  <c r="AF95286" i="1"/>
  <c r="AF95287" i="1"/>
  <c r="AF95288" i="1"/>
  <c r="AF95289" i="1"/>
  <c r="AF95290" i="1"/>
  <c r="AF95291" i="1"/>
  <c r="AF95292" i="1"/>
  <c r="AF95293" i="1"/>
  <c r="AF95294" i="1"/>
  <c r="AF95295" i="1"/>
  <c r="AF95296" i="1"/>
  <c r="AF95297" i="1"/>
  <c r="AF95298" i="1"/>
  <c r="AF95299" i="1"/>
  <c r="AF95300" i="1"/>
  <c r="AF95301" i="1"/>
  <c r="AF95302" i="1"/>
  <c r="AF95303" i="1"/>
  <c r="AF95304" i="1"/>
  <c r="AF95305" i="1"/>
  <c r="AF95306" i="1"/>
  <c r="AF95307" i="1"/>
  <c r="AF95308" i="1"/>
  <c r="AF95309" i="1"/>
  <c r="AF95310" i="1"/>
  <c r="AF95311" i="1"/>
  <c r="AF95312" i="1"/>
  <c r="AF95313" i="1"/>
  <c r="AF95314" i="1"/>
  <c r="AF95315" i="1"/>
  <c r="AF95316" i="1"/>
  <c r="AF95317" i="1"/>
  <c r="AF95318" i="1"/>
  <c r="AF95319" i="1"/>
  <c r="AF95320" i="1"/>
  <c r="AF95321" i="1"/>
  <c r="AF95322" i="1"/>
  <c r="AF95323" i="1"/>
  <c r="AF95324" i="1"/>
  <c r="AF95325" i="1"/>
  <c r="AF95326" i="1"/>
  <c r="AF95327" i="1"/>
  <c r="AF95328" i="1"/>
  <c r="AF95329" i="1"/>
  <c r="AF95330" i="1"/>
  <c r="AF95331" i="1"/>
  <c r="AF95332" i="1"/>
  <c r="AF95333" i="1"/>
  <c r="AF95334" i="1"/>
  <c r="AF95335" i="1"/>
  <c r="AF95336" i="1"/>
  <c r="AF95337" i="1"/>
  <c r="AF95338" i="1"/>
  <c r="AF95339" i="1"/>
  <c r="AF95340" i="1"/>
  <c r="AF95341" i="1"/>
  <c r="AF95342" i="1"/>
  <c r="AF95343" i="1"/>
  <c r="AF95344" i="1"/>
  <c r="AF95345" i="1"/>
  <c r="AF95346" i="1"/>
  <c r="AF95347" i="1"/>
  <c r="AF95348" i="1"/>
  <c r="AF95349" i="1"/>
  <c r="AF95350" i="1"/>
  <c r="AF95351" i="1"/>
  <c r="AF95352" i="1"/>
  <c r="AF95353" i="1"/>
  <c r="AF95354" i="1"/>
  <c r="AF95355" i="1"/>
  <c r="AF95356" i="1"/>
  <c r="AF95357" i="1"/>
  <c r="AF95358" i="1"/>
  <c r="AF95359" i="1"/>
  <c r="AF95360" i="1"/>
  <c r="AF95361" i="1"/>
  <c r="AF95362" i="1"/>
  <c r="AF95363" i="1"/>
  <c r="AF95364" i="1"/>
  <c r="AF95365" i="1"/>
  <c r="AF95366" i="1"/>
  <c r="AF95367" i="1"/>
  <c r="AF95368" i="1"/>
  <c r="AF95369" i="1"/>
  <c r="AF95370" i="1"/>
  <c r="AF95371" i="1"/>
  <c r="AF95372" i="1"/>
  <c r="AF95373" i="1"/>
  <c r="AF95374" i="1"/>
  <c r="AF95375" i="1"/>
  <c r="AF95376" i="1"/>
  <c r="AF95377" i="1"/>
  <c r="AF95378" i="1"/>
  <c r="AF95379" i="1"/>
  <c r="AF95380" i="1"/>
  <c r="AF95381" i="1"/>
  <c r="AF95382" i="1"/>
  <c r="AF95383" i="1"/>
  <c r="AF95384" i="1"/>
  <c r="AF95385" i="1"/>
  <c r="AF95386" i="1"/>
  <c r="AF95387" i="1"/>
  <c r="AF95388" i="1"/>
  <c r="AF95389" i="1"/>
  <c r="AF95390" i="1"/>
  <c r="AF95391" i="1"/>
  <c r="AF95392" i="1"/>
  <c r="AF95393" i="1"/>
  <c r="AF95394" i="1"/>
  <c r="AF95395" i="1"/>
  <c r="AF95396" i="1"/>
  <c r="AF95397" i="1"/>
  <c r="AF95398" i="1"/>
  <c r="AF95399" i="1"/>
  <c r="AF95400" i="1"/>
  <c r="AF95401" i="1"/>
  <c r="AF95402" i="1"/>
  <c r="AF95403" i="1"/>
  <c r="AF95404" i="1"/>
  <c r="AF95405" i="1"/>
  <c r="AF95406" i="1"/>
  <c r="AF95407" i="1"/>
  <c r="AF95408" i="1"/>
  <c r="AF95409" i="1"/>
  <c r="AF95410" i="1"/>
  <c r="AF95411" i="1"/>
  <c r="AF95412" i="1"/>
  <c r="AF95413" i="1"/>
  <c r="AF95414" i="1"/>
  <c r="AF95415" i="1"/>
  <c r="AF95416" i="1"/>
  <c r="AF95417" i="1"/>
  <c r="AF95418" i="1"/>
  <c r="AF95419" i="1"/>
  <c r="AF95420" i="1"/>
  <c r="AF95421" i="1"/>
  <c r="AF95422" i="1"/>
  <c r="AF95423" i="1"/>
  <c r="AF95424" i="1"/>
  <c r="AF95425" i="1"/>
  <c r="AF95426" i="1"/>
  <c r="AF95427" i="1"/>
  <c r="AF95428" i="1"/>
  <c r="AF95429" i="1"/>
  <c r="AF95430" i="1"/>
  <c r="AF95431" i="1"/>
  <c r="AF95432" i="1"/>
  <c r="AF95433" i="1"/>
  <c r="AF95434" i="1"/>
  <c r="AF95435" i="1"/>
  <c r="AF95436" i="1"/>
  <c r="AF95437" i="1"/>
  <c r="AF95438" i="1"/>
  <c r="AF95439" i="1"/>
  <c r="AF95440" i="1"/>
  <c r="AF95441" i="1"/>
  <c r="AF95442" i="1"/>
  <c r="AF95443" i="1"/>
  <c r="AF95444" i="1"/>
  <c r="AF95445" i="1"/>
  <c r="AF95446" i="1"/>
  <c r="AF95447" i="1"/>
  <c r="AF95448" i="1"/>
  <c r="AF95449" i="1"/>
  <c r="AF95450" i="1"/>
  <c r="AF95451" i="1"/>
  <c r="AF95452" i="1"/>
  <c r="AF95453" i="1"/>
  <c r="AF95454" i="1"/>
  <c r="AF95455" i="1"/>
  <c r="AF95456" i="1"/>
  <c r="AF95457" i="1"/>
  <c r="AF95458" i="1"/>
  <c r="AF95459" i="1"/>
  <c r="AF95460" i="1"/>
  <c r="AF95461" i="1"/>
  <c r="AF95462" i="1"/>
  <c r="AF95463" i="1"/>
  <c r="AF95464" i="1"/>
  <c r="AF95465" i="1"/>
  <c r="AF95466" i="1"/>
  <c r="AF95467" i="1"/>
  <c r="AF95468" i="1"/>
  <c r="AF95469" i="1"/>
  <c r="AF95470" i="1"/>
  <c r="AF95471" i="1"/>
  <c r="AF95472" i="1"/>
  <c r="AF95473" i="1"/>
  <c r="AF95474" i="1"/>
  <c r="AF95475" i="1"/>
  <c r="AF95476" i="1"/>
  <c r="AF95477" i="1"/>
  <c r="AF95478" i="1"/>
  <c r="AF95479" i="1"/>
  <c r="AF95480" i="1"/>
  <c r="AF95481" i="1"/>
  <c r="AF95482" i="1"/>
  <c r="AF95483" i="1"/>
  <c r="AF95484" i="1"/>
  <c r="AF95485" i="1"/>
  <c r="AF95486" i="1"/>
  <c r="AF95487" i="1"/>
  <c r="AF95488" i="1"/>
  <c r="AF95489" i="1"/>
  <c r="AF95490" i="1"/>
  <c r="AF95491" i="1"/>
  <c r="AF95492" i="1"/>
  <c r="AF95493" i="1"/>
  <c r="AF95494" i="1"/>
  <c r="AF95495" i="1"/>
  <c r="AF95496" i="1"/>
  <c r="AF95497" i="1"/>
  <c r="AF95498" i="1"/>
  <c r="AF95499" i="1"/>
  <c r="AF95500" i="1"/>
  <c r="AF95501" i="1"/>
  <c r="AF95502" i="1"/>
  <c r="AF95503" i="1"/>
  <c r="AF95504" i="1"/>
  <c r="AF95505" i="1"/>
  <c r="AF95506" i="1"/>
  <c r="AF95507" i="1"/>
  <c r="AF95508" i="1"/>
  <c r="AF95509" i="1"/>
  <c r="AF95510" i="1"/>
  <c r="AF95511" i="1"/>
  <c r="AF95512" i="1"/>
  <c r="AF95513" i="1"/>
  <c r="AF95514" i="1"/>
  <c r="AF95515" i="1"/>
  <c r="AF95516" i="1"/>
  <c r="AF95517" i="1"/>
  <c r="AF95518" i="1"/>
  <c r="AF95519" i="1"/>
  <c r="AF95520" i="1"/>
  <c r="AF95521" i="1"/>
  <c r="AF95522" i="1"/>
  <c r="AF95523" i="1"/>
  <c r="AF95524" i="1"/>
  <c r="AF95525" i="1"/>
  <c r="AF95526" i="1"/>
  <c r="AF95527" i="1"/>
  <c r="AF95528" i="1"/>
  <c r="AF95529" i="1"/>
  <c r="AF95530" i="1"/>
  <c r="AF95531" i="1"/>
  <c r="AF95532" i="1"/>
  <c r="AF95533" i="1"/>
  <c r="AF95534" i="1"/>
  <c r="AF95535" i="1"/>
  <c r="AF95536" i="1"/>
  <c r="AF95537" i="1"/>
  <c r="AF95538" i="1"/>
  <c r="AF95539" i="1"/>
  <c r="AF95540" i="1"/>
  <c r="AF95541" i="1"/>
  <c r="AF95542" i="1"/>
  <c r="AF95543" i="1"/>
  <c r="AF95544" i="1"/>
  <c r="AF95545" i="1"/>
  <c r="AF95546" i="1"/>
  <c r="AF95547" i="1"/>
  <c r="AF95548" i="1"/>
  <c r="AF95549" i="1"/>
  <c r="AF95550" i="1"/>
  <c r="AF95551" i="1"/>
  <c r="AF95552" i="1"/>
  <c r="AF95553" i="1"/>
  <c r="AF95554" i="1"/>
  <c r="AF95555" i="1"/>
  <c r="AF95556" i="1"/>
  <c r="AF95557" i="1"/>
  <c r="AF95558" i="1"/>
  <c r="AF95559" i="1"/>
  <c r="AF95560" i="1"/>
  <c r="AF95561" i="1"/>
  <c r="AF95562" i="1"/>
  <c r="AF95563" i="1"/>
  <c r="AF95564" i="1"/>
  <c r="AF95565" i="1"/>
  <c r="AF95566" i="1"/>
  <c r="AF95567" i="1"/>
  <c r="AF95568" i="1"/>
  <c r="AF95569" i="1"/>
  <c r="AF95570" i="1"/>
  <c r="AF95571" i="1"/>
  <c r="AF95572" i="1"/>
  <c r="AF95573" i="1"/>
  <c r="AF95574" i="1"/>
  <c r="AF95575" i="1"/>
  <c r="AF95576" i="1"/>
  <c r="AF95577" i="1"/>
  <c r="AF95578" i="1"/>
  <c r="AF95579" i="1"/>
  <c r="AF95580" i="1"/>
  <c r="AF95581" i="1"/>
  <c r="AF95582" i="1"/>
  <c r="AF95583" i="1"/>
  <c r="AF95584" i="1"/>
  <c r="AF95585" i="1"/>
  <c r="AF95586" i="1"/>
  <c r="AF95587" i="1"/>
  <c r="AF95588" i="1"/>
  <c r="AF95589" i="1"/>
  <c r="AF95590" i="1"/>
  <c r="AF95591" i="1"/>
  <c r="AF95592" i="1"/>
  <c r="AF95593" i="1"/>
  <c r="AF95594" i="1"/>
  <c r="AF95595" i="1"/>
  <c r="AF95596" i="1"/>
  <c r="AF95597" i="1"/>
  <c r="AF95598" i="1"/>
  <c r="AF95599" i="1"/>
  <c r="AF95600" i="1"/>
  <c r="AF95601" i="1"/>
  <c r="AF95602" i="1"/>
  <c r="AF95603" i="1"/>
  <c r="AF95604" i="1"/>
  <c r="AF95605" i="1"/>
  <c r="AF95606" i="1"/>
  <c r="AF95607" i="1"/>
  <c r="AF95608" i="1"/>
  <c r="AF95609" i="1"/>
  <c r="AF95610" i="1"/>
  <c r="AF95611" i="1"/>
  <c r="AF95612" i="1"/>
  <c r="AF95613" i="1"/>
  <c r="AF95614" i="1"/>
  <c r="AF95615" i="1"/>
  <c r="AF95616" i="1"/>
  <c r="AF95617" i="1"/>
  <c r="AF95618" i="1"/>
  <c r="AF95619" i="1"/>
  <c r="AF95620" i="1"/>
  <c r="AF95621" i="1"/>
  <c r="AF95622" i="1"/>
  <c r="AF95623" i="1"/>
  <c r="AF95624" i="1"/>
  <c r="AF95625" i="1"/>
  <c r="AF95626" i="1"/>
  <c r="AF95627" i="1"/>
  <c r="AF95628" i="1"/>
  <c r="AF95629" i="1"/>
  <c r="AF95630" i="1"/>
  <c r="AF95631" i="1"/>
  <c r="AF95632" i="1"/>
  <c r="AF95633" i="1"/>
  <c r="AF95634" i="1"/>
  <c r="AF95635" i="1"/>
  <c r="AF95636" i="1"/>
  <c r="AF95637" i="1"/>
  <c r="AF95638" i="1"/>
  <c r="AF95639" i="1"/>
  <c r="AF95640" i="1"/>
  <c r="AF95641" i="1"/>
  <c r="AF95642" i="1"/>
  <c r="AF95643" i="1"/>
  <c r="AF95644" i="1"/>
  <c r="AF95645" i="1"/>
  <c r="AF95646" i="1"/>
  <c r="AF95647" i="1"/>
  <c r="AF95648" i="1"/>
  <c r="AF95649" i="1"/>
  <c r="AF95650" i="1"/>
  <c r="AF95651" i="1"/>
  <c r="AF95652" i="1"/>
  <c r="AF95653" i="1"/>
  <c r="AF95654" i="1"/>
  <c r="AF95655" i="1"/>
  <c r="AF95656" i="1"/>
  <c r="AF95657" i="1"/>
  <c r="AF95658" i="1"/>
  <c r="AF95659" i="1"/>
  <c r="AF95660" i="1"/>
  <c r="AF95661" i="1"/>
  <c r="AF95662" i="1"/>
  <c r="AF95663" i="1"/>
  <c r="AF95664" i="1"/>
  <c r="AF95665" i="1"/>
  <c r="AF95666" i="1"/>
  <c r="AF95667" i="1"/>
  <c r="AF95668" i="1"/>
  <c r="AF95669" i="1"/>
  <c r="AF95670" i="1"/>
  <c r="AF95671" i="1"/>
  <c r="AF95672" i="1"/>
  <c r="AF95673" i="1"/>
  <c r="AF95674" i="1"/>
  <c r="AF95675" i="1"/>
  <c r="AF95676" i="1"/>
  <c r="AF95677" i="1"/>
  <c r="AF95678" i="1"/>
  <c r="AF95679" i="1"/>
  <c r="AF95680" i="1"/>
  <c r="AF95681" i="1"/>
  <c r="AF95682" i="1"/>
  <c r="AF95683" i="1"/>
  <c r="AF95684" i="1"/>
  <c r="AF95685" i="1"/>
  <c r="AF95686" i="1"/>
  <c r="AF95687" i="1"/>
  <c r="AF95688" i="1"/>
  <c r="AF95689" i="1"/>
  <c r="AF95690" i="1"/>
  <c r="AF95691" i="1"/>
  <c r="AF95692" i="1"/>
  <c r="AF95693" i="1"/>
  <c r="AF95694" i="1"/>
  <c r="AF95695" i="1"/>
  <c r="AF95696" i="1"/>
  <c r="AF95697" i="1"/>
  <c r="AF95698" i="1"/>
  <c r="AF95699" i="1"/>
  <c r="AF95700" i="1"/>
  <c r="AF95701" i="1"/>
  <c r="AF95702" i="1"/>
  <c r="AF95703" i="1"/>
  <c r="AF95704" i="1"/>
  <c r="AF95705" i="1"/>
  <c r="AF95706" i="1"/>
  <c r="AF95707" i="1"/>
  <c r="AF95708" i="1"/>
  <c r="AF95709" i="1"/>
  <c r="AF95710" i="1"/>
  <c r="AF95711" i="1"/>
  <c r="AF95712" i="1"/>
  <c r="AF95713" i="1"/>
  <c r="AF95714" i="1"/>
  <c r="AF95715" i="1"/>
  <c r="AF95716" i="1"/>
  <c r="AF95717" i="1"/>
  <c r="AF95718" i="1"/>
  <c r="AF95719" i="1"/>
  <c r="AF95720" i="1"/>
  <c r="AF95721" i="1"/>
  <c r="AF95722" i="1"/>
  <c r="AF95723" i="1"/>
  <c r="AF95724" i="1"/>
  <c r="AF95725" i="1"/>
  <c r="AF95726" i="1"/>
  <c r="AF95727" i="1"/>
  <c r="AF95728" i="1"/>
  <c r="AF95729" i="1"/>
  <c r="AF95730" i="1"/>
  <c r="AF95731" i="1"/>
  <c r="AF95732" i="1"/>
  <c r="AF95733" i="1"/>
  <c r="AF95734" i="1"/>
  <c r="AF95735" i="1"/>
  <c r="AF95736" i="1"/>
  <c r="AF95737" i="1"/>
  <c r="AF95738" i="1"/>
  <c r="AF95739" i="1"/>
  <c r="AF95740" i="1"/>
  <c r="AF95741" i="1"/>
  <c r="AF95742" i="1"/>
  <c r="AF95743" i="1"/>
  <c r="AF95744" i="1"/>
  <c r="AF95745" i="1"/>
  <c r="AF95746" i="1"/>
  <c r="AF95747" i="1"/>
  <c r="AF95748" i="1"/>
  <c r="AF95749" i="1"/>
  <c r="AF95750" i="1"/>
  <c r="AF95751" i="1"/>
  <c r="AF95752" i="1"/>
  <c r="AF95753" i="1"/>
  <c r="AF95754" i="1"/>
  <c r="AF95755" i="1"/>
  <c r="AF95756" i="1"/>
  <c r="AF95757" i="1"/>
  <c r="AF95758" i="1"/>
  <c r="AF95759" i="1"/>
  <c r="AF95760" i="1"/>
  <c r="AF95761" i="1"/>
  <c r="AF95762" i="1"/>
  <c r="AF95763" i="1"/>
  <c r="AF95764" i="1"/>
  <c r="AF95765" i="1"/>
  <c r="AF95766" i="1"/>
  <c r="AF95767" i="1"/>
  <c r="AF95768" i="1"/>
  <c r="AF95769" i="1"/>
  <c r="AF95770" i="1"/>
  <c r="AF95771" i="1"/>
  <c r="AF95772" i="1"/>
  <c r="AF95773" i="1"/>
  <c r="AF95774" i="1"/>
  <c r="AF95775" i="1"/>
  <c r="AF95776" i="1"/>
  <c r="AF95777" i="1"/>
  <c r="AF95778" i="1"/>
  <c r="AF95779" i="1"/>
  <c r="AF95780" i="1"/>
  <c r="AF95781" i="1"/>
  <c r="AF95782" i="1"/>
  <c r="AF95783" i="1"/>
  <c r="AF95784" i="1"/>
  <c r="AF95785" i="1"/>
  <c r="AF95786" i="1"/>
  <c r="AF95787" i="1"/>
  <c r="AF95788" i="1"/>
  <c r="AF95789" i="1"/>
  <c r="AF95790" i="1"/>
  <c r="AF95791" i="1"/>
  <c r="AF95792" i="1"/>
  <c r="AF95793" i="1"/>
  <c r="AF95794" i="1"/>
  <c r="AF95795" i="1"/>
  <c r="AF95796" i="1"/>
  <c r="AF95797" i="1"/>
  <c r="AF95798" i="1"/>
  <c r="AF95799" i="1"/>
  <c r="AF95800" i="1"/>
  <c r="AF95801" i="1"/>
  <c r="AF95802" i="1"/>
  <c r="AF95803" i="1"/>
  <c r="AF95804" i="1"/>
  <c r="AF95805" i="1"/>
  <c r="AF95806" i="1"/>
  <c r="AF95807" i="1"/>
  <c r="AF95808" i="1"/>
  <c r="AF95809" i="1"/>
  <c r="AF95810" i="1"/>
  <c r="AF95811" i="1"/>
  <c r="AF95812" i="1"/>
  <c r="AF95813" i="1"/>
  <c r="AF95814" i="1"/>
  <c r="AF95815" i="1"/>
  <c r="AF95816" i="1"/>
  <c r="AF95817" i="1"/>
  <c r="AF95818" i="1"/>
  <c r="AF95819" i="1"/>
  <c r="AF95820" i="1"/>
  <c r="AF95821" i="1"/>
  <c r="AF95822" i="1"/>
  <c r="AF95823" i="1"/>
  <c r="AF95824" i="1"/>
  <c r="AF95825" i="1"/>
  <c r="AF95826" i="1"/>
  <c r="AF95827" i="1"/>
  <c r="AF95828" i="1"/>
  <c r="AF95829" i="1"/>
  <c r="AF95830" i="1"/>
  <c r="AF95831" i="1"/>
  <c r="AF95832" i="1"/>
  <c r="AF95833" i="1"/>
  <c r="AF95834" i="1"/>
  <c r="AF95835" i="1"/>
  <c r="AF95836" i="1"/>
  <c r="AF95837" i="1"/>
  <c r="AF95838" i="1"/>
  <c r="AF95839" i="1"/>
  <c r="AF95840" i="1"/>
  <c r="AF95841" i="1"/>
  <c r="AF95842" i="1"/>
  <c r="AF95843" i="1"/>
  <c r="AF95844" i="1"/>
  <c r="AF95845" i="1"/>
  <c r="AF95846" i="1"/>
  <c r="AF95847" i="1"/>
  <c r="AF95848" i="1"/>
  <c r="AF95849" i="1"/>
  <c r="AF95850" i="1"/>
  <c r="AF95851" i="1"/>
  <c r="AF95852" i="1"/>
  <c r="AF95853" i="1"/>
  <c r="AF95854" i="1"/>
  <c r="AF95855" i="1"/>
  <c r="AF95856" i="1"/>
  <c r="AF95857" i="1"/>
  <c r="AF95858" i="1"/>
  <c r="AF95859" i="1"/>
  <c r="AF95860" i="1"/>
  <c r="AF95861" i="1"/>
  <c r="AF95862" i="1"/>
  <c r="AF95863" i="1"/>
  <c r="AF95864" i="1"/>
  <c r="AF95865" i="1"/>
  <c r="AF95866" i="1"/>
  <c r="AF95867" i="1"/>
  <c r="AF95868" i="1"/>
  <c r="AF95869" i="1"/>
  <c r="AF95870" i="1"/>
  <c r="AF95871" i="1"/>
  <c r="AF95872" i="1"/>
  <c r="AF95873" i="1"/>
  <c r="AF95874" i="1"/>
  <c r="AF95875" i="1"/>
  <c r="AF95876" i="1"/>
  <c r="AF95877" i="1"/>
  <c r="AF95878" i="1"/>
  <c r="AF95879" i="1"/>
  <c r="AF95880" i="1"/>
  <c r="AF95881" i="1"/>
  <c r="AF95882" i="1"/>
  <c r="AF95883" i="1"/>
  <c r="AF95884" i="1"/>
  <c r="AF95885" i="1"/>
  <c r="AF95886" i="1"/>
  <c r="AF95887" i="1"/>
  <c r="AF95888" i="1"/>
  <c r="AF95889" i="1"/>
  <c r="AF95890" i="1"/>
  <c r="AF95891" i="1"/>
  <c r="AF95892" i="1"/>
  <c r="AF95893" i="1"/>
  <c r="AF95894" i="1"/>
  <c r="AF95895" i="1"/>
  <c r="AF95896" i="1"/>
  <c r="AF95897" i="1"/>
  <c r="AF95898" i="1"/>
  <c r="AF95899" i="1"/>
  <c r="AF95900" i="1"/>
  <c r="AF95901" i="1"/>
  <c r="AF95902" i="1"/>
  <c r="AF95903" i="1"/>
  <c r="AF95904" i="1"/>
  <c r="AF95905" i="1"/>
  <c r="AF95906" i="1"/>
  <c r="AF95907" i="1"/>
  <c r="AF95908" i="1"/>
  <c r="AF95909" i="1"/>
  <c r="AF95910" i="1"/>
  <c r="AF95911" i="1"/>
  <c r="AF95912" i="1"/>
  <c r="AF95913" i="1"/>
  <c r="AF95914" i="1"/>
  <c r="AF95915" i="1"/>
  <c r="AF95916" i="1"/>
  <c r="AF95917" i="1"/>
  <c r="AF95918" i="1"/>
  <c r="AF95919" i="1"/>
  <c r="AF95920" i="1"/>
  <c r="AF95921" i="1"/>
  <c r="AF95922" i="1"/>
  <c r="AF95923" i="1"/>
  <c r="AF95924" i="1"/>
  <c r="AF95925" i="1"/>
  <c r="AF95926" i="1"/>
  <c r="AF95927" i="1"/>
  <c r="AF95928" i="1"/>
  <c r="AF95929" i="1"/>
  <c r="AF95930" i="1"/>
  <c r="AF95931" i="1"/>
  <c r="AF95932" i="1"/>
  <c r="AF95933" i="1"/>
  <c r="AF95934" i="1"/>
  <c r="AF95935" i="1"/>
  <c r="AF95936" i="1"/>
  <c r="AF95937" i="1"/>
  <c r="AF95938" i="1"/>
  <c r="AF95939" i="1"/>
  <c r="AF95940" i="1"/>
  <c r="AF95941" i="1"/>
  <c r="AF95942" i="1"/>
  <c r="AF95943" i="1"/>
  <c r="AF95944" i="1"/>
  <c r="AF95945" i="1"/>
  <c r="AF95946" i="1"/>
  <c r="AF95947" i="1"/>
  <c r="AF95948" i="1"/>
  <c r="AF95949" i="1"/>
  <c r="AF95950" i="1"/>
  <c r="AF95951" i="1"/>
  <c r="AF95952" i="1"/>
  <c r="AF95953" i="1"/>
  <c r="AF95954" i="1"/>
  <c r="AF95955" i="1"/>
  <c r="AF95956" i="1"/>
  <c r="AF95957" i="1"/>
  <c r="AF95958" i="1"/>
  <c r="AF95959" i="1"/>
  <c r="AF95960" i="1"/>
  <c r="AF95961" i="1"/>
  <c r="AF95962" i="1"/>
  <c r="AF95963" i="1"/>
  <c r="AF95964" i="1"/>
  <c r="AF95965" i="1"/>
  <c r="AF95966" i="1"/>
  <c r="AF95967" i="1"/>
  <c r="AF95968" i="1"/>
  <c r="AF95969" i="1"/>
  <c r="AF95970" i="1"/>
  <c r="AF95971" i="1"/>
  <c r="AF95972" i="1"/>
  <c r="AF95973" i="1"/>
  <c r="AF95974" i="1"/>
  <c r="AF95975" i="1"/>
  <c r="AF95976" i="1"/>
  <c r="AF95977" i="1"/>
  <c r="AF95978" i="1"/>
  <c r="AF95979" i="1"/>
  <c r="AF95980" i="1"/>
  <c r="AF95981" i="1"/>
  <c r="AF95982" i="1"/>
  <c r="AF95983" i="1"/>
  <c r="AF95984" i="1"/>
  <c r="AF95985" i="1"/>
  <c r="AF95986" i="1"/>
  <c r="AF95987" i="1"/>
  <c r="AF95988" i="1"/>
  <c r="AF95989" i="1"/>
  <c r="AF95990" i="1"/>
  <c r="AF95991" i="1"/>
  <c r="AF95992" i="1"/>
  <c r="AF95993" i="1"/>
  <c r="AF95994" i="1"/>
  <c r="AF95995" i="1"/>
  <c r="AF95996" i="1"/>
  <c r="AF95997" i="1"/>
  <c r="AF95998" i="1"/>
  <c r="AF95999" i="1"/>
  <c r="AF96000" i="1"/>
  <c r="AF96001" i="1"/>
  <c r="AF96002" i="1"/>
  <c r="AF96003" i="1"/>
  <c r="AF96004" i="1"/>
  <c r="AF96005" i="1"/>
  <c r="AF96006" i="1"/>
  <c r="AF96007" i="1"/>
  <c r="AF96008" i="1"/>
  <c r="AF96009" i="1"/>
  <c r="AF96010" i="1"/>
  <c r="AF96011" i="1"/>
  <c r="AF96012" i="1"/>
  <c r="AF96013" i="1"/>
  <c r="AF96014" i="1"/>
  <c r="AF96015" i="1"/>
  <c r="AF96016" i="1"/>
  <c r="AF96017" i="1"/>
  <c r="AF96018" i="1"/>
  <c r="AF96019" i="1"/>
  <c r="AF96020" i="1"/>
  <c r="AF96021" i="1"/>
  <c r="AF96022" i="1"/>
  <c r="AF96023" i="1"/>
  <c r="AF96024" i="1"/>
  <c r="AF96025" i="1"/>
  <c r="AF96026" i="1"/>
  <c r="AF96027" i="1"/>
  <c r="AF96028" i="1"/>
  <c r="AF96029" i="1"/>
  <c r="AF96030" i="1"/>
  <c r="AF96031" i="1"/>
  <c r="AF96032" i="1"/>
  <c r="AF96033" i="1"/>
  <c r="AF96034" i="1"/>
  <c r="AF96035" i="1"/>
  <c r="AF96036" i="1"/>
  <c r="AF96037" i="1"/>
  <c r="AF96038" i="1"/>
  <c r="AF96039" i="1"/>
  <c r="AF96040" i="1"/>
  <c r="AF96041" i="1"/>
  <c r="AF96042" i="1"/>
  <c r="AF96043" i="1"/>
  <c r="AF96044" i="1"/>
  <c r="AF96045" i="1"/>
  <c r="AF96046" i="1"/>
  <c r="AF96047" i="1"/>
  <c r="AF96048" i="1"/>
  <c r="AF96049" i="1"/>
  <c r="AF96050" i="1"/>
  <c r="AF96051" i="1"/>
  <c r="AF96052" i="1"/>
  <c r="AF96053" i="1"/>
  <c r="AF96054" i="1"/>
  <c r="AF96055" i="1"/>
  <c r="AF96056" i="1"/>
  <c r="AF96057" i="1"/>
  <c r="AF96058" i="1"/>
  <c r="AF96059" i="1"/>
  <c r="AF96060" i="1"/>
  <c r="AF96061" i="1"/>
  <c r="AF96062" i="1"/>
  <c r="AF96063" i="1"/>
  <c r="AF96064" i="1"/>
  <c r="AF96065" i="1"/>
  <c r="AF96066" i="1"/>
  <c r="AF96067" i="1"/>
  <c r="AF96068" i="1"/>
  <c r="AF96069" i="1"/>
  <c r="AF96070" i="1"/>
  <c r="AF96071" i="1"/>
  <c r="AF96072" i="1"/>
  <c r="AF96073" i="1"/>
  <c r="AF96074" i="1"/>
  <c r="AF96075" i="1"/>
  <c r="AF96076" i="1"/>
  <c r="AF96077" i="1"/>
  <c r="AF96078" i="1"/>
  <c r="AF96079" i="1"/>
  <c r="AF96080" i="1"/>
  <c r="AF96081" i="1"/>
  <c r="AF96082" i="1"/>
  <c r="AF96083" i="1"/>
  <c r="AF96084" i="1"/>
  <c r="AF96085" i="1"/>
  <c r="AF96086" i="1"/>
  <c r="AF96087" i="1"/>
  <c r="AF96088" i="1"/>
  <c r="AF96089" i="1"/>
  <c r="AF96090" i="1"/>
  <c r="AF96091" i="1"/>
  <c r="AF96092" i="1"/>
  <c r="AF96093" i="1"/>
  <c r="AF96094" i="1"/>
  <c r="AF96095" i="1"/>
  <c r="AF96096" i="1"/>
  <c r="AF96097" i="1"/>
  <c r="AF96098" i="1"/>
  <c r="AF96099" i="1"/>
  <c r="AF96100" i="1"/>
  <c r="AF96101" i="1"/>
  <c r="AF96102" i="1"/>
  <c r="AF96103" i="1"/>
  <c r="AF96104" i="1"/>
  <c r="AF96105" i="1"/>
  <c r="AF96106" i="1"/>
  <c r="AF96107" i="1"/>
  <c r="AF96108" i="1"/>
  <c r="AF96109" i="1"/>
  <c r="AF96110" i="1"/>
  <c r="AF96111" i="1"/>
  <c r="AF96112" i="1"/>
  <c r="AF96113" i="1"/>
  <c r="AF96114" i="1"/>
  <c r="AF96115" i="1"/>
  <c r="AF96116" i="1"/>
  <c r="AF96117" i="1"/>
  <c r="AF96118" i="1"/>
  <c r="AF96119" i="1"/>
  <c r="AF96120" i="1"/>
  <c r="AF96121" i="1"/>
  <c r="AF96122" i="1"/>
  <c r="AF96123" i="1"/>
  <c r="AF96124" i="1"/>
  <c r="AF96125" i="1"/>
  <c r="AF96126" i="1"/>
  <c r="AF96127" i="1"/>
  <c r="AF96128" i="1"/>
  <c r="AF96129" i="1"/>
  <c r="AF96130" i="1"/>
  <c r="AF96131" i="1"/>
  <c r="AF96132" i="1"/>
  <c r="AF96133" i="1"/>
  <c r="AF96134" i="1"/>
  <c r="AF96135" i="1"/>
  <c r="AF96136" i="1"/>
  <c r="AF96137" i="1"/>
  <c r="AF96138" i="1"/>
  <c r="AF96139" i="1"/>
  <c r="AF96140" i="1"/>
  <c r="AF96141" i="1"/>
  <c r="AF96142" i="1"/>
  <c r="AF96143" i="1"/>
  <c r="AF96144" i="1"/>
  <c r="AF96145" i="1"/>
  <c r="AF96146" i="1"/>
  <c r="AF96147" i="1"/>
  <c r="AF96148" i="1"/>
  <c r="AF96149" i="1"/>
  <c r="AF96150" i="1"/>
  <c r="AF96151" i="1"/>
  <c r="AF96152" i="1"/>
  <c r="AF96153" i="1"/>
  <c r="AF96154" i="1"/>
  <c r="AF96155" i="1"/>
  <c r="AF96156" i="1"/>
  <c r="AF96157" i="1"/>
  <c r="AF96158" i="1"/>
  <c r="AF96159" i="1"/>
  <c r="AF96160" i="1"/>
  <c r="AF96161" i="1"/>
  <c r="AF96162" i="1"/>
  <c r="AF96163" i="1"/>
  <c r="AF96164" i="1"/>
  <c r="AF96165" i="1"/>
  <c r="AF96166" i="1"/>
  <c r="AF96167" i="1"/>
  <c r="AF96168" i="1"/>
  <c r="AF96169" i="1"/>
  <c r="AF96170" i="1"/>
  <c r="AF96171" i="1"/>
  <c r="AF96172" i="1"/>
  <c r="AF96173" i="1"/>
  <c r="AF96174" i="1"/>
  <c r="AF96175" i="1"/>
  <c r="AF96176" i="1"/>
  <c r="AF96177" i="1"/>
  <c r="AF96178" i="1"/>
  <c r="AF96179" i="1"/>
  <c r="AF96180" i="1"/>
  <c r="AF96181" i="1"/>
  <c r="AF96182" i="1"/>
  <c r="AF96183" i="1"/>
  <c r="AF96184" i="1"/>
  <c r="AF96185" i="1"/>
  <c r="AF96186" i="1"/>
  <c r="AF96187" i="1"/>
  <c r="AF96188" i="1"/>
  <c r="AF96189" i="1"/>
  <c r="AF96190" i="1"/>
  <c r="AF96191" i="1"/>
  <c r="AF96192" i="1"/>
  <c r="AF96193" i="1"/>
  <c r="AF96194" i="1"/>
  <c r="AF96195" i="1"/>
  <c r="AF96196" i="1"/>
  <c r="AF96197" i="1"/>
  <c r="AF96198" i="1"/>
  <c r="AF96199" i="1"/>
  <c r="AF96200" i="1"/>
  <c r="AF96201" i="1"/>
  <c r="AF96202" i="1"/>
  <c r="AF96203" i="1"/>
  <c r="AF96204" i="1"/>
  <c r="AF96205" i="1"/>
  <c r="AF96206" i="1"/>
  <c r="AF96207" i="1"/>
  <c r="AF96208" i="1"/>
  <c r="AF96209" i="1"/>
  <c r="AF96210" i="1"/>
  <c r="AF96211" i="1"/>
  <c r="AF96212" i="1"/>
  <c r="AF96213" i="1"/>
  <c r="AF96214" i="1"/>
  <c r="AF96215" i="1"/>
  <c r="AF96216" i="1"/>
  <c r="AF96217" i="1"/>
  <c r="AF96218" i="1"/>
  <c r="AF96219" i="1"/>
  <c r="AF96220" i="1"/>
  <c r="AF96221" i="1"/>
  <c r="AF96222" i="1"/>
  <c r="AF96223" i="1"/>
  <c r="AF96224" i="1"/>
  <c r="AF96225" i="1"/>
  <c r="AF96226" i="1"/>
  <c r="AF96227" i="1"/>
  <c r="AF96228" i="1"/>
  <c r="AF96229" i="1"/>
  <c r="AF96230" i="1"/>
  <c r="AF96231" i="1"/>
  <c r="AF96232" i="1"/>
  <c r="AF96233" i="1"/>
  <c r="AF96234" i="1"/>
  <c r="AF96235" i="1"/>
  <c r="AF96236" i="1"/>
  <c r="AF96237" i="1"/>
  <c r="AF96238" i="1"/>
  <c r="AF96239" i="1"/>
  <c r="AF96240" i="1"/>
  <c r="AF96241" i="1"/>
  <c r="AF96242" i="1"/>
  <c r="AF96243" i="1"/>
  <c r="AF96244" i="1"/>
  <c r="AF96245" i="1"/>
  <c r="AF96246" i="1"/>
  <c r="AF96247" i="1"/>
  <c r="AF96248" i="1"/>
  <c r="AF96249" i="1"/>
  <c r="AF96250" i="1"/>
  <c r="AF96251" i="1"/>
  <c r="AF96252" i="1"/>
  <c r="AF96253" i="1"/>
  <c r="AF96254" i="1"/>
  <c r="AF96255" i="1"/>
  <c r="AF96256" i="1"/>
  <c r="AF96257" i="1"/>
  <c r="AF96258" i="1"/>
  <c r="AF96259" i="1"/>
  <c r="AF96260" i="1"/>
  <c r="AF96261" i="1"/>
  <c r="AF96262" i="1"/>
  <c r="AF96263" i="1"/>
  <c r="AF96264" i="1"/>
  <c r="AF96265" i="1"/>
  <c r="AF96266" i="1"/>
  <c r="AF96267" i="1"/>
  <c r="AF96268" i="1"/>
  <c r="AF96269" i="1"/>
  <c r="AF96270" i="1"/>
  <c r="AF96271" i="1"/>
  <c r="AF96272" i="1"/>
  <c r="AF96273" i="1"/>
  <c r="AF96274" i="1"/>
  <c r="AF96275" i="1"/>
  <c r="AF96276" i="1"/>
  <c r="AF96277" i="1"/>
  <c r="AF96278" i="1"/>
  <c r="AF96279" i="1"/>
  <c r="AF96280" i="1"/>
  <c r="AF96281" i="1"/>
  <c r="AF96282" i="1"/>
  <c r="AF96283" i="1"/>
  <c r="AF96284" i="1"/>
  <c r="AF96285" i="1"/>
  <c r="AF96286" i="1"/>
  <c r="AF96287" i="1"/>
  <c r="AF96288" i="1"/>
  <c r="AF96289" i="1"/>
  <c r="AF96290" i="1"/>
  <c r="AF96291" i="1"/>
  <c r="AF96292" i="1"/>
  <c r="AF96293" i="1"/>
  <c r="AF96294" i="1"/>
  <c r="AF96295" i="1"/>
  <c r="AF96296" i="1"/>
  <c r="AF96297" i="1"/>
  <c r="AF96298" i="1"/>
  <c r="AF96299" i="1"/>
  <c r="AF96300" i="1"/>
  <c r="AF96301" i="1"/>
  <c r="AF96302" i="1"/>
  <c r="AF96303" i="1"/>
  <c r="AF96304" i="1"/>
  <c r="AF96305" i="1"/>
  <c r="AF96306" i="1"/>
  <c r="AF96307" i="1"/>
  <c r="AF96308" i="1"/>
  <c r="AF96309" i="1"/>
  <c r="AF96310" i="1"/>
  <c r="AF96311" i="1"/>
  <c r="AF96312" i="1"/>
  <c r="AF96313" i="1"/>
  <c r="AF96314" i="1"/>
  <c r="AF96315" i="1"/>
  <c r="AF96316" i="1"/>
  <c r="AF96317" i="1"/>
  <c r="AF96318" i="1"/>
  <c r="AF96319" i="1"/>
  <c r="AF96320" i="1"/>
  <c r="AF96321" i="1"/>
  <c r="AF96322" i="1"/>
  <c r="AF96323" i="1"/>
  <c r="AF96324" i="1"/>
  <c r="AF96325" i="1"/>
  <c r="AF96326" i="1"/>
  <c r="AF96327" i="1"/>
  <c r="AF96328" i="1"/>
  <c r="AF96329" i="1"/>
  <c r="AF96330" i="1"/>
  <c r="AF96331" i="1"/>
  <c r="AF96332" i="1"/>
  <c r="AF96333" i="1"/>
  <c r="AF96334" i="1"/>
  <c r="AF96335" i="1"/>
  <c r="AF96336" i="1"/>
  <c r="AF96337" i="1"/>
  <c r="AF96338" i="1"/>
  <c r="AF96339" i="1"/>
  <c r="AF96340" i="1"/>
  <c r="AF96341" i="1"/>
  <c r="AF96342" i="1"/>
  <c r="AF96343" i="1"/>
  <c r="AF96344" i="1"/>
  <c r="AF96345" i="1"/>
  <c r="AF96346" i="1"/>
  <c r="AF96347" i="1"/>
  <c r="AF96348" i="1"/>
  <c r="AF96349" i="1"/>
  <c r="AF96350" i="1"/>
  <c r="AF96351" i="1"/>
  <c r="AF96352" i="1"/>
  <c r="AF96353" i="1"/>
  <c r="AF96354" i="1"/>
  <c r="AF96355" i="1"/>
  <c r="AF96356" i="1"/>
  <c r="AF96357" i="1"/>
  <c r="AF96358" i="1"/>
  <c r="AF96359" i="1"/>
  <c r="AF96360" i="1"/>
  <c r="AF96361" i="1"/>
  <c r="AF96362" i="1"/>
  <c r="AF96363" i="1"/>
  <c r="AF96364" i="1"/>
  <c r="AF96365" i="1"/>
  <c r="AF96366" i="1"/>
  <c r="AF96367" i="1"/>
  <c r="AF96368" i="1"/>
  <c r="AF96369" i="1"/>
  <c r="AF96370" i="1"/>
  <c r="AF96371" i="1"/>
  <c r="AF96372" i="1"/>
  <c r="AF96373" i="1"/>
  <c r="AF96374" i="1"/>
  <c r="AF96375" i="1"/>
  <c r="AF96376" i="1"/>
  <c r="AF96377" i="1"/>
  <c r="AF96378" i="1"/>
  <c r="AF96379" i="1"/>
  <c r="AF96380" i="1"/>
  <c r="AF96381" i="1"/>
  <c r="AF96382" i="1"/>
  <c r="AF96383" i="1"/>
  <c r="AF96384" i="1"/>
  <c r="AF96385" i="1"/>
  <c r="AF96386" i="1"/>
  <c r="AF96387" i="1"/>
  <c r="AF96388" i="1"/>
  <c r="AF96389" i="1"/>
  <c r="AF96390" i="1"/>
  <c r="AF96391" i="1"/>
  <c r="AF96392" i="1"/>
  <c r="AF96393" i="1"/>
  <c r="AF96394" i="1"/>
  <c r="AF96395" i="1"/>
  <c r="AF96396" i="1"/>
  <c r="AF96397" i="1"/>
  <c r="AF96398" i="1"/>
  <c r="AF96399" i="1"/>
  <c r="AF96400" i="1"/>
  <c r="AF96401" i="1"/>
  <c r="AF96402" i="1"/>
  <c r="AF96403" i="1"/>
  <c r="AF96404" i="1"/>
  <c r="AF96405" i="1"/>
  <c r="AF96406" i="1"/>
  <c r="AF96407" i="1"/>
  <c r="AF96408" i="1"/>
  <c r="AF96409" i="1"/>
  <c r="AF96410" i="1"/>
  <c r="AF96411" i="1"/>
  <c r="AF96412" i="1"/>
  <c r="AF96413" i="1"/>
  <c r="AF96414" i="1"/>
  <c r="AF96415" i="1"/>
  <c r="AF96416" i="1"/>
  <c r="AF96417" i="1"/>
  <c r="AF96418" i="1"/>
  <c r="AF96419" i="1"/>
  <c r="AF96420" i="1"/>
  <c r="AF96421" i="1"/>
  <c r="AF96422" i="1"/>
  <c r="AF96423" i="1"/>
  <c r="AF96424" i="1"/>
  <c r="AF96425" i="1"/>
  <c r="AF96426" i="1"/>
  <c r="AF96427" i="1"/>
  <c r="AF96428" i="1"/>
  <c r="AF96429" i="1"/>
  <c r="AF96430" i="1"/>
  <c r="AF96431" i="1"/>
  <c r="AF96432" i="1"/>
  <c r="AF96433" i="1"/>
  <c r="AF96434" i="1"/>
  <c r="AF96435" i="1"/>
  <c r="AF96436" i="1"/>
  <c r="AF96437" i="1"/>
  <c r="AF96438" i="1"/>
  <c r="AF96439" i="1"/>
  <c r="AF96440" i="1"/>
  <c r="AF96441" i="1"/>
  <c r="AF96442" i="1"/>
  <c r="AF96443" i="1"/>
  <c r="AF96444" i="1"/>
  <c r="AF96445" i="1"/>
  <c r="AF96446" i="1"/>
  <c r="AF96447" i="1"/>
  <c r="AF96448" i="1"/>
  <c r="AF96449" i="1"/>
  <c r="AF96450" i="1"/>
  <c r="AF96451" i="1"/>
  <c r="AF96452" i="1"/>
  <c r="AF96453" i="1"/>
  <c r="AF96454" i="1"/>
  <c r="AF96455" i="1"/>
  <c r="AF96456" i="1"/>
  <c r="AF96457" i="1"/>
  <c r="AF96458" i="1"/>
  <c r="AF96459" i="1"/>
  <c r="AF96460" i="1"/>
  <c r="AF96461" i="1"/>
  <c r="AF96462" i="1"/>
  <c r="AF96463" i="1"/>
  <c r="AF96464" i="1"/>
  <c r="AF96465" i="1"/>
  <c r="AF96466" i="1"/>
  <c r="AF96467" i="1"/>
  <c r="AF96468" i="1"/>
  <c r="AF96469" i="1"/>
  <c r="AF96470" i="1"/>
  <c r="AF96471" i="1"/>
  <c r="AF96472" i="1"/>
  <c r="AF96473" i="1"/>
  <c r="AF96474" i="1"/>
  <c r="AF96475" i="1"/>
  <c r="AF96476" i="1"/>
  <c r="AF96477" i="1"/>
  <c r="AF96478" i="1"/>
  <c r="AF96479" i="1"/>
  <c r="AF96480" i="1"/>
  <c r="AF96481" i="1"/>
  <c r="AF96482" i="1"/>
  <c r="AF96483" i="1"/>
  <c r="AF96484" i="1"/>
  <c r="AF96485" i="1"/>
  <c r="AF96486" i="1"/>
  <c r="AF96487" i="1"/>
  <c r="AF96488" i="1"/>
  <c r="AF96489" i="1"/>
  <c r="AF96490" i="1"/>
  <c r="AF96491" i="1"/>
  <c r="AF96492" i="1"/>
  <c r="AF96493" i="1"/>
  <c r="AF96494" i="1"/>
  <c r="AF96495" i="1"/>
  <c r="AF96496" i="1"/>
  <c r="AF96497" i="1"/>
  <c r="AF96498" i="1"/>
  <c r="AF96499" i="1"/>
  <c r="AF96500" i="1"/>
  <c r="AF96501" i="1"/>
  <c r="AF96502" i="1"/>
  <c r="AF96503" i="1"/>
  <c r="AF96504" i="1"/>
  <c r="AF96505" i="1"/>
  <c r="AF96506" i="1"/>
  <c r="AF96507" i="1"/>
  <c r="AF96508" i="1"/>
  <c r="AF96509" i="1"/>
  <c r="AF96510" i="1"/>
  <c r="AF96511" i="1"/>
  <c r="AF96512" i="1"/>
  <c r="AF96513" i="1"/>
  <c r="AF96514" i="1"/>
  <c r="AF96515" i="1"/>
  <c r="AF96516" i="1"/>
  <c r="AF96517" i="1"/>
  <c r="AF96518" i="1"/>
  <c r="AF96519" i="1"/>
  <c r="AF96520" i="1"/>
  <c r="AF96521" i="1"/>
  <c r="AF96522" i="1"/>
  <c r="AF96523" i="1"/>
  <c r="AF96524" i="1"/>
  <c r="AF96525" i="1"/>
  <c r="AF96526" i="1"/>
  <c r="AF96527" i="1"/>
  <c r="AF96528" i="1"/>
  <c r="AF96529" i="1"/>
  <c r="AF96530" i="1"/>
  <c r="AF96531" i="1"/>
  <c r="AF96532" i="1"/>
  <c r="AF96533" i="1"/>
  <c r="AF96534" i="1"/>
  <c r="AF96535" i="1"/>
  <c r="AF96536" i="1"/>
  <c r="AF96537" i="1"/>
  <c r="AF96538" i="1"/>
  <c r="AF96539" i="1"/>
  <c r="AF96540" i="1"/>
  <c r="AF96541" i="1"/>
  <c r="AF96542" i="1"/>
  <c r="AF96543" i="1"/>
  <c r="AF96544" i="1"/>
  <c r="AF96545" i="1"/>
  <c r="AF96546" i="1"/>
  <c r="AF96547" i="1"/>
  <c r="AF96548" i="1"/>
  <c r="AF96549" i="1"/>
  <c r="AF96550" i="1"/>
  <c r="AF96551" i="1"/>
  <c r="AF96552" i="1"/>
  <c r="AF96553" i="1"/>
  <c r="AF96554" i="1"/>
  <c r="AF96555" i="1"/>
  <c r="AF96556" i="1"/>
  <c r="AF96557" i="1"/>
  <c r="AF96558" i="1"/>
  <c r="AF96559" i="1"/>
  <c r="AF96560" i="1"/>
  <c r="AF96561" i="1"/>
  <c r="AF96562" i="1"/>
  <c r="AF96563" i="1"/>
  <c r="AF96564" i="1"/>
  <c r="AF96565" i="1"/>
  <c r="AF96566" i="1"/>
  <c r="AF96567" i="1"/>
  <c r="AF96568" i="1"/>
  <c r="AF96569" i="1"/>
  <c r="AF96570" i="1"/>
  <c r="AF96571" i="1"/>
  <c r="AF96572" i="1"/>
  <c r="AF96573" i="1"/>
  <c r="AF96574" i="1"/>
  <c r="AF96575" i="1"/>
  <c r="AF96576" i="1"/>
  <c r="AF96577" i="1"/>
  <c r="AF96578" i="1"/>
  <c r="AF96579" i="1"/>
  <c r="AF96580" i="1"/>
  <c r="AF96581" i="1"/>
  <c r="AF96582" i="1"/>
  <c r="AF96583" i="1"/>
  <c r="AF96584" i="1"/>
  <c r="AF96585" i="1"/>
  <c r="AF96586" i="1"/>
  <c r="AF96587" i="1"/>
  <c r="AF96588" i="1"/>
  <c r="AF96589" i="1"/>
  <c r="AF96590" i="1"/>
  <c r="AF96591" i="1"/>
  <c r="AF96592" i="1"/>
  <c r="AF96593" i="1"/>
  <c r="AF96594" i="1"/>
  <c r="AF96595" i="1"/>
  <c r="AF96596" i="1"/>
  <c r="AF96597" i="1"/>
  <c r="AF96598" i="1"/>
  <c r="AF96599" i="1"/>
  <c r="AF96600" i="1"/>
  <c r="AF96601" i="1"/>
  <c r="AF96602" i="1"/>
  <c r="AF96603" i="1"/>
  <c r="AF96604" i="1"/>
  <c r="AF96605" i="1"/>
  <c r="AF96606" i="1"/>
  <c r="AF96607" i="1"/>
  <c r="AF96608" i="1"/>
  <c r="AF96609" i="1"/>
  <c r="AF96610" i="1"/>
  <c r="AF96611" i="1"/>
  <c r="AF96612" i="1"/>
  <c r="AF96613" i="1"/>
  <c r="AF96614" i="1"/>
  <c r="AF96615" i="1"/>
  <c r="AF96616" i="1"/>
  <c r="AF96617" i="1"/>
  <c r="AF96618" i="1"/>
  <c r="AF96619" i="1"/>
  <c r="AF96620" i="1"/>
  <c r="AF96621" i="1"/>
  <c r="AF96622" i="1"/>
  <c r="AF96623" i="1"/>
  <c r="AF96624" i="1"/>
  <c r="AF96625" i="1"/>
  <c r="AF96626" i="1"/>
  <c r="AF96627" i="1"/>
  <c r="AF96628" i="1"/>
  <c r="AF96629" i="1"/>
  <c r="AF96630" i="1"/>
  <c r="AF96631" i="1"/>
  <c r="AF96632" i="1"/>
  <c r="AF96633" i="1"/>
  <c r="AF96634" i="1"/>
  <c r="AF96635" i="1"/>
  <c r="AF96636" i="1"/>
  <c r="AF96637" i="1"/>
  <c r="AF96638" i="1"/>
  <c r="AF96639" i="1"/>
  <c r="AF96640" i="1"/>
  <c r="AF96641" i="1"/>
  <c r="AF96642" i="1"/>
  <c r="AF96643" i="1"/>
  <c r="AF96644" i="1"/>
  <c r="AF96645" i="1"/>
  <c r="AF96646" i="1"/>
  <c r="AF96647" i="1"/>
  <c r="AF96648" i="1"/>
  <c r="AF96649" i="1"/>
  <c r="AF96650" i="1"/>
  <c r="AF96651" i="1"/>
  <c r="AF96652" i="1"/>
  <c r="AF96653" i="1"/>
  <c r="AF96654" i="1"/>
  <c r="AF96655" i="1"/>
  <c r="AF96656" i="1"/>
  <c r="AF96657" i="1"/>
  <c r="AF96658" i="1"/>
  <c r="AF96659" i="1"/>
  <c r="AF96660" i="1"/>
  <c r="AF96661" i="1"/>
  <c r="AF96662" i="1"/>
  <c r="AF96663" i="1"/>
  <c r="AF96664" i="1"/>
  <c r="AF96665" i="1"/>
  <c r="AF96666" i="1"/>
  <c r="AF96667" i="1"/>
  <c r="AF96668" i="1"/>
  <c r="AF96669" i="1"/>
  <c r="AF96670" i="1"/>
  <c r="AF96671" i="1"/>
  <c r="AF96672" i="1"/>
  <c r="AF96673" i="1"/>
  <c r="AF96674" i="1"/>
  <c r="AF96675" i="1"/>
  <c r="AF96676" i="1"/>
  <c r="AF96677" i="1"/>
  <c r="AF96678" i="1"/>
  <c r="AF96679" i="1"/>
  <c r="AF96680" i="1"/>
  <c r="AF96681" i="1"/>
  <c r="AF96682" i="1"/>
  <c r="AF96683" i="1"/>
  <c r="AF96684" i="1"/>
  <c r="AF96685" i="1"/>
  <c r="AF96686" i="1"/>
  <c r="AF96687" i="1"/>
  <c r="AF96688" i="1"/>
  <c r="AF96689" i="1"/>
  <c r="AF96690" i="1"/>
  <c r="AF96691" i="1"/>
  <c r="AF96692" i="1"/>
  <c r="AF96693" i="1"/>
  <c r="AF96694" i="1"/>
  <c r="AF96695" i="1"/>
  <c r="AF96696" i="1"/>
  <c r="AF96697" i="1"/>
  <c r="AF96698" i="1"/>
  <c r="AF96699" i="1"/>
  <c r="AF96700" i="1"/>
  <c r="AF96701" i="1"/>
  <c r="AF96702" i="1"/>
  <c r="AF96703" i="1"/>
  <c r="AF96704" i="1"/>
  <c r="AF96705" i="1"/>
  <c r="AF96706" i="1"/>
  <c r="AF96707" i="1"/>
  <c r="AF96708" i="1"/>
  <c r="AF96709" i="1"/>
  <c r="AF96710" i="1"/>
  <c r="AF96711" i="1"/>
  <c r="AF96712" i="1"/>
  <c r="AF96713" i="1"/>
  <c r="AF96714" i="1"/>
  <c r="AF96715" i="1"/>
  <c r="AF96716" i="1"/>
  <c r="AF96717" i="1"/>
  <c r="AF96718" i="1"/>
  <c r="AF96719" i="1"/>
  <c r="AF96720" i="1"/>
  <c r="AF96721" i="1"/>
  <c r="AF96722" i="1"/>
  <c r="AF96723" i="1"/>
  <c r="AF96724" i="1"/>
  <c r="AF96725" i="1"/>
  <c r="AF96726" i="1"/>
  <c r="AF96727" i="1"/>
  <c r="AF96728" i="1"/>
  <c r="AF96729" i="1"/>
  <c r="AF96730" i="1"/>
  <c r="AF96731" i="1"/>
  <c r="AF96732" i="1"/>
  <c r="AF96733" i="1"/>
  <c r="AF96734" i="1"/>
  <c r="AF96735" i="1"/>
  <c r="AF96736" i="1"/>
  <c r="AF96737" i="1"/>
  <c r="AF96738" i="1"/>
  <c r="AF96739" i="1"/>
  <c r="AF96740" i="1"/>
  <c r="AF96741" i="1"/>
  <c r="AF96742" i="1"/>
  <c r="AF96743" i="1"/>
  <c r="AF96744" i="1"/>
  <c r="AF96745" i="1"/>
  <c r="AF96746" i="1"/>
  <c r="AF96747" i="1"/>
  <c r="AF96748" i="1"/>
  <c r="AF96749" i="1"/>
  <c r="AF96750" i="1"/>
  <c r="AF96751" i="1"/>
  <c r="AF96752" i="1"/>
  <c r="AF96753" i="1"/>
  <c r="AF96754" i="1"/>
  <c r="AF96755" i="1"/>
  <c r="AF96756" i="1"/>
  <c r="AF96757" i="1"/>
  <c r="AF96758" i="1"/>
  <c r="AF96759" i="1"/>
  <c r="AF96760" i="1"/>
  <c r="AF96761" i="1"/>
  <c r="AF96762" i="1"/>
  <c r="AF96763" i="1"/>
  <c r="AF96764" i="1"/>
  <c r="AF96765" i="1"/>
  <c r="AF96766" i="1"/>
  <c r="AF96767" i="1"/>
  <c r="AF96768" i="1"/>
  <c r="AF96769" i="1"/>
  <c r="AF96770" i="1"/>
  <c r="AF96771" i="1"/>
  <c r="AF96772" i="1"/>
  <c r="AF96773" i="1"/>
  <c r="AF96774" i="1"/>
  <c r="AF96775" i="1"/>
  <c r="AF96776" i="1"/>
  <c r="AF96777" i="1"/>
  <c r="AF96778" i="1"/>
  <c r="AF96779" i="1"/>
  <c r="AF96780" i="1"/>
  <c r="AF96781" i="1"/>
  <c r="AF96782" i="1"/>
  <c r="AF96783" i="1"/>
  <c r="AF96784" i="1"/>
  <c r="AF96785" i="1"/>
  <c r="AF96786" i="1"/>
  <c r="AF96787" i="1"/>
  <c r="AF96788" i="1"/>
  <c r="AF96789" i="1"/>
  <c r="AF96790" i="1"/>
  <c r="AF96791" i="1"/>
  <c r="AF96792" i="1"/>
  <c r="AF96793" i="1"/>
  <c r="AF96794" i="1"/>
  <c r="AF96795" i="1"/>
  <c r="AF96796" i="1"/>
  <c r="AF96797" i="1"/>
  <c r="AF96798" i="1"/>
  <c r="AF96799" i="1"/>
  <c r="AF96800" i="1"/>
  <c r="AF96801" i="1"/>
  <c r="AF96802" i="1"/>
  <c r="AF96803" i="1"/>
  <c r="AF96804" i="1"/>
  <c r="AF96805" i="1"/>
  <c r="AF96806" i="1"/>
  <c r="AF96807" i="1"/>
  <c r="AF96808" i="1"/>
  <c r="AF96809" i="1"/>
  <c r="AF96810" i="1"/>
  <c r="AF96811" i="1"/>
  <c r="AF96812" i="1"/>
  <c r="AF96813" i="1"/>
  <c r="AF96814" i="1"/>
  <c r="AF96815" i="1"/>
  <c r="AF96816" i="1"/>
  <c r="AF96817" i="1"/>
  <c r="AF96818" i="1"/>
  <c r="AF96819" i="1"/>
  <c r="AF96820" i="1"/>
  <c r="AF96821" i="1"/>
  <c r="AF96822" i="1"/>
  <c r="AF96823" i="1"/>
  <c r="AF96824" i="1"/>
  <c r="AF96825" i="1"/>
  <c r="AF96826" i="1"/>
  <c r="AF96827" i="1"/>
  <c r="AF96828" i="1"/>
  <c r="AF96829" i="1"/>
  <c r="AF96830" i="1"/>
  <c r="AF96831" i="1"/>
  <c r="AF96832" i="1"/>
  <c r="AF96833" i="1"/>
  <c r="AF96834" i="1"/>
  <c r="AF96835" i="1"/>
  <c r="AF96836" i="1"/>
  <c r="AF96837" i="1"/>
  <c r="AF96838" i="1"/>
  <c r="AF96839" i="1"/>
  <c r="AF96840" i="1"/>
  <c r="AF96841" i="1"/>
  <c r="AF96842" i="1"/>
  <c r="AF96843" i="1"/>
  <c r="AF96844" i="1"/>
  <c r="AF96845" i="1"/>
  <c r="AF96846" i="1"/>
  <c r="AF96847" i="1"/>
  <c r="AF96848" i="1"/>
  <c r="AF96849" i="1"/>
  <c r="AF96850" i="1"/>
  <c r="AF96851" i="1"/>
  <c r="AF96852" i="1"/>
  <c r="AF96853" i="1"/>
  <c r="AF96854" i="1"/>
  <c r="AF96855" i="1"/>
  <c r="AF96856" i="1"/>
  <c r="AF96857" i="1"/>
  <c r="AF96858" i="1"/>
  <c r="AF96859" i="1"/>
  <c r="AF96860" i="1"/>
  <c r="AF96861" i="1"/>
  <c r="AF96862" i="1"/>
  <c r="AF96863" i="1"/>
  <c r="AF96864" i="1"/>
  <c r="AF96865" i="1"/>
  <c r="AF96866" i="1"/>
  <c r="AF96867" i="1"/>
  <c r="AF96868" i="1"/>
  <c r="AF96869" i="1"/>
  <c r="AF96870" i="1"/>
  <c r="AF96871" i="1"/>
  <c r="AF96872" i="1"/>
  <c r="AF96873" i="1"/>
  <c r="AF96874" i="1"/>
  <c r="AF96875" i="1"/>
  <c r="AF96876" i="1"/>
  <c r="AF96877" i="1"/>
  <c r="AF96878" i="1"/>
  <c r="AF96879" i="1"/>
  <c r="AF96880" i="1"/>
  <c r="AF96881" i="1"/>
  <c r="AF96882" i="1"/>
  <c r="AF96883" i="1"/>
  <c r="AF96884" i="1"/>
  <c r="AF96885" i="1"/>
  <c r="AF96886" i="1"/>
  <c r="AF96887" i="1"/>
  <c r="AF96888" i="1"/>
  <c r="AF96889" i="1"/>
  <c r="AF96890" i="1"/>
  <c r="AF96891" i="1"/>
  <c r="AF96892" i="1"/>
  <c r="AF96893" i="1"/>
  <c r="AF96894" i="1"/>
  <c r="AF96895" i="1"/>
  <c r="AF96896" i="1"/>
  <c r="AF96897" i="1"/>
  <c r="AF96898" i="1"/>
  <c r="AF96899" i="1"/>
  <c r="AF96900" i="1"/>
  <c r="AF96901" i="1"/>
  <c r="AF96902" i="1"/>
  <c r="AF96903" i="1"/>
  <c r="AF96904" i="1"/>
  <c r="AF96905" i="1"/>
  <c r="AF96906" i="1"/>
  <c r="AF96907" i="1"/>
  <c r="AF96908" i="1"/>
  <c r="AF96909" i="1"/>
  <c r="AF96910" i="1"/>
  <c r="AF96911" i="1"/>
  <c r="AF96912" i="1"/>
  <c r="AF96913" i="1"/>
  <c r="AF96914" i="1"/>
  <c r="AF96915" i="1"/>
  <c r="AF96916" i="1"/>
  <c r="AF96917" i="1"/>
  <c r="AF96918" i="1"/>
  <c r="AF96919" i="1"/>
  <c r="AF96920" i="1"/>
  <c r="AF96921" i="1"/>
  <c r="AF96922" i="1"/>
  <c r="AF96923" i="1"/>
  <c r="AF96924" i="1"/>
  <c r="AF96925" i="1"/>
  <c r="AF96926" i="1"/>
  <c r="AF96927" i="1"/>
  <c r="AF96928" i="1"/>
  <c r="AF96929" i="1"/>
  <c r="AF96930" i="1"/>
  <c r="AF96931" i="1"/>
  <c r="AF96932" i="1"/>
  <c r="AF96933" i="1"/>
  <c r="AF96934" i="1"/>
  <c r="AF96935" i="1"/>
  <c r="AF96936" i="1"/>
  <c r="AF96937" i="1"/>
  <c r="AF96938" i="1"/>
  <c r="AF96939" i="1"/>
  <c r="AF96940" i="1"/>
  <c r="AF96941" i="1"/>
  <c r="AF96942" i="1"/>
  <c r="AF96943" i="1"/>
  <c r="AF96944" i="1"/>
  <c r="AF96945" i="1"/>
  <c r="AF96946" i="1"/>
  <c r="AF96947" i="1"/>
  <c r="AF96948" i="1"/>
  <c r="AF96949" i="1"/>
  <c r="AF96950" i="1"/>
  <c r="AF96951" i="1"/>
  <c r="AF96952" i="1"/>
  <c r="AF96953" i="1"/>
  <c r="AF96954" i="1"/>
  <c r="AF96955" i="1"/>
  <c r="AF96956" i="1"/>
  <c r="AF96957" i="1"/>
  <c r="AF96958" i="1"/>
  <c r="AF96959" i="1"/>
  <c r="AF96960" i="1"/>
  <c r="AF96961" i="1"/>
  <c r="AF96962" i="1"/>
  <c r="AF96963" i="1"/>
  <c r="AF96964" i="1"/>
  <c r="AF96965" i="1"/>
  <c r="AF96966" i="1"/>
  <c r="AF96967" i="1"/>
  <c r="AF96968" i="1"/>
  <c r="AF96969" i="1"/>
  <c r="AF96970" i="1"/>
  <c r="AF96971" i="1"/>
  <c r="AF96972" i="1"/>
  <c r="AF96973" i="1"/>
  <c r="AF96974" i="1"/>
  <c r="AF96975" i="1"/>
  <c r="AF96976" i="1"/>
  <c r="AF96977" i="1"/>
  <c r="AF96978" i="1"/>
  <c r="AF96979" i="1"/>
  <c r="AF96980" i="1"/>
  <c r="AF96981" i="1"/>
  <c r="AF96982" i="1"/>
  <c r="AF96983" i="1"/>
  <c r="AF96984" i="1"/>
  <c r="AF96985" i="1"/>
  <c r="AF96986" i="1"/>
  <c r="AF96987" i="1"/>
  <c r="AF96988" i="1"/>
  <c r="AF96989" i="1"/>
  <c r="AF96990" i="1"/>
  <c r="AF96991" i="1"/>
  <c r="AF96992" i="1"/>
  <c r="AF96993" i="1"/>
  <c r="AF96994" i="1"/>
  <c r="AF96995" i="1"/>
  <c r="AF96996" i="1"/>
  <c r="AF96997" i="1"/>
  <c r="AF96998" i="1"/>
  <c r="AF96999" i="1"/>
  <c r="AF97000" i="1"/>
  <c r="AF97001" i="1"/>
  <c r="AF97002" i="1"/>
  <c r="AF97003" i="1"/>
  <c r="AF97004" i="1"/>
  <c r="AF97005" i="1"/>
  <c r="AF97006" i="1"/>
  <c r="AF97007" i="1"/>
  <c r="AF97008" i="1"/>
  <c r="AF97009" i="1"/>
  <c r="AF97010" i="1"/>
  <c r="AF97011" i="1"/>
  <c r="AF97012" i="1"/>
  <c r="AF97013" i="1"/>
  <c r="AF97014" i="1"/>
  <c r="AF97015" i="1"/>
  <c r="AF97016" i="1"/>
  <c r="AF97017" i="1"/>
  <c r="AF97018" i="1"/>
  <c r="AF97019" i="1"/>
  <c r="AF97020" i="1"/>
  <c r="AF97021" i="1"/>
  <c r="AF97022" i="1"/>
  <c r="AF97023" i="1"/>
  <c r="AF97024" i="1"/>
  <c r="AF97025" i="1"/>
  <c r="AF97026" i="1"/>
  <c r="AF97027" i="1"/>
  <c r="AF97028" i="1"/>
  <c r="AF97029" i="1"/>
  <c r="AF97030" i="1"/>
  <c r="AF97031" i="1"/>
  <c r="AF97032" i="1"/>
  <c r="AF97033" i="1"/>
  <c r="AF97034" i="1"/>
  <c r="AF97035" i="1"/>
  <c r="AF97036" i="1"/>
  <c r="AF97037" i="1"/>
  <c r="AF97038" i="1"/>
  <c r="AF97039" i="1"/>
  <c r="AF97040" i="1"/>
  <c r="AF97041" i="1"/>
  <c r="AF97042" i="1"/>
  <c r="AF97043" i="1"/>
  <c r="AF97044" i="1"/>
  <c r="AF97045" i="1"/>
  <c r="AF97046" i="1"/>
  <c r="AF97047" i="1"/>
  <c r="AF97048" i="1"/>
  <c r="AF97049" i="1"/>
  <c r="AF97050" i="1"/>
  <c r="AF97051" i="1"/>
  <c r="AF97052" i="1"/>
  <c r="AF97053" i="1"/>
  <c r="AF97054" i="1"/>
  <c r="AF97055" i="1"/>
  <c r="AF97056" i="1"/>
  <c r="AF97057" i="1"/>
  <c r="AF97058" i="1"/>
  <c r="AF97059" i="1"/>
  <c r="AF97060" i="1"/>
  <c r="AF97061" i="1"/>
  <c r="AF97062" i="1"/>
  <c r="AF97063" i="1"/>
  <c r="AF97064" i="1"/>
  <c r="AF97065" i="1"/>
  <c r="AF97066" i="1"/>
  <c r="AF97067" i="1"/>
  <c r="AF97068" i="1"/>
  <c r="AF97069" i="1"/>
  <c r="AF97070" i="1"/>
  <c r="AF97071" i="1"/>
  <c r="AF97072" i="1"/>
  <c r="AF97073" i="1"/>
  <c r="AF97074" i="1"/>
  <c r="AF97075" i="1"/>
  <c r="AF97076" i="1"/>
  <c r="AF97077" i="1"/>
  <c r="AF97078" i="1"/>
  <c r="AF97079" i="1"/>
  <c r="AF97080" i="1"/>
  <c r="AF97081" i="1"/>
  <c r="AF97082" i="1"/>
  <c r="AF97083" i="1"/>
  <c r="AF97084" i="1"/>
  <c r="AF97085" i="1"/>
  <c r="AF97086" i="1"/>
  <c r="AF97087" i="1"/>
  <c r="AF97088" i="1"/>
  <c r="AF97089" i="1"/>
  <c r="AF97090" i="1"/>
  <c r="AF97091" i="1"/>
  <c r="AF97092" i="1"/>
  <c r="AF97093" i="1"/>
  <c r="AF97094" i="1"/>
  <c r="AF97095" i="1"/>
  <c r="AF97096" i="1"/>
  <c r="AF97097" i="1"/>
  <c r="AF97098" i="1"/>
  <c r="AF97099" i="1"/>
  <c r="AF97100" i="1"/>
  <c r="AF97101" i="1"/>
  <c r="AF97102" i="1"/>
  <c r="AF97103" i="1"/>
  <c r="AF97104" i="1"/>
  <c r="AF97105" i="1"/>
  <c r="AF97106" i="1"/>
  <c r="AF97107" i="1"/>
  <c r="AF97108" i="1"/>
  <c r="AF97109" i="1"/>
  <c r="AF97110" i="1"/>
  <c r="AF97111" i="1"/>
  <c r="AF97112" i="1"/>
  <c r="AF97113" i="1"/>
  <c r="AF97114" i="1"/>
  <c r="AF97115" i="1"/>
  <c r="AF97116" i="1"/>
  <c r="AF97117" i="1"/>
  <c r="AF97118" i="1"/>
  <c r="AF97119" i="1"/>
  <c r="AF97120" i="1"/>
  <c r="AF97121" i="1"/>
  <c r="AF97122" i="1"/>
  <c r="AF97123" i="1"/>
  <c r="AF97124" i="1"/>
  <c r="AF97125" i="1"/>
  <c r="AF97126" i="1"/>
  <c r="AF97127" i="1"/>
  <c r="AF97128" i="1"/>
  <c r="AF97129" i="1"/>
  <c r="AF97130" i="1"/>
  <c r="AF97131" i="1"/>
  <c r="AF97132" i="1"/>
  <c r="AF97133" i="1"/>
  <c r="AF97134" i="1"/>
  <c r="AF97135" i="1"/>
  <c r="AF97136" i="1"/>
  <c r="AF97137" i="1"/>
  <c r="AF97138" i="1"/>
  <c r="AF97139" i="1"/>
  <c r="AF97140" i="1"/>
  <c r="AF97141" i="1"/>
  <c r="AF97142" i="1"/>
  <c r="AF97143" i="1"/>
  <c r="AF97144" i="1"/>
  <c r="AF97145" i="1"/>
  <c r="AF97146" i="1"/>
  <c r="AF97147" i="1"/>
  <c r="AF97148" i="1"/>
  <c r="AF97149" i="1"/>
  <c r="AF97150" i="1"/>
  <c r="AF97151" i="1"/>
  <c r="AF97152" i="1"/>
  <c r="AF97153" i="1"/>
  <c r="AF97154" i="1"/>
  <c r="AF97155" i="1"/>
  <c r="AF97156" i="1"/>
  <c r="AF97157" i="1"/>
  <c r="AF97158" i="1"/>
  <c r="AF97159" i="1"/>
  <c r="AF97160" i="1"/>
  <c r="AF97161" i="1"/>
  <c r="AF97162" i="1"/>
  <c r="AF97163" i="1"/>
  <c r="AF97164" i="1"/>
  <c r="AF97165" i="1"/>
  <c r="AF97166" i="1"/>
  <c r="AF97167" i="1"/>
  <c r="AF97168" i="1"/>
  <c r="AF97169" i="1"/>
  <c r="AF97170" i="1"/>
  <c r="AF97171" i="1"/>
  <c r="AF97172" i="1"/>
  <c r="AF97173" i="1"/>
  <c r="AF97174" i="1"/>
  <c r="AF97175" i="1"/>
  <c r="AF97176" i="1"/>
  <c r="AF97177" i="1"/>
  <c r="AF97178" i="1"/>
  <c r="AF97179" i="1"/>
  <c r="AF97180" i="1"/>
  <c r="AF97181" i="1"/>
  <c r="AF97182" i="1"/>
  <c r="AF97183" i="1"/>
  <c r="AF97184" i="1"/>
  <c r="AF97185" i="1"/>
  <c r="AF97186" i="1"/>
  <c r="AF97187" i="1"/>
  <c r="AF97188" i="1"/>
  <c r="AF97189" i="1"/>
  <c r="AF97190" i="1"/>
  <c r="AF97191" i="1"/>
  <c r="AF97192" i="1"/>
  <c r="AF97193" i="1"/>
  <c r="AF97194" i="1"/>
  <c r="AF97195" i="1"/>
  <c r="AF97196" i="1"/>
  <c r="AF97197" i="1"/>
  <c r="AF97198" i="1"/>
  <c r="AF97199" i="1"/>
  <c r="AF97200" i="1"/>
  <c r="AF97201" i="1"/>
  <c r="AF97202" i="1"/>
  <c r="AF97203" i="1"/>
  <c r="AF97204" i="1"/>
  <c r="AF97205" i="1"/>
  <c r="AF97206" i="1"/>
  <c r="AF97207" i="1"/>
  <c r="AF97208" i="1"/>
  <c r="AF97209" i="1"/>
  <c r="AF97210" i="1"/>
  <c r="AF97211" i="1"/>
  <c r="AF97212" i="1"/>
  <c r="AF97213" i="1"/>
  <c r="AF97214" i="1"/>
  <c r="AF97215" i="1"/>
  <c r="AF97216" i="1"/>
  <c r="AF97217" i="1"/>
  <c r="AF97218" i="1"/>
  <c r="AF97219" i="1"/>
  <c r="AF97220" i="1"/>
  <c r="AF97221" i="1"/>
  <c r="AF97222" i="1"/>
  <c r="AF97223" i="1"/>
  <c r="AF97224" i="1"/>
  <c r="AF97225" i="1"/>
  <c r="AF97226" i="1"/>
  <c r="AF97227" i="1"/>
  <c r="AF97228" i="1"/>
  <c r="AF97229" i="1"/>
  <c r="AF97230" i="1"/>
  <c r="AF97231" i="1"/>
  <c r="AF97232" i="1"/>
  <c r="AF97233" i="1"/>
  <c r="AF97234" i="1"/>
  <c r="AF97235" i="1"/>
  <c r="AF97236" i="1"/>
  <c r="AF97237" i="1"/>
  <c r="AF97238" i="1"/>
  <c r="AF97239" i="1"/>
  <c r="AF97240" i="1"/>
  <c r="AF97241" i="1"/>
  <c r="AF97242" i="1"/>
  <c r="AF97243" i="1"/>
  <c r="AF97244" i="1"/>
  <c r="AF97245" i="1"/>
  <c r="AF97246" i="1"/>
  <c r="AF97247" i="1"/>
  <c r="AF97248" i="1"/>
  <c r="AF97249" i="1"/>
  <c r="AF97250" i="1"/>
  <c r="AF97251" i="1"/>
  <c r="AF97252" i="1"/>
  <c r="AF97253" i="1"/>
  <c r="AF97254" i="1"/>
  <c r="AF97255" i="1"/>
  <c r="AF97256" i="1"/>
  <c r="AF97257" i="1"/>
  <c r="AF97258" i="1"/>
  <c r="AF97259" i="1"/>
  <c r="AF97260" i="1"/>
  <c r="AF97261" i="1"/>
  <c r="AF97262" i="1"/>
  <c r="AF97263" i="1"/>
  <c r="AF97264" i="1"/>
  <c r="AF97265" i="1"/>
  <c r="AF97266" i="1"/>
  <c r="AF97267" i="1"/>
  <c r="AF97268" i="1"/>
  <c r="AF97269" i="1"/>
  <c r="AF97270" i="1"/>
  <c r="AF97271" i="1"/>
  <c r="AF97272" i="1"/>
  <c r="AF97273" i="1"/>
  <c r="AF97274" i="1"/>
  <c r="AF97275" i="1"/>
  <c r="AF97276" i="1"/>
  <c r="AF97277" i="1"/>
  <c r="AF97278" i="1"/>
  <c r="AF97279" i="1"/>
  <c r="AF97280" i="1"/>
  <c r="AF97281" i="1"/>
  <c r="AF97282" i="1"/>
  <c r="AF97283" i="1"/>
  <c r="AF97284" i="1"/>
  <c r="AF97285" i="1"/>
  <c r="AF97286" i="1"/>
  <c r="AF97287" i="1"/>
  <c r="AF97288" i="1"/>
  <c r="AF97289" i="1"/>
  <c r="AF97290" i="1"/>
  <c r="AF97291" i="1"/>
  <c r="AF97292" i="1"/>
  <c r="AF97293" i="1"/>
  <c r="AF97294" i="1"/>
  <c r="AF97295" i="1"/>
  <c r="AF97296" i="1"/>
  <c r="AF97297" i="1"/>
  <c r="AF97298" i="1"/>
  <c r="AF97299" i="1"/>
  <c r="AF97300" i="1"/>
  <c r="AF97301" i="1"/>
  <c r="AF97302" i="1"/>
  <c r="AF97303" i="1"/>
  <c r="AF97304" i="1"/>
  <c r="AF97305" i="1"/>
  <c r="AF97306" i="1"/>
  <c r="AF97307" i="1"/>
  <c r="AF97308" i="1"/>
  <c r="AF97309" i="1"/>
  <c r="AF97310" i="1"/>
  <c r="AF97311" i="1"/>
  <c r="AF97312" i="1"/>
  <c r="AF97313" i="1"/>
  <c r="AF97314" i="1"/>
  <c r="AF97315" i="1"/>
  <c r="AF97316" i="1"/>
  <c r="AF97317" i="1"/>
  <c r="AF97318" i="1"/>
  <c r="AF97319" i="1"/>
  <c r="AF97320" i="1"/>
  <c r="AF97321" i="1"/>
  <c r="AF97322" i="1"/>
  <c r="AF97323" i="1"/>
  <c r="AF97324" i="1"/>
  <c r="AF97325" i="1"/>
  <c r="AF97326" i="1"/>
  <c r="AF97327" i="1"/>
  <c r="AF97328" i="1"/>
  <c r="AF97329" i="1"/>
  <c r="AF97330" i="1"/>
  <c r="AF97331" i="1"/>
  <c r="AF97332" i="1"/>
  <c r="AF97333" i="1"/>
  <c r="AF97334" i="1"/>
  <c r="AF97335" i="1"/>
  <c r="AF97336" i="1"/>
  <c r="AF97337" i="1"/>
  <c r="AF97338" i="1"/>
  <c r="AF97339" i="1"/>
  <c r="AF97340" i="1"/>
  <c r="AF97341" i="1"/>
  <c r="AF97342" i="1"/>
  <c r="AF97343" i="1"/>
  <c r="AF97344" i="1"/>
  <c r="AF97345" i="1"/>
  <c r="AF97346" i="1"/>
  <c r="AF97347" i="1"/>
  <c r="AF97348" i="1"/>
  <c r="AF97349" i="1"/>
  <c r="AF97350" i="1"/>
  <c r="AF97351" i="1"/>
  <c r="AF97352" i="1"/>
  <c r="AF97353" i="1"/>
  <c r="AF97354" i="1"/>
  <c r="AF97355" i="1"/>
  <c r="AF97356" i="1"/>
  <c r="AF97357" i="1"/>
  <c r="AF97358" i="1"/>
  <c r="AF97359" i="1"/>
  <c r="AF97360" i="1"/>
  <c r="AF97361" i="1"/>
  <c r="AF97362" i="1"/>
  <c r="AF97363" i="1"/>
  <c r="AF97364" i="1"/>
  <c r="AF97365" i="1"/>
  <c r="AF97366" i="1"/>
  <c r="AF97367" i="1"/>
  <c r="AF97368" i="1"/>
  <c r="AF97369" i="1"/>
  <c r="AF97370" i="1"/>
  <c r="AF97371" i="1"/>
  <c r="AF97372" i="1"/>
  <c r="AF97373" i="1"/>
  <c r="AF97374" i="1"/>
  <c r="AF97375" i="1"/>
  <c r="AF97376" i="1"/>
  <c r="AF97377" i="1"/>
  <c r="AF97378" i="1"/>
  <c r="AF97379" i="1"/>
  <c r="AF97380" i="1"/>
  <c r="AF97381" i="1"/>
  <c r="AF97382" i="1"/>
  <c r="AF97383" i="1"/>
  <c r="AF97384" i="1"/>
  <c r="AF97385" i="1"/>
  <c r="AF97386" i="1"/>
  <c r="AF97387" i="1"/>
  <c r="AF97388" i="1"/>
  <c r="AF97389" i="1"/>
  <c r="AF97390" i="1"/>
  <c r="AF97391" i="1"/>
  <c r="AF97392" i="1"/>
  <c r="AF97393" i="1"/>
  <c r="AF97394" i="1"/>
  <c r="AF97395" i="1"/>
  <c r="AF97396" i="1"/>
  <c r="AF97397" i="1"/>
  <c r="AF97398" i="1"/>
  <c r="AF97399" i="1"/>
  <c r="AF97400" i="1"/>
  <c r="AF97401" i="1"/>
  <c r="AF97402" i="1"/>
  <c r="AF97403" i="1"/>
  <c r="AF97404" i="1"/>
  <c r="AF97405" i="1"/>
  <c r="AF97406" i="1"/>
  <c r="AF97407" i="1"/>
  <c r="AF97408" i="1"/>
  <c r="AF97409" i="1"/>
  <c r="AF97410" i="1"/>
  <c r="AF97411" i="1"/>
  <c r="AF97412" i="1"/>
  <c r="AF97413" i="1"/>
  <c r="AF97414" i="1"/>
  <c r="AF97415" i="1"/>
  <c r="AF97416" i="1"/>
  <c r="AF97417" i="1"/>
  <c r="AF97418" i="1"/>
  <c r="AF97419" i="1"/>
  <c r="AF97420" i="1"/>
  <c r="AF97421" i="1"/>
  <c r="AF97422" i="1"/>
  <c r="AF97423" i="1"/>
  <c r="AF97424" i="1"/>
  <c r="AF97425" i="1"/>
  <c r="AF97426" i="1"/>
  <c r="AF97427" i="1"/>
  <c r="AF97428" i="1"/>
  <c r="AF97429" i="1"/>
  <c r="AF97430" i="1"/>
  <c r="AF97431" i="1"/>
  <c r="AF97432" i="1"/>
  <c r="AF97433" i="1"/>
  <c r="AF97434" i="1"/>
  <c r="AF97435" i="1"/>
  <c r="AF97436" i="1"/>
  <c r="AF97437" i="1"/>
  <c r="AF97438" i="1"/>
  <c r="AF97439" i="1"/>
  <c r="AF97440" i="1"/>
  <c r="AF97441" i="1"/>
  <c r="AF97442" i="1"/>
  <c r="AF97443" i="1"/>
  <c r="AF97444" i="1"/>
  <c r="AF97445" i="1"/>
  <c r="AF97446" i="1"/>
  <c r="AF97447" i="1"/>
  <c r="AF97448" i="1"/>
  <c r="AF97449" i="1"/>
  <c r="AF97450" i="1"/>
  <c r="AF97451" i="1"/>
  <c r="AF97452" i="1"/>
  <c r="AF97453" i="1"/>
  <c r="AF97454" i="1"/>
  <c r="AF97455" i="1"/>
  <c r="AF97456" i="1"/>
  <c r="AF97457" i="1"/>
  <c r="AF97458" i="1"/>
  <c r="AF97459" i="1"/>
  <c r="AF97460" i="1"/>
  <c r="AF97461" i="1"/>
  <c r="AF97462" i="1"/>
  <c r="AF97463" i="1"/>
  <c r="AF97464" i="1"/>
  <c r="AF97465" i="1"/>
  <c r="AF97466" i="1"/>
  <c r="AF97467" i="1"/>
  <c r="AF97468" i="1"/>
  <c r="AF97469" i="1"/>
  <c r="AF97470" i="1"/>
  <c r="AF97471" i="1"/>
  <c r="AF97472" i="1"/>
  <c r="AF97473" i="1"/>
  <c r="AF97474" i="1"/>
  <c r="AF97475" i="1"/>
  <c r="AF97476" i="1"/>
  <c r="AF97477" i="1"/>
  <c r="AF97478" i="1"/>
  <c r="AF97479" i="1"/>
  <c r="AF97480" i="1"/>
  <c r="AF97481" i="1"/>
  <c r="AF97482" i="1"/>
  <c r="AF97483" i="1"/>
  <c r="AF97484" i="1"/>
  <c r="AF97485" i="1"/>
  <c r="AF97486" i="1"/>
  <c r="AF97487" i="1"/>
  <c r="AF97488" i="1"/>
  <c r="AF97489" i="1"/>
  <c r="AF97490" i="1"/>
  <c r="AF97491" i="1"/>
  <c r="AF97492" i="1"/>
  <c r="AF97493" i="1"/>
  <c r="AF97494" i="1"/>
  <c r="AF97495" i="1"/>
  <c r="AF97496" i="1"/>
  <c r="AF97497" i="1"/>
  <c r="AF97498" i="1"/>
  <c r="AF97499" i="1"/>
  <c r="AF97500" i="1"/>
  <c r="AF97501" i="1"/>
  <c r="AF97502" i="1"/>
  <c r="AF97503" i="1"/>
  <c r="AF97504" i="1"/>
  <c r="AF97505" i="1"/>
  <c r="AF97506" i="1"/>
  <c r="AF97507" i="1"/>
  <c r="AF97508" i="1"/>
  <c r="AF97509" i="1"/>
  <c r="AF97510" i="1"/>
  <c r="AF97511" i="1"/>
  <c r="AF97512" i="1"/>
  <c r="AF97513" i="1"/>
  <c r="AF97514" i="1"/>
  <c r="AF97515" i="1"/>
  <c r="AF97516" i="1"/>
  <c r="AF97517" i="1"/>
  <c r="AF97518" i="1"/>
  <c r="AF97519" i="1"/>
  <c r="AF97520" i="1"/>
  <c r="AF97521" i="1"/>
  <c r="AF97522" i="1"/>
  <c r="AF97523" i="1"/>
  <c r="AF97524" i="1"/>
  <c r="AF97525" i="1"/>
  <c r="AF97526" i="1"/>
  <c r="AF97527" i="1"/>
  <c r="AF97528" i="1"/>
  <c r="AF97529" i="1"/>
  <c r="AF97530" i="1"/>
  <c r="AF97531" i="1"/>
  <c r="AF97532" i="1"/>
  <c r="AF97533" i="1"/>
  <c r="AF97534" i="1"/>
  <c r="AF97535" i="1"/>
  <c r="AF97536" i="1"/>
  <c r="AF97537" i="1"/>
  <c r="AF97538" i="1"/>
  <c r="AF97539" i="1"/>
  <c r="AF97540" i="1"/>
  <c r="AF97541" i="1"/>
  <c r="AF97542" i="1"/>
  <c r="AF97543" i="1"/>
  <c r="AF97544" i="1"/>
  <c r="AF97545" i="1"/>
  <c r="AF97546" i="1"/>
  <c r="AF97547" i="1"/>
  <c r="AF97548" i="1"/>
  <c r="AF97549" i="1"/>
  <c r="AF97550" i="1"/>
  <c r="AF97551" i="1"/>
  <c r="AF97552" i="1"/>
  <c r="AF97553" i="1"/>
  <c r="AF97554" i="1"/>
  <c r="AF97555" i="1"/>
  <c r="AF97556" i="1"/>
  <c r="AF97557" i="1"/>
  <c r="AF97558" i="1"/>
  <c r="AF97559" i="1"/>
  <c r="AF97560" i="1"/>
  <c r="AF97561" i="1"/>
  <c r="AF97562" i="1"/>
  <c r="AF97563" i="1"/>
  <c r="AF97564" i="1"/>
  <c r="AF97565" i="1"/>
  <c r="AF97566" i="1"/>
  <c r="AF97567" i="1"/>
  <c r="AF97568" i="1"/>
  <c r="AF97569" i="1"/>
  <c r="AF97570" i="1"/>
  <c r="AF97571" i="1"/>
  <c r="AF97572" i="1"/>
  <c r="AF97573" i="1"/>
  <c r="AF97574" i="1"/>
  <c r="AF97575" i="1"/>
  <c r="AF97576" i="1"/>
  <c r="AF97577" i="1"/>
  <c r="AF97578" i="1"/>
  <c r="AF97579" i="1"/>
  <c r="AF97580" i="1"/>
  <c r="AF97581" i="1"/>
  <c r="AF97582" i="1"/>
  <c r="AF97583" i="1"/>
  <c r="AF97584" i="1"/>
  <c r="AF97585" i="1"/>
  <c r="AF97586" i="1"/>
  <c r="AF97587" i="1"/>
  <c r="AF97588" i="1"/>
  <c r="AF97589" i="1"/>
  <c r="AF97590" i="1"/>
  <c r="AF97591" i="1"/>
  <c r="AF97592" i="1"/>
  <c r="AF97593" i="1"/>
  <c r="AF97594" i="1"/>
  <c r="AF97595" i="1"/>
  <c r="AF97596" i="1"/>
  <c r="AF97597" i="1"/>
  <c r="AF97598" i="1"/>
  <c r="AF97599" i="1"/>
  <c r="AF97600" i="1"/>
  <c r="AF97601" i="1"/>
  <c r="AF97602" i="1"/>
  <c r="AF97603" i="1"/>
  <c r="AF97604" i="1"/>
  <c r="AF97605" i="1"/>
  <c r="AF97606" i="1"/>
  <c r="AF97607" i="1"/>
  <c r="AF97608" i="1"/>
  <c r="AF97609" i="1"/>
  <c r="AF97610" i="1"/>
  <c r="AF97611" i="1"/>
  <c r="AF97612" i="1"/>
  <c r="AF97613" i="1"/>
  <c r="AF97614" i="1"/>
  <c r="AF97615" i="1"/>
  <c r="AF97616" i="1"/>
  <c r="AF97617" i="1"/>
  <c r="AF97618" i="1"/>
  <c r="AF97619" i="1"/>
  <c r="AF97620" i="1"/>
  <c r="AF97621" i="1"/>
  <c r="AF97622" i="1"/>
  <c r="AF97623" i="1"/>
  <c r="AF97624" i="1"/>
  <c r="AF97625" i="1"/>
  <c r="AF97626" i="1"/>
  <c r="AF97627" i="1"/>
  <c r="AF97628" i="1"/>
  <c r="AF97629" i="1"/>
  <c r="AF97630" i="1"/>
  <c r="AF97631" i="1"/>
  <c r="AF97632" i="1"/>
  <c r="AF97633" i="1"/>
  <c r="AF97634" i="1"/>
  <c r="AF97635" i="1"/>
  <c r="AF97636" i="1"/>
  <c r="AF97637" i="1"/>
  <c r="AF97638" i="1"/>
  <c r="AF97639" i="1"/>
  <c r="AF97640" i="1"/>
  <c r="AF97641" i="1"/>
  <c r="AF97642" i="1"/>
  <c r="AF97643" i="1"/>
  <c r="AF97644" i="1"/>
  <c r="AF97645" i="1"/>
  <c r="AF97646" i="1"/>
  <c r="AF97647" i="1"/>
  <c r="AF97648" i="1"/>
  <c r="AF97649" i="1"/>
  <c r="AF97650" i="1"/>
  <c r="AF97651" i="1"/>
  <c r="AF97652" i="1"/>
  <c r="AF97653" i="1"/>
  <c r="AF97654" i="1"/>
  <c r="AF97655" i="1"/>
  <c r="AF97656" i="1"/>
  <c r="AF97657" i="1"/>
  <c r="AF97658" i="1"/>
  <c r="AF97659" i="1"/>
  <c r="AF97660" i="1"/>
  <c r="AF97661" i="1"/>
  <c r="AF97662" i="1"/>
  <c r="AF97663" i="1"/>
  <c r="AF97664" i="1"/>
  <c r="AF97665" i="1"/>
  <c r="AF97666" i="1"/>
  <c r="AF97667" i="1"/>
  <c r="AF97668" i="1"/>
  <c r="AF97669" i="1"/>
  <c r="AF97670" i="1"/>
  <c r="AF97671" i="1"/>
  <c r="AF97672" i="1"/>
  <c r="AF97673" i="1"/>
  <c r="AF97674" i="1"/>
  <c r="AF97675" i="1"/>
  <c r="AF97676" i="1"/>
  <c r="AF97677" i="1"/>
  <c r="AF97678" i="1"/>
  <c r="AF97679" i="1"/>
  <c r="AF97680" i="1"/>
  <c r="AF97681" i="1"/>
  <c r="AF97682" i="1"/>
  <c r="AF97683" i="1"/>
  <c r="AF97684" i="1"/>
  <c r="AF97685" i="1"/>
  <c r="AF97686" i="1"/>
  <c r="AF97687" i="1"/>
  <c r="AF97688" i="1"/>
  <c r="AF97689" i="1"/>
  <c r="AF97690" i="1"/>
  <c r="AF97691" i="1"/>
  <c r="AF97692" i="1"/>
  <c r="AF97693" i="1"/>
  <c r="AF97694" i="1"/>
  <c r="AF97695" i="1"/>
  <c r="AF97696" i="1"/>
  <c r="AF97697" i="1"/>
  <c r="AF97698" i="1"/>
  <c r="AF97699" i="1"/>
  <c r="AF97700" i="1"/>
  <c r="AF97701" i="1"/>
  <c r="AF97702" i="1"/>
  <c r="AF97703" i="1"/>
  <c r="AF97704" i="1"/>
  <c r="AF97705" i="1"/>
  <c r="AF97706" i="1"/>
  <c r="AF97707" i="1"/>
  <c r="AF97708" i="1"/>
  <c r="AF97709" i="1"/>
  <c r="AF97710" i="1"/>
  <c r="AF97711" i="1"/>
  <c r="AF97712" i="1"/>
  <c r="AF97713" i="1"/>
  <c r="AF97714" i="1"/>
  <c r="AF97715" i="1"/>
  <c r="AF97716" i="1"/>
  <c r="AF97717" i="1"/>
  <c r="AF97718" i="1"/>
  <c r="AF97719" i="1"/>
  <c r="AF97720" i="1"/>
  <c r="AF97721" i="1"/>
  <c r="AF97722" i="1"/>
  <c r="AF97723" i="1"/>
  <c r="AF97724" i="1"/>
  <c r="AF97725" i="1"/>
  <c r="AF97726" i="1"/>
  <c r="AF97727" i="1"/>
  <c r="AF97728" i="1"/>
  <c r="AF97729" i="1"/>
  <c r="AF97730" i="1"/>
  <c r="AF97731" i="1"/>
  <c r="AF97732" i="1"/>
  <c r="AF97733" i="1"/>
  <c r="AF97734" i="1"/>
  <c r="AF97735" i="1"/>
  <c r="AF97736" i="1"/>
  <c r="AF97737" i="1"/>
  <c r="AF97738" i="1"/>
  <c r="AF97739" i="1"/>
  <c r="AF97740" i="1"/>
  <c r="AF97741" i="1"/>
  <c r="AF97742" i="1"/>
  <c r="AF97743" i="1"/>
  <c r="AF97744" i="1"/>
  <c r="AF97745" i="1"/>
  <c r="AF97746" i="1"/>
  <c r="AF97747" i="1"/>
  <c r="AF97748" i="1"/>
  <c r="AF97749" i="1"/>
  <c r="AF97750" i="1"/>
  <c r="AF97751" i="1"/>
  <c r="AF97752" i="1"/>
  <c r="AF97753" i="1"/>
  <c r="AF97754" i="1"/>
  <c r="AF97755" i="1"/>
  <c r="AF97756" i="1"/>
  <c r="AF97757" i="1"/>
  <c r="AF97758" i="1"/>
  <c r="AF97759" i="1"/>
  <c r="AF97760" i="1"/>
  <c r="AF97761" i="1"/>
  <c r="AF97762" i="1"/>
  <c r="AF97763" i="1"/>
  <c r="AF97764" i="1"/>
  <c r="AF97765" i="1"/>
  <c r="AF97766" i="1"/>
  <c r="AF97767" i="1"/>
  <c r="AF97768" i="1"/>
  <c r="AF97769" i="1"/>
  <c r="AF97770" i="1"/>
  <c r="AF97771" i="1"/>
  <c r="AF97772" i="1"/>
  <c r="AF97773" i="1"/>
  <c r="AF97774" i="1"/>
  <c r="AF97775" i="1"/>
  <c r="AF97776" i="1"/>
  <c r="AF97777" i="1"/>
  <c r="AF97778" i="1"/>
  <c r="AF97779" i="1"/>
  <c r="AF97780" i="1"/>
  <c r="AF97781" i="1"/>
  <c r="AF97782" i="1"/>
  <c r="AF97783" i="1"/>
  <c r="AF97784" i="1"/>
  <c r="AF97785" i="1"/>
  <c r="AF97786" i="1"/>
  <c r="AF97787" i="1"/>
  <c r="AF97788" i="1"/>
  <c r="AF97789" i="1"/>
  <c r="AF97790" i="1"/>
  <c r="AF97791" i="1"/>
  <c r="AF97792" i="1"/>
  <c r="AF97793" i="1"/>
  <c r="AF97794" i="1"/>
  <c r="AF97795" i="1"/>
  <c r="AF97796" i="1"/>
  <c r="AF97797" i="1"/>
  <c r="AF97798" i="1"/>
  <c r="AF97799" i="1"/>
  <c r="AF97800" i="1"/>
  <c r="AF97801" i="1"/>
  <c r="AF97802" i="1"/>
  <c r="AF97803" i="1"/>
  <c r="AF97804" i="1"/>
  <c r="AF97805" i="1"/>
  <c r="AF97806" i="1"/>
  <c r="AF97807" i="1"/>
  <c r="AF97808" i="1"/>
  <c r="AF97809" i="1"/>
  <c r="AF97810" i="1"/>
  <c r="AF97811" i="1"/>
  <c r="AF97812" i="1"/>
  <c r="AF97813" i="1"/>
  <c r="AF97814" i="1"/>
  <c r="AF97815" i="1"/>
  <c r="AF97816" i="1"/>
  <c r="AF97817" i="1"/>
  <c r="AF97818" i="1"/>
  <c r="AF97819" i="1"/>
  <c r="AF97820" i="1"/>
  <c r="AF97821" i="1"/>
  <c r="AF97822" i="1"/>
  <c r="AF97823" i="1"/>
  <c r="AF97824" i="1"/>
  <c r="AF97825" i="1"/>
  <c r="AF97826" i="1"/>
  <c r="AF97827" i="1"/>
  <c r="AF97828" i="1"/>
  <c r="AF97829" i="1"/>
  <c r="AF97830" i="1"/>
  <c r="AF97831" i="1"/>
  <c r="AF97832" i="1"/>
  <c r="AF97833" i="1"/>
  <c r="AF97834" i="1"/>
  <c r="AF97835" i="1"/>
  <c r="AF97836" i="1"/>
  <c r="AF97837" i="1"/>
  <c r="AF97838" i="1"/>
  <c r="AF97839" i="1"/>
  <c r="AF97840" i="1"/>
  <c r="AF97841" i="1"/>
  <c r="AF97842" i="1"/>
  <c r="AF97843" i="1"/>
  <c r="AF97844" i="1"/>
  <c r="AF97845" i="1"/>
  <c r="AF97846" i="1"/>
  <c r="AF97847" i="1"/>
  <c r="AF97848" i="1"/>
  <c r="AF97849" i="1"/>
  <c r="AF97850" i="1"/>
  <c r="AF97851" i="1"/>
  <c r="AF97852" i="1"/>
  <c r="AF97853" i="1"/>
  <c r="AF97854" i="1"/>
  <c r="AF97855" i="1"/>
  <c r="AF97856" i="1"/>
  <c r="AF97857" i="1"/>
  <c r="AF97858" i="1"/>
  <c r="AF97859" i="1"/>
  <c r="AF97860" i="1"/>
  <c r="AF97861" i="1"/>
  <c r="AF97862" i="1"/>
  <c r="AF97863" i="1"/>
  <c r="AF97864" i="1"/>
  <c r="AF97865" i="1"/>
  <c r="AF97866" i="1"/>
  <c r="AF97867" i="1"/>
  <c r="AF97868" i="1"/>
  <c r="AF97869" i="1"/>
  <c r="AF97870" i="1"/>
  <c r="AF97871" i="1"/>
  <c r="AF97872" i="1"/>
  <c r="AF97873" i="1"/>
  <c r="AF97874" i="1"/>
  <c r="AF97875" i="1"/>
  <c r="AF97876" i="1"/>
  <c r="AF97877" i="1"/>
  <c r="AF97878" i="1"/>
  <c r="AF97879" i="1"/>
  <c r="AF97880" i="1"/>
  <c r="AF97881" i="1"/>
  <c r="AF97882" i="1"/>
  <c r="AF97883" i="1"/>
  <c r="AF97884" i="1"/>
  <c r="AF97885" i="1"/>
  <c r="AF97886" i="1"/>
  <c r="AF97887" i="1"/>
  <c r="AF97888" i="1"/>
  <c r="AF97889" i="1"/>
  <c r="AF97890" i="1"/>
  <c r="AF97891" i="1"/>
  <c r="AF97892" i="1"/>
  <c r="AF97893" i="1"/>
  <c r="AF97894" i="1"/>
  <c r="AF97895" i="1"/>
  <c r="AF97896" i="1"/>
  <c r="AF97897" i="1"/>
  <c r="AF97898" i="1"/>
  <c r="AF97899" i="1"/>
  <c r="AF97900" i="1"/>
  <c r="AF97901" i="1"/>
  <c r="AF97902" i="1"/>
  <c r="AF97903" i="1"/>
  <c r="AF97904" i="1"/>
  <c r="AF97905" i="1"/>
  <c r="AF97906" i="1"/>
  <c r="AF97907" i="1"/>
  <c r="AF97908" i="1"/>
  <c r="AF97909" i="1"/>
  <c r="AF97910" i="1"/>
  <c r="AF97911" i="1"/>
  <c r="AF97912" i="1"/>
  <c r="AF97913" i="1"/>
  <c r="AF97914" i="1"/>
  <c r="AF97915" i="1"/>
  <c r="AF97916" i="1"/>
  <c r="AF97917" i="1"/>
  <c r="AF97918" i="1"/>
  <c r="AF97919" i="1"/>
  <c r="AF97920" i="1"/>
  <c r="AF97921" i="1"/>
  <c r="AF97922" i="1"/>
  <c r="AF97923" i="1"/>
  <c r="AF97924" i="1"/>
  <c r="AF97925" i="1"/>
  <c r="AF97926" i="1"/>
  <c r="AF97927" i="1"/>
  <c r="AF97928" i="1"/>
  <c r="AF97929" i="1"/>
  <c r="AF97930" i="1"/>
  <c r="AF97931" i="1"/>
  <c r="AF97932" i="1"/>
  <c r="AF97933" i="1"/>
  <c r="AF97934" i="1"/>
  <c r="AF97935" i="1"/>
  <c r="AF97936" i="1"/>
  <c r="AF97937" i="1"/>
  <c r="AF97938" i="1"/>
  <c r="AF97939" i="1"/>
  <c r="AF97940" i="1"/>
  <c r="AF97941" i="1"/>
  <c r="AF97942" i="1"/>
  <c r="AF97943" i="1"/>
  <c r="AF97944" i="1"/>
  <c r="AF97945" i="1"/>
  <c r="AF97946" i="1"/>
  <c r="AF97947" i="1"/>
  <c r="AF97948" i="1"/>
  <c r="AF97949" i="1"/>
  <c r="AF97950" i="1"/>
  <c r="AF97951" i="1"/>
  <c r="AF97952" i="1"/>
  <c r="AF97953" i="1"/>
  <c r="AF97954" i="1"/>
  <c r="AF97955" i="1"/>
  <c r="AF97956" i="1"/>
  <c r="AF97957" i="1"/>
  <c r="AF97958" i="1"/>
  <c r="AF97959" i="1"/>
  <c r="AF97960" i="1"/>
  <c r="AF97961" i="1"/>
  <c r="AF97962" i="1"/>
  <c r="AF97963" i="1"/>
  <c r="AF97964" i="1"/>
  <c r="AF97965" i="1"/>
  <c r="AF97966" i="1"/>
  <c r="AF97967" i="1"/>
  <c r="AF97968" i="1"/>
  <c r="AF97969" i="1"/>
  <c r="AF97970" i="1"/>
  <c r="AF97971" i="1"/>
  <c r="AF97972" i="1"/>
  <c r="AF97973" i="1"/>
  <c r="AF97974" i="1"/>
  <c r="AF97975" i="1"/>
  <c r="AF97976" i="1"/>
  <c r="AF97977" i="1"/>
  <c r="AF97978" i="1"/>
  <c r="AF97979" i="1"/>
  <c r="AF97980" i="1"/>
  <c r="AF97981" i="1"/>
  <c r="AF97982" i="1"/>
  <c r="AF97983" i="1"/>
  <c r="AF97984" i="1"/>
  <c r="AF97985" i="1"/>
  <c r="AF97986" i="1"/>
  <c r="AF97987" i="1"/>
  <c r="AF97988" i="1"/>
  <c r="AF97989" i="1"/>
  <c r="AF97990" i="1"/>
  <c r="AF97991" i="1"/>
  <c r="AF97992" i="1"/>
  <c r="AF97993" i="1"/>
  <c r="AF97994" i="1"/>
  <c r="AF97995" i="1"/>
  <c r="AF97996" i="1"/>
  <c r="AF97997" i="1"/>
  <c r="AF97998" i="1"/>
  <c r="AF97999" i="1"/>
  <c r="AF98000" i="1"/>
  <c r="AF98001" i="1"/>
  <c r="AF98002" i="1"/>
  <c r="AF98003" i="1"/>
  <c r="AF98004" i="1"/>
  <c r="AF98005" i="1"/>
  <c r="AF98006" i="1"/>
  <c r="AF98007" i="1"/>
  <c r="AF98008" i="1"/>
  <c r="AF98009" i="1"/>
  <c r="AF98010" i="1"/>
  <c r="AF98011" i="1"/>
  <c r="AF98012" i="1"/>
  <c r="AF98013" i="1"/>
  <c r="AF98014" i="1"/>
  <c r="AF98015" i="1"/>
  <c r="AF98016" i="1"/>
  <c r="AF98017" i="1"/>
  <c r="AF98018" i="1"/>
  <c r="AF98019" i="1"/>
  <c r="AF98020" i="1"/>
  <c r="AF98021" i="1"/>
  <c r="AF98022" i="1"/>
  <c r="AF98023" i="1"/>
  <c r="AF98024" i="1"/>
  <c r="AF98025" i="1"/>
  <c r="AF98026" i="1"/>
  <c r="AF98027" i="1"/>
  <c r="AF98028" i="1"/>
  <c r="AF98029" i="1"/>
  <c r="AF98030" i="1"/>
  <c r="AF98031" i="1"/>
  <c r="AF98032" i="1"/>
  <c r="AF98033" i="1"/>
  <c r="AF98034" i="1"/>
  <c r="AF98035" i="1"/>
  <c r="AF98036" i="1"/>
  <c r="AF98037" i="1"/>
  <c r="AF98038" i="1"/>
  <c r="AF98039" i="1"/>
  <c r="AF98040" i="1"/>
  <c r="AF98041" i="1"/>
  <c r="AF98042" i="1"/>
  <c r="AF98043" i="1"/>
  <c r="AF98044" i="1"/>
  <c r="AF98045" i="1"/>
  <c r="AF98046" i="1"/>
  <c r="AF98047" i="1"/>
  <c r="AF98048" i="1"/>
  <c r="AF98049" i="1"/>
  <c r="AF98050" i="1"/>
  <c r="AF98051" i="1"/>
  <c r="AF98052" i="1"/>
  <c r="AF98053" i="1"/>
  <c r="AF98054" i="1"/>
  <c r="AF98055" i="1"/>
  <c r="AF98056" i="1"/>
  <c r="AF98057" i="1"/>
  <c r="AF98058" i="1"/>
  <c r="AF98059" i="1"/>
  <c r="AF98060" i="1"/>
  <c r="AF98061" i="1"/>
  <c r="AF98062" i="1"/>
  <c r="AF98063" i="1"/>
  <c r="AF98064" i="1"/>
  <c r="AF98065" i="1"/>
  <c r="AF98066" i="1"/>
  <c r="AF98067" i="1"/>
  <c r="AF98068" i="1"/>
  <c r="AF98069" i="1"/>
  <c r="AF98070" i="1"/>
  <c r="AF98071" i="1"/>
  <c r="AF98072" i="1"/>
  <c r="AF98073" i="1"/>
  <c r="AF98074" i="1"/>
  <c r="AF98075" i="1"/>
  <c r="AF98076" i="1"/>
  <c r="AF98077" i="1"/>
  <c r="AF98078" i="1"/>
  <c r="AF98079" i="1"/>
  <c r="AF98080" i="1"/>
  <c r="AF98081" i="1"/>
  <c r="AF98082" i="1"/>
  <c r="AF98083" i="1"/>
  <c r="AF98084" i="1"/>
  <c r="AF98085" i="1"/>
  <c r="AF98086" i="1"/>
  <c r="AF98087" i="1"/>
  <c r="AF98088" i="1"/>
  <c r="AF98089" i="1"/>
  <c r="AF98090" i="1"/>
  <c r="AF98091" i="1"/>
  <c r="AF98092" i="1"/>
  <c r="AF98093" i="1"/>
  <c r="AF98094" i="1"/>
  <c r="AF98095" i="1"/>
  <c r="AF98096" i="1"/>
  <c r="AF98097" i="1"/>
  <c r="AF98098" i="1"/>
  <c r="AF98099" i="1"/>
  <c r="AF98100" i="1"/>
  <c r="AF98101" i="1"/>
  <c r="AF98102" i="1"/>
  <c r="AF98103" i="1"/>
  <c r="AF98104" i="1"/>
  <c r="AF98105" i="1"/>
  <c r="AF98106" i="1"/>
  <c r="AF98107" i="1"/>
  <c r="AF98108" i="1"/>
  <c r="AF98109" i="1"/>
  <c r="AF98110" i="1"/>
  <c r="AF98111" i="1"/>
  <c r="AF98112" i="1"/>
  <c r="AF98113" i="1"/>
  <c r="AF98114" i="1"/>
  <c r="AF98115" i="1"/>
  <c r="AF98116" i="1"/>
  <c r="AF98117" i="1"/>
  <c r="AF98118" i="1"/>
  <c r="AF98119" i="1"/>
  <c r="AF98120" i="1"/>
  <c r="AF98121" i="1"/>
  <c r="AF98122" i="1"/>
  <c r="AF98123" i="1"/>
  <c r="AF98124" i="1"/>
  <c r="AF98125" i="1"/>
  <c r="AF98126" i="1"/>
  <c r="AF98127" i="1"/>
  <c r="AF98128" i="1"/>
  <c r="AF98129" i="1"/>
  <c r="AF98130" i="1"/>
  <c r="AF98131" i="1"/>
  <c r="AF98132" i="1"/>
  <c r="AF98133" i="1"/>
  <c r="AF98134" i="1"/>
  <c r="AF98135" i="1"/>
  <c r="AF98136" i="1"/>
  <c r="AF98137" i="1"/>
  <c r="AF98138" i="1"/>
  <c r="AF98139" i="1"/>
  <c r="AF98140" i="1"/>
  <c r="AF98141" i="1"/>
  <c r="AF98142" i="1"/>
  <c r="AF98143" i="1"/>
  <c r="AF98144" i="1"/>
  <c r="AF98145" i="1"/>
  <c r="AF98146" i="1"/>
  <c r="AF98147" i="1"/>
  <c r="AF98148" i="1"/>
  <c r="AF98149" i="1"/>
  <c r="AF98150" i="1"/>
  <c r="AF98151" i="1"/>
  <c r="AF98152" i="1"/>
  <c r="AF98153" i="1"/>
  <c r="AF98154" i="1"/>
  <c r="AF98155" i="1"/>
  <c r="AF98156" i="1"/>
  <c r="AF98157" i="1"/>
  <c r="AF98158" i="1"/>
  <c r="AF98159" i="1"/>
  <c r="AF98160" i="1"/>
  <c r="AF98161" i="1"/>
  <c r="AF98162" i="1"/>
  <c r="AF98163" i="1"/>
  <c r="AF98164" i="1"/>
  <c r="AF98165" i="1"/>
  <c r="AF98166" i="1"/>
  <c r="AF98167" i="1"/>
  <c r="AF98168" i="1"/>
  <c r="AF98169" i="1"/>
  <c r="AF98170" i="1"/>
  <c r="AF98171" i="1"/>
  <c r="AF98172" i="1"/>
  <c r="AF98173" i="1"/>
  <c r="AF98174" i="1"/>
  <c r="AF98175" i="1"/>
  <c r="AF98176" i="1"/>
  <c r="AF98177" i="1"/>
  <c r="AF98178" i="1"/>
  <c r="AF98179" i="1"/>
  <c r="AF98180" i="1"/>
  <c r="AF98181" i="1"/>
  <c r="AF98182" i="1"/>
  <c r="AF98183" i="1"/>
  <c r="AF98184" i="1"/>
  <c r="AF98185" i="1"/>
  <c r="AF98186" i="1"/>
  <c r="AF98187" i="1"/>
  <c r="AF98188" i="1"/>
  <c r="AF98189" i="1"/>
  <c r="AF98190" i="1"/>
  <c r="AF98191" i="1"/>
  <c r="AF98192" i="1"/>
  <c r="AF98193" i="1"/>
  <c r="AF98194" i="1"/>
  <c r="AF98195" i="1"/>
  <c r="AF98196" i="1"/>
  <c r="AF98197" i="1"/>
  <c r="AF98198" i="1"/>
  <c r="AF98199" i="1"/>
  <c r="AF98200" i="1"/>
  <c r="AF98201" i="1"/>
  <c r="AF98202" i="1"/>
  <c r="AF98203" i="1"/>
  <c r="AF98204" i="1"/>
  <c r="AF98205" i="1"/>
  <c r="AF98206" i="1"/>
  <c r="AF98207" i="1"/>
  <c r="AF98208" i="1"/>
  <c r="AF98209" i="1"/>
  <c r="AF98210" i="1"/>
  <c r="AF98211" i="1"/>
  <c r="AF98212" i="1"/>
  <c r="AF98213" i="1"/>
  <c r="AF98214" i="1"/>
  <c r="AF98215" i="1"/>
  <c r="AF98216" i="1"/>
  <c r="AF98217" i="1"/>
  <c r="AF98218" i="1"/>
  <c r="AF98219" i="1"/>
  <c r="AF98220" i="1"/>
  <c r="AF98221" i="1"/>
  <c r="AF98222" i="1"/>
  <c r="AF98223" i="1"/>
  <c r="AF98224" i="1"/>
  <c r="AF98225" i="1"/>
  <c r="AF98226" i="1"/>
  <c r="AF98227" i="1"/>
  <c r="AF98228" i="1"/>
  <c r="AF98229" i="1"/>
  <c r="AF98230" i="1"/>
  <c r="AF98231" i="1"/>
  <c r="AF98232" i="1"/>
  <c r="AF98233" i="1"/>
  <c r="AF98234" i="1"/>
  <c r="AF98235" i="1"/>
  <c r="AF98236" i="1"/>
  <c r="AF98237" i="1"/>
  <c r="AF98238" i="1"/>
  <c r="AF98239" i="1"/>
  <c r="AF98240" i="1"/>
  <c r="AF98241" i="1"/>
  <c r="AF98242" i="1"/>
  <c r="AF98243" i="1"/>
  <c r="AF98244" i="1"/>
  <c r="AF98245" i="1"/>
  <c r="AF98246" i="1"/>
  <c r="AF98247" i="1"/>
  <c r="AF98248" i="1"/>
  <c r="AF98249" i="1"/>
  <c r="AF98250" i="1"/>
  <c r="AF98251" i="1"/>
  <c r="AF98252" i="1"/>
  <c r="AF98253" i="1"/>
  <c r="AF98254" i="1"/>
  <c r="AF98255" i="1"/>
  <c r="AF98256" i="1"/>
  <c r="AF98257" i="1"/>
  <c r="AF98258" i="1"/>
  <c r="AF98259" i="1"/>
  <c r="AF98260" i="1"/>
  <c r="AF98261" i="1"/>
  <c r="AF98262" i="1"/>
  <c r="AF98263" i="1"/>
  <c r="AF98264" i="1"/>
  <c r="AF98265" i="1"/>
  <c r="AF98266" i="1"/>
  <c r="AF98267" i="1"/>
  <c r="AF98268" i="1"/>
  <c r="AF98269" i="1"/>
  <c r="AF98270" i="1"/>
  <c r="AF98271" i="1"/>
  <c r="AF98272" i="1"/>
  <c r="AF98273" i="1"/>
  <c r="AF98274" i="1"/>
  <c r="AF98275" i="1"/>
  <c r="AF98276" i="1"/>
  <c r="AF98277" i="1"/>
  <c r="AF98278" i="1"/>
  <c r="AF98279" i="1"/>
  <c r="AF98280" i="1"/>
  <c r="AF98281" i="1"/>
  <c r="AF98282" i="1"/>
  <c r="AF98283" i="1"/>
  <c r="AF98284" i="1"/>
  <c r="AF98285" i="1"/>
  <c r="AF98286" i="1"/>
  <c r="AF98287" i="1"/>
  <c r="AF98288" i="1"/>
  <c r="AF98289" i="1"/>
  <c r="AF98290" i="1"/>
  <c r="AF98291" i="1"/>
  <c r="AF98292" i="1"/>
  <c r="AF98293" i="1"/>
  <c r="AF98294" i="1"/>
  <c r="AF98295" i="1"/>
  <c r="AF98296" i="1"/>
  <c r="AF98297" i="1"/>
  <c r="AF98298" i="1"/>
  <c r="AF98299" i="1"/>
  <c r="AF98300" i="1"/>
  <c r="AF98301" i="1"/>
  <c r="AF98302" i="1"/>
  <c r="AF98303" i="1"/>
  <c r="AF98304" i="1"/>
  <c r="AF98305" i="1"/>
  <c r="AF98306" i="1"/>
  <c r="AF98307" i="1"/>
  <c r="AF98308" i="1"/>
  <c r="AF98309" i="1"/>
  <c r="AF98310" i="1"/>
  <c r="AF98311" i="1"/>
  <c r="AF98312" i="1"/>
  <c r="AF98313" i="1"/>
  <c r="AF98314" i="1"/>
  <c r="AF98315" i="1"/>
  <c r="AF98316" i="1"/>
  <c r="AF98317" i="1"/>
  <c r="AF98318" i="1"/>
  <c r="AF98319" i="1"/>
  <c r="AF98320" i="1"/>
  <c r="AF98321" i="1"/>
  <c r="AF98322" i="1"/>
  <c r="AF98323" i="1"/>
  <c r="AF98324" i="1"/>
  <c r="AF98325" i="1"/>
  <c r="AF98326" i="1"/>
  <c r="AF98327" i="1"/>
  <c r="AF98328" i="1"/>
  <c r="AF98329" i="1"/>
  <c r="AF98330" i="1"/>
  <c r="AF98331" i="1"/>
  <c r="AF98332" i="1"/>
  <c r="AF98333" i="1"/>
  <c r="AF98334" i="1"/>
  <c r="AF98335" i="1"/>
  <c r="AF98336" i="1"/>
  <c r="AF98337" i="1"/>
  <c r="AF98338" i="1"/>
  <c r="AF98339" i="1"/>
  <c r="AF98340" i="1"/>
  <c r="AF98341" i="1"/>
  <c r="AF98342" i="1"/>
  <c r="AF98343" i="1"/>
  <c r="AF98344" i="1"/>
  <c r="AF98345" i="1"/>
  <c r="AF98346" i="1"/>
  <c r="AF98347" i="1"/>
  <c r="AF98348" i="1"/>
  <c r="AF98349" i="1"/>
  <c r="AF98350" i="1"/>
  <c r="AF98351" i="1"/>
  <c r="AF98352" i="1"/>
  <c r="AF98353" i="1"/>
  <c r="AF98354" i="1"/>
  <c r="AF98355" i="1"/>
  <c r="AF98356" i="1"/>
  <c r="AF98357" i="1"/>
  <c r="AF98358" i="1"/>
  <c r="AF98359" i="1"/>
  <c r="AF98360" i="1"/>
  <c r="AF98361" i="1"/>
  <c r="AF98362" i="1"/>
  <c r="AF98363" i="1"/>
  <c r="AF98364" i="1"/>
  <c r="AF98365" i="1"/>
  <c r="AF98366" i="1"/>
  <c r="AF98367" i="1"/>
  <c r="AF98368" i="1"/>
  <c r="AF98369" i="1"/>
  <c r="AF98370" i="1"/>
  <c r="AF98371" i="1"/>
  <c r="AF98372" i="1"/>
  <c r="AF98373" i="1"/>
  <c r="AF98374" i="1"/>
  <c r="AF98375" i="1"/>
  <c r="AF98376" i="1"/>
  <c r="AF98377" i="1"/>
  <c r="AF98378" i="1"/>
  <c r="AF98379" i="1"/>
  <c r="AF98380" i="1"/>
  <c r="AF98381" i="1"/>
  <c r="AF98382" i="1"/>
  <c r="AF98383" i="1"/>
  <c r="AF98384" i="1"/>
  <c r="AF98385" i="1"/>
  <c r="AF98386" i="1"/>
  <c r="AF98387" i="1"/>
  <c r="AF98388" i="1"/>
  <c r="AF98389" i="1"/>
  <c r="AF98390" i="1"/>
  <c r="AF98391" i="1"/>
  <c r="AF98392" i="1"/>
  <c r="AF98393" i="1"/>
  <c r="AF98394" i="1"/>
  <c r="AF98395" i="1"/>
  <c r="AF98396" i="1"/>
  <c r="AF98397" i="1"/>
  <c r="AF98398" i="1"/>
  <c r="AF98399" i="1"/>
  <c r="AF98400" i="1"/>
  <c r="AF98401" i="1"/>
  <c r="AF98402" i="1"/>
  <c r="AF98403" i="1"/>
  <c r="AF98404" i="1"/>
  <c r="AF98405" i="1"/>
  <c r="AF98406" i="1"/>
  <c r="AF98407" i="1"/>
  <c r="AF98408" i="1"/>
  <c r="AF98409" i="1"/>
  <c r="AF98410" i="1"/>
  <c r="AF98411" i="1"/>
  <c r="AF98412" i="1"/>
  <c r="AF98413" i="1"/>
  <c r="AF98414" i="1"/>
  <c r="AF98415" i="1"/>
  <c r="AF98416" i="1"/>
  <c r="AF98417" i="1"/>
  <c r="AF98418" i="1"/>
  <c r="AF98419" i="1"/>
  <c r="AF98420" i="1"/>
  <c r="AF98421" i="1"/>
  <c r="AF98422" i="1"/>
  <c r="AF98423" i="1"/>
  <c r="AF98424" i="1"/>
  <c r="AF98425" i="1"/>
  <c r="AF98426" i="1"/>
  <c r="AF98427" i="1"/>
  <c r="AF98428" i="1"/>
  <c r="AF98429" i="1"/>
  <c r="AF98430" i="1"/>
  <c r="AF98431" i="1"/>
  <c r="AF98432" i="1"/>
  <c r="AF98433" i="1"/>
  <c r="AF98434" i="1"/>
  <c r="AF98435" i="1"/>
  <c r="AF98436" i="1"/>
  <c r="AF98437" i="1"/>
  <c r="AF98438" i="1"/>
  <c r="AF98439" i="1"/>
  <c r="AF98440" i="1"/>
  <c r="AF98441" i="1"/>
  <c r="AF98442" i="1"/>
  <c r="AF98443" i="1"/>
  <c r="AF98444" i="1"/>
  <c r="AF98445" i="1"/>
  <c r="AF98446" i="1"/>
  <c r="AF98447" i="1"/>
  <c r="AF98448" i="1"/>
  <c r="AF98449" i="1"/>
  <c r="AF98450" i="1"/>
  <c r="AF98451" i="1"/>
  <c r="AF98452" i="1"/>
  <c r="AF98453" i="1"/>
  <c r="AF98454" i="1"/>
  <c r="AF98455" i="1"/>
  <c r="AF98456" i="1"/>
  <c r="AF98457" i="1"/>
  <c r="AF98458" i="1"/>
  <c r="AF98459" i="1"/>
  <c r="AF98460" i="1"/>
  <c r="AF98461" i="1"/>
  <c r="AF98462" i="1"/>
  <c r="AF98463" i="1"/>
  <c r="AF98464" i="1"/>
  <c r="AF98465" i="1"/>
  <c r="AF98466" i="1"/>
  <c r="AF98467" i="1"/>
  <c r="AF98468" i="1"/>
  <c r="AF98469" i="1"/>
  <c r="AF98470" i="1"/>
  <c r="AF98471" i="1"/>
  <c r="AF98472" i="1"/>
  <c r="AF98473" i="1"/>
  <c r="AF98474" i="1"/>
  <c r="AF98475" i="1"/>
  <c r="AF98476" i="1"/>
  <c r="AF98477" i="1"/>
  <c r="AF98478" i="1"/>
  <c r="AF98479" i="1"/>
  <c r="AF98480" i="1"/>
  <c r="AF98481" i="1"/>
  <c r="AF98482" i="1"/>
  <c r="AF98483" i="1"/>
  <c r="AF98484" i="1"/>
  <c r="AF98485" i="1"/>
  <c r="AF98486" i="1"/>
  <c r="AF98487" i="1"/>
  <c r="AF98488" i="1"/>
  <c r="AF98489" i="1"/>
  <c r="AF98490" i="1"/>
  <c r="AF98491" i="1"/>
  <c r="AF98492" i="1"/>
  <c r="AF98493" i="1"/>
  <c r="AF98494" i="1"/>
  <c r="AF98495" i="1"/>
  <c r="AF98496" i="1"/>
  <c r="AF98497" i="1"/>
  <c r="AF98498" i="1"/>
  <c r="AF98499" i="1"/>
  <c r="AF98500" i="1"/>
  <c r="AF98501" i="1"/>
  <c r="AF98502" i="1"/>
  <c r="AF98503" i="1"/>
  <c r="AF98504" i="1"/>
  <c r="AF98505" i="1"/>
  <c r="AF98506" i="1"/>
  <c r="AF98507" i="1"/>
  <c r="AF98508" i="1"/>
  <c r="AF98509" i="1"/>
  <c r="AF98510" i="1"/>
  <c r="AF98511" i="1"/>
  <c r="AF98512" i="1"/>
  <c r="AF98513" i="1"/>
  <c r="AF98514" i="1"/>
  <c r="AF98515" i="1"/>
  <c r="AF98516" i="1"/>
  <c r="AF98517" i="1"/>
  <c r="AF98518" i="1"/>
  <c r="AF98519" i="1"/>
  <c r="AF98520" i="1"/>
  <c r="AF98521" i="1"/>
  <c r="AF98522" i="1"/>
  <c r="AF98523" i="1"/>
  <c r="AF98524" i="1"/>
  <c r="AF98525" i="1"/>
  <c r="AF98526" i="1"/>
  <c r="AF98527" i="1"/>
  <c r="AF98528" i="1"/>
  <c r="AF98529" i="1"/>
  <c r="AF98530" i="1"/>
  <c r="AF98531" i="1"/>
  <c r="AF98532" i="1"/>
  <c r="AF98533" i="1"/>
  <c r="AF98534" i="1"/>
  <c r="AF98535" i="1"/>
  <c r="AF98536" i="1"/>
  <c r="AF98537" i="1"/>
  <c r="AF98538" i="1"/>
  <c r="AF98539" i="1"/>
  <c r="AF98540" i="1"/>
  <c r="AF98541" i="1"/>
  <c r="AF98542" i="1"/>
  <c r="AF98543" i="1"/>
  <c r="AF98544" i="1"/>
  <c r="AF98545" i="1"/>
  <c r="AF98546" i="1"/>
  <c r="AF98547" i="1"/>
  <c r="AF98548" i="1"/>
  <c r="AF98549" i="1"/>
  <c r="AF98550" i="1"/>
  <c r="AF98551" i="1"/>
  <c r="AF98552" i="1"/>
  <c r="AF98553" i="1"/>
  <c r="AF98554" i="1"/>
  <c r="AF98555" i="1"/>
  <c r="AF98556" i="1"/>
  <c r="AF98557" i="1"/>
  <c r="AF98558" i="1"/>
  <c r="AF98559" i="1"/>
  <c r="AF98560" i="1"/>
  <c r="AF98561" i="1"/>
  <c r="AF98562" i="1"/>
  <c r="AF98563" i="1"/>
  <c r="AF98564" i="1"/>
  <c r="AF98565" i="1"/>
  <c r="AF98566" i="1"/>
  <c r="AF98567" i="1"/>
  <c r="AF98568" i="1"/>
  <c r="AF98569" i="1"/>
  <c r="AF98570" i="1"/>
  <c r="AF98571" i="1"/>
  <c r="AF98572" i="1"/>
  <c r="AF98573" i="1"/>
  <c r="AF98574" i="1"/>
  <c r="AF98575" i="1"/>
  <c r="AF98576" i="1"/>
  <c r="AF98577" i="1"/>
  <c r="AF98578" i="1"/>
  <c r="AF98579" i="1"/>
  <c r="AF98580" i="1"/>
  <c r="AF98581" i="1"/>
  <c r="AF98582" i="1"/>
  <c r="AF98583" i="1"/>
  <c r="AF98584" i="1"/>
  <c r="AF98585" i="1"/>
  <c r="AF98586" i="1"/>
  <c r="AF98587" i="1"/>
  <c r="AF98588" i="1"/>
  <c r="AF98589" i="1"/>
  <c r="AF98590" i="1"/>
  <c r="AF98591" i="1"/>
  <c r="AF98592" i="1"/>
  <c r="AF98593" i="1"/>
  <c r="AF98594" i="1"/>
  <c r="AF98595" i="1"/>
  <c r="AF98596" i="1"/>
  <c r="AF98597" i="1"/>
  <c r="AF98598" i="1"/>
  <c r="AF98599" i="1"/>
  <c r="AF98600" i="1"/>
  <c r="AF98601" i="1"/>
  <c r="AF98602" i="1"/>
  <c r="AF98603" i="1"/>
  <c r="AF98604" i="1"/>
  <c r="AF98605" i="1"/>
  <c r="AF98606" i="1"/>
  <c r="AF98607" i="1"/>
  <c r="AF98608" i="1"/>
  <c r="AF98609" i="1"/>
  <c r="AF98610" i="1"/>
  <c r="AF98611" i="1"/>
  <c r="AF98612" i="1"/>
  <c r="AF98613" i="1"/>
  <c r="AF98614" i="1"/>
  <c r="AF98615" i="1"/>
  <c r="AF98616" i="1"/>
  <c r="AF98617" i="1"/>
  <c r="AF98618" i="1"/>
  <c r="AF98619" i="1"/>
  <c r="AF98620" i="1"/>
  <c r="AF98621" i="1"/>
  <c r="AF98622" i="1"/>
  <c r="AF98623" i="1"/>
  <c r="AF98624" i="1"/>
  <c r="AF98625" i="1"/>
  <c r="AF98626" i="1"/>
  <c r="AF98627" i="1"/>
  <c r="AF98628" i="1"/>
  <c r="AF98629" i="1"/>
  <c r="AF98630" i="1"/>
  <c r="AF98631" i="1"/>
  <c r="AF98632" i="1"/>
  <c r="AF98633" i="1"/>
  <c r="AF98634" i="1"/>
  <c r="AF98635" i="1"/>
  <c r="AF98636" i="1"/>
  <c r="AF98637" i="1"/>
  <c r="AF98638" i="1"/>
  <c r="AF98639" i="1"/>
  <c r="AF98640" i="1"/>
  <c r="AF98641" i="1"/>
  <c r="AF98642" i="1"/>
  <c r="AF98643" i="1"/>
  <c r="AF98644" i="1"/>
  <c r="AF98645" i="1"/>
  <c r="AF98646" i="1"/>
  <c r="AF98647" i="1"/>
  <c r="AF98648" i="1"/>
  <c r="AF98649" i="1"/>
  <c r="AF98650" i="1"/>
  <c r="AF98651" i="1"/>
  <c r="AF98652" i="1"/>
  <c r="AF98653" i="1"/>
  <c r="AF98654" i="1"/>
  <c r="AF98655" i="1"/>
  <c r="AF98656" i="1"/>
  <c r="AF98657" i="1"/>
  <c r="AF98658" i="1"/>
  <c r="AF98659" i="1"/>
  <c r="AF98660" i="1"/>
  <c r="AF98661" i="1"/>
  <c r="AF98662" i="1"/>
  <c r="AF98663" i="1"/>
  <c r="AF98664" i="1"/>
  <c r="AF98665" i="1"/>
  <c r="AF98666" i="1"/>
  <c r="AF98667" i="1"/>
  <c r="AF98668" i="1"/>
  <c r="AF98669" i="1"/>
  <c r="AF98670" i="1"/>
  <c r="AF98671" i="1"/>
  <c r="AF98672" i="1"/>
  <c r="AF98673" i="1"/>
  <c r="AF98674" i="1"/>
  <c r="AF98675" i="1"/>
  <c r="AF98676" i="1"/>
  <c r="AF98677" i="1"/>
  <c r="AF98678" i="1"/>
  <c r="AF98679" i="1"/>
  <c r="AF98680" i="1"/>
  <c r="AF98681" i="1"/>
  <c r="AF98682" i="1"/>
  <c r="AF98683" i="1"/>
  <c r="AF98684" i="1"/>
  <c r="AF98685" i="1"/>
  <c r="AF98686" i="1"/>
  <c r="AF98687" i="1"/>
  <c r="AF98688" i="1"/>
  <c r="AF98689" i="1"/>
  <c r="AF98690" i="1"/>
  <c r="AF98691" i="1"/>
  <c r="AF98692" i="1"/>
  <c r="AF98693" i="1"/>
  <c r="AF98694" i="1"/>
  <c r="AF98695" i="1"/>
  <c r="AF98696" i="1"/>
  <c r="AF98697" i="1"/>
  <c r="AF98698" i="1"/>
  <c r="AF98699" i="1"/>
  <c r="AF98700" i="1"/>
  <c r="AF98701" i="1"/>
  <c r="AF98702" i="1"/>
  <c r="AF98703" i="1"/>
  <c r="AF98704" i="1"/>
  <c r="AF98705" i="1"/>
  <c r="AF98706" i="1"/>
  <c r="AF98707" i="1"/>
  <c r="AF98708" i="1"/>
  <c r="AF98709" i="1"/>
  <c r="AF98710" i="1"/>
  <c r="AF98711" i="1"/>
  <c r="AF98712" i="1"/>
  <c r="AF98713" i="1"/>
  <c r="AF98714" i="1"/>
  <c r="AF98715" i="1"/>
  <c r="AF98716" i="1"/>
  <c r="AF98717" i="1"/>
  <c r="AF98718" i="1"/>
  <c r="AF98719" i="1"/>
  <c r="AF98720" i="1"/>
  <c r="AF98721" i="1"/>
  <c r="AF98722" i="1"/>
  <c r="AF98723" i="1"/>
  <c r="AF98724" i="1"/>
  <c r="AF98725" i="1"/>
  <c r="AF98726" i="1"/>
  <c r="AF98727" i="1"/>
  <c r="AF98728" i="1"/>
  <c r="AF98729" i="1"/>
  <c r="AF98730" i="1"/>
  <c r="AF98731" i="1"/>
  <c r="AF98732" i="1"/>
  <c r="AF98733" i="1"/>
  <c r="AF98734" i="1"/>
  <c r="AF98735" i="1"/>
  <c r="AF98736" i="1"/>
  <c r="AF98737" i="1"/>
  <c r="AF98738" i="1"/>
  <c r="AF98739" i="1"/>
  <c r="AF98740" i="1"/>
  <c r="AF98741" i="1"/>
  <c r="AF98742" i="1"/>
  <c r="AF98743" i="1"/>
  <c r="AF98744" i="1"/>
  <c r="AF98745" i="1"/>
  <c r="AF98746" i="1"/>
  <c r="AF98747" i="1"/>
  <c r="AF98748" i="1"/>
  <c r="AF98749" i="1"/>
  <c r="AF98750" i="1"/>
  <c r="AF98751" i="1"/>
  <c r="AF98752" i="1"/>
  <c r="AF98753" i="1"/>
  <c r="AF98754" i="1"/>
  <c r="AF98755" i="1"/>
  <c r="AF98756" i="1"/>
  <c r="AF98757" i="1"/>
  <c r="AF98758" i="1"/>
  <c r="AF98759" i="1"/>
  <c r="AF98760" i="1"/>
  <c r="AF98761" i="1"/>
  <c r="AF98762" i="1"/>
  <c r="AF98763" i="1"/>
  <c r="AF98764" i="1"/>
  <c r="AF98765" i="1"/>
  <c r="AF98766" i="1"/>
  <c r="AF98767" i="1"/>
  <c r="AF98768" i="1"/>
  <c r="AF98769" i="1"/>
  <c r="AF98770" i="1"/>
  <c r="AF98771" i="1"/>
  <c r="AF98772" i="1"/>
  <c r="AF98773" i="1"/>
  <c r="AF98774" i="1"/>
  <c r="AF98775" i="1"/>
  <c r="AF98776" i="1"/>
  <c r="AF98777" i="1"/>
  <c r="AF98778" i="1"/>
  <c r="AF98779" i="1"/>
  <c r="AF98780" i="1"/>
  <c r="AF98781" i="1"/>
  <c r="AF98782" i="1"/>
  <c r="AF98783" i="1"/>
  <c r="AF98784" i="1"/>
  <c r="AF98785" i="1"/>
  <c r="AF98786" i="1"/>
  <c r="AF98787" i="1"/>
  <c r="AF98788" i="1"/>
  <c r="AF98789" i="1"/>
  <c r="AF98790" i="1"/>
  <c r="AF98791" i="1"/>
  <c r="AF98792" i="1"/>
  <c r="AF98793" i="1"/>
  <c r="AF98794" i="1"/>
  <c r="AF98795" i="1"/>
  <c r="AF98796" i="1"/>
  <c r="AF98797" i="1"/>
  <c r="AF98798" i="1"/>
  <c r="AF98799" i="1"/>
  <c r="AF98800" i="1"/>
  <c r="AF98801" i="1"/>
  <c r="AF98802" i="1"/>
  <c r="AF98803" i="1"/>
  <c r="AF98804" i="1"/>
  <c r="AF98805" i="1"/>
  <c r="AF98806" i="1"/>
  <c r="AF98807" i="1"/>
  <c r="AF98808" i="1"/>
  <c r="AF98809" i="1"/>
  <c r="AF98810" i="1"/>
  <c r="AF98811" i="1"/>
  <c r="AF98812" i="1"/>
  <c r="AF98813" i="1"/>
  <c r="AF98814" i="1"/>
  <c r="AF98815" i="1"/>
  <c r="AF98816" i="1"/>
  <c r="AF98817" i="1"/>
  <c r="AF98818" i="1"/>
  <c r="AF98819" i="1"/>
  <c r="AF98820" i="1"/>
  <c r="AF98821" i="1"/>
  <c r="AF98822" i="1"/>
  <c r="AF98823" i="1"/>
  <c r="AF98824" i="1"/>
  <c r="AF98825" i="1"/>
  <c r="AF98826" i="1"/>
  <c r="AF98827" i="1"/>
  <c r="AF98828" i="1"/>
  <c r="AF98829" i="1"/>
  <c r="AF98830" i="1"/>
  <c r="AF98831" i="1"/>
  <c r="AF98832" i="1"/>
  <c r="AF98833" i="1"/>
  <c r="AF98834" i="1"/>
  <c r="AF98835" i="1"/>
  <c r="AF98836" i="1"/>
  <c r="AF98837" i="1"/>
  <c r="AF98838" i="1"/>
  <c r="AF98839" i="1"/>
  <c r="AF98840" i="1"/>
  <c r="AF98841" i="1"/>
  <c r="AF98842" i="1"/>
  <c r="AF98843" i="1"/>
  <c r="AF98844" i="1"/>
  <c r="AF98845" i="1"/>
  <c r="AF98846" i="1"/>
  <c r="AF98847" i="1"/>
  <c r="AF98848" i="1"/>
  <c r="AF98849" i="1"/>
  <c r="AF98850" i="1"/>
  <c r="AF98851" i="1"/>
  <c r="AF98852" i="1"/>
  <c r="AF98853" i="1"/>
  <c r="AF98854" i="1"/>
  <c r="AF98855" i="1"/>
  <c r="AF98856" i="1"/>
  <c r="AF98857" i="1"/>
  <c r="AF98858" i="1"/>
  <c r="AF98859" i="1"/>
  <c r="AF98860" i="1"/>
  <c r="AF98861" i="1"/>
  <c r="AF98862" i="1"/>
  <c r="AF98863" i="1"/>
  <c r="AF98864" i="1"/>
  <c r="AF98865" i="1"/>
  <c r="AF98866" i="1"/>
  <c r="AF98867" i="1"/>
  <c r="AF98868" i="1"/>
  <c r="AF98869" i="1"/>
  <c r="AF98870" i="1"/>
  <c r="AF98871" i="1"/>
  <c r="AF98872" i="1"/>
  <c r="AF98873" i="1"/>
  <c r="AF98874" i="1"/>
  <c r="AF98875" i="1"/>
  <c r="AF98876" i="1"/>
  <c r="AF98877" i="1"/>
  <c r="AF98878" i="1"/>
  <c r="AF98879" i="1"/>
  <c r="AF98880" i="1"/>
  <c r="AF98881" i="1"/>
  <c r="AF98882" i="1"/>
  <c r="AF98883" i="1"/>
  <c r="AF98884" i="1"/>
  <c r="AF98885" i="1"/>
  <c r="AF98886" i="1"/>
  <c r="AF98887" i="1"/>
  <c r="AF98888" i="1"/>
  <c r="AF98889" i="1"/>
  <c r="AF98890" i="1"/>
  <c r="AF98891" i="1"/>
  <c r="AF98892" i="1"/>
  <c r="AF98893" i="1"/>
  <c r="AF98894" i="1"/>
  <c r="AF98895" i="1"/>
  <c r="AF98896" i="1"/>
  <c r="AF98897" i="1"/>
  <c r="AF98898" i="1"/>
  <c r="AF98899" i="1"/>
  <c r="AF98900" i="1"/>
  <c r="AF98901" i="1"/>
  <c r="AF98902" i="1"/>
  <c r="AF98903" i="1"/>
  <c r="AF98904" i="1"/>
  <c r="AF98905" i="1"/>
  <c r="AF98906" i="1"/>
  <c r="AF98907" i="1"/>
  <c r="AF98908" i="1"/>
  <c r="AF98909" i="1"/>
  <c r="AF98910" i="1"/>
  <c r="AF98911" i="1"/>
  <c r="AF98912" i="1"/>
  <c r="AF98913" i="1"/>
  <c r="AF98914" i="1"/>
  <c r="AF98915" i="1"/>
  <c r="AF98916" i="1"/>
  <c r="AF98917" i="1"/>
  <c r="AF98918" i="1"/>
  <c r="AF98919" i="1"/>
  <c r="AF98920" i="1"/>
  <c r="AF98921" i="1"/>
  <c r="AF98922" i="1"/>
  <c r="AF98923" i="1"/>
  <c r="AF98924" i="1"/>
  <c r="AF98925" i="1"/>
  <c r="AF98926" i="1"/>
  <c r="AF98927" i="1"/>
  <c r="AF98928" i="1"/>
  <c r="AF98929" i="1"/>
  <c r="AF98930" i="1"/>
  <c r="AF98931" i="1"/>
  <c r="AF98932" i="1"/>
  <c r="AF98933" i="1"/>
  <c r="AF98934" i="1"/>
  <c r="AF98935" i="1"/>
  <c r="AF98936" i="1"/>
  <c r="AF98937" i="1"/>
  <c r="AF98938" i="1"/>
  <c r="AF98939" i="1"/>
  <c r="AF98940" i="1"/>
  <c r="AF98941" i="1"/>
  <c r="AF98942" i="1"/>
  <c r="AF98943" i="1"/>
  <c r="AF98944" i="1"/>
  <c r="AF98945" i="1"/>
  <c r="AF98946" i="1"/>
  <c r="AF98947" i="1"/>
  <c r="AF98948" i="1"/>
  <c r="AF98949" i="1"/>
  <c r="AF98950" i="1"/>
  <c r="AF98951" i="1"/>
  <c r="AF98952" i="1"/>
  <c r="AF98953" i="1"/>
  <c r="AF98954" i="1"/>
  <c r="AF98955" i="1"/>
  <c r="AF98956" i="1"/>
  <c r="AF98957" i="1"/>
  <c r="AF98958" i="1"/>
  <c r="AF98959" i="1"/>
  <c r="AF98960" i="1"/>
  <c r="AF98961" i="1"/>
  <c r="AF98962" i="1"/>
  <c r="AF98963" i="1"/>
  <c r="AF98964" i="1"/>
  <c r="AF98965" i="1"/>
  <c r="AF98966" i="1"/>
  <c r="AF98967" i="1"/>
  <c r="AF98968" i="1"/>
  <c r="AF98969" i="1"/>
  <c r="AF98970" i="1"/>
  <c r="AF98971" i="1"/>
  <c r="AF98972" i="1"/>
  <c r="AF98973" i="1"/>
  <c r="AF98974" i="1"/>
  <c r="AF98975" i="1"/>
  <c r="AF98976" i="1"/>
  <c r="AF98977" i="1"/>
  <c r="AF98978" i="1"/>
  <c r="AF98979" i="1"/>
  <c r="AF98980" i="1"/>
  <c r="AF98981" i="1"/>
  <c r="AF98982" i="1"/>
  <c r="AF98983" i="1"/>
  <c r="AF98984" i="1"/>
  <c r="AF98985" i="1"/>
  <c r="AF98986" i="1"/>
  <c r="AF98987" i="1"/>
  <c r="AF98988" i="1"/>
  <c r="AF98989" i="1"/>
  <c r="AF98990" i="1"/>
  <c r="AF98991" i="1"/>
  <c r="AF98992" i="1"/>
  <c r="AF98993" i="1"/>
  <c r="AF98994" i="1"/>
  <c r="AF98995" i="1"/>
  <c r="AF98996" i="1"/>
  <c r="AF98997" i="1"/>
  <c r="AF98998" i="1"/>
  <c r="AF98999" i="1"/>
  <c r="AF99000" i="1"/>
  <c r="AF99001" i="1"/>
  <c r="AF99002" i="1"/>
  <c r="AF99003" i="1"/>
  <c r="AF99004" i="1"/>
  <c r="AF99005" i="1"/>
  <c r="AF99006" i="1"/>
  <c r="AF99007" i="1"/>
  <c r="AF99008" i="1"/>
  <c r="AF99009" i="1"/>
  <c r="AF99010" i="1"/>
  <c r="AF99011" i="1"/>
  <c r="AF99012" i="1"/>
  <c r="AF99013" i="1"/>
  <c r="AF99014" i="1"/>
  <c r="AF99015" i="1"/>
  <c r="AF99016" i="1"/>
  <c r="AF99017" i="1"/>
  <c r="AF99018" i="1"/>
  <c r="AF99019" i="1"/>
  <c r="AF99020" i="1"/>
  <c r="AF99021" i="1"/>
  <c r="AF99022" i="1"/>
  <c r="AF99023" i="1"/>
  <c r="AF99024" i="1"/>
  <c r="AF99025" i="1"/>
  <c r="AF99026" i="1"/>
  <c r="AF99027" i="1"/>
  <c r="AF99028" i="1"/>
  <c r="AF99029" i="1"/>
  <c r="AF99030" i="1"/>
  <c r="AF99031" i="1"/>
  <c r="AF99032" i="1"/>
  <c r="AF99033" i="1"/>
  <c r="AF99034" i="1"/>
  <c r="AF99035" i="1"/>
  <c r="AF99036" i="1"/>
  <c r="AF99037" i="1"/>
  <c r="AF99038" i="1"/>
  <c r="AF99039" i="1"/>
  <c r="AF99040" i="1"/>
  <c r="AF99041" i="1"/>
  <c r="AF99042" i="1"/>
  <c r="AF99043" i="1"/>
  <c r="AF99044" i="1"/>
  <c r="AF99045" i="1"/>
  <c r="AF99046" i="1"/>
  <c r="AF99047" i="1"/>
  <c r="AF99048" i="1"/>
  <c r="AF99049" i="1"/>
  <c r="AF99050" i="1"/>
  <c r="AF99051" i="1"/>
  <c r="AF99052" i="1"/>
  <c r="AF99053" i="1"/>
  <c r="AF99054" i="1"/>
  <c r="AF99055" i="1"/>
  <c r="AF99056" i="1"/>
  <c r="AF99057" i="1"/>
  <c r="AF99058" i="1"/>
  <c r="AF99059" i="1"/>
  <c r="AF99060" i="1"/>
  <c r="AF99061" i="1"/>
  <c r="AF99062" i="1"/>
  <c r="AF99063" i="1"/>
  <c r="AF99064" i="1"/>
  <c r="AF99065" i="1"/>
  <c r="AF99066" i="1"/>
  <c r="AF99067" i="1"/>
  <c r="AF99068" i="1"/>
  <c r="AF99069" i="1"/>
  <c r="AF99070" i="1"/>
  <c r="AF99071" i="1"/>
  <c r="AF99072" i="1"/>
  <c r="AF99073" i="1"/>
  <c r="AF99074" i="1"/>
  <c r="AF99075" i="1"/>
  <c r="AF99076" i="1"/>
  <c r="AF99077" i="1"/>
  <c r="AF99078" i="1"/>
  <c r="AF99079" i="1"/>
  <c r="AF99080" i="1"/>
  <c r="AF99081" i="1"/>
  <c r="AF99082" i="1"/>
  <c r="AF99083" i="1"/>
  <c r="AF99084" i="1"/>
  <c r="AF99085" i="1"/>
  <c r="AF99086" i="1"/>
  <c r="AF99087" i="1"/>
  <c r="AF99088" i="1"/>
  <c r="AF99089" i="1"/>
  <c r="AF99090" i="1"/>
  <c r="AF99091" i="1"/>
  <c r="AF99092" i="1"/>
  <c r="AF99093" i="1"/>
  <c r="AF99094" i="1"/>
  <c r="AF99095" i="1"/>
  <c r="AF99096" i="1"/>
  <c r="AF99097" i="1"/>
  <c r="AF99098" i="1"/>
  <c r="AF99099" i="1"/>
  <c r="AF99100" i="1"/>
  <c r="AF99101" i="1"/>
  <c r="AF99102" i="1"/>
  <c r="AF99103" i="1"/>
  <c r="AF99104" i="1"/>
  <c r="AF99105" i="1"/>
  <c r="AF99106" i="1"/>
  <c r="AF99107" i="1"/>
  <c r="AF99108" i="1"/>
  <c r="AF99109" i="1"/>
  <c r="AF99110" i="1"/>
  <c r="AF99111" i="1"/>
  <c r="AF99112" i="1"/>
  <c r="AF99113" i="1"/>
  <c r="AF99114" i="1"/>
  <c r="AF99115" i="1"/>
  <c r="AF99116" i="1"/>
  <c r="AF99117" i="1"/>
  <c r="AF99118" i="1"/>
  <c r="AF99119" i="1"/>
  <c r="AF99120" i="1"/>
  <c r="AF99121" i="1"/>
  <c r="AF99122" i="1"/>
  <c r="AF99123" i="1"/>
  <c r="AF99124" i="1"/>
  <c r="AF99125" i="1"/>
  <c r="AF99126" i="1"/>
  <c r="AF99127" i="1"/>
  <c r="AF99128" i="1"/>
  <c r="AF99129" i="1"/>
  <c r="AF99130" i="1"/>
  <c r="AF99131" i="1"/>
  <c r="AF99132" i="1"/>
  <c r="AF99133" i="1"/>
  <c r="AF99134" i="1"/>
  <c r="AF99135" i="1"/>
  <c r="AF99136" i="1"/>
  <c r="AF99137" i="1"/>
  <c r="AF99138" i="1"/>
  <c r="AF99139" i="1"/>
  <c r="AF99140" i="1"/>
  <c r="AF99141" i="1"/>
  <c r="AF99142" i="1"/>
  <c r="AF99143" i="1"/>
  <c r="AF99144" i="1"/>
  <c r="AF99145" i="1"/>
  <c r="AF99146" i="1"/>
  <c r="AF99147" i="1"/>
  <c r="AF99148" i="1"/>
  <c r="AF99149" i="1"/>
  <c r="AF99150" i="1"/>
  <c r="AF99151" i="1"/>
  <c r="AF99152" i="1"/>
  <c r="AF99153" i="1"/>
  <c r="AF99154" i="1"/>
  <c r="AF99155" i="1"/>
  <c r="AF99156" i="1"/>
  <c r="AF99157" i="1"/>
  <c r="AF99158" i="1"/>
  <c r="AF99159" i="1"/>
  <c r="AF99160" i="1"/>
  <c r="AF99161" i="1"/>
  <c r="AF99162" i="1"/>
  <c r="AF99163" i="1"/>
  <c r="AF99164" i="1"/>
  <c r="AF99165" i="1"/>
  <c r="AF99166" i="1"/>
  <c r="AF99167" i="1"/>
  <c r="AF99168" i="1"/>
  <c r="AF99169" i="1"/>
  <c r="AF99170" i="1"/>
  <c r="AF99171" i="1"/>
  <c r="AF99172" i="1"/>
  <c r="AF99173" i="1"/>
  <c r="AF99174" i="1"/>
  <c r="AF99175" i="1"/>
  <c r="AF99176" i="1"/>
  <c r="AF99177" i="1"/>
  <c r="AF99178" i="1"/>
  <c r="AF99179" i="1"/>
  <c r="AF99180" i="1"/>
  <c r="AF99181" i="1"/>
  <c r="AF99182" i="1"/>
  <c r="AF99183" i="1"/>
  <c r="AF99184" i="1"/>
  <c r="AF99185" i="1"/>
  <c r="AF99186" i="1"/>
  <c r="AF99187" i="1"/>
  <c r="AF99188" i="1"/>
  <c r="AF99189" i="1"/>
  <c r="AF99190" i="1"/>
  <c r="AF99191" i="1"/>
  <c r="AF99192" i="1"/>
  <c r="AF99193" i="1"/>
  <c r="AF99194" i="1"/>
  <c r="AF99195" i="1"/>
  <c r="AF99196" i="1"/>
  <c r="AF99197" i="1"/>
  <c r="AF99198" i="1"/>
  <c r="AF99199" i="1"/>
  <c r="AF99200" i="1"/>
  <c r="AF99201" i="1"/>
  <c r="AF99202" i="1"/>
  <c r="AF99203" i="1"/>
  <c r="AF99204" i="1"/>
  <c r="AF99205" i="1"/>
  <c r="AF99206" i="1"/>
  <c r="AF99207" i="1"/>
  <c r="AF99208" i="1"/>
  <c r="AF99209" i="1"/>
  <c r="AF99210" i="1"/>
  <c r="AF99211" i="1"/>
  <c r="AF99212" i="1"/>
  <c r="AF99213" i="1"/>
  <c r="AF99214" i="1"/>
  <c r="AF99215" i="1"/>
  <c r="AF99216" i="1"/>
  <c r="AF99217" i="1"/>
  <c r="AF99218" i="1"/>
  <c r="AF99219" i="1"/>
  <c r="AF99220" i="1"/>
  <c r="AF99221" i="1"/>
  <c r="AF99222" i="1"/>
  <c r="AF99223" i="1"/>
  <c r="AF99224" i="1"/>
  <c r="AF99225" i="1"/>
  <c r="AF99226" i="1"/>
  <c r="AF99227" i="1"/>
  <c r="AF99228" i="1"/>
  <c r="AF99229" i="1"/>
  <c r="AF99230" i="1"/>
  <c r="AF99231" i="1"/>
  <c r="AF99232" i="1"/>
  <c r="AF99233" i="1"/>
  <c r="AF99234" i="1"/>
  <c r="AF99235" i="1"/>
  <c r="AF99236" i="1"/>
  <c r="AF99237" i="1"/>
  <c r="AF99238" i="1"/>
  <c r="AF99239" i="1"/>
  <c r="AF99240" i="1"/>
  <c r="AF99241" i="1"/>
  <c r="AF99242" i="1"/>
  <c r="AF99243" i="1"/>
  <c r="AF99244" i="1"/>
  <c r="AF99245" i="1"/>
  <c r="AF99246" i="1"/>
  <c r="AF99247" i="1"/>
  <c r="AF99248" i="1"/>
  <c r="AF99249" i="1"/>
  <c r="AF99250" i="1"/>
  <c r="AF99251" i="1"/>
  <c r="AF99252" i="1"/>
  <c r="AF99253" i="1"/>
  <c r="AF99254" i="1"/>
  <c r="AF99255" i="1"/>
  <c r="AF99256" i="1"/>
  <c r="AF99257" i="1"/>
  <c r="AF99258" i="1"/>
  <c r="AF99259" i="1"/>
  <c r="AF99260" i="1"/>
  <c r="AF99261" i="1"/>
  <c r="AF99262" i="1"/>
  <c r="AF99263" i="1"/>
  <c r="AF99264" i="1"/>
  <c r="AF99265" i="1"/>
  <c r="AF99266" i="1"/>
  <c r="AF99267" i="1"/>
  <c r="AF99268" i="1"/>
  <c r="AF99269" i="1"/>
  <c r="AF99270" i="1"/>
  <c r="AF99271" i="1"/>
  <c r="AF99272" i="1"/>
  <c r="AF99273" i="1"/>
  <c r="AF99274" i="1"/>
  <c r="AF99275" i="1"/>
  <c r="AF99276" i="1"/>
  <c r="AF99277" i="1"/>
  <c r="AF99278" i="1"/>
  <c r="AF99279" i="1"/>
  <c r="AF99280" i="1"/>
  <c r="AF99281" i="1"/>
  <c r="AF99282" i="1"/>
  <c r="AF99283" i="1"/>
  <c r="AF99284" i="1"/>
  <c r="AF99285" i="1"/>
  <c r="AF99286" i="1"/>
  <c r="AF99287" i="1"/>
  <c r="AF99288" i="1"/>
  <c r="AF99289" i="1"/>
  <c r="AF99290" i="1"/>
  <c r="AF99291" i="1"/>
  <c r="AF99292" i="1"/>
  <c r="AF99293" i="1"/>
  <c r="AF99294" i="1"/>
  <c r="AF99295" i="1"/>
  <c r="AF99296" i="1"/>
  <c r="AF99297" i="1"/>
  <c r="AF99298" i="1"/>
  <c r="AF99299" i="1"/>
  <c r="AF99300" i="1"/>
  <c r="AF99301" i="1"/>
  <c r="AF99302" i="1"/>
  <c r="AF99303" i="1"/>
  <c r="AF99304" i="1"/>
  <c r="AF99305" i="1"/>
  <c r="AF99306" i="1"/>
  <c r="AF99307" i="1"/>
  <c r="AF99308" i="1"/>
  <c r="AF99309" i="1"/>
  <c r="AF99310" i="1"/>
  <c r="AF99311" i="1"/>
  <c r="AF99312" i="1"/>
  <c r="AF99313" i="1"/>
  <c r="AF99314" i="1"/>
  <c r="AF99315" i="1"/>
  <c r="AF99316" i="1"/>
  <c r="AF99317" i="1"/>
  <c r="AF99318" i="1"/>
  <c r="AF99319" i="1"/>
  <c r="AF99320" i="1"/>
  <c r="AF99321" i="1"/>
  <c r="AF99322" i="1"/>
  <c r="AF99323" i="1"/>
  <c r="AF99324" i="1"/>
  <c r="AF99325" i="1"/>
  <c r="AF99326" i="1"/>
  <c r="AF99327" i="1"/>
  <c r="AF99328" i="1"/>
  <c r="AF99329" i="1"/>
  <c r="AF99330" i="1"/>
  <c r="AF99331" i="1"/>
  <c r="AF99332" i="1"/>
  <c r="AF99333" i="1"/>
  <c r="AF99334" i="1"/>
  <c r="AF99335" i="1"/>
  <c r="AF99336" i="1"/>
  <c r="AF99337" i="1"/>
  <c r="AF99338" i="1"/>
  <c r="AF99339" i="1"/>
  <c r="AF99340" i="1"/>
  <c r="AF99341" i="1"/>
  <c r="AF99342" i="1"/>
  <c r="AF99343" i="1"/>
  <c r="AF99344" i="1"/>
  <c r="AF99345" i="1"/>
  <c r="AF99346" i="1"/>
  <c r="AF99347" i="1"/>
  <c r="AF99348" i="1"/>
  <c r="AF99349" i="1"/>
  <c r="AF99350" i="1"/>
  <c r="AF99351" i="1"/>
  <c r="AF99352" i="1"/>
  <c r="AF99353" i="1"/>
  <c r="AF99354" i="1"/>
  <c r="AF99355" i="1"/>
  <c r="AF99356" i="1"/>
  <c r="AF99357" i="1"/>
  <c r="AF99358" i="1"/>
  <c r="AF99359" i="1"/>
  <c r="AF99360" i="1"/>
  <c r="AF99361" i="1"/>
  <c r="AF99362" i="1"/>
  <c r="AF99363" i="1"/>
  <c r="AF99364" i="1"/>
  <c r="AF99365" i="1"/>
  <c r="AF99366" i="1"/>
  <c r="AF99367" i="1"/>
  <c r="AF99368" i="1"/>
  <c r="AF99369" i="1"/>
  <c r="AF99370" i="1"/>
  <c r="AF99371" i="1"/>
  <c r="AF99372" i="1"/>
  <c r="AF99373" i="1"/>
  <c r="AF99374" i="1"/>
  <c r="AF99375" i="1"/>
  <c r="AF99376" i="1"/>
  <c r="AF99377" i="1"/>
  <c r="AF99378" i="1"/>
  <c r="AF99379" i="1"/>
  <c r="AF99380" i="1"/>
  <c r="AF99381" i="1"/>
  <c r="AF99382" i="1"/>
  <c r="AF99383" i="1"/>
  <c r="AF99384" i="1"/>
  <c r="AF99385" i="1"/>
  <c r="AF99386" i="1"/>
  <c r="AF99387" i="1"/>
  <c r="AF99388" i="1"/>
  <c r="AF99389" i="1"/>
  <c r="AF99390" i="1"/>
  <c r="AF99391" i="1"/>
  <c r="AF99392" i="1"/>
  <c r="AF99393" i="1"/>
  <c r="AF99394" i="1"/>
  <c r="AF99395" i="1"/>
  <c r="AF99396" i="1"/>
  <c r="AF99397" i="1"/>
  <c r="AF99398" i="1"/>
  <c r="AF99399" i="1"/>
  <c r="AF99400" i="1"/>
  <c r="AF99401" i="1"/>
  <c r="AF99402" i="1"/>
  <c r="AF99403" i="1"/>
  <c r="AF99404" i="1"/>
  <c r="AF99405" i="1"/>
  <c r="AF99406" i="1"/>
  <c r="AF99407" i="1"/>
  <c r="AF99408" i="1"/>
  <c r="AF99409" i="1"/>
  <c r="AF99410" i="1"/>
  <c r="AF99411" i="1"/>
  <c r="AF99412" i="1"/>
  <c r="AF99413" i="1"/>
  <c r="AF99414" i="1"/>
  <c r="AF99415" i="1"/>
  <c r="AF99416" i="1"/>
  <c r="AF99417" i="1"/>
  <c r="AF99418" i="1"/>
  <c r="AF99419" i="1"/>
  <c r="AF99420" i="1"/>
  <c r="AF99421" i="1"/>
  <c r="AF99422" i="1"/>
  <c r="AF99423" i="1"/>
  <c r="AF99424" i="1"/>
  <c r="AF99425" i="1"/>
  <c r="AF99426" i="1"/>
  <c r="AF99427" i="1"/>
  <c r="AF99428" i="1"/>
  <c r="AF99429" i="1"/>
  <c r="AF99430" i="1"/>
  <c r="AF99431" i="1"/>
  <c r="AF99432" i="1"/>
  <c r="AF99433" i="1"/>
  <c r="AF99434" i="1"/>
  <c r="AF99435" i="1"/>
  <c r="AF99436" i="1"/>
  <c r="AF99437" i="1"/>
  <c r="AF99438" i="1"/>
  <c r="AF99439" i="1"/>
  <c r="AF99440" i="1"/>
  <c r="AF99441" i="1"/>
  <c r="AF99442" i="1"/>
  <c r="AF99443" i="1"/>
  <c r="AF99444" i="1"/>
  <c r="AF99445" i="1"/>
  <c r="AF99446" i="1"/>
  <c r="AF99447" i="1"/>
  <c r="AF99448" i="1"/>
  <c r="AF99449" i="1"/>
  <c r="AF99450" i="1"/>
  <c r="AF99451" i="1"/>
  <c r="AF99452" i="1"/>
  <c r="AF99453" i="1"/>
  <c r="AF99454" i="1"/>
  <c r="AF99455" i="1"/>
  <c r="AF99456" i="1"/>
  <c r="AF99457" i="1"/>
  <c r="AF99458" i="1"/>
  <c r="AF99459" i="1"/>
  <c r="AF99460" i="1"/>
  <c r="AF99461" i="1"/>
  <c r="AF99462" i="1"/>
  <c r="AF99463" i="1"/>
  <c r="AF99464" i="1"/>
  <c r="AF99465" i="1"/>
  <c r="AF99466" i="1"/>
  <c r="AF99467" i="1"/>
  <c r="AF99468" i="1"/>
  <c r="AF99469" i="1"/>
  <c r="AF99470" i="1"/>
  <c r="AF99471" i="1"/>
  <c r="AF99472" i="1"/>
  <c r="AF99473" i="1"/>
  <c r="AF99474" i="1"/>
  <c r="AF99475" i="1"/>
  <c r="AF99476" i="1"/>
  <c r="AF99477" i="1"/>
  <c r="AF99478" i="1"/>
  <c r="AF99479" i="1"/>
  <c r="AF99480" i="1"/>
  <c r="AF99481" i="1"/>
  <c r="AF99482" i="1"/>
  <c r="AF99483" i="1"/>
  <c r="AF99484" i="1"/>
  <c r="AF99485" i="1"/>
  <c r="AF99486" i="1"/>
  <c r="AF99487" i="1"/>
  <c r="AF99488" i="1"/>
  <c r="AF99489" i="1"/>
  <c r="AF99490" i="1"/>
  <c r="AF99491" i="1"/>
  <c r="AF99492" i="1"/>
  <c r="AF99493" i="1"/>
  <c r="AF99494" i="1"/>
  <c r="AF99495" i="1"/>
  <c r="AF99496" i="1"/>
  <c r="AF99497" i="1"/>
  <c r="AF99498" i="1"/>
  <c r="AF99499" i="1"/>
  <c r="AF99500" i="1"/>
  <c r="AF99501" i="1"/>
  <c r="AF99502" i="1"/>
  <c r="AF99503" i="1"/>
  <c r="AF99504" i="1"/>
  <c r="AF99505" i="1"/>
  <c r="AF99506" i="1"/>
  <c r="AF99507" i="1"/>
  <c r="AF99508" i="1"/>
  <c r="AF99509" i="1"/>
  <c r="AF99510" i="1"/>
  <c r="AF99511" i="1"/>
  <c r="AF99512" i="1"/>
  <c r="AF99513" i="1"/>
  <c r="AF99514" i="1"/>
  <c r="AF99515" i="1"/>
  <c r="AF99516" i="1"/>
  <c r="AF99517" i="1"/>
  <c r="AF99518" i="1"/>
  <c r="AF99519" i="1"/>
  <c r="AF99520" i="1"/>
  <c r="AF99521" i="1"/>
  <c r="AF99522" i="1"/>
  <c r="AF99523" i="1"/>
  <c r="AF99524" i="1"/>
  <c r="AF99525" i="1"/>
  <c r="AF99526" i="1"/>
  <c r="AF99527" i="1"/>
  <c r="AF99528" i="1"/>
  <c r="AF99529" i="1"/>
  <c r="AF99530" i="1"/>
  <c r="AF99531" i="1"/>
  <c r="AF99532" i="1"/>
  <c r="AF99533" i="1"/>
  <c r="AF99534" i="1"/>
  <c r="AF99535" i="1"/>
  <c r="AF99536" i="1"/>
  <c r="AF99537" i="1"/>
  <c r="AF99538" i="1"/>
  <c r="AF99539" i="1"/>
  <c r="AF99540" i="1"/>
  <c r="AF99541" i="1"/>
  <c r="AF99542" i="1"/>
  <c r="AF99543" i="1"/>
  <c r="AF99544" i="1"/>
  <c r="AF99545" i="1"/>
  <c r="AF99546" i="1"/>
  <c r="AF99547" i="1"/>
  <c r="AF99548" i="1"/>
  <c r="AF99549" i="1"/>
  <c r="AF99550" i="1"/>
  <c r="AF99551" i="1"/>
  <c r="AF99552" i="1"/>
  <c r="AF99553" i="1"/>
  <c r="AF99554" i="1"/>
  <c r="AF99555" i="1"/>
  <c r="AF99556" i="1"/>
  <c r="AF99557" i="1"/>
  <c r="AF99558" i="1"/>
  <c r="AF99559" i="1"/>
  <c r="AF99560" i="1"/>
  <c r="AF99561" i="1"/>
  <c r="AF99562" i="1"/>
  <c r="AF99563" i="1"/>
  <c r="AF99564" i="1"/>
  <c r="AF99565" i="1"/>
  <c r="AF99566" i="1"/>
  <c r="AF99567" i="1"/>
  <c r="AF99568" i="1"/>
  <c r="AF99569" i="1"/>
  <c r="AF99570" i="1"/>
  <c r="AF99571" i="1"/>
  <c r="AF99572" i="1"/>
  <c r="AF99573" i="1"/>
  <c r="AF99574" i="1"/>
  <c r="AF99575" i="1"/>
  <c r="AF99576" i="1"/>
  <c r="AF99577" i="1"/>
  <c r="AF99578" i="1"/>
  <c r="AF99579" i="1"/>
  <c r="AF99580" i="1"/>
  <c r="AF99581" i="1"/>
  <c r="AF99582" i="1"/>
  <c r="AF99583" i="1"/>
  <c r="AF99584" i="1"/>
  <c r="AF99585" i="1"/>
  <c r="AF99586" i="1"/>
  <c r="AF99587" i="1"/>
  <c r="AF99588" i="1"/>
  <c r="AF99589" i="1"/>
  <c r="AF99590" i="1"/>
  <c r="AF99591" i="1"/>
  <c r="AF99592" i="1"/>
  <c r="AF99593" i="1"/>
  <c r="AF99594" i="1"/>
  <c r="AF99595" i="1"/>
  <c r="AF99596" i="1"/>
  <c r="AF99597" i="1"/>
  <c r="AF99598" i="1"/>
  <c r="AF99599" i="1"/>
  <c r="AF99600" i="1"/>
  <c r="AF99601" i="1"/>
  <c r="AF99602" i="1"/>
  <c r="AF99603" i="1"/>
  <c r="AF99604" i="1"/>
  <c r="AF99605" i="1"/>
  <c r="AF99606" i="1"/>
  <c r="AF99607" i="1"/>
  <c r="AF99608" i="1"/>
  <c r="AF99609" i="1"/>
  <c r="AF99610" i="1"/>
  <c r="AF99611" i="1"/>
  <c r="AF99612" i="1"/>
  <c r="AF99613" i="1"/>
  <c r="AF99614" i="1"/>
  <c r="AF99615" i="1"/>
  <c r="AF99616" i="1"/>
  <c r="AF99617" i="1"/>
  <c r="AF99618" i="1"/>
  <c r="AF99619" i="1"/>
  <c r="AF99620" i="1"/>
  <c r="AF99621" i="1"/>
  <c r="AF99622" i="1"/>
  <c r="AF99623" i="1"/>
  <c r="AF99624" i="1"/>
  <c r="AF99625" i="1"/>
  <c r="AF99626" i="1"/>
  <c r="AF99627" i="1"/>
  <c r="AF99628" i="1"/>
  <c r="AF99629" i="1"/>
  <c r="AF99630" i="1"/>
  <c r="AF99631" i="1"/>
  <c r="AF99632" i="1"/>
  <c r="AF99633" i="1"/>
  <c r="AF99634" i="1"/>
  <c r="AF99635" i="1"/>
  <c r="AF99636" i="1"/>
  <c r="AF99637" i="1"/>
  <c r="AF99638" i="1"/>
  <c r="AF99639" i="1"/>
  <c r="AF99640" i="1"/>
  <c r="AF99641" i="1"/>
  <c r="AF99642" i="1"/>
  <c r="AF99643" i="1"/>
  <c r="AF99644" i="1"/>
  <c r="AF99645" i="1"/>
  <c r="AF99646" i="1"/>
  <c r="AF99647" i="1"/>
  <c r="AF99648" i="1"/>
  <c r="AF99649" i="1"/>
  <c r="AF99650" i="1"/>
  <c r="AF99651" i="1"/>
  <c r="AF99652" i="1"/>
  <c r="AF99653" i="1"/>
  <c r="AF99654" i="1"/>
  <c r="AF99655" i="1"/>
  <c r="AF99656" i="1"/>
  <c r="AF99657" i="1"/>
  <c r="AF99658" i="1"/>
  <c r="AF99659" i="1"/>
  <c r="AF99660" i="1"/>
  <c r="AF99661" i="1"/>
  <c r="AF99662" i="1"/>
  <c r="AF99663" i="1"/>
  <c r="AF99664" i="1"/>
  <c r="AF99665" i="1"/>
  <c r="AF99666" i="1"/>
  <c r="AF99667" i="1"/>
  <c r="AF99668" i="1"/>
  <c r="AF99669" i="1"/>
  <c r="AF99670" i="1"/>
  <c r="AF99671" i="1"/>
  <c r="AF99672" i="1"/>
  <c r="AF99673" i="1"/>
  <c r="AF99674" i="1"/>
  <c r="AF99675" i="1"/>
  <c r="AF99676" i="1"/>
  <c r="AF99677" i="1"/>
  <c r="AF99678" i="1"/>
  <c r="AF99679" i="1"/>
  <c r="AF99680" i="1"/>
  <c r="AF99681" i="1"/>
  <c r="AF99682" i="1"/>
  <c r="AF99683" i="1"/>
  <c r="AF99684" i="1"/>
  <c r="AF99685" i="1"/>
  <c r="AF99686" i="1"/>
  <c r="AF99687" i="1"/>
  <c r="AF99688" i="1"/>
  <c r="AF99689" i="1"/>
  <c r="AF99690" i="1"/>
  <c r="AF99691" i="1"/>
  <c r="AF99692" i="1"/>
  <c r="AF99693" i="1"/>
  <c r="AF99694" i="1"/>
  <c r="AF99695" i="1"/>
  <c r="AF99696" i="1"/>
  <c r="AF99697" i="1"/>
  <c r="AF99698" i="1"/>
  <c r="AF99699" i="1"/>
  <c r="AF99700" i="1"/>
  <c r="AF99701" i="1"/>
  <c r="AF99702" i="1"/>
  <c r="AF99703" i="1"/>
  <c r="AF99704" i="1"/>
  <c r="AF99705" i="1"/>
  <c r="AF99706" i="1"/>
  <c r="AF99707" i="1"/>
  <c r="AF99708" i="1"/>
  <c r="AF99709" i="1"/>
  <c r="AF99710" i="1"/>
  <c r="AF99711" i="1"/>
  <c r="AF99712" i="1"/>
  <c r="AF99713" i="1"/>
  <c r="AF99714" i="1"/>
  <c r="AF99715" i="1"/>
  <c r="AF99716" i="1"/>
  <c r="AF99717" i="1"/>
  <c r="AF99718" i="1"/>
  <c r="AF99719" i="1"/>
  <c r="AF99720" i="1"/>
  <c r="AF99721" i="1"/>
  <c r="AF99722" i="1"/>
  <c r="AF99723" i="1"/>
  <c r="AF99724" i="1"/>
  <c r="AF99725" i="1"/>
  <c r="AF99726" i="1"/>
  <c r="AF99727" i="1"/>
  <c r="AF99728" i="1"/>
  <c r="AF99729" i="1"/>
  <c r="AF99730" i="1"/>
  <c r="AF99731" i="1"/>
  <c r="AF99732" i="1"/>
  <c r="AF99733" i="1"/>
  <c r="AF99734" i="1"/>
  <c r="AF99735" i="1"/>
  <c r="AF99736" i="1"/>
  <c r="AF99737" i="1"/>
  <c r="AF99738" i="1"/>
  <c r="AF99739" i="1"/>
  <c r="AF99740" i="1"/>
  <c r="AF99741" i="1"/>
  <c r="AF99742" i="1"/>
  <c r="AF99743" i="1"/>
  <c r="AF99744" i="1"/>
  <c r="AF99745" i="1"/>
  <c r="AF99746" i="1"/>
  <c r="AF99747" i="1"/>
  <c r="AF99748" i="1"/>
  <c r="AF99749" i="1"/>
  <c r="AF99750" i="1"/>
  <c r="AF99751" i="1"/>
  <c r="AF99752" i="1"/>
  <c r="AF99753" i="1"/>
  <c r="AF99754" i="1"/>
  <c r="AF99755" i="1"/>
  <c r="AF99756" i="1"/>
  <c r="AF99757" i="1"/>
  <c r="AF99758" i="1"/>
  <c r="AF99759" i="1"/>
  <c r="AF99760" i="1"/>
  <c r="AF99761" i="1"/>
  <c r="AF99762" i="1"/>
  <c r="AF99763" i="1"/>
  <c r="AF99764" i="1"/>
  <c r="AF99765" i="1"/>
  <c r="AF99766" i="1"/>
  <c r="AF99767" i="1"/>
  <c r="AF99768" i="1"/>
  <c r="AF99769" i="1"/>
  <c r="AF99770" i="1"/>
  <c r="AF99771" i="1"/>
  <c r="AF99772" i="1"/>
  <c r="AF99773" i="1"/>
  <c r="AF99774" i="1"/>
  <c r="AF99775" i="1"/>
  <c r="AF99776" i="1"/>
  <c r="AF99777" i="1"/>
  <c r="AF99778" i="1"/>
  <c r="AF99779" i="1"/>
  <c r="AF99780" i="1"/>
  <c r="AF99781" i="1"/>
  <c r="AF99782" i="1"/>
  <c r="AF99783" i="1"/>
  <c r="AF99784" i="1"/>
  <c r="AF99785" i="1"/>
  <c r="AF99786" i="1"/>
  <c r="AF99787" i="1"/>
  <c r="AF99788" i="1"/>
  <c r="AF99789" i="1"/>
  <c r="AF99790" i="1"/>
  <c r="AF99791" i="1"/>
  <c r="AF99792" i="1"/>
  <c r="AF99793" i="1"/>
  <c r="AF99794" i="1"/>
  <c r="AF99795" i="1"/>
  <c r="AF99796" i="1"/>
  <c r="AF99797" i="1"/>
  <c r="AF99798" i="1"/>
  <c r="AF99799" i="1"/>
  <c r="AF99800" i="1"/>
  <c r="AF99801" i="1"/>
  <c r="AF99802" i="1"/>
  <c r="AF99803" i="1"/>
  <c r="AF99804" i="1"/>
  <c r="AF99805" i="1"/>
  <c r="AF99806" i="1"/>
  <c r="AF99807" i="1"/>
  <c r="AF99808" i="1"/>
  <c r="AF99809" i="1"/>
  <c r="AF99810" i="1"/>
  <c r="AF99811" i="1"/>
  <c r="AF99812" i="1"/>
  <c r="AF99813" i="1"/>
  <c r="AF99814" i="1"/>
  <c r="AF99815" i="1"/>
  <c r="AF99816" i="1"/>
  <c r="AF99817" i="1"/>
  <c r="AF99818" i="1"/>
  <c r="AF99819" i="1"/>
  <c r="AF99820" i="1"/>
  <c r="AF99821" i="1"/>
  <c r="AF99822" i="1"/>
  <c r="AF99823" i="1"/>
  <c r="AF99824" i="1"/>
  <c r="AF99825" i="1"/>
  <c r="AF99826" i="1"/>
  <c r="AF99827" i="1"/>
  <c r="AF99828" i="1"/>
  <c r="AF99829" i="1"/>
  <c r="AF99830" i="1"/>
  <c r="AF99831" i="1"/>
  <c r="AF99832" i="1"/>
  <c r="AF99833" i="1"/>
  <c r="AF99834" i="1"/>
  <c r="AF99835" i="1"/>
  <c r="AF99836" i="1"/>
  <c r="AF99837" i="1"/>
  <c r="AF99838" i="1"/>
  <c r="AF99839" i="1"/>
  <c r="AF99840" i="1"/>
  <c r="AF99841" i="1"/>
  <c r="AF99842" i="1"/>
  <c r="AF99843" i="1"/>
  <c r="AF99844" i="1"/>
  <c r="AF99845" i="1"/>
  <c r="AF99846" i="1"/>
  <c r="AF99847" i="1"/>
  <c r="AF99848" i="1"/>
  <c r="AF99849" i="1"/>
  <c r="AF99850" i="1"/>
  <c r="AF99851" i="1"/>
  <c r="AF99852" i="1"/>
  <c r="AF99853" i="1"/>
  <c r="AF99854" i="1"/>
  <c r="AF99855" i="1"/>
  <c r="AF99856" i="1"/>
  <c r="AF99857" i="1"/>
  <c r="AF99858" i="1"/>
  <c r="AF99859" i="1"/>
  <c r="AF99860" i="1"/>
  <c r="AF99861" i="1"/>
  <c r="AF99862" i="1"/>
  <c r="AF99863" i="1"/>
  <c r="AF99864" i="1"/>
  <c r="AF99865" i="1"/>
  <c r="AF99866" i="1"/>
  <c r="AF99867" i="1"/>
  <c r="AF99868" i="1"/>
  <c r="AF99869" i="1"/>
  <c r="AF99870" i="1"/>
  <c r="AF99871" i="1"/>
  <c r="AF99872" i="1"/>
  <c r="AF99873" i="1"/>
  <c r="AF99874" i="1"/>
  <c r="AF99875" i="1"/>
  <c r="AF99876" i="1"/>
  <c r="AF99877" i="1"/>
  <c r="AF99878" i="1"/>
  <c r="AF99879" i="1"/>
  <c r="AF99880" i="1"/>
  <c r="AF99881" i="1"/>
  <c r="AF99882" i="1"/>
  <c r="AF99883" i="1"/>
  <c r="AF99884" i="1"/>
  <c r="AF99885" i="1"/>
  <c r="AF99886" i="1"/>
  <c r="AF99887" i="1"/>
  <c r="AF99888" i="1"/>
  <c r="AF99889" i="1"/>
  <c r="AF99890" i="1"/>
  <c r="AF99891" i="1"/>
  <c r="AF99892" i="1"/>
  <c r="AF99893" i="1"/>
  <c r="AF99894" i="1"/>
  <c r="AF99895" i="1"/>
  <c r="AF99896" i="1"/>
  <c r="AF99897" i="1"/>
  <c r="AF99898" i="1"/>
  <c r="AF99899" i="1"/>
  <c r="AF99900" i="1"/>
  <c r="AF99901" i="1"/>
  <c r="AF99902" i="1"/>
  <c r="AF99903" i="1"/>
  <c r="AF99904" i="1"/>
  <c r="AF99905" i="1"/>
  <c r="AF99906" i="1"/>
  <c r="AF99907" i="1"/>
  <c r="AF99908" i="1"/>
  <c r="AF99909" i="1"/>
  <c r="AF99910" i="1"/>
  <c r="AF99911" i="1"/>
  <c r="AF99912" i="1"/>
  <c r="AF99913" i="1"/>
  <c r="AF99914" i="1"/>
  <c r="AF99915" i="1"/>
  <c r="AF99916" i="1"/>
  <c r="AF99917" i="1"/>
  <c r="AF99918" i="1"/>
  <c r="AF99919" i="1"/>
  <c r="AF99920" i="1"/>
  <c r="AF99921" i="1"/>
  <c r="AF99922" i="1"/>
  <c r="AF99923" i="1"/>
  <c r="AF99924" i="1"/>
  <c r="AF99925" i="1"/>
  <c r="AF99926" i="1"/>
  <c r="AF99927" i="1"/>
  <c r="AF99928" i="1"/>
  <c r="AF99929" i="1"/>
  <c r="AF99930" i="1"/>
  <c r="AF99931" i="1"/>
  <c r="AF99932" i="1"/>
  <c r="AF99933" i="1"/>
  <c r="AF99934" i="1"/>
  <c r="AF99935" i="1"/>
  <c r="AF99936" i="1"/>
  <c r="AF99937" i="1"/>
  <c r="AF99938" i="1"/>
  <c r="AF99939" i="1"/>
  <c r="AF99940" i="1"/>
  <c r="AF99941" i="1"/>
  <c r="AF99942" i="1"/>
  <c r="AF99943" i="1"/>
  <c r="AF99944" i="1"/>
  <c r="AF99945" i="1"/>
  <c r="AF99946" i="1"/>
  <c r="AF99947" i="1"/>
  <c r="AF99948" i="1"/>
  <c r="AF99949" i="1"/>
  <c r="AF99950" i="1"/>
  <c r="AF99951" i="1"/>
  <c r="AF99952" i="1"/>
  <c r="AF99953" i="1"/>
  <c r="AF99954" i="1"/>
  <c r="AF99955" i="1"/>
  <c r="AF99956" i="1"/>
  <c r="AF99957" i="1"/>
  <c r="AF99958" i="1"/>
  <c r="AF99959" i="1"/>
  <c r="AF99960" i="1"/>
  <c r="AF99961" i="1"/>
  <c r="AF99962" i="1"/>
  <c r="AF99963" i="1"/>
  <c r="AF99964" i="1"/>
  <c r="AF99965" i="1"/>
  <c r="AF99966" i="1"/>
  <c r="AF99967" i="1"/>
  <c r="AF99968" i="1"/>
  <c r="AF99969" i="1"/>
  <c r="AF99970" i="1"/>
  <c r="AF99971" i="1"/>
  <c r="AF99972" i="1"/>
  <c r="AF99973" i="1"/>
  <c r="AF99974" i="1"/>
  <c r="AF99975" i="1"/>
  <c r="AF99976" i="1"/>
  <c r="AF99977" i="1"/>
  <c r="AF99978" i="1"/>
  <c r="AF99979" i="1"/>
  <c r="AF99980" i="1"/>
  <c r="AF99981" i="1"/>
  <c r="AF99982" i="1"/>
  <c r="AF99983" i="1"/>
  <c r="AF99984" i="1"/>
  <c r="AF99985" i="1"/>
  <c r="AF99986" i="1"/>
  <c r="AF99987" i="1"/>
  <c r="AF99988" i="1"/>
  <c r="AF99989" i="1"/>
  <c r="AF99990" i="1"/>
  <c r="AF99991" i="1"/>
  <c r="AF99992" i="1"/>
  <c r="AF99993" i="1"/>
  <c r="AF99994" i="1"/>
  <c r="AF99995" i="1"/>
  <c r="AF99996" i="1"/>
  <c r="AF99997" i="1"/>
  <c r="AF99998" i="1"/>
  <c r="AF99999" i="1"/>
  <c r="AF100000" i="1"/>
  <c r="AF100001" i="1"/>
  <c r="AF100002" i="1"/>
  <c r="AF100003" i="1"/>
  <c r="AF100004" i="1"/>
  <c r="AF100005" i="1"/>
  <c r="AF100006" i="1"/>
  <c r="AF100007" i="1"/>
  <c r="AF100008" i="1"/>
  <c r="AF100009" i="1"/>
  <c r="AF100010" i="1"/>
  <c r="AF100011" i="1"/>
  <c r="AF100012" i="1"/>
  <c r="AF100013" i="1"/>
  <c r="AF100014" i="1"/>
  <c r="AF100015" i="1"/>
  <c r="AF100016" i="1"/>
  <c r="AF100017" i="1"/>
  <c r="AF100018" i="1"/>
  <c r="AF100019" i="1"/>
  <c r="AF100020" i="1"/>
  <c r="AF100021" i="1"/>
  <c r="AF100022" i="1"/>
  <c r="AF100023" i="1"/>
  <c r="AF100024" i="1"/>
  <c r="AF100025" i="1"/>
  <c r="AF100026" i="1"/>
  <c r="AF100027" i="1"/>
  <c r="AF100028" i="1"/>
  <c r="AF100029" i="1"/>
  <c r="AF100030" i="1"/>
  <c r="AF100031" i="1"/>
  <c r="AF100032" i="1"/>
  <c r="AF100033" i="1"/>
  <c r="AF100034" i="1"/>
  <c r="AF100035" i="1"/>
  <c r="AF100036" i="1"/>
  <c r="AF100037" i="1"/>
  <c r="AF100038" i="1"/>
  <c r="AF100039" i="1"/>
  <c r="AF100040" i="1"/>
  <c r="AF100041" i="1"/>
  <c r="AF100042" i="1"/>
  <c r="AF100043" i="1"/>
  <c r="AF100044" i="1"/>
  <c r="AF100045" i="1"/>
  <c r="AF100046" i="1"/>
  <c r="AF100047" i="1"/>
  <c r="AF100048" i="1"/>
  <c r="AF100049" i="1"/>
  <c r="AF100050" i="1"/>
  <c r="AF100051" i="1"/>
  <c r="AF100052" i="1"/>
  <c r="AF100053" i="1"/>
  <c r="AF100054" i="1"/>
  <c r="AF100055" i="1"/>
  <c r="AF100056" i="1"/>
  <c r="AF100057" i="1"/>
  <c r="AF100058" i="1"/>
  <c r="AF100059" i="1"/>
  <c r="AF100060" i="1"/>
  <c r="AF100061" i="1"/>
  <c r="AF100062" i="1"/>
  <c r="AF100063" i="1"/>
  <c r="AF100064" i="1"/>
  <c r="AF100065" i="1"/>
  <c r="AF100066" i="1"/>
  <c r="AF100067" i="1"/>
  <c r="AF100068" i="1"/>
  <c r="AF100069" i="1"/>
  <c r="AF100070" i="1"/>
  <c r="AF100071" i="1"/>
  <c r="AF100072" i="1"/>
  <c r="AF100073" i="1"/>
  <c r="AF100074" i="1"/>
  <c r="AF100075" i="1"/>
  <c r="AF100076" i="1"/>
  <c r="AF100077" i="1"/>
  <c r="AF100078" i="1"/>
  <c r="AF100079" i="1"/>
  <c r="AF100080" i="1"/>
  <c r="AF100081" i="1"/>
  <c r="AF100082" i="1"/>
  <c r="AF100083" i="1"/>
  <c r="AF100084" i="1"/>
  <c r="AF100085" i="1"/>
  <c r="AF100086" i="1"/>
  <c r="AF100087" i="1"/>
  <c r="AF100088" i="1"/>
  <c r="AF100089" i="1"/>
  <c r="AF100090" i="1"/>
  <c r="AF100091" i="1"/>
  <c r="AF100092" i="1"/>
  <c r="AF100093" i="1"/>
  <c r="AF100094" i="1"/>
  <c r="AF100095" i="1"/>
  <c r="AF100096" i="1"/>
  <c r="AF100097" i="1"/>
  <c r="AF100098" i="1"/>
  <c r="AF100099" i="1"/>
  <c r="AF100100" i="1"/>
  <c r="AF100101" i="1"/>
  <c r="AF100102" i="1"/>
  <c r="AF100103" i="1"/>
  <c r="AF100104" i="1"/>
  <c r="AF100105" i="1"/>
  <c r="AF100106" i="1"/>
  <c r="AF100107" i="1"/>
  <c r="AF100108" i="1"/>
  <c r="AF100109" i="1"/>
  <c r="AF100110" i="1"/>
  <c r="AF100111" i="1"/>
  <c r="AF100112" i="1"/>
  <c r="AF100113" i="1"/>
  <c r="AF100114" i="1"/>
  <c r="AF100115" i="1"/>
  <c r="AF100116" i="1"/>
  <c r="AF100117" i="1"/>
  <c r="AF100118" i="1"/>
  <c r="AF100119" i="1"/>
  <c r="AF100120" i="1"/>
  <c r="AF100121" i="1"/>
  <c r="AF100122" i="1"/>
  <c r="AF100123" i="1"/>
  <c r="AF100124" i="1"/>
  <c r="AF100125" i="1"/>
  <c r="AF100126" i="1"/>
  <c r="AF100127" i="1"/>
  <c r="AF100128" i="1"/>
  <c r="AF100129" i="1"/>
  <c r="AF100130" i="1"/>
  <c r="AF100131" i="1"/>
  <c r="AF100132" i="1"/>
  <c r="AF100133" i="1"/>
  <c r="AF100134" i="1"/>
  <c r="AF100135" i="1"/>
  <c r="AF100136" i="1"/>
  <c r="AF100137" i="1"/>
  <c r="AF100138" i="1"/>
  <c r="AF100139" i="1"/>
  <c r="AF100140" i="1"/>
  <c r="AF100141" i="1"/>
  <c r="AF100142" i="1"/>
  <c r="AF100143" i="1"/>
  <c r="AF100144" i="1"/>
  <c r="AF100145" i="1"/>
  <c r="AF100146" i="1"/>
  <c r="AF100147" i="1"/>
  <c r="AF100148" i="1"/>
  <c r="AF100149" i="1"/>
  <c r="AF100150" i="1"/>
  <c r="AF100151" i="1"/>
  <c r="AF100152" i="1"/>
  <c r="AF100153" i="1"/>
  <c r="AF100154" i="1"/>
  <c r="AF100155" i="1"/>
  <c r="AF100156" i="1"/>
  <c r="AF100157" i="1"/>
  <c r="AF100158" i="1"/>
  <c r="AF100159" i="1"/>
  <c r="AF100160" i="1"/>
  <c r="AF100161" i="1"/>
  <c r="AF100162" i="1"/>
  <c r="AF100163" i="1"/>
  <c r="AF100164" i="1"/>
  <c r="AF100165" i="1"/>
  <c r="AF100166" i="1"/>
  <c r="AF100167" i="1"/>
  <c r="AF100168" i="1"/>
  <c r="AF100169" i="1"/>
  <c r="AF100170" i="1"/>
  <c r="AF100171" i="1"/>
  <c r="AF100172" i="1"/>
  <c r="AF100173" i="1"/>
  <c r="AF100174" i="1"/>
  <c r="AF100175" i="1"/>
  <c r="AF100176" i="1"/>
  <c r="AF100177" i="1"/>
  <c r="AF100178" i="1"/>
  <c r="AF100179" i="1"/>
  <c r="AF100180" i="1"/>
  <c r="AF100181" i="1"/>
  <c r="AF100182" i="1"/>
  <c r="AF100183" i="1"/>
  <c r="AF100184" i="1"/>
  <c r="AF100185" i="1"/>
  <c r="AF100186" i="1"/>
  <c r="AF100187" i="1"/>
  <c r="AF100188" i="1"/>
  <c r="AF100189" i="1"/>
  <c r="AF100190" i="1"/>
  <c r="AF100191" i="1"/>
  <c r="AF100192" i="1"/>
  <c r="AF100193" i="1"/>
  <c r="AF100194" i="1"/>
  <c r="AF100195" i="1"/>
  <c r="AF100196" i="1"/>
  <c r="AF100197" i="1"/>
  <c r="AF100198" i="1"/>
  <c r="AF100199" i="1"/>
  <c r="AF100200" i="1"/>
  <c r="AF100201" i="1"/>
  <c r="AF100202" i="1"/>
  <c r="AF100203" i="1"/>
  <c r="AF100204" i="1"/>
  <c r="AF100205" i="1"/>
  <c r="AF100206" i="1"/>
  <c r="AF100207" i="1"/>
  <c r="AF100208" i="1"/>
  <c r="AF100209" i="1"/>
  <c r="AF100210" i="1"/>
  <c r="AF100211" i="1"/>
  <c r="AF100212" i="1"/>
  <c r="AF100213" i="1"/>
  <c r="AF100214" i="1"/>
  <c r="AF100215" i="1"/>
  <c r="AF100216" i="1"/>
  <c r="AF100217" i="1"/>
  <c r="AF100218" i="1"/>
  <c r="AF100219" i="1"/>
  <c r="AF100220" i="1"/>
  <c r="AF100221" i="1"/>
  <c r="AF100222" i="1"/>
  <c r="AF100223" i="1"/>
  <c r="AF100224" i="1"/>
  <c r="AF100225" i="1"/>
  <c r="AF100226" i="1"/>
  <c r="AF100227" i="1"/>
  <c r="AF100228" i="1"/>
  <c r="AF100229" i="1"/>
  <c r="AF100230" i="1"/>
  <c r="AF100231" i="1"/>
  <c r="AF100232" i="1"/>
  <c r="AF100233" i="1"/>
  <c r="AF100234" i="1"/>
  <c r="AF100235" i="1"/>
  <c r="AF100236" i="1"/>
  <c r="AF100237" i="1"/>
  <c r="AF100238" i="1"/>
  <c r="AF100239" i="1"/>
  <c r="AF100240" i="1"/>
  <c r="AF100241" i="1"/>
  <c r="AF100242" i="1"/>
  <c r="AF100243" i="1"/>
  <c r="AF100244" i="1"/>
  <c r="AF100245" i="1"/>
  <c r="AF100246" i="1"/>
  <c r="AF100247" i="1"/>
  <c r="AF100248" i="1"/>
  <c r="AF100249" i="1"/>
  <c r="AF100250" i="1"/>
  <c r="AF100251" i="1"/>
  <c r="AF100252" i="1"/>
  <c r="AF100253" i="1"/>
  <c r="AF100254" i="1"/>
  <c r="AF100255" i="1"/>
  <c r="AF100256" i="1"/>
  <c r="AF100257" i="1"/>
  <c r="AF100258" i="1"/>
  <c r="AF100259" i="1"/>
  <c r="AF100260" i="1"/>
  <c r="AF100261" i="1"/>
  <c r="AF100262" i="1"/>
  <c r="AF100263" i="1"/>
  <c r="AF100264" i="1"/>
  <c r="AF100265" i="1"/>
  <c r="AF100266" i="1"/>
  <c r="AF100267" i="1"/>
  <c r="AF100268" i="1"/>
  <c r="AF100269" i="1"/>
  <c r="AF100270" i="1"/>
  <c r="AF100271" i="1"/>
  <c r="AF100272" i="1"/>
  <c r="AF100273" i="1"/>
  <c r="AF100274" i="1"/>
  <c r="AF100275" i="1"/>
  <c r="AF100276" i="1"/>
  <c r="AF100277" i="1"/>
  <c r="AF100278" i="1"/>
  <c r="AF100279" i="1"/>
  <c r="AF100280" i="1"/>
  <c r="AF100281" i="1"/>
  <c r="AF100282" i="1"/>
  <c r="AF100283" i="1"/>
  <c r="AF100284" i="1"/>
  <c r="AF100285" i="1"/>
  <c r="AF100286" i="1"/>
  <c r="AF100287" i="1"/>
  <c r="AF100288" i="1"/>
  <c r="AF100289" i="1"/>
  <c r="AF100290" i="1"/>
  <c r="AF100291" i="1"/>
  <c r="AF100292" i="1"/>
  <c r="AF100293" i="1"/>
  <c r="AF100294" i="1"/>
  <c r="AF100295" i="1"/>
  <c r="AF100296" i="1"/>
  <c r="AF100297" i="1"/>
  <c r="AF100298" i="1"/>
  <c r="AF100299" i="1"/>
  <c r="AF100300" i="1"/>
  <c r="AF100301" i="1"/>
  <c r="AF100302" i="1"/>
  <c r="AF100303" i="1"/>
  <c r="AF100304" i="1"/>
  <c r="AF100305" i="1"/>
  <c r="AF100306" i="1"/>
  <c r="AF100307" i="1"/>
  <c r="AF100308" i="1"/>
  <c r="AF100309" i="1"/>
  <c r="AF100310" i="1"/>
  <c r="AF100311" i="1"/>
  <c r="AF100312" i="1"/>
  <c r="AF100313" i="1"/>
  <c r="AF100314" i="1"/>
  <c r="AF100315" i="1"/>
  <c r="AF100316" i="1"/>
  <c r="AF100317" i="1"/>
  <c r="AF100318" i="1"/>
  <c r="AF100319" i="1"/>
  <c r="AF100320" i="1"/>
  <c r="AF100321" i="1"/>
  <c r="AF100322" i="1"/>
  <c r="AF100323" i="1"/>
  <c r="AF100324" i="1"/>
  <c r="AF100325" i="1"/>
  <c r="AF100326" i="1"/>
  <c r="AF100327" i="1"/>
  <c r="AF100328" i="1"/>
  <c r="AF100329" i="1"/>
  <c r="AF100330" i="1"/>
  <c r="AF100331" i="1"/>
  <c r="AF100332" i="1"/>
  <c r="AF100333" i="1"/>
  <c r="AF100334" i="1"/>
  <c r="AF100335" i="1"/>
  <c r="AF100336" i="1"/>
  <c r="AF100337" i="1"/>
  <c r="AF100338" i="1"/>
  <c r="AF100339" i="1"/>
  <c r="AF100340" i="1"/>
  <c r="AF100341" i="1"/>
  <c r="AF100342" i="1"/>
  <c r="AF100343" i="1"/>
  <c r="AF100344" i="1"/>
  <c r="AF100345" i="1"/>
  <c r="AF100346" i="1"/>
  <c r="AF100347" i="1"/>
  <c r="AF100348" i="1"/>
  <c r="AF100349" i="1"/>
  <c r="AF100350" i="1"/>
  <c r="AF100351" i="1"/>
  <c r="AF100352" i="1"/>
  <c r="AF100353" i="1"/>
  <c r="AF100354" i="1"/>
  <c r="AF100355" i="1"/>
  <c r="AF100356" i="1"/>
  <c r="AF100357" i="1"/>
  <c r="AF100358" i="1"/>
  <c r="AF100359" i="1"/>
  <c r="AF100360" i="1"/>
  <c r="AF100361" i="1"/>
  <c r="AF100362" i="1"/>
  <c r="AF100363" i="1"/>
  <c r="AF100364" i="1"/>
  <c r="AF100365" i="1"/>
  <c r="AF100366" i="1"/>
  <c r="AF100367" i="1"/>
  <c r="AF100368" i="1"/>
  <c r="AF100369" i="1"/>
  <c r="AF100370" i="1"/>
  <c r="AF100371" i="1"/>
  <c r="AF100372" i="1"/>
  <c r="AF100373" i="1"/>
  <c r="AF100374" i="1"/>
  <c r="AF100375" i="1"/>
  <c r="AF100376" i="1"/>
  <c r="AF100377" i="1"/>
  <c r="AF100378" i="1"/>
  <c r="AF100379" i="1"/>
  <c r="AF100380" i="1"/>
  <c r="AF100381" i="1"/>
  <c r="AF100382" i="1"/>
  <c r="AF100383" i="1"/>
  <c r="AF100384" i="1"/>
  <c r="AF100385" i="1"/>
  <c r="AF100386" i="1"/>
  <c r="AF100387" i="1"/>
  <c r="AF100388" i="1"/>
  <c r="AF100389" i="1"/>
  <c r="AF100390" i="1"/>
  <c r="AF100391" i="1"/>
  <c r="AF100392" i="1"/>
  <c r="AF100393" i="1"/>
  <c r="AF100394" i="1"/>
  <c r="AF100395" i="1"/>
  <c r="AF100396" i="1"/>
  <c r="AF100397" i="1"/>
  <c r="AF100398" i="1"/>
  <c r="AF100399" i="1"/>
  <c r="AF100400" i="1"/>
  <c r="AF100401" i="1"/>
  <c r="AF100402" i="1"/>
  <c r="AF100403" i="1"/>
  <c r="AF100404" i="1"/>
  <c r="AF100405" i="1"/>
  <c r="AF100406" i="1"/>
  <c r="AF100407" i="1"/>
  <c r="AF100408" i="1"/>
  <c r="AF100409" i="1"/>
  <c r="AF100410" i="1"/>
  <c r="AF100411" i="1"/>
  <c r="AF100412" i="1"/>
  <c r="AF100413" i="1"/>
  <c r="AF100414" i="1"/>
  <c r="AF100415" i="1"/>
  <c r="AF100416" i="1"/>
  <c r="AF100417" i="1"/>
  <c r="AF100418" i="1"/>
  <c r="AF100419" i="1"/>
  <c r="AF100420" i="1"/>
  <c r="AF100421" i="1"/>
  <c r="AF100422" i="1"/>
  <c r="AF100423" i="1"/>
  <c r="AF100424" i="1"/>
  <c r="AF100425" i="1"/>
  <c r="AF100426" i="1"/>
  <c r="AF100427" i="1"/>
  <c r="AF100428" i="1"/>
  <c r="AF100429" i="1"/>
  <c r="AF100430" i="1"/>
  <c r="AF100431" i="1"/>
  <c r="AF100432" i="1"/>
  <c r="AF100433" i="1"/>
  <c r="AF100434" i="1"/>
  <c r="AF100435" i="1"/>
  <c r="AF100436" i="1"/>
  <c r="AF100437" i="1"/>
  <c r="AF100438" i="1"/>
  <c r="AF100439" i="1"/>
  <c r="AF100440" i="1"/>
  <c r="AF100441" i="1"/>
  <c r="AF100442" i="1"/>
  <c r="AF100443" i="1"/>
  <c r="AF100444" i="1"/>
  <c r="AF100445" i="1"/>
  <c r="AF100446" i="1"/>
  <c r="AF100447" i="1"/>
  <c r="AF100448" i="1"/>
  <c r="AF100449" i="1"/>
  <c r="AF100450" i="1"/>
  <c r="AF100451" i="1"/>
  <c r="AF100452" i="1"/>
  <c r="AF100453" i="1"/>
  <c r="AF100454" i="1"/>
  <c r="AF100455" i="1"/>
  <c r="AF100456" i="1"/>
  <c r="AF100457" i="1"/>
  <c r="AF100458" i="1"/>
  <c r="AF100459" i="1"/>
  <c r="AF100460" i="1"/>
  <c r="AF100461" i="1"/>
  <c r="AF100462" i="1"/>
  <c r="AF100463" i="1"/>
  <c r="AF100464" i="1"/>
  <c r="AF100465" i="1"/>
  <c r="AF100466" i="1"/>
  <c r="AF100467" i="1"/>
  <c r="AF100468" i="1"/>
  <c r="AF100469" i="1"/>
  <c r="AF100470" i="1"/>
  <c r="AF100471" i="1"/>
  <c r="AF100472" i="1"/>
  <c r="AF100473" i="1"/>
  <c r="AF100474" i="1"/>
  <c r="AF100475" i="1"/>
  <c r="AF100476" i="1"/>
  <c r="AF100477" i="1"/>
  <c r="AF100478" i="1"/>
  <c r="AF100479" i="1"/>
  <c r="AF100480" i="1"/>
  <c r="AF100481" i="1"/>
  <c r="AF100482" i="1"/>
  <c r="AF100483" i="1"/>
  <c r="AF100484" i="1"/>
  <c r="AF100485" i="1"/>
  <c r="AF100486" i="1"/>
  <c r="AF100487" i="1"/>
  <c r="AF100488" i="1"/>
  <c r="AF100489" i="1"/>
  <c r="AF100490" i="1"/>
  <c r="AF100491" i="1"/>
  <c r="AF100492" i="1"/>
  <c r="AF100493" i="1"/>
  <c r="AF100494" i="1"/>
  <c r="AF100495" i="1"/>
  <c r="AF100496" i="1"/>
  <c r="AF100497" i="1"/>
  <c r="AF100498" i="1"/>
  <c r="AF100499" i="1"/>
  <c r="AF100500" i="1"/>
  <c r="AF100501" i="1"/>
  <c r="AF100502" i="1"/>
  <c r="AF100503" i="1"/>
  <c r="AF100504" i="1"/>
  <c r="AF100505" i="1"/>
  <c r="AF100506" i="1"/>
  <c r="AF100507" i="1"/>
  <c r="AF100508" i="1"/>
  <c r="AF100509" i="1"/>
  <c r="AF100510" i="1"/>
  <c r="AF100511" i="1"/>
  <c r="AF100512" i="1"/>
  <c r="AF100513" i="1"/>
  <c r="AF100514" i="1"/>
  <c r="AF100515" i="1"/>
  <c r="AF100516" i="1"/>
  <c r="AF100517" i="1"/>
  <c r="AF100518" i="1"/>
  <c r="AF100519" i="1"/>
  <c r="AF100520" i="1"/>
  <c r="AF100521" i="1"/>
  <c r="AF100522" i="1"/>
  <c r="AF100523" i="1"/>
  <c r="AF100524" i="1"/>
  <c r="AF100525" i="1"/>
  <c r="AF100526" i="1"/>
  <c r="AF100527" i="1"/>
  <c r="AF100528" i="1"/>
  <c r="AF100529" i="1"/>
  <c r="AF100530" i="1"/>
  <c r="AF100531" i="1"/>
  <c r="AF100532" i="1"/>
  <c r="AF100533" i="1"/>
  <c r="AF100534" i="1"/>
  <c r="AF100535" i="1"/>
  <c r="AF100536" i="1"/>
  <c r="AF100537" i="1"/>
  <c r="AF100538" i="1"/>
  <c r="AF100539" i="1"/>
  <c r="AF100540" i="1"/>
  <c r="AF100541" i="1"/>
  <c r="AF100542" i="1"/>
  <c r="AF100543" i="1"/>
  <c r="AF100544" i="1"/>
  <c r="AF100545" i="1"/>
  <c r="AF100546" i="1"/>
  <c r="AF100547" i="1"/>
  <c r="AF100548" i="1"/>
  <c r="AF100549" i="1"/>
  <c r="AF100550" i="1"/>
  <c r="AF100551" i="1"/>
  <c r="AF100552" i="1"/>
  <c r="AF100553" i="1"/>
  <c r="AF100554" i="1"/>
  <c r="AF100555" i="1"/>
  <c r="AF100556" i="1"/>
  <c r="AF100557" i="1"/>
  <c r="AF100558" i="1"/>
  <c r="AF100559" i="1"/>
  <c r="AF100560" i="1"/>
  <c r="AF100561" i="1"/>
  <c r="AF100562" i="1"/>
  <c r="AF100563" i="1"/>
  <c r="AF100564" i="1"/>
  <c r="AF100565" i="1"/>
  <c r="AF100566" i="1"/>
  <c r="AF100567" i="1"/>
  <c r="AF100568" i="1"/>
  <c r="AF100569" i="1"/>
  <c r="AF100570" i="1"/>
  <c r="AF100571" i="1"/>
  <c r="AF100572" i="1"/>
  <c r="AF100573" i="1"/>
  <c r="AF100574" i="1"/>
  <c r="AF100575" i="1"/>
  <c r="AF100576" i="1"/>
  <c r="AF100577" i="1"/>
  <c r="AF100578" i="1"/>
  <c r="AF100579" i="1"/>
  <c r="AF100580" i="1"/>
  <c r="AF100581" i="1"/>
  <c r="AF100582" i="1"/>
  <c r="AF100583" i="1"/>
  <c r="AF100584" i="1"/>
  <c r="AF100585" i="1"/>
  <c r="AF100586" i="1"/>
  <c r="AF100587" i="1"/>
  <c r="AF100588" i="1"/>
  <c r="AF100589" i="1"/>
  <c r="AF100590" i="1"/>
  <c r="AF100591" i="1"/>
  <c r="AF100592" i="1"/>
  <c r="AF100593" i="1"/>
  <c r="AF100594" i="1"/>
  <c r="AF100595" i="1"/>
  <c r="AF100596" i="1"/>
  <c r="AF100597" i="1"/>
  <c r="AF100598" i="1"/>
  <c r="AF100599" i="1"/>
  <c r="AF100600" i="1"/>
  <c r="AF100601" i="1"/>
  <c r="AF100602" i="1"/>
  <c r="AF100603" i="1"/>
  <c r="AF100604" i="1"/>
  <c r="AF100605" i="1"/>
  <c r="AF100606" i="1"/>
  <c r="AF100607" i="1"/>
  <c r="AF100608" i="1"/>
  <c r="AF100609" i="1"/>
  <c r="AF100610" i="1"/>
  <c r="AF100611" i="1"/>
  <c r="AF100612" i="1"/>
  <c r="AF100613" i="1"/>
  <c r="AF100614" i="1"/>
  <c r="AF100615" i="1"/>
  <c r="AF100616" i="1"/>
  <c r="AF100617" i="1"/>
  <c r="AF100618" i="1"/>
  <c r="AF100619" i="1"/>
  <c r="AF100620" i="1"/>
  <c r="AF100621" i="1"/>
  <c r="AF100622" i="1"/>
  <c r="AF100623" i="1"/>
  <c r="AF100624" i="1"/>
  <c r="AF100625" i="1"/>
  <c r="AF100626" i="1"/>
  <c r="AF100627" i="1"/>
  <c r="AF100628" i="1"/>
  <c r="AF100629" i="1"/>
  <c r="AF100630" i="1"/>
  <c r="AF100631" i="1"/>
  <c r="AF100632" i="1"/>
  <c r="AF100633" i="1"/>
  <c r="AF100634" i="1"/>
  <c r="AF100635" i="1"/>
  <c r="AF100636" i="1"/>
  <c r="AF100637" i="1"/>
  <c r="AF100638" i="1"/>
  <c r="AF100639" i="1"/>
  <c r="AF100640" i="1"/>
  <c r="AF100641" i="1"/>
  <c r="AF100642" i="1"/>
  <c r="AF100643" i="1"/>
  <c r="AF100644" i="1"/>
  <c r="AF100645" i="1"/>
  <c r="AF100646" i="1"/>
  <c r="AF100647" i="1"/>
  <c r="AF100648" i="1"/>
  <c r="AF100649" i="1"/>
  <c r="AF100650" i="1"/>
  <c r="AF100651" i="1"/>
  <c r="AF100652" i="1"/>
  <c r="AF100653" i="1"/>
  <c r="AF100654" i="1"/>
  <c r="AF100655" i="1"/>
  <c r="AF100656" i="1"/>
  <c r="AF100657" i="1"/>
  <c r="AF100658" i="1"/>
  <c r="AF100659" i="1"/>
  <c r="AF100660" i="1"/>
  <c r="AF100661" i="1"/>
  <c r="AF100662" i="1"/>
  <c r="AF100663" i="1"/>
  <c r="AF100664" i="1"/>
  <c r="AF100665" i="1"/>
  <c r="AF100666" i="1"/>
  <c r="AF100667" i="1"/>
  <c r="AF100668" i="1"/>
  <c r="AF100669" i="1"/>
  <c r="AF100670" i="1"/>
  <c r="AF100671" i="1"/>
  <c r="AF100672" i="1"/>
  <c r="AF100673" i="1"/>
  <c r="AF100674" i="1"/>
  <c r="AF100675" i="1"/>
  <c r="AF100676" i="1"/>
  <c r="AF100677" i="1"/>
  <c r="AF100678" i="1"/>
  <c r="AF100679" i="1"/>
  <c r="AF100680" i="1"/>
  <c r="AF100681" i="1"/>
  <c r="AF100682" i="1"/>
  <c r="AF100683" i="1"/>
  <c r="AF100684" i="1"/>
  <c r="AF100685" i="1"/>
  <c r="AF100686" i="1"/>
  <c r="AF100687" i="1"/>
  <c r="AF100688" i="1"/>
  <c r="AF100689" i="1"/>
  <c r="AF100690" i="1"/>
  <c r="AF100691" i="1"/>
  <c r="AF100692" i="1"/>
  <c r="AF100693" i="1"/>
  <c r="AF100694" i="1"/>
  <c r="AF100695" i="1"/>
  <c r="AF100696" i="1"/>
  <c r="AF100697" i="1"/>
  <c r="AF100698" i="1"/>
  <c r="AF100699" i="1"/>
  <c r="AF100700" i="1"/>
  <c r="AF100701" i="1"/>
  <c r="AF100702" i="1"/>
  <c r="AF100703" i="1"/>
  <c r="AF100704" i="1"/>
  <c r="AF100705" i="1"/>
  <c r="AF100706" i="1"/>
  <c r="AF100707" i="1"/>
  <c r="AF100708" i="1"/>
  <c r="AF100709" i="1"/>
  <c r="AF100710" i="1"/>
  <c r="AF100711" i="1"/>
  <c r="AF100712" i="1"/>
  <c r="AF100713" i="1"/>
  <c r="AF100714" i="1"/>
  <c r="AF100715" i="1"/>
  <c r="AF100716" i="1"/>
  <c r="AF100717" i="1"/>
  <c r="AF100718" i="1"/>
  <c r="AF100719" i="1"/>
  <c r="AF100720" i="1"/>
  <c r="AF100721" i="1"/>
  <c r="AF100722" i="1"/>
  <c r="AF100723" i="1"/>
  <c r="AF100724" i="1"/>
  <c r="AF100725" i="1"/>
  <c r="AF100726" i="1"/>
  <c r="AF100727" i="1"/>
  <c r="AF100728" i="1"/>
  <c r="AF100729" i="1"/>
  <c r="AF100730" i="1"/>
  <c r="AF100731" i="1"/>
  <c r="AF100732" i="1"/>
  <c r="AF100733" i="1"/>
  <c r="AF100734" i="1"/>
  <c r="AF100735" i="1"/>
  <c r="AF100736" i="1"/>
  <c r="AF100737" i="1"/>
  <c r="AF100738" i="1"/>
  <c r="AF100739" i="1"/>
  <c r="AF100740" i="1"/>
  <c r="AF100741" i="1"/>
  <c r="AF100742" i="1"/>
  <c r="AF100743" i="1"/>
  <c r="AF100744" i="1"/>
  <c r="AF100745" i="1"/>
  <c r="AF100746" i="1"/>
  <c r="AF100747" i="1"/>
  <c r="AF100748" i="1"/>
  <c r="AF100749" i="1"/>
  <c r="AF100750" i="1"/>
  <c r="AF100751" i="1"/>
  <c r="AF100752" i="1"/>
  <c r="AF100753" i="1"/>
  <c r="AF100754" i="1"/>
  <c r="AF100755" i="1"/>
  <c r="AF100756" i="1"/>
  <c r="AF100757" i="1"/>
  <c r="AF100758" i="1"/>
  <c r="AF100759" i="1"/>
  <c r="AF100760" i="1"/>
  <c r="AF100761" i="1"/>
  <c r="AF100762" i="1"/>
  <c r="AF100763" i="1"/>
  <c r="AF100764" i="1"/>
  <c r="AF100765" i="1"/>
  <c r="AF100766" i="1"/>
  <c r="AF100767" i="1"/>
  <c r="AF100768" i="1"/>
  <c r="AF100769" i="1"/>
  <c r="AF100770" i="1"/>
  <c r="AF100771" i="1"/>
  <c r="AF100772" i="1"/>
  <c r="AF100773" i="1"/>
  <c r="AF100774" i="1"/>
  <c r="AF100775" i="1"/>
  <c r="AF100776" i="1"/>
  <c r="AF100777" i="1"/>
  <c r="AF100778" i="1"/>
  <c r="AF100779" i="1"/>
  <c r="AF100780" i="1"/>
  <c r="AF100781" i="1"/>
  <c r="AF100782" i="1"/>
  <c r="AF100783" i="1"/>
  <c r="AF100784" i="1"/>
  <c r="AF100785" i="1"/>
  <c r="AF100786" i="1"/>
  <c r="AF100787" i="1"/>
  <c r="AF100788" i="1"/>
  <c r="AF100789" i="1"/>
  <c r="AF100790" i="1"/>
  <c r="AF100791" i="1"/>
  <c r="AF100792" i="1"/>
  <c r="AF100793" i="1"/>
  <c r="AF100794" i="1"/>
  <c r="AF100795" i="1"/>
  <c r="AF100796" i="1"/>
  <c r="AF100797" i="1"/>
  <c r="AF100798" i="1"/>
  <c r="AF100799" i="1"/>
  <c r="AF100800" i="1"/>
  <c r="AF100801" i="1"/>
  <c r="AF100802" i="1"/>
  <c r="AF100803" i="1"/>
  <c r="AF100804" i="1"/>
  <c r="AF100805" i="1"/>
  <c r="AF100806" i="1"/>
  <c r="AF100807" i="1"/>
  <c r="AF100808" i="1"/>
  <c r="AF100809" i="1"/>
  <c r="AF100810" i="1"/>
  <c r="AF100811" i="1"/>
  <c r="AF100812" i="1"/>
  <c r="AF100813" i="1"/>
  <c r="AF100814" i="1"/>
  <c r="AF100815" i="1"/>
  <c r="AF100816" i="1"/>
  <c r="AF100817" i="1"/>
  <c r="AF100818" i="1"/>
  <c r="AF100819" i="1"/>
  <c r="AF100820" i="1"/>
  <c r="AF100821" i="1"/>
  <c r="AF100822" i="1"/>
  <c r="AF100823" i="1"/>
  <c r="AF100824" i="1"/>
  <c r="AF100825" i="1"/>
  <c r="AF100826" i="1"/>
  <c r="AF100827" i="1"/>
  <c r="AF100828" i="1"/>
  <c r="AF100829" i="1"/>
  <c r="AF100830" i="1"/>
  <c r="AF100831" i="1"/>
  <c r="AF100832" i="1"/>
  <c r="AF100833" i="1"/>
  <c r="AF100834" i="1"/>
  <c r="AF100835" i="1"/>
  <c r="AF100836" i="1"/>
  <c r="AF100837" i="1"/>
  <c r="AF100838" i="1"/>
  <c r="AF100839" i="1"/>
  <c r="AF100840" i="1"/>
  <c r="AF100841" i="1"/>
  <c r="AF100842" i="1"/>
  <c r="AF100843" i="1"/>
  <c r="AF100844" i="1"/>
  <c r="AF100845" i="1"/>
  <c r="AF100846" i="1"/>
  <c r="AF100847" i="1"/>
  <c r="AF100848" i="1"/>
  <c r="AF100849" i="1"/>
  <c r="AF100850" i="1"/>
  <c r="AF100851" i="1"/>
  <c r="AF100852" i="1"/>
  <c r="AF100853" i="1"/>
  <c r="AF100854" i="1"/>
  <c r="AF100855" i="1"/>
  <c r="AF100856" i="1"/>
  <c r="AF100857" i="1"/>
  <c r="AF100858" i="1"/>
  <c r="AF100859" i="1"/>
  <c r="AF100860" i="1"/>
  <c r="AF100861" i="1"/>
  <c r="AF100862" i="1"/>
  <c r="AF100863" i="1"/>
  <c r="AF100864" i="1"/>
  <c r="AF100865" i="1"/>
  <c r="AF100866" i="1"/>
  <c r="AF100867" i="1"/>
  <c r="AF100868" i="1"/>
  <c r="AF100869" i="1"/>
  <c r="AF100870" i="1"/>
  <c r="AF100871" i="1"/>
  <c r="AF100872" i="1"/>
  <c r="AF100873" i="1"/>
  <c r="AF100874" i="1"/>
  <c r="AF100875" i="1"/>
  <c r="AF100876" i="1"/>
  <c r="AF100877" i="1"/>
  <c r="AF100878" i="1"/>
  <c r="AF100879" i="1"/>
  <c r="AF100880" i="1"/>
  <c r="AF100881" i="1"/>
  <c r="AF100882" i="1"/>
  <c r="AF100883" i="1"/>
  <c r="AF100884" i="1"/>
  <c r="AF100885" i="1"/>
  <c r="AF100886" i="1"/>
  <c r="AF100887" i="1"/>
  <c r="AF100888" i="1"/>
  <c r="AF100889" i="1"/>
  <c r="AF100890" i="1"/>
  <c r="AF100891" i="1"/>
  <c r="AF100892" i="1"/>
  <c r="AF100893" i="1"/>
  <c r="AF100894" i="1"/>
  <c r="AF100895" i="1"/>
  <c r="AF100896" i="1"/>
  <c r="AF100897" i="1"/>
  <c r="AF100898" i="1"/>
  <c r="AF100899" i="1"/>
  <c r="AF100900" i="1"/>
  <c r="AF100901" i="1"/>
  <c r="AF100902" i="1"/>
  <c r="AF100903" i="1"/>
  <c r="AF100904" i="1"/>
  <c r="AF100905" i="1"/>
  <c r="AF100906" i="1"/>
  <c r="AF100907" i="1"/>
  <c r="AF100908" i="1"/>
  <c r="AF100909" i="1"/>
  <c r="AF100910" i="1"/>
  <c r="AF100911" i="1"/>
  <c r="AF100912" i="1"/>
  <c r="AF100913" i="1"/>
  <c r="AF100914" i="1"/>
  <c r="AF100915" i="1"/>
  <c r="AF100916" i="1"/>
  <c r="AF100917" i="1"/>
  <c r="AF100918" i="1"/>
  <c r="AF100919" i="1"/>
  <c r="AF100920" i="1"/>
  <c r="AF100921" i="1"/>
  <c r="AF100922" i="1"/>
  <c r="AF100923" i="1"/>
  <c r="AF100924" i="1"/>
  <c r="AF100925" i="1"/>
  <c r="AF100926" i="1"/>
  <c r="AF100927" i="1"/>
  <c r="AF100928" i="1"/>
  <c r="AF100929" i="1"/>
  <c r="AF100930" i="1"/>
  <c r="AF100931" i="1"/>
  <c r="AF100932" i="1"/>
  <c r="AF100933" i="1"/>
  <c r="AF100934" i="1"/>
  <c r="AF100935" i="1"/>
  <c r="AF100936" i="1"/>
  <c r="AF100937" i="1"/>
  <c r="AF100938" i="1"/>
  <c r="AF100939" i="1"/>
  <c r="AF100940" i="1"/>
  <c r="AF100941" i="1"/>
  <c r="AF100942" i="1"/>
  <c r="AF100943" i="1"/>
  <c r="AF100944" i="1"/>
  <c r="AF100945" i="1"/>
  <c r="AF100946" i="1"/>
  <c r="AF100947" i="1"/>
  <c r="AF100948" i="1"/>
  <c r="AF100949" i="1"/>
  <c r="AF100950" i="1"/>
  <c r="AF100951" i="1"/>
  <c r="AF100952" i="1"/>
  <c r="AF100953" i="1"/>
  <c r="AF100954" i="1"/>
  <c r="AF100955" i="1"/>
  <c r="AF100956" i="1"/>
  <c r="AF100957" i="1"/>
  <c r="AF100958" i="1"/>
  <c r="AF100959" i="1"/>
  <c r="AF100960" i="1"/>
  <c r="AF100961" i="1"/>
  <c r="AF100962" i="1"/>
  <c r="AF100963" i="1"/>
  <c r="AF100964" i="1"/>
  <c r="AF100965" i="1"/>
  <c r="AF100966" i="1"/>
  <c r="AF100967" i="1"/>
  <c r="AF100968" i="1"/>
  <c r="AF100969" i="1"/>
  <c r="AF100970" i="1"/>
  <c r="AF100971" i="1"/>
  <c r="AF100972" i="1"/>
  <c r="AF100973" i="1"/>
  <c r="AF100974" i="1"/>
  <c r="AF100975" i="1"/>
  <c r="AF100976" i="1"/>
  <c r="AF100977" i="1"/>
  <c r="AF100978" i="1"/>
  <c r="AF100979" i="1"/>
  <c r="AF100980" i="1"/>
  <c r="AF100981" i="1"/>
  <c r="AF100982" i="1"/>
  <c r="AF100983" i="1"/>
  <c r="AF100984" i="1"/>
  <c r="AF100985" i="1"/>
  <c r="AF100986" i="1"/>
  <c r="AF100987" i="1"/>
  <c r="AF100988" i="1"/>
  <c r="AF100989" i="1"/>
  <c r="AF100990" i="1"/>
  <c r="AF100991" i="1"/>
  <c r="AF100992" i="1"/>
  <c r="AF100993" i="1"/>
  <c r="AF100994" i="1"/>
  <c r="AF100995" i="1"/>
  <c r="AF100996" i="1"/>
  <c r="AF100997" i="1"/>
  <c r="AF100998" i="1"/>
  <c r="AF100999" i="1"/>
  <c r="AF101000" i="1"/>
  <c r="AF101001" i="1"/>
  <c r="AF101002" i="1"/>
  <c r="AF101003" i="1"/>
  <c r="AF101004" i="1"/>
  <c r="AF101005" i="1"/>
  <c r="AF101006" i="1"/>
  <c r="AF101007" i="1"/>
  <c r="AF101008" i="1"/>
  <c r="AF101009" i="1"/>
  <c r="AF101010" i="1"/>
  <c r="AF101011" i="1"/>
  <c r="AF101012" i="1"/>
  <c r="AF101013" i="1"/>
  <c r="AF101014" i="1"/>
  <c r="AF101015" i="1"/>
  <c r="AF101016" i="1"/>
  <c r="AF101017" i="1"/>
  <c r="AF101018" i="1"/>
  <c r="AF101019" i="1"/>
  <c r="AF101020" i="1"/>
  <c r="AF101021" i="1"/>
  <c r="AF101022" i="1"/>
  <c r="AF101023" i="1"/>
  <c r="AF101024" i="1"/>
  <c r="AF101025" i="1"/>
  <c r="AF101026" i="1"/>
  <c r="AF101027" i="1"/>
  <c r="AF101028" i="1"/>
  <c r="AF101029" i="1"/>
  <c r="AF101030" i="1"/>
  <c r="AF101031" i="1"/>
  <c r="AF101032" i="1"/>
  <c r="AF101033" i="1"/>
  <c r="AF101034" i="1"/>
  <c r="AF101035" i="1"/>
  <c r="AF101036" i="1"/>
  <c r="AF101037" i="1"/>
  <c r="AF101038" i="1"/>
  <c r="AF101039" i="1"/>
  <c r="AF101040" i="1"/>
  <c r="AF101041" i="1"/>
  <c r="AF101042" i="1"/>
  <c r="AF101043" i="1"/>
  <c r="AF101044" i="1"/>
  <c r="AF101045" i="1"/>
  <c r="AF101046" i="1"/>
  <c r="AF101047" i="1"/>
  <c r="AF101048" i="1"/>
  <c r="AF101049" i="1"/>
  <c r="AF101050" i="1"/>
  <c r="AF101051" i="1"/>
  <c r="AF101052" i="1"/>
  <c r="AF101053" i="1"/>
  <c r="AF101054" i="1"/>
  <c r="AF101055" i="1"/>
  <c r="AF101056" i="1"/>
  <c r="AF101057" i="1"/>
  <c r="AF101058" i="1"/>
  <c r="AF101059" i="1"/>
  <c r="AF101060" i="1"/>
  <c r="AF101061" i="1"/>
  <c r="AF101062" i="1"/>
  <c r="AF101063" i="1"/>
  <c r="AF101064" i="1"/>
  <c r="AF101065" i="1"/>
  <c r="AF101066" i="1"/>
  <c r="AF101067" i="1"/>
  <c r="AF101068" i="1"/>
  <c r="AF101069" i="1"/>
  <c r="AF101070" i="1"/>
  <c r="AF101071" i="1"/>
  <c r="AF101072" i="1"/>
  <c r="AF101073" i="1"/>
  <c r="AF101074" i="1"/>
  <c r="AF101075" i="1"/>
  <c r="AF101076" i="1"/>
  <c r="AF101077" i="1"/>
  <c r="AF101078" i="1"/>
  <c r="AF101079" i="1"/>
  <c r="AF101080" i="1"/>
  <c r="AF101081" i="1"/>
  <c r="AF101082" i="1"/>
  <c r="AF101083" i="1"/>
  <c r="AF101084" i="1"/>
  <c r="AF101085" i="1"/>
  <c r="AF101086" i="1"/>
  <c r="AF101087" i="1"/>
  <c r="AF101088" i="1"/>
  <c r="AF101089" i="1"/>
  <c r="AF101090" i="1"/>
  <c r="AF101091" i="1"/>
  <c r="AF101092" i="1"/>
  <c r="AF101093" i="1"/>
  <c r="AF101094" i="1"/>
  <c r="AF101095" i="1"/>
  <c r="AF101096" i="1"/>
  <c r="AF101097" i="1"/>
  <c r="AF101098" i="1"/>
  <c r="AF101099" i="1"/>
  <c r="AF101100" i="1"/>
  <c r="AF101101" i="1"/>
  <c r="AF101102" i="1"/>
  <c r="AF101103" i="1"/>
  <c r="AF101104" i="1"/>
  <c r="AF101105" i="1"/>
  <c r="AF101106" i="1"/>
  <c r="AF101107" i="1"/>
  <c r="AF101108" i="1"/>
  <c r="AF101109" i="1"/>
  <c r="AF101110" i="1"/>
  <c r="AF101111" i="1"/>
  <c r="AF101112" i="1"/>
  <c r="AF101113" i="1"/>
  <c r="AF101114" i="1"/>
  <c r="AF101115" i="1"/>
  <c r="AF101116" i="1"/>
  <c r="AF101117" i="1"/>
  <c r="AF101118" i="1"/>
  <c r="AF101119" i="1"/>
  <c r="AF101120" i="1"/>
  <c r="AF101121" i="1"/>
  <c r="AF101122" i="1"/>
  <c r="AF101123" i="1"/>
  <c r="AF101124" i="1"/>
  <c r="AF101125" i="1"/>
  <c r="AF101126" i="1"/>
  <c r="AF101127" i="1"/>
  <c r="AF101128" i="1"/>
  <c r="AF101129" i="1"/>
  <c r="AF101130" i="1"/>
  <c r="AF101131" i="1"/>
  <c r="AF101132" i="1"/>
  <c r="AF101133" i="1"/>
  <c r="AF101134" i="1"/>
  <c r="AF101135" i="1"/>
  <c r="AF101136" i="1"/>
  <c r="AF101137" i="1"/>
  <c r="AF101138" i="1"/>
  <c r="AF101139" i="1"/>
  <c r="AF101140" i="1"/>
  <c r="AF101141" i="1"/>
  <c r="AF101142" i="1"/>
  <c r="AF101143" i="1"/>
  <c r="AF101144" i="1"/>
  <c r="AF101145" i="1"/>
  <c r="AF101146" i="1"/>
  <c r="AF101147" i="1"/>
  <c r="AF101148" i="1"/>
  <c r="AF101149" i="1"/>
  <c r="AF101150" i="1"/>
  <c r="AF101151" i="1"/>
  <c r="AF101152" i="1"/>
  <c r="AF101153" i="1"/>
  <c r="AF101154" i="1"/>
  <c r="AF101155" i="1"/>
  <c r="AF101156" i="1"/>
  <c r="AF101157" i="1"/>
  <c r="AF101158" i="1"/>
  <c r="AF101159" i="1"/>
  <c r="AF101160" i="1"/>
  <c r="AF101161" i="1"/>
  <c r="AF101162" i="1"/>
  <c r="AF101163" i="1"/>
  <c r="AF101164" i="1"/>
  <c r="AF101165" i="1"/>
  <c r="AF101166" i="1"/>
  <c r="AF101167" i="1"/>
  <c r="AF101168" i="1"/>
  <c r="AF101169" i="1"/>
  <c r="AF101170" i="1"/>
  <c r="AF101171" i="1"/>
  <c r="AF101172" i="1"/>
  <c r="AF101173" i="1"/>
  <c r="AF101174" i="1"/>
  <c r="AF101175" i="1"/>
  <c r="AF101176" i="1"/>
  <c r="AF101177" i="1"/>
  <c r="AF101178" i="1"/>
  <c r="AF101179" i="1"/>
  <c r="AF101180" i="1"/>
  <c r="AF101181" i="1"/>
  <c r="AF101182" i="1"/>
  <c r="AF101183" i="1"/>
  <c r="AF101184" i="1"/>
  <c r="AF101185" i="1"/>
  <c r="AF101186" i="1"/>
  <c r="AF101187" i="1"/>
  <c r="AF101188" i="1"/>
  <c r="AF101189" i="1"/>
  <c r="AF101190" i="1"/>
  <c r="AF101191" i="1"/>
  <c r="AF101192" i="1"/>
  <c r="AF101193" i="1"/>
  <c r="AF101194" i="1"/>
  <c r="AF101195" i="1"/>
  <c r="AF101196" i="1"/>
  <c r="AF101197" i="1"/>
  <c r="AF101198" i="1"/>
  <c r="AF101199" i="1"/>
  <c r="AF101200" i="1"/>
  <c r="AF101201" i="1"/>
  <c r="AF101202" i="1"/>
  <c r="AF101203" i="1"/>
  <c r="AF101204" i="1"/>
  <c r="AF101205" i="1"/>
  <c r="AF101206" i="1"/>
  <c r="AF101207" i="1"/>
  <c r="AF101208" i="1"/>
  <c r="AF101209" i="1"/>
  <c r="AF101210" i="1"/>
  <c r="AF101211" i="1"/>
  <c r="AF101212" i="1"/>
  <c r="AF101213" i="1"/>
  <c r="AF101214" i="1"/>
  <c r="AF101215" i="1"/>
  <c r="AF101216" i="1"/>
  <c r="AF101217" i="1"/>
  <c r="AF101218" i="1"/>
  <c r="AF101219" i="1"/>
  <c r="AF101220" i="1"/>
  <c r="AF101221" i="1"/>
  <c r="AF101222" i="1"/>
  <c r="AF101223" i="1"/>
  <c r="AF101224" i="1"/>
  <c r="AF101225" i="1"/>
  <c r="AF101226" i="1"/>
  <c r="AF101227" i="1"/>
  <c r="AF101228" i="1"/>
  <c r="AF101229" i="1"/>
  <c r="AF101230" i="1"/>
  <c r="AF101231" i="1"/>
  <c r="AF101232" i="1"/>
  <c r="AF101233" i="1"/>
  <c r="AF101234" i="1"/>
  <c r="AF101235" i="1"/>
  <c r="AF101236" i="1"/>
  <c r="AF101237" i="1"/>
  <c r="AF101238" i="1"/>
  <c r="AF101239" i="1"/>
  <c r="AF101240" i="1"/>
  <c r="AF101241" i="1"/>
  <c r="AF101242" i="1"/>
  <c r="AF101243" i="1"/>
  <c r="AF101244" i="1"/>
  <c r="AF101245" i="1"/>
  <c r="AF101246" i="1"/>
  <c r="AF101247" i="1"/>
  <c r="AF101248" i="1"/>
  <c r="AF101249" i="1"/>
  <c r="AF101250" i="1"/>
  <c r="AF101251" i="1"/>
  <c r="AF101252" i="1"/>
  <c r="AF101253" i="1"/>
  <c r="AF101254" i="1"/>
  <c r="AF101255" i="1"/>
  <c r="AF101256" i="1"/>
  <c r="AF101257" i="1"/>
  <c r="AF101258" i="1"/>
  <c r="AF101259" i="1"/>
  <c r="AF101260" i="1"/>
  <c r="AF101261" i="1"/>
  <c r="AF101262" i="1"/>
  <c r="AF101263" i="1"/>
  <c r="AF101264" i="1"/>
  <c r="AF101265" i="1"/>
  <c r="AF101266" i="1"/>
  <c r="AF101267" i="1"/>
  <c r="AF101268" i="1"/>
  <c r="AF101269" i="1"/>
  <c r="AF101270" i="1"/>
  <c r="AF101271" i="1"/>
  <c r="AF101272" i="1"/>
  <c r="AF101273" i="1"/>
  <c r="AF101274" i="1"/>
  <c r="AF101275" i="1"/>
  <c r="AF101276" i="1"/>
  <c r="AF101277" i="1"/>
  <c r="AF101278" i="1"/>
  <c r="AF101279" i="1"/>
  <c r="AF101280" i="1"/>
  <c r="AF101281" i="1"/>
  <c r="AF101282" i="1"/>
  <c r="AF101283" i="1"/>
  <c r="AF101284" i="1"/>
  <c r="AF101285" i="1"/>
  <c r="AF101286" i="1"/>
  <c r="AF101287" i="1"/>
  <c r="AF101288" i="1"/>
  <c r="AF101289" i="1"/>
  <c r="AF101290" i="1"/>
  <c r="AF101291" i="1"/>
  <c r="AF101292" i="1"/>
  <c r="AF101293" i="1"/>
  <c r="AF101294" i="1"/>
  <c r="AF101295" i="1"/>
  <c r="AF101296" i="1"/>
  <c r="AF101297" i="1"/>
  <c r="AF101298" i="1"/>
  <c r="AF101299" i="1"/>
  <c r="AF101300" i="1"/>
  <c r="AF101301" i="1"/>
  <c r="AF101302" i="1"/>
  <c r="AF101303" i="1"/>
  <c r="AF101304" i="1"/>
  <c r="AF101305" i="1"/>
  <c r="AF101306" i="1"/>
  <c r="AF101307" i="1"/>
  <c r="AF101308" i="1"/>
  <c r="AF101309" i="1"/>
  <c r="AF101310" i="1"/>
  <c r="AF101311" i="1"/>
  <c r="AF101312" i="1"/>
  <c r="AF101313" i="1"/>
  <c r="AF101314" i="1"/>
  <c r="AF101315" i="1"/>
  <c r="AF101316" i="1"/>
  <c r="AF101317" i="1"/>
  <c r="AF101318" i="1"/>
  <c r="AF101319" i="1"/>
  <c r="AF101320" i="1"/>
  <c r="AF101321" i="1"/>
  <c r="AF101322" i="1"/>
  <c r="AF101323" i="1"/>
  <c r="AF101324" i="1"/>
  <c r="AF101325" i="1"/>
  <c r="AF101326" i="1"/>
  <c r="AF101327" i="1"/>
  <c r="AF101328" i="1"/>
  <c r="AF101329" i="1"/>
  <c r="AF101330" i="1"/>
  <c r="AF101331" i="1"/>
  <c r="AF101332" i="1"/>
  <c r="AF101333" i="1"/>
  <c r="AF101334" i="1"/>
  <c r="AF101335" i="1"/>
  <c r="AF101336" i="1"/>
  <c r="AF101337" i="1"/>
  <c r="AF101338" i="1"/>
  <c r="AF101339" i="1"/>
  <c r="AF101340" i="1"/>
  <c r="AF101341" i="1"/>
  <c r="AF101342" i="1"/>
  <c r="AF101343" i="1"/>
  <c r="AF101344" i="1"/>
  <c r="AF101345" i="1"/>
  <c r="AF101346" i="1"/>
  <c r="AF101347" i="1"/>
  <c r="AF101348" i="1"/>
  <c r="AF101349" i="1"/>
  <c r="AF101350" i="1"/>
  <c r="AF101351" i="1"/>
  <c r="AF101352" i="1"/>
  <c r="AF101353" i="1"/>
  <c r="AF101354" i="1"/>
  <c r="AF101355" i="1"/>
  <c r="AF101356" i="1"/>
  <c r="AF101357" i="1"/>
  <c r="AF101358" i="1"/>
  <c r="AF101359" i="1"/>
  <c r="AF101360" i="1"/>
  <c r="AF101361" i="1"/>
  <c r="AF101362" i="1"/>
  <c r="AF101363" i="1"/>
  <c r="AF101364" i="1"/>
  <c r="AF101365" i="1"/>
  <c r="AF101366" i="1"/>
  <c r="AF101367" i="1"/>
  <c r="AF101368" i="1"/>
  <c r="AF101369" i="1"/>
  <c r="AF101370" i="1"/>
  <c r="AF101371" i="1"/>
  <c r="AF101372" i="1"/>
  <c r="AF101373" i="1"/>
  <c r="AF101374" i="1"/>
  <c r="AF101375" i="1"/>
  <c r="AF101376" i="1"/>
  <c r="AF101377" i="1"/>
  <c r="AF101378" i="1"/>
  <c r="AF101379" i="1"/>
  <c r="AF101380" i="1"/>
  <c r="AF101381" i="1"/>
  <c r="AF101382" i="1"/>
  <c r="AF101383" i="1"/>
  <c r="AF101384" i="1"/>
  <c r="AF101385" i="1"/>
  <c r="AF101386" i="1"/>
  <c r="AF101387" i="1"/>
  <c r="AF101388" i="1"/>
  <c r="AF101389" i="1"/>
  <c r="AF101390" i="1"/>
  <c r="AF101391" i="1"/>
  <c r="AF101392" i="1"/>
  <c r="AF101393" i="1"/>
  <c r="AF101394" i="1"/>
  <c r="AF101395" i="1"/>
  <c r="AF101396" i="1"/>
  <c r="AF101397" i="1"/>
  <c r="AF101398" i="1"/>
  <c r="AF101399" i="1"/>
  <c r="AF101400" i="1"/>
  <c r="AF101401" i="1"/>
  <c r="AF101402" i="1"/>
  <c r="AF101403" i="1"/>
  <c r="AF101404" i="1"/>
  <c r="AF101405" i="1"/>
  <c r="AF101406" i="1"/>
  <c r="AF101407" i="1"/>
  <c r="AF101408" i="1"/>
  <c r="AF101409" i="1"/>
  <c r="AF101410" i="1"/>
  <c r="AF101411" i="1"/>
  <c r="AF101412" i="1"/>
  <c r="AF101413" i="1"/>
  <c r="AF101414" i="1"/>
  <c r="AF101415" i="1"/>
  <c r="AF101416" i="1"/>
  <c r="AF101417" i="1"/>
  <c r="AF101418" i="1"/>
  <c r="AF101419" i="1"/>
  <c r="AF101420" i="1"/>
  <c r="AF101421" i="1"/>
  <c r="AF101422" i="1"/>
  <c r="AF101423" i="1"/>
  <c r="AF101424" i="1"/>
  <c r="AF101425" i="1"/>
  <c r="AF101426" i="1"/>
  <c r="AF101427" i="1"/>
  <c r="AF101428" i="1"/>
  <c r="AF101429" i="1"/>
  <c r="AF101430" i="1"/>
  <c r="AF101431" i="1"/>
  <c r="AF101432" i="1"/>
  <c r="AF101433" i="1"/>
  <c r="AF101434" i="1"/>
  <c r="AF101435" i="1"/>
  <c r="AF101436" i="1"/>
  <c r="AF101437" i="1"/>
  <c r="AF101438" i="1"/>
  <c r="AF101439" i="1"/>
  <c r="AF101440" i="1"/>
  <c r="AF101441" i="1"/>
  <c r="AF101442" i="1"/>
  <c r="AF101443" i="1"/>
  <c r="AF101444" i="1"/>
  <c r="AF101445" i="1"/>
  <c r="AF101446" i="1"/>
  <c r="AF101447" i="1"/>
  <c r="AF101448" i="1"/>
  <c r="AF101449" i="1"/>
  <c r="AF101450" i="1"/>
  <c r="AF101451" i="1"/>
  <c r="AF101452" i="1"/>
  <c r="AF101453" i="1"/>
  <c r="AF101454" i="1"/>
  <c r="AF101455" i="1"/>
  <c r="AF101456" i="1"/>
  <c r="AF101457" i="1"/>
  <c r="AF101458" i="1"/>
  <c r="AF101459" i="1"/>
  <c r="AF101460" i="1"/>
  <c r="AF101461" i="1"/>
  <c r="AF101462" i="1"/>
  <c r="AF101463" i="1"/>
  <c r="AF101464" i="1"/>
  <c r="AF101465" i="1"/>
  <c r="AF101466" i="1"/>
  <c r="AF101467" i="1"/>
  <c r="AF101468" i="1"/>
  <c r="AF101469" i="1"/>
  <c r="AF101470" i="1"/>
  <c r="AF101471" i="1"/>
  <c r="AF101472" i="1"/>
  <c r="AF101473" i="1"/>
  <c r="AF101474" i="1"/>
  <c r="AF101475" i="1"/>
  <c r="AF101476" i="1"/>
  <c r="AF101477" i="1"/>
  <c r="AF101478" i="1"/>
  <c r="AF101479" i="1"/>
  <c r="AF101480" i="1"/>
  <c r="AF101481" i="1"/>
  <c r="AF101482" i="1"/>
  <c r="AF101483" i="1"/>
  <c r="AF101484" i="1"/>
  <c r="AF101485" i="1"/>
  <c r="AF101486" i="1"/>
  <c r="AF101487" i="1"/>
  <c r="AF101488" i="1"/>
  <c r="AF101489" i="1"/>
  <c r="AF101490" i="1"/>
  <c r="AF101491" i="1"/>
  <c r="AF101492" i="1"/>
  <c r="AF101493" i="1"/>
  <c r="AF101494" i="1"/>
  <c r="AF101495" i="1"/>
  <c r="AF101496" i="1"/>
  <c r="AF101497" i="1"/>
  <c r="AF101498" i="1"/>
  <c r="AF101499" i="1"/>
  <c r="AF101500" i="1"/>
  <c r="AF101501" i="1"/>
  <c r="AF101502" i="1"/>
  <c r="AF101503" i="1"/>
  <c r="AF101504" i="1"/>
  <c r="AF101505" i="1"/>
  <c r="AF101506" i="1"/>
  <c r="AF101507" i="1"/>
  <c r="AF101508" i="1"/>
  <c r="AF101509" i="1"/>
  <c r="AF101510" i="1"/>
  <c r="AF101511" i="1"/>
  <c r="AF101512" i="1"/>
  <c r="AF101513" i="1"/>
  <c r="AF101514" i="1"/>
  <c r="AF101515" i="1"/>
  <c r="AF101516" i="1"/>
  <c r="AF101517" i="1"/>
  <c r="AF101518" i="1"/>
  <c r="AF101519" i="1"/>
  <c r="AF101520" i="1"/>
  <c r="AF101521" i="1"/>
  <c r="AF101522" i="1"/>
  <c r="AF101523" i="1"/>
  <c r="AF101524" i="1"/>
  <c r="AF101525" i="1"/>
  <c r="AF101526" i="1"/>
  <c r="AF101527" i="1"/>
  <c r="AF101528" i="1"/>
  <c r="AF101529" i="1"/>
  <c r="AF101530" i="1"/>
  <c r="AF101531" i="1"/>
  <c r="AF101532" i="1"/>
  <c r="AF101533" i="1"/>
  <c r="AF101534" i="1"/>
  <c r="AF101535" i="1"/>
  <c r="AF101536" i="1"/>
  <c r="AF101537" i="1"/>
  <c r="AF101538" i="1"/>
  <c r="AF101539" i="1"/>
  <c r="AF101540" i="1"/>
  <c r="AF101541" i="1"/>
  <c r="AF101542" i="1"/>
  <c r="AF101543" i="1"/>
  <c r="AF101544" i="1"/>
  <c r="AF101545" i="1"/>
  <c r="AF101546" i="1"/>
  <c r="AF101547" i="1"/>
  <c r="AF101548" i="1"/>
  <c r="AF101549" i="1"/>
  <c r="AF101550" i="1"/>
  <c r="AF101551" i="1"/>
  <c r="AF101552" i="1"/>
  <c r="AF101553" i="1"/>
  <c r="AF101554" i="1"/>
  <c r="AF101555" i="1"/>
  <c r="AF101556" i="1"/>
  <c r="AF101557" i="1"/>
  <c r="AF101558" i="1"/>
  <c r="AF101559" i="1"/>
  <c r="AF101560" i="1"/>
  <c r="AF101561" i="1"/>
  <c r="AF101562" i="1"/>
  <c r="AF101563" i="1"/>
  <c r="AF101564" i="1"/>
  <c r="AF101565" i="1"/>
  <c r="AF101566" i="1"/>
  <c r="AF101567" i="1"/>
  <c r="AF101568" i="1"/>
  <c r="AF101569" i="1"/>
  <c r="AF101570" i="1"/>
  <c r="AF101571" i="1"/>
  <c r="AF101572" i="1"/>
  <c r="AF101573" i="1"/>
  <c r="AF101574" i="1"/>
  <c r="AF101575" i="1"/>
  <c r="AF101576" i="1"/>
  <c r="AF101577" i="1"/>
  <c r="AF101578" i="1"/>
  <c r="AF101579" i="1"/>
  <c r="AF101580" i="1"/>
  <c r="AF101581" i="1"/>
  <c r="AF101582" i="1"/>
  <c r="AF101583" i="1"/>
  <c r="AF101584" i="1"/>
  <c r="AF101585" i="1"/>
  <c r="AF101586" i="1"/>
  <c r="AF101587" i="1"/>
  <c r="AF101588" i="1"/>
  <c r="AF101589" i="1"/>
  <c r="AF101590" i="1"/>
  <c r="AF101591" i="1"/>
  <c r="AF101592" i="1"/>
  <c r="AF101593" i="1"/>
  <c r="AF101594" i="1"/>
  <c r="AF101595" i="1"/>
  <c r="AF101596" i="1"/>
  <c r="AF101597" i="1"/>
  <c r="AF101598" i="1"/>
  <c r="AF101599" i="1"/>
  <c r="AF101600" i="1"/>
  <c r="AF101601" i="1"/>
  <c r="AF101602" i="1"/>
  <c r="AF101603" i="1"/>
  <c r="AF101604" i="1"/>
  <c r="AF101605" i="1"/>
  <c r="AF101606" i="1"/>
  <c r="AF101607" i="1"/>
  <c r="AF101608" i="1"/>
  <c r="AF101609" i="1"/>
  <c r="AF101610" i="1"/>
  <c r="AF101611" i="1"/>
  <c r="AF101612" i="1"/>
  <c r="AF101613" i="1"/>
  <c r="AF101614" i="1"/>
  <c r="AF101615" i="1"/>
  <c r="AF101616" i="1"/>
  <c r="AF101617" i="1"/>
  <c r="AF101618" i="1"/>
  <c r="AF101619" i="1"/>
  <c r="AF101620" i="1"/>
  <c r="AF101621" i="1"/>
  <c r="AF101622" i="1"/>
  <c r="AF101623" i="1"/>
  <c r="AF101624" i="1"/>
  <c r="AF101625" i="1"/>
  <c r="AF101626" i="1"/>
  <c r="AF101627" i="1"/>
  <c r="AF101628" i="1"/>
  <c r="AF101629" i="1"/>
  <c r="AF101630" i="1"/>
  <c r="AF101631" i="1"/>
  <c r="AF101632" i="1"/>
  <c r="AF101633" i="1"/>
  <c r="AF101634" i="1"/>
  <c r="AF101635" i="1"/>
  <c r="AF101636" i="1"/>
  <c r="AF101637" i="1"/>
  <c r="AF101638" i="1"/>
  <c r="AF101639" i="1"/>
  <c r="AF101640" i="1"/>
  <c r="AF101641" i="1"/>
  <c r="AF101642" i="1"/>
  <c r="AF101643" i="1"/>
  <c r="AF101644" i="1"/>
  <c r="AF101645" i="1"/>
  <c r="AF101646" i="1"/>
  <c r="AF101647" i="1"/>
  <c r="AF101648" i="1"/>
  <c r="AF101649" i="1"/>
  <c r="AF101650" i="1"/>
  <c r="AF101651" i="1"/>
  <c r="AF101652" i="1"/>
  <c r="AF101653" i="1"/>
  <c r="AF101654" i="1"/>
  <c r="AF101655" i="1"/>
  <c r="AF101656" i="1"/>
  <c r="AF101657" i="1"/>
  <c r="AF101658" i="1"/>
  <c r="AF101659" i="1"/>
  <c r="AF101660" i="1"/>
  <c r="AF101661" i="1"/>
  <c r="AF101662" i="1"/>
  <c r="AF101663" i="1"/>
  <c r="AF101664" i="1"/>
  <c r="AF101665" i="1"/>
  <c r="AF101666" i="1"/>
  <c r="AF101667" i="1"/>
  <c r="AF101668" i="1"/>
  <c r="AF101669" i="1"/>
  <c r="AF101670" i="1"/>
  <c r="AF101671" i="1"/>
  <c r="AF101672" i="1"/>
  <c r="AF101673" i="1"/>
  <c r="AF101674" i="1"/>
  <c r="AF101675" i="1"/>
  <c r="AF101676" i="1"/>
  <c r="AF101677" i="1"/>
  <c r="AF101678" i="1"/>
  <c r="AF101679" i="1"/>
  <c r="AF101680" i="1"/>
  <c r="AF101681" i="1"/>
  <c r="AF101682" i="1"/>
  <c r="AF101683" i="1"/>
  <c r="AF101684" i="1"/>
  <c r="AF101685" i="1"/>
  <c r="AF101686" i="1"/>
  <c r="AF101687" i="1"/>
  <c r="AF101688" i="1"/>
  <c r="AF101689" i="1"/>
  <c r="AF101690" i="1"/>
  <c r="AF101691" i="1"/>
  <c r="AF101692" i="1"/>
  <c r="AF101693" i="1"/>
  <c r="AF101694" i="1"/>
  <c r="AF101695" i="1"/>
  <c r="AF101696" i="1"/>
  <c r="AF101697" i="1"/>
  <c r="AF101698" i="1"/>
  <c r="AF101699" i="1"/>
  <c r="AF101700" i="1"/>
  <c r="AF101701" i="1"/>
  <c r="AF101702" i="1"/>
  <c r="AF101703" i="1"/>
  <c r="AF101704" i="1"/>
  <c r="AF101705" i="1"/>
  <c r="AF101706" i="1"/>
  <c r="AF101707" i="1"/>
  <c r="AF101708" i="1"/>
  <c r="AF101709" i="1"/>
  <c r="AF101710" i="1"/>
  <c r="AF101711" i="1"/>
  <c r="AF101712" i="1"/>
  <c r="AF101713" i="1"/>
  <c r="AF101714" i="1"/>
  <c r="AF101715" i="1"/>
  <c r="AF101716" i="1"/>
  <c r="AF101717" i="1"/>
  <c r="AF101718" i="1"/>
  <c r="AF101719" i="1"/>
  <c r="AF101720" i="1"/>
  <c r="AF101721" i="1"/>
  <c r="AF101722" i="1"/>
  <c r="AF101723" i="1"/>
  <c r="AF101724" i="1"/>
  <c r="AF101725" i="1"/>
  <c r="AF101726" i="1"/>
  <c r="AF101727" i="1"/>
  <c r="AF101728" i="1"/>
  <c r="AF101729" i="1"/>
  <c r="AF101730" i="1"/>
  <c r="AF101731" i="1"/>
  <c r="AF101732" i="1"/>
  <c r="AF101733" i="1"/>
  <c r="AF101734" i="1"/>
  <c r="AF101735" i="1"/>
  <c r="AF101736" i="1"/>
  <c r="AF101737" i="1"/>
  <c r="AF101738" i="1"/>
  <c r="AF101739" i="1"/>
  <c r="AF101740" i="1"/>
  <c r="AF101741" i="1"/>
  <c r="AF101742" i="1"/>
  <c r="AF101743" i="1"/>
  <c r="AF101744" i="1"/>
  <c r="AF101745" i="1"/>
  <c r="AF101746" i="1"/>
  <c r="AF101747" i="1"/>
  <c r="AF101748" i="1"/>
  <c r="AF101749" i="1"/>
  <c r="AF101750" i="1"/>
  <c r="AF101751" i="1"/>
  <c r="AF101752" i="1"/>
  <c r="AF101753" i="1"/>
  <c r="AF101754" i="1"/>
  <c r="AF101755" i="1"/>
  <c r="AF101756" i="1"/>
  <c r="AF101757" i="1"/>
  <c r="AF101758" i="1"/>
  <c r="AF101759" i="1"/>
  <c r="AF101760" i="1"/>
  <c r="AF101761" i="1"/>
  <c r="AF101762" i="1"/>
  <c r="AF101763" i="1"/>
  <c r="AF101764" i="1"/>
  <c r="AF101765" i="1"/>
  <c r="AF101766" i="1"/>
  <c r="AF101767" i="1"/>
  <c r="AF101768" i="1"/>
  <c r="AF101769" i="1"/>
  <c r="AF101770" i="1"/>
  <c r="AF101771" i="1"/>
  <c r="AF101772" i="1"/>
  <c r="AF101773" i="1"/>
  <c r="AF101774" i="1"/>
  <c r="AF101775" i="1"/>
  <c r="AF101776" i="1"/>
  <c r="AF101777" i="1"/>
  <c r="AF101778" i="1"/>
  <c r="AF101779" i="1"/>
  <c r="AF101780" i="1"/>
  <c r="AF101781" i="1"/>
  <c r="AF101782" i="1"/>
  <c r="AF101783" i="1"/>
  <c r="AF101784" i="1"/>
  <c r="AF101785" i="1"/>
  <c r="AF101786" i="1"/>
  <c r="AF101787" i="1"/>
  <c r="AF101788" i="1"/>
  <c r="AF101789" i="1"/>
  <c r="AF101790" i="1"/>
  <c r="AF101791" i="1"/>
  <c r="AF101792" i="1"/>
  <c r="AF101793" i="1"/>
  <c r="AF101794" i="1"/>
  <c r="AF101795" i="1"/>
  <c r="AF101796" i="1"/>
  <c r="AF101797" i="1"/>
  <c r="AF101798" i="1"/>
  <c r="AF101799" i="1"/>
  <c r="AF101800" i="1"/>
  <c r="AF101801" i="1"/>
  <c r="AF101802" i="1"/>
  <c r="AF101803" i="1"/>
  <c r="AF101804" i="1"/>
  <c r="AF101805" i="1"/>
  <c r="AF101806" i="1"/>
  <c r="AF101807" i="1"/>
  <c r="AF101808" i="1"/>
  <c r="AF101809" i="1"/>
  <c r="AF101810" i="1"/>
  <c r="AF101811" i="1"/>
  <c r="AF101812" i="1"/>
  <c r="AF101813" i="1"/>
  <c r="AF101814" i="1"/>
  <c r="AF101815" i="1"/>
  <c r="AF101816" i="1"/>
  <c r="AF101817" i="1"/>
  <c r="AF101818" i="1"/>
  <c r="AF101819" i="1"/>
  <c r="AF101820" i="1"/>
  <c r="AF101821" i="1"/>
  <c r="AF101822" i="1"/>
  <c r="AF101823" i="1"/>
  <c r="AF101824" i="1"/>
  <c r="AF101825" i="1"/>
  <c r="AF101826" i="1"/>
  <c r="AF101827" i="1"/>
  <c r="AF101828" i="1"/>
  <c r="AF101829" i="1"/>
  <c r="AF101830" i="1"/>
  <c r="AF101831" i="1"/>
  <c r="AF101832" i="1"/>
  <c r="AF101833" i="1"/>
  <c r="AF101834" i="1"/>
  <c r="AF101835" i="1"/>
  <c r="AF101836" i="1"/>
  <c r="AF101837" i="1"/>
  <c r="AF101838" i="1"/>
  <c r="AF101839" i="1"/>
  <c r="AF101840" i="1"/>
  <c r="AF101841" i="1"/>
  <c r="AF101842" i="1"/>
  <c r="AF101843" i="1"/>
  <c r="AF101844" i="1"/>
  <c r="AF101845" i="1"/>
  <c r="AF101846" i="1"/>
  <c r="AF101847" i="1"/>
  <c r="AF101848" i="1"/>
  <c r="AF101849" i="1"/>
  <c r="AF101850" i="1"/>
  <c r="AF101851" i="1"/>
  <c r="AF101852" i="1"/>
  <c r="AF101853" i="1"/>
  <c r="AF101854" i="1"/>
  <c r="AF101855" i="1"/>
  <c r="AF101856" i="1"/>
  <c r="AF101857" i="1"/>
  <c r="AF101858" i="1"/>
  <c r="AF101859" i="1"/>
  <c r="AF101860" i="1"/>
  <c r="AF101861" i="1"/>
  <c r="AF101862" i="1"/>
  <c r="AF101863" i="1"/>
  <c r="AF101864" i="1"/>
  <c r="AF101865" i="1"/>
  <c r="AF101866" i="1"/>
  <c r="AF101867" i="1"/>
  <c r="AF101868" i="1"/>
  <c r="AF101869" i="1"/>
  <c r="AF101870" i="1"/>
  <c r="AF101871" i="1"/>
  <c r="AF101872" i="1"/>
  <c r="AF101873" i="1"/>
  <c r="AF101874" i="1"/>
  <c r="AF101875" i="1"/>
  <c r="AF101876" i="1"/>
  <c r="AF101877" i="1"/>
  <c r="AF101878" i="1"/>
  <c r="AF101879" i="1"/>
  <c r="AF101880" i="1"/>
  <c r="AF101881" i="1"/>
  <c r="AF101882" i="1"/>
  <c r="AF101883" i="1"/>
  <c r="AF101884" i="1"/>
  <c r="AF101885" i="1"/>
  <c r="AF101886" i="1"/>
  <c r="AF101887" i="1"/>
  <c r="AF101888" i="1"/>
  <c r="AF101889" i="1"/>
  <c r="AF101890" i="1"/>
  <c r="AF101891" i="1"/>
  <c r="AF101892" i="1"/>
  <c r="AF101893" i="1"/>
  <c r="AF101894" i="1"/>
  <c r="AF101895" i="1"/>
  <c r="AF101896" i="1"/>
  <c r="AF101897" i="1"/>
  <c r="AF101898" i="1"/>
  <c r="AF101899" i="1"/>
  <c r="AF101900" i="1"/>
  <c r="AF101901" i="1"/>
  <c r="AF101902" i="1"/>
  <c r="AF101903" i="1"/>
  <c r="AF101904" i="1"/>
  <c r="AF101905" i="1"/>
  <c r="AF101906" i="1"/>
  <c r="AF101907" i="1"/>
  <c r="AF101908" i="1"/>
  <c r="AF101909" i="1"/>
  <c r="AF101910" i="1"/>
  <c r="AF101911" i="1"/>
  <c r="AF101912" i="1"/>
  <c r="AF101913" i="1"/>
  <c r="AF101914" i="1"/>
  <c r="AF101915" i="1"/>
  <c r="AF101916" i="1"/>
  <c r="AF101917" i="1"/>
  <c r="AF101918" i="1"/>
  <c r="AF101919" i="1"/>
  <c r="AF101920" i="1"/>
  <c r="AF101921" i="1"/>
  <c r="AF101922" i="1"/>
  <c r="AF101923" i="1"/>
  <c r="AF101924" i="1"/>
  <c r="AF101925" i="1"/>
  <c r="AF101926" i="1"/>
  <c r="AF101927" i="1"/>
  <c r="AF101928" i="1"/>
  <c r="AF101929" i="1"/>
  <c r="AF101930" i="1"/>
  <c r="AF101931" i="1"/>
  <c r="AF101932" i="1"/>
  <c r="AF101933" i="1"/>
  <c r="AF101934" i="1"/>
  <c r="AF101935" i="1"/>
  <c r="AF101936" i="1"/>
  <c r="AF101937" i="1"/>
  <c r="AF101938" i="1"/>
  <c r="AF101939" i="1"/>
  <c r="AF101940" i="1"/>
  <c r="AF101941" i="1"/>
  <c r="AF101942" i="1"/>
  <c r="AF101943" i="1"/>
  <c r="AF101944" i="1"/>
  <c r="AF101945" i="1"/>
  <c r="AF101946" i="1"/>
  <c r="AF101947" i="1"/>
  <c r="AF101948" i="1"/>
  <c r="AF101949" i="1"/>
  <c r="AF101950" i="1"/>
  <c r="AF101951" i="1"/>
  <c r="AF101952" i="1"/>
  <c r="AF101953" i="1"/>
  <c r="AF101954" i="1"/>
  <c r="AF101955" i="1"/>
  <c r="AF101956" i="1"/>
  <c r="AF101957" i="1"/>
  <c r="AF101958" i="1"/>
  <c r="AF101959" i="1"/>
  <c r="AF101960" i="1"/>
  <c r="AF101961" i="1"/>
  <c r="AF101962" i="1"/>
  <c r="AF101963" i="1"/>
  <c r="AF101964" i="1"/>
  <c r="AF101965" i="1"/>
  <c r="AF101966" i="1"/>
  <c r="AF101967" i="1"/>
  <c r="AF101968" i="1"/>
  <c r="AF101969" i="1"/>
  <c r="AF101970" i="1"/>
  <c r="AF101971" i="1"/>
  <c r="AF101972" i="1"/>
  <c r="AF101973" i="1"/>
  <c r="AF101974" i="1"/>
  <c r="AF101975" i="1"/>
  <c r="AF101976" i="1"/>
  <c r="AF101977" i="1"/>
  <c r="AF101978" i="1"/>
  <c r="AF101979" i="1"/>
  <c r="AF101980" i="1"/>
  <c r="AF101981" i="1"/>
  <c r="AF101982" i="1"/>
  <c r="AF101983" i="1"/>
  <c r="AF101984" i="1"/>
  <c r="AF101985" i="1"/>
  <c r="AF101986" i="1"/>
  <c r="AF101987" i="1"/>
  <c r="AF101988" i="1"/>
  <c r="AF101989" i="1"/>
  <c r="AF101990" i="1"/>
  <c r="AF101991" i="1"/>
  <c r="AF101992" i="1"/>
  <c r="AF101993" i="1"/>
  <c r="AF101994" i="1"/>
  <c r="AF101995" i="1"/>
  <c r="AF101996" i="1"/>
  <c r="AF101997" i="1"/>
  <c r="AF101998" i="1"/>
  <c r="AF101999" i="1"/>
  <c r="AF102000" i="1"/>
  <c r="AF102001" i="1"/>
  <c r="AF102002" i="1"/>
  <c r="AF102003" i="1"/>
  <c r="AF102004" i="1"/>
  <c r="AF102005" i="1"/>
  <c r="AF102006" i="1"/>
  <c r="AF102007" i="1"/>
  <c r="AF102008" i="1"/>
  <c r="AF102009" i="1"/>
  <c r="AF102010" i="1"/>
  <c r="AF102011" i="1"/>
  <c r="AF102012" i="1"/>
  <c r="AF102013" i="1"/>
  <c r="AF102014" i="1"/>
  <c r="AF102015" i="1"/>
  <c r="AF102016" i="1"/>
  <c r="AF102017" i="1"/>
  <c r="AF102018" i="1"/>
  <c r="AF102019" i="1"/>
  <c r="AF102020" i="1"/>
  <c r="AF102021" i="1"/>
  <c r="AF102022" i="1"/>
  <c r="AF102023" i="1"/>
  <c r="AF102024" i="1"/>
  <c r="AF102025" i="1"/>
  <c r="AF102026" i="1"/>
  <c r="AF102027" i="1"/>
  <c r="AF102028" i="1"/>
  <c r="AF102029" i="1"/>
  <c r="AF102030" i="1"/>
  <c r="AF102031" i="1"/>
  <c r="AF102032" i="1"/>
  <c r="AF102033" i="1"/>
  <c r="AF102034" i="1"/>
  <c r="AF102035" i="1"/>
  <c r="AF102036" i="1"/>
  <c r="AF102037" i="1"/>
  <c r="AF102038" i="1"/>
  <c r="AF102039" i="1"/>
  <c r="AF102040" i="1"/>
  <c r="AF102041" i="1"/>
  <c r="AF102042" i="1"/>
  <c r="AF102043" i="1"/>
  <c r="AF102044" i="1"/>
  <c r="AF102045" i="1"/>
  <c r="AF102046" i="1"/>
  <c r="AF102047" i="1"/>
  <c r="AF102048" i="1"/>
  <c r="AF102049" i="1"/>
  <c r="AF102050" i="1"/>
  <c r="AF102051" i="1"/>
  <c r="AF102052" i="1"/>
  <c r="AF102053" i="1"/>
  <c r="AF102054" i="1"/>
  <c r="AF102055" i="1"/>
  <c r="AF102056" i="1"/>
  <c r="AF102057" i="1"/>
  <c r="AF102058" i="1"/>
  <c r="AF102059" i="1"/>
  <c r="AF102060" i="1"/>
  <c r="AF102061" i="1"/>
  <c r="AF102062" i="1"/>
  <c r="AF102063" i="1"/>
  <c r="AF102064" i="1"/>
  <c r="AF102065" i="1"/>
  <c r="AF102066" i="1"/>
  <c r="AF102067" i="1"/>
  <c r="AF102068" i="1"/>
  <c r="AF102069" i="1"/>
  <c r="AF102070" i="1"/>
  <c r="AF102071" i="1"/>
  <c r="AF102072" i="1"/>
  <c r="AF102073" i="1"/>
  <c r="AF102074" i="1"/>
  <c r="AF102075" i="1"/>
  <c r="AF102076" i="1"/>
  <c r="AF102077" i="1"/>
  <c r="AF102078" i="1"/>
  <c r="AF102079" i="1"/>
  <c r="AF102080" i="1"/>
  <c r="AF102081" i="1"/>
  <c r="AF102082" i="1"/>
  <c r="AF102083" i="1"/>
  <c r="AF102084" i="1"/>
  <c r="AF102085" i="1"/>
  <c r="AF102086" i="1"/>
  <c r="AF102087" i="1"/>
  <c r="AF102088" i="1"/>
  <c r="AF102089" i="1"/>
  <c r="AF102090" i="1"/>
  <c r="AF102091" i="1"/>
  <c r="AF102092" i="1"/>
  <c r="AF102093" i="1"/>
  <c r="AF102094" i="1"/>
  <c r="AF102095" i="1"/>
  <c r="AF102096" i="1"/>
  <c r="AF102097" i="1"/>
  <c r="AF102098" i="1"/>
  <c r="AF102099" i="1"/>
  <c r="AF102100" i="1"/>
  <c r="AF102101" i="1"/>
  <c r="AF102102" i="1"/>
  <c r="AF102103" i="1"/>
  <c r="AF102104" i="1"/>
  <c r="AF102105" i="1"/>
  <c r="AF102106" i="1"/>
  <c r="AF102107" i="1"/>
  <c r="AF102108" i="1"/>
  <c r="AF102109" i="1"/>
  <c r="AF102110" i="1"/>
  <c r="AF102111" i="1"/>
  <c r="AF102112" i="1"/>
  <c r="AF102113" i="1"/>
  <c r="AF102114" i="1"/>
  <c r="AF102115" i="1"/>
  <c r="AF102116" i="1"/>
  <c r="AF102117" i="1"/>
  <c r="AF102118" i="1"/>
  <c r="AF102119" i="1"/>
  <c r="AF102120" i="1"/>
  <c r="AF102121" i="1"/>
  <c r="AF102122" i="1"/>
  <c r="AF102123" i="1"/>
  <c r="AF102124" i="1"/>
  <c r="AF102125" i="1"/>
  <c r="AF102126" i="1"/>
  <c r="AF102127" i="1"/>
  <c r="AF102128" i="1"/>
  <c r="AF102129" i="1"/>
  <c r="AF102130" i="1"/>
  <c r="AF102131" i="1"/>
  <c r="AF102132" i="1"/>
  <c r="AF102133" i="1"/>
  <c r="AF102134" i="1"/>
  <c r="AF102135" i="1"/>
  <c r="AF102136" i="1"/>
  <c r="AF102137" i="1"/>
  <c r="AF102138" i="1"/>
  <c r="AF102139" i="1"/>
  <c r="AF102140" i="1"/>
  <c r="AF102141" i="1"/>
  <c r="AF102142" i="1"/>
  <c r="AF102143" i="1"/>
  <c r="AF102144" i="1"/>
  <c r="AF102145" i="1"/>
  <c r="AF102146" i="1"/>
  <c r="AF102147" i="1"/>
  <c r="AF102148" i="1"/>
  <c r="AF102149" i="1"/>
  <c r="AF102150" i="1"/>
  <c r="AF102151" i="1"/>
  <c r="AF102152" i="1"/>
  <c r="AF102153" i="1"/>
  <c r="AF102154" i="1"/>
  <c r="AF102155" i="1"/>
  <c r="AF102156" i="1"/>
  <c r="AF102157" i="1"/>
  <c r="AF102158" i="1"/>
  <c r="AF102159" i="1"/>
  <c r="AF102160" i="1"/>
  <c r="AF102161" i="1"/>
  <c r="AF102162" i="1"/>
  <c r="AF102163" i="1"/>
  <c r="AF102164" i="1"/>
  <c r="AF102165" i="1"/>
  <c r="AF102166" i="1"/>
  <c r="AF102167" i="1"/>
  <c r="AF102168" i="1"/>
  <c r="AF102169" i="1"/>
  <c r="AF102170" i="1"/>
  <c r="AF102171" i="1"/>
  <c r="AF102172" i="1"/>
  <c r="AF102173" i="1"/>
  <c r="AF102174" i="1"/>
  <c r="AF102175" i="1"/>
  <c r="AF102176" i="1"/>
  <c r="AF102177" i="1"/>
  <c r="AF102178" i="1"/>
  <c r="AF102179" i="1"/>
  <c r="AF102180" i="1"/>
  <c r="AF102181" i="1"/>
  <c r="AF102182" i="1"/>
  <c r="AF102183" i="1"/>
  <c r="AF102184" i="1"/>
  <c r="AF102185" i="1"/>
  <c r="AF102186" i="1"/>
  <c r="AF102187" i="1"/>
  <c r="AF102188" i="1"/>
  <c r="AF102189" i="1"/>
  <c r="AF102190" i="1"/>
  <c r="AF102191" i="1"/>
  <c r="AF102192" i="1"/>
  <c r="AF102193" i="1"/>
  <c r="AF102194" i="1"/>
  <c r="AF102195" i="1"/>
  <c r="AF102196" i="1"/>
  <c r="AF102197" i="1"/>
  <c r="AF102198" i="1"/>
  <c r="AF102199" i="1"/>
  <c r="AF102200" i="1"/>
  <c r="AF102201" i="1"/>
  <c r="AF102202" i="1"/>
  <c r="AF102203" i="1"/>
  <c r="AF102204" i="1"/>
  <c r="AF102205" i="1"/>
  <c r="AF102206" i="1"/>
  <c r="AF102207" i="1"/>
  <c r="AF102208" i="1"/>
  <c r="AF102209" i="1"/>
  <c r="AF102210" i="1"/>
  <c r="AF102211" i="1"/>
  <c r="AF102212" i="1"/>
  <c r="AF102213" i="1"/>
  <c r="AF102214" i="1"/>
  <c r="AF102215" i="1"/>
  <c r="AF102216" i="1"/>
  <c r="AF102217" i="1"/>
  <c r="AF102218" i="1"/>
  <c r="AF102219" i="1"/>
  <c r="AF102220" i="1"/>
  <c r="AF102221" i="1"/>
  <c r="AF102222" i="1"/>
  <c r="AF102223" i="1"/>
  <c r="AF102224" i="1"/>
  <c r="AF102225" i="1"/>
  <c r="AF102226" i="1"/>
  <c r="AF102227" i="1"/>
  <c r="AF102228" i="1"/>
  <c r="AF102229" i="1"/>
  <c r="AF102230" i="1"/>
  <c r="AF102231" i="1"/>
  <c r="AF102232" i="1"/>
  <c r="AF102233" i="1"/>
  <c r="AF102234" i="1"/>
  <c r="AF102235" i="1"/>
  <c r="AF102236" i="1"/>
  <c r="AF102237" i="1"/>
  <c r="AF102238" i="1"/>
  <c r="AF102239" i="1"/>
  <c r="AF102240" i="1"/>
  <c r="AF102241" i="1"/>
  <c r="AF102242" i="1"/>
  <c r="AF102243" i="1"/>
  <c r="AF102244" i="1"/>
  <c r="AF102245" i="1"/>
  <c r="AF102246" i="1"/>
  <c r="AF102247" i="1"/>
  <c r="AF102248" i="1"/>
  <c r="AF102249" i="1"/>
  <c r="AF102250" i="1"/>
  <c r="AF102251" i="1"/>
  <c r="AF102252" i="1"/>
  <c r="AF102253" i="1"/>
  <c r="AF102254" i="1"/>
  <c r="AF102255" i="1"/>
  <c r="AF102256" i="1"/>
  <c r="AF102257" i="1"/>
  <c r="AF102258" i="1"/>
  <c r="AF102259" i="1"/>
  <c r="AF102260" i="1"/>
  <c r="AF102261" i="1"/>
  <c r="AF102262" i="1"/>
  <c r="AF102263" i="1"/>
  <c r="AF102264" i="1"/>
  <c r="AF102265" i="1"/>
  <c r="AF102266" i="1"/>
  <c r="AF102267" i="1"/>
  <c r="AF102268" i="1"/>
  <c r="AF102269" i="1"/>
  <c r="AF102270" i="1"/>
  <c r="AF102271" i="1"/>
  <c r="AF102272" i="1"/>
  <c r="AF102273" i="1"/>
  <c r="AF102274" i="1"/>
  <c r="AF102275" i="1"/>
  <c r="AF102276" i="1"/>
  <c r="AF102277" i="1"/>
  <c r="AF102278" i="1"/>
  <c r="AF102279" i="1"/>
  <c r="AF102280" i="1"/>
  <c r="AF102281" i="1"/>
  <c r="AF102282" i="1"/>
  <c r="AF102283" i="1"/>
  <c r="AF102284" i="1"/>
  <c r="AF102285" i="1"/>
  <c r="AF102286" i="1"/>
  <c r="AF102287" i="1"/>
  <c r="AF102288" i="1"/>
  <c r="AF102289" i="1"/>
  <c r="AF102290" i="1"/>
  <c r="AF102291" i="1"/>
  <c r="AF102292" i="1"/>
  <c r="AF102293" i="1"/>
  <c r="AF102294" i="1"/>
  <c r="AF102295" i="1"/>
  <c r="AF102296" i="1"/>
  <c r="AF102297" i="1"/>
  <c r="AF102298" i="1"/>
  <c r="AF102299" i="1"/>
  <c r="AF102300" i="1"/>
  <c r="AF102301" i="1"/>
  <c r="AF102302" i="1"/>
  <c r="AF102303" i="1"/>
  <c r="AF102304" i="1"/>
  <c r="AF102305" i="1"/>
  <c r="AF102306" i="1"/>
  <c r="AF102307" i="1"/>
  <c r="AF102308" i="1"/>
  <c r="AF102309" i="1"/>
  <c r="AF102310" i="1"/>
  <c r="AF102311" i="1"/>
  <c r="AF102312" i="1"/>
  <c r="AF102313" i="1"/>
  <c r="AF102314" i="1"/>
  <c r="AF102315" i="1"/>
  <c r="AF102316" i="1"/>
  <c r="AF102317" i="1"/>
  <c r="AF102318" i="1"/>
  <c r="AF102319" i="1"/>
  <c r="AF102320" i="1"/>
  <c r="AF102321" i="1"/>
  <c r="AF102322" i="1"/>
  <c r="AF102323" i="1"/>
  <c r="AF102324" i="1"/>
  <c r="AF102325" i="1"/>
  <c r="AF102326" i="1"/>
  <c r="AF102327" i="1"/>
  <c r="AF102328" i="1"/>
  <c r="AF102329" i="1"/>
  <c r="AF102330" i="1"/>
  <c r="AF102331" i="1"/>
  <c r="AF102332" i="1"/>
  <c r="AF102333" i="1"/>
  <c r="AF102334" i="1"/>
  <c r="AF102335" i="1"/>
  <c r="AF102336" i="1"/>
  <c r="AF102337" i="1"/>
  <c r="AF102338" i="1"/>
  <c r="AF102339" i="1"/>
  <c r="AF102340" i="1"/>
  <c r="AF102341" i="1"/>
  <c r="AF102342" i="1"/>
  <c r="AF102343" i="1"/>
  <c r="AF102344" i="1"/>
  <c r="AF102345" i="1"/>
  <c r="AF102346" i="1"/>
  <c r="AF102347" i="1"/>
  <c r="AF102348" i="1"/>
  <c r="AF102349" i="1"/>
  <c r="AF102350" i="1"/>
  <c r="AF102351" i="1"/>
  <c r="AF102352" i="1"/>
  <c r="AF102353" i="1"/>
  <c r="AF102354" i="1"/>
  <c r="AF102355" i="1"/>
  <c r="AF102356" i="1"/>
  <c r="AF102357" i="1"/>
  <c r="AF102358" i="1"/>
  <c r="AF102359" i="1"/>
  <c r="AF102360" i="1"/>
  <c r="AF102361" i="1"/>
  <c r="AF102362" i="1"/>
  <c r="AF102363" i="1"/>
  <c r="AF102364" i="1"/>
  <c r="AF102365" i="1"/>
  <c r="AF102366" i="1"/>
  <c r="AF102367" i="1"/>
  <c r="AF102368" i="1"/>
  <c r="AF102369" i="1"/>
  <c r="AF102370" i="1"/>
  <c r="AF102371" i="1"/>
  <c r="AF102372" i="1"/>
  <c r="AF102373" i="1"/>
  <c r="AF102374" i="1"/>
  <c r="AF102375" i="1"/>
  <c r="AF102376" i="1"/>
  <c r="AF102377" i="1"/>
  <c r="AF102378" i="1"/>
  <c r="AF102379" i="1"/>
  <c r="AF102380" i="1"/>
  <c r="AF102381" i="1"/>
  <c r="AF102382" i="1"/>
  <c r="AF102383" i="1"/>
  <c r="AF102384" i="1"/>
  <c r="AF102385" i="1"/>
  <c r="AF102386" i="1"/>
  <c r="AF102387" i="1"/>
  <c r="AF102388" i="1"/>
  <c r="AF102389" i="1"/>
  <c r="AF102390" i="1"/>
  <c r="AF102391" i="1"/>
  <c r="AF102392" i="1"/>
  <c r="AF102393" i="1"/>
  <c r="AF102394" i="1"/>
  <c r="AF102395" i="1"/>
  <c r="AF102396" i="1"/>
  <c r="AF102397" i="1"/>
  <c r="AF102398" i="1"/>
  <c r="AF102399" i="1"/>
  <c r="AF102400" i="1"/>
  <c r="AF102401" i="1"/>
  <c r="AF102402" i="1"/>
  <c r="AF102403" i="1"/>
  <c r="AF102404" i="1"/>
  <c r="AF102405" i="1"/>
  <c r="AF102406" i="1"/>
  <c r="AF102407" i="1"/>
  <c r="AF102408" i="1"/>
  <c r="AF102409" i="1"/>
  <c r="AF102410" i="1"/>
  <c r="AF102411" i="1"/>
  <c r="AF102412" i="1"/>
  <c r="AF102413" i="1"/>
  <c r="AF102414" i="1"/>
  <c r="AF102415" i="1"/>
  <c r="AF102416" i="1"/>
  <c r="AF102417" i="1"/>
  <c r="AF102418" i="1"/>
  <c r="AF102419" i="1"/>
  <c r="AF102420" i="1"/>
  <c r="AF102421" i="1"/>
  <c r="AF102422" i="1"/>
  <c r="AF102423" i="1"/>
  <c r="AF102424" i="1"/>
  <c r="AF102425" i="1"/>
  <c r="AF102426" i="1"/>
  <c r="AF102427" i="1"/>
  <c r="AF102428" i="1"/>
  <c r="AF102429" i="1"/>
  <c r="AF102430" i="1"/>
  <c r="AF102431" i="1"/>
  <c r="AF102432" i="1"/>
  <c r="AF102433" i="1"/>
  <c r="AF102434" i="1"/>
  <c r="AF102435" i="1"/>
  <c r="AF102436" i="1"/>
  <c r="AF102437" i="1"/>
  <c r="AF102438" i="1"/>
  <c r="AF102439" i="1"/>
  <c r="AF102440" i="1"/>
  <c r="AF102441" i="1"/>
  <c r="AF102442" i="1"/>
  <c r="AF102443" i="1"/>
  <c r="AF102444" i="1"/>
  <c r="AF102445" i="1"/>
  <c r="AF102446" i="1"/>
  <c r="AF102447" i="1"/>
  <c r="AF102448" i="1"/>
  <c r="AF102449" i="1"/>
  <c r="AF102450" i="1"/>
  <c r="AF102451" i="1"/>
  <c r="AF102452" i="1"/>
  <c r="AF102453" i="1"/>
  <c r="AF102454" i="1"/>
  <c r="AF102455" i="1"/>
  <c r="AF102456" i="1"/>
  <c r="AF102457" i="1"/>
  <c r="AF102458" i="1"/>
  <c r="AF102459" i="1"/>
  <c r="AF102460" i="1"/>
  <c r="AF102461" i="1"/>
  <c r="AF102462" i="1"/>
  <c r="AF102463" i="1"/>
  <c r="AF102464" i="1"/>
  <c r="AF102465" i="1"/>
  <c r="AF102466" i="1"/>
  <c r="AF102467" i="1"/>
  <c r="AF102468" i="1"/>
  <c r="AF102469" i="1"/>
  <c r="AF102470" i="1"/>
  <c r="AF102471" i="1"/>
  <c r="AF102472" i="1"/>
  <c r="AF102473" i="1"/>
  <c r="AF102474" i="1"/>
  <c r="AF102475" i="1"/>
  <c r="AF102476" i="1"/>
  <c r="AF102477" i="1"/>
  <c r="AF102478" i="1"/>
  <c r="AF102479" i="1"/>
  <c r="AF102480" i="1"/>
  <c r="AF102481" i="1"/>
  <c r="AF102482" i="1"/>
  <c r="AF102483" i="1"/>
  <c r="AF102484" i="1"/>
  <c r="AF102485" i="1"/>
  <c r="AF102486" i="1"/>
  <c r="AF102487" i="1"/>
  <c r="AF102488" i="1"/>
  <c r="AF102489" i="1"/>
  <c r="AF102490" i="1"/>
  <c r="AF102491" i="1"/>
  <c r="AF102492" i="1"/>
  <c r="AF102493" i="1"/>
  <c r="AF102494" i="1"/>
  <c r="AF102495" i="1"/>
  <c r="AF102496" i="1"/>
  <c r="AF102497" i="1"/>
  <c r="AF102498" i="1"/>
  <c r="AF102499" i="1"/>
  <c r="AF102500" i="1"/>
  <c r="AF102501" i="1"/>
  <c r="AF102502" i="1"/>
  <c r="AF102503" i="1"/>
  <c r="AF102504" i="1"/>
  <c r="AF102505" i="1"/>
  <c r="AF102506" i="1"/>
  <c r="AF102507" i="1"/>
  <c r="AF102508" i="1"/>
  <c r="AF102509" i="1"/>
  <c r="AF102510" i="1"/>
  <c r="AF102511" i="1"/>
  <c r="AF102512" i="1"/>
  <c r="AF102513" i="1"/>
  <c r="AF102514" i="1"/>
  <c r="AF102515" i="1"/>
  <c r="AF102516" i="1"/>
  <c r="AF102517" i="1"/>
  <c r="AF102518" i="1"/>
  <c r="AF102519" i="1"/>
  <c r="AF102520" i="1"/>
  <c r="AF102521" i="1"/>
  <c r="AF102522" i="1"/>
  <c r="AF102523" i="1"/>
  <c r="AF102524" i="1"/>
  <c r="AF102525" i="1"/>
  <c r="AF102526" i="1"/>
  <c r="AF102527" i="1"/>
  <c r="AF102528" i="1"/>
  <c r="AF102529" i="1"/>
  <c r="AF102530" i="1"/>
  <c r="AF102531" i="1"/>
  <c r="AF102532" i="1"/>
  <c r="AF102533" i="1"/>
  <c r="AF102534" i="1"/>
  <c r="AF102535" i="1"/>
  <c r="AF102536" i="1"/>
  <c r="AF102537" i="1"/>
  <c r="AF102538" i="1"/>
  <c r="AF102539" i="1"/>
  <c r="AF102540" i="1"/>
  <c r="AF102541" i="1"/>
  <c r="AF102542" i="1"/>
  <c r="AF102543" i="1"/>
  <c r="AF102544" i="1"/>
  <c r="AF102545" i="1"/>
  <c r="AF102546" i="1"/>
  <c r="AF102547" i="1"/>
  <c r="AF102548" i="1"/>
  <c r="AF102549" i="1"/>
  <c r="AF102550" i="1"/>
  <c r="AF102551" i="1"/>
  <c r="AF102552" i="1"/>
  <c r="AF102553" i="1"/>
  <c r="AF102554" i="1"/>
  <c r="AF102555" i="1"/>
  <c r="AF102556" i="1"/>
  <c r="AF102557" i="1"/>
  <c r="AF102558" i="1"/>
  <c r="AF102559" i="1"/>
  <c r="AF102560" i="1"/>
  <c r="AF102561" i="1"/>
  <c r="AF102562" i="1"/>
  <c r="AF102563" i="1"/>
  <c r="AF102564" i="1"/>
  <c r="AF102565" i="1"/>
  <c r="AF102566" i="1"/>
  <c r="AF102567" i="1"/>
  <c r="AF102568" i="1"/>
  <c r="AF102569" i="1"/>
  <c r="AF102570" i="1"/>
  <c r="AF102571" i="1"/>
  <c r="AF102572" i="1"/>
  <c r="AF102573" i="1"/>
  <c r="AF102574" i="1"/>
  <c r="AF102575" i="1"/>
  <c r="AF102576" i="1"/>
  <c r="AF102577" i="1"/>
  <c r="AF102578" i="1"/>
  <c r="AF102579" i="1"/>
  <c r="AF102580" i="1"/>
  <c r="AF102581" i="1"/>
  <c r="AF102582" i="1"/>
  <c r="AF102583" i="1"/>
  <c r="AF102584" i="1"/>
  <c r="AF102585" i="1"/>
  <c r="AF102586" i="1"/>
  <c r="AF102587" i="1"/>
  <c r="AF102588" i="1"/>
  <c r="AF102589" i="1"/>
  <c r="AF102590" i="1"/>
  <c r="AF102591" i="1"/>
  <c r="AF102592" i="1"/>
  <c r="AF102593" i="1"/>
  <c r="AF102594" i="1"/>
  <c r="AF102595" i="1"/>
  <c r="AF102596" i="1"/>
  <c r="AF102597" i="1"/>
  <c r="AF102598" i="1"/>
  <c r="AF102599" i="1"/>
  <c r="AF102600" i="1"/>
  <c r="AF102601" i="1"/>
  <c r="AF102602" i="1"/>
  <c r="AF102603" i="1"/>
  <c r="AF102604" i="1"/>
  <c r="AF102605" i="1"/>
  <c r="AF102606" i="1"/>
  <c r="AF102607" i="1"/>
  <c r="AF102608" i="1"/>
  <c r="AF102609" i="1"/>
  <c r="AF102610" i="1"/>
  <c r="AF102611" i="1"/>
  <c r="AF102612" i="1"/>
  <c r="AF102613" i="1"/>
  <c r="AF102614" i="1"/>
  <c r="AF102615" i="1"/>
  <c r="AF102616" i="1"/>
  <c r="AF102617" i="1"/>
  <c r="AF102618" i="1"/>
  <c r="AF102619" i="1"/>
  <c r="AF102620" i="1"/>
  <c r="AF102621" i="1"/>
  <c r="AF102622" i="1"/>
  <c r="AF102623" i="1"/>
  <c r="AF102624" i="1"/>
  <c r="AF102625" i="1"/>
  <c r="AF102626" i="1"/>
  <c r="AF102627" i="1"/>
  <c r="AF102628" i="1"/>
  <c r="AF102629" i="1"/>
  <c r="AF102630" i="1"/>
  <c r="AF102631" i="1"/>
  <c r="AF102632" i="1"/>
  <c r="AF102633" i="1"/>
  <c r="AF102634" i="1"/>
  <c r="AF102635" i="1"/>
  <c r="AF102636" i="1"/>
  <c r="AF102637" i="1"/>
  <c r="AF102638" i="1"/>
  <c r="AF102639" i="1"/>
  <c r="AF102640" i="1"/>
  <c r="AF102641" i="1"/>
  <c r="AF102642" i="1"/>
  <c r="AF102643" i="1"/>
  <c r="AF102644" i="1"/>
  <c r="AF102645" i="1"/>
  <c r="AF102646" i="1"/>
  <c r="AF102647" i="1"/>
  <c r="AF102648" i="1"/>
  <c r="AF102649" i="1"/>
  <c r="AF102650" i="1"/>
  <c r="AF102651" i="1"/>
  <c r="AF102652" i="1"/>
  <c r="AF102653" i="1"/>
  <c r="AF102654" i="1"/>
  <c r="AF102655" i="1"/>
  <c r="AF102656" i="1"/>
  <c r="AF102657" i="1"/>
  <c r="AF102658" i="1"/>
  <c r="AF102659" i="1"/>
  <c r="AF102660" i="1"/>
  <c r="AF102661" i="1"/>
  <c r="AF102662" i="1"/>
  <c r="AF102663" i="1"/>
  <c r="AF102664" i="1"/>
  <c r="AF102665" i="1"/>
  <c r="AF102666" i="1"/>
  <c r="AF102667" i="1"/>
  <c r="AF102668" i="1"/>
  <c r="AF102669" i="1"/>
  <c r="AF102670" i="1"/>
  <c r="AF102671" i="1"/>
  <c r="AF102672" i="1"/>
  <c r="AF102673" i="1"/>
  <c r="AF102674" i="1"/>
  <c r="AF102675" i="1"/>
  <c r="AF102676" i="1"/>
  <c r="AF102677" i="1"/>
  <c r="AF102678" i="1"/>
  <c r="AF102679" i="1"/>
  <c r="AF102680" i="1"/>
  <c r="AF102681" i="1"/>
  <c r="AF102682" i="1"/>
  <c r="AF102683" i="1"/>
  <c r="AF102684" i="1"/>
  <c r="AF102685" i="1"/>
  <c r="AF102686" i="1"/>
  <c r="AF102687" i="1"/>
  <c r="AF102688" i="1"/>
  <c r="AF102689" i="1"/>
  <c r="AF102690" i="1"/>
  <c r="AF102691" i="1"/>
  <c r="AF102692" i="1"/>
  <c r="AF102693" i="1"/>
  <c r="AF102694" i="1"/>
  <c r="AF102695" i="1"/>
  <c r="AF102696" i="1"/>
  <c r="AF102697" i="1"/>
  <c r="AF102698" i="1"/>
  <c r="AF102699" i="1"/>
  <c r="AF102700" i="1"/>
  <c r="AF102701" i="1"/>
  <c r="AF102702" i="1"/>
  <c r="AF102703" i="1"/>
  <c r="AF102704" i="1"/>
  <c r="AF102705" i="1"/>
  <c r="AF102706" i="1"/>
  <c r="AF102707" i="1"/>
  <c r="AF102708" i="1"/>
  <c r="AF102709" i="1"/>
  <c r="AF102710" i="1"/>
  <c r="AF102711" i="1"/>
  <c r="AF102712" i="1"/>
  <c r="AF102713" i="1"/>
  <c r="AF102714" i="1"/>
  <c r="AF102715" i="1"/>
  <c r="AF102716" i="1"/>
  <c r="AF102717" i="1"/>
  <c r="AF102718" i="1"/>
  <c r="AF102719" i="1"/>
  <c r="AF102720" i="1"/>
  <c r="AF102721" i="1"/>
  <c r="AF102722" i="1"/>
  <c r="AF102723" i="1"/>
  <c r="AF102724" i="1"/>
  <c r="AF102725" i="1"/>
  <c r="AF102726" i="1"/>
  <c r="AF102727" i="1"/>
  <c r="AF102728" i="1"/>
  <c r="AF102729" i="1"/>
  <c r="AF102730" i="1"/>
  <c r="AF102731" i="1"/>
  <c r="AF102732" i="1"/>
  <c r="AF102733" i="1"/>
  <c r="AF102734" i="1"/>
  <c r="AF102735" i="1"/>
  <c r="AF102736" i="1"/>
  <c r="AF102737" i="1"/>
  <c r="AF102738" i="1"/>
  <c r="AF102739" i="1"/>
  <c r="AF102740" i="1"/>
  <c r="AF102741" i="1"/>
  <c r="AF102742" i="1"/>
  <c r="AF102743" i="1"/>
  <c r="AF102744" i="1"/>
  <c r="AF102745" i="1"/>
  <c r="AF102746" i="1"/>
  <c r="AF102747" i="1"/>
  <c r="AF102748" i="1"/>
  <c r="AF102749" i="1"/>
  <c r="AF102750" i="1"/>
  <c r="AF102751" i="1"/>
  <c r="AF102752" i="1"/>
  <c r="AF102753" i="1"/>
  <c r="AF102754" i="1"/>
  <c r="AF102755" i="1"/>
  <c r="AF102756" i="1"/>
  <c r="AF102757" i="1"/>
  <c r="AF102758" i="1"/>
  <c r="AF102759" i="1"/>
  <c r="AF102760" i="1"/>
  <c r="AF102761" i="1"/>
  <c r="AF102762" i="1"/>
  <c r="AF102763" i="1"/>
  <c r="AF102764" i="1"/>
  <c r="AF102765" i="1"/>
  <c r="AF102766" i="1"/>
  <c r="AF102767" i="1"/>
  <c r="AF102768" i="1"/>
  <c r="AF102769" i="1"/>
  <c r="AF102770" i="1"/>
  <c r="AF102771" i="1"/>
  <c r="AF102772" i="1"/>
  <c r="AF102773" i="1"/>
  <c r="AF102774" i="1"/>
  <c r="AF102775" i="1"/>
  <c r="AF102776" i="1"/>
  <c r="AF102777" i="1"/>
  <c r="AF102778" i="1"/>
  <c r="AF102779" i="1"/>
  <c r="AF102780" i="1"/>
  <c r="AF102781" i="1"/>
  <c r="AF102782" i="1"/>
  <c r="AF102783" i="1"/>
  <c r="AF102784" i="1"/>
  <c r="AF102785" i="1"/>
  <c r="AF102786" i="1"/>
  <c r="AF102787" i="1"/>
  <c r="AF102788" i="1"/>
  <c r="AF102789" i="1"/>
  <c r="AF102790" i="1"/>
  <c r="AF102791" i="1"/>
  <c r="AF102792" i="1"/>
  <c r="AF102793" i="1"/>
  <c r="AF102794" i="1"/>
  <c r="AF102795" i="1"/>
  <c r="AF102796" i="1"/>
  <c r="AF102797" i="1"/>
  <c r="AF102798" i="1"/>
  <c r="AF102799" i="1"/>
  <c r="AF102800" i="1"/>
  <c r="AF102801" i="1"/>
  <c r="AF102802" i="1"/>
  <c r="AF102803" i="1"/>
  <c r="AF102804" i="1"/>
  <c r="AF102805" i="1"/>
  <c r="AF102806" i="1"/>
  <c r="AF102807" i="1"/>
  <c r="AF102808" i="1"/>
  <c r="AF102809" i="1"/>
  <c r="AF102810" i="1"/>
  <c r="AF102811" i="1"/>
  <c r="AF102812" i="1"/>
  <c r="AF102813" i="1"/>
  <c r="AF102814" i="1"/>
  <c r="AF102815" i="1"/>
  <c r="AF102816" i="1"/>
  <c r="AF102817" i="1"/>
  <c r="AF102818" i="1"/>
  <c r="AF102819" i="1"/>
  <c r="AF102820" i="1"/>
  <c r="AF102821" i="1"/>
  <c r="AF102822" i="1"/>
  <c r="AF102823" i="1"/>
  <c r="AF102824" i="1"/>
  <c r="AF102825" i="1"/>
  <c r="AF102826" i="1"/>
  <c r="AF102827" i="1"/>
  <c r="AF102828" i="1"/>
  <c r="AF102829" i="1"/>
  <c r="AF102830" i="1"/>
  <c r="AF102831" i="1"/>
  <c r="AF102832" i="1"/>
  <c r="AF102833" i="1"/>
  <c r="AF102834" i="1"/>
  <c r="AF102835" i="1"/>
  <c r="AF102836" i="1"/>
  <c r="AF102837" i="1"/>
  <c r="AF102838" i="1"/>
  <c r="AF102839" i="1"/>
  <c r="AF102840" i="1"/>
  <c r="AF102841" i="1"/>
  <c r="AF102842" i="1"/>
  <c r="AF102843" i="1"/>
  <c r="AF102844" i="1"/>
  <c r="AF102845" i="1"/>
  <c r="AF102846" i="1"/>
  <c r="AF102847" i="1"/>
  <c r="AF102848" i="1"/>
  <c r="AF102849" i="1"/>
  <c r="AF102850" i="1"/>
  <c r="AF102851" i="1"/>
  <c r="AF102852" i="1"/>
  <c r="AF102853" i="1"/>
  <c r="AF102854" i="1"/>
  <c r="AF102855" i="1"/>
  <c r="AF102856" i="1"/>
  <c r="AF102857" i="1"/>
  <c r="AF102858" i="1"/>
  <c r="AF102859" i="1"/>
  <c r="AF102860" i="1"/>
  <c r="AF102861" i="1"/>
  <c r="AF102862" i="1"/>
  <c r="AF102863" i="1"/>
  <c r="AF102864" i="1"/>
  <c r="AF102865" i="1"/>
  <c r="AF102866" i="1"/>
  <c r="AF102867" i="1"/>
  <c r="AF102868" i="1"/>
  <c r="AF102869" i="1"/>
  <c r="AF102870" i="1"/>
  <c r="AF102871" i="1"/>
  <c r="AF102872" i="1"/>
  <c r="AF102873" i="1"/>
  <c r="AF102874" i="1"/>
  <c r="AF102875" i="1"/>
  <c r="AF102876" i="1"/>
  <c r="AF102877" i="1"/>
  <c r="AF102878" i="1"/>
  <c r="AF102879" i="1"/>
  <c r="AF102880" i="1"/>
  <c r="AF102881" i="1"/>
  <c r="AF102882" i="1"/>
  <c r="AF102883" i="1"/>
  <c r="AF102884" i="1"/>
  <c r="AF102885" i="1"/>
  <c r="AF102886" i="1"/>
  <c r="AF102887" i="1"/>
  <c r="AF102888" i="1"/>
  <c r="AF102889" i="1"/>
  <c r="AF102890" i="1"/>
  <c r="AF102891" i="1"/>
  <c r="AF102892" i="1"/>
  <c r="AF102893" i="1"/>
  <c r="AF102894" i="1"/>
  <c r="AF102895" i="1"/>
  <c r="AF102896" i="1"/>
  <c r="AF102897" i="1"/>
  <c r="AF102898" i="1"/>
  <c r="AF102899" i="1"/>
  <c r="AF102900" i="1"/>
  <c r="AF102901" i="1"/>
  <c r="AF102902" i="1"/>
  <c r="AF102903" i="1"/>
  <c r="AF102904" i="1"/>
  <c r="AF102905" i="1"/>
  <c r="AF102906" i="1"/>
  <c r="AF102907" i="1"/>
  <c r="AF102908" i="1"/>
  <c r="AF102909" i="1"/>
  <c r="AF102910" i="1"/>
  <c r="AF102911" i="1"/>
  <c r="AF102912" i="1"/>
  <c r="AF102913" i="1"/>
  <c r="AF102914" i="1"/>
  <c r="AF102915" i="1"/>
  <c r="AF102916" i="1"/>
  <c r="AF102917" i="1"/>
  <c r="AF102918" i="1"/>
  <c r="AF102919" i="1"/>
  <c r="AF102920" i="1"/>
  <c r="AF102921" i="1"/>
  <c r="AF102922" i="1"/>
  <c r="AF102923" i="1"/>
  <c r="AF102924" i="1"/>
  <c r="AF102925" i="1"/>
  <c r="AF102926" i="1"/>
  <c r="AF102927" i="1"/>
  <c r="AF102928" i="1"/>
  <c r="AF102929" i="1"/>
  <c r="AF102930" i="1"/>
  <c r="AF102931" i="1"/>
  <c r="AF102932" i="1"/>
  <c r="AF102933" i="1"/>
  <c r="AF102934" i="1"/>
  <c r="AF102935" i="1"/>
  <c r="AF102936" i="1"/>
  <c r="AF102937" i="1"/>
  <c r="AF102938" i="1"/>
  <c r="AF102939" i="1"/>
  <c r="AF102940" i="1"/>
  <c r="AF102941" i="1"/>
  <c r="AF102942" i="1"/>
  <c r="AF102943" i="1"/>
  <c r="AF102944" i="1"/>
  <c r="AF102945" i="1"/>
  <c r="AF102946" i="1"/>
  <c r="AF102947" i="1"/>
  <c r="AF102948" i="1"/>
  <c r="AF102949" i="1"/>
  <c r="AF102950" i="1"/>
  <c r="AF102951" i="1"/>
  <c r="AF102952" i="1"/>
  <c r="AF102953" i="1"/>
  <c r="AF102954" i="1"/>
  <c r="AF102955" i="1"/>
  <c r="AF102956" i="1"/>
  <c r="AF102957" i="1"/>
  <c r="AF102958" i="1"/>
  <c r="AF102959" i="1"/>
  <c r="AF102960" i="1"/>
  <c r="AF102961" i="1"/>
  <c r="AF102962" i="1"/>
  <c r="AF102963" i="1"/>
  <c r="AF102964" i="1"/>
  <c r="AF102965" i="1"/>
  <c r="AF102966" i="1"/>
  <c r="AF102967" i="1"/>
  <c r="AF102968" i="1"/>
  <c r="AF102969" i="1"/>
  <c r="AF102970" i="1"/>
  <c r="AF102971" i="1"/>
  <c r="AF102972" i="1"/>
  <c r="AF102973" i="1"/>
  <c r="AF102974" i="1"/>
  <c r="AF102975" i="1"/>
  <c r="AF102976" i="1"/>
  <c r="AF102977" i="1"/>
  <c r="AF102978" i="1"/>
  <c r="AF102979" i="1"/>
  <c r="AF102980" i="1"/>
  <c r="AF102981" i="1"/>
  <c r="AF102982" i="1"/>
  <c r="AF102983" i="1"/>
  <c r="AF102984" i="1"/>
  <c r="AF102985" i="1"/>
  <c r="AF102986" i="1"/>
  <c r="AF102987" i="1"/>
  <c r="AF102988" i="1"/>
  <c r="AF102989" i="1"/>
  <c r="AF102990" i="1"/>
  <c r="AF102991" i="1"/>
  <c r="AF102992" i="1"/>
  <c r="AF102993" i="1"/>
  <c r="AF102994" i="1"/>
  <c r="AF102995" i="1"/>
  <c r="AF102996" i="1"/>
  <c r="AF102997" i="1"/>
  <c r="AF102998" i="1"/>
  <c r="AF102999" i="1"/>
  <c r="AF103000" i="1"/>
  <c r="AF103001" i="1"/>
  <c r="AF103002" i="1"/>
  <c r="AF103003" i="1"/>
  <c r="AF103004" i="1"/>
  <c r="AF103005" i="1"/>
  <c r="AF103006" i="1"/>
  <c r="AF103007" i="1"/>
  <c r="AF103008" i="1"/>
  <c r="AF103009" i="1"/>
  <c r="AF103010" i="1"/>
  <c r="AF103011" i="1"/>
  <c r="AF103012" i="1"/>
  <c r="AF103013" i="1"/>
  <c r="AF103014" i="1"/>
  <c r="AF103015" i="1"/>
  <c r="AF103016" i="1"/>
  <c r="AF103017" i="1"/>
  <c r="AF103018" i="1"/>
  <c r="AF103019" i="1"/>
  <c r="AF103020" i="1"/>
  <c r="AF103021" i="1"/>
  <c r="AF103022" i="1"/>
  <c r="AF103023" i="1"/>
  <c r="AF103024" i="1"/>
  <c r="AF103025" i="1"/>
  <c r="AF103026" i="1"/>
  <c r="AF103027" i="1"/>
  <c r="AF103028" i="1"/>
  <c r="AF103029" i="1"/>
  <c r="AF103030" i="1"/>
  <c r="AF103031" i="1"/>
  <c r="AF103032" i="1"/>
  <c r="AF103033" i="1"/>
  <c r="AF103034" i="1"/>
  <c r="AF103035" i="1"/>
  <c r="AF103036" i="1"/>
  <c r="AF103037" i="1"/>
  <c r="AF103038" i="1"/>
  <c r="AF103039" i="1"/>
  <c r="AF103040" i="1"/>
  <c r="AF103041" i="1"/>
  <c r="AF103042" i="1"/>
  <c r="AF103043" i="1"/>
  <c r="AF103044" i="1"/>
  <c r="AF103045" i="1"/>
  <c r="AF103046" i="1"/>
  <c r="AF103047" i="1"/>
  <c r="AF103048" i="1"/>
  <c r="AF103049" i="1"/>
  <c r="AF103050" i="1"/>
  <c r="AF103051" i="1"/>
  <c r="AF103052" i="1"/>
  <c r="AF103053" i="1"/>
  <c r="AF103054" i="1"/>
  <c r="AF103055" i="1"/>
  <c r="AF103056" i="1"/>
  <c r="AF103057" i="1"/>
  <c r="AF103058" i="1"/>
  <c r="AF103059" i="1"/>
  <c r="AF103060" i="1"/>
  <c r="AF103061" i="1"/>
  <c r="AF103062" i="1"/>
  <c r="AF103063" i="1"/>
  <c r="AF103064" i="1"/>
  <c r="AF103065" i="1"/>
  <c r="AF103066" i="1"/>
  <c r="AF103067" i="1"/>
  <c r="AF103068" i="1"/>
  <c r="AF103069" i="1"/>
  <c r="AF103070" i="1"/>
  <c r="AF103071" i="1"/>
  <c r="AF103072" i="1"/>
  <c r="AF103073" i="1"/>
  <c r="AF103074" i="1"/>
  <c r="AF103075" i="1"/>
  <c r="AF103076" i="1"/>
  <c r="AF103077" i="1"/>
  <c r="AF103078" i="1"/>
  <c r="AF103079" i="1"/>
  <c r="AF103080" i="1"/>
  <c r="AF103081" i="1"/>
  <c r="AF103082" i="1"/>
  <c r="AF103083" i="1"/>
  <c r="AF103084" i="1"/>
  <c r="AF103085" i="1"/>
  <c r="AF103086" i="1"/>
  <c r="AF103087" i="1"/>
  <c r="AF103088" i="1"/>
  <c r="AF103089" i="1"/>
  <c r="AF103090" i="1"/>
  <c r="AF103091" i="1"/>
  <c r="AF103092" i="1"/>
  <c r="AF103093" i="1"/>
  <c r="AF103094" i="1"/>
  <c r="AF103095" i="1"/>
  <c r="AF103096" i="1"/>
  <c r="AF103097" i="1"/>
  <c r="AF103098" i="1"/>
  <c r="AF103099" i="1"/>
  <c r="AF103100" i="1"/>
  <c r="AF103101" i="1"/>
  <c r="AF103102" i="1"/>
  <c r="AF103103" i="1"/>
  <c r="AF103104" i="1"/>
  <c r="AF103105" i="1"/>
  <c r="AF103106" i="1"/>
  <c r="AF103107" i="1"/>
  <c r="AF103108" i="1"/>
  <c r="AF103109" i="1"/>
  <c r="AF103110" i="1"/>
  <c r="AF103111" i="1"/>
  <c r="AF103112" i="1"/>
  <c r="AF103113" i="1"/>
  <c r="AF103114" i="1"/>
  <c r="AF103115" i="1"/>
  <c r="AF103116" i="1"/>
  <c r="AF103117" i="1"/>
  <c r="AF103118" i="1"/>
  <c r="AF103119" i="1"/>
  <c r="AF103120" i="1"/>
  <c r="AF103121" i="1"/>
  <c r="AF103122" i="1"/>
  <c r="AF103123" i="1"/>
  <c r="AF103124" i="1"/>
  <c r="AF103125" i="1"/>
  <c r="AF103126" i="1"/>
  <c r="AF103127" i="1"/>
  <c r="AF103128" i="1"/>
  <c r="AF103129" i="1"/>
  <c r="AF103130" i="1"/>
  <c r="AF103131" i="1"/>
  <c r="AF103132" i="1"/>
  <c r="AF103133" i="1"/>
  <c r="AF103134" i="1"/>
  <c r="AF103135" i="1"/>
  <c r="AF103136" i="1"/>
  <c r="AF103137" i="1"/>
  <c r="AF103138" i="1"/>
  <c r="AF103139" i="1"/>
  <c r="AF103140" i="1"/>
  <c r="AF103141" i="1"/>
  <c r="AF103142" i="1"/>
  <c r="AF103143" i="1"/>
  <c r="AF103144" i="1"/>
  <c r="AF103145" i="1"/>
  <c r="AF103146" i="1"/>
  <c r="AF103147" i="1"/>
  <c r="AF103148" i="1"/>
  <c r="AF103149" i="1"/>
  <c r="AF103150" i="1"/>
  <c r="AF103151" i="1"/>
  <c r="AF103152" i="1"/>
  <c r="AF103153" i="1"/>
  <c r="AF103154" i="1"/>
  <c r="AF103155" i="1"/>
  <c r="AF103156" i="1"/>
  <c r="AF103157" i="1"/>
  <c r="AF103158" i="1"/>
  <c r="AF103159" i="1"/>
  <c r="AF103160" i="1"/>
  <c r="AF103161" i="1"/>
  <c r="AF103162" i="1"/>
  <c r="AF103163" i="1"/>
  <c r="AF103164" i="1"/>
  <c r="AF103165" i="1"/>
  <c r="AF103166" i="1"/>
  <c r="AF103167" i="1"/>
  <c r="AF103168" i="1"/>
  <c r="AF103169" i="1"/>
  <c r="AF103170" i="1"/>
  <c r="AF103171" i="1"/>
  <c r="AF103172" i="1"/>
  <c r="AF103173" i="1"/>
  <c r="AF103174" i="1"/>
  <c r="AF103175" i="1"/>
  <c r="AF103176" i="1"/>
  <c r="AF103177" i="1"/>
  <c r="AF103178" i="1"/>
  <c r="AF103179" i="1"/>
  <c r="AF103180" i="1"/>
  <c r="AF103181" i="1"/>
  <c r="AF103182" i="1"/>
  <c r="AF103183" i="1"/>
  <c r="AF103184" i="1"/>
  <c r="AF103185" i="1"/>
  <c r="AF103186" i="1"/>
  <c r="AF103187" i="1"/>
  <c r="AF103188" i="1"/>
  <c r="AF103189" i="1"/>
  <c r="AF103190" i="1"/>
  <c r="AF103191" i="1"/>
  <c r="AF103192" i="1"/>
  <c r="AF103193" i="1"/>
  <c r="AF103194" i="1"/>
  <c r="AF103195" i="1"/>
  <c r="AF103196" i="1"/>
  <c r="AF103197" i="1"/>
  <c r="AF103198" i="1"/>
  <c r="AF103199" i="1"/>
  <c r="AF103200" i="1"/>
  <c r="AF103201" i="1"/>
  <c r="AF103202" i="1"/>
  <c r="AF103203" i="1"/>
  <c r="AF103204" i="1"/>
  <c r="AF103205" i="1"/>
  <c r="AF103206" i="1"/>
  <c r="AF103207" i="1"/>
  <c r="AF103208" i="1"/>
  <c r="AF103209" i="1"/>
  <c r="AF103210" i="1"/>
  <c r="AF103211" i="1"/>
  <c r="AF103212" i="1"/>
  <c r="AF103213" i="1"/>
  <c r="AF103214" i="1"/>
  <c r="AF103215" i="1"/>
  <c r="AF103216" i="1"/>
  <c r="AF103217" i="1"/>
  <c r="AF103218" i="1"/>
  <c r="AF103219" i="1"/>
  <c r="AF103220" i="1"/>
  <c r="AF103221" i="1"/>
  <c r="AF103222" i="1"/>
  <c r="AF103223" i="1"/>
  <c r="AF103224" i="1"/>
  <c r="AF103225" i="1"/>
  <c r="AF103226" i="1"/>
  <c r="AF103227" i="1"/>
  <c r="AF103228" i="1"/>
  <c r="AF103229" i="1"/>
  <c r="AF103230" i="1"/>
  <c r="AF103231" i="1"/>
  <c r="AF103232" i="1"/>
  <c r="AF103233" i="1"/>
  <c r="AF103234" i="1"/>
  <c r="AF103235" i="1"/>
  <c r="AF103236" i="1"/>
  <c r="AF103237" i="1"/>
  <c r="AF103238" i="1"/>
  <c r="AF103239" i="1"/>
  <c r="AF103240" i="1"/>
  <c r="AF103241" i="1"/>
  <c r="AF103242" i="1"/>
  <c r="AF103243" i="1"/>
  <c r="AF103244" i="1"/>
  <c r="AF103245" i="1"/>
  <c r="AF103246" i="1"/>
  <c r="AF103247" i="1"/>
  <c r="AF103248" i="1"/>
  <c r="AF103249" i="1"/>
  <c r="AF103250" i="1"/>
  <c r="AF103251" i="1"/>
  <c r="AF103252" i="1"/>
  <c r="AF103253" i="1"/>
  <c r="AF103254" i="1"/>
  <c r="AF103255" i="1"/>
  <c r="AF103256" i="1"/>
  <c r="AF103257" i="1"/>
  <c r="AF103258" i="1"/>
  <c r="AF103259" i="1"/>
  <c r="AF103260" i="1"/>
  <c r="AF103261" i="1"/>
  <c r="AF103262" i="1"/>
  <c r="AF103263" i="1"/>
  <c r="AF103264" i="1"/>
  <c r="AF103265" i="1"/>
  <c r="AF103266" i="1"/>
  <c r="AF103267" i="1"/>
  <c r="AF103268" i="1"/>
  <c r="AF103269" i="1"/>
  <c r="AF103270" i="1"/>
  <c r="AF103271" i="1"/>
  <c r="AF103272" i="1"/>
  <c r="AF103273" i="1"/>
  <c r="AF103274" i="1"/>
  <c r="AF103275" i="1"/>
  <c r="AF103276" i="1"/>
  <c r="AF103277" i="1"/>
  <c r="AF103278" i="1"/>
  <c r="AF103279" i="1"/>
  <c r="AF103280" i="1"/>
  <c r="AF103281" i="1"/>
  <c r="AF103282" i="1"/>
  <c r="AF103283" i="1"/>
  <c r="AF103284" i="1"/>
  <c r="AF103285" i="1"/>
  <c r="AF103286" i="1"/>
  <c r="AF103287" i="1"/>
  <c r="AF103288" i="1"/>
  <c r="AF103289" i="1"/>
  <c r="AF103290" i="1"/>
  <c r="AF103291" i="1"/>
  <c r="AF103292" i="1"/>
  <c r="AF103293" i="1"/>
  <c r="AF103294" i="1"/>
  <c r="AF103295" i="1"/>
  <c r="AF103296" i="1"/>
  <c r="AF103297" i="1"/>
  <c r="AF103298" i="1"/>
  <c r="AF103299" i="1"/>
  <c r="AF103300" i="1"/>
  <c r="AF103301" i="1"/>
  <c r="AF103302" i="1"/>
  <c r="AF103303" i="1"/>
  <c r="AF103304" i="1"/>
  <c r="AF103305" i="1"/>
  <c r="AF103306" i="1"/>
  <c r="AF103307" i="1"/>
  <c r="AF103308" i="1"/>
  <c r="AF103309" i="1"/>
  <c r="AF103310" i="1"/>
  <c r="AF103311" i="1"/>
  <c r="AF103312" i="1"/>
  <c r="AF103313" i="1"/>
  <c r="AF103314" i="1"/>
  <c r="AF103315" i="1"/>
  <c r="AF103316" i="1"/>
  <c r="AF103317" i="1"/>
  <c r="AF103318" i="1"/>
  <c r="AF103319" i="1"/>
  <c r="AF103320" i="1"/>
  <c r="AF103321" i="1"/>
  <c r="AF103322" i="1"/>
  <c r="AF103323" i="1"/>
  <c r="AF103324" i="1"/>
  <c r="AF103325" i="1"/>
  <c r="AF103326" i="1"/>
  <c r="AF103327" i="1"/>
  <c r="AF103328" i="1"/>
  <c r="AF103329" i="1"/>
  <c r="AF103330" i="1"/>
  <c r="AF103331" i="1"/>
  <c r="AF103332" i="1"/>
  <c r="AF103333" i="1"/>
  <c r="AF103334" i="1"/>
  <c r="AF103335" i="1"/>
  <c r="AF103336" i="1"/>
  <c r="AF103337" i="1"/>
  <c r="AF103338" i="1"/>
  <c r="AF103339" i="1"/>
  <c r="AF103340" i="1"/>
  <c r="AF103341" i="1"/>
  <c r="AF103342" i="1"/>
  <c r="AF103343" i="1"/>
  <c r="AF103344" i="1"/>
  <c r="AF103345" i="1"/>
  <c r="AF103346" i="1"/>
  <c r="AF103347" i="1"/>
  <c r="AF103348" i="1"/>
  <c r="AF103349" i="1"/>
  <c r="AF103350" i="1"/>
  <c r="AF103351" i="1"/>
  <c r="AF103352" i="1"/>
  <c r="AF103353" i="1"/>
  <c r="AF103354" i="1"/>
  <c r="AF103355" i="1"/>
  <c r="AF103356" i="1"/>
  <c r="AF103357" i="1"/>
  <c r="AF103358" i="1"/>
  <c r="AF103359" i="1"/>
  <c r="AF103360" i="1"/>
  <c r="AF103361" i="1"/>
  <c r="AF103362" i="1"/>
  <c r="AF103363" i="1"/>
  <c r="AF103364" i="1"/>
  <c r="AF103365" i="1"/>
  <c r="AF103366" i="1"/>
  <c r="AF103367" i="1"/>
  <c r="AF103368" i="1"/>
  <c r="AF103369" i="1"/>
  <c r="AF103370" i="1"/>
  <c r="AF103371" i="1"/>
  <c r="AF103372" i="1"/>
  <c r="AF103373" i="1"/>
  <c r="AF103374" i="1"/>
  <c r="AF103375" i="1"/>
  <c r="AF103376" i="1"/>
  <c r="AF103377" i="1"/>
  <c r="AF103378" i="1"/>
  <c r="AF103379" i="1"/>
  <c r="AF103380" i="1"/>
  <c r="AF103381" i="1"/>
  <c r="AF103382" i="1"/>
  <c r="AF103383" i="1"/>
  <c r="AF103384" i="1"/>
  <c r="AF103385" i="1"/>
  <c r="AF103386" i="1"/>
  <c r="AF103387" i="1"/>
  <c r="AF103388" i="1"/>
  <c r="AF103389" i="1"/>
  <c r="AF103390" i="1"/>
  <c r="AF103391" i="1"/>
  <c r="AF103392" i="1"/>
  <c r="AF103393" i="1"/>
  <c r="AF103394" i="1"/>
  <c r="AF103395" i="1"/>
  <c r="AF103396" i="1"/>
  <c r="AF103397" i="1"/>
  <c r="AF103398" i="1"/>
  <c r="AF103399" i="1"/>
  <c r="AF103400" i="1"/>
  <c r="AF103401" i="1"/>
  <c r="AF103402" i="1"/>
  <c r="AF103403" i="1"/>
  <c r="AF103404" i="1"/>
  <c r="AF103405" i="1"/>
  <c r="AF103406" i="1"/>
  <c r="AF103407" i="1"/>
  <c r="AF103408" i="1"/>
  <c r="AF103409" i="1"/>
  <c r="AF103410" i="1"/>
  <c r="AF103411" i="1"/>
  <c r="AF103412" i="1"/>
  <c r="AF103413" i="1"/>
  <c r="AF103414" i="1"/>
  <c r="AF103415" i="1"/>
  <c r="AF103416" i="1"/>
  <c r="AF103417" i="1"/>
  <c r="AF103418" i="1"/>
  <c r="AF103419" i="1"/>
  <c r="AF103420" i="1"/>
  <c r="AF103421" i="1"/>
  <c r="AF103422" i="1"/>
  <c r="AF103423" i="1"/>
  <c r="AF103424" i="1"/>
  <c r="AF103425" i="1"/>
  <c r="AF103426" i="1"/>
  <c r="AF103427" i="1"/>
  <c r="AF103428" i="1"/>
  <c r="AF103429" i="1"/>
  <c r="AF103430" i="1"/>
  <c r="AF103431" i="1"/>
  <c r="AF103432" i="1"/>
  <c r="AF103433" i="1"/>
  <c r="AF103434" i="1"/>
  <c r="AF103435" i="1"/>
  <c r="AF103436" i="1"/>
  <c r="AF103437" i="1"/>
  <c r="AF103438" i="1"/>
  <c r="AF103439" i="1"/>
  <c r="AF103440" i="1"/>
  <c r="AF103441" i="1"/>
  <c r="AF103442" i="1"/>
  <c r="AF103443" i="1"/>
  <c r="AF103444" i="1"/>
  <c r="AF103445" i="1"/>
  <c r="AF103446" i="1"/>
  <c r="AF103447" i="1"/>
  <c r="AF103448" i="1"/>
  <c r="AF103449" i="1"/>
  <c r="AF103450" i="1"/>
  <c r="AF103451" i="1"/>
  <c r="AF103452" i="1"/>
  <c r="AF103453" i="1"/>
  <c r="AF103454" i="1"/>
  <c r="AF103455" i="1"/>
  <c r="AF103456" i="1"/>
  <c r="AF103457" i="1"/>
  <c r="AF103458" i="1"/>
  <c r="AF103459" i="1"/>
  <c r="AF103460" i="1"/>
  <c r="AF103461" i="1"/>
  <c r="AF103462" i="1"/>
  <c r="AF103463" i="1"/>
  <c r="AF103464" i="1"/>
  <c r="AF103465" i="1"/>
  <c r="AF103466" i="1"/>
  <c r="AF103467" i="1"/>
  <c r="AF103468" i="1"/>
  <c r="AF103469" i="1"/>
  <c r="AF103470" i="1"/>
  <c r="AF103471" i="1"/>
  <c r="AF103472" i="1"/>
  <c r="AF103473" i="1"/>
  <c r="AF103474" i="1"/>
  <c r="AF103475" i="1"/>
  <c r="AF103476" i="1"/>
  <c r="AF103477" i="1"/>
  <c r="AF103478" i="1"/>
  <c r="AF103479" i="1"/>
  <c r="AF103480" i="1"/>
  <c r="AF103481" i="1"/>
  <c r="AF103482" i="1"/>
  <c r="AF103483" i="1"/>
  <c r="AF103484" i="1"/>
  <c r="AF103485" i="1"/>
  <c r="AF103486" i="1"/>
  <c r="AF103487" i="1"/>
  <c r="AF103488" i="1"/>
  <c r="AF103489" i="1"/>
  <c r="AF103490" i="1"/>
  <c r="AF103491" i="1"/>
  <c r="AF103492" i="1"/>
  <c r="AF103493" i="1"/>
  <c r="AF103494" i="1"/>
  <c r="AF103495" i="1"/>
  <c r="AF103496" i="1"/>
  <c r="AF103497" i="1"/>
  <c r="AF103498" i="1"/>
  <c r="AF103499" i="1"/>
  <c r="AF103500" i="1"/>
  <c r="AF103501" i="1"/>
  <c r="AF103502" i="1"/>
  <c r="AF103503" i="1"/>
  <c r="AF103504" i="1"/>
  <c r="AF103505" i="1"/>
  <c r="AF103506" i="1"/>
  <c r="AF103507" i="1"/>
  <c r="AF103508" i="1"/>
  <c r="AF103509" i="1"/>
  <c r="AF103510" i="1"/>
  <c r="AF103511" i="1"/>
  <c r="AF103512" i="1"/>
  <c r="AF103513" i="1"/>
  <c r="AF103514" i="1"/>
  <c r="AF103515" i="1"/>
  <c r="AF103516" i="1"/>
  <c r="AF103517" i="1"/>
  <c r="AF103518" i="1"/>
  <c r="AF103519" i="1"/>
  <c r="AF103520" i="1"/>
  <c r="AF103521" i="1"/>
  <c r="AF103522" i="1"/>
  <c r="AF103523" i="1"/>
  <c r="AF103524" i="1"/>
  <c r="AF103525" i="1"/>
  <c r="AF103526" i="1"/>
  <c r="AF103527" i="1"/>
  <c r="AF103528" i="1"/>
  <c r="AF103529" i="1"/>
  <c r="AF103530" i="1"/>
  <c r="AF103531" i="1"/>
  <c r="AF103532" i="1"/>
  <c r="AF103533" i="1"/>
  <c r="AF103534" i="1"/>
  <c r="AF103535" i="1"/>
  <c r="AF103536" i="1"/>
  <c r="AF103537" i="1"/>
  <c r="AF103538" i="1"/>
  <c r="AF103539" i="1"/>
  <c r="AF103540" i="1"/>
  <c r="AF103541" i="1"/>
  <c r="AF103542" i="1"/>
  <c r="AF103543" i="1"/>
  <c r="AF103544" i="1"/>
  <c r="AF103545" i="1"/>
  <c r="AF103546" i="1"/>
  <c r="AF103547" i="1"/>
  <c r="AF103548" i="1"/>
  <c r="AF103549" i="1"/>
  <c r="AF103550" i="1"/>
  <c r="AF103551" i="1"/>
  <c r="AF103552" i="1"/>
  <c r="AF103553" i="1"/>
  <c r="AF103554" i="1"/>
  <c r="AF103555" i="1"/>
  <c r="AF103556" i="1"/>
  <c r="AF103557" i="1"/>
  <c r="AF103558" i="1"/>
  <c r="AF103559" i="1"/>
  <c r="AF103560" i="1"/>
  <c r="AF103561" i="1"/>
  <c r="AF103562" i="1"/>
  <c r="AF103563" i="1"/>
  <c r="AF103564" i="1"/>
  <c r="AF103565" i="1"/>
  <c r="AF103566" i="1"/>
  <c r="AF103567" i="1"/>
  <c r="AF103568" i="1"/>
  <c r="AF103569" i="1"/>
  <c r="AF103570" i="1"/>
  <c r="AF103571" i="1"/>
  <c r="AF103572" i="1"/>
  <c r="AF103573" i="1"/>
  <c r="AF103574" i="1"/>
  <c r="AF103575" i="1"/>
  <c r="AF103576" i="1"/>
  <c r="AF103577" i="1"/>
  <c r="AF103578" i="1"/>
  <c r="AF103579" i="1"/>
  <c r="AF103580" i="1"/>
  <c r="AF103581" i="1"/>
  <c r="AF103582" i="1"/>
  <c r="AF103583" i="1"/>
  <c r="AF103584" i="1"/>
  <c r="AF103585" i="1"/>
  <c r="AF103586" i="1"/>
  <c r="AF103587" i="1"/>
  <c r="AF103588" i="1"/>
  <c r="AF103589" i="1"/>
  <c r="AF103590" i="1"/>
  <c r="AF103591" i="1"/>
  <c r="AF103592" i="1"/>
  <c r="AF103593" i="1"/>
  <c r="AF103594" i="1"/>
  <c r="AF103595" i="1"/>
  <c r="AF103596" i="1"/>
  <c r="AF103597" i="1"/>
  <c r="AF103598" i="1"/>
  <c r="AF103599" i="1"/>
  <c r="AF103600" i="1"/>
  <c r="AF103601" i="1"/>
  <c r="AF103602" i="1"/>
  <c r="AF103603" i="1"/>
  <c r="AF103604" i="1"/>
  <c r="AF103605" i="1"/>
  <c r="AF103606" i="1"/>
  <c r="AF103607" i="1"/>
  <c r="AF103608" i="1"/>
  <c r="AF103609" i="1"/>
  <c r="AF103610" i="1"/>
  <c r="AF103611" i="1"/>
  <c r="AF103612" i="1"/>
  <c r="AF103613" i="1"/>
  <c r="AF103614" i="1"/>
  <c r="AF103615" i="1"/>
  <c r="AF103616" i="1"/>
  <c r="AF103617" i="1"/>
  <c r="AF103618" i="1"/>
  <c r="AF103619" i="1"/>
  <c r="AF103620" i="1"/>
  <c r="AF103621" i="1"/>
  <c r="AF103622" i="1"/>
  <c r="AF103623" i="1"/>
  <c r="AF103624" i="1"/>
  <c r="AF103625" i="1"/>
  <c r="AF103626" i="1"/>
  <c r="AF103627" i="1"/>
  <c r="AF103628" i="1"/>
  <c r="AF103629" i="1"/>
  <c r="AF103630" i="1"/>
  <c r="AF103631" i="1"/>
  <c r="AF103632" i="1"/>
  <c r="AF103633" i="1"/>
  <c r="AF103634" i="1"/>
  <c r="AF103635" i="1"/>
  <c r="AF103636" i="1"/>
  <c r="AF103637" i="1"/>
  <c r="AF103638" i="1"/>
  <c r="AF103639" i="1"/>
  <c r="AF103640" i="1"/>
  <c r="AF103641" i="1"/>
  <c r="AF103642" i="1"/>
  <c r="AF103643" i="1"/>
  <c r="AF103644" i="1"/>
  <c r="AF103645" i="1"/>
  <c r="AF103646" i="1"/>
  <c r="AF103647" i="1"/>
  <c r="AF103648" i="1"/>
  <c r="AF103649" i="1"/>
  <c r="AF103650" i="1"/>
  <c r="AF103651" i="1"/>
  <c r="AF103652" i="1"/>
  <c r="AF103653" i="1"/>
  <c r="AF103654" i="1"/>
  <c r="AF103655" i="1"/>
  <c r="AF103656" i="1"/>
  <c r="AF103657" i="1"/>
  <c r="AF103658" i="1"/>
  <c r="AF103659" i="1"/>
  <c r="AF103660" i="1"/>
  <c r="AF103661" i="1"/>
  <c r="AF103662" i="1"/>
  <c r="AF103663" i="1"/>
  <c r="AF103664" i="1"/>
  <c r="AF103665" i="1"/>
  <c r="AF103666" i="1"/>
  <c r="AF103667" i="1"/>
  <c r="AF103668" i="1"/>
  <c r="AF103669" i="1"/>
  <c r="AF103670" i="1"/>
  <c r="AF103671" i="1"/>
  <c r="AF103672" i="1"/>
  <c r="AF103673" i="1"/>
  <c r="AF103674" i="1"/>
  <c r="AF103675" i="1"/>
  <c r="AF103676" i="1"/>
  <c r="AF103677" i="1"/>
  <c r="AF103678" i="1"/>
  <c r="AF103679" i="1"/>
  <c r="AF103680" i="1"/>
  <c r="AF103681" i="1"/>
  <c r="AF103682" i="1"/>
  <c r="AF103683" i="1"/>
  <c r="AF103684" i="1"/>
  <c r="AF103685" i="1"/>
  <c r="AF103686" i="1"/>
  <c r="AF103687" i="1"/>
  <c r="AF103688" i="1"/>
  <c r="AF103689" i="1"/>
  <c r="AF103690" i="1"/>
  <c r="AF103691" i="1"/>
  <c r="AF103692" i="1"/>
  <c r="AF103693" i="1"/>
  <c r="AF103694" i="1"/>
  <c r="AF103695" i="1"/>
  <c r="AF103696" i="1"/>
  <c r="AF103697" i="1"/>
  <c r="AF103698" i="1"/>
  <c r="AF103699" i="1"/>
  <c r="AF103700" i="1"/>
  <c r="AF103701" i="1"/>
  <c r="AF103702" i="1"/>
  <c r="AF103703" i="1"/>
  <c r="AF103704" i="1"/>
  <c r="AF103705" i="1"/>
  <c r="AF103706" i="1"/>
  <c r="AF103707" i="1"/>
  <c r="AF103708" i="1"/>
  <c r="AF103709" i="1"/>
  <c r="AF103710" i="1"/>
  <c r="AF103711" i="1"/>
  <c r="AF103712" i="1"/>
  <c r="AF103713" i="1"/>
  <c r="AF103714" i="1"/>
  <c r="AF103715" i="1"/>
  <c r="AF103716" i="1"/>
  <c r="AF103717" i="1"/>
  <c r="AF103718" i="1"/>
  <c r="AF103719" i="1"/>
  <c r="AF103720" i="1"/>
  <c r="AF103721" i="1"/>
  <c r="AF103722" i="1"/>
  <c r="AF103723" i="1"/>
  <c r="AF103724" i="1"/>
  <c r="AF103725" i="1"/>
  <c r="AF103726" i="1"/>
  <c r="AF103727" i="1"/>
  <c r="AF103728" i="1"/>
  <c r="AF103729" i="1"/>
  <c r="AF103730" i="1"/>
  <c r="AF103731" i="1"/>
  <c r="AF103732" i="1"/>
  <c r="AF103733" i="1"/>
  <c r="AF103734" i="1"/>
  <c r="AF103735" i="1"/>
  <c r="AF103736" i="1"/>
  <c r="AF103737" i="1"/>
  <c r="AF103738" i="1"/>
  <c r="AF103739" i="1"/>
  <c r="AF103740" i="1"/>
  <c r="AF103741" i="1"/>
  <c r="AF103742" i="1"/>
  <c r="AF103743" i="1"/>
  <c r="AF103744" i="1"/>
  <c r="AF103745" i="1"/>
  <c r="AF103746" i="1"/>
  <c r="AF103747" i="1"/>
  <c r="AF103748" i="1"/>
  <c r="AF103749" i="1"/>
  <c r="AF103750" i="1"/>
  <c r="AF103751" i="1"/>
  <c r="AF103752" i="1"/>
  <c r="AF103753" i="1"/>
  <c r="AF103754" i="1"/>
  <c r="AF103755" i="1"/>
  <c r="AF103756" i="1"/>
  <c r="AF103757" i="1"/>
  <c r="AF103758" i="1"/>
  <c r="AF103759" i="1"/>
  <c r="AF103760" i="1"/>
  <c r="AF103761" i="1"/>
  <c r="AF103762" i="1"/>
  <c r="AF103763" i="1"/>
  <c r="AF103764" i="1"/>
  <c r="AF103765" i="1"/>
  <c r="AF103766" i="1"/>
  <c r="AF103767" i="1"/>
  <c r="AF103768" i="1"/>
  <c r="AF103769" i="1"/>
  <c r="AF103770" i="1"/>
  <c r="AF103771" i="1"/>
  <c r="AF103772" i="1"/>
  <c r="AF103773" i="1"/>
  <c r="AF103774" i="1"/>
  <c r="AF103775" i="1"/>
  <c r="AF103776" i="1"/>
  <c r="AF103777" i="1"/>
  <c r="AF103778" i="1"/>
  <c r="AF103779" i="1"/>
  <c r="AF103780" i="1"/>
  <c r="AF103781" i="1"/>
  <c r="AF103782" i="1"/>
  <c r="AF103783" i="1"/>
  <c r="AF103784" i="1"/>
  <c r="AF103785" i="1"/>
  <c r="AF103786" i="1"/>
  <c r="AF103787" i="1"/>
  <c r="AF103788" i="1"/>
  <c r="AF103789" i="1"/>
  <c r="AF103790" i="1"/>
  <c r="AF103791" i="1"/>
  <c r="AF103792" i="1"/>
  <c r="AF103793" i="1"/>
  <c r="AF103794" i="1"/>
  <c r="AF103795" i="1"/>
  <c r="AF103796" i="1"/>
  <c r="AF103797" i="1"/>
  <c r="AF103798" i="1"/>
  <c r="AF103799" i="1"/>
  <c r="AF103800" i="1"/>
  <c r="AF103801" i="1"/>
  <c r="AF103802" i="1"/>
  <c r="AF103803" i="1"/>
  <c r="AF103804" i="1"/>
  <c r="AF103805" i="1"/>
  <c r="AF103806" i="1"/>
  <c r="AF103807" i="1"/>
  <c r="AF103808" i="1"/>
  <c r="AF103809" i="1"/>
  <c r="AF103810" i="1"/>
  <c r="AF103811" i="1"/>
  <c r="AF103812" i="1"/>
  <c r="AF103813" i="1"/>
  <c r="AF103814" i="1"/>
  <c r="AF103815" i="1"/>
  <c r="AF103816" i="1"/>
  <c r="AF103817" i="1"/>
  <c r="AF103818" i="1"/>
  <c r="AF103819" i="1"/>
  <c r="AF103820" i="1"/>
  <c r="AF103821" i="1"/>
  <c r="AF103822" i="1"/>
  <c r="AF103823" i="1"/>
  <c r="AF103824" i="1"/>
  <c r="AF103825" i="1"/>
  <c r="AF103826" i="1"/>
  <c r="AF103827" i="1"/>
  <c r="AF103828" i="1"/>
  <c r="AF103829" i="1"/>
  <c r="AF103830" i="1"/>
  <c r="AF103831" i="1"/>
  <c r="AF103832" i="1"/>
  <c r="AF103833" i="1"/>
  <c r="AF103834" i="1"/>
  <c r="AF103835" i="1"/>
  <c r="AF103836" i="1"/>
  <c r="AF103837" i="1"/>
  <c r="AF103838" i="1"/>
  <c r="AF103839" i="1"/>
  <c r="AF103840" i="1"/>
  <c r="AF103841" i="1"/>
  <c r="AF103842" i="1"/>
  <c r="AF103843" i="1"/>
  <c r="AF103844" i="1"/>
  <c r="AF103845" i="1"/>
  <c r="AF103846" i="1"/>
  <c r="AF103847" i="1"/>
  <c r="AF103848" i="1"/>
  <c r="AF103849" i="1"/>
  <c r="AF103850" i="1"/>
  <c r="AF103851" i="1"/>
  <c r="AF103852" i="1"/>
  <c r="AF103853" i="1"/>
  <c r="AF103854" i="1"/>
  <c r="AF103855" i="1"/>
  <c r="AF103856" i="1"/>
  <c r="AF103857" i="1"/>
  <c r="AF103858" i="1"/>
  <c r="AF103859" i="1"/>
  <c r="AF103860" i="1"/>
  <c r="AF103861" i="1"/>
  <c r="AF103862" i="1"/>
  <c r="AF103863" i="1"/>
  <c r="AF103864" i="1"/>
  <c r="AF103865" i="1"/>
  <c r="AF103866" i="1"/>
  <c r="AF103867" i="1"/>
  <c r="AF103868" i="1"/>
  <c r="AF103869" i="1"/>
  <c r="AF103870" i="1"/>
  <c r="AF103871" i="1"/>
  <c r="AF103872" i="1"/>
  <c r="AF103873" i="1"/>
  <c r="AF103874" i="1"/>
  <c r="AF103875" i="1"/>
  <c r="AF103876" i="1"/>
  <c r="AF103877" i="1"/>
  <c r="AF103878" i="1"/>
  <c r="AF103879" i="1"/>
  <c r="AF103880" i="1"/>
  <c r="AF103881" i="1"/>
  <c r="AF103882" i="1"/>
  <c r="AF103883" i="1"/>
  <c r="AF103884" i="1"/>
  <c r="AF103885" i="1"/>
  <c r="AF103886" i="1"/>
  <c r="AF103887" i="1"/>
  <c r="AF103888" i="1"/>
  <c r="AF103889" i="1"/>
  <c r="AF103890" i="1"/>
  <c r="AF103891" i="1"/>
  <c r="AF103892" i="1"/>
  <c r="AF103893" i="1"/>
  <c r="AF103894" i="1"/>
  <c r="AF103895" i="1"/>
  <c r="AF103896" i="1"/>
  <c r="AF103897" i="1"/>
  <c r="AF103898" i="1"/>
  <c r="AF103899" i="1"/>
  <c r="AF103900" i="1"/>
  <c r="AF103901" i="1"/>
  <c r="AF103902" i="1"/>
  <c r="AF103903" i="1"/>
  <c r="AF103904" i="1"/>
  <c r="AF103905" i="1"/>
  <c r="AF103906" i="1"/>
  <c r="AF103907" i="1"/>
  <c r="AF103908" i="1"/>
  <c r="AF103909" i="1"/>
  <c r="AF103910" i="1"/>
  <c r="AF103911" i="1"/>
  <c r="AF103912" i="1"/>
  <c r="AF103913" i="1"/>
  <c r="AF103914" i="1"/>
  <c r="AF103915" i="1"/>
  <c r="AF103916" i="1"/>
  <c r="AF103917" i="1"/>
  <c r="AF103918" i="1"/>
  <c r="AF103919" i="1"/>
  <c r="AF103920" i="1"/>
  <c r="AF103921" i="1"/>
  <c r="AF103922" i="1"/>
  <c r="AF103923" i="1"/>
  <c r="AF103924" i="1"/>
  <c r="AF103925" i="1"/>
  <c r="AF103926" i="1"/>
  <c r="AF103927" i="1"/>
  <c r="AF103928" i="1"/>
  <c r="AF103929" i="1"/>
  <c r="AF103930" i="1"/>
  <c r="AF103931" i="1"/>
  <c r="AF103932" i="1"/>
  <c r="AF103933" i="1"/>
  <c r="AF103934" i="1"/>
  <c r="AF103935" i="1"/>
  <c r="AF103936" i="1"/>
  <c r="AF103937" i="1"/>
  <c r="AF103938" i="1"/>
  <c r="AF103939" i="1"/>
  <c r="AF103940" i="1"/>
  <c r="AF103941" i="1"/>
  <c r="AF103942" i="1"/>
  <c r="AF103943" i="1"/>
  <c r="AF103944" i="1"/>
  <c r="AF103945" i="1"/>
  <c r="AF103946" i="1"/>
  <c r="AF103947" i="1"/>
  <c r="AF103948" i="1"/>
  <c r="AF103949" i="1"/>
  <c r="AF103950" i="1"/>
  <c r="AF103951" i="1"/>
  <c r="AF103952" i="1"/>
  <c r="AF103953" i="1"/>
  <c r="AF103954" i="1"/>
  <c r="AF103955" i="1"/>
  <c r="AF103956" i="1"/>
  <c r="AF103957" i="1"/>
  <c r="AF103958" i="1"/>
  <c r="AF103959" i="1"/>
  <c r="AF103960" i="1"/>
  <c r="AF103961" i="1"/>
  <c r="AF103962" i="1"/>
  <c r="AF103963" i="1"/>
  <c r="AF103964" i="1"/>
  <c r="AF103965" i="1"/>
  <c r="AF103966" i="1"/>
  <c r="AF103967" i="1"/>
  <c r="AF103968" i="1"/>
  <c r="AF103969" i="1"/>
  <c r="AF103970" i="1"/>
  <c r="AF103971" i="1"/>
  <c r="AF103972" i="1"/>
  <c r="AF103973" i="1"/>
  <c r="AF103974" i="1"/>
  <c r="AF103975" i="1"/>
  <c r="AF103976" i="1"/>
  <c r="AF103977" i="1"/>
  <c r="AF103978" i="1"/>
  <c r="AF103979" i="1"/>
  <c r="AF103980" i="1"/>
  <c r="AF103981" i="1"/>
  <c r="AF103982" i="1"/>
  <c r="AF103983" i="1"/>
  <c r="AF103984" i="1"/>
  <c r="AF103985" i="1"/>
  <c r="AF103986" i="1"/>
  <c r="AF103987" i="1"/>
  <c r="AF103988" i="1"/>
  <c r="AF103989" i="1"/>
  <c r="AF103990" i="1"/>
  <c r="AF103991" i="1"/>
  <c r="AF103992" i="1"/>
  <c r="AF103993" i="1"/>
  <c r="AF103994" i="1"/>
  <c r="AF103995" i="1"/>
  <c r="AF103996" i="1"/>
  <c r="AF103997" i="1"/>
  <c r="AF103998" i="1"/>
  <c r="AF103999" i="1"/>
  <c r="AF104000" i="1"/>
  <c r="AF104001" i="1"/>
  <c r="AF104002" i="1"/>
  <c r="AF104003" i="1"/>
  <c r="AF104004" i="1"/>
  <c r="AF104005" i="1"/>
  <c r="AF104006" i="1"/>
  <c r="AF104007" i="1"/>
  <c r="AF104008" i="1"/>
  <c r="AF104009" i="1"/>
  <c r="AF104010" i="1"/>
  <c r="AF104011" i="1"/>
  <c r="AF104012" i="1"/>
  <c r="AF104013" i="1"/>
  <c r="AF104014" i="1"/>
  <c r="AF104015" i="1"/>
  <c r="AF104016" i="1"/>
  <c r="AF104017" i="1"/>
  <c r="AF104018" i="1"/>
  <c r="AF104019" i="1"/>
  <c r="AF104020" i="1"/>
  <c r="AF104021" i="1"/>
  <c r="AF104022" i="1"/>
  <c r="AF104023" i="1"/>
  <c r="AF104024" i="1"/>
  <c r="AF104025" i="1"/>
  <c r="AF104026" i="1"/>
  <c r="AF104027" i="1"/>
  <c r="AF104028" i="1"/>
  <c r="AF104029" i="1"/>
  <c r="AF104030" i="1"/>
  <c r="AF104031" i="1"/>
  <c r="AF104032" i="1"/>
  <c r="AF104033" i="1"/>
  <c r="AF104034" i="1"/>
  <c r="AF104035" i="1"/>
  <c r="AF104036" i="1"/>
  <c r="AF104037" i="1"/>
  <c r="AF104038" i="1"/>
  <c r="AF104039" i="1"/>
  <c r="AF104040" i="1"/>
  <c r="AF104041" i="1"/>
  <c r="AF104042" i="1"/>
  <c r="AF104043" i="1"/>
  <c r="AF104044" i="1"/>
  <c r="AF104045" i="1"/>
  <c r="AF104046" i="1"/>
  <c r="AF104047" i="1"/>
  <c r="AF104048" i="1"/>
  <c r="AF104049" i="1"/>
  <c r="AF104050" i="1"/>
  <c r="AF104051" i="1"/>
  <c r="AF104052" i="1"/>
  <c r="AF104053" i="1"/>
  <c r="AF104054" i="1"/>
  <c r="AF104055" i="1"/>
  <c r="AF104056" i="1"/>
  <c r="AF104057" i="1"/>
  <c r="AF104058" i="1"/>
  <c r="AF104059" i="1"/>
  <c r="AF104060" i="1"/>
  <c r="AF104061" i="1"/>
  <c r="AF104062" i="1"/>
  <c r="AF104063" i="1"/>
  <c r="AF104064" i="1"/>
  <c r="AF104065" i="1"/>
  <c r="AF104066" i="1"/>
  <c r="AF104067" i="1"/>
  <c r="AF104068" i="1"/>
  <c r="AF104069" i="1"/>
  <c r="AF104070" i="1"/>
  <c r="AF104071" i="1"/>
  <c r="AF104072" i="1"/>
  <c r="AF104073" i="1"/>
  <c r="AF104074" i="1"/>
  <c r="AF104075" i="1"/>
  <c r="AF104076" i="1"/>
  <c r="AF104077" i="1"/>
  <c r="AF104078" i="1"/>
  <c r="AF104079" i="1"/>
  <c r="AF104080" i="1"/>
  <c r="AF104081" i="1"/>
  <c r="AF104082" i="1"/>
  <c r="AF104083" i="1"/>
  <c r="AF104084" i="1"/>
  <c r="AF104085" i="1"/>
  <c r="AF104086" i="1"/>
  <c r="AF104087" i="1"/>
  <c r="AF104088" i="1"/>
  <c r="AF104089" i="1"/>
  <c r="AF104090" i="1"/>
  <c r="AF104091" i="1"/>
  <c r="AF104092" i="1"/>
  <c r="AF104093" i="1"/>
  <c r="AF104094" i="1"/>
  <c r="AF104095" i="1"/>
  <c r="AF104096" i="1"/>
  <c r="AF104097" i="1"/>
  <c r="AF104098" i="1"/>
  <c r="AF104099" i="1"/>
  <c r="AF104100" i="1"/>
  <c r="AF104101" i="1"/>
  <c r="AF104102" i="1"/>
  <c r="AF104103" i="1"/>
  <c r="AF104104" i="1"/>
  <c r="AF104105" i="1"/>
  <c r="AF104106" i="1"/>
  <c r="AF104107" i="1"/>
  <c r="AF104108" i="1"/>
  <c r="AF104109" i="1"/>
  <c r="AF104110" i="1"/>
  <c r="AF104111" i="1"/>
  <c r="AF104112" i="1"/>
  <c r="AF104113" i="1"/>
  <c r="AF104114" i="1"/>
  <c r="AF104115" i="1"/>
  <c r="AF104116" i="1"/>
  <c r="AF104117" i="1"/>
  <c r="AF104118" i="1"/>
  <c r="AF104119" i="1"/>
  <c r="AF104120" i="1"/>
  <c r="AF104121" i="1"/>
  <c r="AF104122" i="1"/>
  <c r="AF104123" i="1"/>
  <c r="AF104124" i="1"/>
  <c r="AF104125" i="1"/>
  <c r="AF104126" i="1"/>
  <c r="AF104127" i="1"/>
  <c r="AF104128" i="1"/>
  <c r="AF104129" i="1"/>
  <c r="AF104130" i="1"/>
  <c r="AF104131" i="1"/>
  <c r="AF104132" i="1"/>
  <c r="AF104133" i="1"/>
  <c r="AF104134" i="1"/>
  <c r="AF104135" i="1"/>
  <c r="AF104136" i="1"/>
  <c r="AF104137" i="1"/>
  <c r="AF104138" i="1"/>
  <c r="AF104139" i="1"/>
  <c r="AF104140" i="1"/>
  <c r="AF104141" i="1"/>
  <c r="AF104142" i="1"/>
  <c r="AF104143" i="1"/>
  <c r="AF104144" i="1"/>
  <c r="AF104145" i="1"/>
  <c r="AF104146" i="1"/>
  <c r="AF104147" i="1"/>
  <c r="AF104148" i="1"/>
  <c r="AF104149" i="1"/>
  <c r="AF104150" i="1"/>
  <c r="AF104151" i="1"/>
  <c r="AF104152" i="1"/>
  <c r="AF104153" i="1"/>
  <c r="AF104154" i="1"/>
  <c r="AF104155" i="1"/>
  <c r="AF104156" i="1"/>
  <c r="AF104157" i="1"/>
  <c r="AF104158" i="1"/>
  <c r="AF104159" i="1"/>
  <c r="AF104160" i="1"/>
  <c r="AF104161" i="1"/>
  <c r="AF104162" i="1"/>
  <c r="AF104163" i="1"/>
  <c r="AF104164" i="1"/>
  <c r="AF104165" i="1"/>
  <c r="AF104166" i="1"/>
  <c r="AF104167" i="1"/>
  <c r="AF104168" i="1"/>
  <c r="AF104169" i="1"/>
  <c r="AF104170" i="1"/>
  <c r="AF104171" i="1"/>
  <c r="AF104172" i="1"/>
  <c r="AF104173" i="1"/>
  <c r="AF104174" i="1"/>
  <c r="AF104175" i="1"/>
  <c r="AF104176" i="1"/>
  <c r="AF104177" i="1"/>
  <c r="AF104178" i="1"/>
  <c r="AF104179" i="1"/>
  <c r="AF104180" i="1"/>
  <c r="AF104181" i="1"/>
  <c r="AF104182" i="1"/>
  <c r="AF104183" i="1"/>
  <c r="AF104184" i="1"/>
  <c r="AF104185" i="1"/>
  <c r="AF104186" i="1"/>
  <c r="AF104187" i="1"/>
  <c r="AF104188" i="1"/>
  <c r="AF104189" i="1"/>
  <c r="AF104190" i="1"/>
  <c r="AF104191" i="1"/>
  <c r="AF104192" i="1"/>
  <c r="AF104193" i="1"/>
  <c r="AF104194" i="1"/>
  <c r="AF104195" i="1"/>
  <c r="AF104196" i="1"/>
  <c r="AF104197" i="1"/>
  <c r="AF104198" i="1"/>
  <c r="AF104199" i="1"/>
  <c r="AF104200" i="1"/>
  <c r="AF104201" i="1"/>
  <c r="AF104202" i="1"/>
  <c r="AF104203" i="1"/>
  <c r="AF104204" i="1"/>
  <c r="AF104205" i="1"/>
  <c r="AF104206" i="1"/>
  <c r="AF104207" i="1"/>
  <c r="AF104208" i="1"/>
  <c r="AF104209" i="1"/>
  <c r="AF104210" i="1"/>
  <c r="AF104211" i="1"/>
  <c r="AF104212" i="1"/>
  <c r="AF104213" i="1"/>
  <c r="AF104214" i="1"/>
  <c r="AF104215" i="1"/>
  <c r="AF104216" i="1"/>
  <c r="AF104217" i="1"/>
  <c r="AF104218" i="1"/>
  <c r="AF104219" i="1"/>
  <c r="AF104220" i="1"/>
  <c r="AF104221" i="1"/>
  <c r="AF104222" i="1"/>
  <c r="AF104223" i="1"/>
  <c r="AF104224" i="1"/>
  <c r="AF104225" i="1"/>
  <c r="AF104226" i="1"/>
  <c r="AF104227" i="1"/>
  <c r="AF104228" i="1"/>
  <c r="AF104229" i="1"/>
  <c r="AF104230" i="1"/>
  <c r="AF104231" i="1"/>
  <c r="AF104232" i="1"/>
  <c r="AF104233" i="1"/>
  <c r="AF104234" i="1"/>
  <c r="AF104235" i="1"/>
  <c r="AF104236" i="1"/>
  <c r="AF104237" i="1"/>
  <c r="AF104238" i="1"/>
  <c r="AF104239" i="1"/>
  <c r="AF104240" i="1"/>
  <c r="AF104241" i="1"/>
  <c r="AF104242" i="1"/>
  <c r="AF104243" i="1"/>
  <c r="AF104244" i="1"/>
  <c r="AF104245" i="1"/>
  <c r="AF104246" i="1"/>
  <c r="AF104247" i="1"/>
  <c r="AF104248" i="1"/>
  <c r="AF104249" i="1"/>
  <c r="AF104250" i="1"/>
  <c r="AF104251" i="1"/>
  <c r="AF104252" i="1"/>
  <c r="AF104253" i="1"/>
  <c r="AF104254" i="1"/>
  <c r="AF104255" i="1"/>
  <c r="AF104256" i="1"/>
  <c r="AF104257" i="1"/>
  <c r="AF104258" i="1"/>
  <c r="AF104259" i="1"/>
  <c r="AF104260" i="1"/>
  <c r="AF104261" i="1"/>
  <c r="AF104262" i="1"/>
  <c r="AF104263" i="1"/>
  <c r="AF104264" i="1"/>
  <c r="AF104265" i="1"/>
  <c r="AF104266" i="1"/>
  <c r="AF104267" i="1"/>
  <c r="AF104268" i="1"/>
  <c r="AF104269" i="1"/>
  <c r="AF104270" i="1"/>
  <c r="AF104271" i="1"/>
  <c r="AF104272" i="1"/>
  <c r="AF104273" i="1"/>
  <c r="AF104274" i="1"/>
  <c r="AF104275" i="1"/>
  <c r="AF104276" i="1"/>
  <c r="AF104277" i="1"/>
  <c r="AF104278" i="1"/>
  <c r="AF104279" i="1"/>
  <c r="AF104280" i="1"/>
  <c r="AF104281" i="1"/>
  <c r="AF104282" i="1"/>
  <c r="AF104283" i="1"/>
  <c r="AF104284" i="1"/>
  <c r="AF104285" i="1"/>
  <c r="AF104286" i="1"/>
  <c r="AF104287" i="1"/>
  <c r="AF104288" i="1"/>
  <c r="AF104289" i="1"/>
  <c r="AF104290" i="1"/>
  <c r="AF104291" i="1"/>
  <c r="AF104292" i="1"/>
  <c r="AF104293" i="1"/>
  <c r="AF104294" i="1"/>
  <c r="AF104295" i="1"/>
  <c r="AF104296" i="1"/>
  <c r="AF104297" i="1"/>
  <c r="AF104298" i="1"/>
  <c r="AF104299" i="1"/>
  <c r="AF104300" i="1"/>
  <c r="AF104301" i="1"/>
  <c r="AF104302" i="1"/>
  <c r="AF104303" i="1"/>
  <c r="AF104304" i="1"/>
  <c r="AF104305" i="1"/>
  <c r="AF104306" i="1"/>
  <c r="AF104307" i="1"/>
  <c r="AF104308" i="1"/>
  <c r="AF104309" i="1"/>
  <c r="AF104310" i="1"/>
  <c r="AF104311" i="1"/>
  <c r="AF104312" i="1"/>
  <c r="AF104313" i="1"/>
  <c r="AF104314" i="1"/>
  <c r="AF104315" i="1"/>
  <c r="AF104316" i="1"/>
  <c r="AF104317" i="1"/>
  <c r="AF104318" i="1"/>
  <c r="AF104319" i="1"/>
  <c r="AF104320" i="1"/>
  <c r="AF104321" i="1"/>
  <c r="AF104322" i="1"/>
  <c r="AF104323" i="1"/>
  <c r="AF104324" i="1"/>
  <c r="AF104325" i="1"/>
  <c r="AF104326" i="1"/>
  <c r="AF104327" i="1"/>
  <c r="AF104328" i="1"/>
  <c r="AF104329" i="1"/>
  <c r="AF104330" i="1"/>
  <c r="AF104331" i="1"/>
  <c r="AF104332" i="1"/>
  <c r="AF104333" i="1"/>
  <c r="AF104334" i="1"/>
  <c r="AF104335" i="1"/>
  <c r="AF104336" i="1"/>
  <c r="AF104337" i="1"/>
  <c r="AF104338" i="1"/>
  <c r="AF104339" i="1"/>
  <c r="AF104340" i="1"/>
  <c r="AF104341" i="1"/>
  <c r="AF104342" i="1"/>
  <c r="AF104343" i="1"/>
  <c r="AF104344" i="1"/>
  <c r="AF104345" i="1"/>
  <c r="AF104346" i="1"/>
  <c r="AF104347" i="1"/>
  <c r="AF104348" i="1"/>
  <c r="AF104349" i="1"/>
  <c r="AF104350" i="1"/>
  <c r="AF104351" i="1"/>
  <c r="AF104352" i="1"/>
  <c r="AF104353" i="1"/>
  <c r="AF104354" i="1"/>
  <c r="AF104355" i="1"/>
  <c r="AF104356" i="1"/>
  <c r="AF104357" i="1"/>
  <c r="AF104358" i="1"/>
  <c r="AF104359" i="1"/>
  <c r="AF104360" i="1"/>
  <c r="AF104361" i="1"/>
  <c r="AF104362" i="1"/>
  <c r="AF104363" i="1"/>
  <c r="AF104364" i="1"/>
  <c r="AF104365" i="1"/>
  <c r="AF104366" i="1"/>
  <c r="AF104367" i="1"/>
  <c r="AF104368" i="1"/>
  <c r="AF104369" i="1"/>
  <c r="AF104370" i="1"/>
  <c r="AF104371" i="1"/>
  <c r="AF104372" i="1"/>
  <c r="AF104373" i="1"/>
  <c r="AF104374" i="1"/>
  <c r="AF104375" i="1"/>
  <c r="AF104376" i="1"/>
  <c r="AF104377" i="1"/>
  <c r="AF104378" i="1"/>
  <c r="AF104379" i="1"/>
  <c r="AF104380" i="1"/>
  <c r="AF104381" i="1"/>
  <c r="AF104382" i="1"/>
  <c r="AF104383" i="1"/>
  <c r="AF104384" i="1"/>
  <c r="AF104385" i="1"/>
  <c r="AF104386" i="1"/>
  <c r="AF104387" i="1"/>
  <c r="AF104388" i="1"/>
  <c r="AF104389" i="1"/>
  <c r="AF104390" i="1"/>
  <c r="AF104391" i="1"/>
  <c r="AF104392" i="1"/>
  <c r="AF104393" i="1"/>
  <c r="AF104394" i="1"/>
  <c r="AF104395" i="1"/>
  <c r="AF104396" i="1"/>
  <c r="AF104397" i="1"/>
  <c r="AF104398" i="1"/>
  <c r="AF104399" i="1"/>
  <c r="AF104400" i="1"/>
  <c r="AF104401" i="1"/>
  <c r="AF104402" i="1"/>
  <c r="AF104403" i="1"/>
  <c r="AF104404" i="1"/>
  <c r="AF104405" i="1"/>
  <c r="AF104406" i="1"/>
  <c r="AF104407" i="1"/>
  <c r="AF104408" i="1"/>
  <c r="AF104409" i="1"/>
  <c r="AF104410" i="1"/>
  <c r="AF104411" i="1"/>
  <c r="AF104412" i="1"/>
  <c r="AF104413" i="1"/>
  <c r="AF104414" i="1"/>
  <c r="AF104415" i="1"/>
  <c r="AF104416" i="1"/>
  <c r="AF104417" i="1"/>
  <c r="AF104418" i="1"/>
  <c r="AF104419" i="1"/>
  <c r="AF104420" i="1"/>
  <c r="AF104421" i="1"/>
  <c r="AF104422" i="1"/>
  <c r="AF104423" i="1"/>
  <c r="AF104424" i="1"/>
  <c r="AF104425" i="1"/>
  <c r="AF104426" i="1"/>
  <c r="AF104427" i="1"/>
  <c r="AF104428" i="1"/>
  <c r="AF104429" i="1"/>
  <c r="AF104430" i="1"/>
  <c r="AF104431" i="1"/>
  <c r="AF104432" i="1"/>
  <c r="AF104433" i="1"/>
  <c r="AF104434" i="1"/>
  <c r="AF104435" i="1"/>
  <c r="AF104436" i="1"/>
  <c r="AF104437" i="1"/>
  <c r="AF104438" i="1"/>
  <c r="AF104439" i="1"/>
  <c r="AF104440" i="1"/>
  <c r="AF104441" i="1"/>
  <c r="AF104442" i="1"/>
  <c r="AF104443" i="1"/>
  <c r="AF104444" i="1"/>
  <c r="AF104445" i="1"/>
  <c r="AF104446" i="1"/>
  <c r="AF104447" i="1"/>
  <c r="AF104448" i="1"/>
  <c r="AF104449" i="1"/>
  <c r="AF104450" i="1"/>
  <c r="AF104451" i="1"/>
  <c r="AF104452" i="1"/>
  <c r="AF104453" i="1"/>
  <c r="AF104454" i="1"/>
  <c r="AF104455" i="1"/>
  <c r="AF104456" i="1"/>
  <c r="AF104457" i="1"/>
  <c r="AF104458" i="1"/>
  <c r="AF104459" i="1"/>
  <c r="AF104460" i="1"/>
  <c r="AF104461" i="1"/>
  <c r="AF104462" i="1"/>
  <c r="AF104463" i="1"/>
  <c r="AF104464" i="1"/>
  <c r="AF104465" i="1"/>
  <c r="AF104466" i="1"/>
  <c r="AF104467" i="1"/>
  <c r="AF104468" i="1"/>
  <c r="AF104469" i="1"/>
  <c r="AF104470" i="1"/>
  <c r="AF104471" i="1"/>
  <c r="AF104472" i="1"/>
  <c r="AF104473" i="1"/>
  <c r="AF104474" i="1"/>
  <c r="AF104475" i="1"/>
  <c r="AF104476" i="1"/>
  <c r="AF104477" i="1"/>
  <c r="AF104478" i="1"/>
  <c r="AF104479" i="1"/>
  <c r="AF104480" i="1"/>
  <c r="AF104481" i="1"/>
  <c r="AF104482" i="1"/>
  <c r="AF104483" i="1"/>
  <c r="AF104484" i="1"/>
  <c r="AF104485" i="1"/>
  <c r="AF104486" i="1"/>
  <c r="AF104487" i="1"/>
  <c r="AF104488" i="1"/>
  <c r="AF104489" i="1"/>
  <c r="AF104490" i="1"/>
  <c r="AF104491" i="1"/>
  <c r="AF104492" i="1"/>
  <c r="AF104493" i="1"/>
  <c r="AF104494" i="1"/>
  <c r="AF104495" i="1"/>
  <c r="AF104496" i="1"/>
  <c r="AF104497" i="1"/>
  <c r="AF104498" i="1"/>
  <c r="AF104499" i="1"/>
  <c r="AF104500" i="1"/>
  <c r="AF104501" i="1"/>
  <c r="AF104502" i="1"/>
  <c r="AF104503" i="1"/>
  <c r="AF104504" i="1"/>
  <c r="AF104505" i="1"/>
  <c r="AF104506" i="1"/>
  <c r="AF104507" i="1"/>
  <c r="AF104508" i="1"/>
  <c r="AF104509" i="1"/>
  <c r="AF104510" i="1"/>
  <c r="AF104511" i="1"/>
  <c r="AF104512" i="1"/>
  <c r="AF104513" i="1"/>
  <c r="AF104514" i="1"/>
  <c r="AF104515" i="1"/>
  <c r="AF104516" i="1"/>
  <c r="AF104517" i="1"/>
  <c r="AF104518" i="1"/>
  <c r="AF104519" i="1"/>
  <c r="AF104520" i="1"/>
  <c r="AF104521" i="1"/>
  <c r="AF104522" i="1"/>
  <c r="AF104523" i="1"/>
  <c r="AF104524" i="1"/>
  <c r="AF104525" i="1"/>
  <c r="AF104526" i="1"/>
  <c r="AF104527" i="1"/>
  <c r="AF104528" i="1"/>
  <c r="AF104529" i="1"/>
  <c r="AF104530" i="1"/>
  <c r="AF104531" i="1"/>
  <c r="AF104532" i="1"/>
  <c r="AF104533" i="1"/>
  <c r="AF104534" i="1"/>
  <c r="AF104535" i="1"/>
  <c r="AF104536" i="1"/>
  <c r="AF104537" i="1"/>
  <c r="AF104538" i="1"/>
  <c r="AF104539" i="1"/>
  <c r="AF104540" i="1"/>
  <c r="AF104541" i="1"/>
  <c r="AF104542" i="1"/>
  <c r="AF104543" i="1"/>
  <c r="AF104544" i="1"/>
  <c r="AF104545" i="1"/>
  <c r="AF104546" i="1"/>
  <c r="AF104547" i="1"/>
  <c r="AF104548" i="1"/>
  <c r="AF104549" i="1"/>
  <c r="AF104550" i="1"/>
  <c r="AF104551" i="1"/>
  <c r="AF104552" i="1"/>
  <c r="AF104553" i="1"/>
  <c r="AF104554" i="1"/>
  <c r="AF104555" i="1"/>
  <c r="AF104556" i="1"/>
  <c r="AF104557" i="1"/>
  <c r="AF104558" i="1"/>
  <c r="AF104559" i="1"/>
  <c r="AF104560" i="1"/>
  <c r="AF104561" i="1"/>
  <c r="AF104562" i="1"/>
  <c r="AF104563" i="1"/>
  <c r="AF104564" i="1"/>
  <c r="AF104565" i="1"/>
  <c r="AF104566" i="1"/>
  <c r="AF104567" i="1"/>
  <c r="AF104568" i="1"/>
  <c r="AF104569" i="1"/>
  <c r="AF104570" i="1"/>
  <c r="AF104571" i="1"/>
  <c r="AF104572" i="1"/>
  <c r="AF104573" i="1"/>
  <c r="AF104574" i="1"/>
  <c r="AF104575" i="1"/>
  <c r="AF104576" i="1"/>
  <c r="AF104577" i="1"/>
  <c r="AF104578" i="1"/>
  <c r="AF104579" i="1"/>
  <c r="AF104580" i="1"/>
  <c r="AF104581" i="1"/>
  <c r="AF104582" i="1"/>
  <c r="AF104583" i="1"/>
  <c r="AF104584" i="1"/>
  <c r="AF104585" i="1"/>
  <c r="AF104586" i="1"/>
  <c r="AF104587" i="1"/>
  <c r="AF104588" i="1"/>
  <c r="AF104589" i="1"/>
  <c r="AF104590" i="1"/>
  <c r="AF104591" i="1"/>
  <c r="AF104592" i="1"/>
  <c r="AF104593" i="1"/>
  <c r="AF104594" i="1"/>
  <c r="AF104595" i="1"/>
  <c r="AF104596" i="1"/>
  <c r="AF104597" i="1"/>
  <c r="AF104598" i="1"/>
  <c r="AF104599" i="1"/>
  <c r="AF104600" i="1"/>
  <c r="AF104601" i="1"/>
  <c r="AF104602" i="1"/>
  <c r="AF104603" i="1"/>
  <c r="AF104604" i="1"/>
  <c r="AF104605" i="1"/>
  <c r="AF104606" i="1"/>
  <c r="AF104607" i="1"/>
  <c r="AF104608" i="1"/>
  <c r="AF104609" i="1"/>
  <c r="AF104610" i="1"/>
  <c r="AF104611" i="1"/>
  <c r="AF104612" i="1"/>
  <c r="AF104613" i="1"/>
  <c r="AF104614" i="1"/>
  <c r="AF104615" i="1"/>
  <c r="AF104616" i="1"/>
  <c r="AF104617" i="1"/>
  <c r="AF104618" i="1"/>
  <c r="AF104619" i="1"/>
  <c r="AF104620" i="1"/>
  <c r="AF104621" i="1"/>
  <c r="AF104622" i="1"/>
  <c r="AF104623" i="1"/>
  <c r="AF104624" i="1"/>
  <c r="AF104625" i="1"/>
  <c r="AF104626" i="1"/>
  <c r="AF104627" i="1"/>
  <c r="AF104628" i="1"/>
  <c r="AF104629" i="1"/>
  <c r="AF104630" i="1"/>
  <c r="AF104631" i="1"/>
  <c r="AF104632" i="1"/>
  <c r="AF104633" i="1"/>
  <c r="AF104634" i="1"/>
  <c r="AF104635" i="1"/>
  <c r="AF104636" i="1"/>
  <c r="AF104637" i="1"/>
  <c r="AF104638" i="1"/>
  <c r="AF104639" i="1"/>
  <c r="AF104640" i="1"/>
  <c r="AF104641" i="1"/>
  <c r="AF104642" i="1"/>
  <c r="AF104643" i="1"/>
  <c r="AF104644" i="1"/>
  <c r="AF104645" i="1"/>
  <c r="AF104646" i="1"/>
  <c r="AF104647" i="1"/>
  <c r="AF104648" i="1"/>
  <c r="AF104649" i="1"/>
  <c r="AF104650" i="1"/>
  <c r="AF104651" i="1"/>
  <c r="AF104652" i="1"/>
  <c r="AF104653" i="1"/>
  <c r="AF104654" i="1"/>
  <c r="AF104655" i="1"/>
  <c r="AF104656" i="1"/>
  <c r="AF104657" i="1"/>
  <c r="AF104658" i="1"/>
  <c r="AF104659" i="1"/>
  <c r="AF104660" i="1"/>
  <c r="AF104661" i="1"/>
  <c r="AF104662" i="1"/>
  <c r="AF104663" i="1"/>
  <c r="AF104664" i="1"/>
  <c r="AF104665" i="1"/>
  <c r="AF104666" i="1"/>
  <c r="AF104667" i="1"/>
  <c r="AF104668" i="1"/>
  <c r="AF104669" i="1"/>
  <c r="AF104670" i="1"/>
  <c r="AF104671" i="1"/>
  <c r="AF104672" i="1"/>
  <c r="AF104673" i="1"/>
  <c r="AF104674" i="1"/>
  <c r="AF104675" i="1"/>
  <c r="AF104676" i="1"/>
  <c r="AF104677" i="1"/>
  <c r="AF104678" i="1"/>
  <c r="AF104679" i="1"/>
  <c r="AF104680" i="1"/>
  <c r="AF104681" i="1"/>
  <c r="AF104682" i="1"/>
  <c r="AF104683" i="1"/>
  <c r="AF104684" i="1"/>
  <c r="AF104685" i="1"/>
  <c r="AF104686" i="1"/>
  <c r="AF104687" i="1"/>
  <c r="AF104688" i="1"/>
  <c r="AF104689" i="1"/>
  <c r="AF104690" i="1"/>
  <c r="AF104691" i="1"/>
  <c r="AF104692" i="1"/>
  <c r="AF104693" i="1"/>
  <c r="AF104694" i="1"/>
  <c r="AF104695" i="1"/>
  <c r="AF104696" i="1"/>
  <c r="AF104697" i="1"/>
  <c r="AF104698" i="1"/>
  <c r="AF104699" i="1"/>
  <c r="AF104700" i="1"/>
  <c r="AF104701" i="1"/>
  <c r="AF104702" i="1"/>
  <c r="AF104703" i="1"/>
  <c r="AF104704" i="1"/>
  <c r="AF104705" i="1"/>
  <c r="AF104706" i="1"/>
  <c r="AF104707" i="1"/>
  <c r="AF104708" i="1"/>
  <c r="AF104709" i="1"/>
  <c r="AF104710" i="1"/>
  <c r="AF104711" i="1"/>
  <c r="AF104712" i="1"/>
  <c r="AF104713" i="1"/>
  <c r="AF104714" i="1"/>
  <c r="AF104715" i="1"/>
  <c r="AF104716" i="1"/>
  <c r="AF104717" i="1"/>
  <c r="AF104718" i="1"/>
  <c r="AF104719" i="1"/>
  <c r="AF104720" i="1"/>
  <c r="AF104721" i="1"/>
  <c r="AF104722" i="1"/>
  <c r="AF104723" i="1"/>
  <c r="AF104724" i="1"/>
  <c r="AF104725" i="1"/>
  <c r="AF104726" i="1"/>
  <c r="AF104727" i="1"/>
  <c r="AF104728" i="1"/>
  <c r="AF104729" i="1"/>
  <c r="AF104730" i="1"/>
  <c r="AF104731" i="1"/>
  <c r="AF104732" i="1"/>
  <c r="AF104733" i="1"/>
  <c r="AF104734" i="1"/>
  <c r="AF104735" i="1"/>
  <c r="AF104736" i="1"/>
  <c r="AF104737" i="1"/>
  <c r="AF104738" i="1"/>
  <c r="AF104739" i="1"/>
  <c r="AF104740" i="1"/>
  <c r="AF104741" i="1"/>
  <c r="AF104742" i="1"/>
  <c r="AF104743" i="1"/>
  <c r="AF104744" i="1"/>
  <c r="AF104745" i="1"/>
  <c r="AF104746" i="1"/>
  <c r="AF104747" i="1"/>
  <c r="AF104748" i="1"/>
  <c r="AF104749" i="1"/>
  <c r="AF104750" i="1"/>
  <c r="AF104751" i="1"/>
  <c r="AF104752" i="1"/>
  <c r="AF104753" i="1"/>
  <c r="AF104754" i="1"/>
  <c r="AF104755" i="1"/>
  <c r="AF104756" i="1"/>
  <c r="AF104757" i="1"/>
  <c r="AF104758" i="1"/>
  <c r="AF104759" i="1"/>
  <c r="AF104760" i="1"/>
  <c r="AF104761" i="1"/>
  <c r="AF104762" i="1"/>
  <c r="AF104763" i="1"/>
  <c r="AF104764" i="1"/>
  <c r="AF104765" i="1"/>
  <c r="AF104766" i="1"/>
  <c r="AF104767" i="1"/>
  <c r="AF104768" i="1"/>
  <c r="AF104769" i="1"/>
  <c r="AF104770" i="1"/>
  <c r="AF104771" i="1"/>
  <c r="AF104772" i="1"/>
  <c r="AF104773" i="1"/>
  <c r="AF104774" i="1"/>
  <c r="AF104775" i="1"/>
  <c r="AF104776" i="1"/>
  <c r="AF104777" i="1"/>
  <c r="AF104778" i="1"/>
  <c r="AF104779" i="1"/>
  <c r="AF104780" i="1"/>
  <c r="AF104781" i="1"/>
  <c r="AF104782" i="1"/>
  <c r="AF104783" i="1"/>
  <c r="AF104784" i="1"/>
  <c r="AF104785" i="1"/>
  <c r="AF104786" i="1"/>
  <c r="AF104787" i="1"/>
  <c r="AF104788" i="1"/>
  <c r="AF104789" i="1"/>
  <c r="AF104790" i="1"/>
  <c r="AF104791" i="1"/>
  <c r="AF104792" i="1"/>
  <c r="AF104793" i="1"/>
  <c r="AF104794" i="1"/>
  <c r="AF104795" i="1"/>
  <c r="AF104796" i="1"/>
  <c r="AF104797" i="1"/>
  <c r="AF104798" i="1"/>
  <c r="AF104799" i="1"/>
  <c r="AF104800" i="1"/>
  <c r="AF104801" i="1"/>
  <c r="AF104802" i="1"/>
  <c r="AF104803" i="1"/>
  <c r="AF104804" i="1"/>
  <c r="AF104805" i="1"/>
  <c r="AF104806" i="1"/>
  <c r="AF104807" i="1"/>
  <c r="AF104808" i="1"/>
  <c r="AF104809" i="1"/>
  <c r="AF104810" i="1"/>
  <c r="AF104811" i="1"/>
  <c r="AF104812" i="1"/>
  <c r="AF104813" i="1"/>
  <c r="AF104814" i="1"/>
  <c r="AF104815" i="1"/>
  <c r="AF104816" i="1"/>
  <c r="AF104817" i="1"/>
  <c r="AF104818" i="1"/>
  <c r="AF104819" i="1"/>
  <c r="AF104820" i="1"/>
  <c r="AF104821" i="1"/>
  <c r="AF104822" i="1"/>
  <c r="AF104823" i="1"/>
  <c r="AF104824" i="1"/>
  <c r="AF104825" i="1"/>
  <c r="AF104826" i="1"/>
  <c r="AF104827" i="1"/>
  <c r="AF104828" i="1"/>
  <c r="AF104829" i="1"/>
  <c r="AF104830" i="1"/>
  <c r="AF104831" i="1"/>
  <c r="AF104832" i="1"/>
  <c r="AF104833" i="1"/>
  <c r="AF104834" i="1"/>
  <c r="AF104835" i="1"/>
  <c r="AF104836" i="1"/>
  <c r="AF104837" i="1"/>
  <c r="AF104838" i="1"/>
  <c r="AF104839" i="1"/>
  <c r="AF104840" i="1"/>
  <c r="AF104841" i="1"/>
  <c r="AF104842" i="1"/>
  <c r="AF104843" i="1"/>
  <c r="AF104844" i="1"/>
  <c r="AF104845" i="1"/>
  <c r="AF104846" i="1"/>
  <c r="AF104847" i="1"/>
  <c r="AF104848" i="1"/>
  <c r="AF104849" i="1"/>
  <c r="AF104850" i="1"/>
  <c r="AF104851" i="1"/>
  <c r="AF104852" i="1"/>
  <c r="AF104853" i="1"/>
  <c r="AF104854" i="1"/>
  <c r="AF104855" i="1"/>
  <c r="AF104856" i="1"/>
  <c r="AF104857" i="1"/>
  <c r="AF104858" i="1"/>
  <c r="AF104859" i="1"/>
  <c r="AF104860" i="1"/>
  <c r="AF104861" i="1"/>
  <c r="AF104862" i="1"/>
  <c r="AF104863" i="1"/>
  <c r="AF104864" i="1"/>
  <c r="AF104865" i="1"/>
  <c r="AF104866" i="1"/>
  <c r="AF104867" i="1"/>
  <c r="AF104868" i="1"/>
  <c r="AF104869" i="1"/>
  <c r="AF104870" i="1"/>
  <c r="AF104871" i="1"/>
  <c r="AF104872" i="1"/>
  <c r="AF104873" i="1"/>
  <c r="AF104874" i="1"/>
  <c r="AF104875" i="1"/>
  <c r="AF104876" i="1"/>
  <c r="AF104877" i="1"/>
  <c r="AF104878" i="1"/>
  <c r="AF104879" i="1"/>
  <c r="AF104880" i="1"/>
  <c r="AF104881" i="1"/>
  <c r="AF104882" i="1"/>
  <c r="AF104883" i="1"/>
  <c r="AF104884" i="1"/>
  <c r="AF104885" i="1"/>
  <c r="AF104886" i="1"/>
  <c r="AF104887" i="1"/>
  <c r="AF104888" i="1"/>
  <c r="AF104889" i="1"/>
  <c r="AF104890" i="1"/>
  <c r="AF104891" i="1"/>
  <c r="AF104892" i="1"/>
  <c r="AF104893" i="1"/>
  <c r="AF104894" i="1"/>
  <c r="AF104895" i="1"/>
  <c r="AF104896" i="1"/>
  <c r="AF104897" i="1"/>
  <c r="AF104898" i="1"/>
  <c r="AF104899" i="1"/>
  <c r="AF104900" i="1"/>
  <c r="AF104901" i="1"/>
  <c r="AF104902" i="1"/>
  <c r="AF104903" i="1"/>
  <c r="AF104904" i="1"/>
  <c r="AF104905" i="1"/>
  <c r="AF104906" i="1"/>
  <c r="AF104907" i="1"/>
  <c r="AF104908" i="1"/>
  <c r="AF104909" i="1"/>
  <c r="AF104910" i="1"/>
  <c r="AF104911" i="1"/>
  <c r="AF104912" i="1"/>
  <c r="AF104913" i="1"/>
  <c r="AF104914" i="1"/>
  <c r="AF104915" i="1"/>
  <c r="AF104916" i="1"/>
  <c r="AF104917" i="1"/>
  <c r="AF104918" i="1"/>
  <c r="AF104919" i="1"/>
  <c r="AF104920" i="1"/>
  <c r="AF104921" i="1"/>
  <c r="AF104922" i="1"/>
  <c r="AF104923" i="1"/>
  <c r="AF104924" i="1"/>
  <c r="AF104925" i="1"/>
  <c r="AF104926" i="1"/>
  <c r="AF104927" i="1"/>
  <c r="AF104928" i="1"/>
  <c r="AF104929" i="1"/>
  <c r="AF104930" i="1"/>
  <c r="AF104931" i="1"/>
  <c r="AF104932" i="1"/>
  <c r="AF104933" i="1"/>
  <c r="AF104934" i="1"/>
  <c r="AF104935" i="1"/>
  <c r="AF104936" i="1"/>
  <c r="AF104937" i="1"/>
  <c r="AF104938" i="1"/>
  <c r="AF104939" i="1"/>
  <c r="AF104940" i="1"/>
  <c r="AF104941" i="1"/>
  <c r="AF104942" i="1"/>
  <c r="AF104943" i="1"/>
  <c r="AF104944" i="1"/>
  <c r="AF104945" i="1"/>
  <c r="AF104946" i="1"/>
  <c r="AF104947" i="1"/>
  <c r="AF104948" i="1"/>
  <c r="AF104949" i="1"/>
  <c r="AF104950" i="1"/>
  <c r="AF104951" i="1"/>
  <c r="AF104952" i="1"/>
  <c r="AF104953" i="1"/>
  <c r="AF104954" i="1"/>
  <c r="AF104955" i="1"/>
  <c r="AF104956" i="1"/>
  <c r="AF104957" i="1"/>
  <c r="AF104958" i="1"/>
  <c r="AF104959" i="1"/>
  <c r="AF104960" i="1"/>
  <c r="AF104961" i="1"/>
  <c r="AF104962" i="1"/>
  <c r="AF104963" i="1"/>
  <c r="AF104964" i="1"/>
  <c r="AF104965" i="1"/>
  <c r="AF104966" i="1"/>
  <c r="AF104967" i="1"/>
  <c r="AF104968" i="1"/>
  <c r="AF104969" i="1"/>
  <c r="AF104970" i="1"/>
  <c r="AF104971" i="1"/>
  <c r="AF104972" i="1"/>
  <c r="AF104973" i="1"/>
  <c r="AF104974" i="1"/>
  <c r="AF104975" i="1"/>
  <c r="AF104976" i="1"/>
  <c r="AF104977" i="1"/>
  <c r="AF104978" i="1"/>
  <c r="AF104979" i="1"/>
  <c r="AF104980" i="1"/>
  <c r="AF104981" i="1"/>
  <c r="AF104982" i="1"/>
  <c r="AF104983" i="1"/>
  <c r="AF104984" i="1"/>
  <c r="AF104985" i="1"/>
  <c r="AF104986" i="1"/>
  <c r="AF104987" i="1"/>
  <c r="AF104988" i="1"/>
  <c r="AF104989" i="1"/>
  <c r="AF104990" i="1"/>
  <c r="AF104991" i="1"/>
  <c r="AF104992" i="1"/>
  <c r="AF104993" i="1"/>
  <c r="AF104994" i="1"/>
  <c r="AF104995" i="1"/>
  <c r="AF104996" i="1"/>
  <c r="AF104997" i="1"/>
  <c r="AF104998" i="1"/>
  <c r="AF104999" i="1"/>
  <c r="AF105000" i="1"/>
  <c r="AF105001" i="1"/>
  <c r="AF105002" i="1"/>
  <c r="AF105003" i="1"/>
  <c r="AF105004" i="1"/>
  <c r="AF105005" i="1"/>
  <c r="AF105006" i="1"/>
  <c r="AF105007" i="1"/>
  <c r="AF105008" i="1"/>
  <c r="AF105009" i="1"/>
  <c r="AF105010" i="1"/>
  <c r="AF105011" i="1"/>
  <c r="AF105012" i="1"/>
  <c r="AF105013" i="1"/>
  <c r="AF105014" i="1"/>
  <c r="AF105015" i="1"/>
  <c r="AF105016" i="1"/>
  <c r="AF105017" i="1"/>
  <c r="AF105018" i="1"/>
  <c r="AF105019" i="1"/>
  <c r="AF105020" i="1"/>
  <c r="AF105021" i="1"/>
  <c r="AF105022" i="1"/>
  <c r="AF105023" i="1"/>
  <c r="AF105024" i="1"/>
  <c r="AF105025" i="1"/>
  <c r="AF105026" i="1"/>
  <c r="AF105027" i="1"/>
  <c r="AF105028" i="1"/>
  <c r="AF105029" i="1"/>
  <c r="AF105030" i="1"/>
  <c r="AF105031" i="1"/>
  <c r="AF105032" i="1"/>
  <c r="AF105033" i="1"/>
  <c r="AF105034" i="1"/>
  <c r="AF105035" i="1"/>
  <c r="AF105036" i="1"/>
  <c r="AF105037" i="1"/>
  <c r="AF105038" i="1"/>
  <c r="AF105039" i="1"/>
  <c r="AF105040" i="1"/>
  <c r="AF105041" i="1"/>
  <c r="AF105042" i="1"/>
  <c r="AF105043" i="1"/>
  <c r="AF105044" i="1"/>
  <c r="AF105045" i="1"/>
  <c r="AF105046" i="1"/>
  <c r="AF105047" i="1"/>
  <c r="AF105048" i="1"/>
  <c r="AF105049" i="1"/>
  <c r="AF105050" i="1"/>
  <c r="AF105051" i="1"/>
  <c r="AF105052" i="1"/>
  <c r="AF105053" i="1"/>
  <c r="AF105054" i="1"/>
  <c r="AF105055" i="1"/>
  <c r="AF105056" i="1"/>
  <c r="AF105057" i="1"/>
  <c r="AF105058" i="1"/>
  <c r="AF105059" i="1"/>
  <c r="AF105060" i="1"/>
  <c r="AF105061" i="1"/>
  <c r="AF105062" i="1"/>
  <c r="AF105063" i="1"/>
  <c r="AF105064" i="1"/>
  <c r="AF105065" i="1"/>
  <c r="AF105066" i="1"/>
  <c r="AF105067" i="1"/>
  <c r="AF105068" i="1"/>
  <c r="AF105069" i="1"/>
  <c r="AF105070" i="1"/>
  <c r="AF105071" i="1"/>
  <c r="AF105072" i="1"/>
  <c r="AF105073" i="1"/>
  <c r="AF105074" i="1"/>
  <c r="AF105075" i="1"/>
  <c r="AF105076" i="1"/>
  <c r="AF105077" i="1"/>
  <c r="AF105078" i="1"/>
  <c r="AF105079" i="1"/>
  <c r="AF105080" i="1"/>
  <c r="AF105081" i="1"/>
  <c r="AF105082" i="1"/>
  <c r="AF105083" i="1"/>
  <c r="AF105084" i="1"/>
  <c r="AF105085" i="1"/>
  <c r="AF105086" i="1"/>
  <c r="AF105087" i="1"/>
  <c r="AF105088" i="1"/>
  <c r="AF105089" i="1"/>
  <c r="AF105090" i="1"/>
  <c r="AF105091" i="1"/>
  <c r="AF105092" i="1"/>
  <c r="AF105093" i="1"/>
  <c r="AF105094" i="1"/>
  <c r="AF105095" i="1"/>
  <c r="AF105096" i="1"/>
  <c r="AF105097" i="1"/>
  <c r="AF105098" i="1"/>
  <c r="AF105099" i="1"/>
  <c r="AF105100" i="1"/>
  <c r="AF105101" i="1"/>
  <c r="AF105102" i="1"/>
  <c r="AF105103" i="1"/>
  <c r="AF105104" i="1"/>
  <c r="AF105105" i="1"/>
  <c r="AF105106" i="1"/>
  <c r="AF105107" i="1"/>
  <c r="AF105108" i="1"/>
  <c r="AF105109" i="1"/>
  <c r="AF105110" i="1"/>
  <c r="AF105111" i="1"/>
  <c r="AF105112" i="1"/>
  <c r="AF105113" i="1"/>
  <c r="AF105114" i="1"/>
  <c r="AF105115" i="1"/>
  <c r="AF105116" i="1"/>
  <c r="AF105117" i="1"/>
  <c r="AF105118" i="1"/>
  <c r="AF105119" i="1"/>
  <c r="AF105120" i="1"/>
  <c r="AF105121" i="1"/>
  <c r="AF105122" i="1"/>
  <c r="AF105123" i="1"/>
  <c r="AF105124" i="1"/>
  <c r="AF105125" i="1"/>
  <c r="AF105126" i="1"/>
  <c r="AF105127" i="1"/>
  <c r="AF105128" i="1"/>
  <c r="AF105129" i="1"/>
  <c r="AF105130" i="1"/>
  <c r="AF105131" i="1"/>
  <c r="AF105132" i="1"/>
  <c r="AF105133" i="1"/>
  <c r="AF105134" i="1"/>
  <c r="AF105135" i="1"/>
  <c r="AF105136" i="1"/>
  <c r="AF105137" i="1"/>
  <c r="AF105138" i="1"/>
  <c r="AF105139" i="1"/>
  <c r="AF105140" i="1"/>
  <c r="AF105141" i="1"/>
  <c r="AF105142" i="1"/>
  <c r="AF105143" i="1"/>
  <c r="AF105144" i="1"/>
  <c r="AF105145" i="1"/>
  <c r="AF105146" i="1"/>
  <c r="AF105147" i="1"/>
  <c r="AF105148" i="1"/>
  <c r="AF105149" i="1"/>
  <c r="AF105150" i="1"/>
  <c r="AF105151" i="1"/>
  <c r="AF105152" i="1"/>
  <c r="AF105153" i="1"/>
  <c r="AF105154" i="1"/>
  <c r="AF105155" i="1"/>
  <c r="AF105156" i="1"/>
  <c r="AF105157" i="1"/>
  <c r="AF105158" i="1"/>
  <c r="AF105159" i="1"/>
  <c r="AF105160" i="1"/>
  <c r="AF105161" i="1"/>
  <c r="AF105162" i="1"/>
  <c r="AF105163" i="1"/>
  <c r="AF105164" i="1"/>
  <c r="AF105165" i="1"/>
  <c r="AF105166" i="1"/>
  <c r="AF105167" i="1"/>
  <c r="AF105168" i="1"/>
  <c r="AF105169" i="1"/>
  <c r="AF105170" i="1"/>
  <c r="AF105171" i="1"/>
  <c r="AF105172" i="1"/>
  <c r="AF105173" i="1"/>
  <c r="AF105174" i="1"/>
  <c r="AF105175" i="1"/>
  <c r="AF105176" i="1"/>
  <c r="AF105177" i="1"/>
  <c r="AF105178" i="1"/>
  <c r="AF105179" i="1"/>
  <c r="AF105180" i="1"/>
  <c r="AF105181" i="1"/>
  <c r="AF105182" i="1"/>
  <c r="AF105183" i="1"/>
  <c r="AF105184" i="1"/>
  <c r="AF105185" i="1"/>
  <c r="AF105186" i="1"/>
  <c r="AF105187" i="1"/>
  <c r="AF105188" i="1"/>
  <c r="AF105189" i="1"/>
  <c r="AF105190" i="1"/>
  <c r="AF105191" i="1"/>
  <c r="AF105192" i="1"/>
  <c r="AF105193" i="1"/>
  <c r="AF105194" i="1"/>
  <c r="AF105195" i="1"/>
  <c r="AF105196" i="1"/>
  <c r="AF105197" i="1"/>
  <c r="AF105198" i="1"/>
  <c r="AF105199" i="1"/>
  <c r="AF105200" i="1"/>
  <c r="AF105201" i="1"/>
  <c r="AF105202" i="1"/>
  <c r="AF105203" i="1"/>
  <c r="AF105204" i="1"/>
  <c r="AF105205" i="1"/>
  <c r="AF105206" i="1"/>
  <c r="AF105207" i="1"/>
  <c r="AF105208" i="1"/>
  <c r="AF105209" i="1"/>
  <c r="AF105210" i="1"/>
  <c r="AF105211" i="1"/>
  <c r="AF105212" i="1"/>
  <c r="AF105213" i="1"/>
  <c r="AF105214" i="1"/>
  <c r="AF105215" i="1"/>
  <c r="AF105216" i="1"/>
  <c r="AF105217" i="1"/>
  <c r="AF105218" i="1"/>
  <c r="AF105219" i="1"/>
  <c r="AF105220" i="1"/>
  <c r="AF105221" i="1"/>
  <c r="AF105222" i="1"/>
  <c r="AF105223" i="1"/>
  <c r="AF105224" i="1"/>
  <c r="AF105225" i="1"/>
  <c r="AF105226" i="1"/>
  <c r="AF105227" i="1"/>
  <c r="AF105228" i="1"/>
  <c r="AF105229" i="1"/>
  <c r="AF105230" i="1"/>
  <c r="AF105231" i="1"/>
  <c r="AF105232" i="1"/>
  <c r="AF105233" i="1"/>
  <c r="AF105234" i="1"/>
  <c r="AF105235" i="1"/>
  <c r="AF105236" i="1"/>
  <c r="AF105237" i="1"/>
  <c r="AF105238" i="1"/>
  <c r="AF105239" i="1"/>
  <c r="AF105240" i="1"/>
  <c r="AF105241" i="1"/>
  <c r="AF105242" i="1"/>
  <c r="AF105243" i="1"/>
  <c r="AF105244" i="1"/>
  <c r="AF105245" i="1"/>
  <c r="AF105246" i="1"/>
  <c r="AF105247" i="1"/>
  <c r="AF105248" i="1"/>
  <c r="AF105249" i="1"/>
  <c r="AF105250" i="1"/>
  <c r="AF105251" i="1"/>
  <c r="AF105252" i="1"/>
  <c r="AF105253" i="1"/>
  <c r="AF105254" i="1"/>
  <c r="AF105255" i="1"/>
  <c r="AF105256" i="1"/>
  <c r="AF105257" i="1"/>
  <c r="AF105258" i="1"/>
  <c r="AF105259" i="1"/>
  <c r="AF105260" i="1"/>
  <c r="AF105261" i="1"/>
  <c r="AF105262" i="1"/>
  <c r="AF105263" i="1"/>
  <c r="AF105264" i="1"/>
  <c r="AF105265" i="1"/>
  <c r="AF105266" i="1"/>
  <c r="AF105267" i="1"/>
  <c r="AF105268" i="1"/>
  <c r="AF105269" i="1"/>
  <c r="AF105270" i="1"/>
  <c r="AF105271" i="1"/>
  <c r="AF105272" i="1"/>
  <c r="AF105273" i="1"/>
  <c r="AF105274" i="1"/>
  <c r="AF105275" i="1"/>
  <c r="AF105276" i="1"/>
  <c r="AF105277" i="1"/>
  <c r="AF105278" i="1"/>
  <c r="AF105279" i="1"/>
  <c r="AF105280" i="1"/>
  <c r="AF105281" i="1"/>
  <c r="AF105282" i="1"/>
  <c r="AF105283" i="1"/>
  <c r="AF105284" i="1"/>
  <c r="AF105285" i="1"/>
  <c r="AF105286" i="1"/>
  <c r="AF105287" i="1"/>
  <c r="AF105288" i="1"/>
  <c r="AF105289" i="1"/>
  <c r="AF105290" i="1"/>
  <c r="AF105291" i="1"/>
  <c r="AF105292" i="1"/>
  <c r="AF105293" i="1"/>
  <c r="AF105294" i="1"/>
  <c r="AF105295" i="1"/>
  <c r="AF105296" i="1"/>
  <c r="AF105297" i="1"/>
  <c r="AF105298" i="1"/>
  <c r="AF105299" i="1"/>
  <c r="AF105300" i="1"/>
  <c r="AF105301" i="1"/>
  <c r="AF105302" i="1"/>
  <c r="AF105303" i="1"/>
  <c r="AF105304" i="1"/>
  <c r="AF105305" i="1"/>
  <c r="AF105306" i="1"/>
  <c r="AF105307" i="1"/>
  <c r="AF105308" i="1"/>
  <c r="AF105309" i="1"/>
  <c r="AF105310" i="1"/>
  <c r="AF105311" i="1"/>
  <c r="AF105312" i="1"/>
  <c r="AF105313" i="1"/>
  <c r="AF105314" i="1"/>
  <c r="AF105315" i="1"/>
  <c r="AF105316" i="1"/>
  <c r="AF105317" i="1"/>
  <c r="AF105318" i="1"/>
  <c r="AF105319" i="1"/>
  <c r="AF105320" i="1"/>
  <c r="AF105321" i="1"/>
  <c r="AF105322" i="1"/>
  <c r="AF105323" i="1"/>
  <c r="AF105324" i="1"/>
  <c r="AF105325" i="1"/>
  <c r="AF105326" i="1"/>
  <c r="AF105327" i="1"/>
  <c r="AF105328" i="1"/>
  <c r="AF105329" i="1"/>
  <c r="AF105330" i="1"/>
  <c r="AF105331" i="1"/>
  <c r="AF105332" i="1"/>
  <c r="AF105333" i="1"/>
  <c r="AF105334" i="1"/>
  <c r="AF105335" i="1"/>
  <c r="AF105336" i="1"/>
  <c r="AF105337" i="1"/>
  <c r="AF105338" i="1"/>
  <c r="AF105339" i="1"/>
  <c r="AF105340" i="1"/>
  <c r="AF105341" i="1"/>
  <c r="AF105342" i="1"/>
  <c r="AF105343" i="1"/>
  <c r="AF105344" i="1"/>
  <c r="AF105345" i="1"/>
  <c r="AF105346" i="1"/>
  <c r="AF105347" i="1"/>
  <c r="AF105348" i="1"/>
  <c r="AF105349" i="1"/>
  <c r="AF105350" i="1"/>
  <c r="AF105351" i="1"/>
  <c r="AF105352" i="1"/>
  <c r="AF105353" i="1"/>
  <c r="AF105354" i="1"/>
  <c r="AF105355" i="1"/>
  <c r="AF105356" i="1"/>
  <c r="AF105357" i="1"/>
  <c r="AF105358" i="1"/>
  <c r="AF105359" i="1"/>
  <c r="AF105360" i="1"/>
  <c r="AF105361" i="1"/>
  <c r="AF105362" i="1"/>
  <c r="AF105363" i="1"/>
  <c r="AF105364" i="1"/>
  <c r="AF105365" i="1"/>
  <c r="AF105366" i="1"/>
  <c r="AF105367" i="1"/>
  <c r="AF105368" i="1"/>
  <c r="AF105369" i="1"/>
  <c r="AF105370" i="1"/>
  <c r="AF105371" i="1"/>
  <c r="AF105372" i="1"/>
  <c r="AF105373" i="1"/>
  <c r="AF105374" i="1"/>
  <c r="AF105375" i="1"/>
  <c r="AF105376" i="1"/>
  <c r="AF105377" i="1"/>
  <c r="AF105378" i="1"/>
  <c r="AF105379" i="1"/>
  <c r="AF105380" i="1"/>
  <c r="AF105381" i="1"/>
  <c r="AF105382" i="1"/>
  <c r="AF105383" i="1"/>
  <c r="AF105384" i="1"/>
  <c r="AF105385" i="1"/>
  <c r="AF105386" i="1"/>
  <c r="AF105387" i="1"/>
  <c r="AF105388" i="1"/>
  <c r="AF105389" i="1"/>
  <c r="AF105390" i="1"/>
  <c r="AF105391" i="1"/>
  <c r="AF105392" i="1"/>
  <c r="AF105393" i="1"/>
  <c r="AF105394" i="1"/>
  <c r="AF105395" i="1"/>
  <c r="AF105396" i="1"/>
  <c r="AF105397" i="1"/>
  <c r="AF105398" i="1"/>
  <c r="AF105399" i="1"/>
  <c r="AF105400" i="1"/>
  <c r="AF105401" i="1"/>
  <c r="AF105402" i="1"/>
  <c r="AF105403" i="1"/>
  <c r="AF105404" i="1"/>
  <c r="AF105405" i="1"/>
  <c r="AF105406" i="1"/>
  <c r="AF105407" i="1"/>
  <c r="AF105408" i="1"/>
  <c r="AF105409" i="1"/>
  <c r="AF105410" i="1"/>
  <c r="AF105411" i="1"/>
  <c r="AF105412" i="1"/>
  <c r="AF105413" i="1"/>
  <c r="AF105414" i="1"/>
  <c r="AF105415" i="1"/>
  <c r="AF105416" i="1"/>
  <c r="AF105417" i="1"/>
  <c r="AF105418" i="1"/>
  <c r="AF105419" i="1"/>
  <c r="AF105420" i="1"/>
  <c r="AF105421" i="1"/>
  <c r="AF105422" i="1"/>
  <c r="AF105423" i="1"/>
  <c r="AF105424" i="1"/>
  <c r="AF105425" i="1"/>
  <c r="AF105426" i="1"/>
  <c r="AF105427" i="1"/>
  <c r="AF105428" i="1"/>
  <c r="AF105429" i="1"/>
  <c r="AF105430" i="1"/>
  <c r="AF105431" i="1"/>
  <c r="AF105432" i="1"/>
  <c r="AF105433" i="1"/>
  <c r="AF105434" i="1"/>
  <c r="AF105435" i="1"/>
  <c r="AF105436" i="1"/>
  <c r="AF105437" i="1"/>
  <c r="AF105438" i="1"/>
  <c r="AF105439" i="1"/>
  <c r="AF105440" i="1"/>
  <c r="AF105441" i="1"/>
  <c r="AF105442" i="1"/>
  <c r="AF105443" i="1"/>
  <c r="AF105444" i="1"/>
  <c r="AF105445" i="1"/>
  <c r="AF105446" i="1"/>
  <c r="AF105447" i="1"/>
  <c r="AF105448" i="1"/>
  <c r="AF105449" i="1"/>
  <c r="AF105450" i="1"/>
  <c r="AF105451" i="1"/>
  <c r="AF105452" i="1"/>
  <c r="AF105453" i="1"/>
  <c r="AF105454" i="1"/>
  <c r="AF105455" i="1"/>
  <c r="AF105456" i="1"/>
  <c r="AF105457" i="1"/>
  <c r="AF105458" i="1"/>
  <c r="AF105459" i="1"/>
  <c r="AF105460" i="1"/>
  <c r="AF105461" i="1"/>
  <c r="AF105462" i="1"/>
  <c r="AF105463" i="1"/>
  <c r="AF105464" i="1"/>
  <c r="AF105465" i="1"/>
  <c r="AF105466" i="1"/>
  <c r="AF105467" i="1"/>
  <c r="AF105468" i="1"/>
  <c r="AF105469" i="1"/>
  <c r="AF105470" i="1"/>
  <c r="AF105471" i="1"/>
  <c r="AF105472" i="1"/>
  <c r="AF105473" i="1"/>
  <c r="AF105474" i="1"/>
  <c r="AF105475" i="1"/>
  <c r="AF105476" i="1"/>
  <c r="AF105477" i="1"/>
  <c r="AF105478" i="1"/>
  <c r="AF105479" i="1"/>
  <c r="AF105480" i="1"/>
  <c r="AF105481" i="1"/>
  <c r="AF105482" i="1"/>
  <c r="AF105483" i="1"/>
  <c r="AF105484" i="1"/>
  <c r="AF105485" i="1"/>
  <c r="AF105486" i="1"/>
  <c r="AF105487" i="1"/>
  <c r="AF105488" i="1"/>
  <c r="AF105489" i="1"/>
  <c r="AF105490" i="1"/>
  <c r="AF105491" i="1"/>
  <c r="AF105492" i="1"/>
  <c r="AF105493" i="1"/>
  <c r="AF105494" i="1"/>
  <c r="AF105495" i="1"/>
  <c r="AF105496" i="1"/>
  <c r="AF105497" i="1"/>
  <c r="AF105498" i="1"/>
  <c r="AF105499" i="1"/>
  <c r="AF105500" i="1"/>
  <c r="AF105501" i="1"/>
  <c r="AF105502" i="1"/>
  <c r="AF105503" i="1"/>
  <c r="AF105504" i="1"/>
  <c r="AF105505" i="1"/>
  <c r="AF105506" i="1"/>
  <c r="AF105507" i="1"/>
  <c r="AF105508" i="1"/>
  <c r="AF105509" i="1"/>
  <c r="AF105510" i="1"/>
  <c r="AF105511" i="1"/>
  <c r="AF105512" i="1"/>
  <c r="AF105513" i="1"/>
  <c r="AF105514" i="1"/>
  <c r="AF105515" i="1"/>
  <c r="AF105516" i="1"/>
  <c r="AF105517" i="1"/>
  <c r="AF105518" i="1"/>
  <c r="AF105519" i="1"/>
  <c r="AF105520" i="1"/>
  <c r="AF105521" i="1"/>
  <c r="AF105522" i="1"/>
  <c r="AF105523" i="1"/>
  <c r="AF105524" i="1"/>
  <c r="AF105525" i="1"/>
  <c r="AF105526" i="1"/>
  <c r="AF105527" i="1"/>
  <c r="AF105528" i="1"/>
  <c r="AF105529" i="1"/>
  <c r="AF105530" i="1"/>
  <c r="AF105531" i="1"/>
  <c r="AF105532" i="1"/>
  <c r="AF105533" i="1"/>
  <c r="AF105534" i="1"/>
  <c r="AF105535" i="1"/>
  <c r="AF105536" i="1"/>
  <c r="AF105537" i="1"/>
  <c r="AF105538" i="1"/>
  <c r="AF105539" i="1"/>
  <c r="AF105540" i="1"/>
  <c r="AF105541" i="1"/>
  <c r="AF105542" i="1"/>
  <c r="AF105543" i="1"/>
  <c r="AF105544" i="1"/>
  <c r="AF105545" i="1"/>
  <c r="AF105546" i="1"/>
  <c r="AF105547" i="1"/>
  <c r="AF105548" i="1"/>
  <c r="AF105549" i="1"/>
  <c r="AF105550" i="1"/>
  <c r="AF105551" i="1"/>
  <c r="AF105552" i="1"/>
  <c r="AF105553" i="1"/>
  <c r="AF105554" i="1"/>
  <c r="AF105555" i="1"/>
  <c r="AF105556" i="1"/>
  <c r="AF105557" i="1"/>
  <c r="AF105558" i="1"/>
  <c r="AF105559" i="1"/>
  <c r="AF105560" i="1"/>
  <c r="AF105561" i="1"/>
  <c r="AF105562" i="1"/>
  <c r="AF105563" i="1"/>
  <c r="AF105564" i="1"/>
  <c r="AF105565" i="1"/>
  <c r="AF105566" i="1"/>
  <c r="AF105567" i="1"/>
  <c r="AF105568" i="1"/>
  <c r="AF105569" i="1"/>
  <c r="AF105570" i="1"/>
  <c r="AF105571" i="1"/>
  <c r="AF105572" i="1"/>
  <c r="AF105573" i="1"/>
  <c r="AF105574" i="1"/>
  <c r="AF105575" i="1"/>
  <c r="AF105576" i="1"/>
  <c r="AF105577" i="1"/>
  <c r="AF105578" i="1"/>
  <c r="AF105579" i="1"/>
  <c r="AF105580" i="1"/>
  <c r="AF105581" i="1"/>
  <c r="AF105582" i="1"/>
  <c r="AF105583" i="1"/>
  <c r="AF105584" i="1"/>
  <c r="AF105585" i="1"/>
  <c r="AF105586" i="1"/>
  <c r="AF105587" i="1"/>
  <c r="AF105588" i="1"/>
  <c r="AF105589" i="1"/>
  <c r="AF105590" i="1"/>
  <c r="AF105591" i="1"/>
  <c r="AF105592" i="1"/>
  <c r="AF105593" i="1"/>
  <c r="AF105594" i="1"/>
  <c r="AF105595" i="1"/>
  <c r="AF105596" i="1"/>
  <c r="AF105597" i="1"/>
  <c r="AF105598" i="1"/>
  <c r="AF105599" i="1"/>
  <c r="AF105600" i="1"/>
  <c r="AF105601" i="1"/>
  <c r="AF105602" i="1"/>
  <c r="AF105603" i="1"/>
  <c r="AF105604" i="1"/>
  <c r="AF105605" i="1"/>
  <c r="AF105606" i="1"/>
  <c r="AF105607" i="1"/>
  <c r="AF105608" i="1"/>
  <c r="AF105609" i="1"/>
  <c r="AF105610" i="1"/>
  <c r="AF105611" i="1"/>
  <c r="AF105612" i="1"/>
  <c r="AF105613" i="1"/>
  <c r="AF105614" i="1"/>
  <c r="AF105615" i="1"/>
  <c r="AF105616" i="1"/>
  <c r="AF105617" i="1"/>
  <c r="AF105618" i="1"/>
  <c r="AF105619" i="1"/>
  <c r="AF105620" i="1"/>
  <c r="AF105621" i="1"/>
  <c r="AF105622" i="1"/>
  <c r="AF105623" i="1"/>
  <c r="AF105624" i="1"/>
  <c r="AF105625" i="1"/>
  <c r="AF105626" i="1"/>
  <c r="AF105627" i="1"/>
  <c r="AF105628" i="1"/>
  <c r="AF105629" i="1"/>
  <c r="AF105630" i="1"/>
  <c r="AF105631" i="1"/>
  <c r="AF105632" i="1"/>
  <c r="AF105633" i="1"/>
  <c r="AF105634" i="1"/>
  <c r="AF105635" i="1"/>
  <c r="AF105636" i="1"/>
  <c r="AF105637" i="1"/>
  <c r="AF105638" i="1"/>
  <c r="AF105639" i="1"/>
  <c r="AF105640" i="1"/>
  <c r="AF105641" i="1"/>
  <c r="AF105642" i="1"/>
  <c r="AF105643" i="1"/>
  <c r="AF105644" i="1"/>
  <c r="AF105645" i="1"/>
  <c r="AF105646" i="1"/>
  <c r="AF105647" i="1"/>
  <c r="AF105648" i="1"/>
  <c r="AF105649" i="1"/>
  <c r="AF105650" i="1"/>
  <c r="AF105651" i="1"/>
  <c r="AF105652" i="1"/>
  <c r="AF105653" i="1"/>
  <c r="AF105654" i="1"/>
  <c r="AF105655" i="1"/>
  <c r="AF105656" i="1"/>
  <c r="AF105657" i="1"/>
  <c r="AF105658" i="1"/>
  <c r="AF105659" i="1"/>
  <c r="AF105660" i="1"/>
  <c r="AF105661" i="1"/>
  <c r="AF105662" i="1"/>
  <c r="AF105663" i="1"/>
  <c r="AF105664" i="1"/>
  <c r="AF105665" i="1"/>
  <c r="AF105666" i="1"/>
  <c r="AF105667" i="1"/>
  <c r="AF105668" i="1"/>
  <c r="AF105669" i="1"/>
  <c r="AF105670" i="1"/>
  <c r="AF105671" i="1"/>
  <c r="AF105672" i="1"/>
  <c r="AF105673" i="1"/>
  <c r="AF105674" i="1"/>
  <c r="AF105675" i="1"/>
  <c r="AF105676" i="1"/>
  <c r="AF105677" i="1"/>
  <c r="AF105678" i="1"/>
  <c r="AF105679" i="1"/>
  <c r="AF105680" i="1"/>
  <c r="AF105681" i="1"/>
  <c r="AF105682" i="1"/>
  <c r="AF105683" i="1"/>
  <c r="AF105684" i="1"/>
  <c r="AF105685" i="1"/>
  <c r="AF105686" i="1"/>
  <c r="AF105687" i="1"/>
  <c r="AF105688" i="1"/>
  <c r="AF105689" i="1"/>
  <c r="AF105690" i="1"/>
  <c r="AF105691" i="1"/>
  <c r="AF105692" i="1"/>
  <c r="AF105693" i="1"/>
  <c r="AF105694" i="1"/>
  <c r="AF105695" i="1"/>
  <c r="AF105696" i="1"/>
  <c r="AF105697" i="1"/>
  <c r="AF105698" i="1"/>
  <c r="AF105699" i="1"/>
  <c r="AF105700" i="1"/>
  <c r="AF105701" i="1"/>
  <c r="AF105702" i="1"/>
  <c r="AF105703" i="1"/>
  <c r="AF105704" i="1"/>
  <c r="AF105705" i="1"/>
  <c r="AF105706" i="1"/>
  <c r="AF105707" i="1"/>
  <c r="AF105708" i="1"/>
  <c r="AF105709" i="1"/>
  <c r="AF105710" i="1"/>
  <c r="AF105711" i="1"/>
  <c r="AF105712" i="1"/>
  <c r="AF105713" i="1"/>
  <c r="AF105714" i="1"/>
  <c r="AF105715" i="1"/>
  <c r="AF105716" i="1"/>
  <c r="AF105717" i="1"/>
  <c r="AF105718" i="1"/>
  <c r="AF105719" i="1"/>
  <c r="AF105720" i="1"/>
  <c r="AF105721" i="1"/>
  <c r="AF105722" i="1"/>
  <c r="AF105723" i="1"/>
  <c r="AF105724" i="1"/>
  <c r="AF105725" i="1"/>
  <c r="AF105726" i="1"/>
  <c r="AF105727" i="1"/>
  <c r="AF105728" i="1"/>
  <c r="AF105729" i="1"/>
  <c r="AF105730" i="1"/>
  <c r="AF105731" i="1"/>
  <c r="AF105732" i="1"/>
  <c r="AF105733" i="1"/>
  <c r="AF105734" i="1"/>
  <c r="AF105735" i="1"/>
  <c r="AF105736" i="1"/>
  <c r="AF105737" i="1"/>
  <c r="AF105738" i="1"/>
  <c r="AF105739" i="1"/>
  <c r="AF105740" i="1"/>
  <c r="AF105741" i="1"/>
  <c r="AF105742" i="1"/>
  <c r="AF105743" i="1"/>
  <c r="AF105744" i="1"/>
  <c r="AF105745" i="1"/>
  <c r="AF105746" i="1"/>
  <c r="AF105747" i="1"/>
  <c r="AF105748" i="1"/>
  <c r="AF105749" i="1"/>
  <c r="AF105750" i="1"/>
  <c r="AF105751" i="1"/>
  <c r="AF105752" i="1"/>
  <c r="AF105753" i="1"/>
  <c r="AF105754" i="1"/>
  <c r="AF105755" i="1"/>
  <c r="AF105756" i="1"/>
  <c r="AF105757" i="1"/>
  <c r="AF105758" i="1"/>
  <c r="AF105759" i="1"/>
  <c r="AF105760" i="1"/>
  <c r="AF105761" i="1"/>
  <c r="AF105762" i="1"/>
  <c r="AF105763" i="1"/>
  <c r="AF105764" i="1"/>
  <c r="AF105765" i="1"/>
  <c r="AF105766" i="1"/>
  <c r="AF105767" i="1"/>
  <c r="AF105768" i="1"/>
  <c r="AF105769" i="1"/>
  <c r="AF105770" i="1"/>
  <c r="AF105771" i="1"/>
  <c r="AF105772" i="1"/>
  <c r="AF105773" i="1"/>
  <c r="AF105774" i="1"/>
  <c r="AF105775" i="1"/>
  <c r="AF105776" i="1"/>
  <c r="AF105777" i="1"/>
  <c r="AF105778" i="1"/>
  <c r="AF105779" i="1"/>
  <c r="AF105780" i="1"/>
  <c r="AF105781" i="1"/>
  <c r="AF105782" i="1"/>
  <c r="AF105783" i="1"/>
  <c r="AF105784" i="1"/>
  <c r="AF105785" i="1"/>
  <c r="AF105786" i="1"/>
  <c r="AF105787" i="1"/>
  <c r="AF105788" i="1"/>
  <c r="AF105789" i="1"/>
  <c r="AF105790" i="1"/>
  <c r="AF105791" i="1"/>
  <c r="AF105792" i="1"/>
  <c r="AF105793" i="1"/>
  <c r="AF105794" i="1"/>
  <c r="AF105795" i="1"/>
  <c r="AF105796" i="1"/>
  <c r="AF105797" i="1"/>
  <c r="AF105798" i="1"/>
  <c r="AF105799" i="1"/>
  <c r="AF105800" i="1"/>
  <c r="AF105801" i="1"/>
  <c r="AF105802" i="1"/>
  <c r="AF105803" i="1"/>
  <c r="AF105804" i="1"/>
  <c r="AF105805" i="1"/>
  <c r="AF105806" i="1"/>
  <c r="AF105807" i="1"/>
  <c r="AF105808" i="1"/>
  <c r="AF105809" i="1"/>
  <c r="AF105810" i="1"/>
  <c r="AF105811" i="1"/>
  <c r="AF105812" i="1"/>
  <c r="AF105813" i="1"/>
  <c r="AF105814" i="1"/>
  <c r="AF105815" i="1"/>
  <c r="AF105816" i="1"/>
  <c r="AF105817" i="1"/>
  <c r="AF105818" i="1"/>
  <c r="AF105819" i="1"/>
  <c r="AF105820" i="1"/>
  <c r="AF105821" i="1"/>
  <c r="AF105822" i="1"/>
  <c r="AF105823" i="1"/>
  <c r="AF105824" i="1"/>
  <c r="AF105825" i="1"/>
  <c r="AF105826" i="1"/>
  <c r="AF105827" i="1"/>
  <c r="AF105828" i="1"/>
  <c r="AF105829" i="1"/>
  <c r="AF105830" i="1"/>
  <c r="AF105831" i="1"/>
  <c r="AF105832" i="1"/>
  <c r="AF105833" i="1"/>
  <c r="AF105834" i="1"/>
  <c r="AF105835" i="1"/>
  <c r="AF105836" i="1"/>
  <c r="AF105837" i="1"/>
  <c r="AF105838" i="1"/>
  <c r="AF105839" i="1"/>
  <c r="AF105840" i="1"/>
  <c r="AF105841" i="1"/>
  <c r="AF105842" i="1"/>
  <c r="AF105843" i="1"/>
  <c r="AF105844" i="1"/>
  <c r="AF105845" i="1"/>
  <c r="AF105846" i="1"/>
  <c r="AF105847" i="1"/>
  <c r="AF105848" i="1"/>
  <c r="AF105849" i="1"/>
  <c r="AF105850" i="1"/>
  <c r="AF105851" i="1"/>
  <c r="AF105852" i="1"/>
  <c r="AF105853" i="1"/>
  <c r="AF105854" i="1"/>
  <c r="AF105855" i="1"/>
  <c r="AF105856" i="1"/>
  <c r="AF105857" i="1"/>
  <c r="AF105858" i="1"/>
  <c r="AF105859" i="1"/>
  <c r="AF105860" i="1"/>
  <c r="AF105861" i="1"/>
  <c r="AF105862" i="1"/>
  <c r="AF105863" i="1"/>
  <c r="AF105864" i="1"/>
  <c r="AF105865" i="1"/>
  <c r="AF105866" i="1"/>
  <c r="AF105867" i="1"/>
  <c r="AF105868" i="1"/>
  <c r="AF105869" i="1"/>
  <c r="AF105870" i="1"/>
  <c r="AF105871" i="1"/>
  <c r="AF105872" i="1"/>
  <c r="AF105873" i="1"/>
  <c r="AF105874" i="1"/>
  <c r="AF105875" i="1"/>
  <c r="AF105876" i="1"/>
  <c r="AF105877" i="1"/>
  <c r="AF105878" i="1"/>
  <c r="AF105879" i="1"/>
  <c r="AF105880" i="1"/>
  <c r="AF105881" i="1"/>
  <c r="AF105882" i="1"/>
  <c r="AF105883" i="1"/>
  <c r="AF105884" i="1"/>
  <c r="AF105885" i="1"/>
  <c r="AF105886" i="1"/>
  <c r="AF105887" i="1"/>
  <c r="AF105888" i="1"/>
  <c r="AF105889" i="1"/>
  <c r="AF105890" i="1"/>
  <c r="AF105891" i="1"/>
  <c r="AF105892" i="1"/>
  <c r="AF105893" i="1"/>
  <c r="AF105894" i="1"/>
  <c r="AF105895" i="1"/>
  <c r="AF105896" i="1"/>
  <c r="AF105897" i="1"/>
  <c r="AF105898" i="1"/>
  <c r="AF105899" i="1"/>
  <c r="AF105900" i="1"/>
  <c r="AF105901" i="1"/>
  <c r="AF105902" i="1"/>
  <c r="AF105903" i="1"/>
  <c r="AF105904" i="1"/>
  <c r="AF105905" i="1"/>
  <c r="AF105906" i="1"/>
  <c r="AF105907" i="1"/>
  <c r="AF105908" i="1"/>
  <c r="AF105909" i="1"/>
  <c r="AF105910" i="1"/>
  <c r="AF105911" i="1"/>
  <c r="AF105912" i="1"/>
  <c r="AF105913" i="1"/>
  <c r="AF105914" i="1"/>
  <c r="AF105915" i="1"/>
  <c r="AF105916" i="1"/>
  <c r="AF105917" i="1"/>
  <c r="AF105918" i="1"/>
  <c r="AF105919" i="1"/>
  <c r="AF105920" i="1"/>
  <c r="AF105921" i="1"/>
  <c r="AF105922" i="1"/>
  <c r="AF105923" i="1"/>
  <c r="AF105924" i="1"/>
  <c r="AF105925" i="1"/>
  <c r="AF105926" i="1"/>
  <c r="AF105927" i="1"/>
  <c r="AF105928" i="1"/>
  <c r="AF105929" i="1"/>
  <c r="AF105930" i="1"/>
  <c r="AF105931" i="1"/>
  <c r="AF105932" i="1"/>
  <c r="AF105933" i="1"/>
  <c r="AF105934" i="1"/>
  <c r="AF105935" i="1"/>
  <c r="AF105936" i="1"/>
  <c r="AF105937" i="1"/>
  <c r="AF105938" i="1"/>
  <c r="AF105939" i="1"/>
  <c r="AF105940" i="1"/>
  <c r="AF105941" i="1"/>
  <c r="AF105942" i="1"/>
  <c r="AF105943" i="1"/>
  <c r="AF105944" i="1"/>
  <c r="AF105945" i="1"/>
  <c r="AF105946" i="1"/>
  <c r="AF105947" i="1"/>
  <c r="AF105948" i="1"/>
  <c r="AF105949" i="1"/>
  <c r="AF105950" i="1"/>
  <c r="AF105951" i="1"/>
  <c r="AF105952" i="1"/>
  <c r="AF105953" i="1"/>
  <c r="AF105954" i="1"/>
  <c r="AF105955" i="1"/>
  <c r="AF105956" i="1"/>
  <c r="AF105957" i="1"/>
  <c r="AF105958" i="1"/>
  <c r="AF105959" i="1"/>
  <c r="AF105960" i="1"/>
  <c r="AF105961" i="1"/>
  <c r="AF105962" i="1"/>
  <c r="AF105963" i="1"/>
  <c r="AF105964" i="1"/>
  <c r="AF105965" i="1"/>
  <c r="AF105966" i="1"/>
  <c r="AF105967" i="1"/>
  <c r="AF105968" i="1"/>
  <c r="AF105969" i="1"/>
  <c r="AF105970" i="1"/>
  <c r="AF105971" i="1"/>
  <c r="AF105972" i="1"/>
  <c r="AF105973" i="1"/>
  <c r="AF105974" i="1"/>
  <c r="AF105975" i="1"/>
  <c r="AF105976" i="1"/>
  <c r="AF105977" i="1"/>
  <c r="AF105978" i="1"/>
  <c r="AF105979" i="1"/>
  <c r="AF105980" i="1"/>
  <c r="AF105981" i="1"/>
  <c r="AF105982" i="1"/>
  <c r="AF105983" i="1"/>
  <c r="AF105984" i="1"/>
  <c r="AF105985" i="1"/>
  <c r="AF105986" i="1"/>
  <c r="AF105987" i="1"/>
  <c r="AF105988" i="1"/>
  <c r="AF105989" i="1"/>
  <c r="AF105990" i="1"/>
  <c r="AF105991" i="1"/>
  <c r="AF105992" i="1"/>
  <c r="AF105993" i="1"/>
  <c r="AF105994" i="1"/>
  <c r="AF105995" i="1"/>
  <c r="AF105996" i="1"/>
  <c r="AF105997" i="1"/>
  <c r="AF105998" i="1"/>
  <c r="AF105999" i="1"/>
  <c r="AF106000" i="1"/>
  <c r="AF106001" i="1"/>
  <c r="AF106002" i="1"/>
  <c r="AF106003" i="1"/>
  <c r="AF106004" i="1"/>
  <c r="AF106005" i="1"/>
  <c r="AF106006" i="1"/>
  <c r="AF106007" i="1"/>
  <c r="AF106008" i="1"/>
  <c r="AF106009" i="1"/>
  <c r="AF106010" i="1"/>
  <c r="AF106011" i="1"/>
  <c r="AF106012" i="1"/>
  <c r="AF106013" i="1"/>
  <c r="AF106014" i="1"/>
  <c r="AF106015" i="1"/>
  <c r="AF106016" i="1"/>
  <c r="AF106017" i="1"/>
  <c r="AF106018" i="1"/>
  <c r="AF106019" i="1"/>
  <c r="AF106020" i="1"/>
  <c r="AF106021" i="1"/>
  <c r="AF106022" i="1"/>
  <c r="AF106023" i="1"/>
  <c r="AF106024" i="1"/>
  <c r="AF106025" i="1"/>
  <c r="AF106026" i="1"/>
  <c r="AF106027" i="1"/>
  <c r="AF106028" i="1"/>
  <c r="AF106029" i="1"/>
  <c r="AF106030" i="1"/>
  <c r="AF106031" i="1"/>
  <c r="AF106032" i="1"/>
  <c r="AF106033" i="1"/>
  <c r="AF106034" i="1"/>
  <c r="AF106035" i="1"/>
  <c r="AF106036" i="1"/>
  <c r="AF106037" i="1"/>
  <c r="AF106038" i="1"/>
  <c r="AF106039" i="1"/>
  <c r="AF106040" i="1"/>
  <c r="AF106041" i="1"/>
  <c r="AF106042" i="1"/>
  <c r="AF106043" i="1"/>
  <c r="AF106044" i="1"/>
  <c r="AF106045" i="1"/>
  <c r="AF106046" i="1"/>
  <c r="AF106047" i="1"/>
  <c r="AF106048" i="1"/>
  <c r="AF106049" i="1"/>
  <c r="AF106050" i="1"/>
  <c r="AF106051" i="1"/>
  <c r="AF106052" i="1"/>
  <c r="AF106053" i="1"/>
  <c r="AF106054" i="1"/>
  <c r="AF106055" i="1"/>
  <c r="AF106056" i="1"/>
  <c r="AF106057" i="1"/>
  <c r="AF106058" i="1"/>
  <c r="AF106059" i="1"/>
  <c r="AF106060" i="1"/>
  <c r="AF106061" i="1"/>
  <c r="AF106062" i="1"/>
  <c r="AF106063" i="1"/>
  <c r="AF106064" i="1"/>
  <c r="AF106065" i="1"/>
  <c r="AF106066" i="1"/>
  <c r="AF106067" i="1"/>
  <c r="AF106068" i="1"/>
  <c r="AF106069" i="1"/>
  <c r="AF106070" i="1"/>
  <c r="AF106071" i="1"/>
  <c r="AF106072" i="1"/>
  <c r="AF106073" i="1"/>
  <c r="AF106074" i="1"/>
  <c r="AF106075" i="1"/>
  <c r="AF106076" i="1"/>
  <c r="AF106077" i="1"/>
  <c r="AF106078" i="1"/>
  <c r="AF106079" i="1"/>
  <c r="AF106080" i="1"/>
  <c r="AF106081" i="1"/>
  <c r="AF106082" i="1"/>
  <c r="AF106083" i="1"/>
  <c r="AF106084" i="1"/>
  <c r="AF106085" i="1"/>
  <c r="AF106086" i="1"/>
  <c r="AF106087" i="1"/>
  <c r="AF106088" i="1"/>
  <c r="AF106089" i="1"/>
  <c r="AF106090" i="1"/>
  <c r="AF106091" i="1"/>
  <c r="AF106092" i="1"/>
  <c r="AF106093" i="1"/>
  <c r="AF106094" i="1"/>
  <c r="AF106095" i="1"/>
  <c r="AF106096" i="1"/>
  <c r="AF106097" i="1"/>
  <c r="AF106098" i="1"/>
  <c r="AF106099" i="1"/>
  <c r="AF106100" i="1"/>
  <c r="AF106101" i="1"/>
  <c r="AF106102" i="1"/>
  <c r="AF106103" i="1"/>
  <c r="AF106104" i="1"/>
  <c r="AF106105" i="1"/>
  <c r="AF106106" i="1"/>
  <c r="AF106107" i="1"/>
  <c r="AF106108" i="1"/>
  <c r="AF106109" i="1"/>
  <c r="AF106110" i="1"/>
  <c r="AF106111" i="1"/>
  <c r="AF106112" i="1"/>
  <c r="AF106113" i="1"/>
  <c r="AF106114" i="1"/>
  <c r="AF106115" i="1"/>
  <c r="AF106116" i="1"/>
  <c r="AF106117" i="1"/>
  <c r="AF106118" i="1"/>
  <c r="AF106119" i="1"/>
  <c r="AF106120" i="1"/>
  <c r="AF106121" i="1"/>
  <c r="AF106122" i="1"/>
  <c r="AF106123" i="1"/>
  <c r="AF106124" i="1"/>
  <c r="AF106125" i="1"/>
  <c r="AF106126" i="1"/>
  <c r="AF106127" i="1"/>
  <c r="AF106128" i="1"/>
  <c r="AF106129" i="1"/>
  <c r="AF106130" i="1"/>
  <c r="AF106131" i="1"/>
  <c r="AF106132" i="1"/>
  <c r="AF106133" i="1"/>
  <c r="AF106134" i="1"/>
  <c r="AF106135" i="1"/>
  <c r="AF106136" i="1"/>
  <c r="AF106137" i="1"/>
  <c r="AF106138" i="1"/>
  <c r="AF106139" i="1"/>
  <c r="AF106140" i="1"/>
  <c r="AF106141" i="1"/>
  <c r="AF106142" i="1"/>
  <c r="AF106143" i="1"/>
  <c r="AF106144" i="1"/>
  <c r="AF106145" i="1"/>
  <c r="AF106146" i="1"/>
  <c r="AF106147" i="1"/>
  <c r="AF106148" i="1"/>
  <c r="AF106149" i="1"/>
  <c r="AF106150" i="1"/>
  <c r="AF106151" i="1"/>
  <c r="AF106152" i="1"/>
  <c r="AF106153" i="1"/>
  <c r="AF106154" i="1"/>
  <c r="AF106155" i="1"/>
  <c r="AF106156" i="1"/>
  <c r="AF106157" i="1"/>
  <c r="AF106158" i="1"/>
  <c r="AF106159" i="1"/>
  <c r="AF106160" i="1"/>
  <c r="AF106161" i="1"/>
  <c r="AF106162" i="1"/>
  <c r="AF106163" i="1"/>
  <c r="AF106164" i="1"/>
  <c r="AF106165" i="1"/>
  <c r="AF106166" i="1"/>
  <c r="AF106167" i="1"/>
  <c r="AF106168" i="1"/>
  <c r="AF106169" i="1"/>
  <c r="AF106170" i="1"/>
  <c r="AF106171" i="1"/>
  <c r="AF106172" i="1"/>
  <c r="AF106173" i="1"/>
  <c r="AF106174" i="1"/>
  <c r="AF106175" i="1"/>
  <c r="AF106176" i="1"/>
  <c r="AF106177" i="1"/>
  <c r="AF106178" i="1"/>
  <c r="AF106179" i="1"/>
  <c r="AF106180" i="1"/>
  <c r="AF106181" i="1"/>
  <c r="AF106182" i="1"/>
  <c r="AF106183" i="1"/>
  <c r="AF106184" i="1"/>
  <c r="AF106185" i="1"/>
  <c r="AF106186" i="1"/>
  <c r="AF106187" i="1"/>
  <c r="AF106188" i="1"/>
  <c r="AF106189" i="1"/>
  <c r="AF106190" i="1"/>
  <c r="AF106191" i="1"/>
  <c r="AF106192" i="1"/>
  <c r="AF106193" i="1"/>
  <c r="AF106194" i="1"/>
  <c r="AF106195" i="1"/>
  <c r="AF106196" i="1"/>
  <c r="AF106197" i="1"/>
  <c r="AF106198" i="1"/>
  <c r="AF106199" i="1"/>
  <c r="AF106200" i="1"/>
  <c r="AF106201" i="1"/>
  <c r="AF106202" i="1"/>
  <c r="AF106203" i="1"/>
  <c r="AF106204" i="1"/>
  <c r="AF106205" i="1"/>
  <c r="AF106206" i="1"/>
  <c r="AF106207" i="1"/>
  <c r="AF106208" i="1"/>
  <c r="AF106209" i="1"/>
  <c r="AF106210" i="1"/>
  <c r="AF106211" i="1"/>
  <c r="AF106212" i="1"/>
  <c r="AF106213" i="1"/>
  <c r="AF106214" i="1"/>
  <c r="AF106215" i="1"/>
  <c r="AF106216" i="1"/>
  <c r="AF106217" i="1"/>
  <c r="AF106218" i="1"/>
  <c r="AF106219" i="1"/>
  <c r="AF106220" i="1"/>
  <c r="AF106221" i="1"/>
  <c r="AF106222" i="1"/>
  <c r="AF106223" i="1"/>
  <c r="AF106224" i="1"/>
  <c r="AF106225" i="1"/>
  <c r="AF106226" i="1"/>
  <c r="AF106227" i="1"/>
  <c r="AF106228" i="1"/>
  <c r="AF106229" i="1"/>
  <c r="AF106230" i="1"/>
  <c r="AF106231" i="1"/>
  <c r="AF106232" i="1"/>
  <c r="AF106233" i="1"/>
  <c r="AF106234" i="1"/>
  <c r="AF106235" i="1"/>
  <c r="AF106236" i="1"/>
  <c r="AF106237" i="1"/>
  <c r="AF106238" i="1"/>
  <c r="AF106239" i="1"/>
  <c r="AF106240" i="1"/>
  <c r="AF106241" i="1"/>
  <c r="AF106242" i="1"/>
  <c r="AF106243" i="1"/>
  <c r="AF106244" i="1"/>
  <c r="AF106245" i="1"/>
  <c r="AF106246" i="1"/>
  <c r="AF106247" i="1"/>
  <c r="AF106248" i="1"/>
  <c r="AF106249" i="1"/>
  <c r="AF106250" i="1"/>
  <c r="AF106251" i="1"/>
  <c r="AF106252" i="1"/>
  <c r="AF106253" i="1"/>
  <c r="AF106254" i="1"/>
  <c r="AF106255" i="1"/>
  <c r="AF106256" i="1"/>
  <c r="AF106257" i="1"/>
  <c r="AF106258" i="1"/>
  <c r="AF106259" i="1"/>
  <c r="AF106260" i="1"/>
  <c r="AF106261" i="1"/>
  <c r="AF106262" i="1"/>
  <c r="AF106263" i="1"/>
  <c r="AF106264" i="1"/>
  <c r="AF106265" i="1"/>
  <c r="AF106266" i="1"/>
  <c r="AF106267" i="1"/>
  <c r="AF106268" i="1"/>
  <c r="AF106269" i="1"/>
  <c r="AF106270" i="1"/>
  <c r="AF106271" i="1"/>
  <c r="AF106272" i="1"/>
  <c r="AF106273" i="1"/>
  <c r="AF106274" i="1"/>
  <c r="AF106275" i="1"/>
  <c r="AF106276" i="1"/>
  <c r="AF106277" i="1"/>
  <c r="AF106278" i="1"/>
  <c r="AF106279" i="1"/>
  <c r="AF106280" i="1"/>
  <c r="AF106281" i="1"/>
  <c r="AF106282" i="1"/>
  <c r="AF106283" i="1"/>
  <c r="AF106284" i="1"/>
  <c r="AF106285" i="1"/>
  <c r="AF106286" i="1"/>
  <c r="AF106287" i="1"/>
  <c r="AF106288" i="1"/>
  <c r="AF106289" i="1"/>
  <c r="AF106290" i="1"/>
  <c r="AF106291" i="1"/>
  <c r="AF106292" i="1"/>
  <c r="AF106293" i="1"/>
  <c r="AF106294" i="1"/>
  <c r="AF106295" i="1"/>
  <c r="AF106296" i="1"/>
  <c r="AF106297" i="1"/>
  <c r="AF106298" i="1"/>
  <c r="AF106299" i="1"/>
  <c r="AF106300" i="1"/>
  <c r="AF106301" i="1"/>
  <c r="AF106302" i="1"/>
  <c r="AF106303" i="1"/>
  <c r="AF106304" i="1"/>
  <c r="AF106305" i="1"/>
  <c r="AF106306" i="1"/>
  <c r="AF106307" i="1"/>
  <c r="AF106308" i="1"/>
  <c r="AF106309" i="1"/>
  <c r="AF106310" i="1"/>
  <c r="AF106311" i="1"/>
  <c r="AF106312" i="1"/>
  <c r="AF106313" i="1"/>
  <c r="AF106314" i="1"/>
  <c r="AF106315" i="1"/>
  <c r="AF106316" i="1"/>
  <c r="AF106317" i="1"/>
  <c r="AF106318" i="1"/>
  <c r="AF106319" i="1"/>
  <c r="AF106320" i="1"/>
  <c r="AF106321" i="1"/>
  <c r="AF106322" i="1"/>
  <c r="AF106323" i="1"/>
  <c r="AF106324" i="1"/>
  <c r="AF106325" i="1"/>
  <c r="AF106326" i="1"/>
  <c r="AF106327" i="1"/>
  <c r="AF106328" i="1"/>
  <c r="AF106329" i="1"/>
  <c r="AF106330" i="1"/>
  <c r="AF106331" i="1"/>
  <c r="AF106332" i="1"/>
  <c r="AF106333" i="1"/>
  <c r="AF106334" i="1"/>
  <c r="AF106335" i="1"/>
  <c r="AF106336" i="1"/>
  <c r="AF106337" i="1"/>
  <c r="AF106338" i="1"/>
  <c r="AF106339" i="1"/>
  <c r="AF106340" i="1"/>
  <c r="AF106341" i="1"/>
  <c r="AF106342" i="1"/>
  <c r="AF106343" i="1"/>
  <c r="AF106344" i="1"/>
  <c r="AF106345" i="1"/>
  <c r="AF106346" i="1"/>
  <c r="AF106347" i="1"/>
  <c r="AF106348" i="1"/>
  <c r="AF106349" i="1"/>
  <c r="AF106350" i="1"/>
  <c r="AF106351" i="1"/>
  <c r="AF106352" i="1"/>
  <c r="AF106353" i="1"/>
  <c r="AF106354" i="1"/>
  <c r="AF106355" i="1"/>
  <c r="AF106356" i="1"/>
  <c r="AF106357" i="1"/>
  <c r="AF106358" i="1"/>
  <c r="AF106359" i="1"/>
  <c r="AF106360" i="1"/>
  <c r="AF106361" i="1"/>
  <c r="AF106362" i="1"/>
  <c r="AF106363" i="1"/>
  <c r="AF106364" i="1"/>
  <c r="AF106365" i="1"/>
  <c r="AF106366" i="1"/>
  <c r="AF106367" i="1"/>
  <c r="AF106368" i="1"/>
  <c r="AF106369" i="1"/>
  <c r="AF106370" i="1"/>
  <c r="AF106371" i="1"/>
  <c r="AF106372" i="1"/>
  <c r="AF106373" i="1"/>
  <c r="AF106374" i="1"/>
  <c r="AF106375" i="1"/>
  <c r="AF106376" i="1"/>
  <c r="AF106377" i="1"/>
  <c r="AF106378" i="1"/>
  <c r="AF106379" i="1"/>
  <c r="AF106380" i="1"/>
  <c r="AF106381" i="1"/>
  <c r="AF106382" i="1"/>
  <c r="AF106383" i="1"/>
  <c r="AF106384" i="1"/>
  <c r="AF106385" i="1"/>
  <c r="AF106386" i="1"/>
  <c r="AF106387" i="1"/>
  <c r="AF106388" i="1"/>
  <c r="AF106389" i="1"/>
  <c r="AF106390" i="1"/>
  <c r="AF106391" i="1"/>
  <c r="AF106392" i="1"/>
  <c r="AF106393" i="1"/>
  <c r="AF106394" i="1"/>
  <c r="AF106395" i="1"/>
  <c r="AF106396" i="1"/>
  <c r="AF106397" i="1"/>
  <c r="AF106398" i="1"/>
  <c r="AF106399" i="1"/>
  <c r="AF106400" i="1"/>
  <c r="AF106401" i="1"/>
  <c r="AF106402" i="1"/>
  <c r="AF106403" i="1"/>
  <c r="AF106404" i="1"/>
  <c r="AF106405" i="1"/>
  <c r="AF106406" i="1"/>
  <c r="AF106407" i="1"/>
  <c r="AF106408" i="1"/>
  <c r="AF106409" i="1"/>
  <c r="AF106410" i="1"/>
  <c r="AF106411" i="1"/>
  <c r="AF106412" i="1"/>
  <c r="AF106413" i="1"/>
  <c r="AF106414" i="1"/>
  <c r="AF106415" i="1"/>
  <c r="AF106416" i="1"/>
  <c r="AF106417" i="1"/>
  <c r="AF106418" i="1"/>
  <c r="AF106419" i="1"/>
  <c r="AF106420" i="1"/>
  <c r="AF106421" i="1"/>
  <c r="AF106422" i="1"/>
  <c r="AF106423" i="1"/>
  <c r="AF106424" i="1"/>
  <c r="AF106425" i="1"/>
  <c r="AF106426" i="1"/>
  <c r="AF106427" i="1"/>
  <c r="AF106428" i="1"/>
  <c r="AF106429" i="1"/>
  <c r="AF106430" i="1"/>
  <c r="AF106431" i="1"/>
  <c r="AF106432" i="1"/>
  <c r="AF106433" i="1"/>
  <c r="AF106434" i="1"/>
  <c r="AF106435" i="1"/>
  <c r="AF106436" i="1"/>
  <c r="AF106437" i="1"/>
  <c r="AF106438" i="1"/>
  <c r="AF106439" i="1"/>
  <c r="AF106440" i="1"/>
  <c r="AF106441" i="1"/>
  <c r="AF106442" i="1"/>
  <c r="AF106443" i="1"/>
  <c r="AF106444" i="1"/>
  <c r="AF106445" i="1"/>
  <c r="AF106446" i="1"/>
  <c r="AF106447" i="1"/>
  <c r="AF106448" i="1"/>
  <c r="AF106449" i="1"/>
  <c r="AF106450" i="1"/>
  <c r="AF106451" i="1"/>
  <c r="AF106452" i="1"/>
  <c r="AF106453" i="1"/>
  <c r="AF106454" i="1"/>
  <c r="AF106455" i="1"/>
  <c r="AF106456" i="1"/>
  <c r="AF106457" i="1"/>
  <c r="AF106458" i="1"/>
  <c r="AF106459" i="1"/>
  <c r="AF106460" i="1"/>
  <c r="AF106461" i="1"/>
  <c r="AF106462" i="1"/>
  <c r="AF106463" i="1"/>
  <c r="AF106464" i="1"/>
  <c r="AF106465" i="1"/>
  <c r="AF106466" i="1"/>
  <c r="AF106467" i="1"/>
  <c r="AF106468" i="1"/>
  <c r="AF106469" i="1"/>
  <c r="AF106470" i="1"/>
  <c r="AF106471" i="1"/>
  <c r="AF106472" i="1"/>
  <c r="AF106473" i="1"/>
  <c r="AF106474" i="1"/>
  <c r="AF106475" i="1"/>
  <c r="AF106476" i="1"/>
  <c r="AF106477" i="1"/>
  <c r="AF106478" i="1"/>
  <c r="AF106479" i="1"/>
  <c r="AF106480" i="1"/>
  <c r="AF106481" i="1"/>
  <c r="AF106482" i="1"/>
  <c r="AF106483" i="1"/>
  <c r="AF106484" i="1"/>
  <c r="AF106485" i="1"/>
  <c r="AF106486" i="1"/>
  <c r="AF106487" i="1"/>
  <c r="AF106488" i="1"/>
  <c r="AF106489" i="1"/>
  <c r="AF106490" i="1"/>
  <c r="AF106491" i="1"/>
  <c r="AF106492" i="1"/>
  <c r="AF106493" i="1"/>
  <c r="AF106494" i="1"/>
  <c r="AF106495" i="1"/>
  <c r="AF106496" i="1"/>
  <c r="AF106497" i="1"/>
  <c r="AF106498" i="1"/>
  <c r="AF106499" i="1"/>
  <c r="AF106500" i="1"/>
  <c r="AF106501" i="1"/>
  <c r="AF106502" i="1"/>
  <c r="AF106503" i="1"/>
  <c r="AF106504" i="1"/>
  <c r="AF106505" i="1"/>
  <c r="AF106506" i="1"/>
  <c r="AF106507" i="1"/>
  <c r="AF106508" i="1"/>
  <c r="AF106509" i="1"/>
  <c r="AF106510" i="1"/>
  <c r="AF106511" i="1"/>
  <c r="AF106512" i="1"/>
  <c r="AF106513" i="1"/>
  <c r="AF106514" i="1"/>
  <c r="AF106515" i="1"/>
  <c r="AF106516" i="1"/>
  <c r="AF106517" i="1"/>
  <c r="AF106518" i="1"/>
  <c r="AF106519" i="1"/>
  <c r="AF106520" i="1"/>
  <c r="AF106521" i="1"/>
  <c r="AF106522" i="1"/>
  <c r="AF106523" i="1"/>
  <c r="AF106524" i="1"/>
  <c r="AF106525" i="1"/>
  <c r="AF106526" i="1"/>
  <c r="AF106527" i="1"/>
  <c r="AF106528" i="1"/>
  <c r="AF106529" i="1"/>
  <c r="AF106530" i="1"/>
  <c r="AF106531" i="1"/>
  <c r="AF106532" i="1"/>
  <c r="AF106533" i="1"/>
  <c r="AF106534" i="1"/>
  <c r="AF106535" i="1"/>
  <c r="AF106536" i="1"/>
  <c r="AF106537" i="1"/>
  <c r="AF106538" i="1"/>
  <c r="AF106539" i="1"/>
  <c r="AF106540" i="1"/>
  <c r="AF106541" i="1"/>
  <c r="AF106542" i="1"/>
  <c r="AF106543" i="1"/>
  <c r="AF106544" i="1"/>
  <c r="AF106545" i="1"/>
  <c r="AF106546" i="1"/>
  <c r="AF106547" i="1"/>
  <c r="AF106548" i="1"/>
  <c r="AF106549" i="1"/>
  <c r="AF106550" i="1"/>
  <c r="AF106551" i="1"/>
  <c r="AF106552" i="1"/>
  <c r="AF106553" i="1"/>
  <c r="AF106554" i="1"/>
  <c r="AF106555" i="1"/>
  <c r="AF106556" i="1"/>
  <c r="AF106557" i="1"/>
  <c r="AF106558" i="1"/>
  <c r="AF106559" i="1"/>
  <c r="AF106560" i="1"/>
  <c r="AF106561" i="1"/>
  <c r="AF106562" i="1"/>
  <c r="AF106563" i="1"/>
  <c r="AF106564" i="1"/>
  <c r="AF106565" i="1"/>
  <c r="AF106566" i="1"/>
  <c r="AF106567" i="1"/>
  <c r="AF106568" i="1"/>
  <c r="AF106569" i="1"/>
  <c r="AF106570" i="1"/>
  <c r="AF106571" i="1"/>
  <c r="AF106572" i="1"/>
  <c r="AF106573" i="1"/>
  <c r="AF106574" i="1"/>
  <c r="AF106575" i="1"/>
  <c r="AF106576" i="1"/>
  <c r="AF106577" i="1"/>
  <c r="AF106578" i="1"/>
  <c r="AF106579" i="1"/>
  <c r="AF106580" i="1"/>
  <c r="AF106581" i="1"/>
  <c r="AF106582" i="1"/>
  <c r="AF106583" i="1"/>
  <c r="AF106584" i="1"/>
  <c r="AF106585" i="1"/>
  <c r="AF106586" i="1"/>
  <c r="AF106587" i="1"/>
  <c r="AF106588" i="1"/>
  <c r="AF106589" i="1"/>
  <c r="AF106590" i="1"/>
  <c r="AF106591" i="1"/>
  <c r="AF106592" i="1"/>
  <c r="AF106593" i="1"/>
  <c r="AF106594" i="1"/>
  <c r="AF106595" i="1"/>
  <c r="AF106596" i="1"/>
  <c r="AF106597" i="1"/>
  <c r="AF106598" i="1"/>
  <c r="AF106599" i="1"/>
  <c r="AF106600" i="1"/>
  <c r="AF106601" i="1"/>
  <c r="AF106602" i="1"/>
  <c r="AF106603" i="1"/>
  <c r="AF106604" i="1"/>
  <c r="AF106605" i="1"/>
  <c r="AF106606" i="1"/>
  <c r="AF106607" i="1"/>
  <c r="AF106608" i="1"/>
  <c r="AF106609" i="1"/>
  <c r="AF106610" i="1"/>
  <c r="AF106611" i="1"/>
  <c r="AF106612" i="1"/>
  <c r="AF106613" i="1"/>
  <c r="AF106614" i="1"/>
  <c r="AF106615" i="1"/>
  <c r="AF106616" i="1"/>
  <c r="AF106617" i="1"/>
  <c r="AF106618" i="1"/>
  <c r="AF106619" i="1"/>
  <c r="AF106620" i="1"/>
  <c r="AF106621" i="1"/>
  <c r="AF106622" i="1"/>
  <c r="AF106623" i="1"/>
  <c r="AF106624" i="1"/>
  <c r="AF106625" i="1"/>
  <c r="AF106626" i="1"/>
  <c r="AF106627" i="1"/>
  <c r="AF106628" i="1"/>
  <c r="AF106629" i="1"/>
  <c r="AF106630" i="1"/>
  <c r="AF106631" i="1"/>
  <c r="AF106632" i="1"/>
  <c r="AF106633" i="1"/>
  <c r="AF106634" i="1"/>
  <c r="AF106635" i="1"/>
  <c r="AF106636" i="1"/>
  <c r="AF106637" i="1"/>
  <c r="AF106638" i="1"/>
  <c r="AF106639" i="1"/>
  <c r="AF106640" i="1"/>
  <c r="AF106641" i="1"/>
  <c r="AF106642" i="1"/>
  <c r="AF106643" i="1"/>
  <c r="AF106644" i="1"/>
  <c r="AF106645" i="1"/>
  <c r="AF106646" i="1"/>
  <c r="AF106647" i="1"/>
  <c r="AF106648" i="1"/>
  <c r="AF106649" i="1"/>
  <c r="AF106650" i="1"/>
  <c r="AF106651" i="1"/>
  <c r="AF106652" i="1"/>
  <c r="AF106653" i="1"/>
  <c r="AF106654" i="1"/>
  <c r="AF106655" i="1"/>
  <c r="AF106656" i="1"/>
  <c r="AF106657" i="1"/>
  <c r="AF106658" i="1"/>
  <c r="AF106659" i="1"/>
  <c r="AF106660" i="1"/>
  <c r="AF106661" i="1"/>
  <c r="AF106662" i="1"/>
  <c r="AF106663" i="1"/>
  <c r="AF106664" i="1"/>
  <c r="AF106665" i="1"/>
  <c r="AF106666" i="1"/>
  <c r="AF106667" i="1"/>
  <c r="AF106668" i="1"/>
  <c r="AF106669" i="1"/>
  <c r="AF106670" i="1"/>
  <c r="AF106671" i="1"/>
  <c r="AF106672" i="1"/>
  <c r="AF106673" i="1"/>
  <c r="AF106674" i="1"/>
  <c r="AF106675" i="1"/>
  <c r="AF106676" i="1"/>
  <c r="AF106677" i="1"/>
  <c r="AF106678" i="1"/>
  <c r="AF106679" i="1"/>
  <c r="AF106680" i="1"/>
  <c r="AF106681" i="1"/>
  <c r="AF106682" i="1"/>
  <c r="AF106683" i="1"/>
  <c r="AF106684" i="1"/>
  <c r="AF106685" i="1"/>
  <c r="AF106686" i="1"/>
  <c r="AF106687" i="1"/>
  <c r="AF106688" i="1"/>
  <c r="AF106689" i="1"/>
  <c r="AF106690" i="1"/>
  <c r="AF106691" i="1"/>
  <c r="AF106692" i="1"/>
  <c r="AF106693" i="1"/>
  <c r="AF106694" i="1"/>
  <c r="AF106695" i="1"/>
  <c r="AF106696" i="1"/>
  <c r="AF106697" i="1"/>
  <c r="AF106698" i="1"/>
  <c r="AF106699" i="1"/>
  <c r="AF106700" i="1"/>
  <c r="AF106701" i="1"/>
  <c r="AF106702" i="1"/>
  <c r="AF106703" i="1"/>
  <c r="AF106704" i="1"/>
  <c r="AF106705" i="1"/>
  <c r="AF106706" i="1"/>
  <c r="AF106707" i="1"/>
  <c r="AF106708" i="1"/>
  <c r="AF106709" i="1"/>
  <c r="AF106710" i="1"/>
  <c r="AF106711" i="1"/>
  <c r="AF106712" i="1"/>
  <c r="AF106713" i="1"/>
  <c r="AF106714" i="1"/>
  <c r="AF106715" i="1"/>
  <c r="AF106716" i="1"/>
  <c r="AF106717" i="1"/>
  <c r="AF106718" i="1"/>
  <c r="AF106719" i="1"/>
  <c r="AF106720" i="1"/>
  <c r="AF106721" i="1"/>
  <c r="AF106722" i="1"/>
  <c r="AF106723" i="1"/>
  <c r="AF106724" i="1"/>
  <c r="AF106725" i="1"/>
  <c r="AF106726" i="1"/>
  <c r="AF106727" i="1"/>
  <c r="AF106728" i="1"/>
  <c r="AF106729" i="1"/>
  <c r="AF106730" i="1"/>
  <c r="AF106731" i="1"/>
  <c r="AF106732" i="1"/>
  <c r="AF106733" i="1"/>
  <c r="AF106734" i="1"/>
  <c r="AF106735" i="1"/>
  <c r="AF106736" i="1"/>
  <c r="AF106737" i="1"/>
  <c r="AF106738" i="1"/>
  <c r="AF106739" i="1"/>
  <c r="AF106740" i="1"/>
  <c r="AF106741" i="1"/>
  <c r="AF106742" i="1"/>
  <c r="AF106743" i="1"/>
  <c r="AF106744" i="1"/>
  <c r="AF106745" i="1"/>
  <c r="AF106746" i="1"/>
  <c r="AF106747" i="1"/>
  <c r="AF106748" i="1"/>
  <c r="AF106749" i="1"/>
  <c r="AF106750" i="1"/>
  <c r="AF106751" i="1"/>
  <c r="AF106752" i="1"/>
  <c r="AF106753" i="1"/>
  <c r="AF106754" i="1"/>
  <c r="AF106755" i="1"/>
  <c r="AF106756" i="1"/>
  <c r="AF106757" i="1"/>
  <c r="AF106758" i="1"/>
  <c r="AF106759" i="1"/>
  <c r="AF106760" i="1"/>
  <c r="AF106761" i="1"/>
  <c r="AF106762" i="1"/>
  <c r="AF106763" i="1"/>
  <c r="AF106764" i="1"/>
  <c r="AF106765" i="1"/>
  <c r="AF106766" i="1"/>
  <c r="AF106767" i="1"/>
  <c r="AF106768" i="1"/>
  <c r="AF106769" i="1"/>
  <c r="AF106770" i="1"/>
  <c r="AF106771" i="1"/>
  <c r="AF106772" i="1"/>
  <c r="AF106773" i="1"/>
  <c r="AF106774" i="1"/>
  <c r="AF106775" i="1"/>
  <c r="AF106776" i="1"/>
  <c r="AF106777" i="1"/>
  <c r="AF106778" i="1"/>
  <c r="AF106779" i="1"/>
  <c r="AF106780" i="1"/>
  <c r="AF106781" i="1"/>
  <c r="AF106782" i="1"/>
  <c r="AF106783" i="1"/>
  <c r="AF106784" i="1"/>
  <c r="AF106785" i="1"/>
  <c r="AF106786" i="1"/>
  <c r="AF106787" i="1"/>
  <c r="AF106788" i="1"/>
  <c r="AF106789" i="1"/>
  <c r="AF106790" i="1"/>
  <c r="AF106791" i="1"/>
  <c r="AF106792" i="1"/>
  <c r="AF106793" i="1"/>
  <c r="AF106794" i="1"/>
  <c r="AF106795" i="1"/>
  <c r="AF106796" i="1"/>
  <c r="AF106797" i="1"/>
  <c r="AF106798" i="1"/>
  <c r="AF106799" i="1"/>
  <c r="AF106800" i="1"/>
  <c r="AF106801" i="1"/>
  <c r="AF106802" i="1"/>
  <c r="AF106803" i="1"/>
  <c r="AF106804" i="1"/>
  <c r="AF106805" i="1"/>
  <c r="AF106806" i="1"/>
  <c r="AF106807" i="1"/>
  <c r="AF106808" i="1"/>
  <c r="AF106809" i="1"/>
  <c r="AF106810" i="1"/>
  <c r="AF106811" i="1"/>
  <c r="AF106812" i="1"/>
  <c r="AF106813" i="1"/>
  <c r="AF106814" i="1"/>
  <c r="AF106815" i="1"/>
  <c r="AF106816" i="1"/>
  <c r="AF106817" i="1"/>
  <c r="AF106818" i="1"/>
  <c r="AF106819" i="1"/>
  <c r="AF106820" i="1"/>
  <c r="AF106821" i="1"/>
  <c r="AF106822" i="1"/>
  <c r="AF106823" i="1"/>
  <c r="AF106824" i="1"/>
  <c r="AF106825" i="1"/>
  <c r="AF106826" i="1"/>
  <c r="AF106827" i="1"/>
  <c r="AF106828" i="1"/>
  <c r="AF106829" i="1"/>
  <c r="AF106830" i="1"/>
  <c r="AF106831" i="1"/>
  <c r="AF106832" i="1"/>
  <c r="AF106833" i="1"/>
  <c r="AF106834" i="1"/>
  <c r="AF106835" i="1"/>
  <c r="AF106836" i="1"/>
  <c r="AF106837" i="1"/>
  <c r="AF106838" i="1"/>
  <c r="AF106839" i="1"/>
  <c r="AF106840" i="1"/>
  <c r="AF106841" i="1"/>
  <c r="AF106842" i="1"/>
  <c r="AF106843" i="1"/>
  <c r="AF106844" i="1"/>
  <c r="AF106845" i="1"/>
  <c r="AF106846" i="1"/>
  <c r="AF106847" i="1"/>
  <c r="AF106848" i="1"/>
  <c r="AF106849" i="1"/>
  <c r="AF106850" i="1"/>
  <c r="AF106851" i="1"/>
  <c r="AF106852" i="1"/>
  <c r="AF106853" i="1"/>
  <c r="AF106854" i="1"/>
  <c r="AF106855" i="1"/>
  <c r="AF106856" i="1"/>
  <c r="AF106857" i="1"/>
  <c r="AF106858" i="1"/>
  <c r="AF106859" i="1"/>
  <c r="AF106860" i="1"/>
  <c r="AF106861" i="1"/>
  <c r="AF106862" i="1"/>
  <c r="AF106863" i="1"/>
  <c r="AF106864" i="1"/>
  <c r="AF106865" i="1"/>
  <c r="AF106866" i="1"/>
  <c r="AF106867" i="1"/>
  <c r="AF106868" i="1"/>
  <c r="AF106869" i="1"/>
  <c r="AF106870" i="1"/>
  <c r="AF106871" i="1"/>
  <c r="AF106872" i="1"/>
  <c r="AF106873" i="1"/>
  <c r="AF106874" i="1"/>
  <c r="AF106875" i="1"/>
  <c r="AF106876" i="1"/>
  <c r="AF106877" i="1"/>
  <c r="AF106878" i="1"/>
  <c r="AF106879" i="1"/>
  <c r="AF106880" i="1"/>
  <c r="AF106881" i="1"/>
  <c r="AF106882" i="1"/>
  <c r="AF106883" i="1"/>
  <c r="AF106884" i="1"/>
  <c r="AF106885" i="1"/>
  <c r="AF106886" i="1"/>
  <c r="AF106887" i="1"/>
  <c r="AF106888" i="1"/>
  <c r="AF106889" i="1"/>
  <c r="AF106890" i="1"/>
  <c r="AF106891" i="1"/>
  <c r="AF106892" i="1"/>
  <c r="AF106893" i="1"/>
  <c r="AF106894" i="1"/>
  <c r="AF106895" i="1"/>
  <c r="AF106896" i="1"/>
  <c r="AF106897" i="1"/>
  <c r="AF106898" i="1"/>
  <c r="AF106899" i="1"/>
  <c r="AF106900" i="1"/>
  <c r="AF106901" i="1"/>
  <c r="AF106902" i="1"/>
  <c r="AF106903" i="1"/>
  <c r="AF106904" i="1"/>
  <c r="AF106905" i="1"/>
  <c r="AF106906" i="1"/>
  <c r="AF106907" i="1"/>
  <c r="AF106908" i="1"/>
  <c r="AF106909" i="1"/>
  <c r="AF106910" i="1"/>
  <c r="AF106911" i="1"/>
  <c r="AF106912" i="1"/>
  <c r="AF106913" i="1"/>
  <c r="AF106914" i="1"/>
  <c r="AF106915" i="1"/>
  <c r="AF106916" i="1"/>
  <c r="AF106917" i="1"/>
  <c r="AF106918" i="1"/>
  <c r="AF106919" i="1"/>
  <c r="AF106920" i="1"/>
  <c r="AF106921" i="1"/>
  <c r="AF106922" i="1"/>
  <c r="AF106923" i="1"/>
  <c r="AF106924" i="1"/>
  <c r="AF106925" i="1"/>
  <c r="AF106926" i="1"/>
  <c r="AF106927" i="1"/>
  <c r="AF106928" i="1"/>
  <c r="AF106929" i="1"/>
  <c r="AF106930" i="1"/>
  <c r="AF106931" i="1"/>
  <c r="AF106932" i="1"/>
  <c r="AF106933" i="1"/>
  <c r="AF106934" i="1"/>
  <c r="AF106935" i="1"/>
  <c r="AF106936" i="1"/>
  <c r="AF106937" i="1"/>
  <c r="AF106938" i="1"/>
  <c r="AF106939" i="1"/>
  <c r="AF106940" i="1"/>
  <c r="AF106941" i="1"/>
  <c r="AF106942" i="1"/>
  <c r="AF106943" i="1"/>
  <c r="AF106944" i="1"/>
  <c r="AF106945" i="1"/>
  <c r="AF106946" i="1"/>
  <c r="AF106947" i="1"/>
  <c r="AF106948" i="1"/>
  <c r="AF106949" i="1"/>
  <c r="AF106950" i="1"/>
  <c r="AF106951" i="1"/>
  <c r="AF106952" i="1"/>
  <c r="AF106953" i="1"/>
  <c r="AF106954" i="1"/>
  <c r="AF106955" i="1"/>
  <c r="AF106956" i="1"/>
  <c r="AF106957" i="1"/>
  <c r="AF106958" i="1"/>
  <c r="AF106959" i="1"/>
  <c r="AF106960" i="1"/>
  <c r="AF106961" i="1"/>
  <c r="AF106962" i="1"/>
  <c r="AF106963" i="1"/>
  <c r="AF106964" i="1"/>
  <c r="AF106965" i="1"/>
  <c r="AF106966" i="1"/>
  <c r="AF106967" i="1"/>
  <c r="AF106968" i="1"/>
  <c r="AF106969" i="1"/>
  <c r="AF106970" i="1"/>
  <c r="AF106971" i="1"/>
  <c r="AF106972" i="1"/>
  <c r="AF106973" i="1"/>
  <c r="AF106974" i="1"/>
  <c r="AF106975" i="1"/>
  <c r="AF106976" i="1"/>
  <c r="AF106977" i="1"/>
  <c r="AF106978" i="1"/>
  <c r="AF106979" i="1"/>
  <c r="AF106980" i="1"/>
  <c r="AF106981" i="1"/>
  <c r="AF106982" i="1"/>
  <c r="AF106983" i="1"/>
  <c r="AF106984" i="1"/>
  <c r="AF106985" i="1"/>
  <c r="AF106986" i="1"/>
  <c r="AF106987" i="1"/>
  <c r="AF106988" i="1"/>
  <c r="AF106989" i="1"/>
  <c r="AF106990" i="1"/>
  <c r="AF106991" i="1"/>
  <c r="AF106992" i="1"/>
  <c r="AF106993" i="1"/>
  <c r="AF106994" i="1"/>
  <c r="AF106995" i="1"/>
  <c r="AF106996" i="1"/>
  <c r="AF106997" i="1"/>
  <c r="AF106998" i="1"/>
  <c r="AF106999" i="1"/>
  <c r="AF107000" i="1"/>
  <c r="AF107001" i="1"/>
  <c r="AF107002" i="1"/>
  <c r="AF107003" i="1"/>
  <c r="AF107004" i="1"/>
  <c r="AF107005" i="1"/>
  <c r="AF107006" i="1"/>
  <c r="AF107007" i="1"/>
  <c r="AF107008" i="1"/>
  <c r="AF107009" i="1"/>
  <c r="AF107010" i="1"/>
  <c r="AF107011" i="1"/>
  <c r="AF107012" i="1"/>
  <c r="AF107013" i="1"/>
  <c r="AF107014" i="1"/>
  <c r="AF107015" i="1"/>
  <c r="AF107016" i="1"/>
  <c r="AF107017" i="1"/>
  <c r="AF107018" i="1"/>
  <c r="AF107019" i="1"/>
  <c r="AF107020" i="1"/>
  <c r="AF107021" i="1"/>
  <c r="AF107022" i="1"/>
  <c r="AF107023" i="1"/>
  <c r="AF107024" i="1"/>
  <c r="AF107025" i="1"/>
  <c r="AF107026" i="1"/>
  <c r="AF107027" i="1"/>
  <c r="AF107028" i="1"/>
  <c r="AF107029" i="1"/>
  <c r="AF107030" i="1"/>
  <c r="AF107031" i="1"/>
  <c r="AF107032" i="1"/>
  <c r="AF107033" i="1"/>
  <c r="AF107034" i="1"/>
  <c r="AF107035" i="1"/>
  <c r="AF107036" i="1"/>
  <c r="AF107037" i="1"/>
  <c r="AF107038" i="1"/>
  <c r="AF107039" i="1"/>
  <c r="AF107040" i="1"/>
  <c r="AF107041" i="1"/>
  <c r="AF107042" i="1"/>
  <c r="AF107043" i="1"/>
  <c r="AF107044" i="1"/>
  <c r="AF107045" i="1"/>
  <c r="AF107046" i="1"/>
  <c r="AF107047" i="1"/>
  <c r="AF107048" i="1"/>
  <c r="AF107049" i="1"/>
  <c r="AF107050" i="1"/>
  <c r="AF107051" i="1"/>
  <c r="AF107052" i="1"/>
  <c r="AF107053" i="1"/>
  <c r="AF107054" i="1"/>
  <c r="AF107055" i="1"/>
  <c r="AF107056" i="1"/>
  <c r="AF107057" i="1"/>
  <c r="AF107058" i="1"/>
  <c r="AF107059" i="1"/>
  <c r="AF107060" i="1"/>
  <c r="AF107061" i="1"/>
  <c r="AF107062" i="1"/>
  <c r="AF107063" i="1"/>
  <c r="AF107064" i="1"/>
  <c r="AF107065" i="1"/>
  <c r="AF107066" i="1"/>
  <c r="AF107067" i="1"/>
  <c r="AF107068" i="1"/>
  <c r="AF107069" i="1"/>
  <c r="AF107070" i="1"/>
  <c r="AF107071" i="1"/>
  <c r="AF107072" i="1"/>
  <c r="AF107073" i="1"/>
  <c r="AF107074" i="1"/>
  <c r="AF107075" i="1"/>
  <c r="AF107076" i="1"/>
  <c r="AF107077" i="1"/>
  <c r="AF107078" i="1"/>
  <c r="AF107079" i="1"/>
  <c r="AF107080" i="1"/>
  <c r="AF107081" i="1"/>
  <c r="AF107082" i="1"/>
  <c r="AF107083" i="1"/>
  <c r="AF107084" i="1"/>
  <c r="AF107085" i="1"/>
  <c r="AF107086" i="1"/>
  <c r="AF107087" i="1"/>
  <c r="AF107088" i="1"/>
  <c r="AF107089" i="1"/>
  <c r="AF107090" i="1"/>
  <c r="AF107091" i="1"/>
  <c r="AF107092" i="1"/>
  <c r="AF107093" i="1"/>
  <c r="AF107094" i="1"/>
  <c r="AF107095" i="1"/>
  <c r="AF107096" i="1"/>
  <c r="AF107097" i="1"/>
  <c r="AF107098" i="1"/>
  <c r="AF107099" i="1"/>
  <c r="AF107100" i="1"/>
  <c r="AF107101" i="1"/>
  <c r="AF107102" i="1"/>
  <c r="AF107103" i="1"/>
  <c r="AF107104" i="1"/>
  <c r="AF107105" i="1"/>
  <c r="AF107106" i="1"/>
  <c r="AF107107" i="1"/>
  <c r="AF107108" i="1"/>
  <c r="AF107109" i="1"/>
  <c r="AF107110" i="1"/>
  <c r="AF107111" i="1"/>
  <c r="AF107112" i="1"/>
  <c r="AF107113" i="1"/>
  <c r="AF107114" i="1"/>
  <c r="AF107115" i="1"/>
  <c r="AF107116" i="1"/>
  <c r="AF107117" i="1"/>
  <c r="AF107118" i="1"/>
  <c r="AF107119" i="1"/>
  <c r="AF107120" i="1"/>
  <c r="AF107121" i="1"/>
  <c r="AF107122" i="1"/>
  <c r="AF107123" i="1"/>
  <c r="AF107124" i="1"/>
  <c r="AF107125" i="1"/>
  <c r="AF107126" i="1"/>
  <c r="AF107127" i="1"/>
  <c r="AF107128" i="1"/>
  <c r="AF107129" i="1"/>
  <c r="AF107130" i="1"/>
  <c r="AF107131" i="1"/>
  <c r="AF107132" i="1"/>
  <c r="AF107133" i="1"/>
  <c r="AF107134" i="1"/>
  <c r="AF107135" i="1"/>
  <c r="AF107136" i="1"/>
  <c r="AF107137" i="1"/>
  <c r="AF107138" i="1"/>
  <c r="AF107139" i="1"/>
  <c r="AF107140" i="1"/>
  <c r="AF107141" i="1"/>
  <c r="AF107142" i="1"/>
  <c r="AF107143" i="1"/>
  <c r="AF107144" i="1"/>
  <c r="AF107145" i="1"/>
  <c r="AF107146" i="1"/>
  <c r="AF107147" i="1"/>
  <c r="AF107148" i="1"/>
  <c r="AF107149" i="1"/>
  <c r="AF107150" i="1"/>
  <c r="AF107151" i="1"/>
  <c r="AF107152" i="1"/>
  <c r="AF107153" i="1"/>
  <c r="AF107154" i="1"/>
  <c r="AF107155" i="1"/>
  <c r="AF107156" i="1"/>
  <c r="AF107157" i="1"/>
  <c r="AF107158" i="1"/>
  <c r="AF107159" i="1"/>
  <c r="AF107160" i="1"/>
  <c r="AF107161" i="1"/>
  <c r="AF107162" i="1"/>
  <c r="AF107163" i="1"/>
  <c r="AF107164" i="1"/>
  <c r="AF107165" i="1"/>
  <c r="AF107166" i="1"/>
  <c r="AF107167" i="1"/>
  <c r="AF107168" i="1"/>
  <c r="AF107169" i="1"/>
  <c r="AF107170" i="1"/>
  <c r="AF107171" i="1"/>
  <c r="AF107172" i="1"/>
  <c r="AF107173" i="1"/>
  <c r="AF107174" i="1"/>
  <c r="AF107175" i="1"/>
  <c r="AF107176" i="1"/>
  <c r="AF107177" i="1"/>
  <c r="AF107178" i="1"/>
  <c r="AF107179" i="1"/>
  <c r="AF107180" i="1"/>
  <c r="AF107181" i="1"/>
  <c r="AF107182" i="1"/>
  <c r="AF107183" i="1"/>
  <c r="AF107184" i="1"/>
  <c r="AF107185" i="1"/>
  <c r="AF107186" i="1"/>
  <c r="AF107187" i="1"/>
  <c r="AF107188" i="1"/>
  <c r="AF107189" i="1"/>
  <c r="AF107190" i="1"/>
  <c r="AF107191" i="1"/>
  <c r="AF107192" i="1"/>
  <c r="AF107193" i="1"/>
  <c r="AF107194" i="1"/>
  <c r="AF107195" i="1"/>
  <c r="AF107196" i="1"/>
  <c r="AF107197" i="1"/>
  <c r="AF107198" i="1"/>
  <c r="AF107199" i="1"/>
  <c r="AF107200" i="1"/>
  <c r="AF107201" i="1"/>
  <c r="AF107202" i="1"/>
  <c r="AF107203" i="1"/>
  <c r="AF107204" i="1"/>
  <c r="AF107205" i="1"/>
  <c r="AF107206" i="1"/>
  <c r="AF107207" i="1"/>
  <c r="AF107208" i="1"/>
  <c r="AF107209" i="1"/>
  <c r="AF107210" i="1"/>
  <c r="AF107211" i="1"/>
  <c r="AF107212" i="1"/>
  <c r="AF107213" i="1"/>
  <c r="AF107214" i="1"/>
  <c r="AF107215" i="1"/>
  <c r="AF107216" i="1"/>
  <c r="AF107217" i="1"/>
  <c r="AF107218" i="1"/>
  <c r="AF107219" i="1"/>
  <c r="AF107220" i="1"/>
  <c r="AF107221" i="1"/>
  <c r="AF107222" i="1"/>
  <c r="AF107223" i="1"/>
  <c r="AF107224" i="1"/>
  <c r="AF107225" i="1"/>
  <c r="AF107226" i="1"/>
  <c r="AF107227" i="1"/>
  <c r="AF107228" i="1"/>
  <c r="AF107229" i="1"/>
  <c r="AF107230" i="1"/>
  <c r="AF107231" i="1"/>
  <c r="AF107232" i="1"/>
  <c r="AF107233" i="1"/>
  <c r="AF107234" i="1"/>
  <c r="AF107235" i="1"/>
  <c r="AF107236" i="1"/>
  <c r="AF107237" i="1"/>
  <c r="AF107238" i="1"/>
  <c r="AF107239" i="1"/>
  <c r="AF107240" i="1"/>
  <c r="AF107241" i="1"/>
  <c r="AF107242" i="1"/>
  <c r="AF107243" i="1"/>
  <c r="AF107244" i="1"/>
  <c r="AF107245" i="1"/>
  <c r="AF107246" i="1"/>
  <c r="AF107247" i="1"/>
  <c r="AF107248" i="1"/>
  <c r="AF107249" i="1"/>
  <c r="AF107250" i="1"/>
  <c r="AF107251" i="1"/>
  <c r="AF107252" i="1"/>
  <c r="AF107253" i="1"/>
  <c r="AF107254" i="1"/>
  <c r="AF107255" i="1"/>
  <c r="AF107256" i="1"/>
  <c r="AF107257" i="1"/>
  <c r="AF107258" i="1"/>
  <c r="AF107259" i="1"/>
  <c r="AF107260" i="1"/>
  <c r="AF107261" i="1"/>
  <c r="AF107262" i="1"/>
  <c r="AF107263" i="1"/>
  <c r="AF107264" i="1"/>
  <c r="AF107265" i="1"/>
  <c r="AF107266" i="1"/>
  <c r="AF107267" i="1"/>
  <c r="AF107268" i="1"/>
  <c r="AF107269" i="1"/>
  <c r="AF107270" i="1"/>
  <c r="AF107271" i="1"/>
  <c r="AF107272" i="1"/>
  <c r="AF107273" i="1"/>
  <c r="AF107274" i="1"/>
  <c r="AF107275" i="1"/>
  <c r="AF107276" i="1"/>
  <c r="AF107277" i="1"/>
  <c r="AF107278" i="1"/>
  <c r="AF107279" i="1"/>
  <c r="AF107280" i="1"/>
  <c r="AF107281" i="1"/>
  <c r="AF107282" i="1"/>
  <c r="AF107283" i="1"/>
  <c r="AF107284" i="1"/>
  <c r="AF107285" i="1"/>
  <c r="AF107286" i="1"/>
  <c r="AF107287" i="1"/>
  <c r="AF107288" i="1"/>
  <c r="AF107289" i="1"/>
  <c r="AF107290" i="1"/>
  <c r="AF107291" i="1"/>
  <c r="AF107292" i="1"/>
  <c r="AF107293" i="1"/>
  <c r="AF107294" i="1"/>
  <c r="AF107295" i="1"/>
  <c r="AF107296" i="1"/>
  <c r="AF107297" i="1"/>
  <c r="AF107298" i="1"/>
  <c r="AF107299" i="1"/>
  <c r="AF107300" i="1"/>
  <c r="AF107301" i="1"/>
  <c r="AF107302" i="1"/>
  <c r="AF107303" i="1"/>
  <c r="AF107304" i="1"/>
  <c r="AF107305" i="1"/>
  <c r="AF107306" i="1"/>
  <c r="AF107307" i="1"/>
  <c r="AF107308" i="1"/>
  <c r="AF107309" i="1"/>
  <c r="AF107310" i="1"/>
  <c r="AF107311" i="1"/>
  <c r="AF107312" i="1"/>
  <c r="AF107313" i="1"/>
  <c r="AF107314" i="1"/>
  <c r="AF107315" i="1"/>
  <c r="AF107316" i="1"/>
  <c r="AF107317" i="1"/>
  <c r="AF107318" i="1"/>
  <c r="AF107319" i="1"/>
  <c r="AF107320" i="1"/>
  <c r="AF107321" i="1"/>
  <c r="AF107322" i="1"/>
  <c r="AF107323" i="1"/>
  <c r="AF107324" i="1"/>
  <c r="AF107325" i="1"/>
  <c r="AF107326" i="1"/>
  <c r="AF107327" i="1"/>
  <c r="AF107328" i="1"/>
  <c r="AF107329" i="1"/>
  <c r="AF107330" i="1"/>
  <c r="AF107331" i="1"/>
  <c r="AF107332" i="1"/>
  <c r="AF107333" i="1"/>
  <c r="AF107334" i="1"/>
  <c r="AF107335" i="1"/>
  <c r="AF107336" i="1"/>
  <c r="AF107337" i="1"/>
  <c r="AF107338" i="1"/>
  <c r="AF107339" i="1"/>
  <c r="AF107340" i="1"/>
  <c r="AF107341" i="1"/>
  <c r="AF107342" i="1"/>
  <c r="AF107343" i="1"/>
  <c r="AF107344" i="1"/>
  <c r="AF107345" i="1"/>
  <c r="AF107346" i="1"/>
  <c r="AF107347" i="1"/>
  <c r="AF107348" i="1"/>
  <c r="AF107349" i="1"/>
  <c r="AF107350" i="1"/>
  <c r="AF107351" i="1"/>
  <c r="AF107352" i="1"/>
  <c r="AF107353" i="1"/>
  <c r="AF107354" i="1"/>
  <c r="AF107355" i="1"/>
  <c r="AF107356" i="1"/>
  <c r="AF107357" i="1"/>
  <c r="AF107358" i="1"/>
  <c r="AF107359" i="1"/>
  <c r="AF107360" i="1"/>
  <c r="AF107361" i="1"/>
  <c r="AF107362" i="1"/>
  <c r="AF107363" i="1"/>
  <c r="AF107364" i="1"/>
  <c r="AF107365" i="1"/>
  <c r="AF107366" i="1"/>
  <c r="AF107367" i="1"/>
  <c r="AF107368" i="1"/>
  <c r="AF107369" i="1"/>
  <c r="AF107370" i="1"/>
  <c r="AF107371" i="1"/>
  <c r="AF107372" i="1"/>
  <c r="AF107373" i="1"/>
  <c r="AF107374" i="1"/>
  <c r="AF107375" i="1"/>
  <c r="AF107376" i="1"/>
  <c r="AF107377" i="1"/>
  <c r="AF107378" i="1"/>
  <c r="AF107379" i="1"/>
  <c r="AF107380" i="1"/>
  <c r="AF107381" i="1"/>
  <c r="AF107382" i="1"/>
  <c r="AF107383" i="1"/>
  <c r="AF107384" i="1"/>
  <c r="AF107385" i="1"/>
  <c r="AF107386" i="1"/>
  <c r="AF107387" i="1"/>
  <c r="AF107388" i="1"/>
  <c r="AF107389" i="1"/>
  <c r="AF107390" i="1"/>
  <c r="AF107391" i="1"/>
  <c r="AF107392" i="1"/>
  <c r="AF107393" i="1"/>
  <c r="AF107394" i="1"/>
  <c r="AF107395" i="1"/>
  <c r="AF107396" i="1"/>
  <c r="AF107397" i="1"/>
  <c r="AF107398" i="1"/>
  <c r="AF107399" i="1"/>
  <c r="AF107400" i="1"/>
  <c r="AF107401" i="1"/>
  <c r="AF107402" i="1"/>
  <c r="AF107403" i="1"/>
  <c r="AF107404" i="1"/>
  <c r="AF107405" i="1"/>
  <c r="AF107406" i="1"/>
  <c r="AF107407" i="1"/>
  <c r="AF107408" i="1"/>
  <c r="AF107409" i="1"/>
  <c r="AF107410" i="1"/>
  <c r="AF107411" i="1"/>
  <c r="AF107412" i="1"/>
  <c r="AF107413" i="1"/>
  <c r="AF107414" i="1"/>
  <c r="AF107415" i="1"/>
  <c r="AF107416" i="1"/>
  <c r="AF107417" i="1"/>
  <c r="AF107418" i="1"/>
  <c r="AF107419" i="1"/>
  <c r="AF107420" i="1"/>
  <c r="AF107421" i="1"/>
  <c r="AF107422" i="1"/>
  <c r="AF107423" i="1"/>
  <c r="AF107424" i="1"/>
  <c r="AF107425" i="1"/>
  <c r="AF107426" i="1"/>
  <c r="AF107427" i="1"/>
  <c r="AF107428" i="1"/>
  <c r="AF107429" i="1"/>
  <c r="AF107430" i="1"/>
  <c r="AF107431" i="1"/>
  <c r="AF107432" i="1"/>
  <c r="AF107433" i="1"/>
  <c r="AF107434" i="1"/>
  <c r="AF107435" i="1"/>
  <c r="AF107436" i="1"/>
  <c r="AF107437" i="1"/>
  <c r="AF107438" i="1"/>
  <c r="AF107439" i="1"/>
  <c r="AF107440" i="1"/>
  <c r="AF107441" i="1"/>
  <c r="AF107442" i="1"/>
  <c r="AF107443" i="1"/>
  <c r="AF107444" i="1"/>
  <c r="AF107445" i="1"/>
  <c r="AF107446" i="1"/>
  <c r="AF107447" i="1"/>
  <c r="AF107448" i="1"/>
  <c r="AF107449" i="1"/>
  <c r="AF107450" i="1"/>
  <c r="AF107451" i="1"/>
  <c r="AF107452" i="1"/>
  <c r="AF107453" i="1"/>
  <c r="AF107454" i="1"/>
  <c r="AF107455" i="1"/>
  <c r="AF107456" i="1"/>
  <c r="AF107457" i="1"/>
  <c r="AF107458" i="1"/>
  <c r="AF107459" i="1"/>
  <c r="AF107460" i="1"/>
  <c r="AF107461" i="1"/>
  <c r="AF107462" i="1"/>
  <c r="AF107463" i="1"/>
  <c r="AF107464" i="1"/>
  <c r="AF107465" i="1"/>
  <c r="AF107466" i="1"/>
  <c r="AF107467" i="1"/>
  <c r="AF107468" i="1"/>
  <c r="AF107469" i="1"/>
  <c r="AF107470" i="1"/>
  <c r="AF107471" i="1"/>
  <c r="AF107472" i="1"/>
  <c r="AF107473" i="1"/>
  <c r="AF107474" i="1"/>
  <c r="AF107475" i="1"/>
  <c r="AF107476" i="1"/>
  <c r="AF107477" i="1"/>
  <c r="AF107478" i="1"/>
  <c r="AF107479" i="1"/>
  <c r="AF107480" i="1"/>
  <c r="AF107481" i="1"/>
  <c r="AF107482" i="1"/>
  <c r="AF107483" i="1"/>
  <c r="AF107484" i="1"/>
  <c r="AF107485" i="1"/>
  <c r="AF107486" i="1"/>
  <c r="AF107487" i="1"/>
  <c r="AF107488" i="1"/>
  <c r="AF107489" i="1"/>
  <c r="AF107490" i="1"/>
  <c r="AF107491" i="1"/>
  <c r="AF107492" i="1"/>
  <c r="AF107493" i="1"/>
  <c r="AF107494" i="1"/>
  <c r="AF107495" i="1"/>
  <c r="AF107496" i="1"/>
  <c r="AF107497" i="1"/>
  <c r="AF107498" i="1"/>
  <c r="AF107499" i="1"/>
  <c r="AF107500" i="1"/>
  <c r="AF107501" i="1"/>
  <c r="AF107502" i="1"/>
  <c r="AF107503" i="1"/>
  <c r="AF107504" i="1"/>
  <c r="AF107505" i="1"/>
  <c r="AF107506" i="1"/>
  <c r="AF107507" i="1"/>
  <c r="AF107508" i="1"/>
  <c r="AF107509" i="1"/>
  <c r="AF107510" i="1"/>
  <c r="AF107511" i="1"/>
  <c r="AF107512" i="1"/>
  <c r="AF107513" i="1"/>
  <c r="AF107514" i="1"/>
  <c r="AF107515" i="1"/>
  <c r="AF107516" i="1"/>
  <c r="AF107517" i="1"/>
  <c r="AF107518" i="1"/>
  <c r="AF107519" i="1"/>
  <c r="AF107520" i="1"/>
  <c r="AF107521" i="1"/>
  <c r="AF107522" i="1"/>
  <c r="AF107523" i="1"/>
  <c r="AF107524" i="1"/>
  <c r="AF107525" i="1"/>
  <c r="AF107526" i="1"/>
  <c r="AF107527" i="1"/>
  <c r="AF107528" i="1"/>
  <c r="AF107529" i="1"/>
  <c r="AF107530" i="1"/>
  <c r="AF107531" i="1"/>
  <c r="AF107532" i="1"/>
  <c r="AF107533" i="1"/>
  <c r="AF107534" i="1"/>
  <c r="AF107535" i="1"/>
  <c r="AF107536" i="1"/>
  <c r="AF107537" i="1"/>
  <c r="AF107538" i="1"/>
  <c r="AF107539" i="1"/>
  <c r="AF107540" i="1"/>
  <c r="AF107541" i="1"/>
  <c r="AF107542" i="1"/>
  <c r="AF107543" i="1"/>
  <c r="AF107544" i="1"/>
  <c r="AF107545" i="1"/>
  <c r="AF107546" i="1"/>
  <c r="AF107547" i="1"/>
  <c r="AF107548" i="1"/>
  <c r="AF107549" i="1"/>
  <c r="AF107550" i="1"/>
  <c r="AF107551" i="1"/>
  <c r="AF107552" i="1"/>
  <c r="AF107553" i="1"/>
  <c r="AF107554" i="1"/>
  <c r="AF107555" i="1"/>
  <c r="AF107556" i="1"/>
  <c r="AF107557" i="1"/>
  <c r="AF107558" i="1"/>
  <c r="AF107559" i="1"/>
  <c r="AF107560" i="1"/>
  <c r="AF107561" i="1"/>
  <c r="AF107562" i="1"/>
  <c r="AF107563" i="1"/>
  <c r="AF107564" i="1"/>
  <c r="AF107565" i="1"/>
  <c r="AF107566" i="1"/>
  <c r="AF107567" i="1"/>
  <c r="AF107568" i="1"/>
  <c r="AF107569" i="1"/>
  <c r="AF107570" i="1"/>
  <c r="AF107571" i="1"/>
  <c r="AF107572" i="1"/>
  <c r="AF107573" i="1"/>
  <c r="AF107574" i="1"/>
  <c r="AF107575" i="1"/>
  <c r="AF107576" i="1"/>
  <c r="AF107577" i="1"/>
  <c r="AF107578" i="1"/>
  <c r="AF107579" i="1"/>
  <c r="AF107580" i="1"/>
  <c r="AF107581" i="1"/>
  <c r="AF107582" i="1"/>
  <c r="AF107583" i="1"/>
  <c r="AF107584" i="1"/>
  <c r="AF107585" i="1"/>
  <c r="AF107586" i="1"/>
  <c r="AF107587" i="1"/>
  <c r="AF107588" i="1"/>
  <c r="AF107589" i="1"/>
  <c r="AF107590" i="1"/>
  <c r="AF107591" i="1"/>
  <c r="AF107592" i="1"/>
  <c r="AF107593" i="1"/>
  <c r="AF107594" i="1"/>
  <c r="AF107595" i="1"/>
  <c r="AF107596" i="1"/>
  <c r="AF107597" i="1"/>
  <c r="AF107598" i="1"/>
  <c r="AF107599" i="1"/>
  <c r="AF107600" i="1"/>
  <c r="AF107601" i="1"/>
  <c r="AF107602" i="1"/>
  <c r="AF107603" i="1"/>
  <c r="AF107604" i="1"/>
  <c r="AF107605" i="1"/>
  <c r="AF107606" i="1"/>
  <c r="AF107607" i="1"/>
  <c r="AF107608" i="1"/>
  <c r="AF107609" i="1"/>
  <c r="AF107610" i="1"/>
  <c r="AF107611" i="1"/>
  <c r="AF107612" i="1"/>
  <c r="AF107613" i="1"/>
  <c r="AF107614" i="1"/>
  <c r="AF107615" i="1"/>
  <c r="AF107616" i="1"/>
  <c r="AF107617" i="1"/>
  <c r="AF107618" i="1"/>
  <c r="AF107619" i="1"/>
  <c r="AF107620" i="1"/>
  <c r="AF107621" i="1"/>
  <c r="AF107622" i="1"/>
  <c r="AF107623" i="1"/>
  <c r="AF107624" i="1"/>
  <c r="AF107625" i="1"/>
  <c r="AF107626" i="1"/>
  <c r="AF107627" i="1"/>
  <c r="AF107628" i="1"/>
  <c r="AF107629" i="1"/>
  <c r="AF107630" i="1"/>
  <c r="AF107631" i="1"/>
  <c r="AF107632" i="1"/>
  <c r="AF107633" i="1"/>
  <c r="AF107634" i="1"/>
  <c r="AF107635" i="1"/>
  <c r="AF107636" i="1"/>
  <c r="AF107637" i="1"/>
  <c r="AF107638" i="1"/>
  <c r="AF107639" i="1"/>
  <c r="AF107640" i="1"/>
  <c r="AF107641" i="1"/>
  <c r="AF107642" i="1"/>
  <c r="AF107643" i="1"/>
  <c r="AF107644" i="1"/>
  <c r="AF107645" i="1"/>
  <c r="AF107646" i="1"/>
  <c r="AF107647" i="1"/>
  <c r="AF107648" i="1"/>
  <c r="AF107649" i="1"/>
  <c r="AF107650" i="1"/>
  <c r="AF107651" i="1"/>
  <c r="AF107652" i="1"/>
  <c r="AF107653" i="1"/>
  <c r="AF107654" i="1"/>
  <c r="AF107655" i="1"/>
  <c r="AF107656" i="1"/>
  <c r="AF107657" i="1"/>
  <c r="AF107658" i="1"/>
  <c r="AF107659" i="1"/>
  <c r="AF107660" i="1"/>
  <c r="AF107661" i="1"/>
  <c r="AF107662" i="1"/>
  <c r="AF107663" i="1"/>
  <c r="AF107664" i="1"/>
  <c r="AF107665" i="1"/>
  <c r="AF107666" i="1"/>
  <c r="AF107667" i="1"/>
  <c r="AF107668" i="1"/>
  <c r="AF107669" i="1"/>
  <c r="AF107670" i="1"/>
  <c r="AF107671" i="1"/>
  <c r="AF107672" i="1"/>
  <c r="AF107673" i="1"/>
  <c r="AF107674" i="1"/>
  <c r="AF107675" i="1"/>
  <c r="AF107676" i="1"/>
  <c r="AF107677" i="1"/>
  <c r="AF107678" i="1"/>
  <c r="AF107679" i="1"/>
  <c r="AF107680" i="1"/>
  <c r="AF107681" i="1"/>
  <c r="AF107682" i="1"/>
  <c r="AF107683" i="1"/>
  <c r="AF107684" i="1"/>
  <c r="AF107685" i="1"/>
  <c r="AF107686" i="1"/>
  <c r="AF107687" i="1"/>
  <c r="AF107688" i="1"/>
  <c r="AF107689" i="1"/>
  <c r="AF107690" i="1"/>
  <c r="AF107691" i="1"/>
  <c r="AF107692" i="1"/>
  <c r="AF107693" i="1"/>
  <c r="AF107694" i="1"/>
  <c r="AF107695" i="1"/>
  <c r="AF107696" i="1"/>
  <c r="AF107697" i="1"/>
  <c r="AF107698" i="1"/>
  <c r="AF107699" i="1"/>
  <c r="AF107700" i="1"/>
  <c r="AF107701" i="1"/>
  <c r="AF107702" i="1"/>
  <c r="AF107703" i="1"/>
  <c r="AF107704" i="1"/>
  <c r="AF107705" i="1"/>
  <c r="AF107706" i="1"/>
  <c r="AF107707" i="1"/>
  <c r="AF107708" i="1"/>
  <c r="AF107709" i="1"/>
  <c r="AF107710" i="1"/>
  <c r="AF107711" i="1"/>
  <c r="AF107712" i="1"/>
  <c r="AF107713" i="1"/>
  <c r="AF107714" i="1"/>
  <c r="AF107715" i="1"/>
  <c r="AF107716" i="1"/>
  <c r="AF107717" i="1"/>
  <c r="AF107718" i="1"/>
  <c r="AF107719" i="1"/>
  <c r="AF107720" i="1"/>
  <c r="AF107721" i="1"/>
  <c r="AF107722" i="1"/>
  <c r="AF107723" i="1"/>
  <c r="AF107724" i="1"/>
  <c r="AF107725" i="1"/>
  <c r="AF107726" i="1"/>
  <c r="AF107727" i="1"/>
  <c r="AF107728" i="1"/>
  <c r="AF107729" i="1"/>
  <c r="AF107730" i="1"/>
  <c r="AF107731" i="1"/>
  <c r="AF107732" i="1"/>
  <c r="AF107733" i="1"/>
  <c r="AF107734" i="1"/>
  <c r="AF107735" i="1"/>
  <c r="AF107736" i="1"/>
  <c r="AF107737" i="1"/>
  <c r="AF107738" i="1"/>
  <c r="AF107739" i="1"/>
  <c r="AF107740" i="1"/>
  <c r="AF107741" i="1"/>
  <c r="AF107742" i="1"/>
  <c r="AF107743" i="1"/>
  <c r="AF107744" i="1"/>
  <c r="AF107745" i="1"/>
  <c r="AF107746" i="1"/>
  <c r="AF107747" i="1"/>
  <c r="AF107748" i="1"/>
  <c r="AF107749" i="1"/>
  <c r="AF107750" i="1"/>
  <c r="AF107751" i="1"/>
  <c r="AF107752" i="1"/>
  <c r="AF107753" i="1"/>
  <c r="AF107754" i="1"/>
  <c r="AF107755" i="1"/>
  <c r="AF107756" i="1"/>
  <c r="AF107757" i="1"/>
  <c r="AF107758" i="1"/>
  <c r="AF107759" i="1"/>
  <c r="AF107760" i="1"/>
  <c r="AF107761" i="1"/>
  <c r="AF107762" i="1"/>
  <c r="AF107763" i="1"/>
  <c r="AF107764" i="1"/>
  <c r="AF107765" i="1"/>
  <c r="AF107766" i="1"/>
  <c r="AF107767" i="1"/>
  <c r="AF107768" i="1"/>
  <c r="AF107769" i="1"/>
  <c r="AF107770" i="1"/>
  <c r="AF107771" i="1"/>
  <c r="AF107772" i="1"/>
  <c r="AF107773" i="1"/>
  <c r="AF107774" i="1"/>
  <c r="AF107775" i="1"/>
  <c r="AF107776" i="1"/>
  <c r="AF107777" i="1"/>
  <c r="AF107778" i="1"/>
  <c r="AF107779" i="1"/>
  <c r="AF107780" i="1"/>
  <c r="AF107781" i="1"/>
  <c r="AF107782" i="1"/>
  <c r="AF107783" i="1"/>
  <c r="AF107784" i="1"/>
  <c r="AF107785" i="1"/>
  <c r="AF107786" i="1"/>
  <c r="AF107787" i="1"/>
  <c r="AF107788" i="1"/>
  <c r="AF107789" i="1"/>
  <c r="AF107790" i="1"/>
  <c r="AF107791" i="1"/>
  <c r="AF107792" i="1"/>
  <c r="AF107793" i="1"/>
  <c r="AF107794" i="1"/>
  <c r="AF107795" i="1"/>
  <c r="AF107796" i="1"/>
  <c r="AF107797" i="1"/>
  <c r="AF107798" i="1"/>
  <c r="AF107799" i="1"/>
  <c r="AF107800" i="1"/>
  <c r="AF107801" i="1"/>
  <c r="AF107802" i="1"/>
  <c r="AF107803" i="1"/>
  <c r="AF107804" i="1"/>
  <c r="AF107805" i="1"/>
  <c r="AF107806" i="1"/>
  <c r="AF107807" i="1"/>
  <c r="AF107808" i="1"/>
  <c r="AF107809" i="1"/>
  <c r="AF107810" i="1"/>
  <c r="AF107811" i="1"/>
  <c r="AF107812" i="1"/>
  <c r="AF107813" i="1"/>
  <c r="AF107814" i="1"/>
  <c r="AF107815" i="1"/>
  <c r="AF107816" i="1"/>
  <c r="AF107817" i="1"/>
  <c r="AF107818" i="1"/>
  <c r="AF107819" i="1"/>
  <c r="AF107820" i="1"/>
  <c r="AF107821" i="1"/>
  <c r="AF107822" i="1"/>
  <c r="AF107823" i="1"/>
  <c r="AF107824" i="1"/>
  <c r="AF107825" i="1"/>
  <c r="AF107826" i="1"/>
  <c r="AF107827" i="1"/>
  <c r="AF107828" i="1"/>
  <c r="AF107829" i="1"/>
  <c r="AF107830" i="1"/>
  <c r="AF107831" i="1"/>
  <c r="AF107832" i="1"/>
  <c r="AF107833" i="1"/>
  <c r="AF107834" i="1"/>
  <c r="AF107835" i="1"/>
  <c r="AF107836" i="1"/>
  <c r="AF107837" i="1"/>
  <c r="AF107838" i="1"/>
  <c r="AF107839" i="1"/>
  <c r="AF107840" i="1"/>
  <c r="AF107841" i="1"/>
  <c r="AF107842" i="1"/>
  <c r="AF107843" i="1"/>
  <c r="AF107844" i="1"/>
  <c r="AF107845" i="1"/>
  <c r="AF107846" i="1"/>
  <c r="AF107847" i="1"/>
  <c r="AF107848" i="1"/>
  <c r="AF107849" i="1"/>
  <c r="AF107850" i="1"/>
  <c r="AF107851" i="1"/>
  <c r="AF107852" i="1"/>
  <c r="AF107853" i="1"/>
  <c r="AF107854" i="1"/>
  <c r="AF107855" i="1"/>
  <c r="AF107856" i="1"/>
  <c r="AF107857" i="1"/>
  <c r="AF107858" i="1"/>
  <c r="AF107859" i="1"/>
  <c r="AF107860" i="1"/>
  <c r="AF107861" i="1"/>
  <c r="AF107862" i="1"/>
  <c r="AF107863" i="1"/>
  <c r="AF107864" i="1"/>
  <c r="AF107865" i="1"/>
  <c r="AF107866" i="1"/>
  <c r="AF107867" i="1"/>
  <c r="AF107868" i="1"/>
  <c r="AF107869" i="1"/>
  <c r="AF107870" i="1"/>
  <c r="AF107871" i="1"/>
  <c r="AF107872" i="1"/>
  <c r="AF107873" i="1"/>
  <c r="AF107874" i="1"/>
  <c r="AF107875" i="1"/>
  <c r="AF107876" i="1"/>
  <c r="AF107877" i="1"/>
  <c r="AF107878" i="1"/>
  <c r="AF107879" i="1"/>
  <c r="AF107880" i="1"/>
  <c r="AF107881" i="1"/>
  <c r="AF107882" i="1"/>
  <c r="AF107883" i="1"/>
  <c r="AF107884" i="1"/>
  <c r="AF107885" i="1"/>
  <c r="AF107886" i="1"/>
  <c r="AF107887" i="1"/>
  <c r="AF107888" i="1"/>
  <c r="AF107889" i="1"/>
  <c r="AF107890" i="1"/>
  <c r="AF107891" i="1"/>
  <c r="AF107892" i="1"/>
  <c r="AF107893" i="1"/>
  <c r="AF107894" i="1"/>
  <c r="AF107895" i="1"/>
  <c r="AF107896" i="1"/>
  <c r="AF107897" i="1"/>
  <c r="AF107898" i="1"/>
  <c r="AF107899" i="1"/>
  <c r="AF107900" i="1"/>
  <c r="AF107901" i="1"/>
  <c r="AF107902" i="1"/>
  <c r="AF107903" i="1"/>
  <c r="AF107904" i="1"/>
  <c r="AF107905" i="1"/>
  <c r="AF107906" i="1"/>
  <c r="AF107907" i="1"/>
  <c r="AF107908" i="1"/>
  <c r="AF107909" i="1"/>
  <c r="AF107910" i="1"/>
  <c r="AF107911" i="1"/>
  <c r="AF107912" i="1"/>
  <c r="AF107913" i="1"/>
  <c r="AF107914" i="1"/>
  <c r="AF107915" i="1"/>
  <c r="AF107916" i="1"/>
  <c r="AF107917" i="1"/>
  <c r="AF107918" i="1"/>
  <c r="AF107919" i="1"/>
  <c r="AF107920" i="1"/>
  <c r="AF107921" i="1"/>
  <c r="AF107922" i="1"/>
  <c r="AF107923" i="1"/>
  <c r="AF107924" i="1"/>
  <c r="AF107925" i="1"/>
  <c r="AF107926" i="1"/>
  <c r="AF107927" i="1"/>
  <c r="AF107928" i="1"/>
  <c r="AF107929" i="1"/>
  <c r="AF107930" i="1"/>
  <c r="AF107931" i="1"/>
  <c r="AF107932" i="1"/>
  <c r="AF107933" i="1"/>
  <c r="AF107934" i="1"/>
  <c r="AF107935" i="1"/>
  <c r="AF107936" i="1"/>
  <c r="AF107937" i="1"/>
  <c r="AF107938" i="1"/>
  <c r="AF107939" i="1"/>
  <c r="AF107940" i="1"/>
  <c r="AF107941" i="1"/>
  <c r="AF107942" i="1"/>
  <c r="AF107943" i="1"/>
  <c r="AF107944" i="1"/>
  <c r="AF107945" i="1"/>
  <c r="AF107946" i="1"/>
  <c r="AF107947" i="1"/>
  <c r="AF107948" i="1"/>
  <c r="AF107949" i="1"/>
  <c r="AF107950" i="1"/>
  <c r="AF107951" i="1"/>
  <c r="AF107952" i="1"/>
  <c r="AF107953" i="1"/>
  <c r="AF107954" i="1"/>
  <c r="AF107955" i="1"/>
  <c r="AF107956" i="1"/>
  <c r="AF107957" i="1"/>
  <c r="AF107958" i="1"/>
  <c r="AF107959" i="1"/>
  <c r="AF107960" i="1"/>
  <c r="AF107961" i="1"/>
  <c r="AF107962" i="1"/>
  <c r="AF107963" i="1"/>
  <c r="AF107964" i="1"/>
  <c r="AF107965" i="1"/>
  <c r="AF107966" i="1"/>
  <c r="AF107967" i="1"/>
  <c r="AF107968" i="1"/>
  <c r="AF107969" i="1"/>
  <c r="AF107970" i="1"/>
  <c r="AF107971" i="1"/>
  <c r="AF107972" i="1"/>
  <c r="AF107973" i="1"/>
  <c r="AF107974" i="1"/>
  <c r="AF107975" i="1"/>
  <c r="AF107976" i="1"/>
  <c r="AF107977" i="1"/>
  <c r="AF107978" i="1"/>
  <c r="AF107979" i="1"/>
  <c r="AF107980" i="1"/>
  <c r="AF107981" i="1"/>
  <c r="AF107982" i="1"/>
  <c r="AF107983" i="1"/>
  <c r="AF107984" i="1"/>
  <c r="AF107985" i="1"/>
  <c r="AF107986" i="1"/>
  <c r="AF107987" i="1"/>
  <c r="AF107988" i="1"/>
  <c r="AF107989" i="1"/>
  <c r="AF107990" i="1"/>
  <c r="AF107991" i="1"/>
  <c r="AF107992" i="1"/>
  <c r="AF107993" i="1"/>
  <c r="AF107994" i="1"/>
  <c r="AF107995" i="1"/>
  <c r="AF107996" i="1"/>
  <c r="AF107997" i="1"/>
  <c r="AF107998" i="1"/>
  <c r="AF107999" i="1"/>
  <c r="AF108000" i="1"/>
  <c r="AF108001" i="1"/>
  <c r="AF108002" i="1"/>
  <c r="AF108003" i="1"/>
  <c r="AF108004" i="1"/>
  <c r="AF108005" i="1"/>
  <c r="AF108006" i="1"/>
  <c r="AF108007" i="1"/>
  <c r="AF108008" i="1"/>
  <c r="AF108009" i="1"/>
  <c r="AF108010" i="1"/>
  <c r="AF108011" i="1"/>
  <c r="AF108012" i="1"/>
  <c r="AF108013" i="1"/>
  <c r="AF108014" i="1"/>
  <c r="AF108015" i="1"/>
  <c r="AF108016" i="1"/>
  <c r="AF108017" i="1"/>
  <c r="AF108018" i="1"/>
  <c r="AF108019" i="1"/>
  <c r="AF108020" i="1"/>
  <c r="AF108021" i="1"/>
  <c r="AF108022" i="1"/>
  <c r="AF108023" i="1"/>
  <c r="AF108024" i="1"/>
  <c r="AF108025" i="1"/>
  <c r="AF108026" i="1"/>
  <c r="AF108027" i="1"/>
  <c r="AF108028" i="1"/>
  <c r="AF108029" i="1"/>
  <c r="AF108030" i="1"/>
  <c r="AF108031" i="1"/>
  <c r="AF108032" i="1"/>
  <c r="AF108033" i="1"/>
  <c r="AF108034" i="1"/>
  <c r="AF108035" i="1"/>
  <c r="AF108036" i="1"/>
  <c r="AF108037" i="1"/>
  <c r="AF108038" i="1"/>
  <c r="AF108039" i="1"/>
  <c r="AF108040" i="1"/>
  <c r="AF108041" i="1"/>
  <c r="AF108042" i="1"/>
  <c r="AF108043" i="1"/>
  <c r="AF108044" i="1"/>
  <c r="AF108045" i="1"/>
  <c r="AF108046" i="1"/>
  <c r="AF108047" i="1"/>
  <c r="AF108048" i="1"/>
  <c r="AF108049" i="1"/>
  <c r="AF108050" i="1"/>
  <c r="AF108051" i="1"/>
  <c r="AF108052" i="1"/>
  <c r="AF108053" i="1"/>
  <c r="AF108054" i="1"/>
  <c r="AF108055" i="1"/>
  <c r="AF108056" i="1"/>
  <c r="AF108057" i="1"/>
  <c r="AF108058" i="1"/>
  <c r="AF108059" i="1"/>
  <c r="AF108060" i="1"/>
  <c r="AF108061" i="1"/>
  <c r="AF108062" i="1"/>
  <c r="AF108063" i="1"/>
  <c r="AF108064" i="1"/>
  <c r="AF108065" i="1"/>
  <c r="AF108066" i="1"/>
  <c r="AF108067" i="1"/>
  <c r="AF108068" i="1"/>
  <c r="AF108069" i="1"/>
  <c r="AF108070" i="1"/>
  <c r="AF108071" i="1"/>
  <c r="AF108072" i="1"/>
  <c r="AF108073" i="1"/>
  <c r="AF108074" i="1"/>
  <c r="AF108075" i="1"/>
  <c r="AF108076" i="1"/>
  <c r="AF108077" i="1"/>
  <c r="AF108078" i="1"/>
  <c r="AF108079" i="1"/>
  <c r="AF108080" i="1"/>
  <c r="AF108081" i="1"/>
  <c r="AF108082" i="1"/>
  <c r="AF108083" i="1"/>
  <c r="AF108084" i="1"/>
  <c r="AF108085" i="1"/>
  <c r="AF108086" i="1"/>
  <c r="AF108087" i="1"/>
  <c r="AF108088" i="1"/>
  <c r="AF108089" i="1"/>
  <c r="AF108090" i="1"/>
  <c r="AF108091" i="1"/>
  <c r="AF108092" i="1"/>
  <c r="AF108093" i="1"/>
  <c r="AF108094" i="1"/>
  <c r="AF108095" i="1"/>
  <c r="AF108096" i="1"/>
  <c r="AF108097" i="1"/>
  <c r="AF108098" i="1"/>
  <c r="AF108099" i="1"/>
  <c r="AF108100" i="1"/>
  <c r="AF108101" i="1"/>
  <c r="AF108102" i="1"/>
  <c r="AF108103" i="1"/>
  <c r="AF108104" i="1"/>
  <c r="AF108105" i="1"/>
  <c r="AF108106" i="1"/>
  <c r="AF108107" i="1"/>
  <c r="AF108108" i="1"/>
  <c r="AF108109" i="1"/>
  <c r="AF108110" i="1"/>
  <c r="AF108111" i="1"/>
  <c r="AF108112" i="1"/>
  <c r="AF108113" i="1"/>
  <c r="AF108114" i="1"/>
  <c r="AF108115" i="1"/>
  <c r="AF108116" i="1"/>
  <c r="AF108117" i="1"/>
  <c r="AF108118" i="1"/>
  <c r="AF108119" i="1"/>
  <c r="AF108120" i="1"/>
  <c r="AF108121" i="1"/>
  <c r="AF108122" i="1"/>
  <c r="AF108123" i="1"/>
  <c r="AF108124" i="1"/>
  <c r="AF108125" i="1"/>
  <c r="AF108126" i="1"/>
  <c r="AF108127" i="1"/>
  <c r="AF108128" i="1"/>
  <c r="AF108129" i="1"/>
  <c r="AF108130" i="1"/>
  <c r="AF108131" i="1"/>
  <c r="AF108132" i="1"/>
  <c r="AF108133" i="1"/>
  <c r="AF108134" i="1"/>
  <c r="AF108135" i="1"/>
  <c r="AF108136" i="1"/>
  <c r="AF108137" i="1"/>
  <c r="AF108138" i="1"/>
  <c r="AF108139" i="1"/>
  <c r="AF108140" i="1"/>
  <c r="AF108141" i="1"/>
  <c r="AF108142" i="1"/>
  <c r="AF108143" i="1"/>
  <c r="AF108144" i="1"/>
  <c r="AF108145" i="1"/>
  <c r="AF108146" i="1"/>
  <c r="AF108147" i="1"/>
  <c r="AF108148" i="1"/>
  <c r="AF108149" i="1"/>
  <c r="AF108150" i="1"/>
  <c r="AF108151" i="1"/>
  <c r="AF108152" i="1"/>
  <c r="AF108153" i="1"/>
  <c r="AF108154" i="1"/>
  <c r="AF108155" i="1"/>
  <c r="AF108156" i="1"/>
  <c r="AF108157" i="1"/>
  <c r="AF108158" i="1"/>
  <c r="AF108159" i="1"/>
  <c r="AF108160" i="1"/>
  <c r="AF108161" i="1"/>
  <c r="AF108162" i="1"/>
  <c r="AF108163" i="1"/>
  <c r="AF108164" i="1"/>
  <c r="AF108165" i="1"/>
  <c r="AF108166" i="1"/>
  <c r="AF108167" i="1"/>
  <c r="AF108168" i="1"/>
  <c r="AF108169" i="1"/>
  <c r="AF108170" i="1"/>
  <c r="AF108171" i="1"/>
  <c r="AF108172" i="1"/>
  <c r="AF108173" i="1"/>
  <c r="AF108174" i="1"/>
  <c r="AF108175" i="1"/>
  <c r="AF108176" i="1"/>
  <c r="AF108177" i="1"/>
  <c r="AF108178" i="1"/>
  <c r="AF108179" i="1"/>
  <c r="AF108180" i="1"/>
  <c r="AF108181" i="1"/>
  <c r="AF108182" i="1"/>
  <c r="AF108183" i="1"/>
  <c r="AF108184" i="1"/>
  <c r="AF108185" i="1"/>
  <c r="AF108186" i="1"/>
  <c r="AF108187" i="1"/>
  <c r="AF108188" i="1"/>
  <c r="AF108189" i="1"/>
  <c r="AF108190" i="1"/>
  <c r="AF108191" i="1"/>
  <c r="AF108192" i="1"/>
  <c r="AF108193" i="1"/>
  <c r="AF108194" i="1"/>
  <c r="AF108195" i="1"/>
  <c r="AF108196" i="1"/>
  <c r="AF108197" i="1"/>
  <c r="AF108198" i="1"/>
  <c r="AF108199" i="1"/>
  <c r="AF108200" i="1"/>
  <c r="AF108201" i="1"/>
  <c r="AF108202" i="1"/>
  <c r="AF108203" i="1"/>
  <c r="AF108204" i="1"/>
  <c r="AF108205" i="1"/>
  <c r="AF108206" i="1"/>
  <c r="AF108207" i="1"/>
  <c r="AF108208" i="1"/>
  <c r="AF108209" i="1"/>
  <c r="AF108210" i="1"/>
  <c r="AF108211" i="1"/>
  <c r="AF108212" i="1"/>
  <c r="AF108213" i="1"/>
  <c r="AF108214" i="1"/>
  <c r="AF108215" i="1"/>
  <c r="AF108216" i="1"/>
  <c r="AF108217" i="1"/>
  <c r="AF108218" i="1"/>
  <c r="AF108219" i="1"/>
  <c r="AF108220" i="1"/>
  <c r="AF108221" i="1"/>
  <c r="AF108222" i="1"/>
  <c r="AF108223" i="1"/>
  <c r="AF108224" i="1"/>
  <c r="AF108225" i="1"/>
  <c r="AF108226" i="1"/>
  <c r="AF108227" i="1"/>
  <c r="AF108228" i="1"/>
  <c r="AF108229" i="1"/>
  <c r="AF108230" i="1"/>
  <c r="AF108231" i="1"/>
  <c r="AF108232" i="1"/>
  <c r="AF108233" i="1"/>
  <c r="AF108234" i="1"/>
  <c r="AF108235" i="1"/>
  <c r="AF108236" i="1"/>
  <c r="AF108237" i="1"/>
  <c r="AF108238" i="1"/>
  <c r="AF108239" i="1"/>
  <c r="AF108240" i="1"/>
  <c r="AF108241" i="1"/>
  <c r="AF108242" i="1"/>
  <c r="AF108243" i="1"/>
  <c r="AF108244" i="1"/>
  <c r="AF108245" i="1"/>
  <c r="AF108246" i="1"/>
  <c r="AF108247" i="1"/>
  <c r="AF108248" i="1"/>
  <c r="AF108249" i="1"/>
  <c r="AF108250" i="1"/>
  <c r="AF108251" i="1"/>
  <c r="AF108252" i="1"/>
  <c r="AF108253" i="1"/>
  <c r="AF108254" i="1"/>
  <c r="AF108255" i="1"/>
  <c r="AF108256" i="1"/>
  <c r="AF108257" i="1"/>
  <c r="AF108258" i="1"/>
  <c r="AF108259" i="1"/>
  <c r="AF108260" i="1"/>
  <c r="AF108261" i="1"/>
  <c r="AF108262" i="1"/>
  <c r="AF108263" i="1"/>
  <c r="AF108264" i="1"/>
  <c r="AF108265" i="1"/>
  <c r="AF108266" i="1"/>
  <c r="AF108267" i="1"/>
  <c r="AF108268" i="1"/>
  <c r="AF108269" i="1"/>
  <c r="AF108270" i="1"/>
  <c r="AF108271" i="1"/>
  <c r="AF108272" i="1"/>
  <c r="AF108273" i="1"/>
  <c r="AF108274" i="1"/>
  <c r="AF108275" i="1"/>
  <c r="AF108276" i="1"/>
  <c r="AF108277" i="1"/>
  <c r="AF108278" i="1"/>
  <c r="AF108279" i="1"/>
  <c r="AF108280" i="1"/>
  <c r="AF108281" i="1"/>
  <c r="AF108282" i="1"/>
  <c r="AF108283" i="1"/>
  <c r="AF108284" i="1"/>
  <c r="AF108285" i="1"/>
  <c r="AF108286" i="1"/>
  <c r="AF108287" i="1"/>
  <c r="AF108288" i="1"/>
  <c r="AF108289" i="1"/>
  <c r="AF108290" i="1"/>
  <c r="AF108291" i="1"/>
  <c r="AF108292" i="1"/>
  <c r="AF108293" i="1"/>
  <c r="AF108294" i="1"/>
  <c r="AF108295" i="1"/>
  <c r="AF108296" i="1"/>
  <c r="AF108297" i="1"/>
  <c r="AF108298" i="1"/>
  <c r="AF108299" i="1"/>
  <c r="AF108300" i="1"/>
  <c r="AF108301" i="1"/>
  <c r="AF108302" i="1"/>
  <c r="AF108303" i="1"/>
  <c r="AF108304" i="1"/>
  <c r="AF108305" i="1"/>
  <c r="AF108306" i="1"/>
  <c r="AF108307" i="1"/>
  <c r="AF108308" i="1"/>
  <c r="AF108309" i="1"/>
  <c r="AF108310" i="1"/>
  <c r="AF108311" i="1"/>
  <c r="AF108312" i="1"/>
  <c r="AF108313" i="1"/>
  <c r="AF108314" i="1"/>
  <c r="AF108315" i="1"/>
  <c r="AF108316" i="1"/>
  <c r="AF108317" i="1"/>
  <c r="AF108318" i="1"/>
  <c r="AF108319" i="1"/>
  <c r="AF108320" i="1"/>
  <c r="AF108321" i="1"/>
  <c r="AF108322" i="1"/>
  <c r="AF108323" i="1"/>
  <c r="AF108324" i="1"/>
  <c r="AF108325" i="1"/>
  <c r="AF108326" i="1"/>
  <c r="AF108327" i="1"/>
  <c r="AF108328" i="1"/>
  <c r="AF108329" i="1"/>
  <c r="AF108330" i="1"/>
  <c r="AF108331" i="1"/>
  <c r="AF108332" i="1"/>
  <c r="AF108333" i="1"/>
  <c r="AF108334" i="1"/>
  <c r="AF108335" i="1"/>
  <c r="AF108336" i="1"/>
  <c r="AF108337" i="1"/>
  <c r="AF108338" i="1"/>
  <c r="AF108339" i="1"/>
  <c r="AF108340" i="1"/>
  <c r="AF108341" i="1"/>
  <c r="AF108342" i="1"/>
  <c r="AF108343" i="1"/>
  <c r="AF108344" i="1"/>
  <c r="AF108345" i="1"/>
  <c r="AF108346" i="1"/>
  <c r="AF108347" i="1"/>
  <c r="AF108348" i="1"/>
  <c r="AF108349" i="1"/>
  <c r="AF108350" i="1"/>
  <c r="AF108351" i="1"/>
  <c r="AF108352" i="1"/>
  <c r="AF108353" i="1"/>
  <c r="AF108354" i="1"/>
  <c r="AF108355" i="1"/>
  <c r="AF108356" i="1"/>
  <c r="AF108357" i="1"/>
  <c r="AF108358" i="1"/>
  <c r="AF108359" i="1"/>
  <c r="AF108360" i="1"/>
  <c r="AF108361" i="1"/>
  <c r="AF108362" i="1"/>
  <c r="AF108363" i="1"/>
  <c r="AF108364" i="1"/>
  <c r="AF108365" i="1"/>
  <c r="AF108366" i="1"/>
  <c r="AF108367" i="1"/>
  <c r="AF108368" i="1"/>
  <c r="AF108369" i="1"/>
  <c r="AF108370" i="1"/>
  <c r="AF108371" i="1"/>
  <c r="AF108372" i="1"/>
  <c r="AF108373" i="1"/>
  <c r="AF108374" i="1"/>
  <c r="AF108375" i="1"/>
  <c r="AF108376" i="1"/>
  <c r="AF108377" i="1"/>
  <c r="AF108378" i="1"/>
  <c r="AF108379" i="1"/>
  <c r="AF108380" i="1"/>
  <c r="AF108381" i="1"/>
  <c r="AF108382" i="1"/>
  <c r="AF108383" i="1"/>
  <c r="AF108384" i="1"/>
  <c r="AF108385" i="1"/>
  <c r="AF108386" i="1"/>
  <c r="AF108387" i="1"/>
  <c r="AF108388" i="1"/>
  <c r="AF108389" i="1"/>
  <c r="AF108390" i="1"/>
  <c r="AF108391" i="1"/>
  <c r="AF108392" i="1"/>
  <c r="AF108393" i="1"/>
  <c r="AF108394" i="1"/>
  <c r="AF108395" i="1"/>
  <c r="AF108396" i="1"/>
  <c r="AF108397" i="1"/>
  <c r="AF108398" i="1"/>
  <c r="AF108399" i="1"/>
  <c r="AF108400" i="1"/>
  <c r="AF108401" i="1"/>
  <c r="AF108402" i="1"/>
  <c r="AF108403" i="1"/>
  <c r="AF108404" i="1"/>
  <c r="AF108405" i="1"/>
  <c r="AF108406" i="1"/>
  <c r="AF108407" i="1"/>
  <c r="AF108408" i="1"/>
  <c r="AF108409" i="1"/>
  <c r="AF108410" i="1"/>
  <c r="AF108411" i="1"/>
  <c r="AF108412" i="1"/>
  <c r="AF108413" i="1"/>
  <c r="AF108414" i="1"/>
  <c r="AF108415" i="1"/>
  <c r="AF108416" i="1"/>
  <c r="AF108417" i="1"/>
  <c r="AF108418" i="1"/>
  <c r="AF108419" i="1"/>
  <c r="AF108420" i="1"/>
  <c r="AF108421" i="1"/>
  <c r="AF108422" i="1"/>
  <c r="AF108423" i="1"/>
  <c r="AF108424" i="1"/>
  <c r="AF108425" i="1"/>
  <c r="AF108426" i="1"/>
  <c r="AF108427" i="1"/>
  <c r="AF108428" i="1"/>
  <c r="AF108429" i="1"/>
  <c r="AF108430" i="1"/>
  <c r="AF108431" i="1"/>
  <c r="AF108432" i="1"/>
  <c r="AF108433" i="1"/>
  <c r="AF108434" i="1"/>
  <c r="AF108435" i="1"/>
  <c r="AF108436" i="1"/>
  <c r="AF108437" i="1"/>
  <c r="AF108438" i="1"/>
  <c r="AF108439" i="1"/>
  <c r="AF108440" i="1"/>
  <c r="AF108441" i="1"/>
  <c r="AF108442" i="1"/>
  <c r="AF108443" i="1"/>
  <c r="AF108444" i="1"/>
  <c r="AF108445" i="1"/>
  <c r="AF108446" i="1"/>
  <c r="AF108447" i="1"/>
  <c r="AF108448" i="1"/>
  <c r="AF108449" i="1"/>
  <c r="AF108450" i="1"/>
  <c r="AF108451" i="1"/>
  <c r="AF108452" i="1"/>
  <c r="AF108453" i="1"/>
  <c r="AF108454" i="1"/>
  <c r="AF108455" i="1"/>
  <c r="AF108456" i="1"/>
  <c r="AF108457" i="1"/>
  <c r="AF108458" i="1"/>
  <c r="AF108459" i="1"/>
  <c r="AF108460" i="1"/>
  <c r="AF108461" i="1"/>
  <c r="AF108462" i="1"/>
  <c r="AF108463" i="1"/>
  <c r="AF108464" i="1"/>
  <c r="AF108465" i="1"/>
  <c r="AF108466" i="1"/>
  <c r="AF108467" i="1"/>
  <c r="AF108468" i="1"/>
  <c r="AF108469" i="1"/>
  <c r="AF108470" i="1"/>
  <c r="AF108471" i="1"/>
  <c r="AF108472" i="1"/>
  <c r="AF108473" i="1"/>
  <c r="AF108474" i="1"/>
  <c r="AF108475" i="1"/>
  <c r="AF108476" i="1"/>
  <c r="AF108477" i="1"/>
  <c r="AF108478" i="1"/>
  <c r="AF108479" i="1"/>
  <c r="AF108480" i="1"/>
  <c r="AF108481" i="1"/>
  <c r="AF108482" i="1"/>
  <c r="AF108483" i="1"/>
  <c r="AF108484" i="1"/>
  <c r="AF108485" i="1"/>
  <c r="AF108486" i="1"/>
  <c r="AF108487" i="1"/>
  <c r="AF108488" i="1"/>
  <c r="AF108489" i="1"/>
  <c r="AF108490" i="1"/>
  <c r="AF108491" i="1"/>
  <c r="AF108492" i="1"/>
  <c r="AF108493" i="1"/>
  <c r="AF108494" i="1"/>
  <c r="AF108495" i="1"/>
  <c r="AF108496" i="1"/>
  <c r="AF108497" i="1"/>
  <c r="AF108498" i="1"/>
  <c r="AF108499" i="1"/>
  <c r="AF108500" i="1"/>
  <c r="AF108501" i="1"/>
  <c r="AF108502" i="1"/>
  <c r="AF108503" i="1"/>
  <c r="AF108504" i="1"/>
  <c r="AF108505" i="1"/>
  <c r="AF108506" i="1"/>
  <c r="AF108507" i="1"/>
  <c r="AF108508" i="1"/>
  <c r="AF108509" i="1"/>
  <c r="AF108510" i="1"/>
  <c r="AF108511" i="1"/>
  <c r="AF108512" i="1"/>
  <c r="AF108513" i="1"/>
  <c r="AF108514" i="1"/>
  <c r="AF108515" i="1"/>
  <c r="AF108516" i="1"/>
  <c r="AF108517" i="1"/>
  <c r="AF108518" i="1"/>
  <c r="AF108519" i="1"/>
  <c r="AF108520" i="1"/>
  <c r="AF108521" i="1"/>
  <c r="AF108522" i="1"/>
  <c r="AF108523" i="1"/>
  <c r="AF108524" i="1"/>
  <c r="AF108525" i="1"/>
  <c r="AF108526" i="1"/>
  <c r="AF108527" i="1"/>
  <c r="AF108528" i="1"/>
  <c r="AF108529" i="1"/>
  <c r="AF108530" i="1"/>
  <c r="AF108531" i="1"/>
  <c r="AF108532" i="1"/>
  <c r="AF108533" i="1"/>
  <c r="AF108534" i="1"/>
  <c r="AF108535" i="1"/>
  <c r="AF108536" i="1"/>
  <c r="AF108537" i="1"/>
  <c r="AF108538" i="1"/>
  <c r="AF108539" i="1"/>
  <c r="AF108540" i="1"/>
  <c r="AF108541" i="1"/>
  <c r="AF108542" i="1"/>
  <c r="AF108543" i="1"/>
  <c r="AF108544" i="1"/>
  <c r="AF108545" i="1"/>
  <c r="AF108546" i="1"/>
  <c r="AF108547" i="1"/>
  <c r="AF108548" i="1"/>
  <c r="AF108549" i="1"/>
  <c r="AF108550" i="1"/>
  <c r="AF108551" i="1"/>
  <c r="AF108552" i="1"/>
  <c r="AF108553" i="1"/>
  <c r="AF108554" i="1"/>
  <c r="AF108555" i="1"/>
  <c r="AF108556" i="1"/>
  <c r="AF108557" i="1"/>
  <c r="AF108558" i="1"/>
  <c r="AF108559" i="1"/>
  <c r="AF108560" i="1"/>
  <c r="AF108561" i="1"/>
  <c r="AF108562" i="1"/>
  <c r="AF108563" i="1"/>
  <c r="AF108564" i="1"/>
  <c r="AF108565" i="1"/>
  <c r="AF108566" i="1"/>
  <c r="AF108567" i="1"/>
  <c r="AF108568" i="1"/>
  <c r="AF108569" i="1"/>
  <c r="AF108570" i="1"/>
  <c r="AF108571" i="1"/>
  <c r="AF108572" i="1"/>
  <c r="AF108573" i="1"/>
  <c r="AF108574" i="1"/>
  <c r="AF108575" i="1"/>
  <c r="AF108576" i="1"/>
  <c r="AF108577" i="1"/>
  <c r="AF108578" i="1"/>
  <c r="AF108579" i="1"/>
  <c r="AF108580" i="1"/>
  <c r="AF108581" i="1"/>
  <c r="AF108582" i="1"/>
  <c r="AF108583" i="1"/>
  <c r="AF108584" i="1"/>
  <c r="AF108585" i="1"/>
  <c r="AF108586" i="1"/>
  <c r="AF108587" i="1"/>
  <c r="AF108588" i="1"/>
  <c r="AF108589" i="1"/>
  <c r="AF108590" i="1"/>
  <c r="AF108591" i="1"/>
  <c r="AF108592" i="1"/>
  <c r="AF108593" i="1"/>
  <c r="AF108594" i="1"/>
  <c r="AF108595" i="1"/>
  <c r="AF108596" i="1"/>
  <c r="AF108597" i="1"/>
  <c r="AF108598" i="1"/>
  <c r="AF108599" i="1"/>
  <c r="AF108600" i="1"/>
  <c r="AF108601" i="1"/>
  <c r="AF108602" i="1"/>
  <c r="AF108603" i="1"/>
  <c r="AF108604" i="1"/>
  <c r="AF108605" i="1"/>
  <c r="AF108606" i="1"/>
  <c r="AF108607" i="1"/>
  <c r="AF108608" i="1"/>
  <c r="AF108609" i="1"/>
  <c r="AF108610" i="1"/>
  <c r="AF108611" i="1"/>
  <c r="AF108612" i="1"/>
  <c r="AF108613" i="1"/>
  <c r="AF108614" i="1"/>
  <c r="AF108615" i="1"/>
  <c r="AF108616" i="1"/>
  <c r="AF108617" i="1"/>
  <c r="AF108618" i="1"/>
  <c r="AF108619" i="1"/>
  <c r="AF108620" i="1"/>
  <c r="AF108621" i="1"/>
  <c r="AF108622" i="1"/>
  <c r="AF108623" i="1"/>
  <c r="AF108624" i="1"/>
  <c r="AF108625" i="1"/>
  <c r="AF108626" i="1"/>
  <c r="AF108627" i="1"/>
  <c r="AF108628" i="1"/>
  <c r="AF108629" i="1"/>
  <c r="AF108630" i="1"/>
  <c r="AF108631" i="1"/>
  <c r="AF108632" i="1"/>
  <c r="AF108633" i="1"/>
  <c r="AF108634" i="1"/>
  <c r="AF108635" i="1"/>
  <c r="AF108636" i="1"/>
  <c r="AF108637" i="1"/>
  <c r="AF108638" i="1"/>
  <c r="AF108639" i="1"/>
  <c r="AF108640" i="1"/>
  <c r="AF108641" i="1"/>
  <c r="AF108642" i="1"/>
  <c r="AF108643" i="1"/>
  <c r="AF108644" i="1"/>
  <c r="AF108645" i="1"/>
  <c r="AF108646" i="1"/>
  <c r="AF108647" i="1"/>
  <c r="AF108648" i="1"/>
  <c r="AF108649" i="1"/>
  <c r="AF108650" i="1"/>
  <c r="AF108651" i="1"/>
  <c r="AF108652" i="1"/>
  <c r="AF108653" i="1"/>
  <c r="AF108654" i="1"/>
  <c r="AF108655" i="1"/>
  <c r="AF108656" i="1"/>
  <c r="AF108657" i="1"/>
  <c r="AF108658" i="1"/>
  <c r="AF108659" i="1"/>
  <c r="AF108660" i="1"/>
  <c r="AF108661" i="1"/>
  <c r="AF108662" i="1"/>
  <c r="AF108663" i="1"/>
  <c r="AF108664" i="1"/>
  <c r="AF108665" i="1"/>
  <c r="AF108666" i="1"/>
  <c r="AF108667" i="1"/>
  <c r="AF108668" i="1"/>
  <c r="AF108669" i="1"/>
  <c r="AF108670" i="1"/>
  <c r="AF108671" i="1"/>
  <c r="AF108672" i="1"/>
  <c r="AF108673" i="1"/>
  <c r="AF108674" i="1"/>
  <c r="AF108675" i="1"/>
  <c r="AF108676" i="1"/>
  <c r="AF108677" i="1"/>
  <c r="AF108678" i="1"/>
  <c r="AF108679" i="1"/>
  <c r="AF108680" i="1"/>
  <c r="AF108681" i="1"/>
  <c r="AF108682" i="1"/>
  <c r="AF108683" i="1"/>
  <c r="AF108684" i="1"/>
  <c r="AF108685" i="1"/>
  <c r="AF108686" i="1"/>
  <c r="AF108687" i="1"/>
  <c r="AF108688" i="1"/>
  <c r="AF108689" i="1"/>
  <c r="AF108690" i="1"/>
  <c r="AF108691" i="1"/>
  <c r="AF108692" i="1"/>
  <c r="AF108693" i="1"/>
  <c r="AF108694" i="1"/>
  <c r="AF108695" i="1"/>
  <c r="AF108696" i="1"/>
  <c r="AF108697" i="1"/>
  <c r="AF108698" i="1"/>
  <c r="AF108699" i="1"/>
  <c r="AF108700" i="1"/>
  <c r="AF108701" i="1"/>
  <c r="AF108702" i="1"/>
  <c r="AF108703" i="1"/>
  <c r="AF108704" i="1"/>
  <c r="AF108705" i="1"/>
  <c r="AF108706" i="1"/>
  <c r="AF108707" i="1"/>
  <c r="AF108708" i="1"/>
  <c r="AF108709" i="1"/>
  <c r="AF108710" i="1"/>
  <c r="AF108711" i="1"/>
  <c r="AF108712" i="1"/>
  <c r="AF108713" i="1"/>
  <c r="AF108714" i="1"/>
  <c r="AF108715" i="1"/>
  <c r="AF108716" i="1"/>
  <c r="AF108717" i="1"/>
  <c r="AF108718" i="1"/>
  <c r="AF108719" i="1"/>
  <c r="AF108720" i="1"/>
  <c r="AF108721" i="1"/>
  <c r="AF108722" i="1"/>
  <c r="AF108723" i="1"/>
  <c r="AF108724" i="1"/>
  <c r="AF108725" i="1"/>
  <c r="AF108726" i="1"/>
  <c r="AF108727" i="1"/>
  <c r="AF108728" i="1"/>
  <c r="AF108729" i="1"/>
  <c r="AF108730" i="1"/>
  <c r="AF108731" i="1"/>
  <c r="AF108732" i="1"/>
  <c r="AF108733" i="1"/>
  <c r="AF108734" i="1"/>
  <c r="AF108735" i="1"/>
  <c r="AF108736" i="1"/>
  <c r="AF108737" i="1"/>
  <c r="AF108738" i="1"/>
  <c r="AF108739" i="1"/>
  <c r="AF108740" i="1"/>
  <c r="AF108741" i="1"/>
  <c r="AF108742" i="1"/>
  <c r="AF108743" i="1"/>
  <c r="AF108744" i="1"/>
  <c r="AF108745" i="1"/>
  <c r="AF108746" i="1"/>
  <c r="AF108747" i="1"/>
  <c r="AF108748" i="1"/>
  <c r="AF108749" i="1"/>
  <c r="AF108750" i="1"/>
  <c r="AF108751" i="1"/>
  <c r="AF108752" i="1"/>
  <c r="AF108753" i="1"/>
  <c r="AF108754" i="1"/>
  <c r="AF108755" i="1"/>
  <c r="AF108756" i="1"/>
  <c r="AF108757" i="1"/>
  <c r="AF108758" i="1"/>
  <c r="AF108759" i="1"/>
  <c r="AF108760" i="1"/>
  <c r="AF108761" i="1"/>
  <c r="AF108762" i="1"/>
  <c r="AF108763" i="1"/>
  <c r="AF108764" i="1"/>
  <c r="AF108765" i="1"/>
  <c r="AF108766" i="1"/>
  <c r="AF108767" i="1"/>
  <c r="AF108768" i="1"/>
  <c r="AF108769" i="1"/>
  <c r="AF108770" i="1"/>
  <c r="AF108771" i="1"/>
  <c r="AF108772" i="1"/>
  <c r="AF108773" i="1"/>
  <c r="AF108774" i="1"/>
  <c r="AF108775" i="1"/>
  <c r="AF108776" i="1"/>
  <c r="AF108777" i="1"/>
  <c r="AF108778" i="1"/>
  <c r="AF108779" i="1"/>
  <c r="AF108780" i="1"/>
  <c r="AF108781" i="1"/>
  <c r="AF108782" i="1"/>
  <c r="AF108783" i="1"/>
  <c r="AF108784" i="1"/>
  <c r="AF108785" i="1"/>
  <c r="AF108786" i="1"/>
  <c r="AF108787" i="1"/>
  <c r="AF108788" i="1"/>
  <c r="AF108789" i="1"/>
  <c r="AF108790" i="1"/>
  <c r="AF108791" i="1"/>
  <c r="AF108792" i="1"/>
  <c r="AF108793" i="1"/>
  <c r="AF108794" i="1"/>
  <c r="AF108795" i="1"/>
  <c r="AF108796" i="1"/>
  <c r="AF108797" i="1"/>
  <c r="AF108798" i="1"/>
  <c r="AF108799" i="1"/>
  <c r="AF108800" i="1"/>
  <c r="AF108801" i="1"/>
  <c r="AF108802" i="1"/>
  <c r="AF108803" i="1"/>
  <c r="AF108804" i="1"/>
  <c r="AF108805" i="1"/>
  <c r="AF108806" i="1"/>
  <c r="AF108807" i="1"/>
  <c r="AF108808" i="1"/>
  <c r="AF108809" i="1"/>
  <c r="AF108810" i="1"/>
  <c r="AF108811" i="1"/>
  <c r="AF108812" i="1"/>
  <c r="AF108813" i="1"/>
  <c r="AF108814" i="1"/>
  <c r="AF108815" i="1"/>
  <c r="AF108816" i="1"/>
  <c r="AF108817" i="1"/>
  <c r="AF108818" i="1"/>
  <c r="AF108819" i="1"/>
  <c r="AF108820" i="1"/>
  <c r="AF108821" i="1"/>
  <c r="AF108822" i="1"/>
  <c r="AF108823" i="1"/>
  <c r="AF108824" i="1"/>
  <c r="AF108825" i="1"/>
  <c r="AF108826" i="1"/>
  <c r="AF108827" i="1"/>
  <c r="AF108828" i="1"/>
  <c r="AF108829" i="1"/>
  <c r="AF108830" i="1"/>
  <c r="AF108831" i="1"/>
  <c r="AF108832" i="1"/>
  <c r="AF108833" i="1"/>
  <c r="AF108834" i="1"/>
  <c r="AF108835" i="1"/>
  <c r="AF108836" i="1"/>
  <c r="AF108837" i="1"/>
  <c r="AF108838" i="1"/>
  <c r="AF108839" i="1"/>
  <c r="AF108840" i="1"/>
  <c r="AF108841" i="1"/>
  <c r="AF108842" i="1"/>
  <c r="AF108843" i="1"/>
  <c r="AF108844" i="1"/>
  <c r="AF108845" i="1"/>
  <c r="AF108846" i="1"/>
  <c r="AF108847" i="1"/>
  <c r="AF108848" i="1"/>
  <c r="AF108849" i="1"/>
  <c r="AF108850" i="1"/>
  <c r="AF108851" i="1"/>
  <c r="AF108852" i="1"/>
  <c r="AF108853" i="1"/>
  <c r="AF108854" i="1"/>
  <c r="AF108855" i="1"/>
  <c r="AF108856" i="1"/>
  <c r="AF108857" i="1"/>
  <c r="AF108858" i="1"/>
  <c r="AF108859" i="1"/>
  <c r="AF108860" i="1"/>
  <c r="AF108861" i="1"/>
  <c r="AF108862" i="1"/>
  <c r="AF108863" i="1"/>
  <c r="AF108864" i="1"/>
  <c r="AF108865" i="1"/>
  <c r="AF108866" i="1"/>
  <c r="AF108867" i="1"/>
  <c r="AF108868" i="1"/>
  <c r="AF108869" i="1"/>
  <c r="AF108870" i="1"/>
  <c r="AF108871" i="1"/>
  <c r="AF108872" i="1"/>
  <c r="AF108873" i="1"/>
  <c r="AF108874" i="1"/>
  <c r="AF108875" i="1"/>
  <c r="AF108876" i="1"/>
  <c r="AF108877" i="1"/>
  <c r="AF108878" i="1"/>
  <c r="AF108879" i="1"/>
  <c r="AF108880" i="1"/>
  <c r="AF108881" i="1"/>
  <c r="AF108882" i="1"/>
  <c r="AF108883" i="1"/>
  <c r="AF108884" i="1"/>
  <c r="AF108885" i="1"/>
  <c r="AF108886" i="1"/>
  <c r="AF108887" i="1"/>
  <c r="AF108888" i="1"/>
  <c r="AF108889" i="1"/>
  <c r="AF108890" i="1"/>
  <c r="AF108891" i="1"/>
  <c r="AF108892" i="1"/>
  <c r="AF108893" i="1"/>
  <c r="AF108894" i="1"/>
  <c r="AF108895" i="1"/>
  <c r="AF108896" i="1"/>
  <c r="AF108897" i="1"/>
  <c r="AF108898" i="1"/>
  <c r="AF108899" i="1"/>
  <c r="AF108900" i="1"/>
  <c r="AF108901" i="1"/>
  <c r="AF108902" i="1"/>
  <c r="AF108903" i="1"/>
  <c r="AF108904" i="1"/>
  <c r="AF108905" i="1"/>
  <c r="AF108906" i="1"/>
  <c r="AF108907" i="1"/>
  <c r="AF108908" i="1"/>
  <c r="AF108909" i="1"/>
  <c r="AF108910" i="1"/>
  <c r="AF108911" i="1"/>
  <c r="AF108912" i="1"/>
  <c r="AF108913" i="1"/>
  <c r="AF108914" i="1"/>
  <c r="AF108915" i="1"/>
  <c r="AF108916" i="1"/>
  <c r="AF108917" i="1"/>
  <c r="AF108918" i="1"/>
  <c r="AF108919" i="1"/>
  <c r="AF108920" i="1"/>
  <c r="AF108921" i="1"/>
  <c r="AF108922" i="1"/>
  <c r="AF108923" i="1"/>
  <c r="AF108924" i="1"/>
  <c r="AF108925" i="1"/>
  <c r="AF108926" i="1"/>
  <c r="AF108927" i="1"/>
  <c r="AF108928" i="1"/>
  <c r="AF108929" i="1"/>
  <c r="AF108930" i="1"/>
  <c r="AF108931" i="1"/>
  <c r="AF108932" i="1"/>
  <c r="AF108933" i="1"/>
  <c r="AF108934" i="1"/>
  <c r="AF108935" i="1"/>
  <c r="AF108936" i="1"/>
  <c r="AF108937" i="1"/>
  <c r="AF108938" i="1"/>
  <c r="AF108939" i="1"/>
  <c r="AF108940" i="1"/>
  <c r="AF108941" i="1"/>
  <c r="AF108942" i="1"/>
  <c r="AF108943" i="1"/>
  <c r="AF108944" i="1"/>
  <c r="AF108945" i="1"/>
  <c r="AF108946" i="1"/>
  <c r="AF108947" i="1"/>
  <c r="AF108948" i="1"/>
  <c r="AF108949" i="1"/>
  <c r="AF108950" i="1"/>
  <c r="AF108951" i="1"/>
  <c r="AF108952" i="1"/>
  <c r="AF108953" i="1"/>
  <c r="AF108954" i="1"/>
  <c r="AF108955" i="1"/>
  <c r="AF108956" i="1"/>
  <c r="AF108957" i="1"/>
  <c r="AF108958" i="1"/>
  <c r="AF108959" i="1"/>
  <c r="AF108960" i="1"/>
  <c r="AF108961" i="1"/>
  <c r="AF108962" i="1"/>
  <c r="AF108963" i="1"/>
  <c r="AF108964" i="1"/>
  <c r="AF108965" i="1"/>
  <c r="AF108966" i="1"/>
  <c r="AF108967" i="1"/>
  <c r="AF108968" i="1"/>
  <c r="AF108969" i="1"/>
  <c r="AF108970" i="1"/>
  <c r="AF108971" i="1"/>
  <c r="AF108972" i="1"/>
  <c r="AF108973" i="1"/>
  <c r="AF108974" i="1"/>
  <c r="AF108975" i="1"/>
  <c r="AF108976" i="1"/>
  <c r="AF108977" i="1"/>
  <c r="AF108978" i="1"/>
  <c r="AF108979" i="1"/>
  <c r="AF108980" i="1"/>
  <c r="AF108981" i="1"/>
  <c r="AF108982" i="1"/>
  <c r="AF108983" i="1"/>
  <c r="AF108984" i="1"/>
  <c r="AF108985" i="1"/>
  <c r="AF108986" i="1"/>
  <c r="AF108987" i="1"/>
  <c r="AF108988" i="1"/>
  <c r="AF108989" i="1"/>
  <c r="AF108990" i="1"/>
  <c r="AF108991" i="1"/>
  <c r="AF108992" i="1"/>
  <c r="AF108993" i="1"/>
  <c r="AF108994" i="1"/>
  <c r="AF108995" i="1"/>
  <c r="AF108996" i="1"/>
  <c r="AF108997" i="1"/>
  <c r="AF108998" i="1"/>
  <c r="AF108999" i="1"/>
  <c r="AF109000" i="1"/>
  <c r="AF109001" i="1"/>
  <c r="AF109002" i="1"/>
  <c r="AF109003" i="1"/>
  <c r="AF109004" i="1"/>
  <c r="AF109005" i="1"/>
  <c r="AF109006" i="1"/>
  <c r="AF109007" i="1"/>
  <c r="AF109008" i="1"/>
  <c r="AF109009" i="1"/>
  <c r="AF109010" i="1"/>
  <c r="AF109011" i="1"/>
  <c r="AF109012" i="1"/>
  <c r="AF109013" i="1"/>
  <c r="AF109014" i="1"/>
  <c r="AF109015" i="1"/>
  <c r="AF109016" i="1"/>
  <c r="AF109017" i="1"/>
  <c r="AF109018" i="1"/>
  <c r="AF109019" i="1"/>
  <c r="AF109020" i="1"/>
  <c r="AF109021" i="1"/>
  <c r="AF109022" i="1"/>
  <c r="AF109023" i="1"/>
  <c r="AF109024" i="1"/>
  <c r="AF109025" i="1"/>
  <c r="AF109026" i="1"/>
  <c r="AF109027" i="1"/>
  <c r="AF109028" i="1"/>
  <c r="AF109029" i="1"/>
  <c r="AF109030" i="1"/>
  <c r="AF109031" i="1"/>
  <c r="AF109032" i="1"/>
  <c r="AF109033" i="1"/>
  <c r="AF109034" i="1"/>
  <c r="AF109035" i="1"/>
  <c r="AF109036" i="1"/>
  <c r="AF109037" i="1"/>
  <c r="AF109038" i="1"/>
  <c r="AF109039" i="1"/>
  <c r="AF109040" i="1"/>
  <c r="AF109041" i="1"/>
  <c r="AF109042" i="1"/>
  <c r="AF109043" i="1"/>
  <c r="AF109044" i="1"/>
  <c r="AF109045" i="1"/>
  <c r="AF109046" i="1"/>
  <c r="AF109047" i="1"/>
  <c r="AF109048" i="1"/>
  <c r="AF109049" i="1"/>
  <c r="AF109050" i="1"/>
  <c r="AF109051" i="1"/>
  <c r="AF109052" i="1"/>
  <c r="AF109053" i="1"/>
  <c r="AF109054" i="1"/>
  <c r="AF109055" i="1"/>
  <c r="AF109056" i="1"/>
  <c r="AF109057" i="1"/>
  <c r="AF109058" i="1"/>
  <c r="AF109059" i="1"/>
  <c r="AF109060" i="1"/>
  <c r="AF109061" i="1"/>
  <c r="AF109062" i="1"/>
  <c r="AF109063" i="1"/>
  <c r="AF109064" i="1"/>
  <c r="AF109065" i="1"/>
  <c r="AF109066" i="1"/>
  <c r="AF109067" i="1"/>
  <c r="AF109068" i="1"/>
  <c r="AF109069" i="1"/>
  <c r="AF109070" i="1"/>
  <c r="AF109071" i="1"/>
  <c r="AF109072" i="1"/>
  <c r="AF109073" i="1"/>
  <c r="AF109074" i="1"/>
  <c r="AF109075" i="1"/>
  <c r="AF109076" i="1"/>
  <c r="AF109077" i="1"/>
  <c r="AF109078" i="1"/>
  <c r="AF109079" i="1"/>
  <c r="AF109080" i="1"/>
  <c r="AF109081" i="1"/>
  <c r="AF109082" i="1"/>
  <c r="AF109083" i="1"/>
  <c r="AF109084" i="1"/>
  <c r="AF109085" i="1"/>
  <c r="AF109086" i="1"/>
  <c r="AF109087" i="1"/>
  <c r="AF109088" i="1"/>
  <c r="AF109089" i="1"/>
  <c r="AF109090" i="1"/>
  <c r="AF109091" i="1"/>
  <c r="AF109092" i="1"/>
  <c r="AF109093" i="1"/>
  <c r="AF109094" i="1"/>
  <c r="AF109095" i="1"/>
  <c r="AF109096" i="1"/>
  <c r="AF109097" i="1"/>
  <c r="AF109098" i="1"/>
  <c r="AF109099" i="1"/>
  <c r="AF109100" i="1"/>
  <c r="AF109101" i="1"/>
  <c r="AF109102" i="1"/>
  <c r="AF109103" i="1"/>
  <c r="AF109104" i="1"/>
  <c r="AF109105" i="1"/>
  <c r="AF109106" i="1"/>
  <c r="AF109107" i="1"/>
  <c r="AF109108" i="1"/>
  <c r="AF109109" i="1"/>
  <c r="AF109110" i="1"/>
  <c r="AF109111" i="1"/>
  <c r="AF109112" i="1"/>
  <c r="AF109113" i="1"/>
  <c r="AF109114" i="1"/>
  <c r="AF109115" i="1"/>
  <c r="AF109116" i="1"/>
  <c r="AF109117" i="1"/>
  <c r="AF109118" i="1"/>
  <c r="AF109119" i="1"/>
  <c r="AF109120" i="1"/>
  <c r="AF109121" i="1"/>
  <c r="AF109122" i="1"/>
  <c r="AF109123" i="1"/>
  <c r="AF109124" i="1"/>
  <c r="AF109125" i="1"/>
  <c r="AF109126" i="1"/>
  <c r="AF109127" i="1"/>
  <c r="AF109128" i="1"/>
  <c r="AF109129" i="1"/>
  <c r="AF109130" i="1"/>
  <c r="AF109131" i="1"/>
  <c r="AF109132" i="1"/>
  <c r="AF109133" i="1"/>
  <c r="AF109134" i="1"/>
  <c r="AF109135" i="1"/>
  <c r="AF109136" i="1"/>
  <c r="AF109137" i="1"/>
  <c r="AF109138" i="1"/>
  <c r="AF109139" i="1"/>
  <c r="AF109140" i="1"/>
  <c r="AF109141" i="1"/>
  <c r="AF109142" i="1"/>
  <c r="AF109143" i="1"/>
  <c r="AF109144" i="1"/>
  <c r="AF109145" i="1"/>
  <c r="AF109146" i="1"/>
  <c r="AF109147" i="1"/>
  <c r="AF109148" i="1"/>
  <c r="AF109149" i="1"/>
  <c r="AF109150" i="1"/>
  <c r="AF109151" i="1"/>
  <c r="AF109152" i="1"/>
  <c r="AF109153" i="1"/>
  <c r="AF109154" i="1"/>
  <c r="AF109155" i="1"/>
  <c r="AF109156" i="1"/>
  <c r="AF109157" i="1"/>
  <c r="AF109158" i="1"/>
  <c r="AF109159" i="1"/>
  <c r="AF109160" i="1"/>
  <c r="AF109161" i="1"/>
  <c r="AF109162" i="1"/>
  <c r="AF109163" i="1"/>
  <c r="AF109164" i="1"/>
  <c r="AF109165" i="1"/>
  <c r="AF109166" i="1"/>
  <c r="AF109167" i="1"/>
  <c r="AF109168" i="1"/>
  <c r="AF109169" i="1"/>
  <c r="AF109170" i="1"/>
  <c r="AF109171" i="1"/>
  <c r="AF109172" i="1"/>
  <c r="AF109173" i="1"/>
  <c r="AF109174" i="1"/>
  <c r="AF109175" i="1"/>
  <c r="AF109176" i="1"/>
  <c r="AF109177" i="1"/>
  <c r="AF109178" i="1"/>
  <c r="AF109179" i="1"/>
  <c r="AF109180" i="1"/>
  <c r="AF109181" i="1"/>
  <c r="AF109182" i="1"/>
  <c r="AF109183" i="1"/>
  <c r="AF109184" i="1"/>
  <c r="AF109185" i="1"/>
  <c r="AF109186" i="1"/>
  <c r="AF109187" i="1"/>
  <c r="AF109188" i="1"/>
  <c r="AF109189" i="1"/>
  <c r="AF109190" i="1"/>
  <c r="AF109191" i="1"/>
  <c r="AF109192" i="1"/>
  <c r="AF109193" i="1"/>
  <c r="AF109194" i="1"/>
  <c r="AF109195" i="1"/>
  <c r="AF109196" i="1"/>
  <c r="AF109197" i="1"/>
  <c r="AF109198" i="1"/>
  <c r="AF109199" i="1"/>
  <c r="AF109200" i="1"/>
  <c r="AF109201" i="1"/>
  <c r="AF109202" i="1"/>
  <c r="AF109203" i="1"/>
  <c r="AF109204" i="1"/>
  <c r="AF109205" i="1"/>
  <c r="AF109206" i="1"/>
  <c r="AF109207" i="1"/>
  <c r="AF109208" i="1"/>
  <c r="AF109209" i="1"/>
  <c r="AF109210" i="1"/>
  <c r="AF109211" i="1"/>
  <c r="AF109212" i="1"/>
  <c r="AF109213" i="1"/>
  <c r="AF109214" i="1"/>
  <c r="AF109215" i="1"/>
  <c r="AF109216" i="1"/>
  <c r="AF109217" i="1"/>
  <c r="AF109218" i="1"/>
  <c r="AF109219" i="1"/>
  <c r="AF109220" i="1"/>
  <c r="AF109221" i="1"/>
  <c r="AF109222" i="1"/>
  <c r="AF109223" i="1"/>
  <c r="AF109224" i="1"/>
  <c r="AF109225" i="1"/>
  <c r="AF109226" i="1"/>
  <c r="AF109227" i="1"/>
  <c r="AF109228" i="1"/>
  <c r="AF109229" i="1"/>
  <c r="AF109230" i="1"/>
  <c r="AF109231" i="1"/>
  <c r="AF109232" i="1"/>
  <c r="AF109233" i="1"/>
  <c r="AF109234" i="1"/>
  <c r="AF109235" i="1"/>
  <c r="AF109236" i="1"/>
  <c r="AF109237" i="1"/>
  <c r="AF109238" i="1"/>
  <c r="AF109239" i="1"/>
  <c r="AF109240" i="1"/>
  <c r="AF109241" i="1"/>
  <c r="AF109242" i="1"/>
  <c r="AF109243" i="1"/>
  <c r="AF109244" i="1"/>
  <c r="AF109245" i="1"/>
  <c r="AF109246" i="1"/>
  <c r="AF109247" i="1"/>
  <c r="AF109248" i="1"/>
  <c r="AF109249" i="1"/>
  <c r="AF109250" i="1"/>
  <c r="AF109251" i="1"/>
  <c r="AF109252" i="1"/>
  <c r="AF109253" i="1"/>
  <c r="AF109254" i="1"/>
  <c r="AF109255" i="1"/>
  <c r="AF109256" i="1"/>
  <c r="AF109257" i="1"/>
  <c r="AF109258" i="1"/>
  <c r="AF109259" i="1"/>
  <c r="AF109260" i="1"/>
  <c r="AF109261" i="1"/>
  <c r="AF109262" i="1"/>
  <c r="AF109263" i="1"/>
  <c r="AF109264" i="1"/>
  <c r="AF109265" i="1"/>
  <c r="AF109266" i="1"/>
  <c r="AF109267" i="1"/>
  <c r="AF109268" i="1"/>
  <c r="AF109269" i="1"/>
  <c r="AF109270" i="1"/>
  <c r="AF109271" i="1"/>
  <c r="AF109272" i="1"/>
  <c r="AF109273" i="1"/>
  <c r="AF109274" i="1"/>
  <c r="AF109275" i="1"/>
  <c r="AF109276" i="1"/>
  <c r="AF109277" i="1"/>
  <c r="AF109278" i="1"/>
  <c r="AF109279" i="1"/>
  <c r="AF109280" i="1"/>
  <c r="AF109281" i="1"/>
  <c r="AF109282" i="1"/>
  <c r="AF109283" i="1"/>
  <c r="AF109284" i="1"/>
  <c r="AF109285" i="1"/>
  <c r="AF109286" i="1"/>
  <c r="AF109287" i="1"/>
  <c r="AF109288" i="1"/>
  <c r="AF109289" i="1"/>
  <c r="AF109290" i="1"/>
  <c r="AF109291" i="1"/>
  <c r="AF109292" i="1"/>
  <c r="AF109293" i="1"/>
  <c r="AF109294" i="1"/>
  <c r="AF109295" i="1"/>
  <c r="AF109296" i="1"/>
  <c r="AF109297" i="1"/>
  <c r="AF109298" i="1"/>
  <c r="AF109299" i="1"/>
  <c r="AF109300" i="1"/>
  <c r="AF109301" i="1"/>
  <c r="AF109302" i="1"/>
  <c r="AF109303" i="1"/>
  <c r="AF109304" i="1"/>
  <c r="AF109305" i="1"/>
  <c r="AF109306" i="1"/>
  <c r="AF109307" i="1"/>
  <c r="AF109308" i="1"/>
  <c r="AF109309" i="1"/>
  <c r="AF109310" i="1"/>
  <c r="AF109311" i="1"/>
  <c r="AF109312" i="1"/>
  <c r="AF109313" i="1"/>
  <c r="AF109314" i="1"/>
  <c r="AF109315" i="1"/>
  <c r="AF109316" i="1"/>
  <c r="AF109317" i="1"/>
  <c r="AF109318" i="1"/>
  <c r="AF109319" i="1"/>
  <c r="AF109320" i="1"/>
  <c r="AF109321" i="1"/>
  <c r="AF109322" i="1"/>
  <c r="AF109323" i="1"/>
  <c r="AF109324" i="1"/>
  <c r="AF109325" i="1"/>
  <c r="AF109326" i="1"/>
  <c r="AF109327" i="1"/>
  <c r="AF109328" i="1"/>
  <c r="AF109329" i="1"/>
  <c r="AF109330" i="1"/>
  <c r="AF109331" i="1"/>
  <c r="AF109332" i="1"/>
  <c r="AF109333" i="1"/>
  <c r="AF109334" i="1"/>
  <c r="AF109335" i="1"/>
  <c r="AF109336" i="1"/>
  <c r="AF109337" i="1"/>
  <c r="AF109338" i="1"/>
  <c r="AF109339" i="1"/>
  <c r="AF109340" i="1"/>
  <c r="AF109341" i="1"/>
  <c r="AF109342" i="1"/>
  <c r="AF109343" i="1"/>
  <c r="AF109344" i="1"/>
  <c r="AF109345" i="1"/>
  <c r="AF109346" i="1"/>
  <c r="AF109347" i="1"/>
  <c r="AF109348" i="1"/>
  <c r="AF109349" i="1"/>
  <c r="AF109350" i="1"/>
  <c r="AF109351" i="1"/>
  <c r="AF109352" i="1"/>
  <c r="AF109353" i="1"/>
  <c r="AF109354" i="1"/>
  <c r="AF109355" i="1"/>
  <c r="AF109356" i="1"/>
  <c r="AF109357" i="1"/>
  <c r="AF109358" i="1"/>
  <c r="AF109359" i="1"/>
  <c r="AF109360" i="1"/>
  <c r="AF109361" i="1"/>
  <c r="AF109362" i="1"/>
  <c r="AF109363" i="1"/>
  <c r="AF109364" i="1"/>
  <c r="AF109365" i="1"/>
  <c r="AF109366" i="1"/>
  <c r="AF109367" i="1"/>
  <c r="AF109368" i="1"/>
  <c r="AF109369" i="1"/>
  <c r="AF109370" i="1"/>
  <c r="AF109371" i="1"/>
  <c r="AF109372" i="1"/>
  <c r="AF109373" i="1"/>
  <c r="AF109374" i="1"/>
  <c r="AF109375" i="1"/>
  <c r="AF109376" i="1"/>
  <c r="AF109377" i="1"/>
  <c r="AF109378" i="1"/>
  <c r="AF109379" i="1"/>
  <c r="AF109380" i="1"/>
  <c r="AF109381" i="1"/>
  <c r="AF109382" i="1"/>
  <c r="AF109383" i="1"/>
  <c r="AF109384" i="1"/>
  <c r="AF109385" i="1"/>
  <c r="AF109386" i="1"/>
  <c r="AF109387" i="1"/>
  <c r="AF109388" i="1"/>
  <c r="AF109389" i="1"/>
  <c r="AF109390" i="1"/>
  <c r="AF109391" i="1"/>
  <c r="AF109392" i="1"/>
  <c r="AF109393" i="1"/>
  <c r="AF109394" i="1"/>
  <c r="AF109395" i="1"/>
  <c r="AF109396" i="1"/>
  <c r="AF109397" i="1"/>
  <c r="AF109398" i="1"/>
  <c r="AF109399" i="1"/>
  <c r="AF109400" i="1"/>
  <c r="AF109401" i="1"/>
  <c r="AF109402" i="1"/>
  <c r="AF109403" i="1"/>
  <c r="AF109404" i="1"/>
  <c r="AF109405" i="1"/>
  <c r="AF109406" i="1"/>
  <c r="AF109407" i="1"/>
  <c r="AF109408" i="1"/>
  <c r="AF109409" i="1"/>
  <c r="AF109410" i="1"/>
  <c r="AF109411" i="1"/>
  <c r="AF109412" i="1"/>
  <c r="AF109413" i="1"/>
  <c r="AF109414" i="1"/>
  <c r="AF109415" i="1"/>
  <c r="AF109416" i="1"/>
  <c r="AF109417" i="1"/>
  <c r="AF109418" i="1"/>
  <c r="AF109419" i="1"/>
  <c r="AF109420" i="1"/>
  <c r="AF109421" i="1"/>
  <c r="AF109422" i="1"/>
  <c r="AF109423" i="1"/>
  <c r="AF109424" i="1"/>
  <c r="AF109425" i="1"/>
  <c r="AF109426" i="1"/>
  <c r="AF109427" i="1"/>
  <c r="AF109428" i="1"/>
  <c r="AF109429" i="1"/>
  <c r="AF109430" i="1"/>
  <c r="AF109431" i="1"/>
  <c r="AF109432" i="1"/>
  <c r="AF109433" i="1"/>
  <c r="AF109434" i="1"/>
  <c r="AF109435" i="1"/>
  <c r="AF109436" i="1"/>
  <c r="AF109437" i="1"/>
  <c r="AF109438" i="1"/>
  <c r="AF109439" i="1"/>
  <c r="AF109440" i="1"/>
  <c r="AF109441" i="1"/>
  <c r="AF109442" i="1"/>
  <c r="AF109443" i="1"/>
  <c r="AF109444" i="1"/>
  <c r="AF109445" i="1"/>
  <c r="AF109446" i="1"/>
  <c r="AF109447" i="1"/>
  <c r="AF109448" i="1"/>
  <c r="AF109449" i="1"/>
  <c r="AF109450" i="1"/>
  <c r="AF109451" i="1"/>
  <c r="AF109452" i="1"/>
  <c r="AF109453" i="1"/>
  <c r="AF109454" i="1"/>
  <c r="AF109455" i="1"/>
  <c r="AF109456" i="1"/>
  <c r="AF109457" i="1"/>
  <c r="AF109458" i="1"/>
  <c r="AF109459" i="1"/>
  <c r="AF109460" i="1"/>
  <c r="AF109461" i="1"/>
  <c r="AF109462" i="1"/>
  <c r="AF109463" i="1"/>
  <c r="AF109464" i="1"/>
  <c r="AF109465" i="1"/>
  <c r="AF109466" i="1"/>
  <c r="AF109467" i="1"/>
  <c r="AF109468" i="1"/>
  <c r="AF109469" i="1"/>
  <c r="AF109470" i="1"/>
  <c r="AF109471" i="1"/>
  <c r="AF109472" i="1"/>
  <c r="AF109473" i="1"/>
  <c r="AF109474" i="1"/>
  <c r="AF109475" i="1"/>
  <c r="AF109476" i="1"/>
  <c r="AF109477" i="1"/>
  <c r="AF109478" i="1"/>
  <c r="AF109479" i="1"/>
  <c r="AF109480" i="1"/>
  <c r="AF109481" i="1"/>
  <c r="AF109482" i="1"/>
  <c r="AF109483" i="1"/>
  <c r="AF109484" i="1"/>
  <c r="AF109485" i="1"/>
  <c r="AF109486" i="1"/>
  <c r="AF109487" i="1"/>
  <c r="AF109488" i="1"/>
  <c r="AF109489" i="1"/>
  <c r="AF109490" i="1"/>
  <c r="AF109491" i="1"/>
  <c r="AF109492" i="1"/>
  <c r="AF109493" i="1"/>
  <c r="AF109494" i="1"/>
  <c r="AF109495" i="1"/>
  <c r="AF109496" i="1"/>
  <c r="AF109497" i="1"/>
  <c r="AF109498" i="1"/>
  <c r="AF109499" i="1"/>
  <c r="AF109500" i="1"/>
  <c r="AF109501" i="1"/>
  <c r="AF109502" i="1"/>
  <c r="AF109503" i="1"/>
  <c r="AF109504" i="1"/>
  <c r="AF109505" i="1"/>
  <c r="AF109506" i="1"/>
  <c r="AF109507" i="1"/>
  <c r="AF109508" i="1"/>
  <c r="AF109509" i="1"/>
  <c r="AF109510" i="1"/>
  <c r="AF109511" i="1"/>
  <c r="AF109512" i="1"/>
  <c r="AF109513" i="1"/>
  <c r="AF109514" i="1"/>
  <c r="AF109515" i="1"/>
  <c r="AF109516" i="1"/>
  <c r="AF109517" i="1"/>
  <c r="AF109518" i="1"/>
  <c r="AF109519" i="1"/>
  <c r="AF109520" i="1"/>
  <c r="AF109521" i="1"/>
  <c r="AF109522" i="1"/>
  <c r="AF109523" i="1"/>
  <c r="AF109524" i="1"/>
  <c r="AF109525" i="1"/>
  <c r="AF109526" i="1"/>
  <c r="AF109527" i="1"/>
  <c r="AF109528" i="1"/>
  <c r="AF109529" i="1"/>
  <c r="AF109530" i="1"/>
  <c r="AF109531" i="1"/>
  <c r="AF109532" i="1"/>
  <c r="AF109533" i="1"/>
  <c r="AF109534" i="1"/>
  <c r="AF109535" i="1"/>
  <c r="AF109536" i="1"/>
  <c r="AF109537" i="1"/>
  <c r="AF109538" i="1"/>
  <c r="AF109539" i="1"/>
  <c r="AF109540" i="1"/>
  <c r="AF109541" i="1"/>
  <c r="AF109542" i="1"/>
  <c r="AF109543" i="1"/>
  <c r="AF109544" i="1"/>
  <c r="AF109545" i="1"/>
  <c r="AF109546" i="1"/>
  <c r="AF109547" i="1"/>
  <c r="AF109548" i="1"/>
  <c r="AF109549" i="1"/>
  <c r="AF109550" i="1"/>
  <c r="AF109551" i="1"/>
  <c r="AF109552" i="1"/>
  <c r="AF109553" i="1"/>
  <c r="AF109554" i="1"/>
  <c r="AF109555" i="1"/>
  <c r="AF109556" i="1"/>
  <c r="AF109557" i="1"/>
  <c r="AF109558" i="1"/>
  <c r="AF109559" i="1"/>
  <c r="AF109560" i="1"/>
  <c r="AF109561" i="1"/>
  <c r="AF109562" i="1"/>
  <c r="AF109563" i="1"/>
  <c r="AF109564" i="1"/>
  <c r="AF109565" i="1"/>
  <c r="AF109566" i="1"/>
  <c r="AF109567" i="1"/>
  <c r="AF109568" i="1"/>
  <c r="AF109569" i="1"/>
  <c r="AF109570" i="1"/>
  <c r="AF109571" i="1"/>
  <c r="AF109572" i="1"/>
  <c r="AF109573" i="1"/>
  <c r="AF109574" i="1"/>
  <c r="AF109575" i="1"/>
  <c r="AF109576" i="1"/>
  <c r="AF109577" i="1"/>
  <c r="AF109578" i="1"/>
  <c r="AF109579" i="1"/>
  <c r="AF109580" i="1"/>
  <c r="AF109581" i="1"/>
  <c r="AF109582" i="1"/>
  <c r="AF109583" i="1"/>
  <c r="AF109584" i="1"/>
  <c r="AF109585" i="1"/>
  <c r="AF109586" i="1"/>
  <c r="AF109587" i="1"/>
  <c r="AF109588" i="1"/>
  <c r="AF109589" i="1"/>
  <c r="AF109590" i="1"/>
  <c r="AF109591" i="1"/>
  <c r="AF109592" i="1"/>
  <c r="AF109593" i="1"/>
  <c r="AF109594" i="1"/>
  <c r="AF109595" i="1"/>
  <c r="AF109596" i="1"/>
  <c r="AF109597" i="1"/>
  <c r="AF109598" i="1"/>
  <c r="AF109599" i="1"/>
  <c r="AF109600" i="1"/>
  <c r="AF109601" i="1"/>
  <c r="AF109602" i="1"/>
  <c r="AF109603" i="1"/>
  <c r="AF109604" i="1"/>
  <c r="AF109605" i="1"/>
  <c r="AF109606" i="1"/>
  <c r="AF109607" i="1"/>
  <c r="AF109608" i="1"/>
  <c r="AF109609" i="1"/>
  <c r="AF109610" i="1"/>
  <c r="AF109611" i="1"/>
  <c r="AF109612" i="1"/>
  <c r="AF109613" i="1"/>
  <c r="AF109614" i="1"/>
  <c r="AF109615" i="1"/>
  <c r="AF109616" i="1"/>
  <c r="AF109617" i="1"/>
  <c r="AF109618" i="1"/>
  <c r="AF109619" i="1"/>
  <c r="AF109620" i="1"/>
  <c r="AF109621" i="1"/>
  <c r="AF109622" i="1"/>
  <c r="AF109623" i="1"/>
  <c r="AF109624" i="1"/>
  <c r="AF109625" i="1"/>
  <c r="AF109626" i="1"/>
  <c r="AF109627" i="1"/>
  <c r="AF109628" i="1"/>
  <c r="AF109629" i="1"/>
  <c r="AF109630" i="1"/>
  <c r="AF109631" i="1"/>
  <c r="AF109632" i="1"/>
  <c r="AF109633" i="1"/>
  <c r="AF109634" i="1"/>
  <c r="AF109635" i="1"/>
  <c r="AF109636" i="1"/>
  <c r="AF109637" i="1"/>
  <c r="AF109638" i="1"/>
  <c r="AF109639" i="1"/>
  <c r="AF109640" i="1"/>
  <c r="AF109641" i="1"/>
  <c r="AF109642" i="1"/>
  <c r="AF109643" i="1"/>
  <c r="AF109644" i="1"/>
  <c r="AF109645" i="1"/>
  <c r="AF109646" i="1"/>
  <c r="AF109647" i="1"/>
  <c r="AF109648" i="1"/>
  <c r="AF109649" i="1"/>
  <c r="AF109650" i="1"/>
  <c r="AF109651" i="1"/>
  <c r="AF109652" i="1"/>
  <c r="AF109653" i="1"/>
  <c r="AF109654" i="1"/>
  <c r="AF109655" i="1"/>
  <c r="AF109656" i="1"/>
  <c r="AF109657" i="1"/>
  <c r="AF109658" i="1"/>
  <c r="AF109659" i="1"/>
  <c r="AF109660" i="1"/>
  <c r="AF109661" i="1"/>
  <c r="AF109662" i="1"/>
  <c r="AF109663" i="1"/>
  <c r="AF109664" i="1"/>
  <c r="AF109665" i="1"/>
  <c r="AF109666" i="1"/>
  <c r="AF109667" i="1"/>
  <c r="AF109668" i="1"/>
  <c r="AF109669" i="1"/>
  <c r="AF109670" i="1"/>
  <c r="AF109671" i="1"/>
  <c r="AF109672" i="1"/>
  <c r="AF109673" i="1"/>
  <c r="AF109674" i="1"/>
  <c r="AF109675" i="1"/>
  <c r="AF109676" i="1"/>
  <c r="AF109677" i="1"/>
  <c r="AF109678" i="1"/>
  <c r="AF109679" i="1"/>
  <c r="AF109680" i="1"/>
  <c r="AF109681" i="1"/>
  <c r="AF109682" i="1"/>
  <c r="AF109683" i="1"/>
  <c r="AF109684" i="1"/>
  <c r="AF109685" i="1"/>
  <c r="AF109686" i="1"/>
  <c r="AF109687" i="1"/>
  <c r="AF109688" i="1"/>
  <c r="AF109689" i="1"/>
  <c r="AF109690" i="1"/>
  <c r="AF109691" i="1"/>
  <c r="AF109692" i="1"/>
  <c r="AF109693" i="1"/>
  <c r="AF109694" i="1"/>
  <c r="AF109695" i="1"/>
  <c r="AF109696" i="1"/>
  <c r="AF109697" i="1"/>
  <c r="AF109698" i="1"/>
  <c r="AF109699" i="1"/>
  <c r="AF109700" i="1"/>
  <c r="AF109701" i="1"/>
  <c r="AF109702" i="1"/>
  <c r="AF109703" i="1"/>
  <c r="AF109704" i="1"/>
  <c r="AF109705" i="1"/>
  <c r="AF109706" i="1"/>
  <c r="AF109707" i="1"/>
  <c r="AF109708" i="1"/>
  <c r="AF109709" i="1"/>
  <c r="AF109710" i="1"/>
  <c r="AF109711" i="1"/>
  <c r="AF109712" i="1"/>
  <c r="AF109713" i="1"/>
  <c r="AF109714" i="1"/>
  <c r="AF109715" i="1"/>
  <c r="AF109716" i="1"/>
  <c r="AF109717" i="1"/>
  <c r="AF109718" i="1"/>
  <c r="AF109719" i="1"/>
  <c r="AF109720" i="1"/>
  <c r="AF109721" i="1"/>
  <c r="AF109722" i="1"/>
  <c r="AF109723" i="1"/>
  <c r="AF109724" i="1"/>
  <c r="AF109725" i="1"/>
  <c r="AF109726" i="1"/>
  <c r="AF109727" i="1"/>
  <c r="AF109728" i="1"/>
  <c r="AF109729" i="1"/>
  <c r="AF109730" i="1"/>
  <c r="AF109731" i="1"/>
  <c r="AF109732" i="1"/>
  <c r="AF109733" i="1"/>
  <c r="AF109734" i="1"/>
  <c r="AF109735" i="1"/>
  <c r="AF109736" i="1"/>
  <c r="AF109737" i="1"/>
  <c r="AF109738" i="1"/>
  <c r="AF109739" i="1"/>
  <c r="AF109740" i="1"/>
  <c r="AF109741" i="1"/>
  <c r="AF109742" i="1"/>
  <c r="AF109743" i="1"/>
  <c r="AF109744" i="1"/>
  <c r="AF109745" i="1"/>
  <c r="AF109746" i="1"/>
  <c r="AF109747" i="1"/>
  <c r="AF109748" i="1"/>
  <c r="AF109749" i="1"/>
  <c r="AF109750" i="1"/>
  <c r="AF109751" i="1"/>
  <c r="AF109752" i="1"/>
  <c r="AF109753" i="1"/>
  <c r="AF109754" i="1"/>
  <c r="AF109755" i="1"/>
  <c r="AF109756" i="1"/>
  <c r="AF109757" i="1"/>
  <c r="AF109758" i="1"/>
  <c r="AF109759" i="1"/>
  <c r="AF109760" i="1"/>
  <c r="AF109761" i="1"/>
  <c r="AF109762" i="1"/>
  <c r="AF109763" i="1"/>
  <c r="AF109764" i="1"/>
  <c r="AF109765" i="1"/>
  <c r="AF109766" i="1"/>
  <c r="AF109767" i="1"/>
  <c r="AF109768" i="1"/>
  <c r="AF109769" i="1"/>
  <c r="AF109770" i="1"/>
  <c r="AF109771" i="1"/>
  <c r="AF109772" i="1"/>
  <c r="AF109773" i="1"/>
  <c r="AF109774" i="1"/>
  <c r="AF109775" i="1"/>
  <c r="AF109776" i="1"/>
  <c r="AF109777" i="1"/>
  <c r="AF109778" i="1"/>
  <c r="AF109779" i="1"/>
  <c r="AF109780" i="1"/>
  <c r="AF109781" i="1"/>
  <c r="AF109782" i="1"/>
  <c r="AF109783" i="1"/>
  <c r="AF109784" i="1"/>
  <c r="AF109785" i="1"/>
  <c r="AF109786" i="1"/>
  <c r="AF109787" i="1"/>
  <c r="AF109788" i="1"/>
  <c r="AF109789" i="1"/>
  <c r="AF109790" i="1"/>
  <c r="AF109791" i="1"/>
  <c r="AF109792" i="1"/>
  <c r="AF109793" i="1"/>
  <c r="AF109794" i="1"/>
  <c r="AF109795" i="1"/>
  <c r="AF109796" i="1"/>
  <c r="AF109797" i="1"/>
  <c r="AF109798" i="1"/>
  <c r="AF109799" i="1"/>
  <c r="AF109800" i="1"/>
  <c r="AF109801" i="1"/>
  <c r="AF109802" i="1"/>
  <c r="AF109803" i="1"/>
  <c r="AF109804" i="1"/>
  <c r="AF109805" i="1"/>
  <c r="AF109806" i="1"/>
  <c r="AF109807" i="1"/>
  <c r="AF109808" i="1"/>
  <c r="AF109809" i="1"/>
  <c r="AF109810" i="1"/>
  <c r="AF109811" i="1"/>
  <c r="AF109812" i="1"/>
  <c r="AF109813" i="1"/>
  <c r="AF109814" i="1"/>
  <c r="AF109815" i="1"/>
  <c r="AF109816" i="1"/>
  <c r="AF109817" i="1"/>
  <c r="AF109818" i="1"/>
  <c r="AF109819" i="1"/>
  <c r="AF109820" i="1"/>
  <c r="AF109821" i="1"/>
  <c r="AF109822" i="1"/>
  <c r="AF109823" i="1"/>
  <c r="AF109824" i="1"/>
  <c r="AF109825" i="1"/>
  <c r="AF109826" i="1"/>
  <c r="AF109827" i="1"/>
  <c r="AF109828" i="1"/>
  <c r="AF109829" i="1"/>
  <c r="AF109830" i="1"/>
  <c r="AF109831" i="1"/>
  <c r="AF109832" i="1"/>
  <c r="AF109833" i="1"/>
  <c r="AF109834" i="1"/>
  <c r="AF109835" i="1"/>
  <c r="AF109836" i="1"/>
  <c r="AF109837" i="1"/>
  <c r="AF109838" i="1"/>
  <c r="AF109839" i="1"/>
  <c r="AF109840" i="1"/>
  <c r="AF109841" i="1"/>
  <c r="AF109842" i="1"/>
  <c r="AF109843" i="1"/>
  <c r="AF109844" i="1"/>
  <c r="AF109845" i="1"/>
  <c r="AF109846" i="1"/>
  <c r="AF109847" i="1"/>
  <c r="AF109848" i="1"/>
  <c r="AF109849" i="1"/>
  <c r="AF109850" i="1"/>
  <c r="AF109851" i="1"/>
  <c r="AF109852" i="1"/>
  <c r="AF109853" i="1"/>
  <c r="AF109854" i="1"/>
  <c r="AF109855" i="1"/>
  <c r="AF109856" i="1"/>
  <c r="AF109857" i="1"/>
  <c r="AF109858" i="1"/>
  <c r="AF109859" i="1"/>
  <c r="AF109860" i="1"/>
  <c r="AF109861" i="1"/>
  <c r="AF109862" i="1"/>
  <c r="AF109863" i="1"/>
  <c r="AF109864" i="1"/>
  <c r="AF109865" i="1"/>
  <c r="AF109866" i="1"/>
  <c r="AF109867" i="1"/>
  <c r="AF109868" i="1"/>
  <c r="AF109869" i="1"/>
  <c r="AF109870" i="1"/>
  <c r="AF109871" i="1"/>
  <c r="AF109872" i="1"/>
  <c r="AF109873" i="1"/>
  <c r="AF109874" i="1"/>
  <c r="AF109875" i="1"/>
  <c r="AF109876" i="1"/>
  <c r="AF109877" i="1"/>
  <c r="AF109878" i="1"/>
  <c r="AF109879" i="1"/>
  <c r="AF109880" i="1"/>
  <c r="AF109881" i="1"/>
  <c r="AF109882" i="1"/>
  <c r="AF109883" i="1"/>
  <c r="AF109884" i="1"/>
  <c r="AF109885" i="1"/>
  <c r="AF109886" i="1"/>
  <c r="AF109887" i="1"/>
  <c r="AF109888" i="1"/>
  <c r="AF109889" i="1"/>
  <c r="AF109890" i="1"/>
  <c r="AF109891" i="1"/>
  <c r="AF109892" i="1"/>
  <c r="AF109893" i="1"/>
  <c r="AF109894" i="1"/>
  <c r="AF109895" i="1"/>
  <c r="AF109896" i="1"/>
  <c r="AF109897" i="1"/>
  <c r="AF109898" i="1"/>
  <c r="AF109899" i="1"/>
  <c r="AF109900" i="1"/>
  <c r="AF109901" i="1"/>
  <c r="AF109902" i="1"/>
  <c r="AF109903" i="1"/>
  <c r="AF109904" i="1"/>
  <c r="AF109905" i="1"/>
  <c r="AF109906" i="1"/>
  <c r="AF109907" i="1"/>
  <c r="AF109908" i="1"/>
  <c r="AF109909" i="1"/>
  <c r="AF109910" i="1"/>
  <c r="AF109911" i="1"/>
  <c r="AF109912" i="1"/>
  <c r="AF109913" i="1"/>
  <c r="AF109914" i="1"/>
  <c r="AF109915" i="1"/>
  <c r="AF109916" i="1"/>
  <c r="AF109917" i="1"/>
  <c r="AF109918" i="1"/>
  <c r="AF109919" i="1"/>
  <c r="AF109920" i="1"/>
  <c r="AF109921" i="1"/>
  <c r="AF109922" i="1"/>
  <c r="AF109923" i="1"/>
  <c r="AF109924" i="1"/>
  <c r="AF109925" i="1"/>
  <c r="AF109926" i="1"/>
  <c r="AF109927" i="1"/>
  <c r="AF109928" i="1"/>
  <c r="AF109929" i="1"/>
  <c r="AF109930" i="1"/>
  <c r="AF109931" i="1"/>
  <c r="AF109932" i="1"/>
  <c r="AF109933" i="1"/>
  <c r="AF109934" i="1"/>
  <c r="AF109935" i="1"/>
  <c r="AF109936" i="1"/>
  <c r="AF109937" i="1"/>
  <c r="AF109938" i="1"/>
  <c r="AF109939" i="1"/>
  <c r="AF109940" i="1"/>
  <c r="AF109941" i="1"/>
  <c r="AF109942" i="1"/>
  <c r="AF109943" i="1"/>
  <c r="AF109944" i="1"/>
  <c r="AF109945" i="1"/>
  <c r="AF109946" i="1"/>
  <c r="AF109947" i="1"/>
  <c r="AF109948" i="1"/>
  <c r="AF109949" i="1"/>
  <c r="AF109950" i="1"/>
  <c r="AF109951" i="1"/>
  <c r="AF109952" i="1"/>
  <c r="AF109953" i="1"/>
  <c r="AF109954" i="1"/>
  <c r="AF109955" i="1"/>
  <c r="AF109956" i="1"/>
  <c r="AF109957" i="1"/>
  <c r="AF109958" i="1"/>
  <c r="AF109959" i="1"/>
  <c r="AF109960" i="1"/>
  <c r="AF109961" i="1"/>
  <c r="AF109962" i="1"/>
  <c r="AF109963" i="1"/>
  <c r="AF109964" i="1"/>
  <c r="AF109965" i="1"/>
  <c r="AF109966" i="1"/>
  <c r="AF109967" i="1"/>
  <c r="AF109968" i="1"/>
  <c r="AF109969" i="1"/>
  <c r="AF109970" i="1"/>
  <c r="AF109971" i="1"/>
  <c r="AF109972" i="1"/>
  <c r="AF109973" i="1"/>
  <c r="AF109974" i="1"/>
  <c r="AF109975" i="1"/>
  <c r="AF109976" i="1"/>
  <c r="AF109977" i="1"/>
  <c r="AF109978" i="1"/>
  <c r="AF109979" i="1"/>
  <c r="AF109980" i="1"/>
  <c r="AF109981" i="1"/>
  <c r="AF109982" i="1"/>
  <c r="AF109983" i="1"/>
  <c r="AF109984" i="1"/>
  <c r="AF109985" i="1"/>
  <c r="AF109986" i="1"/>
  <c r="AF109987" i="1"/>
  <c r="AF109988" i="1"/>
  <c r="AF109989" i="1"/>
  <c r="AF109990" i="1"/>
  <c r="AF109991" i="1"/>
  <c r="AF109992" i="1"/>
  <c r="AF109993" i="1"/>
  <c r="AF109994" i="1"/>
  <c r="AF109995" i="1"/>
  <c r="AF109996" i="1"/>
  <c r="AF109997" i="1"/>
  <c r="AF109998" i="1"/>
  <c r="AF109999" i="1"/>
  <c r="AF110000" i="1"/>
  <c r="AF110001" i="1"/>
  <c r="AF110002" i="1"/>
  <c r="AF110003" i="1"/>
  <c r="AF110004" i="1"/>
  <c r="AF110005" i="1"/>
  <c r="AF110006" i="1"/>
  <c r="AF110007" i="1"/>
  <c r="AF110008" i="1"/>
  <c r="AF110009" i="1"/>
  <c r="AF110010" i="1"/>
  <c r="AF110011" i="1"/>
  <c r="AF110012" i="1"/>
  <c r="AF110013" i="1"/>
  <c r="AF110014" i="1"/>
  <c r="AF110015" i="1"/>
  <c r="AF110016" i="1"/>
  <c r="AF110017" i="1"/>
  <c r="AF110018" i="1"/>
  <c r="AF110019" i="1"/>
  <c r="AF110020" i="1"/>
  <c r="AF110021" i="1"/>
  <c r="AF110022" i="1"/>
  <c r="AF110023" i="1"/>
  <c r="AF110024" i="1"/>
  <c r="AF110025" i="1"/>
  <c r="AF110026" i="1"/>
  <c r="AF110027" i="1"/>
  <c r="AF110028" i="1"/>
  <c r="AF110029" i="1"/>
  <c r="AF110030" i="1"/>
  <c r="AF110031" i="1"/>
  <c r="AF110032" i="1"/>
  <c r="AF110033" i="1"/>
  <c r="AF110034" i="1"/>
  <c r="AF110035" i="1"/>
  <c r="AF110036" i="1"/>
  <c r="AF110037" i="1"/>
  <c r="AF110038" i="1"/>
  <c r="AF110039" i="1"/>
  <c r="AF110040" i="1"/>
  <c r="AF110041" i="1"/>
  <c r="AF110042" i="1"/>
  <c r="AF110043" i="1"/>
  <c r="AF110044" i="1"/>
  <c r="AF110045" i="1"/>
  <c r="AF110046" i="1"/>
  <c r="AF110047" i="1"/>
  <c r="AF110048" i="1"/>
  <c r="AF110049" i="1"/>
  <c r="AF110050" i="1"/>
  <c r="AF110051" i="1"/>
  <c r="AF110052" i="1"/>
  <c r="AF110053" i="1"/>
  <c r="AF110054" i="1"/>
  <c r="AF110055" i="1"/>
  <c r="AF110056" i="1"/>
  <c r="AF110057" i="1"/>
  <c r="AF110058" i="1"/>
  <c r="AF110059" i="1"/>
  <c r="AF110060" i="1"/>
  <c r="AF110061" i="1"/>
  <c r="AF110062" i="1"/>
  <c r="AF110063" i="1"/>
  <c r="AF110064" i="1"/>
  <c r="AF110065" i="1"/>
  <c r="AF110066" i="1"/>
  <c r="AF110067" i="1"/>
  <c r="AF110068" i="1"/>
  <c r="AF110069" i="1"/>
  <c r="AF110070" i="1"/>
  <c r="AF110071" i="1"/>
  <c r="AF110072" i="1"/>
  <c r="AF110073" i="1"/>
  <c r="AF110074" i="1"/>
  <c r="AF110075" i="1"/>
  <c r="AF110076" i="1"/>
  <c r="AF110077" i="1"/>
  <c r="AF110078" i="1"/>
  <c r="AF110079" i="1"/>
  <c r="AF110080" i="1"/>
  <c r="AF110081" i="1"/>
  <c r="AF110082" i="1"/>
  <c r="AF110083" i="1"/>
  <c r="AF110084" i="1"/>
  <c r="AF110085" i="1"/>
  <c r="AF110086" i="1"/>
  <c r="AF110087" i="1"/>
  <c r="AF110088" i="1"/>
  <c r="AF110089" i="1"/>
  <c r="AF110090" i="1"/>
  <c r="AF110091" i="1"/>
  <c r="AF110092" i="1"/>
  <c r="AF110093" i="1"/>
  <c r="AF110094" i="1"/>
  <c r="AF110095" i="1"/>
  <c r="AF110096" i="1"/>
  <c r="AF110097" i="1"/>
  <c r="AF110098" i="1"/>
  <c r="AF110099" i="1"/>
  <c r="AF110100" i="1"/>
  <c r="AF110101" i="1"/>
  <c r="AF110102" i="1"/>
  <c r="AF110103" i="1"/>
  <c r="AF110104" i="1"/>
  <c r="AF110105" i="1"/>
  <c r="AF110106" i="1"/>
  <c r="AF110107" i="1"/>
  <c r="AF110108" i="1"/>
  <c r="AF110109" i="1"/>
  <c r="AF110110" i="1"/>
  <c r="AF110111" i="1"/>
  <c r="AF110112" i="1"/>
  <c r="AF110113" i="1"/>
  <c r="AF110114" i="1"/>
  <c r="AF110115" i="1"/>
  <c r="AF110116" i="1"/>
  <c r="AF110117" i="1"/>
  <c r="AF110118" i="1"/>
  <c r="AF110119" i="1"/>
  <c r="AF110120" i="1"/>
  <c r="AF110121" i="1"/>
  <c r="AF110122" i="1"/>
  <c r="AF110123" i="1"/>
  <c r="AF110124" i="1"/>
  <c r="AF110125" i="1"/>
  <c r="AF110126" i="1"/>
  <c r="AF110127" i="1"/>
  <c r="AF110128" i="1"/>
  <c r="AF110129" i="1"/>
  <c r="AF110130" i="1"/>
  <c r="AF110131" i="1"/>
  <c r="AF110132" i="1"/>
  <c r="AF110133" i="1"/>
  <c r="AF110134" i="1"/>
  <c r="AF110135" i="1"/>
  <c r="AF110136" i="1"/>
  <c r="AF110137" i="1"/>
  <c r="AF110138" i="1"/>
  <c r="AF110139" i="1"/>
  <c r="AF110140" i="1"/>
  <c r="AF110141" i="1"/>
  <c r="AF110142" i="1"/>
  <c r="AF110143" i="1"/>
  <c r="AF110144" i="1"/>
  <c r="AF110145" i="1"/>
  <c r="AF110146" i="1"/>
  <c r="AF110147" i="1"/>
  <c r="AF110148" i="1"/>
  <c r="AF110149" i="1"/>
  <c r="AF110150" i="1"/>
  <c r="AF110151" i="1"/>
  <c r="AF110152" i="1"/>
  <c r="AF110153" i="1"/>
  <c r="AF110154" i="1"/>
  <c r="AF110155" i="1"/>
  <c r="AF110156" i="1"/>
  <c r="AF110157" i="1"/>
  <c r="AF110158" i="1"/>
  <c r="AF110159" i="1"/>
  <c r="AF110160" i="1"/>
  <c r="AF110161" i="1"/>
  <c r="AF110162" i="1"/>
  <c r="AF110163" i="1"/>
  <c r="AF110164" i="1"/>
  <c r="AF110165" i="1"/>
  <c r="AF110166" i="1"/>
  <c r="AF110167" i="1"/>
  <c r="AF110168" i="1"/>
  <c r="AF110169" i="1"/>
  <c r="AF110170" i="1"/>
  <c r="AF110171" i="1"/>
  <c r="AF110172" i="1"/>
  <c r="AF110173" i="1"/>
  <c r="AF110174" i="1"/>
  <c r="AF110175" i="1"/>
  <c r="AF110176" i="1"/>
  <c r="AF110177" i="1"/>
  <c r="AF110178" i="1"/>
  <c r="AF110179" i="1"/>
  <c r="AF110180" i="1"/>
  <c r="AF110181" i="1"/>
  <c r="AF110182" i="1"/>
  <c r="AF110183" i="1"/>
  <c r="AF110184" i="1"/>
  <c r="AF110185" i="1"/>
  <c r="AF110186" i="1"/>
  <c r="AF110187" i="1"/>
  <c r="AF110188" i="1"/>
  <c r="AF110189" i="1"/>
  <c r="AF110190" i="1"/>
  <c r="AF110191" i="1"/>
  <c r="AF110192" i="1"/>
  <c r="AF110193" i="1"/>
  <c r="AF110194" i="1"/>
  <c r="AF110195" i="1"/>
  <c r="AF110196" i="1"/>
  <c r="AF110197" i="1"/>
  <c r="AF110198" i="1"/>
  <c r="AF110199" i="1"/>
  <c r="AF110200" i="1"/>
  <c r="AF110201" i="1"/>
  <c r="AF110202" i="1"/>
  <c r="AF110203" i="1"/>
  <c r="AF110204" i="1"/>
  <c r="AF110205" i="1"/>
  <c r="AF110206" i="1"/>
  <c r="AF110207" i="1"/>
  <c r="AF110208" i="1"/>
  <c r="AF110209" i="1"/>
  <c r="AF110210" i="1"/>
  <c r="AF110211" i="1"/>
  <c r="AF110212" i="1"/>
  <c r="AF110213" i="1"/>
  <c r="AF110214" i="1"/>
  <c r="AF110215" i="1"/>
  <c r="AF110216" i="1"/>
  <c r="AF110217" i="1"/>
  <c r="AF110218" i="1"/>
  <c r="AF110219" i="1"/>
  <c r="AF110220" i="1"/>
  <c r="AF110221" i="1"/>
  <c r="AF110222" i="1"/>
  <c r="AF110223" i="1"/>
  <c r="AF110224" i="1"/>
  <c r="AF110225" i="1"/>
  <c r="AF110226" i="1"/>
  <c r="AF110227" i="1"/>
  <c r="AF110228" i="1"/>
  <c r="AF110229" i="1"/>
  <c r="AF110230" i="1"/>
  <c r="AF110231" i="1"/>
  <c r="AF110232" i="1"/>
  <c r="AF110233" i="1"/>
  <c r="AF110234" i="1"/>
  <c r="AF110235" i="1"/>
  <c r="AF110236" i="1"/>
  <c r="AF110237" i="1"/>
  <c r="AF110238" i="1"/>
  <c r="AF110239" i="1"/>
  <c r="AF110240" i="1"/>
  <c r="AF110241" i="1"/>
  <c r="AF110242" i="1"/>
  <c r="AF110243" i="1"/>
  <c r="AF110244" i="1"/>
  <c r="AF110245" i="1"/>
  <c r="AF110246" i="1"/>
  <c r="AF110247" i="1"/>
  <c r="AF110248" i="1"/>
  <c r="AF110249" i="1"/>
  <c r="AF110250" i="1"/>
  <c r="AF110251" i="1"/>
  <c r="AF110252" i="1"/>
  <c r="AF110253" i="1"/>
  <c r="AF110254" i="1"/>
  <c r="AF110255" i="1"/>
  <c r="AF110256" i="1"/>
  <c r="AF110257" i="1"/>
  <c r="AF110258" i="1"/>
  <c r="AF110259" i="1"/>
  <c r="AF110260" i="1"/>
  <c r="AF110261" i="1"/>
  <c r="AF110262" i="1"/>
  <c r="AF110263" i="1"/>
  <c r="AF110264" i="1"/>
  <c r="AF110265" i="1"/>
  <c r="AF110266" i="1"/>
  <c r="AF110267" i="1"/>
  <c r="AF110268" i="1"/>
  <c r="AF110269" i="1"/>
  <c r="AF110270" i="1"/>
  <c r="AF110271" i="1"/>
  <c r="AF110272" i="1"/>
  <c r="AF110273" i="1"/>
  <c r="AF110274" i="1"/>
  <c r="AF110275" i="1"/>
  <c r="AF110276" i="1"/>
  <c r="AF110277" i="1"/>
  <c r="AF110278" i="1"/>
  <c r="AF110279" i="1"/>
  <c r="AF110280" i="1"/>
  <c r="AF110281" i="1"/>
  <c r="AF110282" i="1"/>
  <c r="AF110283" i="1"/>
  <c r="AF110284" i="1"/>
  <c r="AF110285" i="1"/>
  <c r="AF110286" i="1"/>
  <c r="AF110287" i="1"/>
  <c r="AF110288" i="1"/>
  <c r="AF110289" i="1"/>
  <c r="AF110290" i="1"/>
  <c r="AF110291" i="1"/>
  <c r="AF110292" i="1"/>
  <c r="AF110293" i="1"/>
  <c r="AF110294" i="1"/>
  <c r="AF110295" i="1"/>
  <c r="AF110296" i="1"/>
  <c r="AF110297" i="1"/>
  <c r="AF110298" i="1"/>
  <c r="AF110299" i="1"/>
  <c r="AF110300" i="1"/>
  <c r="AF110301" i="1"/>
  <c r="AF110302" i="1"/>
  <c r="AF110303" i="1"/>
  <c r="AF110304" i="1"/>
  <c r="AF110305" i="1"/>
  <c r="AF110306" i="1"/>
  <c r="AF110307" i="1"/>
  <c r="AF110308" i="1"/>
  <c r="AF110309" i="1"/>
  <c r="AF110310" i="1"/>
  <c r="AF110311" i="1"/>
  <c r="AF110312" i="1"/>
  <c r="AF110313" i="1"/>
  <c r="AF110314" i="1"/>
  <c r="AF110315" i="1"/>
  <c r="AF110316" i="1"/>
  <c r="AF110317" i="1"/>
  <c r="AF110318" i="1"/>
  <c r="AF110319" i="1"/>
  <c r="AF110320" i="1"/>
  <c r="AF110321" i="1"/>
  <c r="AF110322" i="1"/>
  <c r="AF110323" i="1"/>
  <c r="AF110324" i="1"/>
  <c r="AF110325" i="1"/>
  <c r="AF110326" i="1"/>
  <c r="AF110327" i="1"/>
  <c r="AF110328" i="1"/>
  <c r="AF110329" i="1"/>
  <c r="AF110330" i="1"/>
  <c r="AF110331" i="1"/>
  <c r="AF110332" i="1"/>
  <c r="AF110333" i="1"/>
  <c r="AF110334" i="1"/>
  <c r="AF110335" i="1"/>
  <c r="AF110336" i="1"/>
  <c r="AF110337" i="1"/>
  <c r="AF110338" i="1"/>
  <c r="AF110339" i="1"/>
  <c r="AF110340" i="1"/>
  <c r="AF110341" i="1"/>
  <c r="AF110342" i="1"/>
  <c r="AF110343" i="1"/>
  <c r="AF110344" i="1"/>
  <c r="AF110345" i="1"/>
  <c r="AF110346" i="1"/>
  <c r="AF110347" i="1"/>
  <c r="AF110348" i="1"/>
  <c r="AF110349" i="1"/>
  <c r="AF110350" i="1"/>
  <c r="AF110351" i="1"/>
  <c r="AF110352" i="1"/>
  <c r="AF110353" i="1"/>
  <c r="AF110354" i="1"/>
  <c r="AF110355" i="1"/>
  <c r="AF110356" i="1"/>
  <c r="AF110357" i="1"/>
  <c r="AF110358" i="1"/>
  <c r="AF110359" i="1"/>
  <c r="AF110360" i="1"/>
  <c r="AF110361" i="1"/>
  <c r="AF110362" i="1"/>
  <c r="AF110363" i="1"/>
  <c r="AF110364" i="1"/>
  <c r="AF110365" i="1"/>
  <c r="AF110366" i="1"/>
  <c r="AF110367" i="1"/>
  <c r="AF110368" i="1"/>
  <c r="AF110369" i="1"/>
  <c r="AF110370" i="1"/>
  <c r="AF110371" i="1"/>
  <c r="AF110372" i="1"/>
  <c r="AF110373" i="1"/>
  <c r="AF110374" i="1"/>
  <c r="AF110375" i="1"/>
  <c r="AF110376" i="1"/>
  <c r="AF110377" i="1"/>
  <c r="AF110378" i="1"/>
  <c r="AF110379" i="1"/>
  <c r="AF110380" i="1"/>
  <c r="AF110381" i="1"/>
  <c r="AF110382" i="1"/>
  <c r="AF110383" i="1"/>
  <c r="AF110384" i="1"/>
  <c r="AF110385" i="1"/>
  <c r="AF110386" i="1"/>
  <c r="AF110387" i="1"/>
  <c r="AF110388" i="1"/>
  <c r="AF110389" i="1"/>
  <c r="AF110390" i="1"/>
  <c r="AF110391" i="1"/>
  <c r="AF110392" i="1"/>
  <c r="AF110393" i="1"/>
  <c r="AF110394" i="1"/>
  <c r="AF110395" i="1"/>
  <c r="AF110396" i="1"/>
  <c r="AF110397" i="1"/>
  <c r="AF110398" i="1"/>
  <c r="AF110399" i="1"/>
  <c r="AF110400" i="1"/>
  <c r="AF110401" i="1"/>
  <c r="AF110402" i="1"/>
  <c r="AF110403" i="1"/>
  <c r="AF110404" i="1"/>
  <c r="AF110405" i="1"/>
  <c r="AF110406" i="1"/>
  <c r="AF110407" i="1"/>
  <c r="AF110408" i="1"/>
  <c r="AF110409" i="1"/>
  <c r="AF110410" i="1"/>
  <c r="AF110411" i="1"/>
  <c r="AF110412" i="1"/>
  <c r="AF110413" i="1"/>
  <c r="AF110414" i="1"/>
  <c r="AF110415" i="1"/>
  <c r="AF110416" i="1"/>
  <c r="AF110417" i="1"/>
  <c r="AF110418" i="1"/>
  <c r="AF110419" i="1"/>
  <c r="AF110420" i="1"/>
  <c r="AF110421" i="1"/>
  <c r="AF110422" i="1"/>
  <c r="AF110423" i="1"/>
  <c r="AF110424" i="1"/>
  <c r="AF110425" i="1"/>
  <c r="AF110426" i="1"/>
  <c r="AF110427" i="1"/>
  <c r="AF110428" i="1"/>
  <c r="AF110429" i="1"/>
  <c r="AF110430" i="1"/>
  <c r="AF110431" i="1"/>
  <c r="AF110432" i="1"/>
  <c r="AF110433" i="1"/>
  <c r="AF110434" i="1"/>
  <c r="AF110435" i="1"/>
  <c r="AF110436" i="1"/>
  <c r="AF110437" i="1"/>
  <c r="AF110438" i="1"/>
  <c r="AF110439" i="1"/>
  <c r="AF110440" i="1"/>
  <c r="AF110441" i="1"/>
  <c r="AF110442" i="1"/>
  <c r="AF110443" i="1"/>
  <c r="AF110444" i="1"/>
  <c r="AF110445" i="1"/>
  <c r="AF110446" i="1"/>
  <c r="AF110447" i="1"/>
  <c r="AF110448" i="1"/>
  <c r="AF110449" i="1"/>
  <c r="AF110450" i="1"/>
  <c r="AF110451" i="1"/>
  <c r="AF110452" i="1"/>
  <c r="AF110453" i="1"/>
  <c r="AF110454" i="1"/>
  <c r="AF110455" i="1"/>
  <c r="AF110456" i="1"/>
  <c r="AF110457" i="1"/>
  <c r="AF110458" i="1"/>
  <c r="AF110459" i="1"/>
  <c r="AF110460" i="1"/>
  <c r="AF110461" i="1"/>
  <c r="AF110462" i="1"/>
  <c r="AF110463" i="1"/>
  <c r="AF110464" i="1"/>
  <c r="AF110465" i="1"/>
  <c r="AF110466" i="1"/>
  <c r="AF110467" i="1"/>
  <c r="AF110468" i="1"/>
  <c r="AF110469" i="1"/>
  <c r="AF110470" i="1"/>
  <c r="AF110471" i="1"/>
  <c r="AF110472" i="1"/>
  <c r="AF110473" i="1"/>
  <c r="AF110474" i="1"/>
  <c r="AF110475" i="1"/>
  <c r="AF110476" i="1"/>
  <c r="AF110477" i="1"/>
  <c r="AF110478" i="1"/>
  <c r="AF110479" i="1"/>
  <c r="AF110480" i="1"/>
  <c r="AF110481" i="1"/>
  <c r="AF110482" i="1"/>
  <c r="AF110483" i="1"/>
  <c r="AF110484" i="1"/>
  <c r="AF110485" i="1"/>
  <c r="AF110486" i="1"/>
  <c r="AF110487" i="1"/>
  <c r="AF110488" i="1"/>
  <c r="AF110489" i="1"/>
  <c r="AF110490" i="1"/>
  <c r="AF110491" i="1"/>
  <c r="AF110492" i="1"/>
  <c r="AF110493" i="1"/>
  <c r="AF110494" i="1"/>
  <c r="AF110495" i="1"/>
  <c r="AF110496" i="1"/>
  <c r="AF110497" i="1"/>
  <c r="AF110498" i="1"/>
  <c r="AF110499" i="1"/>
  <c r="AF110500" i="1"/>
  <c r="AF110501" i="1"/>
  <c r="AF110502" i="1"/>
  <c r="AF110503" i="1"/>
  <c r="AF110504" i="1"/>
  <c r="AF110505" i="1"/>
  <c r="AF110506" i="1"/>
  <c r="AF110507" i="1"/>
  <c r="AF110508" i="1"/>
  <c r="AF110509" i="1"/>
  <c r="AF110510" i="1"/>
  <c r="AF110511" i="1"/>
  <c r="AF110512" i="1"/>
  <c r="AF110513" i="1"/>
  <c r="AF110514" i="1"/>
  <c r="AF110515" i="1"/>
  <c r="AF110516" i="1"/>
  <c r="AF110517" i="1"/>
  <c r="AF110518" i="1"/>
  <c r="AF110519" i="1"/>
  <c r="AF110520" i="1"/>
  <c r="AF110521" i="1"/>
  <c r="AF110522" i="1"/>
  <c r="AF110523" i="1"/>
  <c r="AF110524" i="1"/>
  <c r="AF110525" i="1"/>
  <c r="AF110526" i="1"/>
  <c r="AF110527" i="1"/>
  <c r="AF110528" i="1"/>
  <c r="AF110529" i="1"/>
  <c r="AF110530" i="1"/>
  <c r="AF110531" i="1"/>
  <c r="AF110532" i="1"/>
  <c r="AF110533" i="1"/>
  <c r="AF110534" i="1"/>
  <c r="AF110535" i="1"/>
  <c r="AF110536" i="1"/>
  <c r="AF110537" i="1"/>
  <c r="AF110538" i="1"/>
  <c r="AF110539" i="1"/>
  <c r="AF110540" i="1"/>
  <c r="AF110541" i="1"/>
  <c r="AF110542" i="1"/>
  <c r="AF110543" i="1"/>
  <c r="AF110544" i="1"/>
  <c r="AF110545" i="1"/>
  <c r="AF110546" i="1"/>
  <c r="AF110547" i="1"/>
  <c r="AF110548" i="1"/>
  <c r="AF110549" i="1"/>
  <c r="AF110550" i="1"/>
  <c r="AF110551" i="1"/>
  <c r="AF110552" i="1"/>
  <c r="AF110553" i="1"/>
  <c r="AF110554" i="1"/>
  <c r="AF110555" i="1"/>
  <c r="AF110556" i="1"/>
  <c r="AF110557" i="1"/>
  <c r="AF110558" i="1"/>
  <c r="AF110559" i="1"/>
  <c r="AF110560" i="1"/>
  <c r="AF110561" i="1"/>
  <c r="AF110562" i="1"/>
  <c r="AF110563" i="1"/>
  <c r="AF110564" i="1"/>
  <c r="AF110565" i="1"/>
  <c r="AF110566" i="1"/>
  <c r="AF110567" i="1"/>
  <c r="AF110568" i="1"/>
  <c r="AF110569" i="1"/>
  <c r="AF110570" i="1"/>
  <c r="AF110571" i="1"/>
  <c r="AF110572" i="1"/>
  <c r="AF110573" i="1"/>
  <c r="AF110574" i="1"/>
  <c r="AF110575" i="1"/>
  <c r="AF110576" i="1"/>
  <c r="AF110577" i="1"/>
  <c r="AF110578" i="1"/>
  <c r="AF110579" i="1"/>
  <c r="AF110580" i="1"/>
  <c r="AF110581" i="1"/>
  <c r="AF110582" i="1"/>
  <c r="AF110583" i="1"/>
  <c r="AF110584" i="1"/>
  <c r="AF110585" i="1"/>
  <c r="AF110586" i="1"/>
  <c r="AF110587" i="1"/>
  <c r="AF110588" i="1"/>
  <c r="AF110589" i="1"/>
  <c r="AF110590" i="1"/>
  <c r="AF110591" i="1"/>
  <c r="AF110592" i="1"/>
  <c r="AF110593" i="1"/>
  <c r="AF110594" i="1"/>
  <c r="AF110595" i="1"/>
  <c r="AF110596" i="1"/>
  <c r="AF110597" i="1"/>
  <c r="AF110598" i="1"/>
  <c r="AF110599" i="1"/>
  <c r="AF110600" i="1"/>
  <c r="AF110601" i="1"/>
  <c r="AF110602" i="1"/>
  <c r="AF110603" i="1"/>
  <c r="AF110604" i="1"/>
  <c r="AF110605" i="1"/>
  <c r="AF110606" i="1"/>
  <c r="AF110607" i="1"/>
  <c r="AF110608" i="1"/>
  <c r="AF110609" i="1"/>
  <c r="AF110610" i="1"/>
  <c r="AF110611" i="1"/>
  <c r="AF110612" i="1"/>
  <c r="AF110613" i="1"/>
  <c r="AF110614" i="1"/>
  <c r="AF110615" i="1"/>
  <c r="AF110616" i="1"/>
  <c r="AF110617" i="1"/>
  <c r="AF110618" i="1"/>
  <c r="AF110619" i="1"/>
  <c r="AF110620" i="1"/>
  <c r="AF110621" i="1"/>
  <c r="AF110622" i="1"/>
  <c r="AF110623" i="1"/>
  <c r="AF110624" i="1"/>
  <c r="AF110625" i="1"/>
  <c r="AF110626" i="1"/>
  <c r="AF110627" i="1"/>
  <c r="AF110628" i="1"/>
  <c r="AF110629" i="1"/>
  <c r="AF110630" i="1"/>
  <c r="AF110631" i="1"/>
  <c r="AF110632" i="1"/>
  <c r="AF110633" i="1"/>
  <c r="AF110634" i="1"/>
  <c r="AF110635" i="1"/>
  <c r="AF110636" i="1"/>
  <c r="AF110637" i="1"/>
  <c r="AF110638" i="1"/>
  <c r="AF110639" i="1"/>
  <c r="AF110640" i="1"/>
  <c r="AF110641" i="1"/>
  <c r="AF110642" i="1"/>
  <c r="AF110643" i="1"/>
  <c r="AF110644" i="1"/>
  <c r="AF110645" i="1"/>
  <c r="AF110646" i="1"/>
  <c r="AF110647" i="1"/>
  <c r="AF110648" i="1"/>
  <c r="AF110649" i="1"/>
  <c r="AF110650" i="1"/>
  <c r="AF110651" i="1"/>
  <c r="AF110652" i="1"/>
  <c r="AF110653" i="1"/>
  <c r="AF110654" i="1"/>
  <c r="AF110655" i="1"/>
  <c r="AF110656" i="1"/>
  <c r="AF110657" i="1"/>
  <c r="AF110658" i="1"/>
  <c r="AF110659" i="1"/>
  <c r="AF110660" i="1"/>
  <c r="AF110661" i="1"/>
  <c r="AF110662" i="1"/>
  <c r="AF110663" i="1"/>
  <c r="AF110664" i="1"/>
  <c r="AF110665" i="1"/>
  <c r="AF110666" i="1"/>
  <c r="AF110667" i="1"/>
  <c r="AF110668" i="1"/>
  <c r="AF110669" i="1"/>
  <c r="AF110670" i="1"/>
  <c r="AF110671" i="1"/>
  <c r="AF110672" i="1"/>
  <c r="AF110673" i="1"/>
  <c r="AF110674" i="1"/>
  <c r="AF110675" i="1"/>
  <c r="AF110676" i="1"/>
  <c r="AF110677" i="1"/>
  <c r="AF110678" i="1"/>
  <c r="AF110679" i="1"/>
  <c r="AF110680" i="1"/>
  <c r="AF110681" i="1"/>
  <c r="AF110682" i="1"/>
  <c r="AF110683" i="1"/>
  <c r="AF110684" i="1"/>
  <c r="AF110685" i="1"/>
  <c r="AF110686" i="1"/>
  <c r="AF110687" i="1"/>
  <c r="AF110688" i="1"/>
  <c r="AF110689" i="1"/>
  <c r="AF110690" i="1"/>
  <c r="AF110691" i="1"/>
  <c r="AF110692" i="1"/>
  <c r="AF110693" i="1"/>
  <c r="AF110694" i="1"/>
  <c r="AF110695" i="1"/>
  <c r="AF110696" i="1"/>
  <c r="AF110697" i="1"/>
  <c r="AF110698" i="1"/>
  <c r="AF110699" i="1"/>
  <c r="AF110700" i="1"/>
  <c r="AF110701" i="1"/>
  <c r="AF110702" i="1"/>
  <c r="AF110703" i="1"/>
  <c r="AF110704" i="1"/>
  <c r="AF110705" i="1"/>
  <c r="AF110706" i="1"/>
  <c r="AF110707" i="1"/>
  <c r="AF110708" i="1"/>
  <c r="AF110709" i="1"/>
  <c r="AF110710" i="1"/>
  <c r="AF110711" i="1"/>
  <c r="AF110712" i="1"/>
  <c r="AF110713" i="1"/>
  <c r="AF110714" i="1"/>
  <c r="AF110715" i="1"/>
  <c r="AF110716" i="1"/>
  <c r="AF110717" i="1"/>
  <c r="AF110718" i="1"/>
  <c r="AF110719" i="1"/>
  <c r="AF110720" i="1"/>
  <c r="AF110721" i="1"/>
  <c r="AF110722" i="1"/>
  <c r="AF110723" i="1"/>
  <c r="AF110724" i="1"/>
  <c r="AF110725" i="1"/>
  <c r="AF110726" i="1"/>
  <c r="AF110727" i="1"/>
  <c r="AF110728" i="1"/>
  <c r="AF110729" i="1"/>
  <c r="AF110730" i="1"/>
  <c r="AF110731" i="1"/>
  <c r="AF110732" i="1"/>
  <c r="AF110733" i="1"/>
  <c r="AF110734" i="1"/>
  <c r="AF110735" i="1"/>
  <c r="AF110736" i="1"/>
  <c r="AF110737" i="1"/>
  <c r="AF110738" i="1"/>
  <c r="AF110739" i="1"/>
  <c r="AF110740" i="1"/>
  <c r="AF110741" i="1"/>
  <c r="AF110742" i="1"/>
  <c r="AF110743" i="1"/>
  <c r="AF110744" i="1"/>
  <c r="AF110745" i="1"/>
  <c r="AF110746" i="1"/>
  <c r="AF110747" i="1"/>
  <c r="AF110748" i="1"/>
  <c r="AF110749" i="1"/>
  <c r="AF110750" i="1"/>
  <c r="AF110751" i="1"/>
  <c r="AF110752" i="1"/>
  <c r="AF110753" i="1"/>
  <c r="AF110754" i="1"/>
  <c r="AF110755" i="1"/>
  <c r="AF110756" i="1"/>
  <c r="AF110757" i="1"/>
  <c r="AF110758" i="1"/>
  <c r="AF110759" i="1"/>
  <c r="AF110760" i="1"/>
  <c r="AF110761" i="1"/>
  <c r="AF110762" i="1"/>
  <c r="AF110763" i="1"/>
  <c r="AF110764" i="1"/>
  <c r="AF110765" i="1"/>
  <c r="AF110766" i="1"/>
  <c r="AF110767" i="1"/>
  <c r="AF110768" i="1"/>
  <c r="AF110769" i="1"/>
  <c r="AF110770" i="1"/>
  <c r="AF110771" i="1"/>
  <c r="AF110772" i="1"/>
  <c r="AF110773" i="1"/>
  <c r="AF110774" i="1"/>
  <c r="AF110775" i="1"/>
  <c r="AF110776" i="1"/>
  <c r="AF110777" i="1"/>
  <c r="AF110778" i="1"/>
  <c r="AF110779" i="1"/>
  <c r="AF110780" i="1"/>
  <c r="AF110781" i="1"/>
  <c r="AF110782" i="1"/>
  <c r="AF110783" i="1"/>
  <c r="AF110784" i="1"/>
  <c r="AF110785" i="1"/>
  <c r="AF110786" i="1"/>
  <c r="AF110787" i="1"/>
  <c r="AF110788" i="1"/>
  <c r="AF110789" i="1"/>
  <c r="AF110790" i="1"/>
  <c r="AF110791" i="1"/>
  <c r="AF110792" i="1"/>
  <c r="AF110793" i="1"/>
  <c r="AF110794" i="1"/>
  <c r="AF110795" i="1"/>
  <c r="AF110796" i="1"/>
  <c r="AF110797" i="1"/>
  <c r="AF110798" i="1"/>
  <c r="AF110799" i="1"/>
  <c r="AF110800" i="1"/>
  <c r="AF110801" i="1"/>
  <c r="AF110802" i="1"/>
  <c r="AF110803" i="1"/>
  <c r="AF110804" i="1"/>
  <c r="AF110805" i="1"/>
  <c r="AF110806" i="1"/>
  <c r="AF110807" i="1"/>
  <c r="AF110808" i="1"/>
  <c r="AF110809" i="1"/>
  <c r="AF110810" i="1"/>
  <c r="AF110811" i="1"/>
  <c r="AF110812" i="1"/>
  <c r="AF110813" i="1"/>
  <c r="AF110814" i="1"/>
  <c r="AF110815" i="1"/>
  <c r="AF110816" i="1"/>
  <c r="AF110817" i="1"/>
  <c r="AF110818" i="1"/>
  <c r="AF110819" i="1"/>
  <c r="AF110820" i="1"/>
  <c r="AF110821" i="1"/>
  <c r="AF110822" i="1"/>
  <c r="AF110823" i="1"/>
  <c r="AF110824" i="1"/>
  <c r="AF110825" i="1"/>
  <c r="AF110826" i="1"/>
  <c r="AF110827" i="1"/>
  <c r="AF110828" i="1"/>
  <c r="AF110829" i="1"/>
  <c r="AF110830" i="1"/>
  <c r="AF110831" i="1"/>
  <c r="AF110832" i="1"/>
  <c r="AF110833" i="1"/>
  <c r="AF110834" i="1"/>
  <c r="AF110835" i="1"/>
  <c r="AF110836" i="1"/>
  <c r="AF110837" i="1"/>
  <c r="AF110838" i="1"/>
  <c r="AF110839" i="1"/>
  <c r="AF110840" i="1"/>
  <c r="AF110841" i="1"/>
  <c r="AF110842" i="1"/>
  <c r="AF110843" i="1"/>
  <c r="AF110844" i="1"/>
  <c r="AF110845" i="1"/>
  <c r="AF110846" i="1"/>
  <c r="AF110847" i="1"/>
  <c r="AF110848" i="1"/>
  <c r="AF110849" i="1"/>
  <c r="AF110850" i="1"/>
  <c r="AF110851" i="1"/>
  <c r="AF110852" i="1"/>
  <c r="AF110853" i="1"/>
  <c r="AF110854" i="1"/>
  <c r="AF110855" i="1"/>
  <c r="AF110856" i="1"/>
  <c r="AF110857" i="1"/>
  <c r="AF110858" i="1"/>
  <c r="AF110859" i="1"/>
  <c r="AF110860" i="1"/>
  <c r="AF110861" i="1"/>
  <c r="AF110862" i="1"/>
  <c r="AF110863" i="1"/>
  <c r="AF110864" i="1"/>
  <c r="AF110865" i="1"/>
  <c r="AF110866" i="1"/>
  <c r="AF110867" i="1"/>
  <c r="AF110868" i="1"/>
  <c r="AF110869" i="1"/>
  <c r="AF110870" i="1"/>
  <c r="AF110871" i="1"/>
  <c r="AF110872" i="1"/>
  <c r="AF110873" i="1"/>
  <c r="AF110874" i="1"/>
  <c r="AF110875" i="1"/>
  <c r="AF110876" i="1"/>
  <c r="AF110877" i="1"/>
  <c r="AF110878" i="1"/>
  <c r="AF110879" i="1"/>
  <c r="AF110880" i="1"/>
  <c r="AF110881" i="1"/>
  <c r="AF110882" i="1"/>
  <c r="AF110883" i="1"/>
  <c r="AF110884" i="1"/>
  <c r="AF110885" i="1"/>
  <c r="AF110886" i="1"/>
  <c r="AF110887" i="1"/>
  <c r="AF110888" i="1"/>
  <c r="AF110889" i="1"/>
  <c r="AF110890" i="1"/>
  <c r="AF110891" i="1"/>
  <c r="AF110892" i="1"/>
  <c r="AF110893" i="1"/>
  <c r="AF110894" i="1"/>
  <c r="AF110895" i="1"/>
  <c r="AF110896" i="1"/>
  <c r="AF110897" i="1"/>
  <c r="AF110898" i="1"/>
  <c r="AF110899" i="1"/>
  <c r="AF110900" i="1"/>
  <c r="AF110901" i="1"/>
  <c r="AF110902" i="1"/>
  <c r="AF110903" i="1"/>
  <c r="AF110904" i="1"/>
  <c r="AF110905" i="1"/>
  <c r="AF110906" i="1"/>
  <c r="AF110907" i="1"/>
  <c r="AF110908" i="1"/>
  <c r="AF110909" i="1"/>
  <c r="AF110910" i="1"/>
  <c r="AF110911" i="1"/>
  <c r="AF110912" i="1"/>
  <c r="AF110913" i="1"/>
  <c r="AF110914" i="1"/>
  <c r="AF110915" i="1"/>
  <c r="AF110916" i="1"/>
  <c r="AF110917" i="1"/>
  <c r="AF110918" i="1"/>
  <c r="AF110919" i="1"/>
  <c r="AF110920" i="1"/>
  <c r="AF110921" i="1"/>
  <c r="AF110922" i="1"/>
  <c r="AF110923" i="1"/>
  <c r="AF110924" i="1"/>
  <c r="AF110925" i="1"/>
  <c r="AF110926" i="1"/>
  <c r="AF110927" i="1"/>
  <c r="AF110928" i="1"/>
  <c r="AF110929" i="1"/>
  <c r="AF110930" i="1"/>
  <c r="AF110931" i="1"/>
  <c r="AF110932" i="1"/>
  <c r="AF110933" i="1"/>
  <c r="AF110934" i="1"/>
  <c r="AF110935" i="1"/>
  <c r="AF110936" i="1"/>
  <c r="AF110937" i="1"/>
  <c r="AF110938" i="1"/>
  <c r="AF110939" i="1"/>
  <c r="AF110940" i="1"/>
  <c r="AF110941" i="1"/>
  <c r="AF110942" i="1"/>
  <c r="AF110943" i="1"/>
  <c r="AF110944" i="1"/>
  <c r="AF110945" i="1"/>
  <c r="AF110946" i="1"/>
  <c r="AF110947" i="1"/>
  <c r="AF110948" i="1"/>
  <c r="AF110949" i="1"/>
  <c r="AF110950" i="1"/>
  <c r="AF110951" i="1"/>
  <c r="AF110952" i="1"/>
  <c r="AF110953" i="1"/>
  <c r="AF110954" i="1"/>
  <c r="AF110955" i="1"/>
  <c r="AF110956" i="1"/>
  <c r="AF110957" i="1"/>
  <c r="AF110958" i="1"/>
  <c r="AF110959" i="1"/>
  <c r="AF110960" i="1"/>
  <c r="AF110961" i="1"/>
  <c r="AF110962" i="1"/>
  <c r="AF110963" i="1"/>
  <c r="AF110964" i="1"/>
  <c r="AF110965" i="1"/>
  <c r="AF110966" i="1"/>
  <c r="AF110967" i="1"/>
  <c r="AF110968" i="1"/>
  <c r="AF110969" i="1"/>
  <c r="AF110970" i="1"/>
  <c r="AF110971" i="1"/>
  <c r="AF110972" i="1"/>
  <c r="AF110973" i="1"/>
  <c r="AF110974" i="1"/>
  <c r="AF110975" i="1"/>
  <c r="AF110976" i="1"/>
  <c r="AF110977" i="1"/>
  <c r="AF110978" i="1"/>
  <c r="AF110979" i="1"/>
  <c r="AF110980" i="1"/>
  <c r="AF110981" i="1"/>
  <c r="AF110982" i="1"/>
  <c r="AF110983" i="1"/>
  <c r="AF110984" i="1"/>
  <c r="AF110985" i="1"/>
  <c r="AF110986" i="1"/>
  <c r="AF110987" i="1"/>
  <c r="AF110988" i="1"/>
  <c r="AF110989" i="1"/>
  <c r="AF110990" i="1"/>
  <c r="AF110991" i="1"/>
  <c r="AF110992" i="1"/>
  <c r="AF110993" i="1"/>
  <c r="AF110994" i="1"/>
  <c r="AF110995" i="1"/>
  <c r="AF110996" i="1"/>
  <c r="AF110997" i="1"/>
  <c r="AF110998" i="1"/>
  <c r="AF110999" i="1"/>
  <c r="AF111000" i="1"/>
  <c r="AF111001" i="1"/>
  <c r="AF111002" i="1"/>
  <c r="AF111003" i="1"/>
  <c r="AF111004" i="1"/>
  <c r="AF111005" i="1"/>
  <c r="AF111006" i="1"/>
  <c r="AF111007" i="1"/>
  <c r="AF111008" i="1"/>
  <c r="AF111009" i="1"/>
  <c r="AF111010" i="1"/>
  <c r="AF111011" i="1"/>
  <c r="AF111012" i="1"/>
  <c r="AF111013" i="1"/>
  <c r="AF111014" i="1"/>
  <c r="AF111015" i="1"/>
  <c r="AF111016" i="1"/>
  <c r="AF111017" i="1"/>
  <c r="AF111018" i="1"/>
  <c r="AF111019" i="1"/>
  <c r="AF111020" i="1"/>
  <c r="AF111021" i="1"/>
  <c r="AF111022" i="1"/>
  <c r="AF111023" i="1"/>
  <c r="AF111024" i="1"/>
  <c r="AF111025" i="1"/>
  <c r="AF111026" i="1"/>
  <c r="AF111027" i="1"/>
  <c r="AF111028" i="1"/>
  <c r="AF111029" i="1"/>
  <c r="AF111030" i="1"/>
  <c r="AF111031" i="1"/>
  <c r="AF111032" i="1"/>
  <c r="AF111033" i="1"/>
  <c r="AF111034" i="1"/>
  <c r="AF111035" i="1"/>
  <c r="AF111036" i="1"/>
  <c r="AF111037" i="1"/>
  <c r="AF111038" i="1"/>
  <c r="AF111039" i="1"/>
  <c r="AF111040" i="1"/>
  <c r="AF111041" i="1"/>
  <c r="AF111042" i="1"/>
  <c r="AF111043" i="1"/>
  <c r="AF111044" i="1"/>
  <c r="AF111045" i="1"/>
  <c r="AF111046" i="1"/>
  <c r="AF111047" i="1"/>
  <c r="AF111048" i="1"/>
  <c r="AF111049" i="1"/>
  <c r="AF111050" i="1"/>
  <c r="AF111051" i="1"/>
  <c r="AF111052" i="1"/>
  <c r="AF111053" i="1"/>
  <c r="AF111054" i="1"/>
  <c r="AF111055" i="1"/>
  <c r="AF111056" i="1"/>
  <c r="AF111057" i="1"/>
  <c r="AF111058" i="1"/>
  <c r="AF111059" i="1"/>
  <c r="AF111060" i="1"/>
  <c r="AF111061" i="1"/>
  <c r="AF111062" i="1"/>
  <c r="AF111063" i="1"/>
  <c r="AF111064" i="1"/>
  <c r="AF111065" i="1"/>
  <c r="AF111066" i="1"/>
  <c r="AF111067" i="1"/>
  <c r="AF111068" i="1"/>
  <c r="AF111069" i="1"/>
  <c r="AF111070" i="1"/>
  <c r="AF111071" i="1"/>
  <c r="AF111072" i="1"/>
  <c r="AF111073" i="1"/>
  <c r="AF111074" i="1"/>
  <c r="AF111075" i="1"/>
  <c r="AF111076" i="1"/>
  <c r="AF111077" i="1"/>
  <c r="AF111078" i="1"/>
  <c r="AF111079" i="1"/>
  <c r="AF111080" i="1"/>
  <c r="AF111081" i="1"/>
  <c r="AF111082" i="1"/>
  <c r="AF111083" i="1"/>
  <c r="AF111084" i="1"/>
  <c r="AF111085" i="1"/>
  <c r="AF111086" i="1"/>
  <c r="AF111087" i="1"/>
  <c r="AF111088" i="1"/>
  <c r="AF111089" i="1"/>
  <c r="AF111090" i="1"/>
  <c r="AF111091" i="1"/>
  <c r="AF111092" i="1"/>
  <c r="AF111093" i="1"/>
  <c r="AF111094" i="1"/>
  <c r="AF111095" i="1"/>
  <c r="AF111096" i="1"/>
  <c r="AF111097" i="1"/>
  <c r="AF111098" i="1"/>
  <c r="AF111099" i="1"/>
  <c r="AF111100" i="1"/>
  <c r="AF111101" i="1"/>
  <c r="AF111102" i="1"/>
  <c r="AF111103" i="1"/>
  <c r="AF111104" i="1"/>
  <c r="AF111105" i="1"/>
  <c r="AF111106" i="1"/>
  <c r="AF111107" i="1"/>
  <c r="AF111108" i="1"/>
  <c r="AF111109" i="1"/>
  <c r="AF111110" i="1"/>
  <c r="AF111111" i="1"/>
  <c r="AF111112" i="1"/>
  <c r="AF111113" i="1"/>
  <c r="AF111114" i="1"/>
  <c r="AF111115" i="1"/>
  <c r="AF111116" i="1"/>
  <c r="AF111117" i="1"/>
  <c r="AF111118" i="1"/>
  <c r="AF111119" i="1"/>
  <c r="AF111120" i="1"/>
  <c r="AF111121" i="1"/>
  <c r="AF111122" i="1"/>
  <c r="AF111123" i="1"/>
  <c r="AF111124" i="1"/>
  <c r="AF111125" i="1"/>
  <c r="AF111126" i="1"/>
  <c r="AF111127" i="1"/>
  <c r="AF111128" i="1"/>
  <c r="AF111129" i="1"/>
  <c r="AF111130" i="1"/>
  <c r="AF111131" i="1"/>
  <c r="AF111132" i="1"/>
  <c r="AF111133" i="1"/>
  <c r="AF111134" i="1"/>
  <c r="AF111135" i="1"/>
  <c r="AF111136" i="1"/>
  <c r="AF111137" i="1"/>
  <c r="AF111138" i="1"/>
  <c r="AF111139" i="1"/>
  <c r="AF111140" i="1"/>
  <c r="AF111141" i="1"/>
  <c r="AF111142" i="1"/>
  <c r="AF111143" i="1"/>
  <c r="AF111144" i="1"/>
  <c r="AF111145" i="1"/>
  <c r="AF111146" i="1"/>
  <c r="AF111147" i="1"/>
  <c r="AF111148" i="1"/>
  <c r="AF111149" i="1"/>
  <c r="AF111150" i="1"/>
  <c r="AF111151" i="1"/>
  <c r="AF111152" i="1"/>
  <c r="AF111153" i="1"/>
  <c r="AF111154" i="1"/>
  <c r="AF111155" i="1"/>
  <c r="AF111156" i="1"/>
  <c r="AF111157" i="1"/>
  <c r="AF111158" i="1"/>
  <c r="AF111159" i="1"/>
  <c r="AF111160" i="1"/>
  <c r="AF111161" i="1"/>
  <c r="AF111162" i="1"/>
  <c r="AF111163" i="1"/>
  <c r="AF111164" i="1"/>
  <c r="AF111165" i="1"/>
  <c r="AF111166" i="1"/>
  <c r="AF111167" i="1"/>
  <c r="AF111168" i="1"/>
  <c r="AF111169" i="1"/>
  <c r="AF111170" i="1"/>
  <c r="AF111171" i="1"/>
  <c r="AF111172" i="1"/>
  <c r="AF111173" i="1"/>
  <c r="AF111174" i="1"/>
  <c r="AF111175" i="1"/>
  <c r="AF111176" i="1"/>
  <c r="AF111177" i="1"/>
  <c r="AF111178" i="1"/>
  <c r="AF111179" i="1"/>
  <c r="AF111180" i="1"/>
  <c r="AF111181" i="1"/>
  <c r="AF111182" i="1"/>
  <c r="AF111183" i="1"/>
  <c r="AF111184" i="1"/>
  <c r="AF111185" i="1"/>
  <c r="AF111186" i="1"/>
  <c r="AF111187" i="1"/>
  <c r="AF111188" i="1"/>
  <c r="AF111189" i="1"/>
  <c r="AF111190" i="1"/>
  <c r="AF111191" i="1"/>
  <c r="AF111192" i="1"/>
  <c r="AF111193" i="1"/>
  <c r="AF111194" i="1"/>
  <c r="AF111195" i="1"/>
  <c r="AF111196" i="1"/>
  <c r="AF111197" i="1"/>
  <c r="AF111198" i="1"/>
  <c r="AF111199" i="1"/>
  <c r="AF111200" i="1"/>
  <c r="AF111201" i="1"/>
  <c r="AF111202" i="1"/>
  <c r="AF111203" i="1"/>
  <c r="AF111204" i="1"/>
  <c r="AF111205" i="1"/>
  <c r="AF111206" i="1"/>
  <c r="AF111207" i="1"/>
  <c r="AF111208" i="1"/>
  <c r="AF111209" i="1"/>
  <c r="AF111210" i="1"/>
  <c r="AF111211" i="1"/>
  <c r="AF111212" i="1"/>
  <c r="AF111213" i="1"/>
  <c r="AF111214" i="1"/>
  <c r="AF111215" i="1"/>
  <c r="AF111216" i="1"/>
  <c r="AF111217" i="1"/>
  <c r="AF111218" i="1"/>
  <c r="AF111219" i="1"/>
  <c r="AF111220" i="1"/>
  <c r="AF111221" i="1"/>
  <c r="AF111222" i="1"/>
  <c r="AF111223" i="1"/>
  <c r="AF111224" i="1"/>
  <c r="AF111225" i="1"/>
  <c r="AF111226" i="1"/>
  <c r="AF111227" i="1"/>
  <c r="AF111228" i="1"/>
  <c r="AF111229" i="1"/>
  <c r="AF111230" i="1"/>
  <c r="AF111231" i="1"/>
  <c r="AF111232" i="1"/>
  <c r="AF111233" i="1"/>
  <c r="AF111234" i="1"/>
  <c r="AF111235" i="1"/>
  <c r="AF111236" i="1"/>
  <c r="AF111237" i="1"/>
  <c r="AF111238" i="1"/>
  <c r="AF111239" i="1"/>
  <c r="AF111240" i="1"/>
  <c r="AF111241" i="1"/>
  <c r="AF111242" i="1"/>
  <c r="AF111243" i="1"/>
  <c r="AF111244" i="1"/>
  <c r="AF111245" i="1"/>
  <c r="AF111246" i="1"/>
  <c r="AF111247" i="1"/>
  <c r="AF111248" i="1"/>
  <c r="AF111249" i="1"/>
  <c r="AF111250" i="1"/>
  <c r="AF111251" i="1"/>
  <c r="AF111252" i="1"/>
  <c r="AF111253" i="1"/>
  <c r="AF111254" i="1"/>
  <c r="AF111255" i="1"/>
  <c r="AF111256" i="1"/>
  <c r="AF111257" i="1"/>
  <c r="AF111258" i="1"/>
  <c r="AF111259" i="1"/>
  <c r="AF111260" i="1"/>
  <c r="AF111261" i="1"/>
  <c r="AF111262" i="1"/>
  <c r="AF111263" i="1"/>
  <c r="AF111264" i="1"/>
  <c r="AF111265" i="1"/>
  <c r="AF111266" i="1"/>
  <c r="AF111267" i="1"/>
  <c r="AF111268" i="1"/>
  <c r="AF111269" i="1"/>
  <c r="AF111270" i="1"/>
  <c r="AF111271" i="1"/>
  <c r="AF111272" i="1"/>
  <c r="AF111273" i="1"/>
  <c r="AF111274" i="1"/>
  <c r="AF111275" i="1"/>
  <c r="AF111276" i="1"/>
  <c r="AF111277" i="1"/>
  <c r="AF111278" i="1"/>
  <c r="AF111279" i="1"/>
  <c r="AF111280" i="1"/>
  <c r="AF111281" i="1"/>
  <c r="AF111282" i="1"/>
  <c r="AF111283" i="1"/>
  <c r="AF111284" i="1"/>
  <c r="AF111285" i="1"/>
  <c r="AF111286" i="1"/>
  <c r="AF111287" i="1"/>
  <c r="AF111288" i="1"/>
  <c r="AF111289" i="1"/>
  <c r="AF111290" i="1"/>
  <c r="AF111291" i="1"/>
  <c r="AF111292" i="1"/>
  <c r="AF111293" i="1"/>
  <c r="AF111294" i="1"/>
  <c r="AF111295" i="1"/>
  <c r="AF111296" i="1"/>
  <c r="AF111297" i="1"/>
  <c r="AF111298" i="1"/>
  <c r="AF111299" i="1"/>
  <c r="AF111300" i="1"/>
  <c r="AF111301" i="1"/>
  <c r="AF111302" i="1"/>
  <c r="AF111303" i="1"/>
  <c r="AF111304" i="1"/>
  <c r="AF111305" i="1"/>
  <c r="AF111306" i="1"/>
  <c r="AF111307" i="1"/>
  <c r="AF111308" i="1"/>
  <c r="AF111309" i="1"/>
  <c r="AF111310" i="1"/>
  <c r="AF111311" i="1"/>
  <c r="AF111312" i="1"/>
  <c r="AF111313" i="1"/>
  <c r="AF111314" i="1"/>
  <c r="AF111315" i="1"/>
  <c r="AF111316" i="1"/>
  <c r="AF111317" i="1"/>
  <c r="AF111318" i="1"/>
  <c r="AF111319" i="1"/>
  <c r="AF111320" i="1"/>
  <c r="AF111321" i="1"/>
  <c r="AF111322" i="1"/>
  <c r="AF111323" i="1"/>
  <c r="AF111324" i="1"/>
  <c r="AF111325" i="1"/>
  <c r="AF111326" i="1"/>
  <c r="AF111327" i="1"/>
  <c r="AF111328" i="1"/>
  <c r="AF111329" i="1"/>
  <c r="AF111330" i="1"/>
  <c r="AF111331" i="1"/>
  <c r="AF111332" i="1"/>
  <c r="AF111333" i="1"/>
  <c r="AF111334" i="1"/>
  <c r="AF111335" i="1"/>
  <c r="AF111336" i="1"/>
  <c r="AF111337" i="1"/>
  <c r="AF111338" i="1"/>
  <c r="AF111339" i="1"/>
  <c r="AF111340" i="1"/>
  <c r="AF111341" i="1"/>
  <c r="AF111342" i="1"/>
  <c r="AF111343" i="1"/>
  <c r="AF111344" i="1"/>
  <c r="AF111345" i="1"/>
  <c r="AF111346" i="1"/>
  <c r="AF111347" i="1"/>
  <c r="AF111348" i="1"/>
  <c r="AF111349" i="1"/>
  <c r="AF111350" i="1"/>
  <c r="AF111351" i="1"/>
  <c r="AF111352" i="1"/>
  <c r="AF111353" i="1"/>
  <c r="AF111354" i="1"/>
  <c r="AF111355" i="1"/>
  <c r="AF111356" i="1"/>
  <c r="AF111357" i="1"/>
  <c r="AF111358" i="1"/>
  <c r="AF111359" i="1"/>
  <c r="AF111360" i="1"/>
  <c r="AF111361" i="1"/>
  <c r="AF111362" i="1"/>
  <c r="AF111363" i="1"/>
  <c r="AF111364" i="1"/>
  <c r="AF111365" i="1"/>
  <c r="AF111366" i="1"/>
  <c r="AF111367" i="1"/>
  <c r="AF111368" i="1"/>
  <c r="AF111369" i="1"/>
  <c r="AF111370" i="1"/>
  <c r="AF111371" i="1"/>
  <c r="AF111372" i="1"/>
  <c r="AF111373" i="1"/>
  <c r="AF111374" i="1"/>
  <c r="AF111375" i="1"/>
  <c r="AF111376" i="1"/>
  <c r="AF111377" i="1"/>
  <c r="AF111378" i="1"/>
  <c r="AF111379" i="1"/>
  <c r="AF111380" i="1"/>
  <c r="AF111381" i="1"/>
  <c r="AF111382" i="1"/>
  <c r="AF111383" i="1"/>
  <c r="AF111384" i="1"/>
  <c r="AF111385" i="1"/>
  <c r="AF111386" i="1"/>
  <c r="AF111387" i="1"/>
  <c r="AF111388" i="1"/>
  <c r="AF111389" i="1"/>
  <c r="AF111390" i="1"/>
  <c r="AF111391" i="1"/>
  <c r="AF111392" i="1"/>
  <c r="AF111393" i="1"/>
  <c r="AF111394" i="1"/>
  <c r="AF111395" i="1"/>
  <c r="AF111396" i="1"/>
  <c r="AF111397" i="1"/>
  <c r="AF111398" i="1"/>
  <c r="AF111399" i="1"/>
  <c r="AF111400" i="1"/>
  <c r="AF111401" i="1"/>
  <c r="AF111402" i="1"/>
  <c r="AF111403" i="1"/>
  <c r="AF111404" i="1"/>
  <c r="AF111405" i="1"/>
  <c r="AF111406" i="1"/>
  <c r="AF111407" i="1"/>
  <c r="AF111408" i="1"/>
  <c r="AF111409" i="1"/>
  <c r="AF111410" i="1"/>
  <c r="AF111411" i="1"/>
  <c r="AF111412" i="1"/>
  <c r="AF111413" i="1"/>
  <c r="AF111414" i="1"/>
  <c r="AF111415" i="1"/>
  <c r="AF111416" i="1"/>
  <c r="AF111417" i="1"/>
  <c r="AF111418" i="1"/>
  <c r="AF111419" i="1"/>
  <c r="AF111420" i="1"/>
  <c r="AF111421" i="1"/>
  <c r="AF111422" i="1"/>
  <c r="AF111423" i="1"/>
  <c r="AF111424" i="1"/>
  <c r="AF111425" i="1"/>
  <c r="AF111426" i="1"/>
  <c r="AF111427" i="1"/>
  <c r="AF111428" i="1"/>
  <c r="AF111429" i="1"/>
  <c r="AF111430" i="1"/>
  <c r="AF111431" i="1"/>
  <c r="AF111432" i="1"/>
  <c r="AF111433" i="1"/>
  <c r="AF111434" i="1"/>
  <c r="AF111435" i="1"/>
  <c r="AF111436" i="1"/>
  <c r="AF111437" i="1"/>
  <c r="AF111438" i="1"/>
  <c r="AF111439" i="1"/>
  <c r="AF111440" i="1"/>
  <c r="AF111441" i="1"/>
  <c r="AF111442" i="1"/>
  <c r="AF111443" i="1"/>
  <c r="AF111444" i="1"/>
  <c r="AF111445" i="1"/>
  <c r="AF111446" i="1"/>
  <c r="AF111447" i="1"/>
  <c r="AF111448" i="1"/>
  <c r="AF111449" i="1"/>
  <c r="AF111450" i="1"/>
  <c r="AF111451" i="1"/>
  <c r="AF111452" i="1"/>
  <c r="AF111453" i="1"/>
  <c r="AF111454" i="1"/>
  <c r="AF111455" i="1"/>
  <c r="AF111456" i="1"/>
  <c r="AF111457" i="1"/>
  <c r="AF111458" i="1"/>
  <c r="AF111459" i="1"/>
  <c r="AF111460" i="1"/>
  <c r="AF111461" i="1"/>
  <c r="AF111462" i="1"/>
  <c r="AF111463" i="1"/>
  <c r="AF111464" i="1"/>
  <c r="AF111465" i="1"/>
  <c r="AF111466" i="1"/>
  <c r="AF111467" i="1"/>
  <c r="AF111468" i="1"/>
  <c r="AF111469" i="1"/>
  <c r="AF111470" i="1"/>
  <c r="AF111471" i="1"/>
  <c r="AF111472" i="1"/>
  <c r="AF111473" i="1"/>
  <c r="AF111474" i="1"/>
  <c r="AF111475" i="1"/>
  <c r="AF111476" i="1"/>
  <c r="AF111477" i="1"/>
  <c r="AF111478" i="1"/>
  <c r="AF111479" i="1"/>
  <c r="AF111480" i="1"/>
  <c r="AF111481" i="1"/>
  <c r="AF111482" i="1"/>
  <c r="AF111483" i="1"/>
  <c r="AF111484" i="1"/>
  <c r="AF111485" i="1"/>
  <c r="AF111486" i="1"/>
  <c r="AF111487" i="1"/>
  <c r="AF111488" i="1"/>
  <c r="AF111489" i="1"/>
  <c r="AF111490" i="1"/>
  <c r="AF111491" i="1"/>
  <c r="AF111492" i="1"/>
  <c r="AF111493" i="1"/>
  <c r="AF111494" i="1"/>
  <c r="AF111495" i="1"/>
  <c r="AF111496" i="1"/>
  <c r="AF111497" i="1"/>
  <c r="AF111498" i="1"/>
  <c r="AF111499" i="1"/>
  <c r="AF111500" i="1"/>
  <c r="AF111501" i="1"/>
  <c r="AF111502" i="1"/>
  <c r="AF111503" i="1"/>
  <c r="AF111504" i="1"/>
  <c r="AF111505" i="1"/>
  <c r="AF111506" i="1"/>
  <c r="AF111507" i="1"/>
  <c r="AF111508" i="1"/>
  <c r="AF111509" i="1"/>
  <c r="AF111510" i="1"/>
  <c r="AF111511" i="1"/>
  <c r="AF111512" i="1"/>
  <c r="AF111513" i="1"/>
  <c r="AF111514" i="1"/>
  <c r="AF111515" i="1"/>
  <c r="AF111516" i="1"/>
  <c r="AF111517" i="1"/>
  <c r="AF111518" i="1"/>
  <c r="AF111519" i="1"/>
  <c r="AF111520" i="1"/>
  <c r="AF111521" i="1"/>
  <c r="AF111522" i="1"/>
  <c r="AF111523" i="1"/>
  <c r="AF111524" i="1"/>
  <c r="AF111525" i="1"/>
  <c r="AF111526" i="1"/>
  <c r="AF111527" i="1"/>
  <c r="AF111528" i="1"/>
  <c r="AF111529" i="1"/>
  <c r="AF111530" i="1"/>
  <c r="AF111531" i="1"/>
  <c r="AF111532" i="1"/>
  <c r="AF111533" i="1"/>
  <c r="AF111534" i="1"/>
  <c r="AF111535" i="1"/>
  <c r="AF111536" i="1"/>
  <c r="AF111537" i="1"/>
  <c r="AF111538" i="1"/>
  <c r="AF111539" i="1"/>
  <c r="AF111540" i="1"/>
  <c r="AF111541" i="1"/>
  <c r="AF111542" i="1"/>
  <c r="AF111543" i="1"/>
  <c r="AF111544" i="1"/>
  <c r="AF111545" i="1"/>
  <c r="AF111546" i="1"/>
  <c r="AF111547" i="1"/>
  <c r="AF111548" i="1"/>
  <c r="AF111549" i="1"/>
  <c r="AF111550" i="1"/>
  <c r="AF111551" i="1"/>
  <c r="AF111552" i="1"/>
  <c r="AF111553" i="1"/>
  <c r="AF111554" i="1"/>
  <c r="AF111555" i="1"/>
  <c r="AF111556" i="1"/>
  <c r="AF111557" i="1"/>
  <c r="AF111558" i="1"/>
  <c r="AF111559" i="1"/>
  <c r="AF111560" i="1"/>
  <c r="AF111561" i="1"/>
  <c r="AF111562" i="1"/>
  <c r="AF111563" i="1"/>
  <c r="AF111564" i="1"/>
  <c r="AF111565" i="1"/>
  <c r="AF111566" i="1"/>
  <c r="AF111567" i="1"/>
  <c r="AF111568" i="1"/>
  <c r="AF111569" i="1"/>
  <c r="AF111570" i="1"/>
  <c r="AF111571" i="1"/>
  <c r="AF111572" i="1"/>
  <c r="AF111573" i="1"/>
  <c r="AF111574" i="1"/>
  <c r="AF111575" i="1"/>
  <c r="AF111576" i="1"/>
  <c r="AF111577" i="1"/>
  <c r="AF111578" i="1"/>
  <c r="AF111579" i="1"/>
  <c r="AF111580" i="1"/>
  <c r="AF111581" i="1"/>
  <c r="AF111582" i="1"/>
  <c r="AF111583" i="1"/>
  <c r="AF111584" i="1"/>
  <c r="AF111585" i="1"/>
  <c r="AF111586" i="1"/>
  <c r="AF111587" i="1"/>
  <c r="AF111588" i="1"/>
  <c r="AF111589" i="1"/>
  <c r="AF111590" i="1"/>
  <c r="AF111591" i="1"/>
  <c r="AF111592" i="1"/>
  <c r="AF111593" i="1"/>
  <c r="AF111594" i="1"/>
  <c r="AF111595" i="1"/>
  <c r="AF111596" i="1"/>
  <c r="AF111597" i="1"/>
  <c r="AF111598" i="1"/>
  <c r="AF111599" i="1"/>
  <c r="AF111600" i="1"/>
  <c r="AF111601" i="1"/>
  <c r="AF111602" i="1"/>
  <c r="AF111603" i="1"/>
  <c r="AF111604" i="1"/>
  <c r="AF111605" i="1"/>
  <c r="AF111606" i="1"/>
  <c r="AF111607" i="1"/>
  <c r="AF111608" i="1"/>
  <c r="AF111609" i="1"/>
  <c r="AF111610" i="1"/>
  <c r="AF111611" i="1"/>
  <c r="AF111612" i="1"/>
  <c r="AF111613" i="1"/>
  <c r="AF111614" i="1"/>
  <c r="AF111615" i="1"/>
  <c r="AF111616" i="1"/>
  <c r="AF111617" i="1"/>
  <c r="AF111618" i="1"/>
  <c r="AF111619" i="1"/>
  <c r="AF111620" i="1"/>
  <c r="AF111621" i="1"/>
  <c r="AF111622" i="1"/>
  <c r="AF111623" i="1"/>
  <c r="AF111624" i="1"/>
  <c r="AF111625" i="1"/>
  <c r="AF111626" i="1"/>
  <c r="AF111627" i="1"/>
  <c r="AF111628" i="1"/>
  <c r="AF111629" i="1"/>
  <c r="AF111630" i="1"/>
  <c r="AF111631" i="1"/>
  <c r="AF111632" i="1"/>
  <c r="AF111633" i="1"/>
  <c r="AF111634" i="1"/>
  <c r="AF111635" i="1"/>
  <c r="AF111636" i="1"/>
  <c r="AF111637" i="1"/>
  <c r="AF111638" i="1"/>
  <c r="AF111639" i="1"/>
  <c r="AF111640" i="1"/>
  <c r="AF111641" i="1"/>
  <c r="AF111642" i="1"/>
  <c r="AF111643" i="1"/>
  <c r="AF111644" i="1"/>
  <c r="AF111645" i="1"/>
  <c r="AF111646" i="1"/>
  <c r="AF111647" i="1"/>
  <c r="AF111648" i="1"/>
  <c r="AF111649" i="1"/>
  <c r="AF111650" i="1"/>
  <c r="AF111651" i="1"/>
  <c r="AF111652" i="1"/>
  <c r="AF111653" i="1"/>
  <c r="AF111654" i="1"/>
  <c r="AF111655" i="1"/>
  <c r="AF111656" i="1"/>
  <c r="AF111657" i="1"/>
  <c r="AF111658" i="1"/>
  <c r="AF111659" i="1"/>
  <c r="AF111660" i="1"/>
  <c r="AF111661" i="1"/>
  <c r="AF111662" i="1"/>
  <c r="AF111663" i="1"/>
  <c r="AF111664" i="1"/>
  <c r="AF111665" i="1"/>
  <c r="AF111666" i="1"/>
  <c r="AF111667" i="1"/>
  <c r="AF111668" i="1"/>
  <c r="AF111669" i="1"/>
  <c r="AF111670" i="1"/>
  <c r="AF111671" i="1"/>
  <c r="AF111672" i="1"/>
  <c r="AF111673" i="1"/>
  <c r="AF111674" i="1"/>
  <c r="AF111675" i="1"/>
  <c r="AF111676" i="1"/>
  <c r="AF111677" i="1"/>
  <c r="AF111678" i="1"/>
  <c r="AF111679" i="1"/>
  <c r="AF111680" i="1"/>
  <c r="AF111681" i="1"/>
  <c r="AF111682" i="1"/>
  <c r="AF111683" i="1"/>
  <c r="AF111684" i="1"/>
  <c r="AF111685" i="1"/>
  <c r="AF111686" i="1"/>
  <c r="AF111687" i="1"/>
  <c r="AF111688" i="1"/>
  <c r="AF111689" i="1"/>
  <c r="AF111690" i="1"/>
  <c r="AF111691" i="1"/>
  <c r="AF111692" i="1"/>
  <c r="AF111693" i="1"/>
  <c r="AF111694" i="1"/>
  <c r="AF111695" i="1"/>
  <c r="AF111696" i="1"/>
  <c r="AF111697" i="1"/>
  <c r="AF111698" i="1"/>
  <c r="AF111699" i="1"/>
  <c r="AF111700" i="1"/>
  <c r="AF111701" i="1"/>
  <c r="AF111702" i="1"/>
  <c r="AF111703" i="1"/>
  <c r="AF111704" i="1"/>
  <c r="AF111705" i="1"/>
  <c r="AF111706" i="1"/>
  <c r="AF111707" i="1"/>
  <c r="AF111708" i="1"/>
  <c r="AF111709" i="1"/>
  <c r="AF111710" i="1"/>
  <c r="AF111711" i="1"/>
  <c r="AF111712" i="1"/>
  <c r="AF111713" i="1"/>
  <c r="AF111714" i="1"/>
  <c r="AF111715" i="1"/>
  <c r="AF111716" i="1"/>
  <c r="AF111717" i="1"/>
  <c r="AF111718" i="1"/>
  <c r="AF111719" i="1"/>
  <c r="AF111720" i="1"/>
  <c r="AF111721" i="1"/>
  <c r="AF111722" i="1"/>
  <c r="AF111723" i="1"/>
  <c r="AF111724" i="1"/>
  <c r="AF111725" i="1"/>
  <c r="AF111726" i="1"/>
  <c r="AF111727" i="1"/>
  <c r="AF111728" i="1"/>
  <c r="AF111729" i="1"/>
  <c r="AF111730" i="1"/>
  <c r="AF111731" i="1"/>
  <c r="AF111732" i="1"/>
  <c r="AF111733" i="1"/>
  <c r="AF111734" i="1"/>
  <c r="AF111735" i="1"/>
  <c r="AF111736" i="1"/>
  <c r="AF111737" i="1"/>
  <c r="AF111738" i="1"/>
  <c r="AF111739" i="1"/>
  <c r="AF111740" i="1"/>
  <c r="AF111741" i="1"/>
  <c r="AF111742" i="1"/>
  <c r="AF111743" i="1"/>
  <c r="AF111744" i="1"/>
  <c r="AF111745" i="1"/>
  <c r="AF111746" i="1"/>
  <c r="AF111747" i="1"/>
  <c r="AF111748" i="1"/>
  <c r="AF111749" i="1"/>
  <c r="AF111750" i="1"/>
  <c r="AF111751" i="1"/>
  <c r="AF111752" i="1"/>
  <c r="AF111753" i="1"/>
  <c r="AF111754" i="1"/>
  <c r="AF111755" i="1"/>
  <c r="AF111756" i="1"/>
  <c r="AF111757" i="1"/>
  <c r="AF111758" i="1"/>
  <c r="AF111759" i="1"/>
  <c r="AF111760" i="1"/>
  <c r="AF111761" i="1"/>
  <c r="AF111762" i="1"/>
  <c r="AF111763" i="1"/>
  <c r="AF111764" i="1"/>
  <c r="AF111765" i="1"/>
  <c r="AF111766" i="1"/>
  <c r="AF111767" i="1"/>
  <c r="AF111768" i="1"/>
  <c r="AF111769" i="1"/>
  <c r="AF111770" i="1"/>
  <c r="AF111771" i="1"/>
  <c r="AF111772" i="1"/>
  <c r="AF111773" i="1"/>
  <c r="AF111774" i="1"/>
  <c r="AF111775" i="1"/>
  <c r="AF111776" i="1"/>
  <c r="AF111777" i="1"/>
  <c r="AF111778" i="1"/>
  <c r="AF111779" i="1"/>
  <c r="AF111780" i="1"/>
  <c r="AF111781" i="1"/>
  <c r="AF111782" i="1"/>
  <c r="AF111783" i="1"/>
  <c r="AF111784" i="1"/>
  <c r="AF111785" i="1"/>
  <c r="AF111786" i="1"/>
  <c r="AF111787" i="1"/>
  <c r="AF111788" i="1"/>
  <c r="AF111789" i="1"/>
  <c r="AF111790" i="1"/>
  <c r="AF111791" i="1"/>
  <c r="AF111792" i="1"/>
  <c r="AF111793" i="1"/>
  <c r="AF111794" i="1"/>
  <c r="AF111795" i="1"/>
  <c r="AF111796" i="1"/>
  <c r="AF111797" i="1"/>
  <c r="AF111798" i="1"/>
  <c r="AF111799" i="1"/>
  <c r="AF111800" i="1"/>
  <c r="AF111801" i="1"/>
  <c r="AF111802" i="1"/>
  <c r="AF111803" i="1"/>
  <c r="AF111804" i="1"/>
  <c r="AF111805" i="1"/>
  <c r="AF111806" i="1"/>
  <c r="AF111807" i="1"/>
  <c r="AF111808" i="1"/>
  <c r="AF111809" i="1"/>
  <c r="AF111810" i="1"/>
  <c r="AF111811" i="1"/>
  <c r="AF111812" i="1"/>
  <c r="AF111813" i="1"/>
  <c r="AF111814" i="1"/>
  <c r="AF111815" i="1"/>
  <c r="AF111816" i="1"/>
  <c r="AF111817" i="1"/>
  <c r="AF111818" i="1"/>
  <c r="AF111819" i="1"/>
  <c r="AF111820" i="1"/>
  <c r="AF111821" i="1"/>
  <c r="AF111822" i="1"/>
  <c r="AF111823" i="1"/>
  <c r="AF111824" i="1"/>
  <c r="AF111825" i="1"/>
  <c r="AF111826" i="1"/>
  <c r="AF111827" i="1"/>
  <c r="AF111828" i="1"/>
  <c r="AF111829" i="1"/>
  <c r="AF111830" i="1"/>
  <c r="AF111831" i="1"/>
  <c r="AF111832" i="1"/>
  <c r="AF111833" i="1"/>
  <c r="AF111834" i="1"/>
  <c r="AF111835" i="1"/>
  <c r="AF111836" i="1"/>
  <c r="AF111837" i="1"/>
  <c r="AF111838" i="1"/>
  <c r="AF111839" i="1"/>
  <c r="AF111840" i="1"/>
  <c r="AF111841" i="1"/>
  <c r="AF111842" i="1"/>
  <c r="AF111843" i="1"/>
  <c r="AF111844" i="1"/>
  <c r="AF111845" i="1"/>
  <c r="AF111846" i="1"/>
  <c r="AF111847" i="1"/>
  <c r="AF111848" i="1"/>
  <c r="AF111849" i="1"/>
  <c r="AF111850" i="1"/>
  <c r="AF111851" i="1"/>
  <c r="AF111852" i="1"/>
  <c r="AF111853" i="1"/>
  <c r="AF111854" i="1"/>
  <c r="AF111855" i="1"/>
  <c r="AF111856" i="1"/>
  <c r="AF111857" i="1"/>
  <c r="AF111858" i="1"/>
  <c r="AF111859" i="1"/>
  <c r="AF111860" i="1"/>
  <c r="AF111861" i="1"/>
  <c r="AF111862" i="1"/>
  <c r="AF111863" i="1"/>
  <c r="AF111864" i="1"/>
  <c r="AF111865" i="1"/>
  <c r="AF111866" i="1"/>
  <c r="AF111867" i="1"/>
  <c r="AF111868" i="1"/>
  <c r="AF111869" i="1"/>
  <c r="AF111870" i="1"/>
  <c r="AF111871" i="1"/>
  <c r="AF111872" i="1"/>
  <c r="AF111873" i="1"/>
  <c r="AF111874" i="1"/>
  <c r="AF111875" i="1"/>
  <c r="AF111876" i="1"/>
  <c r="AF111877" i="1"/>
  <c r="AF111878" i="1"/>
  <c r="AF111879" i="1"/>
  <c r="AF111880" i="1"/>
  <c r="AF111881" i="1"/>
  <c r="AF111882" i="1"/>
  <c r="AF111883" i="1"/>
  <c r="AF111884" i="1"/>
  <c r="AF111885" i="1"/>
  <c r="AF111886" i="1"/>
  <c r="AF111887" i="1"/>
  <c r="AF111888" i="1"/>
  <c r="AF111889" i="1"/>
  <c r="AF111890" i="1"/>
  <c r="AF111891" i="1"/>
  <c r="AF111892" i="1"/>
  <c r="AF111893" i="1"/>
  <c r="AF111894" i="1"/>
  <c r="AF111895" i="1"/>
  <c r="AF111896" i="1"/>
  <c r="AF111897" i="1"/>
  <c r="AF111898" i="1"/>
  <c r="AF111899" i="1"/>
  <c r="AF111900" i="1"/>
  <c r="AF111901" i="1"/>
  <c r="AF111902" i="1"/>
  <c r="AF111903" i="1"/>
  <c r="AF111904" i="1"/>
  <c r="AF111905" i="1"/>
  <c r="AF111906" i="1"/>
  <c r="AF111907" i="1"/>
  <c r="AF111908" i="1"/>
  <c r="AF111909" i="1"/>
  <c r="AF111910" i="1"/>
  <c r="AF111911" i="1"/>
  <c r="AF111912" i="1"/>
  <c r="AF111913" i="1"/>
  <c r="AF111914" i="1"/>
  <c r="AF111915" i="1"/>
  <c r="AF111916" i="1"/>
  <c r="AF111917" i="1"/>
  <c r="AF111918" i="1"/>
  <c r="AF111919" i="1"/>
  <c r="AF111920" i="1"/>
  <c r="AF111921" i="1"/>
  <c r="AF111922" i="1"/>
  <c r="AF111923" i="1"/>
  <c r="AF111924" i="1"/>
  <c r="AF111925" i="1"/>
  <c r="AF111926" i="1"/>
  <c r="AF111927" i="1"/>
  <c r="AF111928" i="1"/>
  <c r="AF111929" i="1"/>
  <c r="AF111930" i="1"/>
  <c r="AF111931" i="1"/>
  <c r="AF111932" i="1"/>
  <c r="AF111933" i="1"/>
  <c r="AF111934" i="1"/>
  <c r="AF111935" i="1"/>
  <c r="AF111936" i="1"/>
  <c r="AF111937" i="1"/>
  <c r="AF111938" i="1"/>
  <c r="AF111939" i="1"/>
  <c r="AF111940" i="1"/>
  <c r="AF111941" i="1"/>
  <c r="AF111942" i="1"/>
  <c r="AF111943" i="1"/>
  <c r="AF111944" i="1"/>
  <c r="AF111945" i="1"/>
  <c r="AF111946" i="1"/>
  <c r="AF111947" i="1"/>
  <c r="AF111948" i="1"/>
  <c r="AF111949" i="1"/>
  <c r="AF111950" i="1"/>
  <c r="AF111951" i="1"/>
  <c r="AF111952" i="1"/>
  <c r="AF111953" i="1"/>
  <c r="AF111954" i="1"/>
  <c r="AF111955" i="1"/>
  <c r="AF111956" i="1"/>
  <c r="AF111957" i="1"/>
  <c r="AF111958" i="1"/>
  <c r="AF111959" i="1"/>
  <c r="AF111960" i="1"/>
  <c r="AF111961" i="1"/>
  <c r="AF111962" i="1"/>
  <c r="AF111963" i="1"/>
  <c r="AF111964" i="1"/>
  <c r="AF111965" i="1"/>
  <c r="AF111966" i="1"/>
  <c r="AF111967" i="1"/>
  <c r="AF111968" i="1"/>
  <c r="AF111969" i="1"/>
  <c r="AF111970" i="1"/>
  <c r="AF111971" i="1"/>
  <c r="AF111972" i="1"/>
  <c r="AF111973" i="1"/>
  <c r="AF111974" i="1"/>
  <c r="AF111975" i="1"/>
  <c r="AF111976" i="1"/>
  <c r="AF111977" i="1"/>
  <c r="AF111978" i="1"/>
  <c r="AF111979" i="1"/>
  <c r="AF111980" i="1"/>
  <c r="AF111981" i="1"/>
  <c r="AF111982" i="1"/>
  <c r="AF111983" i="1"/>
  <c r="AF111984" i="1"/>
  <c r="AF111985" i="1"/>
  <c r="AF111986" i="1"/>
  <c r="AF111987" i="1"/>
  <c r="AF111988" i="1"/>
  <c r="AF111989" i="1"/>
  <c r="AF111990" i="1"/>
  <c r="AF111991" i="1"/>
  <c r="AF111992" i="1"/>
  <c r="AF111993" i="1"/>
  <c r="AF111994" i="1"/>
  <c r="AF111995" i="1"/>
  <c r="AF111996" i="1"/>
  <c r="AF111997" i="1"/>
  <c r="AF111998" i="1"/>
  <c r="AF111999" i="1"/>
  <c r="AF112000" i="1"/>
  <c r="AF112001" i="1"/>
  <c r="AF112002" i="1"/>
  <c r="AF112003" i="1"/>
  <c r="AF112004" i="1"/>
  <c r="AF112005" i="1"/>
  <c r="AF112006" i="1"/>
  <c r="AF112007" i="1"/>
  <c r="AF112008" i="1"/>
  <c r="AF112009" i="1"/>
  <c r="AF112010" i="1"/>
  <c r="AF112011" i="1"/>
  <c r="AF112012" i="1"/>
  <c r="AF112013" i="1"/>
  <c r="AF112014" i="1"/>
  <c r="AF112015" i="1"/>
  <c r="AF112016" i="1"/>
  <c r="AF112017" i="1"/>
  <c r="AF112018" i="1"/>
  <c r="AF112019" i="1"/>
  <c r="AF112020" i="1"/>
  <c r="AF112021" i="1"/>
  <c r="AF112022" i="1"/>
  <c r="AF112023" i="1"/>
  <c r="AF112024" i="1"/>
  <c r="AF112025" i="1"/>
  <c r="AF112026" i="1"/>
  <c r="AF112027" i="1"/>
  <c r="AF112028" i="1"/>
  <c r="AF112029" i="1"/>
  <c r="AF112030" i="1"/>
  <c r="AF112031" i="1"/>
  <c r="AF112032" i="1"/>
  <c r="AF112033" i="1"/>
  <c r="AF112034" i="1"/>
  <c r="AF112035" i="1"/>
  <c r="AF112036" i="1"/>
  <c r="AF112037" i="1"/>
  <c r="AF112038" i="1"/>
  <c r="AF112039" i="1"/>
  <c r="AF112040" i="1"/>
  <c r="AF112041" i="1"/>
  <c r="AF112042" i="1"/>
  <c r="AF112043" i="1"/>
  <c r="AF112044" i="1"/>
  <c r="AF112045" i="1"/>
  <c r="AF112046" i="1"/>
  <c r="AF112047" i="1"/>
  <c r="AF112048" i="1"/>
  <c r="AF112049" i="1"/>
  <c r="AF112050" i="1"/>
  <c r="AF112051" i="1"/>
  <c r="AF112052" i="1"/>
  <c r="AF112053" i="1"/>
  <c r="AF112054" i="1"/>
  <c r="AF112055" i="1"/>
  <c r="AF112056" i="1"/>
  <c r="AF112057" i="1"/>
  <c r="AF112058" i="1"/>
  <c r="AF112059" i="1"/>
  <c r="AF112060" i="1"/>
  <c r="AF112061" i="1"/>
  <c r="AF112062" i="1"/>
  <c r="AF112063" i="1"/>
  <c r="AF112064" i="1"/>
  <c r="AF112065" i="1"/>
  <c r="AF112066" i="1"/>
  <c r="AF112067" i="1"/>
  <c r="AF112068" i="1"/>
  <c r="AF112069" i="1"/>
  <c r="AF112070" i="1"/>
  <c r="AF112071" i="1"/>
  <c r="AF112072" i="1"/>
  <c r="AF112073" i="1"/>
  <c r="AF112074" i="1"/>
  <c r="AF112075" i="1"/>
  <c r="AF112076" i="1"/>
  <c r="AF112077" i="1"/>
  <c r="AF112078" i="1"/>
  <c r="AF112079" i="1"/>
  <c r="AF112080" i="1"/>
  <c r="AF112081" i="1"/>
  <c r="AF112082" i="1"/>
  <c r="AF112083" i="1"/>
  <c r="AF112084" i="1"/>
  <c r="AF112085" i="1"/>
  <c r="AF112086" i="1"/>
  <c r="AF112087" i="1"/>
  <c r="AF112088" i="1"/>
  <c r="AF112089" i="1"/>
  <c r="AF112090" i="1"/>
  <c r="AF112091" i="1"/>
  <c r="AF112092" i="1"/>
  <c r="AF112093" i="1"/>
  <c r="AF112094" i="1"/>
  <c r="AF112095" i="1"/>
  <c r="AF112096" i="1"/>
  <c r="AF112097" i="1"/>
  <c r="AF112098" i="1"/>
  <c r="AF112099" i="1"/>
  <c r="AF112100" i="1"/>
  <c r="AF112101" i="1"/>
  <c r="AF112102" i="1"/>
  <c r="AF112103" i="1"/>
  <c r="AF112104" i="1"/>
  <c r="AF112105" i="1"/>
  <c r="AF112106" i="1"/>
  <c r="AF112107" i="1"/>
  <c r="AF112108" i="1"/>
  <c r="AF112109" i="1"/>
  <c r="AF112110" i="1"/>
  <c r="AF112111" i="1"/>
  <c r="AF112112" i="1"/>
  <c r="AF112113" i="1"/>
  <c r="AF112114" i="1"/>
  <c r="AF112115" i="1"/>
  <c r="AF112116" i="1"/>
  <c r="AF112117" i="1"/>
  <c r="AF112118" i="1"/>
  <c r="AF112119" i="1"/>
  <c r="AF112120" i="1"/>
  <c r="AF112121" i="1"/>
  <c r="AF112122" i="1"/>
  <c r="AF112123" i="1"/>
  <c r="AF112124" i="1"/>
  <c r="AF112125" i="1"/>
  <c r="AF112126" i="1"/>
  <c r="AF112127" i="1"/>
  <c r="AF112128" i="1"/>
  <c r="AF112129" i="1"/>
  <c r="AF112130" i="1"/>
  <c r="AF112131" i="1"/>
  <c r="AF112132" i="1"/>
  <c r="AF112133" i="1"/>
  <c r="AF112134" i="1"/>
  <c r="AF112135" i="1"/>
  <c r="AF112136" i="1"/>
  <c r="AF112137" i="1"/>
  <c r="AF112138" i="1"/>
  <c r="AF112139" i="1"/>
  <c r="AF112140" i="1"/>
  <c r="AF112141" i="1"/>
  <c r="AF112142" i="1"/>
  <c r="AF112143" i="1"/>
  <c r="AF112144" i="1"/>
  <c r="AF112145" i="1"/>
  <c r="AF112146" i="1"/>
  <c r="AF112147" i="1"/>
  <c r="AF112148" i="1"/>
  <c r="AF112149" i="1"/>
  <c r="AF112150" i="1"/>
  <c r="AF112151" i="1"/>
  <c r="AF112152" i="1"/>
  <c r="AF112153" i="1"/>
  <c r="AF112154" i="1"/>
  <c r="AF112155" i="1"/>
  <c r="AF112156" i="1"/>
  <c r="AF112157" i="1"/>
  <c r="AF112158" i="1"/>
  <c r="AF112159" i="1"/>
  <c r="AF112160" i="1"/>
  <c r="AF112161" i="1"/>
  <c r="AF112162" i="1"/>
  <c r="AF112163" i="1"/>
  <c r="AF112164" i="1"/>
  <c r="AF112165" i="1"/>
  <c r="AF112166" i="1"/>
  <c r="AF112167" i="1"/>
  <c r="AF112168" i="1"/>
  <c r="AF112169" i="1"/>
  <c r="AF112170" i="1"/>
  <c r="AF112171" i="1"/>
  <c r="AF112172" i="1"/>
  <c r="AF112173" i="1"/>
  <c r="AF112174" i="1"/>
  <c r="AF112175" i="1"/>
  <c r="AF112176" i="1"/>
  <c r="AF112177" i="1"/>
  <c r="AF112178" i="1"/>
  <c r="AF112179" i="1"/>
  <c r="AF112180" i="1"/>
  <c r="AF112181" i="1"/>
  <c r="AF112182" i="1"/>
  <c r="AF112183" i="1"/>
  <c r="AF112184" i="1"/>
  <c r="AF112185" i="1"/>
  <c r="AF112186" i="1"/>
  <c r="AF112187" i="1"/>
  <c r="AF112188" i="1"/>
  <c r="AF112189" i="1"/>
  <c r="AF112190" i="1"/>
  <c r="AF112191" i="1"/>
  <c r="AF112192" i="1"/>
  <c r="AF112193" i="1"/>
  <c r="AF112194" i="1"/>
  <c r="AF112195" i="1"/>
  <c r="AF112196" i="1"/>
  <c r="AF112197" i="1"/>
  <c r="AF112198" i="1"/>
  <c r="AF112199" i="1"/>
  <c r="AF112200" i="1"/>
  <c r="AF112201" i="1"/>
  <c r="AF112202" i="1"/>
  <c r="AF112203" i="1"/>
  <c r="AF112204" i="1"/>
  <c r="AF112205" i="1"/>
  <c r="AF112206" i="1"/>
  <c r="AF112207" i="1"/>
  <c r="AF112208" i="1"/>
  <c r="AF112209" i="1"/>
  <c r="AF112210" i="1"/>
  <c r="AF112211" i="1"/>
  <c r="AF112212" i="1"/>
  <c r="AF112213" i="1"/>
  <c r="AF112214" i="1"/>
  <c r="AF112215" i="1"/>
  <c r="AF112216" i="1"/>
  <c r="AF112217" i="1"/>
  <c r="AF112218" i="1"/>
  <c r="AF112219" i="1"/>
  <c r="AF112220" i="1"/>
  <c r="AF112221" i="1"/>
  <c r="AF112222" i="1"/>
  <c r="AF112223" i="1"/>
  <c r="AF112224" i="1"/>
  <c r="AF112225" i="1"/>
  <c r="AF112226" i="1"/>
  <c r="AF112227" i="1"/>
  <c r="AF112228" i="1"/>
  <c r="AF112229" i="1"/>
  <c r="AF112230" i="1"/>
  <c r="AF112231" i="1"/>
  <c r="AF112232" i="1"/>
  <c r="AF112233" i="1"/>
  <c r="AF112234" i="1"/>
  <c r="AF112235" i="1"/>
  <c r="AF112236" i="1"/>
  <c r="AF112237" i="1"/>
  <c r="AF112238" i="1"/>
  <c r="AF112239" i="1"/>
  <c r="AF112240" i="1"/>
  <c r="AF112241" i="1"/>
  <c r="AF112242" i="1"/>
  <c r="AF112243" i="1"/>
  <c r="AF112244" i="1"/>
  <c r="AF112245" i="1"/>
  <c r="AF112246" i="1"/>
  <c r="AF112247" i="1"/>
  <c r="AF112248" i="1"/>
  <c r="AF112249" i="1"/>
  <c r="AF112250" i="1"/>
  <c r="AF112251" i="1"/>
  <c r="AF112252" i="1"/>
  <c r="AF112253" i="1"/>
  <c r="AF112254" i="1"/>
  <c r="AF112255" i="1"/>
  <c r="AF112256" i="1"/>
  <c r="AF112257" i="1"/>
  <c r="AF112258" i="1"/>
  <c r="AF112259" i="1"/>
  <c r="AF112260" i="1"/>
  <c r="AF112261" i="1"/>
  <c r="AF112262" i="1"/>
  <c r="AF112263" i="1"/>
  <c r="AF112264" i="1"/>
  <c r="AF112265" i="1"/>
  <c r="AF112266" i="1"/>
  <c r="AF112267" i="1"/>
  <c r="AF112268" i="1"/>
  <c r="AF112269" i="1"/>
  <c r="AF112270" i="1"/>
  <c r="AF112271" i="1"/>
  <c r="AF112272" i="1"/>
  <c r="AF112273" i="1"/>
  <c r="AF112274" i="1"/>
  <c r="AF112275" i="1"/>
  <c r="AF112276" i="1"/>
  <c r="AF112277" i="1"/>
  <c r="AF112278" i="1"/>
  <c r="AF112279" i="1"/>
  <c r="AF112280" i="1"/>
  <c r="AF112281" i="1"/>
  <c r="AF112282" i="1"/>
  <c r="AF112283" i="1"/>
  <c r="AF112284" i="1"/>
  <c r="AF112285" i="1"/>
  <c r="AF112286" i="1"/>
  <c r="AF112287" i="1"/>
  <c r="AF112288" i="1"/>
  <c r="AF112289" i="1"/>
  <c r="AF112290" i="1"/>
  <c r="AF112291" i="1"/>
  <c r="AF112292" i="1"/>
  <c r="AF112293" i="1"/>
  <c r="AF112294" i="1"/>
  <c r="AF112295" i="1"/>
  <c r="AF112296" i="1"/>
  <c r="AF112297" i="1"/>
  <c r="AF112298" i="1"/>
  <c r="AF112299" i="1"/>
  <c r="AF112300" i="1"/>
  <c r="AF112301" i="1"/>
  <c r="AF112302" i="1"/>
  <c r="AF112303" i="1"/>
  <c r="AF112304" i="1"/>
  <c r="AF112305" i="1"/>
  <c r="AF112306" i="1"/>
  <c r="AF112307" i="1"/>
  <c r="AF112308" i="1"/>
  <c r="AF112309" i="1"/>
  <c r="AF112310" i="1"/>
  <c r="AF112311" i="1"/>
  <c r="AF112312" i="1"/>
  <c r="AF112313" i="1"/>
  <c r="AF112314" i="1"/>
  <c r="AF112315" i="1"/>
  <c r="AF112316" i="1"/>
  <c r="AF112317" i="1"/>
  <c r="AF112318" i="1"/>
  <c r="AF112319" i="1"/>
  <c r="AF112320" i="1"/>
  <c r="AF112321" i="1"/>
  <c r="AF112322" i="1"/>
  <c r="AF112323" i="1"/>
  <c r="AF112324" i="1"/>
  <c r="AF112325" i="1"/>
  <c r="AF112326" i="1"/>
  <c r="AF112327" i="1"/>
  <c r="AF112328" i="1"/>
  <c r="AF112329" i="1"/>
  <c r="AF112330" i="1"/>
  <c r="AF112331" i="1"/>
  <c r="AF112332" i="1"/>
  <c r="AF112333" i="1"/>
  <c r="AF112334" i="1"/>
  <c r="AF112335" i="1"/>
  <c r="AF112336" i="1"/>
  <c r="AF112337" i="1"/>
  <c r="AF112338" i="1"/>
  <c r="AF112339" i="1"/>
  <c r="AF112340" i="1"/>
  <c r="AF112341" i="1"/>
  <c r="AF112342" i="1"/>
  <c r="AF112343" i="1"/>
  <c r="AF112344" i="1"/>
  <c r="AF112345" i="1"/>
  <c r="AF112346" i="1"/>
  <c r="AF112347" i="1"/>
  <c r="AF112348" i="1"/>
  <c r="AF112349" i="1"/>
  <c r="AF112350" i="1"/>
  <c r="AF112351" i="1"/>
  <c r="AF112352" i="1"/>
  <c r="AF112353" i="1"/>
  <c r="AF112354" i="1"/>
  <c r="AF112355" i="1"/>
  <c r="AF112356" i="1"/>
  <c r="AF112357" i="1"/>
  <c r="AF112358" i="1"/>
  <c r="AF112359" i="1"/>
  <c r="AF112360" i="1"/>
  <c r="AF112361" i="1"/>
  <c r="AF112362" i="1"/>
  <c r="AF112363" i="1"/>
  <c r="AF112364" i="1"/>
  <c r="AF112365" i="1"/>
  <c r="AF112366" i="1"/>
  <c r="AF112367" i="1"/>
  <c r="AF112368" i="1"/>
  <c r="AF112369" i="1"/>
  <c r="AF112370" i="1"/>
  <c r="AF112371" i="1"/>
  <c r="AF112372" i="1"/>
  <c r="AF112373" i="1"/>
  <c r="AF112374" i="1"/>
  <c r="AF112375" i="1"/>
  <c r="AF112376" i="1"/>
  <c r="AF112377" i="1"/>
  <c r="AF112378" i="1"/>
  <c r="AF112379" i="1"/>
  <c r="AF112380" i="1"/>
  <c r="AF112381" i="1"/>
  <c r="AF112382" i="1"/>
  <c r="AF112383" i="1"/>
  <c r="AF112384" i="1"/>
  <c r="AF112385" i="1"/>
  <c r="AF112386" i="1"/>
  <c r="AF112387" i="1"/>
  <c r="AF112388" i="1"/>
  <c r="AF112389" i="1"/>
  <c r="AF112390" i="1"/>
  <c r="AF112391" i="1"/>
  <c r="AF112392" i="1"/>
  <c r="AF112393" i="1"/>
  <c r="AF112394" i="1"/>
  <c r="AF112395" i="1"/>
  <c r="AF112396" i="1"/>
  <c r="AF112397" i="1"/>
  <c r="AF112398" i="1"/>
  <c r="AF112399" i="1"/>
  <c r="AF112400" i="1"/>
  <c r="AF112401" i="1"/>
  <c r="AF112402" i="1"/>
  <c r="AF112403" i="1"/>
  <c r="AF112404" i="1"/>
  <c r="AF112405" i="1"/>
  <c r="AF112406" i="1"/>
  <c r="AF112407" i="1"/>
  <c r="AF112408" i="1"/>
  <c r="AF112409" i="1"/>
  <c r="AF112410" i="1"/>
  <c r="AF112411" i="1"/>
  <c r="AF112412" i="1"/>
  <c r="AF112413" i="1"/>
  <c r="AF112414" i="1"/>
  <c r="AF112415" i="1"/>
  <c r="AF112416" i="1"/>
  <c r="AF112417" i="1"/>
  <c r="AF112418" i="1"/>
  <c r="AF112419" i="1"/>
  <c r="AF112420" i="1"/>
  <c r="AF112421" i="1"/>
  <c r="AF112422" i="1"/>
  <c r="AF112423" i="1"/>
  <c r="AF112424" i="1"/>
  <c r="AF112425" i="1"/>
  <c r="AF112426" i="1"/>
  <c r="AF112427" i="1"/>
  <c r="AF112428" i="1"/>
  <c r="AF112429" i="1"/>
  <c r="AF112430" i="1"/>
  <c r="AF112431" i="1"/>
  <c r="AF112432" i="1"/>
  <c r="AF112433" i="1"/>
  <c r="AF112434" i="1"/>
  <c r="AF112435" i="1"/>
  <c r="AF112436" i="1"/>
  <c r="AF112437" i="1"/>
  <c r="AF112438" i="1"/>
  <c r="AF112439" i="1"/>
  <c r="AF112440" i="1"/>
  <c r="AF112441" i="1"/>
  <c r="AF112442" i="1"/>
  <c r="AF112443" i="1"/>
  <c r="AF112444" i="1"/>
  <c r="AF112445" i="1"/>
  <c r="AF112446" i="1"/>
  <c r="AF112447" i="1"/>
  <c r="AF112448" i="1"/>
  <c r="AF112449" i="1"/>
  <c r="AF112450" i="1"/>
  <c r="AF112451" i="1"/>
  <c r="AF112452" i="1"/>
  <c r="AF112453" i="1"/>
  <c r="AF112454" i="1"/>
  <c r="AF112455" i="1"/>
  <c r="AF112456" i="1"/>
  <c r="AF112457" i="1"/>
  <c r="AF112458" i="1"/>
  <c r="AF112459" i="1"/>
  <c r="AF112460" i="1"/>
  <c r="AF112461" i="1"/>
  <c r="AF112462" i="1"/>
  <c r="AF112463" i="1"/>
  <c r="AF112464" i="1"/>
  <c r="AF112465" i="1"/>
  <c r="AF112466" i="1"/>
  <c r="AF112467" i="1"/>
  <c r="AF112468" i="1"/>
  <c r="AF112469" i="1"/>
  <c r="AF112470" i="1"/>
  <c r="AF112471" i="1"/>
  <c r="AF112472" i="1"/>
  <c r="AF112473" i="1"/>
  <c r="AF112474" i="1"/>
  <c r="AF112475" i="1"/>
  <c r="AF112476" i="1"/>
  <c r="AF112477" i="1"/>
  <c r="AF112478" i="1"/>
  <c r="AF112479" i="1"/>
  <c r="AF112480" i="1"/>
  <c r="AF112481" i="1"/>
  <c r="AF112482" i="1"/>
  <c r="AF112483" i="1"/>
  <c r="AF112484" i="1"/>
  <c r="AF112485" i="1"/>
  <c r="AF112486" i="1"/>
  <c r="AF112487" i="1"/>
  <c r="AF112488" i="1"/>
  <c r="AF112489" i="1"/>
  <c r="AF112490" i="1"/>
  <c r="AF112491" i="1"/>
  <c r="AF112492" i="1"/>
  <c r="AF112493" i="1"/>
  <c r="AF112494" i="1"/>
  <c r="AF112495" i="1"/>
  <c r="AF112496" i="1"/>
  <c r="AF112497" i="1"/>
  <c r="AF112498" i="1"/>
  <c r="AF112499" i="1"/>
  <c r="AF112500" i="1"/>
  <c r="AF112501" i="1"/>
  <c r="AF112502" i="1"/>
  <c r="AF112503" i="1"/>
  <c r="AF112504" i="1"/>
  <c r="AF112505" i="1"/>
  <c r="AF112506" i="1"/>
  <c r="AF112507" i="1"/>
  <c r="AF112508" i="1"/>
  <c r="AF112509" i="1"/>
  <c r="AF112510" i="1"/>
  <c r="AF112511" i="1"/>
  <c r="AF112512" i="1"/>
  <c r="AF112513" i="1"/>
  <c r="AF112514" i="1"/>
  <c r="AF112515" i="1"/>
  <c r="AF112516" i="1"/>
  <c r="AF112517" i="1"/>
  <c r="AF112518" i="1"/>
  <c r="AF112519" i="1"/>
  <c r="AF112520" i="1"/>
  <c r="AF112521" i="1"/>
  <c r="AF112522" i="1"/>
  <c r="AF112523" i="1"/>
  <c r="AF112524" i="1"/>
  <c r="AF112525" i="1"/>
  <c r="AF112526" i="1"/>
  <c r="AF112527" i="1"/>
  <c r="AF112528" i="1"/>
  <c r="AF112529" i="1"/>
  <c r="AF112530" i="1"/>
  <c r="AF112531" i="1"/>
  <c r="AF112532" i="1"/>
  <c r="AF112533" i="1"/>
  <c r="AF112534" i="1"/>
  <c r="AF112535" i="1"/>
  <c r="AF112536" i="1"/>
  <c r="AF112537" i="1"/>
  <c r="AF112538" i="1"/>
  <c r="AF112539" i="1"/>
  <c r="AF112540" i="1"/>
  <c r="AF112541" i="1"/>
  <c r="AF112542" i="1"/>
  <c r="AF112543" i="1"/>
  <c r="AF112544" i="1"/>
  <c r="AF112545" i="1"/>
  <c r="AF112546" i="1"/>
  <c r="AF112547" i="1"/>
  <c r="AF112548" i="1"/>
  <c r="AF112549" i="1"/>
  <c r="AF112550" i="1"/>
  <c r="AF112551" i="1"/>
  <c r="AF112552" i="1"/>
  <c r="AF112553" i="1"/>
  <c r="AF112554" i="1"/>
  <c r="AF112555" i="1"/>
  <c r="AF112556" i="1"/>
  <c r="AF112557" i="1"/>
  <c r="AF112558" i="1"/>
  <c r="AF112559" i="1"/>
  <c r="AF112560" i="1"/>
  <c r="AF112561" i="1"/>
  <c r="AF112562" i="1"/>
  <c r="AF112563" i="1"/>
  <c r="AF112564" i="1"/>
  <c r="AF112565" i="1"/>
  <c r="AF112566" i="1"/>
  <c r="AF112567" i="1"/>
  <c r="AF112568" i="1"/>
  <c r="AF112569" i="1"/>
  <c r="AF112570" i="1"/>
  <c r="AF112571" i="1"/>
  <c r="AF112572" i="1"/>
  <c r="AF112573" i="1"/>
  <c r="AF112574" i="1"/>
  <c r="AF112575" i="1"/>
  <c r="AF112576" i="1"/>
  <c r="AF112577" i="1"/>
  <c r="AF112578" i="1"/>
  <c r="AF112579" i="1"/>
  <c r="AF112580" i="1"/>
  <c r="AF112581" i="1"/>
  <c r="AF112582" i="1"/>
  <c r="AF112583" i="1"/>
  <c r="AF112584" i="1"/>
  <c r="AF112585" i="1"/>
  <c r="AF112586" i="1"/>
  <c r="AF112587" i="1"/>
  <c r="AF112588" i="1"/>
  <c r="AF112589" i="1"/>
  <c r="AF112590" i="1"/>
  <c r="AF112591" i="1"/>
  <c r="AF112592" i="1"/>
  <c r="AF112593" i="1"/>
  <c r="AF112594" i="1"/>
  <c r="AF112595" i="1"/>
  <c r="AF112596" i="1"/>
  <c r="AF112597" i="1"/>
  <c r="AF112598" i="1"/>
  <c r="AF112599" i="1"/>
  <c r="AF112600" i="1"/>
  <c r="AF112601" i="1"/>
  <c r="AF112602" i="1"/>
  <c r="AF112603" i="1"/>
  <c r="AF112604" i="1"/>
  <c r="AF112605" i="1"/>
  <c r="AF112606" i="1"/>
  <c r="AF112607" i="1"/>
  <c r="AF112608" i="1"/>
  <c r="AF112609" i="1"/>
  <c r="AF112610" i="1"/>
  <c r="AF112611" i="1"/>
  <c r="AF112612" i="1"/>
  <c r="AF112613" i="1"/>
  <c r="AF112614" i="1"/>
  <c r="AF112615" i="1"/>
  <c r="AF112616" i="1"/>
  <c r="AF112617" i="1"/>
  <c r="AF112618" i="1"/>
  <c r="AF112619" i="1"/>
  <c r="AF112620" i="1"/>
  <c r="AF112621" i="1"/>
  <c r="AF112622" i="1"/>
  <c r="AF112623" i="1"/>
  <c r="AF112624" i="1"/>
  <c r="AF112625" i="1"/>
  <c r="AF112626" i="1"/>
  <c r="AF112627" i="1"/>
  <c r="AF112628" i="1"/>
  <c r="AF112629" i="1"/>
  <c r="AF112630" i="1"/>
  <c r="AF112631" i="1"/>
  <c r="AF112632" i="1"/>
  <c r="AF112633" i="1"/>
  <c r="AF112634" i="1"/>
  <c r="AF112635" i="1"/>
  <c r="AF112636" i="1"/>
  <c r="AF112637" i="1"/>
  <c r="AF112638" i="1"/>
  <c r="AF112639" i="1"/>
  <c r="AF112640" i="1"/>
  <c r="AF112641" i="1"/>
  <c r="AF112642" i="1"/>
  <c r="AF112643" i="1"/>
  <c r="AF112644" i="1"/>
  <c r="AF112645" i="1"/>
  <c r="AF112646" i="1"/>
  <c r="AF112647" i="1"/>
  <c r="AF112648" i="1"/>
  <c r="AF112649" i="1"/>
  <c r="AF112650" i="1"/>
  <c r="AF112651" i="1"/>
  <c r="AF112652" i="1"/>
  <c r="AF112653" i="1"/>
  <c r="AF112654" i="1"/>
  <c r="AF112655" i="1"/>
  <c r="AF112656" i="1"/>
  <c r="AF112657" i="1"/>
  <c r="AF112658" i="1"/>
  <c r="AF112659" i="1"/>
  <c r="AF112660" i="1"/>
  <c r="AF112661" i="1"/>
  <c r="AF112662" i="1"/>
  <c r="AF112663" i="1"/>
  <c r="AF112664" i="1"/>
  <c r="AF112665" i="1"/>
  <c r="AF112666" i="1"/>
  <c r="AF112667" i="1"/>
  <c r="AF112668" i="1"/>
  <c r="AF112669" i="1"/>
  <c r="AF112670" i="1"/>
  <c r="AF112671" i="1"/>
  <c r="AF112672" i="1"/>
  <c r="AF112673" i="1"/>
  <c r="AF112674" i="1"/>
  <c r="AF112675" i="1"/>
  <c r="AF112676" i="1"/>
  <c r="AF112677" i="1"/>
  <c r="AF112678" i="1"/>
  <c r="AF112679" i="1"/>
  <c r="AF112680" i="1"/>
  <c r="AF112681" i="1"/>
  <c r="AF112682" i="1"/>
  <c r="AF112683" i="1"/>
  <c r="AF112684" i="1"/>
  <c r="AF112685" i="1"/>
  <c r="AF112686" i="1"/>
  <c r="AF112687" i="1"/>
  <c r="AF112688" i="1"/>
  <c r="AF112689" i="1"/>
  <c r="AF112690" i="1"/>
  <c r="AF112691" i="1"/>
  <c r="AF112692" i="1"/>
  <c r="AF112693" i="1"/>
  <c r="AF112694" i="1"/>
  <c r="AF112695" i="1"/>
  <c r="AF112696" i="1"/>
  <c r="AF112697" i="1"/>
  <c r="AF112698" i="1"/>
  <c r="AF112699" i="1"/>
  <c r="AF112700" i="1"/>
  <c r="AF112701" i="1"/>
  <c r="AF112702" i="1"/>
  <c r="AF112703" i="1"/>
  <c r="AF112704" i="1"/>
  <c r="AF112705" i="1"/>
  <c r="AF112706" i="1"/>
  <c r="AF112707" i="1"/>
  <c r="AF112708" i="1"/>
  <c r="AF112709" i="1"/>
  <c r="AF112710" i="1"/>
  <c r="AF112711" i="1"/>
  <c r="AF112712" i="1"/>
  <c r="AF112713" i="1"/>
  <c r="AF112714" i="1"/>
  <c r="AF112715" i="1"/>
  <c r="AF112716" i="1"/>
  <c r="AF112717" i="1"/>
  <c r="AF112718" i="1"/>
  <c r="AF112719" i="1"/>
  <c r="AF112720" i="1"/>
  <c r="AF112721" i="1"/>
  <c r="AF112722" i="1"/>
  <c r="AF112723" i="1"/>
  <c r="AF112724" i="1"/>
  <c r="AF112725" i="1"/>
  <c r="AF112726" i="1"/>
  <c r="AF112727" i="1"/>
  <c r="AF112728" i="1"/>
  <c r="AF112729" i="1"/>
  <c r="AF112730" i="1"/>
  <c r="AF112731" i="1"/>
  <c r="AF112732" i="1"/>
  <c r="AF112733" i="1"/>
  <c r="AF112734" i="1"/>
  <c r="AF112735" i="1"/>
  <c r="AF112736" i="1"/>
  <c r="AF112737" i="1"/>
  <c r="AF112738" i="1"/>
  <c r="AF112739" i="1"/>
  <c r="AF112740" i="1"/>
  <c r="AF112741" i="1"/>
  <c r="AF112742" i="1"/>
  <c r="AF112743" i="1"/>
  <c r="AF112744" i="1"/>
  <c r="AF112745" i="1"/>
  <c r="AF112746" i="1"/>
  <c r="AF112747" i="1"/>
  <c r="AF112748" i="1"/>
  <c r="AF112749" i="1"/>
  <c r="AF112750" i="1"/>
  <c r="AF112751" i="1"/>
  <c r="AF112752" i="1"/>
  <c r="AF112753" i="1"/>
  <c r="AF112754" i="1"/>
  <c r="AF112755" i="1"/>
  <c r="AF112756" i="1"/>
  <c r="AF112757" i="1"/>
  <c r="AF112758" i="1"/>
  <c r="AF112759" i="1"/>
  <c r="AF112760" i="1"/>
  <c r="AF112761" i="1"/>
  <c r="AF112762" i="1"/>
  <c r="AF112763" i="1"/>
  <c r="AF112764" i="1"/>
  <c r="AF112765" i="1"/>
  <c r="AF112766" i="1"/>
  <c r="AF112767" i="1"/>
  <c r="AF112768" i="1"/>
  <c r="AF112769" i="1"/>
  <c r="AF112770" i="1"/>
  <c r="AF112771" i="1"/>
  <c r="AF112772" i="1"/>
  <c r="AF112773" i="1"/>
  <c r="AF112774" i="1"/>
  <c r="AF112775" i="1"/>
  <c r="AF112776" i="1"/>
  <c r="AF112777" i="1"/>
  <c r="AF112778" i="1"/>
  <c r="AF112779" i="1"/>
  <c r="AF112780" i="1"/>
  <c r="AF112781" i="1"/>
  <c r="AF112782" i="1"/>
  <c r="AF112783" i="1"/>
  <c r="AF112784" i="1"/>
  <c r="AF112785" i="1"/>
  <c r="AF112786" i="1"/>
  <c r="AF112787" i="1"/>
  <c r="AF112788" i="1"/>
  <c r="AF112789" i="1"/>
  <c r="AF112790" i="1"/>
  <c r="AF112791" i="1"/>
  <c r="AF112792" i="1"/>
  <c r="AF112793" i="1"/>
  <c r="AF112794" i="1"/>
  <c r="AF112795" i="1"/>
  <c r="AF112796" i="1"/>
  <c r="AF112797" i="1"/>
  <c r="AF112798" i="1"/>
  <c r="AF112799" i="1"/>
  <c r="AF112800" i="1"/>
  <c r="AF112801" i="1"/>
  <c r="AF112802" i="1"/>
  <c r="AF112803" i="1"/>
  <c r="AF112804" i="1"/>
  <c r="AF112805" i="1"/>
  <c r="AF112806" i="1"/>
  <c r="AF112807" i="1"/>
  <c r="AF112808" i="1"/>
  <c r="AF112809" i="1"/>
  <c r="AF112810" i="1"/>
  <c r="AF112811" i="1"/>
  <c r="AF112812" i="1"/>
  <c r="AF112813" i="1"/>
  <c r="AF112814" i="1"/>
  <c r="AF112815" i="1"/>
  <c r="AF112816" i="1"/>
  <c r="AF112817" i="1"/>
  <c r="AF112818" i="1"/>
  <c r="AF112819" i="1"/>
  <c r="AF112820" i="1"/>
  <c r="AF112821" i="1"/>
  <c r="AF112822" i="1"/>
  <c r="AF112823" i="1"/>
  <c r="AF112824" i="1"/>
  <c r="AF112825" i="1"/>
  <c r="AF112826" i="1"/>
  <c r="AF112827" i="1"/>
  <c r="AF112828" i="1"/>
  <c r="AF112829" i="1"/>
  <c r="AF112830" i="1"/>
  <c r="AF112831" i="1"/>
  <c r="AF112832" i="1"/>
  <c r="AF112833" i="1"/>
  <c r="AF112834" i="1"/>
  <c r="AF112835" i="1"/>
  <c r="AF112836" i="1"/>
  <c r="AF112837" i="1"/>
  <c r="AF112838" i="1"/>
  <c r="AF112839" i="1"/>
  <c r="AF112840" i="1"/>
  <c r="AF112841" i="1"/>
  <c r="AF112842" i="1"/>
  <c r="AF112843" i="1"/>
  <c r="AF112844" i="1"/>
  <c r="AF112845" i="1"/>
  <c r="AF112846" i="1"/>
  <c r="AF112847" i="1"/>
  <c r="AF112848" i="1"/>
  <c r="AF112849" i="1"/>
  <c r="AF112850" i="1"/>
  <c r="AF112851" i="1"/>
  <c r="AF112852" i="1"/>
  <c r="AF112853" i="1"/>
  <c r="AF112854" i="1"/>
  <c r="AF112855" i="1"/>
  <c r="AF112856" i="1"/>
  <c r="AF112857" i="1"/>
  <c r="AF112858" i="1"/>
  <c r="AF112859" i="1"/>
  <c r="AF112860" i="1"/>
  <c r="AF112861" i="1"/>
  <c r="AF112862" i="1"/>
  <c r="AF112863" i="1"/>
  <c r="AF112864" i="1"/>
  <c r="AF112865" i="1"/>
  <c r="AF112866" i="1"/>
  <c r="AF112867" i="1"/>
  <c r="AF112868" i="1"/>
  <c r="AF112869" i="1"/>
  <c r="AF112870" i="1"/>
  <c r="AF112871" i="1"/>
  <c r="AF112872" i="1"/>
  <c r="AF112873" i="1"/>
  <c r="AF112874" i="1"/>
  <c r="AF112875" i="1"/>
  <c r="AF112876" i="1"/>
  <c r="AF112877" i="1"/>
  <c r="AF112878" i="1"/>
  <c r="AF112879" i="1"/>
  <c r="AF112880" i="1"/>
  <c r="AF112881" i="1"/>
  <c r="AF112882" i="1"/>
  <c r="AF112883" i="1"/>
  <c r="AF112884" i="1"/>
  <c r="AF112885" i="1"/>
  <c r="AF112886" i="1"/>
  <c r="AF112887" i="1"/>
  <c r="AF112888" i="1"/>
  <c r="AF112889" i="1"/>
  <c r="AF112890" i="1"/>
  <c r="AF112891" i="1"/>
  <c r="AF112892" i="1"/>
  <c r="AF112893" i="1"/>
  <c r="AF112894" i="1"/>
  <c r="AF112895" i="1"/>
  <c r="AF112896" i="1"/>
  <c r="AF112897" i="1"/>
  <c r="AF112898" i="1"/>
  <c r="AF112899" i="1"/>
  <c r="AF112900" i="1"/>
  <c r="AF112901" i="1"/>
  <c r="AF112902" i="1"/>
  <c r="AF112903" i="1"/>
  <c r="AF112904" i="1"/>
  <c r="AF112905" i="1"/>
  <c r="AF112906" i="1"/>
  <c r="AF112907" i="1"/>
  <c r="AF112908" i="1"/>
  <c r="AF112909" i="1"/>
  <c r="AF112910" i="1"/>
  <c r="AF112911" i="1"/>
  <c r="AF112912" i="1"/>
  <c r="AF112913" i="1"/>
  <c r="AF112914" i="1"/>
  <c r="AF112915" i="1"/>
  <c r="AF112916" i="1"/>
  <c r="AF112917" i="1"/>
  <c r="AF112918" i="1"/>
  <c r="AF112919" i="1"/>
  <c r="AF112920" i="1"/>
  <c r="AF112921" i="1"/>
  <c r="AF112922" i="1"/>
  <c r="AF112923" i="1"/>
  <c r="AF112924" i="1"/>
  <c r="AF112925" i="1"/>
  <c r="AF112926" i="1"/>
  <c r="AF112927" i="1"/>
  <c r="AF112928" i="1"/>
  <c r="AF112929" i="1"/>
  <c r="AF112930" i="1"/>
  <c r="AF112931" i="1"/>
  <c r="AF112932" i="1"/>
  <c r="AF112933" i="1"/>
  <c r="AF112934" i="1"/>
  <c r="AF112935" i="1"/>
  <c r="AF112936" i="1"/>
  <c r="AF112937" i="1"/>
  <c r="AF112938" i="1"/>
  <c r="AF112939" i="1"/>
  <c r="AF112940" i="1"/>
  <c r="AF112941" i="1"/>
  <c r="AF112942" i="1"/>
  <c r="AF112943" i="1"/>
  <c r="AF112944" i="1"/>
  <c r="AF112945" i="1"/>
  <c r="AF112946" i="1"/>
  <c r="AF112947" i="1"/>
  <c r="AF112948" i="1"/>
  <c r="AF112949" i="1"/>
  <c r="AF112950" i="1"/>
  <c r="AF112951" i="1"/>
  <c r="AF112952" i="1"/>
  <c r="AF112953" i="1"/>
  <c r="AF112954" i="1"/>
  <c r="AF112955" i="1"/>
  <c r="AF112956" i="1"/>
  <c r="AF112957" i="1"/>
  <c r="AF112958" i="1"/>
  <c r="AF112959" i="1"/>
  <c r="AF112960" i="1"/>
  <c r="AF112961" i="1"/>
  <c r="AF112962" i="1"/>
  <c r="AF112963" i="1"/>
  <c r="AF112964" i="1"/>
  <c r="AF112965" i="1"/>
  <c r="AF112966" i="1"/>
  <c r="AF112967" i="1"/>
  <c r="AF112968" i="1"/>
  <c r="AF112969" i="1"/>
  <c r="AF112970" i="1"/>
  <c r="AF112971" i="1"/>
  <c r="AF112972" i="1"/>
  <c r="AF112973" i="1"/>
  <c r="AF112974" i="1"/>
  <c r="AF112975" i="1"/>
  <c r="AF112976" i="1"/>
  <c r="AF112977" i="1"/>
  <c r="AF112978" i="1"/>
  <c r="AF112979" i="1"/>
  <c r="AF112980" i="1"/>
  <c r="AF112981" i="1"/>
  <c r="AF112982" i="1"/>
  <c r="AF112983" i="1"/>
  <c r="AF112984" i="1"/>
  <c r="AF112985" i="1"/>
  <c r="AF112986" i="1"/>
  <c r="AF112987" i="1"/>
  <c r="AF112988" i="1"/>
  <c r="AF112989" i="1"/>
  <c r="AF112990" i="1"/>
  <c r="AF112991" i="1"/>
  <c r="AF112992" i="1"/>
  <c r="AF112993" i="1"/>
  <c r="AF112994" i="1"/>
  <c r="AF112995" i="1"/>
  <c r="AF112996" i="1"/>
  <c r="AF112997" i="1"/>
  <c r="AF112998" i="1"/>
  <c r="AF112999" i="1"/>
  <c r="AF113000" i="1"/>
  <c r="AF113001" i="1"/>
  <c r="AF113002" i="1"/>
  <c r="AF113003" i="1"/>
  <c r="AF113004" i="1"/>
  <c r="AF113005" i="1"/>
  <c r="AF113006" i="1"/>
  <c r="AF113007" i="1"/>
  <c r="AF113008" i="1"/>
  <c r="AF113009" i="1"/>
  <c r="AF113010" i="1"/>
  <c r="AF113011" i="1"/>
  <c r="AF113012" i="1"/>
  <c r="AF113013" i="1"/>
  <c r="AF113014" i="1"/>
  <c r="AF113015" i="1"/>
  <c r="AF113016" i="1"/>
  <c r="AF113017" i="1"/>
  <c r="AF113018" i="1"/>
  <c r="AF113019" i="1"/>
  <c r="AF113020" i="1"/>
  <c r="AF113021" i="1"/>
  <c r="AF113022" i="1"/>
  <c r="AF113023" i="1"/>
  <c r="AF113024" i="1"/>
  <c r="AF113025" i="1"/>
  <c r="AF113026" i="1"/>
  <c r="AF113027" i="1"/>
  <c r="AF113028" i="1"/>
  <c r="AF113029" i="1"/>
  <c r="AF113030" i="1"/>
  <c r="AF113031" i="1"/>
  <c r="AF113032" i="1"/>
  <c r="AF113033" i="1"/>
  <c r="AF113034" i="1"/>
  <c r="AF113035" i="1"/>
  <c r="AF113036" i="1"/>
  <c r="AF113037" i="1"/>
  <c r="AF113038" i="1"/>
  <c r="AF113039" i="1"/>
  <c r="AF113040" i="1"/>
  <c r="AF113041" i="1"/>
  <c r="AF113042" i="1"/>
  <c r="AF113043" i="1"/>
  <c r="AF113044" i="1"/>
  <c r="AF113045" i="1"/>
  <c r="AF113046" i="1"/>
  <c r="AF113047" i="1"/>
  <c r="AF113048" i="1"/>
  <c r="AF113049" i="1"/>
  <c r="AF113050" i="1"/>
  <c r="AF113051" i="1"/>
  <c r="AF113052" i="1"/>
  <c r="AF113053" i="1"/>
  <c r="AF113054" i="1"/>
  <c r="AF113055" i="1"/>
  <c r="AF113056" i="1"/>
  <c r="AF113057" i="1"/>
  <c r="AF113058" i="1"/>
  <c r="AF113059" i="1"/>
  <c r="AF113060" i="1"/>
  <c r="AF113061" i="1"/>
  <c r="AF113062" i="1"/>
  <c r="AF113063" i="1"/>
  <c r="AF113064" i="1"/>
  <c r="AF113065" i="1"/>
  <c r="AF113066" i="1"/>
  <c r="AF113067" i="1"/>
  <c r="AF113068" i="1"/>
  <c r="AF113069" i="1"/>
  <c r="AF113070" i="1"/>
  <c r="AF113071" i="1"/>
  <c r="AF113072" i="1"/>
  <c r="AF113073" i="1"/>
  <c r="AF113074" i="1"/>
  <c r="AF113075" i="1"/>
  <c r="AF113076" i="1"/>
  <c r="AF113077" i="1"/>
  <c r="AF113078" i="1"/>
  <c r="AF113079" i="1"/>
  <c r="AF113080" i="1"/>
  <c r="AF113081" i="1"/>
  <c r="AF113082" i="1"/>
  <c r="AF113083" i="1"/>
  <c r="AF113084" i="1"/>
  <c r="AF113085" i="1"/>
  <c r="AF113086" i="1"/>
  <c r="AF113087" i="1"/>
  <c r="AF113088" i="1"/>
  <c r="AF113089" i="1"/>
  <c r="AF113090" i="1"/>
  <c r="AF113091" i="1"/>
  <c r="AF113092" i="1"/>
  <c r="AF113093" i="1"/>
  <c r="AF113094" i="1"/>
  <c r="AF113095" i="1"/>
  <c r="AF113096" i="1"/>
  <c r="AF113097" i="1"/>
  <c r="AF113098" i="1"/>
  <c r="AF113099" i="1"/>
  <c r="AF113100" i="1"/>
  <c r="AF113101" i="1"/>
  <c r="AF113102" i="1"/>
  <c r="AF113103" i="1"/>
  <c r="AF113104" i="1"/>
  <c r="AF113105" i="1"/>
  <c r="AF113106" i="1"/>
  <c r="AF113107" i="1"/>
  <c r="AF113108" i="1"/>
  <c r="AF113109" i="1"/>
  <c r="AF113110" i="1"/>
  <c r="AF113111" i="1"/>
  <c r="AF113112" i="1"/>
  <c r="AF113113" i="1"/>
  <c r="AF113114" i="1"/>
  <c r="AF113115" i="1"/>
  <c r="AF113116" i="1"/>
  <c r="AF113117" i="1"/>
  <c r="AF113118" i="1"/>
  <c r="AF113119" i="1"/>
  <c r="AF113120" i="1"/>
  <c r="AF113121" i="1"/>
  <c r="AF113122" i="1"/>
  <c r="AF113123" i="1"/>
  <c r="AF113124" i="1"/>
  <c r="AF113125" i="1"/>
  <c r="AF113126" i="1"/>
  <c r="AF113127" i="1"/>
  <c r="AF113128" i="1"/>
  <c r="AF113129" i="1"/>
  <c r="AF113130" i="1"/>
  <c r="AF113131" i="1"/>
  <c r="AF113132" i="1"/>
  <c r="AF113133" i="1"/>
  <c r="AF113134" i="1"/>
  <c r="AF113135" i="1"/>
  <c r="AF113136" i="1"/>
  <c r="AF113137" i="1"/>
  <c r="AF113138" i="1"/>
  <c r="AF113139" i="1"/>
  <c r="AF113140" i="1"/>
  <c r="AF113141" i="1"/>
  <c r="AF113142" i="1"/>
  <c r="AF113143" i="1"/>
  <c r="AF113144" i="1"/>
  <c r="AF113145" i="1"/>
  <c r="AF113146" i="1"/>
  <c r="AF113147" i="1"/>
  <c r="AF113148" i="1"/>
  <c r="AF113149" i="1"/>
  <c r="AF113150" i="1"/>
  <c r="AF113151" i="1"/>
  <c r="AF113152" i="1"/>
  <c r="AF113153" i="1"/>
  <c r="AF113154" i="1"/>
  <c r="AF113155" i="1"/>
  <c r="AF113156" i="1"/>
  <c r="AF113157" i="1"/>
  <c r="AF113158" i="1"/>
  <c r="AF113159" i="1"/>
  <c r="AF113160" i="1"/>
  <c r="AF113161" i="1"/>
  <c r="AF113162" i="1"/>
  <c r="AF113163" i="1"/>
  <c r="AF113164" i="1"/>
  <c r="AF113165" i="1"/>
  <c r="AF113166" i="1"/>
  <c r="AF113167" i="1"/>
  <c r="AF113168" i="1"/>
  <c r="AF113169" i="1"/>
  <c r="AF113170" i="1"/>
  <c r="AF113171" i="1"/>
  <c r="AF113172" i="1"/>
  <c r="AF113173" i="1"/>
  <c r="AF113174" i="1"/>
  <c r="AF113175" i="1"/>
  <c r="AF113176" i="1"/>
  <c r="AF113177" i="1"/>
  <c r="AF113178" i="1"/>
  <c r="AF113179" i="1"/>
  <c r="AF113180" i="1"/>
  <c r="AF113181" i="1"/>
  <c r="AF113182" i="1"/>
  <c r="AF113183" i="1"/>
  <c r="AF113184" i="1"/>
  <c r="AF113185" i="1"/>
  <c r="AF113186" i="1"/>
  <c r="AF113187" i="1"/>
  <c r="AF113188" i="1"/>
  <c r="AF113189" i="1"/>
  <c r="AF113190" i="1"/>
  <c r="AF113191" i="1"/>
  <c r="AF113192" i="1"/>
  <c r="AF113193" i="1"/>
  <c r="AF113194" i="1"/>
  <c r="AF113195" i="1"/>
  <c r="AF113196" i="1"/>
  <c r="AF113197" i="1"/>
  <c r="AF113198" i="1"/>
  <c r="AF113199" i="1"/>
  <c r="AF113200" i="1"/>
  <c r="AF113201" i="1"/>
  <c r="AF113202" i="1"/>
  <c r="AF113203" i="1"/>
  <c r="AF113204" i="1"/>
  <c r="AF113205" i="1"/>
  <c r="AF113206" i="1"/>
  <c r="AF113207" i="1"/>
  <c r="AF113208" i="1"/>
  <c r="AF113209" i="1"/>
  <c r="AF113210" i="1"/>
  <c r="AF113211" i="1"/>
  <c r="AF113212" i="1"/>
  <c r="AF113213" i="1"/>
  <c r="AF113214" i="1"/>
  <c r="AF113215" i="1"/>
  <c r="AF113216" i="1"/>
  <c r="AF113217" i="1"/>
  <c r="AF113218" i="1"/>
  <c r="AF113219" i="1"/>
  <c r="AF113220" i="1"/>
  <c r="AF113221" i="1"/>
  <c r="AF113222" i="1"/>
  <c r="AF113223" i="1"/>
  <c r="AF113224" i="1"/>
  <c r="AF113225" i="1"/>
  <c r="AF113226" i="1"/>
  <c r="AF113227" i="1"/>
  <c r="AF113228" i="1"/>
  <c r="AF113229" i="1"/>
  <c r="AF113230" i="1"/>
  <c r="AF113231" i="1"/>
  <c r="AF113232" i="1"/>
  <c r="AF113233" i="1"/>
  <c r="AF113234" i="1"/>
  <c r="AF113235" i="1"/>
  <c r="AF113236" i="1"/>
  <c r="AF113237" i="1"/>
  <c r="AF113238" i="1"/>
  <c r="AF113239" i="1"/>
  <c r="AF113240" i="1"/>
  <c r="AF113241" i="1"/>
  <c r="AF113242" i="1"/>
  <c r="AF113243" i="1"/>
  <c r="AF113244" i="1"/>
  <c r="AF113245" i="1"/>
  <c r="AF113246" i="1"/>
  <c r="AF113247" i="1"/>
  <c r="AF113248" i="1"/>
  <c r="AF113249" i="1"/>
  <c r="AF113250" i="1"/>
  <c r="AF113251" i="1"/>
  <c r="AF113252" i="1"/>
  <c r="AF113253" i="1"/>
  <c r="AF113254" i="1"/>
  <c r="AF113255" i="1"/>
  <c r="AF113256" i="1"/>
  <c r="AF113257" i="1"/>
  <c r="AF113258" i="1"/>
  <c r="AF113259" i="1"/>
  <c r="AF113260" i="1"/>
  <c r="AF113261" i="1"/>
  <c r="AF113262" i="1"/>
  <c r="AF113263" i="1"/>
  <c r="AF113264" i="1"/>
  <c r="AF113265" i="1"/>
  <c r="AF113266" i="1"/>
  <c r="AF113267" i="1"/>
  <c r="AF113268" i="1"/>
  <c r="AF113269" i="1"/>
  <c r="AF113270" i="1"/>
  <c r="AF113271" i="1"/>
  <c r="AF113272" i="1"/>
  <c r="AF113273" i="1"/>
  <c r="AF113274" i="1"/>
  <c r="AF113275" i="1"/>
  <c r="AF113276" i="1"/>
  <c r="AF113277" i="1"/>
  <c r="AF113278" i="1"/>
  <c r="AF113279" i="1"/>
  <c r="AF113280" i="1"/>
  <c r="AF113281" i="1"/>
  <c r="AF113282" i="1"/>
  <c r="AF113283" i="1"/>
  <c r="AF113284" i="1"/>
  <c r="AF113285" i="1"/>
  <c r="AF113286" i="1"/>
  <c r="AF113287" i="1"/>
  <c r="AF113288" i="1"/>
  <c r="AF113289" i="1"/>
  <c r="AF113290" i="1"/>
  <c r="AF113291" i="1"/>
  <c r="AF113292" i="1"/>
  <c r="AF113293" i="1"/>
  <c r="AF113294" i="1"/>
  <c r="AF113295" i="1"/>
  <c r="AF113296" i="1"/>
  <c r="AF113297" i="1"/>
  <c r="AF113298" i="1"/>
  <c r="AF113299" i="1"/>
  <c r="AF113300" i="1"/>
  <c r="AF113301" i="1"/>
  <c r="AF113302" i="1"/>
  <c r="AF113303" i="1"/>
  <c r="AF113304" i="1"/>
  <c r="AF113305" i="1"/>
  <c r="AF113306" i="1"/>
  <c r="AF113307" i="1"/>
  <c r="AF113308" i="1"/>
  <c r="AF113309" i="1"/>
  <c r="AF113310" i="1"/>
  <c r="AF113311" i="1"/>
  <c r="AF113312" i="1"/>
  <c r="AF113313" i="1"/>
  <c r="AF113314" i="1"/>
  <c r="AF113315" i="1"/>
  <c r="AF113316" i="1"/>
  <c r="AF113317" i="1"/>
  <c r="AF113318" i="1"/>
  <c r="AF113319" i="1"/>
  <c r="AF113320" i="1"/>
  <c r="AF113321" i="1"/>
  <c r="AF113322" i="1"/>
  <c r="AF113323" i="1"/>
  <c r="AF113324" i="1"/>
  <c r="AF113325" i="1"/>
  <c r="AF113326" i="1"/>
  <c r="AF113327" i="1"/>
  <c r="AF113328" i="1"/>
  <c r="AF113329" i="1"/>
  <c r="AF113330" i="1"/>
  <c r="AF113331" i="1"/>
  <c r="AF113332" i="1"/>
  <c r="AF113333" i="1"/>
  <c r="AF113334" i="1"/>
  <c r="AF113335" i="1"/>
  <c r="AF113336" i="1"/>
  <c r="AF113337" i="1"/>
  <c r="AF113338" i="1"/>
  <c r="AF113339" i="1"/>
  <c r="AF113340" i="1"/>
  <c r="AF113341" i="1"/>
  <c r="AF113342" i="1"/>
  <c r="AF113343" i="1"/>
  <c r="AF113344" i="1"/>
  <c r="AF113345" i="1"/>
  <c r="AF113346" i="1"/>
  <c r="AF113347" i="1"/>
  <c r="AF113348" i="1"/>
  <c r="AF113349" i="1"/>
  <c r="AF113350" i="1"/>
  <c r="AF113351" i="1"/>
  <c r="AF113352" i="1"/>
  <c r="AF113353" i="1"/>
  <c r="AF113354" i="1"/>
  <c r="AF113355" i="1"/>
  <c r="AF113356" i="1"/>
  <c r="AF113357" i="1"/>
  <c r="AF113358" i="1"/>
  <c r="AF113359" i="1"/>
  <c r="AF113360" i="1"/>
  <c r="AF113361" i="1"/>
  <c r="AF113362" i="1"/>
  <c r="AF113363" i="1"/>
  <c r="AF113364" i="1"/>
  <c r="AF113365" i="1"/>
  <c r="AF113366" i="1"/>
  <c r="AF113367" i="1"/>
  <c r="AF113368" i="1"/>
  <c r="AF113369" i="1"/>
  <c r="AF113370" i="1"/>
  <c r="AF113371" i="1"/>
  <c r="AF113372" i="1"/>
  <c r="AF113373" i="1"/>
  <c r="AF113374" i="1"/>
  <c r="AF113375" i="1"/>
  <c r="AF113376" i="1"/>
  <c r="AF113377" i="1"/>
  <c r="AF113378" i="1"/>
  <c r="AF113379" i="1"/>
  <c r="AF113380" i="1"/>
  <c r="AF113381" i="1"/>
  <c r="AF113382" i="1"/>
  <c r="AF113383" i="1"/>
  <c r="AF113384" i="1"/>
  <c r="AF113385" i="1"/>
  <c r="AF113386" i="1"/>
  <c r="AF113387" i="1"/>
  <c r="AF113388" i="1"/>
  <c r="AF113389" i="1"/>
  <c r="AF113390" i="1"/>
  <c r="AF113391" i="1"/>
  <c r="AF113392" i="1"/>
  <c r="AF113393" i="1"/>
  <c r="AF113394" i="1"/>
  <c r="AF113395" i="1"/>
  <c r="AF113396" i="1"/>
  <c r="AF113397" i="1"/>
  <c r="AF113398" i="1"/>
  <c r="AF113399" i="1"/>
  <c r="AF113400" i="1"/>
  <c r="AF113401" i="1"/>
  <c r="AF113402" i="1"/>
  <c r="AF113403" i="1"/>
  <c r="AF113404" i="1"/>
  <c r="AF113405" i="1"/>
  <c r="AF113406" i="1"/>
  <c r="AF113407" i="1"/>
  <c r="AF113408" i="1"/>
  <c r="AF113409" i="1"/>
  <c r="AF113410" i="1"/>
  <c r="AF113411" i="1"/>
  <c r="AF113412" i="1"/>
  <c r="AF113413" i="1"/>
  <c r="AF113414" i="1"/>
  <c r="AF113415" i="1"/>
  <c r="AF113416" i="1"/>
  <c r="AF113417" i="1"/>
  <c r="AF113418" i="1"/>
  <c r="AF113419" i="1"/>
  <c r="AF113420" i="1"/>
  <c r="AF113421" i="1"/>
  <c r="AF113422" i="1"/>
  <c r="AF113423" i="1"/>
  <c r="AF113424" i="1"/>
  <c r="AF113425" i="1"/>
  <c r="AF113426" i="1"/>
  <c r="AF113427" i="1"/>
  <c r="AF113428" i="1"/>
  <c r="AF113429" i="1"/>
  <c r="AF113430" i="1"/>
  <c r="AF113431" i="1"/>
  <c r="AF113432" i="1"/>
  <c r="AF113433" i="1"/>
  <c r="AF113434" i="1"/>
  <c r="AF113435" i="1"/>
  <c r="AF113436" i="1"/>
  <c r="AF113437" i="1"/>
  <c r="AF113438" i="1"/>
  <c r="AF113439" i="1"/>
  <c r="AF113440" i="1"/>
  <c r="AF113441" i="1"/>
  <c r="AF113442" i="1"/>
  <c r="AF113443" i="1"/>
  <c r="AF113444" i="1"/>
  <c r="AF113445" i="1"/>
  <c r="AF113446" i="1"/>
  <c r="AF113447" i="1"/>
  <c r="AF113448" i="1"/>
  <c r="AF113449" i="1"/>
  <c r="AF113450" i="1"/>
  <c r="AF113451" i="1"/>
  <c r="AF113452" i="1"/>
  <c r="AF113453" i="1"/>
  <c r="AF113454" i="1"/>
  <c r="AF113455" i="1"/>
  <c r="AF113456" i="1"/>
  <c r="AF113457" i="1"/>
  <c r="AF113458" i="1"/>
  <c r="AF113459" i="1"/>
  <c r="AF113460" i="1"/>
  <c r="AF113461" i="1"/>
  <c r="AF113462" i="1"/>
  <c r="AF113463" i="1"/>
  <c r="AF113464" i="1"/>
  <c r="AF113465" i="1"/>
  <c r="AF113466" i="1"/>
  <c r="AF113467" i="1"/>
  <c r="AF113468" i="1"/>
  <c r="AF113469" i="1"/>
  <c r="AF113470" i="1"/>
  <c r="AF113471" i="1"/>
  <c r="AF113472" i="1"/>
  <c r="AF113473" i="1"/>
  <c r="AF113474" i="1"/>
  <c r="AF113475" i="1"/>
  <c r="AF113476" i="1"/>
  <c r="AF113477" i="1"/>
  <c r="AF113478" i="1"/>
  <c r="AF113479" i="1"/>
  <c r="AF113480" i="1"/>
  <c r="AF113481" i="1"/>
  <c r="AF113482" i="1"/>
  <c r="AF113483" i="1"/>
  <c r="AF113484" i="1"/>
  <c r="AF113485" i="1"/>
  <c r="AF113486" i="1"/>
  <c r="AF113487" i="1"/>
  <c r="AF113488" i="1"/>
  <c r="AF113489" i="1"/>
  <c r="AF113490" i="1"/>
  <c r="AF113491" i="1"/>
  <c r="AF113492" i="1"/>
  <c r="AF113493" i="1"/>
  <c r="AF113494" i="1"/>
  <c r="AF113495" i="1"/>
  <c r="AF113496" i="1"/>
  <c r="AF113497" i="1"/>
  <c r="AF113498" i="1"/>
  <c r="AF113499" i="1"/>
  <c r="AF113500" i="1"/>
  <c r="AF113501" i="1"/>
  <c r="AF113502" i="1"/>
  <c r="AF113503" i="1"/>
  <c r="AF113504" i="1"/>
  <c r="AF113505" i="1"/>
  <c r="AF113506" i="1"/>
  <c r="AF113507" i="1"/>
  <c r="AF113508" i="1"/>
  <c r="AF113509" i="1"/>
  <c r="AF113510" i="1"/>
  <c r="AF113511" i="1"/>
  <c r="AF113512" i="1"/>
  <c r="AF113513" i="1"/>
  <c r="AF113514" i="1"/>
  <c r="AF113515" i="1"/>
  <c r="AF113516" i="1"/>
  <c r="AF113517" i="1"/>
  <c r="AF113518" i="1"/>
  <c r="AF113519" i="1"/>
  <c r="AF113520" i="1"/>
  <c r="AF113521" i="1"/>
  <c r="AF113522" i="1"/>
  <c r="AF113523" i="1"/>
  <c r="AF113524" i="1"/>
  <c r="AF113525" i="1"/>
  <c r="AF113526" i="1"/>
  <c r="AF113527" i="1"/>
  <c r="AF113528" i="1"/>
  <c r="AF113529" i="1"/>
  <c r="AF113530" i="1"/>
  <c r="AF113531" i="1"/>
  <c r="AF113532" i="1"/>
  <c r="AF113533" i="1"/>
  <c r="AF113534" i="1"/>
  <c r="AF113535" i="1"/>
  <c r="AF113536" i="1"/>
  <c r="AF113537" i="1"/>
  <c r="AF113538" i="1"/>
  <c r="AF113539" i="1"/>
  <c r="AF113540" i="1"/>
  <c r="AF113541" i="1"/>
  <c r="AF113542" i="1"/>
  <c r="AF113543" i="1"/>
  <c r="AF113544" i="1"/>
  <c r="AF113545" i="1"/>
  <c r="AF113546" i="1"/>
  <c r="AF113547" i="1"/>
  <c r="AF113548" i="1"/>
  <c r="AF113549" i="1"/>
  <c r="AF113550" i="1"/>
  <c r="AF113551" i="1"/>
  <c r="AF113552" i="1"/>
  <c r="AF113553" i="1"/>
  <c r="AF113554" i="1"/>
  <c r="AF113555" i="1"/>
  <c r="AF113556" i="1"/>
  <c r="AF113557" i="1"/>
  <c r="AF113558" i="1"/>
  <c r="AF113559" i="1"/>
  <c r="AF113560" i="1"/>
  <c r="AF113561" i="1"/>
  <c r="AF113562" i="1"/>
  <c r="AF113563" i="1"/>
  <c r="AF113564" i="1"/>
  <c r="AF113565" i="1"/>
  <c r="AF113566" i="1"/>
  <c r="AF113567" i="1"/>
  <c r="AF113568" i="1"/>
  <c r="AF113569" i="1"/>
  <c r="AF113570" i="1"/>
  <c r="AF113571" i="1"/>
  <c r="AF113572" i="1"/>
  <c r="AF113573" i="1"/>
  <c r="AF113574" i="1"/>
  <c r="AF113575" i="1"/>
  <c r="AF113576" i="1"/>
  <c r="AF113577" i="1"/>
  <c r="AF113578" i="1"/>
  <c r="AF113579" i="1"/>
  <c r="AF113580" i="1"/>
  <c r="AF113581" i="1"/>
  <c r="AF113582" i="1"/>
  <c r="AF113583" i="1"/>
  <c r="AF113584" i="1"/>
  <c r="AF113585" i="1"/>
  <c r="AF113586" i="1"/>
  <c r="AF113587" i="1"/>
  <c r="AF113588" i="1"/>
  <c r="AF113589" i="1"/>
  <c r="AF113590" i="1"/>
  <c r="AF113591" i="1"/>
  <c r="AF113592" i="1"/>
  <c r="AF113593" i="1"/>
  <c r="AF113594" i="1"/>
  <c r="AF113595" i="1"/>
  <c r="AF113596" i="1"/>
  <c r="AF113597" i="1"/>
  <c r="AF113598" i="1"/>
  <c r="AF113599" i="1"/>
  <c r="AF113600" i="1"/>
  <c r="AF113601" i="1"/>
  <c r="AF113602" i="1"/>
  <c r="AF113603" i="1"/>
  <c r="AF113604" i="1"/>
  <c r="AF113605" i="1"/>
  <c r="AF113606" i="1"/>
  <c r="AF113607" i="1"/>
  <c r="AF113608" i="1"/>
  <c r="AF113609" i="1"/>
  <c r="AF113610" i="1"/>
  <c r="AF113611" i="1"/>
  <c r="AF113612" i="1"/>
  <c r="AF113613" i="1"/>
  <c r="AF113614" i="1"/>
  <c r="AF113615" i="1"/>
  <c r="AF113616" i="1"/>
  <c r="AF113617" i="1"/>
  <c r="AF113618" i="1"/>
  <c r="AF113619" i="1"/>
  <c r="AF113620" i="1"/>
  <c r="AF113621" i="1"/>
  <c r="AF113622" i="1"/>
  <c r="AF113623" i="1"/>
  <c r="AF113624" i="1"/>
  <c r="AF113625" i="1"/>
  <c r="AF113626" i="1"/>
  <c r="AF113627" i="1"/>
  <c r="AF113628" i="1"/>
  <c r="AF113629" i="1"/>
  <c r="AF113630" i="1"/>
  <c r="AF113631" i="1"/>
  <c r="AF113632" i="1"/>
  <c r="AF113633" i="1"/>
  <c r="AF113634" i="1"/>
  <c r="AF113635" i="1"/>
  <c r="AF113636" i="1"/>
  <c r="AF113637" i="1"/>
  <c r="AF113638" i="1"/>
  <c r="AF113639" i="1"/>
  <c r="AF113640" i="1"/>
  <c r="AF113641" i="1"/>
  <c r="AF113642" i="1"/>
  <c r="AF113643" i="1"/>
  <c r="AF113644" i="1"/>
  <c r="AF113645" i="1"/>
  <c r="AF113646" i="1"/>
  <c r="AF113647" i="1"/>
  <c r="AF113648" i="1"/>
  <c r="AF113649" i="1"/>
  <c r="AF113650" i="1"/>
  <c r="AF113651" i="1"/>
  <c r="AF113652" i="1"/>
  <c r="AF113653" i="1"/>
  <c r="AF113654" i="1"/>
  <c r="AF113655" i="1"/>
  <c r="AF113656" i="1"/>
  <c r="AF113657" i="1"/>
  <c r="AF113658" i="1"/>
  <c r="AF113659" i="1"/>
  <c r="AF113660" i="1"/>
  <c r="AF113661" i="1"/>
  <c r="AF113662" i="1"/>
  <c r="AF113663" i="1"/>
  <c r="AF113664" i="1"/>
  <c r="AF113665" i="1"/>
  <c r="AF113666" i="1"/>
  <c r="AF113667" i="1"/>
  <c r="AF113668" i="1"/>
  <c r="AF113669" i="1"/>
  <c r="AF113670" i="1"/>
  <c r="AF113671" i="1"/>
  <c r="AF113672" i="1"/>
  <c r="AF113673" i="1"/>
  <c r="AF113674" i="1"/>
  <c r="AF113675" i="1"/>
  <c r="AF113676" i="1"/>
  <c r="AF113677" i="1"/>
  <c r="AF113678" i="1"/>
  <c r="AF113679" i="1"/>
  <c r="AF113680" i="1"/>
  <c r="AF113681" i="1"/>
  <c r="AF113682" i="1"/>
  <c r="AF113683" i="1"/>
  <c r="AF113684" i="1"/>
  <c r="AF113685" i="1"/>
  <c r="AF113686" i="1"/>
  <c r="AF113687" i="1"/>
  <c r="AF113688" i="1"/>
  <c r="AF113689" i="1"/>
  <c r="AF113690" i="1"/>
  <c r="AF113691" i="1"/>
  <c r="AF113692" i="1"/>
  <c r="AF113693" i="1"/>
  <c r="AF113694" i="1"/>
  <c r="AF113695" i="1"/>
  <c r="AF113696" i="1"/>
  <c r="AF113697" i="1"/>
  <c r="AF113698" i="1"/>
  <c r="AF113699" i="1"/>
  <c r="AF113700" i="1"/>
  <c r="AF113701" i="1"/>
  <c r="AF113702" i="1"/>
  <c r="AF113703" i="1"/>
  <c r="AF113704" i="1"/>
  <c r="AF113705" i="1"/>
  <c r="AF113706" i="1"/>
  <c r="AF113707" i="1"/>
  <c r="AF113708" i="1"/>
  <c r="AF113709" i="1"/>
  <c r="AF113710" i="1"/>
  <c r="AF113711" i="1"/>
  <c r="AF113712" i="1"/>
  <c r="AF113713" i="1"/>
  <c r="AF113714" i="1"/>
  <c r="AF113715" i="1"/>
  <c r="AF113716" i="1"/>
  <c r="AF113717" i="1"/>
  <c r="AF113718" i="1"/>
  <c r="AF113719" i="1"/>
  <c r="AF113720" i="1"/>
  <c r="AF113721" i="1"/>
  <c r="AF113722" i="1"/>
  <c r="AF113723" i="1"/>
  <c r="AF113724" i="1"/>
  <c r="AF113725" i="1"/>
  <c r="AF113726" i="1"/>
  <c r="AF113727" i="1"/>
  <c r="AF113728" i="1"/>
  <c r="AF113729" i="1"/>
  <c r="AF113730" i="1"/>
  <c r="AF113731" i="1"/>
  <c r="AF113732" i="1"/>
  <c r="AF113733" i="1"/>
  <c r="AF113734" i="1"/>
  <c r="AF113735" i="1"/>
  <c r="AF113736" i="1"/>
  <c r="AF113737" i="1"/>
  <c r="AF113738" i="1"/>
  <c r="AF113739" i="1"/>
  <c r="AF113740" i="1"/>
  <c r="AF113741" i="1"/>
  <c r="AF113742" i="1"/>
  <c r="AF113743" i="1"/>
  <c r="AF113744" i="1"/>
  <c r="AF113745" i="1"/>
  <c r="AF113746" i="1"/>
  <c r="AF113747" i="1"/>
  <c r="AF113748" i="1"/>
  <c r="AF113749" i="1"/>
  <c r="AF113750" i="1"/>
  <c r="AF113751" i="1"/>
  <c r="AF113752" i="1"/>
  <c r="AF113753" i="1"/>
  <c r="AF113754" i="1"/>
  <c r="AF113755" i="1"/>
  <c r="AF113756" i="1"/>
  <c r="AF113757" i="1"/>
  <c r="AF113758" i="1"/>
  <c r="AF113759" i="1"/>
  <c r="AF113760" i="1"/>
  <c r="AF113761" i="1"/>
  <c r="AF113762" i="1"/>
  <c r="AF113763" i="1"/>
  <c r="AF113764" i="1"/>
  <c r="AF113765" i="1"/>
  <c r="AF113766" i="1"/>
  <c r="AF113767" i="1"/>
  <c r="AF113768" i="1"/>
  <c r="AF113769" i="1"/>
  <c r="AF113770" i="1"/>
  <c r="AF113771" i="1"/>
  <c r="AF113772" i="1"/>
  <c r="AF113773" i="1"/>
  <c r="AF113774" i="1"/>
  <c r="AF113775" i="1"/>
  <c r="AF113776" i="1"/>
  <c r="AF113777" i="1"/>
  <c r="AF113778" i="1"/>
  <c r="AF113779" i="1"/>
  <c r="AF113780" i="1"/>
  <c r="AF113781" i="1"/>
  <c r="AF113782" i="1"/>
  <c r="AF113783" i="1"/>
  <c r="AF113784" i="1"/>
  <c r="AF113785" i="1"/>
  <c r="AF113786" i="1"/>
  <c r="AF113787" i="1"/>
  <c r="AF113788" i="1"/>
  <c r="AF113789" i="1"/>
  <c r="AF113790" i="1"/>
  <c r="AF113791" i="1"/>
  <c r="AF113792" i="1"/>
  <c r="AF113793" i="1"/>
  <c r="AF113794" i="1"/>
  <c r="AF113795" i="1"/>
  <c r="AF113796" i="1"/>
  <c r="AF113797" i="1"/>
  <c r="AF113798" i="1"/>
  <c r="AF113799" i="1"/>
  <c r="AF113800" i="1"/>
  <c r="AF113801" i="1"/>
  <c r="AF113802" i="1"/>
  <c r="AF113803" i="1"/>
  <c r="AF113804" i="1"/>
  <c r="AF113805" i="1"/>
  <c r="AF113806" i="1"/>
  <c r="AF113807" i="1"/>
  <c r="AF113808" i="1"/>
  <c r="AF113809" i="1"/>
  <c r="AF113810" i="1"/>
  <c r="AF113811" i="1"/>
  <c r="AF113812" i="1"/>
  <c r="AF113813" i="1"/>
  <c r="AF113814" i="1"/>
  <c r="AF113815" i="1"/>
  <c r="AF113816" i="1"/>
  <c r="AF113817" i="1"/>
  <c r="AF113818" i="1"/>
  <c r="AF113819" i="1"/>
  <c r="AF113820" i="1"/>
  <c r="AF113821" i="1"/>
  <c r="AF113822" i="1"/>
  <c r="AF113823" i="1"/>
  <c r="AF113824" i="1"/>
  <c r="AF113825" i="1"/>
  <c r="AF113826" i="1"/>
  <c r="AF113827" i="1"/>
  <c r="AF113828" i="1"/>
  <c r="AF113829" i="1"/>
  <c r="AF113830" i="1"/>
  <c r="AF113831" i="1"/>
  <c r="AF113832" i="1"/>
  <c r="AF113833" i="1"/>
  <c r="AF113834" i="1"/>
  <c r="AF113835" i="1"/>
  <c r="AF113836" i="1"/>
  <c r="AF113837" i="1"/>
  <c r="AF113838" i="1"/>
  <c r="AF113839" i="1"/>
  <c r="AF113840" i="1"/>
  <c r="AF113841" i="1"/>
  <c r="AF113842" i="1"/>
  <c r="AF113843" i="1"/>
  <c r="AF113844" i="1"/>
  <c r="AF113845" i="1"/>
  <c r="AF113846" i="1"/>
  <c r="AF113847" i="1"/>
  <c r="AF113848" i="1"/>
  <c r="AF113849" i="1"/>
  <c r="AF113850" i="1"/>
  <c r="AF113851" i="1"/>
  <c r="AF113852" i="1"/>
  <c r="AF113853" i="1"/>
  <c r="AF113854" i="1"/>
  <c r="AF113855" i="1"/>
  <c r="AF113856" i="1"/>
  <c r="AF113857" i="1"/>
  <c r="AF113858" i="1"/>
  <c r="AF113859" i="1"/>
  <c r="AF113860" i="1"/>
  <c r="AF113861" i="1"/>
  <c r="AF113862" i="1"/>
  <c r="AF113863" i="1"/>
  <c r="AF113864" i="1"/>
  <c r="AF113865" i="1"/>
  <c r="AF113866" i="1"/>
  <c r="AF113867" i="1"/>
  <c r="AF113868" i="1"/>
  <c r="AF113869" i="1"/>
  <c r="AF113870" i="1"/>
  <c r="AF113871" i="1"/>
  <c r="AF113872" i="1"/>
  <c r="AF113873" i="1"/>
  <c r="AF113874" i="1"/>
  <c r="AF113875" i="1"/>
  <c r="AF113876" i="1"/>
  <c r="AF113877" i="1"/>
  <c r="AF113878" i="1"/>
  <c r="AF113879" i="1"/>
  <c r="AF113880" i="1"/>
  <c r="AF113881" i="1"/>
  <c r="AF113882" i="1"/>
  <c r="AF113883" i="1"/>
  <c r="AF113884" i="1"/>
  <c r="AF113885" i="1"/>
  <c r="AF113886" i="1"/>
  <c r="AF113887" i="1"/>
  <c r="AF113888" i="1"/>
  <c r="AF113889" i="1"/>
  <c r="AF113890" i="1"/>
  <c r="AF113891" i="1"/>
  <c r="AF113892" i="1"/>
  <c r="AF113893" i="1"/>
  <c r="AF113894" i="1"/>
  <c r="AF113895" i="1"/>
  <c r="AF113896" i="1"/>
  <c r="AF113897" i="1"/>
  <c r="AF113898" i="1"/>
  <c r="AF113899" i="1"/>
  <c r="AF113900" i="1"/>
  <c r="AF113901" i="1"/>
  <c r="AF113902" i="1"/>
  <c r="AF113903" i="1"/>
  <c r="AF113904" i="1"/>
  <c r="AF113905" i="1"/>
  <c r="AF113906" i="1"/>
  <c r="AF113907" i="1"/>
  <c r="AF113908" i="1"/>
  <c r="AF113909" i="1"/>
  <c r="AF113910" i="1"/>
  <c r="AF113911" i="1"/>
  <c r="AF113912" i="1"/>
  <c r="AF113913" i="1"/>
  <c r="AF113914" i="1"/>
  <c r="AF113915" i="1"/>
  <c r="AF113916" i="1"/>
  <c r="AF113917" i="1"/>
  <c r="AF113918" i="1"/>
  <c r="AF113919" i="1"/>
  <c r="AF113920" i="1"/>
  <c r="AF113921" i="1"/>
  <c r="AF113922" i="1"/>
  <c r="AF113923" i="1"/>
  <c r="AF113924" i="1"/>
  <c r="AF113925" i="1"/>
  <c r="AF113926" i="1"/>
  <c r="AF113927" i="1"/>
  <c r="AF113928" i="1"/>
  <c r="AF113929" i="1"/>
  <c r="AF113930" i="1"/>
  <c r="AF113931" i="1"/>
  <c r="AF113932" i="1"/>
  <c r="AF113933" i="1"/>
  <c r="AF113934" i="1"/>
  <c r="AF113935" i="1"/>
  <c r="AF113936" i="1"/>
  <c r="AF113937" i="1"/>
  <c r="AF113938" i="1"/>
  <c r="AF113939" i="1"/>
  <c r="AF113940" i="1"/>
  <c r="AF113941" i="1"/>
  <c r="AF113942" i="1"/>
  <c r="AF113943" i="1"/>
  <c r="AF113944" i="1"/>
  <c r="AF113945" i="1"/>
  <c r="AF113946" i="1"/>
  <c r="AF113947" i="1"/>
  <c r="AF113948" i="1"/>
  <c r="AF113949" i="1"/>
  <c r="AF113950" i="1"/>
  <c r="AF113951" i="1"/>
  <c r="AF113952" i="1"/>
  <c r="AF113953" i="1"/>
  <c r="AF113954" i="1"/>
  <c r="AF113955" i="1"/>
  <c r="AF113956" i="1"/>
  <c r="AF113957" i="1"/>
  <c r="AF113958" i="1"/>
  <c r="AF113959" i="1"/>
  <c r="AF113960" i="1"/>
  <c r="AF113961" i="1"/>
  <c r="AF113962" i="1"/>
  <c r="AF113963" i="1"/>
  <c r="AF113964" i="1"/>
  <c r="AF113965" i="1"/>
  <c r="AF113966" i="1"/>
  <c r="AF113967" i="1"/>
  <c r="AF113968" i="1"/>
  <c r="AF113969" i="1"/>
  <c r="AF113970" i="1"/>
  <c r="AF113971" i="1"/>
  <c r="AF113972" i="1"/>
  <c r="AF113973" i="1"/>
  <c r="AF113974" i="1"/>
  <c r="AF113975" i="1"/>
  <c r="AF113976" i="1"/>
  <c r="AF113977" i="1"/>
  <c r="AF113978" i="1"/>
  <c r="AF113979" i="1"/>
  <c r="AF113980" i="1"/>
  <c r="AF113981" i="1"/>
  <c r="AF113982" i="1"/>
  <c r="AF113983" i="1"/>
  <c r="AF113984" i="1"/>
  <c r="AF113985" i="1"/>
  <c r="AF113986" i="1"/>
  <c r="AF113987" i="1"/>
  <c r="AF113988" i="1"/>
  <c r="AF113989" i="1"/>
  <c r="AF113990" i="1"/>
  <c r="AF113991" i="1"/>
  <c r="AF113992" i="1"/>
  <c r="AF113993" i="1"/>
  <c r="AF113994" i="1"/>
  <c r="AF113995" i="1"/>
  <c r="AF113996" i="1"/>
  <c r="AF113997" i="1"/>
  <c r="AF113998" i="1"/>
  <c r="AF113999" i="1"/>
  <c r="AF114000" i="1"/>
  <c r="AF114001" i="1"/>
  <c r="AF114002" i="1"/>
  <c r="AF114003" i="1"/>
  <c r="AF114004" i="1"/>
  <c r="AF114005" i="1"/>
  <c r="AF114006" i="1"/>
  <c r="AF114007" i="1"/>
  <c r="AF114008" i="1"/>
  <c r="AF114009" i="1"/>
  <c r="AF114010" i="1"/>
  <c r="AF114011" i="1"/>
  <c r="AF114012" i="1"/>
  <c r="AF114013" i="1"/>
  <c r="AF114014" i="1"/>
  <c r="AF114015" i="1"/>
  <c r="AF114016" i="1"/>
  <c r="AF114017" i="1"/>
  <c r="AF114018" i="1"/>
  <c r="AF114019" i="1"/>
  <c r="AF114020" i="1"/>
  <c r="AF114021" i="1"/>
  <c r="AF114022" i="1"/>
  <c r="AF114023" i="1"/>
  <c r="AF114024" i="1"/>
  <c r="AF114025" i="1"/>
  <c r="AF114026" i="1"/>
  <c r="AF114027" i="1"/>
  <c r="AF114028" i="1"/>
  <c r="AF114029" i="1"/>
  <c r="AF114030" i="1"/>
  <c r="AF114031" i="1"/>
  <c r="AF114032" i="1"/>
  <c r="AF114033" i="1"/>
  <c r="AF114034" i="1"/>
  <c r="AF114035" i="1"/>
  <c r="AF114036" i="1"/>
  <c r="AF114037" i="1"/>
  <c r="AF114038" i="1"/>
  <c r="AF114039" i="1"/>
  <c r="AF114040" i="1"/>
  <c r="AF114041" i="1"/>
  <c r="AF114042" i="1"/>
  <c r="AF114043" i="1"/>
  <c r="AF114044" i="1"/>
  <c r="AF114045" i="1"/>
  <c r="AF114046" i="1"/>
  <c r="AF114047" i="1"/>
  <c r="AF114048" i="1"/>
  <c r="AF114049" i="1"/>
  <c r="AF114050" i="1"/>
  <c r="AF114051" i="1"/>
  <c r="AF114052" i="1"/>
  <c r="AF114053" i="1"/>
  <c r="AF114054" i="1"/>
  <c r="AF114055" i="1"/>
  <c r="AF114056" i="1"/>
  <c r="AF114057" i="1"/>
  <c r="AF114058" i="1"/>
  <c r="AF114059" i="1"/>
  <c r="AF114060" i="1"/>
  <c r="AF114061" i="1"/>
  <c r="AF114062" i="1"/>
  <c r="AF114063" i="1"/>
  <c r="AF114064" i="1"/>
  <c r="AF114065" i="1"/>
  <c r="AF114066" i="1"/>
  <c r="AF114067" i="1"/>
  <c r="AF114068" i="1"/>
  <c r="AF114069" i="1"/>
  <c r="AF114070" i="1"/>
  <c r="AF114071" i="1"/>
  <c r="AF114072" i="1"/>
  <c r="AF114073" i="1"/>
  <c r="AF114074" i="1"/>
  <c r="AF114075" i="1"/>
  <c r="AF114076" i="1"/>
  <c r="AF114077" i="1"/>
  <c r="AF114078" i="1"/>
  <c r="AF114079" i="1"/>
  <c r="AF114080" i="1"/>
  <c r="AF114081" i="1"/>
  <c r="AF114082" i="1"/>
  <c r="AF114083" i="1"/>
  <c r="AF114084" i="1"/>
  <c r="AF114085" i="1"/>
  <c r="AF114086" i="1"/>
  <c r="AF114087" i="1"/>
  <c r="AF114088" i="1"/>
  <c r="AF114089" i="1"/>
  <c r="AF114090" i="1"/>
  <c r="AF114091" i="1"/>
  <c r="AF114092" i="1"/>
  <c r="AF114093" i="1"/>
  <c r="AF114094" i="1"/>
  <c r="AF114095" i="1"/>
  <c r="AF114096" i="1"/>
  <c r="AF114097" i="1"/>
  <c r="AF114098" i="1"/>
  <c r="AF114099" i="1"/>
  <c r="AF114100" i="1"/>
  <c r="AF114101" i="1"/>
  <c r="AF114102" i="1"/>
  <c r="AF114103" i="1"/>
  <c r="AF114104" i="1"/>
  <c r="AF114105" i="1"/>
  <c r="AF114106" i="1"/>
  <c r="AF114107" i="1"/>
  <c r="AF114108" i="1"/>
  <c r="AF114109" i="1"/>
  <c r="AF114110" i="1"/>
  <c r="AF114111" i="1"/>
  <c r="AF114112" i="1"/>
  <c r="AF114113" i="1"/>
  <c r="AF114114" i="1"/>
  <c r="AF114115" i="1"/>
  <c r="AF114116" i="1"/>
  <c r="AF114117" i="1"/>
  <c r="AF114118" i="1"/>
  <c r="AF114119" i="1"/>
  <c r="AF114120" i="1"/>
  <c r="AF114121" i="1"/>
  <c r="AF114122" i="1"/>
  <c r="AF114123" i="1"/>
  <c r="AF114124" i="1"/>
  <c r="AF114125" i="1"/>
  <c r="AF114126" i="1"/>
  <c r="AF114127" i="1"/>
  <c r="AF114128" i="1"/>
  <c r="AF114129" i="1"/>
  <c r="AF114130" i="1"/>
  <c r="AF114131" i="1"/>
  <c r="AF114132" i="1"/>
  <c r="AF114133" i="1"/>
  <c r="AF114134" i="1"/>
  <c r="AF114135" i="1"/>
  <c r="AF114136" i="1"/>
  <c r="AF114137" i="1"/>
  <c r="AF114138" i="1"/>
  <c r="AF114139" i="1"/>
  <c r="AF114140" i="1"/>
  <c r="AF114141" i="1"/>
  <c r="AF114142" i="1"/>
  <c r="AF114143" i="1"/>
  <c r="AF114144" i="1"/>
  <c r="AF114145" i="1"/>
  <c r="AF114146" i="1"/>
  <c r="AF114147" i="1"/>
  <c r="AF114148" i="1"/>
  <c r="AF114149" i="1"/>
  <c r="AF114150" i="1"/>
  <c r="AF114151" i="1"/>
  <c r="AF114152" i="1"/>
  <c r="AF114153" i="1"/>
  <c r="AF114154" i="1"/>
  <c r="AF114155" i="1"/>
  <c r="AF114156" i="1"/>
  <c r="AF114157" i="1"/>
  <c r="AF114158" i="1"/>
  <c r="AF114159" i="1"/>
  <c r="AF114160" i="1"/>
  <c r="AF114161" i="1"/>
  <c r="AF114162" i="1"/>
  <c r="AF114163" i="1"/>
  <c r="AF114164" i="1"/>
  <c r="AF114165" i="1"/>
  <c r="AF114166" i="1"/>
  <c r="AF114167" i="1"/>
  <c r="AF114168" i="1"/>
  <c r="AF114169" i="1"/>
  <c r="AF114170" i="1"/>
  <c r="AF114171" i="1"/>
  <c r="AF114172" i="1"/>
  <c r="AF114173" i="1"/>
  <c r="AF114174" i="1"/>
  <c r="AF114175" i="1"/>
  <c r="AF114176" i="1"/>
  <c r="AF114177" i="1"/>
  <c r="AF114178" i="1"/>
  <c r="AF114179" i="1"/>
  <c r="AF114180" i="1"/>
  <c r="AF114181" i="1"/>
  <c r="AF114182" i="1"/>
  <c r="AF114183" i="1"/>
  <c r="AF114184" i="1"/>
  <c r="AF114185" i="1"/>
  <c r="AF114186" i="1"/>
  <c r="AF114187" i="1"/>
  <c r="AF114188" i="1"/>
  <c r="AF114189" i="1"/>
  <c r="AF114190" i="1"/>
  <c r="AF114191" i="1"/>
  <c r="AF114192" i="1"/>
  <c r="AF114193" i="1"/>
  <c r="AF114194" i="1"/>
  <c r="AF114195" i="1"/>
  <c r="AF114196" i="1"/>
  <c r="AF114197" i="1"/>
  <c r="AF114198" i="1"/>
  <c r="AF114199" i="1"/>
  <c r="AF114200" i="1"/>
  <c r="AF114201" i="1"/>
  <c r="AF114202" i="1"/>
  <c r="AF114203" i="1"/>
  <c r="AF114204" i="1"/>
  <c r="AF114205" i="1"/>
  <c r="AF114206" i="1"/>
  <c r="AF114207" i="1"/>
  <c r="AF114208" i="1"/>
  <c r="AF114209" i="1"/>
  <c r="AF114210" i="1"/>
  <c r="AF114211" i="1"/>
  <c r="AF114212" i="1"/>
  <c r="AF114213" i="1"/>
  <c r="AF114214" i="1"/>
  <c r="AF114215" i="1"/>
  <c r="AF114216" i="1"/>
  <c r="AF114217" i="1"/>
  <c r="AF114218" i="1"/>
  <c r="AF114219" i="1"/>
  <c r="AF114220" i="1"/>
  <c r="AF114221" i="1"/>
  <c r="AF114222" i="1"/>
  <c r="AF114223" i="1"/>
  <c r="AF114224" i="1"/>
  <c r="AF114225" i="1"/>
  <c r="AF114226" i="1"/>
  <c r="AF114227" i="1"/>
  <c r="AF114228" i="1"/>
  <c r="AF114229" i="1"/>
  <c r="AF114230" i="1"/>
  <c r="AF114231" i="1"/>
  <c r="AF114232" i="1"/>
  <c r="AF114233" i="1"/>
  <c r="AF114234" i="1"/>
  <c r="AF114235" i="1"/>
  <c r="AF114236" i="1"/>
  <c r="AF114237" i="1"/>
  <c r="AF114238" i="1"/>
  <c r="AF114239" i="1"/>
  <c r="AF114240" i="1"/>
  <c r="AF114241" i="1"/>
  <c r="AF114242" i="1"/>
  <c r="AF114243" i="1"/>
  <c r="AF114244" i="1"/>
  <c r="AF114245" i="1"/>
  <c r="AF114246" i="1"/>
  <c r="AF114247" i="1"/>
  <c r="AF114248" i="1"/>
  <c r="AF114249" i="1"/>
  <c r="AF114250" i="1"/>
  <c r="AF114251" i="1"/>
  <c r="AF114252" i="1"/>
  <c r="AF114253" i="1"/>
  <c r="AF114254" i="1"/>
  <c r="AF114255" i="1"/>
  <c r="AF114256" i="1"/>
  <c r="AF114257" i="1"/>
  <c r="AF114258" i="1"/>
  <c r="AF114259" i="1"/>
  <c r="AF114260" i="1"/>
  <c r="AF114261" i="1"/>
  <c r="AF114262" i="1"/>
  <c r="AF114263" i="1"/>
  <c r="AF114264" i="1"/>
  <c r="AF114265" i="1"/>
  <c r="AF114266" i="1"/>
  <c r="AF114267" i="1"/>
  <c r="AF114268" i="1"/>
  <c r="AF114269" i="1"/>
  <c r="AF114270" i="1"/>
  <c r="AF114271" i="1"/>
  <c r="AF114272" i="1"/>
  <c r="AF114273" i="1"/>
  <c r="AF114274" i="1"/>
  <c r="AF114275" i="1"/>
  <c r="AF114276" i="1"/>
  <c r="AF114277" i="1"/>
  <c r="AF114278" i="1"/>
  <c r="AF114279" i="1"/>
  <c r="AF114280" i="1"/>
  <c r="AF114281" i="1"/>
  <c r="AF114282" i="1"/>
  <c r="AF114283" i="1"/>
  <c r="AF114284" i="1"/>
  <c r="AF114285" i="1"/>
  <c r="AF114286" i="1"/>
  <c r="AF114287" i="1"/>
  <c r="AF114288" i="1"/>
  <c r="AF114289" i="1"/>
  <c r="AF114290" i="1"/>
  <c r="AF114291" i="1"/>
  <c r="AF114292" i="1"/>
  <c r="AF114293" i="1"/>
  <c r="AF114294" i="1"/>
  <c r="AF114295" i="1"/>
  <c r="AF114296" i="1"/>
  <c r="AF114297" i="1"/>
  <c r="AF114298" i="1"/>
  <c r="AF114299" i="1"/>
  <c r="AF114300" i="1"/>
  <c r="AF114301" i="1"/>
  <c r="AF114302" i="1"/>
  <c r="AF114303" i="1"/>
  <c r="AF114304" i="1"/>
  <c r="AF114305" i="1"/>
  <c r="AF114306" i="1"/>
  <c r="AF114307" i="1"/>
  <c r="AF114308" i="1"/>
  <c r="AF114309" i="1"/>
  <c r="AF114310" i="1"/>
  <c r="AF114311" i="1"/>
  <c r="AF114312" i="1"/>
  <c r="AF114313" i="1"/>
  <c r="AF114314" i="1"/>
  <c r="AF114315" i="1"/>
  <c r="AF114316" i="1"/>
  <c r="AF114317" i="1"/>
  <c r="AF114318" i="1"/>
  <c r="AF114319" i="1"/>
  <c r="AF114320" i="1"/>
  <c r="AF114321" i="1"/>
  <c r="AF114322" i="1"/>
  <c r="AF114323" i="1"/>
  <c r="AF114324" i="1"/>
  <c r="AF114325" i="1"/>
  <c r="AF114326" i="1"/>
  <c r="AF114327" i="1"/>
  <c r="AF114328" i="1"/>
  <c r="AF114329" i="1"/>
  <c r="AF114330" i="1"/>
  <c r="AF114331" i="1"/>
  <c r="AF114332" i="1"/>
  <c r="AF114333" i="1"/>
  <c r="AF114334" i="1"/>
  <c r="AF114335" i="1"/>
  <c r="AF114336" i="1"/>
  <c r="AF114337" i="1"/>
  <c r="AF114338" i="1"/>
  <c r="AF114339" i="1"/>
  <c r="AF114340" i="1"/>
  <c r="AF114341" i="1"/>
  <c r="AF114342" i="1"/>
  <c r="AF114343" i="1"/>
  <c r="AF114344" i="1"/>
  <c r="AF114345" i="1"/>
  <c r="AF114346" i="1"/>
  <c r="AF114347" i="1"/>
  <c r="AF114348" i="1"/>
  <c r="AF114349" i="1"/>
  <c r="AF114350" i="1"/>
  <c r="AF114351" i="1"/>
  <c r="AF114352" i="1"/>
  <c r="AF114353" i="1"/>
  <c r="AF114354" i="1"/>
  <c r="AF114355" i="1"/>
  <c r="AF114356" i="1"/>
  <c r="AF114357" i="1"/>
  <c r="AF114358" i="1"/>
  <c r="AF114359" i="1"/>
  <c r="AF114360" i="1"/>
  <c r="AF114361" i="1"/>
  <c r="AF114362" i="1"/>
  <c r="AF114363" i="1"/>
  <c r="AF114364" i="1"/>
  <c r="AF114365" i="1"/>
  <c r="AF114366" i="1"/>
  <c r="AF114367" i="1"/>
  <c r="AF114368" i="1"/>
  <c r="AF114369" i="1"/>
  <c r="AF114370" i="1"/>
  <c r="AF114371" i="1"/>
  <c r="AF114372" i="1"/>
  <c r="AF114373" i="1"/>
  <c r="AF114374" i="1"/>
  <c r="AF114375" i="1"/>
  <c r="AF114376" i="1"/>
  <c r="AF114377" i="1"/>
  <c r="AF114378" i="1"/>
  <c r="AF114379" i="1"/>
  <c r="AF114380" i="1"/>
  <c r="AF114381" i="1"/>
  <c r="AF114382" i="1"/>
  <c r="AF114383" i="1"/>
  <c r="AF114384" i="1"/>
  <c r="AF114385" i="1"/>
  <c r="AF114386" i="1"/>
  <c r="AF114387" i="1"/>
  <c r="AF114388" i="1"/>
  <c r="AF114389" i="1"/>
  <c r="AF114390" i="1"/>
  <c r="AF114391" i="1"/>
  <c r="AF114392" i="1"/>
  <c r="AF114393" i="1"/>
  <c r="AF114394" i="1"/>
  <c r="AF114395" i="1"/>
  <c r="AF114396" i="1"/>
  <c r="AF114397" i="1"/>
  <c r="AF114398" i="1"/>
  <c r="AF114399" i="1"/>
  <c r="AF114400" i="1"/>
  <c r="AF114401" i="1"/>
  <c r="AF114402" i="1"/>
  <c r="AF114403" i="1"/>
  <c r="AF114404" i="1"/>
  <c r="AF114405" i="1"/>
  <c r="AF114406" i="1"/>
  <c r="AF114407" i="1"/>
  <c r="AF114408" i="1"/>
  <c r="AF114409" i="1"/>
  <c r="AF114410" i="1"/>
  <c r="AF114411" i="1"/>
  <c r="AF114412" i="1"/>
  <c r="AF114413" i="1"/>
  <c r="AF114414" i="1"/>
  <c r="AF114415" i="1"/>
  <c r="AF114416" i="1"/>
  <c r="AF114417" i="1"/>
  <c r="AF114418" i="1"/>
  <c r="AF114419" i="1"/>
  <c r="AF114420" i="1"/>
  <c r="AF114421" i="1"/>
  <c r="AF114422" i="1"/>
  <c r="AF114423" i="1"/>
  <c r="AF114424" i="1"/>
  <c r="AF114425" i="1"/>
  <c r="AF114426" i="1"/>
  <c r="AF114427" i="1"/>
  <c r="AF114428" i="1"/>
  <c r="AF114429" i="1"/>
  <c r="AF114430" i="1"/>
  <c r="AF114431" i="1"/>
  <c r="AF114432" i="1"/>
  <c r="AF114433" i="1"/>
  <c r="AF114434" i="1"/>
  <c r="AF114435" i="1"/>
  <c r="AF114436" i="1"/>
  <c r="AF114437" i="1"/>
  <c r="AF114438" i="1"/>
  <c r="AF114439" i="1"/>
  <c r="AF114440" i="1"/>
  <c r="AF114441" i="1"/>
  <c r="AF114442" i="1"/>
  <c r="AF114443" i="1"/>
  <c r="AF114444" i="1"/>
  <c r="AF114445" i="1"/>
  <c r="AF114446" i="1"/>
  <c r="AF114447" i="1"/>
  <c r="AF114448" i="1"/>
  <c r="AF114449" i="1"/>
  <c r="AF114450" i="1"/>
  <c r="AF114451" i="1"/>
  <c r="AF114452" i="1"/>
  <c r="AF114453" i="1"/>
  <c r="AF114454" i="1"/>
  <c r="AF114455" i="1"/>
  <c r="AF114456" i="1"/>
  <c r="AF114457" i="1"/>
  <c r="AF114458" i="1"/>
  <c r="AF114459" i="1"/>
  <c r="AF114460" i="1"/>
  <c r="AF114461" i="1"/>
  <c r="AF114462" i="1"/>
  <c r="AF114463" i="1"/>
  <c r="AF114464" i="1"/>
  <c r="AF114465" i="1"/>
  <c r="AF114466" i="1"/>
  <c r="AF114467" i="1"/>
  <c r="AF114468" i="1"/>
  <c r="AF114469" i="1"/>
  <c r="AF114470" i="1"/>
  <c r="AF114471" i="1"/>
  <c r="AF114472" i="1"/>
  <c r="AF114473" i="1"/>
  <c r="AF114474" i="1"/>
  <c r="AF114475" i="1"/>
  <c r="AF114476" i="1"/>
  <c r="AF114477" i="1"/>
  <c r="AF114478" i="1"/>
  <c r="AF114479" i="1"/>
  <c r="AF114480" i="1"/>
  <c r="AF114481" i="1"/>
  <c r="AF114482" i="1"/>
  <c r="AF114483" i="1"/>
  <c r="AF114484" i="1"/>
  <c r="AF114485" i="1"/>
  <c r="AF114486" i="1"/>
  <c r="AF114487" i="1"/>
  <c r="AF114488" i="1"/>
  <c r="AF114489" i="1"/>
  <c r="AF114490" i="1"/>
  <c r="AF114491" i="1"/>
  <c r="AF114492" i="1"/>
  <c r="AF114493" i="1"/>
  <c r="AF114494" i="1"/>
  <c r="AF114495" i="1"/>
  <c r="AF114496" i="1"/>
  <c r="AF114497" i="1"/>
  <c r="AF114498" i="1"/>
  <c r="AF114499" i="1"/>
  <c r="AF114500" i="1"/>
  <c r="AF114501" i="1"/>
  <c r="AF114502" i="1"/>
  <c r="AF114503" i="1"/>
  <c r="AF114504" i="1"/>
  <c r="AF114505" i="1"/>
  <c r="AF114506" i="1"/>
  <c r="AF114507" i="1"/>
  <c r="AF114508" i="1"/>
  <c r="AF114509" i="1"/>
  <c r="AF114510" i="1"/>
  <c r="AF114511" i="1"/>
  <c r="AF114512" i="1"/>
  <c r="AF114513" i="1"/>
  <c r="AF114514" i="1"/>
  <c r="AF114515" i="1"/>
  <c r="AF114516" i="1"/>
  <c r="AF114517" i="1"/>
  <c r="AF114518" i="1"/>
  <c r="AF114519" i="1"/>
  <c r="AF114520" i="1"/>
  <c r="AF114521" i="1"/>
  <c r="AF114522" i="1"/>
  <c r="AF114523" i="1"/>
  <c r="AF114524" i="1"/>
  <c r="AF114525" i="1"/>
  <c r="AF114526" i="1"/>
  <c r="AF114527" i="1"/>
  <c r="AF114528" i="1"/>
  <c r="AF114529" i="1"/>
  <c r="AF114530" i="1"/>
  <c r="AF114531" i="1"/>
  <c r="AF114532" i="1"/>
  <c r="AF114533" i="1"/>
  <c r="AF114534" i="1"/>
  <c r="AF114535" i="1"/>
  <c r="AF114536" i="1"/>
  <c r="AF114537" i="1"/>
  <c r="AF114538" i="1"/>
  <c r="AF114539" i="1"/>
  <c r="AF114540" i="1"/>
  <c r="AF114541" i="1"/>
  <c r="AF114542" i="1"/>
  <c r="AF114543" i="1"/>
  <c r="AF114544" i="1"/>
  <c r="AF114545" i="1"/>
  <c r="AF114546" i="1"/>
  <c r="AF114547" i="1"/>
  <c r="AF114548" i="1"/>
  <c r="AF114549" i="1"/>
  <c r="AF114550" i="1"/>
  <c r="AF114551" i="1"/>
  <c r="AF114552" i="1"/>
  <c r="AF114553" i="1"/>
  <c r="AF114554" i="1"/>
  <c r="AF114555" i="1"/>
  <c r="AF114556" i="1"/>
  <c r="AF114557" i="1"/>
  <c r="AF114558" i="1"/>
  <c r="AF114559" i="1"/>
  <c r="AF114560" i="1"/>
  <c r="AF114561" i="1"/>
  <c r="AF114562" i="1"/>
  <c r="AF114563" i="1"/>
  <c r="AF114564" i="1"/>
  <c r="AF114565" i="1"/>
  <c r="AF114566" i="1"/>
  <c r="AF114567" i="1"/>
  <c r="AF114568" i="1"/>
  <c r="AF114569" i="1"/>
  <c r="AF114570" i="1"/>
  <c r="AF114571" i="1"/>
  <c r="AF114572" i="1"/>
  <c r="AF114573" i="1"/>
  <c r="AF114574" i="1"/>
  <c r="AF114575" i="1"/>
  <c r="AF114576" i="1"/>
  <c r="AF114577" i="1"/>
  <c r="AF114578" i="1"/>
  <c r="AF114579" i="1"/>
  <c r="AF114580" i="1"/>
  <c r="AF114581" i="1"/>
  <c r="AF114582" i="1"/>
  <c r="AF114583" i="1"/>
  <c r="AF114584" i="1"/>
  <c r="AF114585" i="1"/>
  <c r="AF114586" i="1"/>
  <c r="AF114587" i="1"/>
  <c r="AF114588" i="1"/>
  <c r="AF114589" i="1"/>
  <c r="AF114590" i="1"/>
  <c r="AF114591" i="1"/>
  <c r="AF114592" i="1"/>
  <c r="AF114593" i="1"/>
  <c r="AF114594" i="1"/>
  <c r="AF114595" i="1"/>
  <c r="AF114596" i="1"/>
  <c r="AF114597" i="1"/>
  <c r="AF114598" i="1"/>
  <c r="AF114599" i="1"/>
  <c r="AF114600" i="1"/>
  <c r="AF114601" i="1"/>
  <c r="AF114602" i="1"/>
  <c r="AF114603" i="1"/>
  <c r="AF114604" i="1"/>
  <c r="AF114605" i="1"/>
  <c r="AF114606" i="1"/>
  <c r="AF114607" i="1"/>
  <c r="AF114608" i="1"/>
  <c r="AF114609" i="1"/>
  <c r="AF114610" i="1"/>
  <c r="AF114611" i="1"/>
  <c r="AF114612" i="1"/>
  <c r="AF114613" i="1"/>
  <c r="AF114614" i="1"/>
  <c r="AF114615" i="1"/>
  <c r="AF114616" i="1"/>
  <c r="AF114617" i="1"/>
  <c r="AF114618" i="1"/>
  <c r="AF114619" i="1"/>
  <c r="AF114620" i="1"/>
  <c r="AF114621" i="1"/>
  <c r="AF114622" i="1"/>
  <c r="AF114623" i="1"/>
  <c r="AF114624" i="1"/>
  <c r="AF114625" i="1"/>
  <c r="AF114626" i="1"/>
  <c r="AF114627" i="1"/>
  <c r="AF114628" i="1"/>
  <c r="AF114629" i="1"/>
  <c r="AF114630" i="1"/>
  <c r="AF114631" i="1"/>
  <c r="AF114632" i="1"/>
  <c r="AF114633" i="1"/>
  <c r="AF114634" i="1"/>
  <c r="AF114635" i="1"/>
  <c r="AF114636" i="1"/>
  <c r="AF114637" i="1"/>
  <c r="AF114638" i="1"/>
  <c r="AF114639" i="1"/>
  <c r="AF114640" i="1"/>
  <c r="AF114641" i="1"/>
  <c r="AF114642" i="1"/>
  <c r="AF114643" i="1"/>
  <c r="AF114644" i="1"/>
  <c r="AF114645" i="1"/>
  <c r="AF114646" i="1"/>
  <c r="AF114647" i="1"/>
  <c r="AF114648" i="1"/>
  <c r="AF114649" i="1"/>
  <c r="AF114650" i="1"/>
  <c r="AF114651" i="1"/>
  <c r="AF114652" i="1"/>
  <c r="AF114653" i="1"/>
  <c r="AF114654" i="1"/>
  <c r="AF114655" i="1"/>
  <c r="AF114656" i="1"/>
  <c r="AF114657" i="1"/>
  <c r="AF114658" i="1"/>
  <c r="AF114659" i="1"/>
  <c r="AF114660" i="1"/>
  <c r="AF114661" i="1"/>
  <c r="AF114662" i="1"/>
  <c r="AF114663" i="1"/>
  <c r="AF114664" i="1"/>
  <c r="AF114665" i="1"/>
  <c r="AF114666" i="1"/>
  <c r="AF114667" i="1"/>
  <c r="AF114668" i="1"/>
  <c r="AF114669" i="1"/>
  <c r="AF114670" i="1"/>
  <c r="AF114671" i="1"/>
  <c r="AF114672" i="1"/>
  <c r="AF114673" i="1"/>
  <c r="AF114674" i="1"/>
  <c r="AF114675" i="1"/>
  <c r="AF114676" i="1"/>
  <c r="AF114677" i="1"/>
  <c r="AF114678" i="1"/>
  <c r="AF114679" i="1"/>
  <c r="AF114680" i="1"/>
  <c r="AF114681" i="1"/>
  <c r="AF114682" i="1"/>
  <c r="AF114683" i="1"/>
  <c r="AF114684" i="1"/>
  <c r="AF114685" i="1"/>
  <c r="AF114686" i="1"/>
  <c r="AF114687" i="1"/>
  <c r="AF114688" i="1"/>
  <c r="AF114689" i="1"/>
  <c r="AF114690" i="1"/>
  <c r="AF114691" i="1"/>
  <c r="AF114692" i="1"/>
  <c r="AF114693" i="1"/>
  <c r="AF114694" i="1"/>
  <c r="AF114695" i="1"/>
  <c r="AF114696" i="1"/>
  <c r="AF114697" i="1"/>
  <c r="AF114698" i="1"/>
  <c r="AF114699" i="1"/>
  <c r="AF114700" i="1"/>
  <c r="AF114701" i="1"/>
  <c r="AF114702" i="1"/>
  <c r="AF114703" i="1"/>
  <c r="AF114704" i="1"/>
  <c r="AF114705" i="1"/>
  <c r="AF114706" i="1"/>
  <c r="AF114707" i="1"/>
  <c r="AF114708" i="1"/>
  <c r="AF114709" i="1"/>
  <c r="AF114710" i="1"/>
  <c r="AF114711" i="1"/>
  <c r="AF114712" i="1"/>
  <c r="AF114713" i="1"/>
  <c r="AF114714" i="1"/>
  <c r="AF114715" i="1"/>
  <c r="AF114716" i="1"/>
  <c r="AF114717" i="1"/>
  <c r="AF114718" i="1"/>
  <c r="AF114719" i="1"/>
  <c r="AF114720" i="1"/>
  <c r="AF114721" i="1"/>
  <c r="AF114722" i="1"/>
  <c r="AF114723" i="1"/>
  <c r="AF114724" i="1"/>
  <c r="AF114725" i="1"/>
  <c r="AF114726" i="1"/>
  <c r="AF114727" i="1"/>
  <c r="AF114728" i="1"/>
  <c r="AF114729" i="1"/>
  <c r="AF114730" i="1"/>
  <c r="AF114731" i="1"/>
  <c r="AF114732" i="1"/>
  <c r="AF114733" i="1"/>
  <c r="AF114734" i="1"/>
  <c r="AF114735" i="1"/>
  <c r="AF114736" i="1"/>
  <c r="AF114737" i="1"/>
  <c r="AF114738" i="1"/>
  <c r="AF114739" i="1"/>
  <c r="AF114740" i="1"/>
  <c r="AF114741" i="1"/>
  <c r="AF114742" i="1"/>
  <c r="AF114743" i="1"/>
  <c r="AF114744" i="1"/>
  <c r="AF114745" i="1"/>
  <c r="AF114746" i="1"/>
  <c r="AF114747" i="1"/>
  <c r="AF114748" i="1"/>
  <c r="AF114749" i="1"/>
  <c r="AF114750" i="1"/>
  <c r="AF114751" i="1"/>
  <c r="AF114752" i="1"/>
  <c r="AF114753" i="1"/>
  <c r="AF114754" i="1"/>
  <c r="AF114755" i="1"/>
  <c r="AF114756" i="1"/>
  <c r="AF114757" i="1"/>
  <c r="AF114758" i="1"/>
  <c r="AF114759" i="1"/>
  <c r="AF114760" i="1"/>
  <c r="AF114761" i="1"/>
  <c r="AF114762" i="1"/>
  <c r="AF114763" i="1"/>
  <c r="AF114764" i="1"/>
  <c r="AF114765" i="1"/>
  <c r="AF114766" i="1"/>
  <c r="AF114767" i="1"/>
  <c r="AF114768" i="1"/>
  <c r="AF114769" i="1"/>
  <c r="AF114770" i="1"/>
  <c r="AF114771" i="1"/>
  <c r="AF114772" i="1"/>
  <c r="AF114773" i="1"/>
  <c r="AF114774" i="1"/>
  <c r="AF114775" i="1"/>
  <c r="AF114776" i="1"/>
  <c r="AF114777" i="1"/>
  <c r="AF114778" i="1"/>
  <c r="AF114779" i="1"/>
  <c r="AF114780" i="1"/>
  <c r="AF114781" i="1"/>
  <c r="AF114782" i="1"/>
  <c r="AF114783" i="1"/>
  <c r="AF114784" i="1"/>
  <c r="AF114785" i="1"/>
  <c r="AF114786" i="1"/>
  <c r="AF114787" i="1"/>
  <c r="AF114788" i="1"/>
  <c r="AF114789" i="1"/>
  <c r="AF114790" i="1"/>
  <c r="AF114791" i="1"/>
  <c r="AF114792" i="1"/>
  <c r="AF114793" i="1"/>
  <c r="AF114794" i="1"/>
  <c r="AF114795" i="1"/>
  <c r="AF114796" i="1"/>
  <c r="AF114797" i="1"/>
  <c r="AF114798" i="1"/>
  <c r="AF114799" i="1"/>
  <c r="AF114800" i="1"/>
  <c r="AF114801" i="1"/>
  <c r="AF114802" i="1"/>
  <c r="AF114803" i="1"/>
  <c r="AF114804" i="1"/>
  <c r="AF114805" i="1"/>
  <c r="AF114806" i="1"/>
  <c r="AF114807" i="1"/>
  <c r="AF114808" i="1"/>
  <c r="AF114809" i="1"/>
  <c r="AF114810" i="1"/>
  <c r="AF114811" i="1"/>
  <c r="AF114812" i="1"/>
  <c r="AF114813" i="1"/>
  <c r="AF114814" i="1"/>
  <c r="AF114815" i="1"/>
  <c r="AF114816" i="1"/>
  <c r="AF114817" i="1"/>
  <c r="AF114818" i="1"/>
  <c r="AF114819" i="1"/>
  <c r="AF114820" i="1"/>
  <c r="AF114821" i="1"/>
  <c r="AF114822" i="1"/>
  <c r="AF114823" i="1"/>
  <c r="AF114824" i="1"/>
  <c r="AF114825" i="1"/>
  <c r="AF114826" i="1"/>
  <c r="AF114827" i="1"/>
  <c r="AF114828" i="1"/>
  <c r="AF114829" i="1"/>
  <c r="AF114830" i="1"/>
  <c r="AF114831" i="1"/>
  <c r="AF114832" i="1"/>
  <c r="AF114833" i="1"/>
  <c r="AF114834" i="1"/>
  <c r="AF114835" i="1"/>
  <c r="AF114836" i="1"/>
  <c r="AF114837" i="1"/>
  <c r="AF114838" i="1"/>
  <c r="AF114839" i="1"/>
  <c r="AF114840" i="1"/>
  <c r="AF114841" i="1"/>
  <c r="AF114842" i="1"/>
  <c r="AF114843" i="1"/>
  <c r="AF114844" i="1"/>
  <c r="AF114845" i="1"/>
  <c r="AF114846" i="1"/>
  <c r="AF114847" i="1"/>
  <c r="AF114848" i="1"/>
  <c r="AF114849" i="1"/>
  <c r="AF114850" i="1"/>
  <c r="AF114851" i="1"/>
  <c r="AF114852" i="1"/>
  <c r="AF114853" i="1"/>
  <c r="AF114854" i="1"/>
  <c r="AF114855" i="1"/>
  <c r="AF114856" i="1"/>
  <c r="AF114857" i="1"/>
  <c r="AF114858" i="1"/>
  <c r="AF114859" i="1"/>
  <c r="AF114860" i="1"/>
  <c r="AF114861" i="1"/>
  <c r="AF114862" i="1"/>
  <c r="AF114863" i="1"/>
  <c r="AF114864" i="1"/>
  <c r="AF114865" i="1"/>
  <c r="AF114866" i="1"/>
  <c r="AF114867" i="1"/>
  <c r="AF114868" i="1"/>
  <c r="AF114869" i="1"/>
  <c r="AF114870" i="1"/>
  <c r="AF114871" i="1"/>
  <c r="AF114872" i="1"/>
  <c r="AF114873" i="1"/>
  <c r="AF114874" i="1"/>
  <c r="AF114875" i="1"/>
  <c r="AF114876" i="1"/>
  <c r="AF114877" i="1"/>
  <c r="AF114878" i="1"/>
  <c r="AF114879" i="1"/>
  <c r="AF114880" i="1"/>
  <c r="AF114881" i="1"/>
  <c r="AF114882" i="1"/>
  <c r="AF114883" i="1"/>
  <c r="AF114884" i="1"/>
  <c r="AF114885" i="1"/>
  <c r="AF114886" i="1"/>
  <c r="AF114887" i="1"/>
  <c r="AF114888" i="1"/>
  <c r="AF114889" i="1"/>
  <c r="AF114890" i="1"/>
  <c r="AF114891" i="1"/>
  <c r="AF114892" i="1"/>
  <c r="AF114893" i="1"/>
  <c r="AF114894" i="1"/>
  <c r="AF114895" i="1"/>
  <c r="AF114896" i="1"/>
  <c r="AF114897" i="1"/>
  <c r="AF114898" i="1"/>
  <c r="AF114899" i="1"/>
  <c r="AF114900" i="1"/>
  <c r="AF114901" i="1"/>
  <c r="AF114902" i="1"/>
  <c r="AF114903" i="1"/>
  <c r="AF114904" i="1"/>
  <c r="AF114905" i="1"/>
  <c r="AF114906" i="1"/>
  <c r="AF114907" i="1"/>
  <c r="AF114908" i="1"/>
  <c r="AF114909" i="1"/>
  <c r="AF114910" i="1"/>
  <c r="AF114911" i="1"/>
  <c r="AF114912" i="1"/>
  <c r="AF114913" i="1"/>
  <c r="AF114914" i="1"/>
  <c r="AF114915" i="1"/>
  <c r="AF114916" i="1"/>
  <c r="AF114917" i="1"/>
  <c r="AF114918" i="1"/>
  <c r="AF114919" i="1"/>
  <c r="AF114920" i="1"/>
  <c r="AF114921" i="1"/>
  <c r="AF114922" i="1"/>
  <c r="AF114923" i="1"/>
  <c r="AF114924" i="1"/>
  <c r="AF114925" i="1"/>
  <c r="AF114926" i="1"/>
  <c r="AF114927" i="1"/>
  <c r="AF114928" i="1"/>
  <c r="AF114929" i="1"/>
  <c r="AF114930" i="1"/>
  <c r="AF114931" i="1"/>
  <c r="AF114932" i="1"/>
  <c r="AF114933" i="1"/>
  <c r="AF114934" i="1"/>
  <c r="AF114935" i="1"/>
  <c r="AF114936" i="1"/>
  <c r="AF114937" i="1"/>
  <c r="AF114938" i="1"/>
  <c r="AF114939" i="1"/>
  <c r="AF114940" i="1"/>
  <c r="AF114941" i="1"/>
  <c r="AF114942" i="1"/>
  <c r="AF114943" i="1"/>
  <c r="AF114944" i="1"/>
  <c r="AF114945" i="1"/>
  <c r="AF114946" i="1"/>
  <c r="AF114947" i="1"/>
  <c r="AF114948" i="1"/>
  <c r="AF114949" i="1"/>
  <c r="AF114950" i="1"/>
  <c r="AF114951" i="1"/>
  <c r="AF114952" i="1"/>
  <c r="AF114953" i="1"/>
  <c r="AF114954" i="1"/>
  <c r="AF114955" i="1"/>
  <c r="AF114956" i="1"/>
  <c r="AF114957" i="1"/>
  <c r="AF114958" i="1"/>
  <c r="AF114959" i="1"/>
  <c r="AF114960" i="1"/>
  <c r="AF114961" i="1"/>
  <c r="AF114962" i="1"/>
  <c r="AF114963" i="1"/>
  <c r="AF114964" i="1"/>
  <c r="AF114965" i="1"/>
  <c r="AF114966" i="1"/>
  <c r="AF114967" i="1"/>
  <c r="AF114968" i="1"/>
  <c r="AF114969" i="1"/>
  <c r="AF114970" i="1"/>
  <c r="AF114971" i="1"/>
  <c r="AF114972" i="1"/>
  <c r="AF114973" i="1"/>
  <c r="AF114974" i="1"/>
  <c r="AF114975" i="1"/>
  <c r="AF114976" i="1"/>
  <c r="AF114977" i="1"/>
  <c r="AF114978" i="1"/>
  <c r="AF114979" i="1"/>
  <c r="AF114980" i="1"/>
  <c r="AF114981" i="1"/>
  <c r="AF114982" i="1"/>
  <c r="AF114983" i="1"/>
  <c r="AF114984" i="1"/>
  <c r="AF114985" i="1"/>
  <c r="AF114986" i="1"/>
  <c r="AF114987" i="1"/>
  <c r="AF114988" i="1"/>
  <c r="AF114989" i="1"/>
  <c r="AF114990" i="1"/>
  <c r="AF114991" i="1"/>
  <c r="AF114992" i="1"/>
  <c r="AF114993" i="1"/>
  <c r="AF114994" i="1"/>
  <c r="AF114995" i="1"/>
  <c r="AF114996" i="1"/>
  <c r="AF114997" i="1"/>
  <c r="AF114998" i="1"/>
  <c r="AF114999" i="1"/>
  <c r="AF115000" i="1"/>
  <c r="AF115001" i="1"/>
  <c r="AF115002" i="1"/>
  <c r="AF115003" i="1"/>
  <c r="AF115004" i="1"/>
  <c r="AF115005" i="1"/>
  <c r="AF115006" i="1"/>
  <c r="AF115007" i="1"/>
  <c r="AF115008" i="1"/>
  <c r="AF115009" i="1"/>
  <c r="AF115010" i="1"/>
  <c r="AF115011" i="1"/>
  <c r="AF115012" i="1"/>
  <c r="AF115013" i="1"/>
  <c r="AF115014" i="1"/>
  <c r="AF115015" i="1"/>
  <c r="AF115016" i="1"/>
  <c r="AF115017" i="1"/>
  <c r="AF115018" i="1"/>
  <c r="AF115019" i="1"/>
  <c r="AF115020" i="1"/>
  <c r="AF115021" i="1"/>
  <c r="AF115022" i="1"/>
  <c r="AF115023" i="1"/>
  <c r="AF115024" i="1"/>
  <c r="AF115025" i="1"/>
  <c r="AF115026" i="1"/>
  <c r="AF115027" i="1"/>
  <c r="AF115028" i="1"/>
  <c r="AF115029" i="1"/>
  <c r="AF115030" i="1"/>
  <c r="AF115031" i="1"/>
  <c r="AF115032" i="1"/>
  <c r="AF115033" i="1"/>
  <c r="AF115034" i="1"/>
  <c r="AF115035" i="1"/>
  <c r="AF115036" i="1"/>
  <c r="AF115037" i="1"/>
  <c r="AF115038" i="1"/>
  <c r="AF115039" i="1"/>
  <c r="AF115040" i="1"/>
  <c r="AF115041" i="1"/>
  <c r="AF115042" i="1"/>
  <c r="AF115043" i="1"/>
  <c r="AF115044" i="1"/>
  <c r="AF115045" i="1"/>
  <c r="AF115046" i="1"/>
  <c r="AF115047" i="1"/>
  <c r="AF115048" i="1"/>
  <c r="AF115049" i="1"/>
  <c r="AF115050" i="1"/>
  <c r="AF115051" i="1"/>
  <c r="AF115052" i="1"/>
  <c r="AF115053" i="1"/>
  <c r="AF115054" i="1"/>
  <c r="AF115055" i="1"/>
  <c r="AF115056" i="1"/>
  <c r="AF115057" i="1"/>
  <c r="AF115058" i="1"/>
  <c r="AF115059" i="1"/>
  <c r="AF115060" i="1"/>
  <c r="AF115061" i="1"/>
  <c r="AF115062" i="1"/>
  <c r="AF115063" i="1"/>
  <c r="AF115064" i="1"/>
  <c r="AF115065" i="1"/>
  <c r="AF115066" i="1"/>
  <c r="AF115067" i="1"/>
  <c r="AF115068" i="1"/>
  <c r="AF115069" i="1"/>
  <c r="AF115070" i="1"/>
  <c r="AF115071" i="1"/>
  <c r="AF115072" i="1"/>
  <c r="AF115073" i="1"/>
  <c r="AF115074" i="1"/>
  <c r="AF115075" i="1"/>
  <c r="AF115076" i="1"/>
  <c r="AF115077" i="1"/>
  <c r="AF115078" i="1"/>
  <c r="AF115079" i="1"/>
  <c r="AF115080" i="1"/>
  <c r="AF115081" i="1"/>
  <c r="AF115082" i="1"/>
  <c r="AF115083" i="1"/>
  <c r="AF115084" i="1"/>
  <c r="AF115085" i="1"/>
  <c r="AF115086" i="1"/>
  <c r="AF115087" i="1"/>
  <c r="AF115088" i="1"/>
  <c r="AF115089" i="1"/>
  <c r="AF115090" i="1"/>
  <c r="AF115091" i="1"/>
  <c r="AF115092" i="1"/>
  <c r="AF115093" i="1"/>
  <c r="AF115094" i="1"/>
  <c r="AF115095" i="1"/>
  <c r="AF115096" i="1"/>
  <c r="AF115097" i="1"/>
  <c r="AF115098" i="1"/>
  <c r="AF115099" i="1"/>
  <c r="AF115100" i="1"/>
  <c r="AF115101" i="1"/>
  <c r="AF115102" i="1"/>
  <c r="AF115103" i="1"/>
  <c r="AF115104" i="1"/>
  <c r="AF115105" i="1"/>
  <c r="AF115106" i="1"/>
  <c r="AF115107" i="1"/>
  <c r="AF115108" i="1"/>
  <c r="AF115109" i="1"/>
  <c r="AF115110" i="1"/>
  <c r="AF115111" i="1"/>
  <c r="AF115112" i="1"/>
  <c r="AF115113" i="1"/>
  <c r="AF115114" i="1"/>
  <c r="AF115115" i="1"/>
  <c r="AF115116" i="1"/>
  <c r="AF115117" i="1"/>
  <c r="AF115118" i="1"/>
  <c r="AF115119" i="1"/>
  <c r="AF115120" i="1"/>
  <c r="AF115121" i="1"/>
  <c r="AF115122" i="1"/>
  <c r="AF115123" i="1"/>
  <c r="AF115124" i="1"/>
  <c r="AF115125" i="1"/>
  <c r="AF115126" i="1"/>
  <c r="AF115127" i="1"/>
  <c r="AF115128" i="1"/>
  <c r="AF115129" i="1"/>
  <c r="AF115130" i="1"/>
  <c r="AF115131" i="1"/>
  <c r="AF115132" i="1"/>
  <c r="AF115133" i="1"/>
  <c r="AF115134" i="1"/>
  <c r="AF115135" i="1"/>
  <c r="AF115136" i="1"/>
  <c r="AF115137" i="1"/>
  <c r="AF115138" i="1"/>
  <c r="AF115139" i="1"/>
  <c r="AF115140" i="1"/>
  <c r="AF115141" i="1"/>
  <c r="AF115142" i="1"/>
  <c r="AF115143" i="1"/>
  <c r="AF115144" i="1"/>
  <c r="AF115145" i="1"/>
  <c r="AF115146" i="1"/>
  <c r="AF115147" i="1"/>
  <c r="AF115148" i="1"/>
  <c r="AF115149" i="1"/>
  <c r="AF115150" i="1"/>
  <c r="AF115151" i="1"/>
  <c r="AF115152" i="1"/>
  <c r="AF115153" i="1"/>
  <c r="AF115154" i="1"/>
  <c r="AF115155" i="1"/>
  <c r="AF115156" i="1"/>
  <c r="AF115157" i="1"/>
  <c r="AF115158" i="1"/>
  <c r="AF115159" i="1"/>
  <c r="AF115160" i="1"/>
  <c r="AF115161" i="1"/>
  <c r="AF115162" i="1"/>
  <c r="AF115163" i="1"/>
  <c r="AF115164" i="1"/>
  <c r="AF115165" i="1"/>
  <c r="AF115166" i="1"/>
  <c r="AF115167" i="1"/>
  <c r="AF115168" i="1"/>
  <c r="AF115169" i="1"/>
  <c r="AF115170" i="1"/>
  <c r="AF115171" i="1"/>
  <c r="AF115172" i="1"/>
  <c r="AF115173" i="1"/>
  <c r="AF115174" i="1"/>
  <c r="AF115175" i="1"/>
  <c r="AF115176" i="1"/>
  <c r="AF115177" i="1"/>
  <c r="AF115178" i="1"/>
  <c r="AF115179" i="1"/>
  <c r="AF115180" i="1"/>
  <c r="AF115181" i="1"/>
  <c r="AF115182" i="1"/>
  <c r="AF115183" i="1"/>
  <c r="AF115184" i="1"/>
  <c r="AF115185" i="1"/>
  <c r="AF115186" i="1"/>
  <c r="AF115187" i="1"/>
  <c r="AF115188" i="1"/>
  <c r="AF115189" i="1"/>
  <c r="AF115190" i="1"/>
  <c r="AF115191" i="1"/>
  <c r="AF115192" i="1"/>
  <c r="AF115193" i="1"/>
  <c r="AF115194" i="1"/>
  <c r="AF115195" i="1"/>
  <c r="AF115196" i="1"/>
  <c r="AF115197" i="1"/>
  <c r="AF115198" i="1"/>
  <c r="AF115199" i="1"/>
  <c r="AF115200" i="1"/>
  <c r="AF115201" i="1"/>
  <c r="AF115202" i="1"/>
  <c r="AF115203" i="1"/>
  <c r="AF115204" i="1"/>
  <c r="AF115205" i="1"/>
  <c r="AF115206" i="1"/>
  <c r="AF115207" i="1"/>
  <c r="AF115208" i="1"/>
  <c r="AF115209" i="1"/>
  <c r="AF115210" i="1"/>
  <c r="AF115211" i="1"/>
  <c r="AF115212" i="1"/>
  <c r="AF115213" i="1"/>
  <c r="AF115214" i="1"/>
  <c r="AF115215" i="1"/>
  <c r="AF115216" i="1"/>
  <c r="AF115217" i="1"/>
  <c r="AF115218" i="1"/>
  <c r="AF115219" i="1"/>
  <c r="AF115220" i="1"/>
  <c r="AF115221" i="1"/>
  <c r="AF115222" i="1"/>
  <c r="AF115223" i="1"/>
  <c r="AF115224" i="1"/>
  <c r="AF115225" i="1"/>
  <c r="AF115226" i="1"/>
  <c r="AF115227" i="1"/>
  <c r="AF115228" i="1"/>
  <c r="AF115229" i="1"/>
  <c r="AF115230" i="1"/>
  <c r="AF115231" i="1"/>
  <c r="AF115232" i="1"/>
  <c r="AF115233" i="1"/>
  <c r="AF115234" i="1"/>
  <c r="AF115235" i="1"/>
  <c r="AF115236" i="1"/>
  <c r="AF115237" i="1"/>
  <c r="AF115238" i="1"/>
  <c r="AF115239" i="1"/>
  <c r="AF115240" i="1"/>
  <c r="AF115241" i="1"/>
  <c r="AF115242" i="1"/>
  <c r="AF115243" i="1"/>
  <c r="AF115244" i="1"/>
  <c r="AF115245" i="1"/>
  <c r="AF115246" i="1"/>
  <c r="AF115247" i="1"/>
  <c r="AF115248" i="1"/>
  <c r="AF115249" i="1"/>
  <c r="AF115250" i="1"/>
  <c r="AF115251" i="1"/>
  <c r="AF115252" i="1"/>
  <c r="AF115253" i="1"/>
  <c r="AF115254" i="1"/>
  <c r="AF115255" i="1"/>
  <c r="AF115256" i="1"/>
  <c r="AF115257" i="1"/>
  <c r="AF115258" i="1"/>
  <c r="AF115259" i="1"/>
  <c r="AF115260" i="1"/>
  <c r="AF115261" i="1"/>
  <c r="AF115262" i="1"/>
  <c r="AF115263" i="1"/>
  <c r="AF115264" i="1"/>
  <c r="AF115265" i="1"/>
  <c r="AF115266" i="1"/>
  <c r="AF115267" i="1"/>
  <c r="AF115268" i="1"/>
  <c r="AF115269" i="1"/>
  <c r="AF115270" i="1"/>
  <c r="AF115271" i="1"/>
  <c r="AF115272" i="1"/>
  <c r="AF115273" i="1"/>
  <c r="AF115274" i="1"/>
  <c r="AF115275" i="1"/>
  <c r="AF115276" i="1"/>
  <c r="AF115277" i="1"/>
  <c r="AF115278" i="1"/>
  <c r="AF115279" i="1"/>
  <c r="AF115280" i="1"/>
  <c r="AF115281" i="1"/>
  <c r="AF115282" i="1"/>
  <c r="AF115283" i="1"/>
  <c r="AF115284" i="1"/>
  <c r="AF115285" i="1"/>
  <c r="AF115286" i="1"/>
  <c r="AF115287" i="1"/>
  <c r="AF115288" i="1"/>
  <c r="AF115289" i="1"/>
  <c r="AF115290" i="1"/>
  <c r="AF115291" i="1"/>
  <c r="AF115292" i="1"/>
  <c r="AF115293" i="1"/>
  <c r="AF115294" i="1"/>
  <c r="AF115295" i="1"/>
  <c r="AF115296" i="1"/>
  <c r="AF115297" i="1"/>
  <c r="AF115298" i="1"/>
  <c r="AF115299" i="1"/>
  <c r="AF115300" i="1"/>
  <c r="AF115301" i="1"/>
  <c r="AF115302" i="1"/>
  <c r="AF115303" i="1"/>
  <c r="AF115304" i="1"/>
  <c r="AF115305" i="1"/>
  <c r="AF115306" i="1"/>
  <c r="AF115307" i="1"/>
  <c r="AF115308" i="1"/>
  <c r="AF115309" i="1"/>
  <c r="AF115310" i="1"/>
  <c r="AF115311" i="1"/>
  <c r="AF115312" i="1"/>
  <c r="AF115313" i="1"/>
  <c r="AF115314" i="1"/>
  <c r="AF115315" i="1"/>
  <c r="AF115316" i="1"/>
  <c r="AF115317" i="1"/>
  <c r="AF115318" i="1"/>
  <c r="AF115319" i="1"/>
  <c r="AF115320" i="1"/>
  <c r="AF115321" i="1"/>
  <c r="AF115322" i="1"/>
  <c r="AF115323" i="1"/>
  <c r="AF115324" i="1"/>
  <c r="AF115325" i="1"/>
  <c r="AF115326" i="1"/>
  <c r="AF115327" i="1"/>
  <c r="AF115328" i="1"/>
  <c r="AF115329" i="1"/>
  <c r="AF115330" i="1"/>
  <c r="AF115331" i="1"/>
  <c r="AF115332" i="1"/>
  <c r="AF115333" i="1"/>
  <c r="AF115334" i="1"/>
  <c r="AF115335" i="1"/>
  <c r="AF115336" i="1"/>
  <c r="AF115337" i="1"/>
  <c r="AF115338" i="1"/>
  <c r="AF115339" i="1"/>
  <c r="AF115340" i="1"/>
  <c r="AF115341" i="1"/>
  <c r="AF115342" i="1"/>
  <c r="AF115343" i="1"/>
  <c r="AF115344" i="1"/>
  <c r="AF115345" i="1"/>
  <c r="AF115346" i="1"/>
  <c r="AF115347" i="1"/>
  <c r="AF115348" i="1"/>
  <c r="AF115349" i="1"/>
  <c r="AF115350" i="1"/>
  <c r="AF115351" i="1"/>
  <c r="AF115352" i="1"/>
  <c r="AF115353" i="1"/>
  <c r="AF115354" i="1"/>
  <c r="AF115355" i="1"/>
  <c r="AF115356" i="1"/>
  <c r="AF115357" i="1"/>
  <c r="AF115358" i="1"/>
  <c r="AF115359" i="1"/>
  <c r="AF115360" i="1"/>
  <c r="AF115361" i="1"/>
  <c r="AF115362" i="1"/>
  <c r="AF115363" i="1"/>
  <c r="AF115364" i="1"/>
  <c r="AF115365" i="1"/>
  <c r="AF115366" i="1"/>
  <c r="AF115367" i="1"/>
  <c r="AF115368" i="1"/>
  <c r="AF115369" i="1"/>
  <c r="AF115370" i="1"/>
  <c r="AF115371" i="1"/>
  <c r="AF115372" i="1"/>
  <c r="AF115373" i="1"/>
  <c r="AF115374" i="1"/>
  <c r="AF115375" i="1"/>
  <c r="AF115376" i="1"/>
  <c r="AF115377" i="1"/>
  <c r="AF115378" i="1"/>
  <c r="AF115379" i="1"/>
  <c r="AF115380" i="1"/>
  <c r="AF115381" i="1"/>
  <c r="AF115382" i="1"/>
  <c r="AF115383" i="1"/>
  <c r="AF115384" i="1"/>
  <c r="AF115385" i="1"/>
  <c r="AF115386" i="1"/>
  <c r="AF115387" i="1"/>
  <c r="AF115388" i="1"/>
  <c r="AF115389" i="1"/>
  <c r="AF115390" i="1"/>
  <c r="AF115391" i="1"/>
  <c r="AF115392" i="1"/>
  <c r="AF115393" i="1"/>
  <c r="AF115394" i="1"/>
  <c r="AF115395" i="1"/>
  <c r="AF115396" i="1"/>
  <c r="AF115397" i="1"/>
  <c r="AF115398" i="1"/>
  <c r="AF115399" i="1"/>
  <c r="AF115400" i="1"/>
  <c r="AF115401" i="1"/>
  <c r="AF115402" i="1"/>
  <c r="AF115403" i="1"/>
  <c r="AF115404" i="1"/>
  <c r="AF115405" i="1"/>
  <c r="AF115406" i="1"/>
  <c r="AF115407" i="1"/>
  <c r="AF115408" i="1"/>
  <c r="AF115409" i="1"/>
  <c r="AF115410" i="1"/>
  <c r="AF115411" i="1"/>
  <c r="AF115412" i="1"/>
  <c r="AF115413" i="1"/>
  <c r="AF115414" i="1"/>
  <c r="AF115415" i="1"/>
  <c r="AF115416" i="1"/>
  <c r="AF115417" i="1"/>
  <c r="AF115418" i="1"/>
  <c r="AF115419" i="1"/>
  <c r="AF115420" i="1"/>
  <c r="AF115421" i="1"/>
  <c r="AF115422" i="1"/>
  <c r="AF115423" i="1"/>
  <c r="AF115424" i="1"/>
  <c r="AF115425" i="1"/>
  <c r="AF115426" i="1"/>
  <c r="AF115427" i="1"/>
  <c r="AF115428" i="1"/>
  <c r="AF115429" i="1"/>
  <c r="AF115430" i="1"/>
  <c r="AF115431" i="1"/>
  <c r="AF115432" i="1"/>
  <c r="AF115433" i="1"/>
  <c r="AF115434" i="1"/>
  <c r="AF115435" i="1"/>
  <c r="AF115436" i="1"/>
  <c r="AF115437" i="1"/>
  <c r="AF115438" i="1"/>
  <c r="AF115439" i="1"/>
  <c r="AF115440" i="1"/>
  <c r="AF115441" i="1"/>
  <c r="AF115442" i="1"/>
  <c r="AF115443" i="1"/>
  <c r="AF115444" i="1"/>
  <c r="AF115445" i="1"/>
  <c r="AF115446" i="1"/>
  <c r="AF115447" i="1"/>
  <c r="AF115448" i="1"/>
  <c r="AF115449" i="1"/>
  <c r="AF115450" i="1"/>
  <c r="AF115451" i="1"/>
  <c r="AF115452" i="1"/>
  <c r="AF115453" i="1"/>
  <c r="AF115454" i="1"/>
  <c r="AF115455" i="1"/>
  <c r="AF115456" i="1"/>
  <c r="AF115457" i="1"/>
  <c r="AF115458" i="1"/>
  <c r="AF115459" i="1"/>
  <c r="AF115460" i="1"/>
  <c r="AF115461" i="1"/>
  <c r="AF115462" i="1"/>
  <c r="AF115463" i="1"/>
  <c r="AF115464" i="1"/>
  <c r="AF115465" i="1"/>
  <c r="AF115466" i="1"/>
  <c r="AF115467" i="1"/>
  <c r="AF115468" i="1"/>
  <c r="AF115469" i="1"/>
  <c r="AF115470" i="1"/>
  <c r="AF115471" i="1"/>
  <c r="AF115472" i="1"/>
  <c r="AF115473" i="1"/>
  <c r="AF115474" i="1"/>
  <c r="AF115475" i="1"/>
  <c r="AF115476" i="1"/>
  <c r="AF115477" i="1"/>
  <c r="AF115478" i="1"/>
  <c r="AF115479" i="1"/>
  <c r="AF115480" i="1"/>
  <c r="AF115481" i="1"/>
  <c r="AF115482" i="1"/>
  <c r="AF115483" i="1"/>
  <c r="AF115484" i="1"/>
  <c r="AF115485" i="1"/>
  <c r="AF115486" i="1"/>
  <c r="AF115487" i="1"/>
  <c r="AF115488" i="1"/>
  <c r="AF115489" i="1"/>
  <c r="AF115490" i="1"/>
  <c r="AF115491" i="1"/>
  <c r="AF115492" i="1"/>
  <c r="AF115493" i="1"/>
  <c r="AF115494" i="1"/>
  <c r="AF115495" i="1"/>
  <c r="AF115496" i="1"/>
  <c r="AF115497" i="1"/>
  <c r="AF115498" i="1"/>
  <c r="AF115499" i="1"/>
  <c r="AF115500" i="1"/>
  <c r="AF115501" i="1"/>
  <c r="AF115502" i="1"/>
  <c r="AF115503" i="1"/>
  <c r="AF115504" i="1"/>
  <c r="AF115505" i="1"/>
  <c r="AF115506" i="1"/>
  <c r="AF115507" i="1"/>
  <c r="AF115508" i="1"/>
  <c r="AF115509" i="1"/>
  <c r="AF115510" i="1"/>
  <c r="AF115511" i="1"/>
  <c r="AF115512" i="1"/>
  <c r="AF115513" i="1"/>
  <c r="AF115514" i="1"/>
  <c r="AF115515" i="1"/>
  <c r="AF115516" i="1"/>
  <c r="AF115517" i="1"/>
  <c r="AF115518" i="1"/>
  <c r="AF115519" i="1"/>
  <c r="AF115520" i="1"/>
  <c r="AF115521" i="1"/>
  <c r="AF115522" i="1"/>
  <c r="AF115523" i="1"/>
  <c r="AF115524" i="1"/>
  <c r="AF115525" i="1"/>
  <c r="AF115526" i="1"/>
  <c r="AF115527" i="1"/>
  <c r="AF115528" i="1"/>
  <c r="AF115529" i="1"/>
  <c r="AF115530" i="1"/>
  <c r="AF115531" i="1"/>
  <c r="AF115532" i="1"/>
  <c r="AF115533" i="1"/>
  <c r="AF115534" i="1"/>
  <c r="AF115535" i="1"/>
  <c r="AF115536" i="1"/>
  <c r="AF115537" i="1"/>
  <c r="AF115538" i="1"/>
  <c r="AF115539" i="1"/>
  <c r="AF115540" i="1"/>
  <c r="AF115541" i="1"/>
  <c r="AF115542" i="1"/>
  <c r="AF115543" i="1"/>
  <c r="AF115544" i="1"/>
  <c r="AF115545" i="1"/>
  <c r="AF115546" i="1"/>
  <c r="AF115547" i="1"/>
  <c r="AF115548" i="1"/>
  <c r="AF115549" i="1"/>
  <c r="AF115550" i="1"/>
  <c r="AF115551" i="1"/>
  <c r="AF115552" i="1"/>
  <c r="AF115553" i="1"/>
  <c r="AF115554" i="1"/>
  <c r="AF115555" i="1"/>
  <c r="AF115556" i="1"/>
  <c r="AF115557" i="1"/>
  <c r="AF115558" i="1"/>
  <c r="AF115559" i="1"/>
  <c r="AF115560" i="1"/>
  <c r="AF115561" i="1"/>
  <c r="AF115562" i="1"/>
  <c r="AF115563" i="1"/>
  <c r="AF115564" i="1"/>
  <c r="AF115565" i="1"/>
  <c r="AF115566" i="1"/>
  <c r="AF115567" i="1"/>
  <c r="AF115568" i="1"/>
  <c r="AF115569" i="1"/>
  <c r="AF115570" i="1"/>
  <c r="AF115571" i="1"/>
  <c r="AF115572" i="1"/>
  <c r="AF115573" i="1"/>
  <c r="AF115574" i="1"/>
  <c r="AF115575" i="1"/>
  <c r="AF115576" i="1"/>
  <c r="AF115577" i="1"/>
  <c r="AF115578" i="1"/>
  <c r="AF115579" i="1"/>
  <c r="AF115580" i="1"/>
  <c r="AF115581" i="1"/>
  <c r="AF115582" i="1"/>
  <c r="AF115583" i="1"/>
  <c r="AF115584" i="1"/>
  <c r="AF115585" i="1"/>
  <c r="AF115586" i="1"/>
  <c r="AF115587" i="1"/>
  <c r="AF115588" i="1"/>
  <c r="AF115589" i="1"/>
  <c r="AF115590" i="1"/>
  <c r="AF115591" i="1"/>
  <c r="AF115592" i="1"/>
  <c r="AF115593" i="1"/>
  <c r="AF115594" i="1"/>
  <c r="AF115595" i="1"/>
  <c r="AF115596" i="1"/>
  <c r="AF115597" i="1"/>
  <c r="AF115598" i="1"/>
  <c r="AF115599" i="1"/>
  <c r="AF115600" i="1"/>
  <c r="AF115601" i="1"/>
  <c r="AF115602" i="1"/>
  <c r="AF115603" i="1"/>
  <c r="AF115604" i="1"/>
  <c r="AF115605" i="1"/>
  <c r="AF115606" i="1"/>
  <c r="AF115607" i="1"/>
  <c r="AF115608" i="1"/>
  <c r="AF115609" i="1"/>
  <c r="AF115610" i="1"/>
  <c r="AF115611" i="1"/>
  <c r="AF115612" i="1"/>
  <c r="AF115613" i="1"/>
  <c r="AF115614" i="1"/>
  <c r="AF115615" i="1"/>
  <c r="AF115616" i="1"/>
  <c r="AF115617" i="1"/>
  <c r="AF115618" i="1"/>
  <c r="AF115619" i="1"/>
  <c r="AF115620" i="1"/>
  <c r="AF115621" i="1"/>
  <c r="AF115622" i="1"/>
  <c r="AF115623" i="1"/>
  <c r="AF115624" i="1"/>
  <c r="AF115625" i="1"/>
  <c r="AF115626" i="1"/>
  <c r="AF115627" i="1"/>
  <c r="AF115628" i="1"/>
  <c r="AF115629" i="1"/>
  <c r="AF115630" i="1"/>
  <c r="AF115631" i="1"/>
  <c r="AF115632" i="1"/>
  <c r="AF115633" i="1"/>
  <c r="AF115634" i="1"/>
  <c r="AF115635" i="1"/>
  <c r="AF115636" i="1"/>
  <c r="AF115637" i="1"/>
  <c r="AF115638" i="1"/>
  <c r="AF115639" i="1"/>
  <c r="AF115640" i="1"/>
  <c r="AF115641" i="1"/>
  <c r="AF115642" i="1"/>
  <c r="AF115643" i="1"/>
  <c r="AF115644" i="1"/>
  <c r="AF115645" i="1"/>
  <c r="AF115646" i="1"/>
  <c r="AF115647" i="1"/>
  <c r="AF115648" i="1"/>
  <c r="AF115649" i="1"/>
  <c r="AF115650" i="1"/>
  <c r="AF115651" i="1"/>
  <c r="AF115652" i="1"/>
  <c r="AF115653" i="1"/>
  <c r="AF115654" i="1"/>
  <c r="AF115655" i="1"/>
  <c r="AF115656" i="1"/>
  <c r="AF115657" i="1"/>
  <c r="AF115658" i="1"/>
  <c r="AF115659" i="1"/>
  <c r="AF115660" i="1"/>
  <c r="AF115661" i="1"/>
  <c r="AF115662" i="1"/>
  <c r="AF115663" i="1"/>
  <c r="AF115664" i="1"/>
  <c r="AF115665" i="1"/>
  <c r="AF115666" i="1"/>
  <c r="AF115667" i="1"/>
  <c r="AF115668" i="1"/>
  <c r="AF115669" i="1"/>
  <c r="AF115670" i="1"/>
  <c r="AF115671" i="1"/>
  <c r="AF115672" i="1"/>
  <c r="AF115673" i="1"/>
  <c r="AF115674" i="1"/>
  <c r="AF115675" i="1"/>
  <c r="AF115676" i="1"/>
  <c r="AF115677" i="1"/>
  <c r="AF115678" i="1"/>
  <c r="AF115679" i="1"/>
  <c r="AF115680" i="1"/>
  <c r="AF115681" i="1"/>
  <c r="AF115682" i="1"/>
  <c r="AF115683" i="1"/>
  <c r="AF115684" i="1"/>
  <c r="AF115685" i="1"/>
  <c r="AF115686" i="1"/>
  <c r="AF115687" i="1"/>
  <c r="AF115688" i="1"/>
  <c r="AF115689" i="1"/>
  <c r="AF115690" i="1"/>
  <c r="AF115691" i="1"/>
  <c r="AF115692" i="1"/>
  <c r="AF115693" i="1"/>
  <c r="AF115694" i="1"/>
  <c r="AF115695" i="1"/>
  <c r="AF115696" i="1"/>
  <c r="AF115697" i="1"/>
  <c r="AF115698" i="1"/>
  <c r="AF115699" i="1"/>
  <c r="AF115700" i="1"/>
  <c r="AF115701" i="1"/>
  <c r="AF115702" i="1"/>
  <c r="AF115703" i="1"/>
  <c r="AF115704" i="1"/>
  <c r="AF115705" i="1"/>
  <c r="AF115706" i="1"/>
  <c r="AF115707" i="1"/>
  <c r="AF115708" i="1"/>
  <c r="AF115709" i="1"/>
  <c r="AF115710" i="1"/>
  <c r="AF115711" i="1"/>
  <c r="AF115712" i="1"/>
  <c r="AF115713" i="1"/>
  <c r="AF115714" i="1"/>
  <c r="AF115715" i="1"/>
  <c r="AF115716" i="1"/>
  <c r="AF115717" i="1"/>
  <c r="AF115718" i="1"/>
  <c r="AF115719" i="1"/>
  <c r="AF115720" i="1"/>
  <c r="AF115721" i="1"/>
  <c r="AF115722" i="1"/>
  <c r="AF115723" i="1"/>
  <c r="AF115724" i="1"/>
  <c r="AF115725" i="1"/>
  <c r="AF115726" i="1"/>
  <c r="AF115727" i="1"/>
  <c r="AF115728" i="1"/>
  <c r="AF115729" i="1"/>
  <c r="AF115730" i="1"/>
  <c r="AF115731" i="1"/>
  <c r="AF115732" i="1"/>
  <c r="AF115733" i="1"/>
  <c r="AF115734" i="1"/>
  <c r="AF115735" i="1"/>
  <c r="AF115736" i="1"/>
  <c r="AF115737" i="1"/>
  <c r="AF115738" i="1"/>
  <c r="AF115739" i="1"/>
  <c r="AF115740" i="1"/>
  <c r="AF115741" i="1"/>
  <c r="AF115742" i="1"/>
  <c r="AF115743" i="1"/>
  <c r="AF115744" i="1"/>
  <c r="AF115745" i="1"/>
  <c r="AF115746" i="1"/>
  <c r="AF115747" i="1"/>
  <c r="AF115748" i="1"/>
  <c r="AF115749" i="1"/>
  <c r="AF115750" i="1"/>
  <c r="AF115751" i="1"/>
  <c r="AF115752" i="1"/>
  <c r="AF115753" i="1"/>
  <c r="AF115754" i="1"/>
  <c r="AF115755" i="1"/>
  <c r="AF115756" i="1"/>
  <c r="AF115757" i="1"/>
  <c r="AF115758" i="1"/>
  <c r="AF115759" i="1"/>
  <c r="AF115760" i="1"/>
  <c r="AF115761" i="1"/>
  <c r="AF115762" i="1"/>
  <c r="AF115763" i="1"/>
  <c r="AF115764" i="1"/>
  <c r="AF115765" i="1"/>
  <c r="AF115766" i="1"/>
  <c r="AF115767" i="1"/>
  <c r="AF115768" i="1"/>
  <c r="AF115769" i="1"/>
  <c r="AF115770" i="1"/>
  <c r="AF115771" i="1"/>
  <c r="AF115772" i="1"/>
  <c r="AF115773" i="1"/>
  <c r="AF115774" i="1"/>
  <c r="AF115775" i="1"/>
  <c r="AF115776" i="1"/>
  <c r="AF115777" i="1"/>
  <c r="AF115778" i="1"/>
  <c r="AF115779" i="1"/>
  <c r="AF115780" i="1"/>
  <c r="AF115781" i="1"/>
  <c r="AF115782" i="1"/>
  <c r="AF115783" i="1"/>
  <c r="AF115784" i="1"/>
  <c r="AF115785" i="1"/>
  <c r="AF115786" i="1"/>
  <c r="AF115787" i="1"/>
  <c r="AF115788" i="1"/>
  <c r="AF115789" i="1"/>
  <c r="AF115790" i="1"/>
  <c r="AF115791" i="1"/>
  <c r="AF115792" i="1"/>
  <c r="AF115793" i="1"/>
  <c r="AF115794" i="1"/>
  <c r="AF115795" i="1"/>
  <c r="AF115796" i="1"/>
  <c r="AF115797" i="1"/>
  <c r="AF115798" i="1"/>
  <c r="AF115799" i="1"/>
  <c r="AF115800" i="1"/>
  <c r="AF115801" i="1"/>
  <c r="AF115802" i="1"/>
  <c r="AF115803" i="1"/>
  <c r="AF115804" i="1"/>
  <c r="AF115805" i="1"/>
  <c r="AF115806" i="1"/>
  <c r="AF115807" i="1"/>
  <c r="AF115808" i="1"/>
  <c r="AF115809" i="1"/>
  <c r="AF115810" i="1"/>
  <c r="AF115811" i="1"/>
  <c r="AF115812" i="1"/>
  <c r="AF115813" i="1"/>
  <c r="AF115814" i="1"/>
  <c r="AF115815" i="1"/>
  <c r="AF115816" i="1"/>
  <c r="AF115817" i="1"/>
  <c r="AF115818" i="1"/>
  <c r="AF115819" i="1"/>
  <c r="AF115820" i="1"/>
  <c r="AF115821" i="1"/>
  <c r="AF115822" i="1"/>
  <c r="AF115823" i="1"/>
  <c r="AF115824" i="1"/>
  <c r="AF115825" i="1"/>
  <c r="AF115826" i="1"/>
  <c r="AF115827" i="1"/>
  <c r="AF115828" i="1"/>
  <c r="AF115829" i="1"/>
  <c r="AF115830" i="1"/>
  <c r="AF115831" i="1"/>
  <c r="AF115832" i="1"/>
  <c r="AF115833" i="1"/>
  <c r="AF115834" i="1"/>
  <c r="AF115835" i="1"/>
  <c r="AF115836" i="1"/>
  <c r="AF115837" i="1"/>
  <c r="AF115838" i="1"/>
  <c r="AF115839" i="1"/>
  <c r="AF115840" i="1"/>
  <c r="AF115841" i="1"/>
  <c r="AF115842" i="1"/>
  <c r="AF115843" i="1"/>
  <c r="AF115844" i="1"/>
  <c r="AF115845" i="1"/>
  <c r="AF115846" i="1"/>
  <c r="AF115847" i="1"/>
  <c r="AF115848" i="1"/>
  <c r="AF115849" i="1"/>
  <c r="AF115850" i="1"/>
  <c r="AF115851" i="1"/>
  <c r="AF115852" i="1"/>
  <c r="AF115853" i="1"/>
  <c r="AF115854" i="1"/>
  <c r="AF115855" i="1"/>
  <c r="AF115856" i="1"/>
  <c r="AF115857" i="1"/>
  <c r="AF115858" i="1"/>
  <c r="AF115859" i="1"/>
  <c r="AF115860" i="1"/>
  <c r="AF115861" i="1"/>
  <c r="AF115862" i="1"/>
  <c r="AF115863" i="1"/>
  <c r="AF115864" i="1"/>
  <c r="AF115865" i="1"/>
  <c r="AF115866" i="1"/>
  <c r="AF115867" i="1"/>
  <c r="AF115868" i="1"/>
  <c r="AF115869" i="1"/>
  <c r="AF115870" i="1"/>
  <c r="AF115871" i="1"/>
  <c r="AF115872" i="1"/>
  <c r="AF115873" i="1"/>
  <c r="AF115874" i="1"/>
  <c r="AF115875" i="1"/>
  <c r="AF115876" i="1"/>
  <c r="AF115877" i="1"/>
  <c r="AF115878" i="1"/>
  <c r="AF115879" i="1"/>
  <c r="AF115880" i="1"/>
  <c r="AF115881" i="1"/>
  <c r="AF115882" i="1"/>
  <c r="AF115883" i="1"/>
  <c r="AF115884" i="1"/>
  <c r="AF115885" i="1"/>
  <c r="AF115886" i="1"/>
  <c r="AF115887" i="1"/>
  <c r="AF115888" i="1"/>
  <c r="AF115889" i="1"/>
  <c r="AF115890" i="1"/>
  <c r="AF115891" i="1"/>
  <c r="AF115892" i="1"/>
  <c r="AF115893" i="1"/>
  <c r="AF115894" i="1"/>
  <c r="AF115895" i="1"/>
  <c r="AF115896" i="1"/>
  <c r="AF115897" i="1"/>
  <c r="AF115898" i="1"/>
  <c r="AF115899" i="1"/>
  <c r="AF115900" i="1"/>
  <c r="AF115901" i="1"/>
  <c r="AF115902" i="1"/>
  <c r="AF115903" i="1"/>
  <c r="AF115904" i="1"/>
  <c r="AF115905" i="1"/>
  <c r="AF115906" i="1"/>
  <c r="AF115907" i="1"/>
  <c r="AF115908" i="1"/>
  <c r="AF115909" i="1"/>
  <c r="AF115910" i="1"/>
  <c r="AF115911" i="1"/>
  <c r="AF115912" i="1"/>
  <c r="AF115913" i="1"/>
  <c r="AF115914" i="1"/>
  <c r="AF115915" i="1"/>
  <c r="AF115916" i="1"/>
  <c r="AF115917" i="1"/>
  <c r="AF115918" i="1"/>
  <c r="AF115919" i="1"/>
  <c r="AF115920" i="1"/>
  <c r="AF115921" i="1"/>
  <c r="AF115922" i="1"/>
  <c r="AF115923" i="1"/>
  <c r="AF115924" i="1"/>
  <c r="AF115925" i="1"/>
  <c r="AF115926" i="1"/>
  <c r="AF115927" i="1"/>
  <c r="AF115928" i="1"/>
  <c r="AF115929" i="1"/>
  <c r="AF115930" i="1"/>
  <c r="AF115931" i="1"/>
  <c r="AF115932" i="1"/>
  <c r="AF115933" i="1"/>
  <c r="AF115934" i="1"/>
  <c r="AF115935" i="1"/>
  <c r="AF115936" i="1"/>
  <c r="AF115937" i="1"/>
  <c r="AF115938" i="1"/>
  <c r="AF115939" i="1"/>
  <c r="AF115940" i="1"/>
  <c r="AF115941" i="1"/>
  <c r="AF115942" i="1"/>
  <c r="AF115943" i="1"/>
  <c r="AF115944" i="1"/>
  <c r="AF115945" i="1"/>
  <c r="AF115946" i="1"/>
  <c r="AF115947" i="1"/>
  <c r="AF115948" i="1"/>
  <c r="AF115949" i="1"/>
  <c r="AF115950" i="1"/>
  <c r="AF115951" i="1"/>
  <c r="AF115952" i="1"/>
  <c r="AF115953" i="1"/>
  <c r="AF115954" i="1"/>
  <c r="AF115955" i="1"/>
  <c r="AF115956" i="1"/>
  <c r="AF115957" i="1"/>
  <c r="AF115958" i="1"/>
  <c r="AF115959" i="1"/>
  <c r="AF115960" i="1"/>
  <c r="AF115961" i="1"/>
  <c r="AF115962" i="1"/>
  <c r="AF115963" i="1"/>
  <c r="AF115964" i="1"/>
  <c r="AF115965" i="1"/>
  <c r="AF115966" i="1"/>
  <c r="AF115967" i="1"/>
  <c r="AF115968" i="1"/>
  <c r="AF115969" i="1"/>
  <c r="AF115970" i="1"/>
  <c r="AF115971" i="1"/>
  <c r="AF115972" i="1"/>
  <c r="AF115973" i="1"/>
  <c r="AF115974" i="1"/>
  <c r="AF115975" i="1"/>
  <c r="AF115976" i="1"/>
  <c r="AF115977" i="1"/>
  <c r="AF115978" i="1"/>
  <c r="AF115979" i="1"/>
  <c r="AF115980" i="1"/>
  <c r="AF115981" i="1"/>
  <c r="AF115982" i="1"/>
  <c r="AF115983" i="1"/>
  <c r="AF115984" i="1"/>
  <c r="AF115985" i="1"/>
  <c r="AF115986" i="1"/>
  <c r="AF115987" i="1"/>
  <c r="AF115988" i="1"/>
  <c r="AF115989" i="1"/>
  <c r="AF115990" i="1"/>
  <c r="AF115991" i="1"/>
  <c r="AF115992" i="1"/>
  <c r="AF115993" i="1"/>
  <c r="AF115994" i="1"/>
  <c r="AF115995" i="1"/>
  <c r="AF115996" i="1"/>
  <c r="AF115997" i="1"/>
  <c r="AF115998" i="1"/>
  <c r="AF115999" i="1"/>
  <c r="AF116000" i="1"/>
  <c r="AF116001" i="1"/>
  <c r="AF116002" i="1"/>
  <c r="AF116003" i="1"/>
  <c r="AF116004" i="1"/>
  <c r="AF116005" i="1"/>
  <c r="AF116006" i="1"/>
  <c r="AF116007" i="1"/>
  <c r="AF116008" i="1"/>
  <c r="AF116009" i="1"/>
  <c r="AF116010" i="1"/>
  <c r="AF116011" i="1"/>
  <c r="AF116012" i="1"/>
  <c r="AF116013" i="1"/>
  <c r="AF116014" i="1"/>
  <c r="AF116015" i="1"/>
  <c r="AF116016" i="1"/>
  <c r="AF116017" i="1"/>
  <c r="AF116018" i="1"/>
  <c r="AF116019" i="1"/>
  <c r="AF116020" i="1"/>
  <c r="AF116021" i="1"/>
  <c r="AF116022" i="1"/>
  <c r="AF116023" i="1"/>
  <c r="AF116024" i="1"/>
  <c r="AF116025" i="1"/>
  <c r="AF116026" i="1"/>
  <c r="AF116027" i="1"/>
  <c r="AF116028" i="1"/>
  <c r="AF116029" i="1"/>
  <c r="AF116030" i="1"/>
  <c r="AF116031" i="1"/>
  <c r="AF116032" i="1"/>
  <c r="AF116033" i="1"/>
  <c r="AF116034" i="1"/>
  <c r="AF116035" i="1"/>
  <c r="AF116036" i="1"/>
  <c r="AF116037" i="1"/>
  <c r="AF116038" i="1"/>
  <c r="AF116039" i="1"/>
  <c r="AF116040" i="1"/>
  <c r="AF116041" i="1"/>
  <c r="AF116042" i="1"/>
  <c r="AF116043" i="1"/>
  <c r="AF116044" i="1"/>
  <c r="AF116045" i="1"/>
  <c r="AF116046" i="1"/>
  <c r="AF116047" i="1"/>
  <c r="AF116048" i="1"/>
  <c r="AF116049" i="1"/>
  <c r="AF116050" i="1"/>
  <c r="AF116051" i="1"/>
  <c r="AF116052" i="1"/>
  <c r="AF116053" i="1"/>
  <c r="AF116054" i="1"/>
  <c r="AF116055" i="1"/>
  <c r="AF116056" i="1"/>
  <c r="AF116057" i="1"/>
  <c r="AF116058" i="1"/>
  <c r="AF116059" i="1"/>
  <c r="AF116060" i="1"/>
  <c r="AF116061" i="1"/>
  <c r="AF116062" i="1"/>
  <c r="AF116063" i="1"/>
  <c r="AF116064" i="1"/>
  <c r="AF116065" i="1"/>
  <c r="AF116066" i="1"/>
  <c r="AF116067" i="1"/>
  <c r="AF116068" i="1"/>
  <c r="AF116069" i="1"/>
  <c r="AF116070" i="1"/>
  <c r="AF116071" i="1"/>
  <c r="AF116072" i="1"/>
  <c r="AF116073" i="1"/>
  <c r="AF116074" i="1"/>
  <c r="AF116075" i="1"/>
  <c r="AF116076" i="1"/>
  <c r="AF116077" i="1"/>
  <c r="AF116078" i="1"/>
  <c r="AF116079" i="1"/>
  <c r="AF116080" i="1"/>
  <c r="AF116081" i="1"/>
  <c r="AF116082" i="1"/>
  <c r="AF116083" i="1"/>
  <c r="AF116084" i="1"/>
  <c r="AF116085" i="1"/>
  <c r="AF116086" i="1"/>
  <c r="AF116087" i="1"/>
  <c r="AF116088" i="1"/>
  <c r="AF116089" i="1"/>
  <c r="AF116090" i="1"/>
  <c r="AF116091" i="1"/>
  <c r="AF116092" i="1"/>
  <c r="AF116093" i="1"/>
  <c r="AF116094" i="1"/>
  <c r="AF116095" i="1"/>
  <c r="AF116096" i="1"/>
  <c r="AF116097" i="1"/>
  <c r="AF116098" i="1"/>
  <c r="AF116099" i="1"/>
  <c r="AF116100" i="1"/>
  <c r="AF116101" i="1"/>
  <c r="AF116102" i="1"/>
  <c r="AF116103" i="1"/>
  <c r="AF116104" i="1"/>
  <c r="AF116105" i="1"/>
  <c r="AF116106" i="1"/>
  <c r="AF116107" i="1"/>
  <c r="AF116108" i="1"/>
  <c r="AF116109" i="1"/>
  <c r="AF116110" i="1"/>
  <c r="AF116111" i="1"/>
  <c r="AF116112" i="1"/>
  <c r="AF116113" i="1"/>
  <c r="AF116114" i="1"/>
  <c r="AF116115" i="1"/>
  <c r="AF116116" i="1"/>
  <c r="AF116117" i="1"/>
  <c r="AF116118" i="1"/>
  <c r="AF116119" i="1"/>
  <c r="AF116120" i="1"/>
  <c r="AF116121" i="1"/>
  <c r="AF116122" i="1"/>
  <c r="AF116123" i="1"/>
  <c r="AF116124" i="1"/>
  <c r="AF116125" i="1"/>
  <c r="AF116126" i="1"/>
  <c r="AF116127" i="1"/>
  <c r="AF116128" i="1"/>
  <c r="AF116129" i="1"/>
  <c r="AF116130" i="1"/>
  <c r="AF116131" i="1"/>
  <c r="AF116132" i="1"/>
  <c r="AF116133" i="1"/>
  <c r="AF116134" i="1"/>
  <c r="AF116135" i="1"/>
  <c r="AF116136" i="1"/>
  <c r="AF116137" i="1"/>
  <c r="AF116138" i="1"/>
  <c r="AF116139" i="1"/>
  <c r="AF116140" i="1"/>
  <c r="AF116141" i="1"/>
  <c r="AF116142" i="1"/>
  <c r="AF116143" i="1"/>
  <c r="AF116144" i="1"/>
  <c r="AF116145" i="1"/>
  <c r="AF116146" i="1"/>
  <c r="AF116147" i="1"/>
  <c r="AF116148" i="1"/>
  <c r="AF116149" i="1"/>
  <c r="AF116150" i="1"/>
  <c r="AF116151" i="1"/>
  <c r="AF116152" i="1"/>
  <c r="AF116153" i="1"/>
  <c r="AF116154" i="1"/>
  <c r="AF116155" i="1"/>
  <c r="AF116156" i="1"/>
  <c r="AF116157" i="1"/>
  <c r="AF116158" i="1"/>
  <c r="AF116159" i="1"/>
  <c r="AF116160" i="1"/>
  <c r="AF116161" i="1"/>
  <c r="AF116162" i="1"/>
  <c r="AF116163" i="1"/>
  <c r="AF116164" i="1"/>
  <c r="AF116165" i="1"/>
  <c r="AF116166" i="1"/>
  <c r="AF116167" i="1"/>
  <c r="AF116168" i="1"/>
  <c r="AF116169" i="1"/>
  <c r="AF116170" i="1"/>
  <c r="AF116171" i="1"/>
  <c r="AF116172" i="1"/>
  <c r="AF116173" i="1"/>
  <c r="AF116174" i="1"/>
  <c r="AF116175" i="1"/>
  <c r="AF116176" i="1"/>
  <c r="AF116177" i="1"/>
  <c r="AF116178" i="1"/>
  <c r="AF116179" i="1"/>
  <c r="AF116180" i="1"/>
  <c r="AF116181" i="1"/>
  <c r="AF116182" i="1"/>
  <c r="AF116183" i="1"/>
  <c r="AF116184" i="1"/>
  <c r="AF116185" i="1"/>
  <c r="AF116186" i="1"/>
  <c r="AF116187" i="1"/>
  <c r="AF116188" i="1"/>
  <c r="AF116189" i="1"/>
  <c r="AF116190" i="1"/>
  <c r="AF116191" i="1"/>
  <c r="AF116192" i="1"/>
  <c r="AF116193" i="1"/>
  <c r="AF116194" i="1"/>
  <c r="AF116195" i="1"/>
  <c r="AF116196" i="1"/>
  <c r="AF116197" i="1"/>
  <c r="AF116198" i="1"/>
  <c r="AF116199" i="1"/>
  <c r="AF116200" i="1"/>
  <c r="AF116201" i="1"/>
  <c r="AF116202" i="1"/>
  <c r="AF116203" i="1"/>
  <c r="AF116204" i="1"/>
  <c r="AF116205" i="1"/>
  <c r="AF116206" i="1"/>
  <c r="AF116207" i="1"/>
  <c r="AF116208" i="1"/>
  <c r="AF116209" i="1"/>
  <c r="AF116210" i="1"/>
  <c r="AF116211" i="1"/>
  <c r="AF116212" i="1"/>
  <c r="AF116213" i="1"/>
  <c r="AF116214" i="1"/>
  <c r="AF116215" i="1"/>
  <c r="AF116216" i="1"/>
  <c r="AF116217" i="1"/>
  <c r="AF116218" i="1"/>
  <c r="AF116219" i="1"/>
  <c r="AF116220" i="1"/>
  <c r="AF116221" i="1"/>
  <c r="AF116222" i="1"/>
  <c r="AF116223" i="1"/>
  <c r="AF116224" i="1"/>
  <c r="AF116225" i="1"/>
  <c r="AF116226" i="1"/>
  <c r="AF116227" i="1"/>
  <c r="AF116228" i="1"/>
  <c r="AF116229" i="1"/>
  <c r="AF116230" i="1"/>
  <c r="AF116231" i="1"/>
  <c r="AF116232" i="1"/>
  <c r="AF116233" i="1"/>
  <c r="AF116234" i="1"/>
  <c r="AF116235" i="1"/>
  <c r="AF116236" i="1"/>
  <c r="AF116237" i="1"/>
  <c r="AF116238" i="1"/>
  <c r="AF116239" i="1"/>
  <c r="AF116240" i="1"/>
  <c r="AF116241" i="1"/>
  <c r="AF116242" i="1"/>
  <c r="AF116243" i="1"/>
  <c r="AF116244" i="1"/>
  <c r="AF116245" i="1"/>
  <c r="AF116246" i="1"/>
  <c r="AF116247" i="1"/>
  <c r="AF116248" i="1"/>
  <c r="AF116249" i="1"/>
  <c r="AF116250" i="1"/>
  <c r="AF116251" i="1"/>
  <c r="AF116252" i="1"/>
  <c r="AF116253" i="1"/>
  <c r="AF116254" i="1"/>
  <c r="AF116255" i="1"/>
  <c r="AF116256" i="1"/>
  <c r="AF116257" i="1"/>
  <c r="AF116258" i="1"/>
  <c r="AF116259" i="1"/>
  <c r="AF116260" i="1"/>
  <c r="AF116261" i="1"/>
  <c r="AF116262" i="1"/>
  <c r="AF116263" i="1"/>
  <c r="AF116264" i="1"/>
  <c r="AF116265" i="1"/>
  <c r="AF116266" i="1"/>
  <c r="AF116267" i="1"/>
  <c r="AF116268" i="1"/>
  <c r="AF116269" i="1"/>
  <c r="AF116270" i="1"/>
  <c r="AF116271" i="1"/>
  <c r="AF116272" i="1"/>
  <c r="AF116273" i="1"/>
  <c r="AF116274" i="1"/>
  <c r="AF116275" i="1"/>
  <c r="AF116276" i="1"/>
  <c r="AF116277" i="1"/>
  <c r="AF116278" i="1"/>
  <c r="AF116279" i="1"/>
  <c r="AF116280" i="1"/>
  <c r="AF116281" i="1"/>
  <c r="AF116282" i="1"/>
  <c r="AF116283" i="1"/>
  <c r="AF116284" i="1"/>
  <c r="AF116285" i="1"/>
  <c r="AF116286" i="1"/>
  <c r="AF116287" i="1"/>
  <c r="AF116288" i="1"/>
  <c r="AF116289" i="1"/>
  <c r="AF116290" i="1"/>
  <c r="AF116291" i="1"/>
  <c r="AF116292" i="1"/>
  <c r="AF116293" i="1"/>
  <c r="AF116294" i="1"/>
  <c r="AF116295" i="1"/>
  <c r="AF116296" i="1"/>
  <c r="AF116297" i="1"/>
  <c r="AF116298" i="1"/>
  <c r="AF116299" i="1"/>
  <c r="AF116300" i="1"/>
  <c r="AF116301" i="1"/>
  <c r="AF116302" i="1"/>
  <c r="AF116303" i="1"/>
  <c r="AF116304" i="1"/>
  <c r="AF116305" i="1"/>
  <c r="AF116306" i="1"/>
  <c r="AF116307" i="1"/>
  <c r="AF116308" i="1"/>
  <c r="AF116309" i="1"/>
  <c r="AF116310" i="1"/>
  <c r="AF116311" i="1"/>
  <c r="AF116312" i="1"/>
  <c r="AF116313" i="1"/>
  <c r="AF116314" i="1"/>
  <c r="AF116315" i="1"/>
  <c r="AF116316" i="1"/>
  <c r="AF116317" i="1"/>
  <c r="AF116318" i="1"/>
  <c r="AF116319" i="1"/>
  <c r="AF116320" i="1"/>
  <c r="AF116321" i="1"/>
  <c r="AF116322" i="1"/>
  <c r="AF116323" i="1"/>
  <c r="AF116324" i="1"/>
  <c r="AF116325" i="1"/>
  <c r="AF116326" i="1"/>
  <c r="AF116327" i="1"/>
  <c r="AF116328" i="1"/>
  <c r="AF116329" i="1"/>
  <c r="AF116330" i="1"/>
  <c r="AF116331" i="1"/>
  <c r="AF116332" i="1"/>
  <c r="AF116333" i="1"/>
  <c r="AF116334" i="1"/>
  <c r="AF116335" i="1"/>
  <c r="AF116336" i="1"/>
  <c r="AF116337" i="1"/>
  <c r="AF116338" i="1"/>
  <c r="AF116339" i="1"/>
  <c r="AF116340" i="1"/>
  <c r="AF116341" i="1"/>
  <c r="AF116342" i="1"/>
  <c r="AF116343" i="1"/>
  <c r="AF116344" i="1"/>
  <c r="AF116345" i="1"/>
  <c r="AF116346" i="1"/>
  <c r="AF116347" i="1"/>
  <c r="AF116348" i="1"/>
  <c r="AF116349" i="1"/>
  <c r="AF116350" i="1"/>
  <c r="AF116351" i="1"/>
  <c r="AF116352" i="1"/>
  <c r="AF116353" i="1"/>
  <c r="AF116354" i="1"/>
  <c r="AF116355" i="1"/>
  <c r="AF116356" i="1"/>
  <c r="AF116357" i="1"/>
  <c r="AF116358" i="1"/>
  <c r="AF116359" i="1"/>
  <c r="AF116360" i="1"/>
  <c r="AF116361" i="1"/>
  <c r="AF116362" i="1"/>
  <c r="AF116363" i="1"/>
  <c r="AF116364" i="1"/>
  <c r="AF116365" i="1"/>
  <c r="AF116366" i="1"/>
  <c r="AF116367" i="1"/>
  <c r="AF116368" i="1"/>
  <c r="AF116369" i="1"/>
  <c r="AF116370" i="1"/>
  <c r="AF116371" i="1"/>
  <c r="AF116372" i="1"/>
  <c r="AF116373" i="1"/>
  <c r="AF116374" i="1"/>
  <c r="AF116375" i="1"/>
  <c r="AF116376" i="1"/>
  <c r="AF116377" i="1"/>
  <c r="AF116378" i="1"/>
  <c r="AF116379" i="1"/>
  <c r="AF116380" i="1"/>
  <c r="AF116381" i="1"/>
  <c r="AF116382" i="1"/>
  <c r="AF116383" i="1"/>
  <c r="AF116384" i="1"/>
  <c r="AF116385" i="1"/>
  <c r="AF116386" i="1"/>
  <c r="AF116387" i="1"/>
  <c r="AF116388" i="1"/>
  <c r="AF116389" i="1"/>
  <c r="AF116390" i="1"/>
  <c r="AF116391" i="1"/>
  <c r="AF116392" i="1"/>
  <c r="AF116393" i="1"/>
  <c r="AF116394" i="1"/>
  <c r="AF116395" i="1"/>
  <c r="AF116396" i="1"/>
  <c r="AF116397" i="1"/>
  <c r="AF116398" i="1"/>
  <c r="AF116399" i="1"/>
  <c r="AF116400" i="1"/>
  <c r="AF116401" i="1"/>
  <c r="AF116402" i="1"/>
  <c r="AF116403" i="1"/>
  <c r="AF116404" i="1"/>
  <c r="AF116405" i="1"/>
  <c r="AF116406" i="1"/>
  <c r="AF116407" i="1"/>
  <c r="AF116408" i="1"/>
  <c r="AF116409" i="1"/>
  <c r="AF116410" i="1"/>
  <c r="AF116411" i="1"/>
  <c r="AF116412" i="1"/>
  <c r="AF116413" i="1"/>
  <c r="AF116414" i="1"/>
  <c r="AF116415" i="1"/>
  <c r="AF116416" i="1"/>
  <c r="AF116417" i="1"/>
  <c r="AF116418" i="1"/>
  <c r="AF116419" i="1"/>
  <c r="AF116420" i="1"/>
  <c r="AF116421" i="1"/>
  <c r="AF116422" i="1"/>
  <c r="AF116423" i="1"/>
  <c r="AF116424" i="1"/>
  <c r="AF116425" i="1"/>
  <c r="AF116426" i="1"/>
  <c r="AF116427" i="1"/>
  <c r="AF116428" i="1"/>
  <c r="AF116429" i="1"/>
  <c r="AF116430" i="1"/>
  <c r="AF116431" i="1"/>
  <c r="AF116432" i="1"/>
  <c r="AF116433" i="1"/>
  <c r="AF116434" i="1"/>
  <c r="AF116435" i="1"/>
  <c r="AF116436" i="1"/>
  <c r="AF116437" i="1"/>
  <c r="AF116438" i="1"/>
  <c r="AF116439" i="1"/>
  <c r="AF116440" i="1"/>
  <c r="AF116441" i="1"/>
  <c r="AF116442" i="1"/>
  <c r="AF116443" i="1"/>
  <c r="AF116444" i="1"/>
  <c r="AF116445" i="1"/>
  <c r="AF116446" i="1"/>
  <c r="AF116447" i="1"/>
  <c r="AF116448" i="1"/>
  <c r="AF116449" i="1"/>
  <c r="AF116450" i="1"/>
  <c r="AF116451" i="1"/>
  <c r="AF116452" i="1"/>
  <c r="AF116453" i="1"/>
  <c r="AF116454" i="1"/>
  <c r="AF116455" i="1"/>
  <c r="AF116456" i="1"/>
  <c r="AF116457" i="1"/>
  <c r="AF116458" i="1"/>
  <c r="AF116459" i="1"/>
  <c r="AF116460" i="1"/>
  <c r="AF116461" i="1"/>
  <c r="AF116462" i="1"/>
  <c r="AF116463" i="1"/>
  <c r="AF116464" i="1"/>
  <c r="AF116465" i="1"/>
  <c r="AF116466" i="1"/>
  <c r="AF116467" i="1"/>
  <c r="AF116468" i="1"/>
  <c r="AF116469" i="1"/>
  <c r="AF116470" i="1"/>
  <c r="AF116471" i="1"/>
  <c r="AF116472" i="1"/>
  <c r="AF116473" i="1"/>
  <c r="AF116474" i="1"/>
  <c r="AF116475" i="1"/>
  <c r="AF116476" i="1"/>
  <c r="AF116477" i="1"/>
  <c r="AF116478" i="1"/>
  <c r="AF116479" i="1"/>
  <c r="AF116480" i="1"/>
  <c r="AF116481" i="1"/>
  <c r="AF116482" i="1"/>
  <c r="AF116483" i="1"/>
  <c r="AF116484" i="1"/>
  <c r="AF116485" i="1"/>
  <c r="AF116486" i="1"/>
  <c r="AF116487" i="1"/>
  <c r="AF116488" i="1"/>
  <c r="AF116489" i="1"/>
  <c r="AF116490" i="1"/>
  <c r="AF116491" i="1"/>
  <c r="AF116492" i="1"/>
  <c r="AF116493" i="1"/>
  <c r="AF116494" i="1"/>
  <c r="AF116495" i="1"/>
  <c r="AF116496" i="1"/>
  <c r="AF116497" i="1"/>
  <c r="AF116498" i="1"/>
  <c r="AF116499" i="1"/>
  <c r="AF116500" i="1"/>
  <c r="AF116501" i="1"/>
  <c r="AF116502" i="1"/>
  <c r="AF116503" i="1"/>
  <c r="AF116504" i="1"/>
  <c r="AF116505" i="1"/>
  <c r="AF116506" i="1"/>
  <c r="AF116507" i="1"/>
  <c r="AF116508" i="1"/>
  <c r="AF116509" i="1"/>
  <c r="AF116510" i="1"/>
  <c r="AF116511" i="1"/>
  <c r="AF116512" i="1"/>
  <c r="AF116513" i="1"/>
  <c r="AF116514" i="1"/>
  <c r="AF116515" i="1"/>
  <c r="AF116516" i="1"/>
  <c r="AF116517" i="1"/>
  <c r="AF116518" i="1"/>
  <c r="AF116519" i="1"/>
  <c r="AF116520" i="1"/>
  <c r="AF116521" i="1"/>
  <c r="AF116522" i="1"/>
  <c r="AF116523" i="1"/>
  <c r="AF116524" i="1"/>
  <c r="AF116525" i="1"/>
  <c r="AF116526" i="1"/>
  <c r="AF116527" i="1"/>
  <c r="AF116528" i="1"/>
  <c r="AF116529" i="1"/>
  <c r="AF116530" i="1"/>
  <c r="AF116531" i="1"/>
  <c r="AF116532" i="1"/>
  <c r="AF116533" i="1"/>
  <c r="AF116534" i="1"/>
  <c r="AF116535" i="1"/>
  <c r="AF116536" i="1"/>
  <c r="AF116537" i="1"/>
  <c r="AF116538" i="1"/>
  <c r="AF116539" i="1"/>
  <c r="AF116540" i="1"/>
  <c r="AF116541" i="1"/>
  <c r="AF116542" i="1"/>
  <c r="AF116543" i="1"/>
  <c r="AF116544" i="1"/>
  <c r="AF116545" i="1"/>
  <c r="AF116546" i="1"/>
  <c r="AF116547" i="1"/>
  <c r="AF116548" i="1"/>
  <c r="AF116549" i="1"/>
  <c r="AF116550" i="1"/>
  <c r="AF116551" i="1"/>
  <c r="AF116552" i="1"/>
  <c r="AF116553" i="1"/>
  <c r="AF116554" i="1"/>
  <c r="AF116555" i="1"/>
  <c r="AF116556" i="1"/>
  <c r="AF116557" i="1"/>
  <c r="AF116558" i="1"/>
  <c r="AF116559" i="1"/>
  <c r="AF116560" i="1"/>
  <c r="AF116561" i="1"/>
  <c r="AF116562" i="1"/>
  <c r="AF116563" i="1"/>
  <c r="AF116564" i="1"/>
  <c r="AF116565" i="1"/>
  <c r="AF116566" i="1"/>
  <c r="AF116567" i="1"/>
  <c r="AF116568" i="1"/>
  <c r="AF116569" i="1"/>
  <c r="AF116570" i="1"/>
  <c r="AF116571" i="1"/>
  <c r="AF116572" i="1"/>
  <c r="AF116573" i="1"/>
  <c r="AF116574" i="1"/>
  <c r="AF116575" i="1"/>
  <c r="AF116576" i="1"/>
  <c r="AF116577" i="1"/>
  <c r="AF116578" i="1"/>
  <c r="AF116579" i="1"/>
  <c r="AF116580" i="1"/>
  <c r="AF116581" i="1"/>
  <c r="AF116582" i="1"/>
  <c r="AF116583" i="1"/>
  <c r="AF116584" i="1"/>
  <c r="AF116585" i="1"/>
  <c r="AF116586" i="1"/>
  <c r="AF116587" i="1"/>
  <c r="AF116588" i="1"/>
  <c r="AF116589" i="1"/>
  <c r="AF116590" i="1"/>
  <c r="AF116591" i="1"/>
  <c r="AF116592" i="1"/>
  <c r="AF116593" i="1"/>
  <c r="AF116594" i="1"/>
  <c r="AF116595" i="1"/>
  <c r="AF116596" i="1"/>
  <c r="AF116597" i="1"/>
  <c r="AF116598" i="1"/>
  <c r="AF116599" i="1"/>
  <c r="AF116600" i="1"/>
  <c r="AF116601" i="1"/>
  <c r="AF116602" i="1"/>
  <c r="AF116603" i="1"/>
  <c r="AF116604" i="1"/>
  <c r="AF116605" i="1"/>
  <c r="AF116606" i="1"/>
  <c r="AF116607" i="1"/>
  <c r="AF116608" i="1"/>
  <c r="AF116609" i="1"/>
  <c r="AF116610" i="1"/>
  <c r="AF116611" i="1"/>
  <c r="AF116612" i="1"/>
  <c r="AF116613" i="1"/>
  <c r="AF116614" i="1"/>
  <c r="AF116615" i="1"/>
  <c r="AF116616" i="1"/>
  <c r="AF116617" i="1"/>
  <c r="AF116618" i="1"/>
  <c r="AF116619" i="1"/>
  <c r="AF116620" i="1"/>
  <c r="AF116621" i="1"/>
  <c r="AF116622" i="1"/>
  <c r="AF116623" i="1"/>
  <c r="AF116624" i="1"/>
  <c r="AF116625" i="1"/>
  <c r="AF116626" i="1"/>
  <c r="AF116627" i="1"/>
  <c r="AF116628" i="1"/>
  <c r="AF116629" i="1"/>
  <c r="AF116630" i="1"/>
  <c r="AF116631" i="1"/>
  <c r="AF116632" i="1"/>
  <c r="AF116633" i="1"/>
  <c r="AF116634" i="1"/>
  <c r="AF116635" i="1"/>
  <c r="AF116636" i="1"/>
  <c r="AF116637" i="1"/>
  <c r="AF116638" i="1"/>
  <c r="AF116639" i="1"/>
  <c r="AF116640" i="1"/>
  <c r="AF116641" i="1"/>
  <c r="AF116642" i="1"/>
  <c r="AF116643" i="1"/>
  <c r="AF116644" i="1"/>
  <c r="AF116645" i="1"/>
  <c r="AF116646" i="1"/>
  <c r="AF116647" i="1"/>
  <c r="AF116648" i="1"/>
  <c r="AF116649" i="1"/>
  <c r="AF116650" i="1"/>
  <c r="AF116651" i="1"/>
  <c r="AF116652" i="1"/>
  <c r="AF116653" i="1"/>
  <c r="AF116654" i="1"/>
  <c r="AF116655" i="1"/>
  <c r="AF116656" i="1"/>
  <c r="AF116657" i="1"/>
  <c r="AF116658" i="1"/>
  <c r="AF116659" i="1"/>
  <c r="AF116660" i="1"/>
  <c r="AF116661" i="1"/>
  <c r="AF116662" i="1"/>
  <c r="AF116663" i="1"/>
  <c r="AF116664" i="1"/>
  <c r="AF116665" i="1"/>
  <c r="AF116666" i="1"/>
  <c r="AF116667" i="1"/>
  <c r="AF116668" i="1"/>
  <c r="AF116669" i="1"/>
  <c r="AF116670" i="1"/>
  <c r="AF116671" i="1"/>
  <c r="AF116672" i="1"/>
  <c r="AF116673" i="1"/>
  <c r="AF116674" i="1"/>
  <c r="AF116675" i="1"/>
  <c r="AF116676" i="1"/>
  <c r="AF116677" i="1"/>
  <c r="AF116678" i="1"/>
  <c r="AF116679" i="1"/>
  <c r="AF116680" i="1"/>
  <c r="AF116681" i="1"/>
  <c r="AF116682" i="1"/>
  <c r="AF116683" i="1"/>
  <c r="AF116684" i="1"/>
  <c r="AF116685" i="1"/>
  <c r="AF116686" i="1"/>
  <c r="AF116687" i="1"/>
  <c r="AF116688" i="1"/>
  <c r="AF116689" i="1"/>
  <c r="AF116690" i="1"/>
  <c r="AF116691" i="1"/>
  <c r="AF116692" i="1"/>
  <c r="AF116693" i="1"/>
  <c r="AF116694" i="1"/>
  <c r="AF116695" i="1"/>
  <c r="AF116696" i="1"/>
  <c r="AF116697" i="1"/>
  <c r="AF116698" i="1"/>
  <c r="AF116699" i="1"/>
  <c r="AF116700" i="1"/>
  <c r="AF116701" i="1"/>
  <c r="AF116702" i="1"/>
  <c r="AF116703" i="1"/>
  <c r="AF116704" i="1"/>
  <c r="AF116705" i="1"/>
  <c r="AF116706" i="1"/>
  <c r="AF116707" i="1"/>
  <c r="AF116708" i="1"/>
  <c r="AF116709" i="1"/>
  <c r="AF116710" i="1"/>
  <c r="AF116711" i="1"/>
  <c r="AF116712" i="1"/>
  <c r="AF116713" i="1"/>
  <c r="AF116714" i="1"/>
  <c r="AF116715" i="1"/>
  <c r="AF116716" i="1"/>
  <c r="AF116717" i="1"/>
  <c r="AF116718" i="1"/>
  <c r="AF116719" i="1"/>
  <c r="AF116720" i="1"/>
  <c r="AF116721" i="1"/>
  <c r="AF116722" i="1"/>
  <c r="AF116723" i="1"/>
  <c r="AF116724" i="1"/>
  <c r="AF116725" i="1"/>
  <c r="AF116726" i="1"/>
  <c r="AF116727" i="1"/>
  <c r="AF116728" i="1"/>
  <c r="AF116729" i="1"/>
  <c r="AF116730" i="1"/>
  <c r="AF116731" i="1"/>
  <c r="AF116732" i="1"/>
  <c r="AF116733" i="1"/>
  <c r="AF116734" i="1"/>
  <c r="AF116735" i="1"/>
  <c r="AF116736" i="1"/>
  <c r="AF116737" i="1"/>
  <c r="AF116738" i="1"/>
  <c r="AF116739" i="1"/>
  <c r="AF116740" i="1"/>
  <c r="AF116741" i="1"/>
  <c r="AF116742" i="1"/>
  <c r="AF116743" i="1"/>
  <c r="AF116744" i="1"/>
  <c r="AF116745" i="1"/>
  <c r="AF116746" i="1"/>
  <c r="AF116747" i="1"/>
  <c r="AF116748" i="1"/>
  <c r="AF116749" i="1"/>
  <c r="AF116750" i="1"/>
  <c r="AF116751" i="1"/>
  <c r="AF116752" i="1"/>
  <c r="AF116753" i="1"/>
  <c r="AF116754" i="1"/>
  <c r="AF116755" i="1"/>
  <c r="AF116756" i="1"/>
  <c r="AF116757" i="1"/>
  <c r="AF116758" i="1"/>
  <c r="AF116759" i="1"/>
  <c r="AF116760" i="1"/>
  <c r="AF116761" i="1"/>
  <c r="AF116762" i="1"/>
  <c r="AF116763" i="1"/>
  <c r="AF116764" i="1"/>
  <c r="AF116765" i="1"/>
  <c r="AF116766" i="1"/>
  <c r="AF116767" i="1"/>
  <c r="AF116768" i="1"/>
  <c r="AF116769" i="1"/>
  <c r="AF116770" i="1"/>
  <c r="AF116771" i="1"/>
  <c r="AF116772" i="1"/>
  <c r="AF116773" i="1"/>
  <c r="AF116774" i="1"/>
  <c r="AF116775" i="1"/>
  <c r="AF116776" i="1"/>
  <c r="AF116777" i="1"/>
  <c r="AF116778" i="1"/>
  <c r="AF116779" i="1"/>
  <c r="AF116780" i="1"/>
  <c r="AF116781" i="1"/>
  <c r="AF116782" i="1"/>
  <c r="AF116783" i="1"/>
  <c r="AF116784" i="1"/>
  <c r="AF116785" i="1"/>
  <c r="AF116786" i="1"/>
  <c r="AF116787" i="1"/>
  <c r="AF116788" i="1"/>
  <c r="AF116789" i="1"/>
  <c r="AF116790" i="1"/>
  <c r="AF116791" i="1"/>
  <c r="AF116792" i="1"/>
  <c r="AF116793" i="1"/>
  <c r="AF116794" i="1"/>
  <c r="AF116795" i="1"/>
  <c r="AF116796" i="1"/>
  <c r="AF116797" i="1"/>
  <c r="AF116798" i="1"/>
  <c r="AF116799" i="1"/>
  <c r="AF116800" i="1"/>
  <c r="AF116801" i="1"/>
  <c r="AF116802" i="1"/>
  <c r="AF116803" i="1"/>
  <c r="AF116804" i="1"/>
  <c r="AF116805" i="1"/>
  <c r="AF116806" i="1"/>
  <c r="AF116807" i="1"/>
  <c r="AF116808" i="1"/>
  <c r="AF116809" i="1"/>
  <c r="AF116810" i="1"/>
  <c r="AF116811" i="1"/>
  <c r="AF116812" i="1"/>
  <c r="AF116813" i="1"/>
  <c r="AF116814" i="1"/>
  <c r="AF116815" i="1"/>
  <c r="AF116816" i="1"/>
  <c r="AF116817" i="1"/>
  <c r="AF116818" i="1"/>
  <c r="AF116819" i="1"/>
  <c r="AF116820" i="1"/>
  <c r="AF116821" i="1"/>
  <c r="AF116822" i="1"/>
  <c r="AF116823" i="1"/>
  <c r="AF116824" i="1"/>
  <c r="AF116825" i="1"/>
  <c r="AF116826" i="1"/>
  <c r="AF116827" i="1"/>
  <c r="AF116828" i="1"/>
  <c r="AF116829" i="1"/>
  <c r="AF116830" i="1"/>
  <c r="AF116831" i="1"/>
  <c r="AF116832" i="1"/>
  <c r="AF116833" i="1"/>
  <c r="AF116834" i="1"/>
  <c r="AF116835" i="1"/>
  <c r="AF116836" i="1"/>
  <c r="AF116837" i="1"/>
  <c r="AF116838" i="1"/>
  <c r="AF116839" i="1"/>
  <c r="AF116840" i="1"/>
  <c r="AF116841" i="1"/>
  <c r="AF116842" i="1"/>
  <c r="AF116843" i="1"/>
  <c r="AF116844" i="1"/>
  <c r="AF116845" i="1"/>
  <c r="AF116846" i="1"/>
  <c r="AF116847" i="1"/>
  <c r="AF116848" i="1"/>
  <c r="AF116849" i="1"/>
  <c r="AF116850" i="1"/>
  <c r="AF116851" i="1"/>
  <c r="AF116852" i="1"/>
  <c r="AF116853" i="1"/>
  <c r="AF116854" i="1"/>
  <c r="AF116855" i="1"/>
  <c r="AF116856" i="1"/>
  <c r="AF116857" i="1"/>
  <c r="AF116858" i="1"/>
  <c r="AF116859" i="1"/>
  <c r="AF116860" i="1"/>
  <c r="AF116861" i="1"/>
  <c r="AF116862" i="1"/>
  <c r="AF116863" i="1"/>
  <c r="AF116864" i="1"/>
  <c r="AF116865" i="1"/>
  <c r="AF116866" i="1"/>
  <c r="AF116867" i="1"/>
  <c r="AF116868" i="1"/>
  <c r="AF116869" i="1"/>
  <c r="AF116870" i="1"/>
  <c r="AF116871" i="1"/>
  <c r="AF116872" i="1"/>
  <c r="AF116873" i="1"/>
  <c r="AF116874" i="1"/>
  <c r="AF116875" i="1"/>
  <c r="AF116876" i="1"/>
  <c r="AF116877" i="1"/>
  <c r="AF116878" i="1"/>
  <c r="AF116879" i="1"/>
  <c r="AF116880" i="1"/>
  <c r="AF116881" i="1"/>
  <c r="AF116882" i="1"/>
  <c r="AF116883" i="1"/>
  <c r="AF116884" i="1"/>
  <c r="AF116885" i="1"/>
  <c r="AF116886" i="1"/>
  <c r="AF116887" i="1"/>
  <c r="AF116888" i="1"/>
  <c r="AF116889" i="1"/>
  <c r="AF116890" i="1"/>
  <c r="AF116891" i="1"/>
  <c r="AF116892" i="1"/>
  <c r="AF116893" i="1"/>
  <c r="AF116894" i="1"/>
  <c r="AF116895" i="1"/>
  <c r="AF116896" i="1"/>
  <c r="AF116897" i="1"/>
  <c r="AF116898" i="1"/>
  <c r="AF116899" i="1"/>
  <c r="AF116900" i="1"/>
  <c r="AF116901" i="1"/>
  <c r="AF116902" i="1"/>
  <c r="AF116903" i="1"/>
  <c r="AF116904" i="1"/>
  <c r="AF116905" i="1"/>
  <c r="AF116906" i="1"/>
  <c r="AF116907" i="1"/>
  <c r="AF116908" i="1"/>
  <c r="AF116909" i="1"/>
  <c r="AF116910" i="1"/>
  <c r="AF116911" i="1"/>
  <c r="AF116912" i="1"/>
  <c r="AF116913" i="1"/>
  <c r="AF116914" i="1"/>
  <c r="AF116915" i="1"/>
  <c r="AF116916" i="1"/>
  <c r="AF116917" i="1"/>
  <c r="AF116918" i="1"/>
  <c r="AF116919" i="1"/>
  <c r="AF116920" i="1"/>
  <c r="AF116921" i="1"/>
  <c r="AF116922" i="1"/>
  <c r="AF116923" i="1"/>
  <c r="AF116924" i="1"/>
  <c r="AF116925" i="1"/>
  <c r="AF116926" i="1"/>
  <c r="AF116927" i="1"/>
  <c r="AF116928" i="1"/>
  <c r="AF116929" i="1"/>
  <c r="AF116930" i="1"/>
  <c r="AF116931" i="1"/>
  <c r="AF116932" i="1"/>
  <c r="AF116933" i="1"/>
  <c r="AF116934" i="1"/>
  <c r="AF116935" i="1"/>
  <c r="AF116936" i="1"/>
  <c r="AF116937" i="1"/>
  <c r="AF116938" i="1"/>
  <c r="AF116939" i="1"/>
  <c r="AF116940" i="1"/>
  <c r="AF116941" i="1"/>
  <c r="AF116942" i="1"/>
  <c r="AF116943" i="1"/>
  <c r="AF116944" i="1"/>
  <c r="AF116945" i="1"/>
  <c r="AF116946" i="1"/>
  <c r="AF116947" i="1"/>
  <c r="AF116948" i="1"/>
  <c r="AF116949" i="1"/>
  <c r="AF116950" i="1"/>
  <c r="AF116951" i="1"/>
  <c r="AF116952" i="1"/>
  <c r="AF116953" i="1"/>
  <c r="AF116954" i="1"/>
  <c r="AF116955" i="1"/>
  <c r="AF116956" i="1"/>
  <c r="AF116957" i="1"/>
  <c r="AF116958" i="1"/>
  <c r="AF116959" i="1"/>
  <c r="AF116960" i="1"/>
  <c r="AF116961" i="1"/>
  <c r="AF116962" i="1"/>
  <c r="AF116963" i="1"/>
  <c r="AF116964" i="1"/>
  <c r="AF116965" i="1"/>
  <c r="AF116966" i="1"/>
  <c r="AF116967" i="1"/>
  <c r="AF116968" i="1"/>
  <c r="AF116969" i="1"/>
  <c r="AF116970" i="1"/>
  <c r="AF116971" i="1"/>
  <c r="AF116972" i="1"/>
  <c r="AF116973" i="1"/>
  <c r="AF116974" i="1"/>
  <c r="AF116975" i="1"/>
  <c r="AF116976" i="1"/>
  <c r="AF116977" i="1"/>
  <c r="AF116978" i="1"/>
  <c r="AF116979" i="1"/>
  <c r="AF116980" i="1"/>
  <c r="AF116981" i="1"/>
  <c r="AF116982" i="1"/>
  <c r="AF116983" i="1"/>
  <c r="AF116984" i="1"/>
  <c r="AF116985" i="1"/>
  <c r="AF116986" i="1"/>
  <c r="AF116987" i="1"/>
  <c r="AF116988" i="1"/>
  <c r="AF116989" i="1"/>
  <c r="AF116990" i="1"/>
  <c r="AF116991" i="1"/>
  <c r="AF116992" i="1"/>
  <c r="AF116993" i="1"/>
  <c r="AF116994" i="1"/>
  <c r="AF116995" i="1"/>
  <c r="AF116996" i="1"/>
  <c r="AF116997" i="1"/>
  <c r="AF116998" i="1"/>
  <c r="AF116999" i="1"/>
  <c r="AF117000" i="1"/>
  <c r="AF117001" i="1"/>
  <c r="AF117002" i="1"/>
  <c r="AF117003" i="1"/>
  <c r="AF117004" i="1"/>
  <c r="AF117005" i="1"/>
  <c r="AF117006" i="1"/>
  <c r="AF117007" i="1"/>
  <c r="AF117008" i="1"/>
  <c r="AF117009" i="1"/>
  <c r="AF117010" i="1"/>
  <c r="AF117011" i="1"/>
  <c r="AF117012" i="1"/>
  <c r="AF117013" i="1"/>
  <c r="AF117014" i="1"/>
  <c r="AF117015" i="1"/>
  <c r="AF117016" i="1"/>
  <c r="AF117017" i="1"/>
  <c r="AF117018" i="1"/>
  <c r="AF117019" i="1"/>
  <c r="AF117020" i="1"/>
  <c r="AF117021" i="1"/>
  <c r="AF117022" i="1"/>
  <c r="AF117023" i="1"/>
  <c r="AF117024" i="1"/>
  <c r="AF117025" i="1"/>
  <c r="AF117026" i="1"/>
  <c r="AF117027" i="1"/>
  <c r="AF117028" i="1"/>
  <c r="AF117029" i="1"/>
  <c r="AF117030" i="1"/>
  <c r="AF117031" i="1"/>
  <c r="AF117032" i="1"/>
  <c r="AF117033" i="1"/>
  <c r="AF117034" i="1"/>
  <c r="AF117035" i="1"/>
  <c r="AF117036" i="1"/>
  <c r="AF117037" i="1"/>
  <c r="AF117038" i="1"/>
  <c r="AF117039" i="1"/>
  <c r="AF117040" i="1"/>
  <c r="AF117041" i="1"/>
  <c r="AF117042" i="1"/>
  <c r="AF117043" i="1"/>
  <c r="AF117044" i="1"/>
  <c r="AF117045" i="1"/>
  <c r="AF117046" i="1"/>
  <c r="AF117047" i="1"/>
  <c r="AF117048" i="1"/>
  <c r="AF117049" i="1"/>
  <c r="AF117050" i="1"/>
  <c r="AF117051" i="1"/>
  <c r="AF117052" i="1"/>
  <c r="AF117053" i="1"/>
  <c r="AF117054" i="1"/>
  <c r="AF117055" i="1"/>
  <c r="AF117056" i="1"/>
  <c r="AF117057" i="1"/>
  <c r="AF117058" i="1"/>
  <c r="AF117059" i="1"/>
  <c r="AF117060" i="1"/>
  <c r="AF117061" i="1"/>
  <c r="AF117062" i="1"/>
  <c r="AF117063" i="1"/>
  <c r="AF117064" i="1"/>
  <c r="AF117065" i="1"/>
  <c r="AF117066" i="1"/>
  <c r="AF117067" i="1"/>
  <c r="AF117068" i="1"/>
  <c r="AF117069" i="1"/>
  <c r="AF117070" i="1"/>
  <c r="AF117071" i="1"/>
  <c r="AF117072" i="1"/>
  <c r="AF117073" i="1"/>
  <c r="AF117074" i="1"/>
  <c r="AF117075" i="1"/>
  <c r="AF117076" i="1"/>
  <c r="AF117077" i="1"/>
  <c r="AF117078" i="1"/>
  <c r="AF117079" i="1"/>
  <c r="AF117080" i="1"/>
  <c r="AF117081" i="1"/>
  <c r="AF117082" i="1"/>
  <c r="AF117083" i="1"/>
  <c r="AF117084" i="1"/>
  <c r="AF117085" i="1"/>
  <c r="AF117086" i="1"/>
  <c r="AF117087" i="1"/>
  <c r="AF117088" i="1"/>
  <c r="AF117089" i="1"/>
  <c r="AF117090" i="1"/>
  <c r="AF117091" i="1"/>
  <c r="AF117092" i="1"/>
  <c r="AF117093" i="1"/>
  <c r="AF117094" i="1"/>
  <c r="AF117095" i="1"/>
  <c r="AF117096" i="1"/>
  <c r="AF117097" i="1"/>
  <c r="AF117098" i="1"/>
  <c r="AF117099" i="1"/>
  <c r="AF117100" i="1"/>
  <c r="AF117101" i="1"/>
  <c r="AF117102" i="1"/>
  <c r="AF117103" i="1"/>
  <c r="AF117104" i="1"/>
  <c r="AF117105" i="1"/>
  <c r="AF117106" i="1"/>
  <c r="AF117107" i="1"/>
  <c r="AF117108" i="1"/>
  <c r="AF117109" i="1"/>
  <c r="AF117110" i="1"/>
  <c r="AF117111" i="1"/>
  <c r="AF117112" i="1"/>
  <c r="AF117113" i="1"/>
  <c r="AF117114" i="1"/>
  <c r="AF117115" i="1"/>
  <c r="AF117116" i="1"/>
  <c r="AF117117" i="1"/>
  <c r="AF117118" i="1"/>
  <c r="AF117119" i="1"/>
  <c r="AF117120" i="1"/>
  <c r="AF117121" i="1"/>
  <c r="AF117122" i="1"/>
  <c r="AF117123" i="1"/>
  <c r="AF117124" i="1"/>
  <c r="AF117125" i="1"/>
  <c r="AF117126" i="1"/>
  <c r="AF117127" i="1"/>
  <c r="AF117128" i="1"/>
  <c r="AF117129" i="1"/>
  <c r="AF117130" i="1"/>
  <c r="AF117131" i="1"/>
  <c r="AF117132" i="1"/>
  <c r="AF117133" i="1"/>
  <c r="AF117134" i="1"/>
  <c r="AF117135" i="1"/>
  <c r="AF117136" i="1"/>
  <c r="AF117137" i="1"/>
  <c r="AF117138" i="1"/>
  <c r="AF117139" i="1"/>
  <c r="AF117140" i="1"/>
  <c r="AF117141" i="1"/>
  <c r="AF117142" i="1"/>
  <c r="AF117143" i="1"/>
  <c r="AF117144" i="1"/>
  <c r="AF117145" i="1"/>
  <c r="AF117146" i="1"/>
  <c r="AF117147" i="1"/>
  <c r="AF117148" i="1"/>
  <c r="AF117149" i="1"/>
  <c r="AF117150" i="1"/>
  <c r="AF117151" i="1"/>
  <c r="AF117152" i="1"/>
  <c r="AF117153" i="1"/>
  <c r="AF117154" i="1"/>
  <c r="AF117155" i="1"/>
  <c r="AF117156" i="1"/>
  <c r="AF117157" i="1"/>
  <c r="AF117158" i="1"/>
  <c r="AF117159" i="1"/>
  <c r="AF117160" i="1"/>
  <c r="AF117161" i="1"/>
  <c r="AF117162" i="1"/>
  <c r="AF117163" i="1"/>
  <c r="AF117164" i="1"/>
  <c r="AF117165" i="1"/>
  <c r="AF117166" i="1"/>
  <c r="AF117167" i="1"/>
  <c r="AF117168" i="1"/>
  <c r="AF117169" i="1"/>
  <c r="AF117170" i="1"/>
  <c r="AF117171" i="1"/>
  <c r="AF117172" i="1"/>
  <c r="AF117173" i="1"/>
  <c r="AF117174" i="1"/>
  <c r="AF117175" i="1"/>
  <c r="AF117176" i="1"/>
  <c r="AF117177" i="1"/>
  <c r="AF117178" i="1"/>
  <c r="AF117179" i="1"/>
  <c r="AF117180" i="1"/>
  <c r="AF117181" i="1"/>
  <c r="AF117182" i="1"/>
  <c r="AF117183" i="1"/>
  <c r="AF117184" i="1"/>
  <c r="AF117185" i="1"/>
  <c r="AF117186" i="1"/>
  <c r="AF117187" i="1"/>
  <c r="AF117188" i="1"/>
  <c r="AF117189" i="1"/>
  <c r="AF117190" i="1"/>
  <c r="AF117191" i="1"/>
  <c r="AF117192" i="1"/>
  <c r="AF117193" i="1"/>
  <c r="AF117194" i="1"/>
  <c r="AF117195" i="1"/>
  <c r="AF117196" i="1"/>
  <c r="AF117197" i="1"/>
  <c r="AF117198" i="1"/>
  <c r="AF117199" i="1"/>
  <c r="AF117200" i="1"/>
  <c r="AF117201" i="1"/>
  <c r="AF117202" i="1"/>
  <c r="AF117203" i="1"/>
  <c r="AF117204" i="1"/>
  <c r="AF117205" i="1"/>
  <c r="AF117206" i="1"/>
  <c r="AF117207" i="1"/>
  <c r="AF117208" i="1"/>
  <c r="AF117209" i="1"/>
  <c r="AF117210" i="1"/>
  <c r="AF117211" i="1"/>
  <c r="AF117212" i="1"/>
  <c r="AF117213" i="1"/>
  <c r="AF117214" i="1"/>
  <c r="AF117215" i="1"/>
  <c r="AF117216" i="1"/>
  <c r="AF117217" i="1"/>
  <c r="AF117218" i="1"/>
  <c r="AF117219" i="1"/>
  <c r="AF117220" i="1"/>
  <c r="AF117221" i="1"/>
  <c r="AF117222" i="1"/>
  <c r="AF117223" i="1"/>
  <c r="AF117224" i="1"/>
  <c r="AF117225" i="1"/>
  <c r="AF117226" i="1"/>
  <c r="AF117227" i="1"/>
  <c r="AF117228" i="1"/>
  <c r="AF117229" i="1"/>
  <c r="AF117230" i="1"/>
  <c r="AF117231" i="1"/>
  <c r="AF117232" i="1"/>
  <c r="AF117233" i="1"/>
  <c r="AF117234" i="1"/>
  <c r="AF117235" i="1"/>
  <c r="AF117236" i="1"/>
  <c r="AF117237" i="1"/>
  <c r="AF117238" i="1"/>
  <c r="AF117239" i="1"/>
  <c r="AF117240" i="1"/>
  <c r="AF117241" i="1"/>
  <c r="AF117242" i="1"/>
  <c r="AF117243" i="1"/>
  <c r="AF117244" i="1"/>
  <c r="AF117245" i="1"/>
  <c r="AF117246" i="1"/>
  <c r="AF117247" i="1"/>
  <c r="AF117248" i="1"/>
  <c r="AF117249" i="1"/>
  <c r="AF117250" i="1"/>
  <c r="AF117251" i="1"/>
  <c r="AF117252" i="1"/>
  <c r="AF117253" i="1"/>
  <c r="AF117254" i="1"/>
  <c r="AF117255" i="1"/>
  <c r="AF117256" i="1"/>
  <c r="AF117257" i="1"/>
  <c r="AF117258" i="1"/>
  <c r="AF117259" i="1"/>
  <c r="AF117260" i="1"/>
  <c r="AF117261" i="1"/>
  <c r="AF117262" i="1"/>
  <c r="AF117263" i="1"/>
  <c r="AF117264" i="1"/>
  <c r="AF117265" i="1"/>
  <c r="AF117266" i="1"/>
  <c r="AF117267" i="1"/>
  <c r="AF117268" i="1"/>
  <c r="AF117269" i="1"/>
  <c r="AF117270" i="1"/>
  <c r="AF117271" i="1"/>
  <c r="AF117272" i="1"/>
  <c r="AF117273" i="1"/>
  <c r="AF117274" i="1"/>
  <c r="AF117275" i="1"/>
  <c r="AF117276" i="1"/>
  <c r="AF117277" i="1"/>
  <c r="AF117278" i="1"/>
  <c r="AF117279" i="1"/>
  <c r="AF117280" i="1"/>
  <c r="AF117281" i="1"/>
  <c r="AF117282" i="1"/>
  <c r="AF117283" i="1"/>
  <c r="AF117284" i="1"/>
  <c r="AF117285" i="1"/>
  <c r="AF117286" i="1"/>
  <c r="AF117287" i="1"/>
  <c r="AF117288" i="1"/>
  <c r="AF117289" i="1"/>
  <c r="AF117290" i="1"/>
  <c r="AF117291" i="1"/>
  <c r="AF117292" i="1"/>
  <c r="AF117293" i="1"/>
  <c r="AF117294" i="1"/>
  <c r="AF117295" i="1"/>
  <c r="AF117296" i="1"/>
  <c r="AF117297" i="1"/>
  <c r="AF117298" i="1"/>
  <c r="AF117299" i="1"/>
  <c r="AF117300" i="1"/>
  <c r="AF117301" i="1"/>
  <c r="AF117302" i="1"/>
  <c r="AF117303" i="1"/>
  <c r="AF117304" i="1"/>
  <c r="AF117305" i="1"/>
  <c r="AF117306" i="1"/>
  <c r="AF117307" i="1"/>
  <c r="AF117308" i="1"/>
  <c r="AF117309" i="1"/>
  <c r="AF117310" i="1"/>
  <c r="AF117311" i="1"/>
  <c r="AF117312" i="1"/>
  <c r="AF117313" i="1"/>
  <c r="AF117314" i="1"/>
  <c r="AF117315" i="1"/>
  <c r="AF117316" i="1"/>
  <c r="AF117317" i="1"/>
  <c r="AF117318" i="1"/>
  <c r="AF117319" i="1"/>
  <c r="AF117320" i="1"/>
  <c r="AF117321" i="1"/>
  <c r="AF117322" i="1"/>
  <c r="AF117323" i="1"/>
  <c r="AF117324" i="1"/>
  <c r="AF117325" i="1"/>
  <c r="AF117326" i="1"/>
  <c r="AF117327" i="1"/>
  <c r="AF117328" i="1"/>
  <c r="AF117329" i="1"/>
  <c r="AF117330" i="1"/>
  <c r="AF117331" i="1"/>
  <c r="AF117332" i="1"/>
  <c r="AF117333" i="1"/>
  <c r="AF117334" i="1"/>
  <c r="AF117335" i="1"/>
  <c r="AF117336" i="1"/>
  <c r="AF117337" i="1"/>
  <c r="AF117338" i="1"/>
  <c r="AF117339" i="1"/>
  <c r="AF117340" i="1"/>
  <c r="AF117341" i="1"/>
  <c r="AF117342" i="1"/>
  <c r="AF117343" i="1"/>
  <c r="AF117344" i="1"/>
  <c r="AF117345" i="1"/>
  <c r="AF117346" i="1"/>
  <c r="AF117347" i="1"/>
  <c r="AF117348" i="1"/>
  <c r="AF117349" i="1"/>
  <c r="AF117350" i="1"/>
  <c r="AF117351" i="1"/>
  <c r="AF117352" i="1"/>
  <c r="AF117353" i="1"/>
  <c r="AF117354" i="1"/>
  <c r="AF117355" i="1"/>
  <c r="AF117356" i="1"/>
  <c r="AF117357" i="1"/>
  <c r="AF117358" i="1"/>
  <c r="AF117359" i="1"/>
  <c r="AF117360" i="1"/>
  <c r="AF117361" i="1"/>
  <c r="AF117362" i="1"/>
  <c r="AF117363" i="1"/>
  <c r="AF117364" i="1"/>
  <c r="AF117365" i="1"/>
  <c r="AF117366" i="1"/>
  <c r="AF117367" i="1"/>
  <c r="AF117368" i="1"/>
  <c r="AF117369" i="1"/>
  <c r="AF117370" i="1"/>
  <c r="AF117371" i="1"/>
  <c r="AF117372" i="1"/>
  <c r="AF117373" i="1"/>
  <c r="AF117374" i="1"/>
  <c r="AF117375" i="1"/>
  <c r="AF117376" i="1"/>
  <c r="AF117377" i="1"/>
  <c r="AF117378" i="1"/>
  <c r="AF117379" i="1"/>
  <c r="AF117380" i="1"/>
  <c r="AF117381" i="1"/>
  <c r="AF117382" i="1"/>
  <c r="AF117383" i="1"/>
  <c r="AF117384" i="1"/>
  <c r="AF117385" i="1"/>
  <c r="AF117386" i="1"/>
  <c r="AF117387" i="1"/>
  <c r="AF117388" i="1"/>
  <c r="AF117389" i="1"/>
  <c r="AF117390" i="1"/>
  <c r="AF117391" i="1"/>
  <c r="AF117392" i="1"/>
  <c r="AF117393" i="1"/>
  <c r="AF117394" i="1"/>
  <c r="AF117395" i="1"/>
  <c r="AF117396" i="1"/>
  <c r="AF117397" i="1"/>
  <c r="AF117398" i="1"/>
  <c r="AF117399" i="1"/>
  <c r="AF117400" i="1"/>
  <c r="AF117401" i="1"/>
  <c r="AF117402" i="1"/>
  <c r="AF117403" i="1"/>
  <c r="AF117404" i="1"/>
  <c r="AF117405" i="1"/>
  <c r="AF117406" i="1"/>
  <c r="AF117407" i="1"/>
  <c r="AF117408" i="1"/>
  <c r="AF117409" i="1"/>
  <c r="AF117410" i="1"/>
  <c r="AF117411" i="1"/>
  <c r="AF117412" i="1"/>
  <c r="AF117413" i="1"/>
  <c r="AF117414" i="1"/>
  <c r="AF117415" i="1"/>
  <c r="AF117416" i="1"/>
  <c r="AF117417" i="1"/>
  <c r="AF117418" i="1"/>
  <c r="AF117419" i="1"/>
  <c r="AF117420" i="1"/>
  <c r="AF117421" i="1"/>
  <c r="AF117422" i="1"/>
  <c r="AF117423" i="1"/>
  <c r="AF117424" i="1"/>
  <c r="AF117425" i="1"/>
  <c r="AF117426" i="1"/>
  <c r="AF117427" i="1"/>
  <c r="AF117428" i="1"/>
  <c r="AF117429" i="1"/>
  <c r="AF117430" i="1"/>
  <c r="AF117431" i="1"/>
  <c r="AF117432" i="1"/>
  <c r="AF117433" i="1"/>
  <c r="AF117434" i="1"/>
  <c r="AF117435" i="1"/>
  <c r="AF117436" i="1"/>
  <c r="AF117437" i="1"/>
  <c r="AF117438" i="1"/>
  <c r="AF117439" i="1"/>
  <c r="AF117440" i="1"/>
  <c r="AF117441" i="1"/>
  <c r="AF117442" i="1"/>
  <c r="AF117443" i="1"/>
  <c r="AF117444" i="1"/>
  <c r="AF117445" i="1"/>
  <c r="AF117446" i="1"/>
  <c r="AF117447" i="1"/>
  <c r="AF117448" i="1"/>
  <c r="AF117449" i="1"/>
  <c r="AF117450" i="1"/>
  <c r="AF117451" i="1"/>
  <c r="AF117452" i="1"/>
  <c r="AF117453" i="1"/>
  <c r="AF117454" i="1"/>
  <c r="AF117455" i="1"/>
  <c r="AF117456" i="1"/>
  <c r="AF117457" i="1"/>
  <c r="AF117458" i="1"/>
  <c r="AF117459" i="1"/>
  <c r="AF117460" i="1"/>
  <c r="AF117461" i="1"/>
  <c r="AF117462" i="1"/>
  <c r="AF117463" i="1"/>
  <c r="AF117464" i="1"/>
  <c r="AF117465" i="1"/>
  <c r="AF117466" i="1"/>
  <c r="AF117467" i="1"/>
  <c r="AF117468" i="1"/>
  <c r="AF117469" i="1"/>
  <c r="AF117470" i="1"/>
  <c r="AF117471" i="1"/>
  <c r="AF117472" i="1"/>
  <c r="AF117473" i="1"/>
  <c r="AF117474" i="1"/>
  <c r="AF117475" i="1"/>
  <c r="AF117476" i="1"/>
  <c r="AF117477" i="1"/>
  <c r="AF117478" i="1"/>
  <c r="AF117479" i="1"/>
  <c r="AF117480" i="1"/>
  <c r="AF117481" i="1"/>
  <c r="AF117482" i="1"/>
  <c r="AF117483" i="1"/>
  <c r="AF117484" i="1"/>
  <c r="AF117485" i="1"/>
  <c r="AF117486" i="1"/>
  <c r="AF117487" i="1"/>
  <c r="AF117488" i="1"/>
  <c r="AF117489" i="1"/>
  <c r="AF117490" i="1"/>
  <c r="AF117491" i="1"/>
  <c r="AF117492" i="1"/>
  <c r="AF117493" i="1"/>
  <c r="AF117494" i="1"/>
  <c r="AF117495" i="1"/>
  <c r="AF117496" i="1"/>
  <c r="AF117497" i="1"/>
  <c r="AF117498" i="1"/>
  <c r="AF117499" i="1"/>
  <c r="AF117500" i="1"/>
  <c r="AF117501" i="1"/>
  <c r="AF117502" i="1"/>
  <c r="AF117503" i="1"/>
  <c r="AF117504" i="1"/>
  <c r="AF117505" i="1"/>
  <c r="AF117506" i="1"/>
  <c r="AF117507" i="1"/>
  <c r="AF117508" i="1"/>
  <c r="AF117509" i="1"/>
  <c r="AF117510" i="1"/>
  <c r="AF117511" i="1"/>
  <c r="AF117512" i="1"/>
  <c r="AF117513" i="1"/>
  <c r="AF117514" i="1"/>
  <c r="AF117515" i="1"/>
  <c r="AF117516" i="1"/>
  <c r="AF117517" i="1"/>
  <c r="AF117518" i="1"/>
  <c r="AF117519" i="1"/>
  <c r="AF117520" i="1"/>
  <c r="AF117521" i="1"/>
  <c r="AF117522" i="1"/>
  <c r="AF117523" i="1"/>
  <c r="AF117524" i="1"/>
  <c r="AF117525" i="1"/>
  <c r="AF117526" i="1"/>
  <c r="AF117527" i="1"/>
  <c r="AF117528" i="1"/>
  <c r="AF117529" i="1"/>
  <c r="AF117530" i="1"/>
  <c r="AF117531" i="1"/>
  <c r="AF117532" i="1"/>
  <c r="AF117533" i="1"/>
  <c r="AF117534" i="1"/>
  <c r="AF117535" i="1"/>
  <c r="AF117536" i="1"/>
  <c r="AF117537" i="1"/>
  <c r="AF117538" i="1"/>
  <c r="AF117539" i="1"/>
  <c r="AF117540" i="1"/>
  <c r="AF117541" i="1"/>
  <c r="AF117542" i="1"/>
  <c r="AF117543" i="1"/>
  <c r="AF117544" i="1"/>
  <c r="AF117545" i="1"/>
  <c r="AF117546" i="1"/>
  <c r="AF117547" i="1"/>
  <c r="AF117548" i="1"/>
  <c r="AF117549" i="1"/>
  <c r="AF117550" i="1"/>
  <c r="AF117551" i="1"/>
  <c r="AF117552" i="1"/>
  <c r="AF117553" i="1"/>
  <c r="AF117554" i="1"/>
  <c r="AF117555" i="1"/>
  <c r="AF117556" i="1"/>
  <c r="AF117557" i="1"/>
  <c r="AF117558" i="1"/>
  <c r="AF117559" i="1"/>
  <c r="AF117560" i="1"/>
  <c r="AF117561" i="1"/>
  <c r="AF117562" i="1"/>
  <c r="AF117563" i="1"/>
  <c r="AF117564" i="1"/>
  <c r="AF117565" i="1"/>
  <c r="AF117566" i="1"/>
  <c r="AF117567" i="1"/>
  <c r="AF117568" i="1"/>
  <c r="AF117569" i="1"/>
  <c r="AF117570" i="1"/>
  <c r="AF117571" i="1"/>
  <c r="AF117572" i="1"/>
  <c r="AF117573" i="1"/>
  <c r="AF117574" i="1"/>
  <c r="AF117575" i="1"/>
  <c r="AF117576" i="1"/>
  <c r="AF117577" i="1"/>
  <c r="AF117578" i="1"/>
  <c r="AF117579" i="1"/>
  <c r="AF117580" i="1"/>
  <c r="AF117581" i="1"/>
  <c r="AF117582" i="1"/>
  <c r="AF117583" i="1"/>
  <c r="AF117584" i="1"/>
  <c r="AF117585" i="1"/>
  <c r="AF117586" i="1"/>
  <c r="AF117587" i="1"/>
  <c r="AF117588" i="1"/>
  <c r="AF117589" i="1"/>
  <c r="AF117590" i="1"/>
  <c r="AF117591" i="1"/>
  <c r="AF117592" i="1"/>
  <c r="AF117593" i="1"/>
  <c r="AF117594" i="1"/>
  <c r="AF117595" i="1"/>
  <c r="AF117596" i="1"/>
  <c r="AF117597" i="1"/>
  <c r="AF117598" i="1"/>
  <c r="AF117599" i="1"/>
  <c r="AF117600" i="1"/>
  <c r="AF117601" i="1"/>
  <c r="AF117602" i="1"/>
  <c r="AF117603" i="1"/>
  <c r="AF117604" i="1"/>
  <c r="AF117605" i="1"/>
  <c r="AF117606" i="1"/>
  <c r="AF117607" i="1"/>
  <c r="AF117608" i="1"/>
  <c r="AF117609" i="1"/>
  <c r="AF117610" i="1"/>
  <c r="AF117611" i="1"/>
  <c r="AF117612" i="1"/>
  <c r="AF117613" i="1"/>
  <c r="AF117614" i="1"/>
  <c r="AF117615" i="1"/>
  <c r="AF117616" i="1"/>
  <c r="AF117617" i="1"/>
  <c r="AF117618" i="1"/>
  <c r="AF117619" i="1"/>
  <c r="AF117620" i="1"/>
  <c r="AF117621" i="1"/>
  <c r="AF117622" i="1"/>
  <c r="AF117623" i="1"/>
  <c r="AF117624" i="1"/>
  <c r="AF117625" i="1"/>
  <c r="AF117626" i="1"/>
  <c r="AF117627" i="1"/>
  <c r="AF117628" i="1"/>
  <c r="AF117629" i="1"/>
  <c r="AF117630" i="1"/>
  <c r="AF117631" i="1"/>
  <c r="AF117632" i="1"/>
  <c r="AF117633" i="1"/>
  <c r="AF117634" i="1"/>
  <c r="AF117635" i="1"/>
  <c r="AF117636" i="1"/>
  <c r="AF117637" i="1"/>
  <c r="AF117638" i="1"/>
  <c r="AF117639" i="1"/>
  <c r="AF117640" i="1"/>
  <c r="AF117641" i="1"/>
  <c r="AF117642" i="1"/>
  <c r="AF117643" i="1"/>
  <c r="AF117644" i="1"/>
  <c r="AF117645" i="1"/>
  <c r="AF117646" i="1"/>
  <c r="AF117647" i="1"/>
  <c r="AF117648" i="1"/>
  <c r="AF117649" i="1"/>
  <c r="AF117650" i="1"/>
  <c r="AF117651" i="1"/>
  <c r="AF117652" i="1"/>
  <c r="AF117653" i="1"/>
  <c r="AF117654" i="1"/>
  <c r="AF117655" i="1"/>
  <c r="AF117656" i="1"/>
  <c r="AF117657" i="1"/>
  <c r="AF117658" i="1"/>
  <c r="AF117659" i="1"/>
  <c r="AF117660" i="1"/>
  <c r="AF117661" i="1"/>
  <c r="AF117662" i="1"/>
  <c r="AF117663" i="1"/>
  <c r="AF117664" i="1"/>
  <c r="AF117665" i="1"/>
  <c r="AF117666" i="1"/>
  <c r="AF117667" i="1"/>
  <c r="AF117668" i="1"/>
  <c r="AF117669" i="1"/>
  <c r="AF117670" i="1"/>
  <c r="AF117671" i="1"/>
  <c r="AF117672" i="1"/>
  <c r="AF117673" i="1"/>
  <c r="AF117674" i="1"/>
  <c r="AF117675" i="1"/>
  <c r="AF117676" i="1"/>
  <c r="AF117677" i="1"/>
  <c r="AF117678" i="1"/>
  <c r="AF117679" i="1"/>
  <c r="AF117680" i="1"/>
  <c r="AF117681" i="1"/>
  <c r="AF117682" i="1"/>
  <c r="AF117683" i="1"/>
  <c r="AF117684" i="1"/>
  <c r="AF117685" i="1"/>
  <c r="AF117686" i="1"/>
  <c r="AF117687" i="1"/>
  <c r="AF117688" i="1"/>
  <c r="AF117689" i="1"/>
  <c r="AF117690" i="1"/>
  <c r="AF117691" i="1"/>
  <c r="AF117692" i="1"/>
  <c r="AF117693" i="1"/>
  <c r="AF117694" i="1"/>
  <c r="AF117695" i="1"/>
  <c r="AF117696" i="1"/>
  <c r="AF117697" i="1"/>
  <c r="AF117698" i="1"/>
  <c r="AF117699" i="1"/>
  <c r="AF117700" i="1"/>
  <c r="AF117701" i="1"/>
  <c r="AF117702" i="1"/>
  <c r="AF117703" i="1"/>
  <c r="AF117704" i="1"/>
  <c r="AF117705" i="1"/>
  <c r="AF117706" i="1"/>
  <c r="AF117707" i="1"/>
  <c r="AF117708" i="1"/>
  <c r="AF117709" i="1"/>
  <c r="AF117710" i="1"/>
  <c r="AF117711" i="1"/>
  <c r="AF117712" i="1"/>
  <c r="AF117713" i="1"/>
  <c r="AF117714" i="1"/>
  <c r="AF117715" i="1"/>
  <c r="AF117716" i="1"/>
  <c r="AF117717" i="1"/>
  <c r="AF117718" i="1"/>
  <c r="AF117719" i="1"/>
  <c r="AF117720" i="1"/>
  <c r="AF117721" i="1"/>
  <c r="AF117722" i="1"/>
  <c r="AF117723" i="1"/>
  <c r="AF117724" i="1"/>
  <c r="AF117725" i="1"/>
  <c r="AF117726" i="1"/>
  <c r="AF117727" i="1"/>
  <c r="AF117728" i="1"/>
  <c r="AF117729" i="1"/>
  <c r="AF117730" i="1"/>
  <c r="AF117731" i="1"/>
  <c r="AF117732" i="1"/>
  <c r="AF117733" i="1"/>
  <c r="AF117734" i="1"/>
  <c r="AF117735" i="1"/>
  <c r="AF117736" i="1"/>
  <c r="AF117737" i="1"/>
  <c r="AF117738" i="1"/>
  <c r="AF117739" i="1"/>
  <c r="AF117740" i="1"/>
  <c r="AF117741" i="1"/>
  <c r="AF117742" i="1"/>
  <c r="AF117743" i="1"/>
  <c r="AF117744" i="1"/>
  <c r="AF117745" i="1"/>
  <c r="AF117746" i="1"/>
  <c r="AF117747" i="1"/>
  <c r="AF117748" i="1"/>
  <c r="AF117749" i="1"/>
  <c r="AF117750" i="1"/>
  <c r="AF117751" i="1"/>
  <c r="AF117752" i="1"/>
  <c r="AF117753" i="1"/>
  <c r="AF117754" i="1"/>
  <c r="AF117755" i="1"/>
  <c r="AF117756" i="1"/>
  <c r="AF117757" i="1"/>
  <c r="AF117758" i="1"/>
  <c r="AF117759" i="1"/>
  <c r="AF117760" i="1"/>
  <c r="AF117761" i="1"/>
  <c r="AF117762" i="1"/>
  <c r="AF117763" i="1"/>
  <c r="AF117764" i="1"/>
  <c r="AF117765" i="1"/>
  <c r="AF117766" i="1"/>
  <c r="AF117767" i="1"/>
  <c r="AF117768" i="1"/>
  <c r="AF117769" i="1"/>
  <c r="AF117770" i="1"/>
  <c r="AF117771" i="1"/>
  <c r="AF117772" i="1"/>
  <c r="AF117773" i="1"/>
  <c r="AF117774" i="1"/>
  <c r="AF117775" i="1"/>
  <c r="AF117776" i="1"/>
  <c r="AF117777" i="1"/>
  <c r="AF117778" i="1"/>
  <c r="AF117779" i="1"/>
  <c r="AF117780" i="1"/>
  <c r="AF117781" i="1"/>
  <c r="AF117782" i="1"/>
  <c r="AF117783" i="1"/>
  <c r="AF117784" i="1"/>
  <c r="AF117785" i="1"/>
  <c r="AF117786" i="1"/>
  <c r="AF117787" i="1"/>
  <c r="AF117788" i="1"/>
  <c r="AF117789" i="1"/>
  <c r="AF117790" i="1"/>
  <c r="AF117791" i="1"/>
  <c r="AF117792" i="1"/>
  <c r="AF117793" i="1"/>
  <c r="AF117794" i="1"/>
  <c r="AF117795" i="1"/>
  <c r="AF117796" i="1"/>
  <c r="AF117797" i="1"/>
  <c r="AF117798" i="1"/>
  <c r="AF117799" i="1"/>
  <c r="AF117800" i="1"/>
  <c r="AF117801" i="1"/>
  <c r="AF117802" i="1"/>
  <c r="AF117803" i="1"/>
  <c r="AF117804" i="1"/>
  <c r="AF117805" i="1"/>
  <c r="AF117806" i="1"/>
  <c r="AF117807" i="1"/>
  <c r="AF117808" i="1"/>
  <c r="AF117809" i="1"/>
  <c r="AF117810" i="1"/>
  <c r="AF117811" i="1"/>
  <c r="AF117812" i="1"/>
  <c r="AF117813" i="1"/>
  <c r="AF117814" i="1"/>
  <c r="AF117815" i="1"/>
  <c r="AF117816" i="1"/>
  <c r="AF117817" i="1"/>
  <c r="AF117818" i="1"/>
  <c r="AF117819" i="1"/>
  <c r="AF117820" i="1"/>
  <c r="AF117821" i="1"/>
  <c r="AF117822" i="1"/>
  <c r="AF117823" i="1"/>
  <c r="AF117824" i="1"/>
  <c r="AF117825" i="1"/>
  <c r="AF117826" i="1"/>
  <c r="AF117827" i="1"/>
  <c r="AF117828" i="1"/>
  <c r="AF117829" i="1"/>
  <c r="AF117830" i="1"/>
  <c r="AF117831" i="1"/>
  <c r="AF117832" i="1"/>
  <c r="AF117833" i="1"/>
  <c r="AF117834" i="1"/>
  <c r="AF117835" i="1"/>
  <c r="AF117836" i="1"/>
  <c r="AF117837" i="1"/>
  <c r="AF117838" i="1"/>
  <c r="AF117839" i="1"/>
  <c r="AF117840" i="1"/>
  <c r="AF117841" i="1"/>
  <c r="AF117842" i="1"/>
  <c r="AF117843" i="1"/>
  <c r="AF117844" i="1"/>
  <c r="AF117845" i="1"/>
  <c r="AF117846" i="1"/>
  <c r="AF117847" i="1"/>
  <c r="AF117848" i="1"/>
  <c r="AF117849" i="1"/>
  <c r="AF117850" i="1"/>
  <c r="AF117851" i="1"/>
  <c r="AF117852" i="1"/>
  <c r="AF117853" i="1"/>
  <c r="AF117854" i="1"/>
  <c r="AF117855" i="1"/>
  <c r="AF117856" i="1"/>
  <c r="AF117857" i="1"/>
  <c r="AF117858" i="1"/>
  <c r="AF117859" i="1"/>
  <c r="AF117860" i="1"/>
  <c r="AF117861" i="1"/>
  <c r="AF117862" i="1"/>
  <c r="AF117863" i="1"/>
  <c r="AF117864" i="1"/>
  <c r="AF117865" i="1"/>
  <c r="AF117866" i="1"/>
  <c r="AF117867" i="1"/>
  <c r="AF117868" i="1"/>
  <c r="AF117869" i="1"/>
  <c r="AF117870" i="1"/>
  <c r="AF117871" i="1"/>
  <c r="AF117872" i="1"/>
  <c r="AF117873" i="1"/>
  <c r="AF117874" i="1"/>
  <c r="AF117875" i="1"/>
  <c r="AF117876" i="1"/>
  <c r="AF117877" i="1"/>
  <c r="AF117878" i="1"/>
  <c r="AF117879" i="1"/>
  <c r="AF117880" i="1"/>
  <c r="AF117881" i="1"/>
  <c r="AF117882" i="1"/>
  <c r="AF117883" i="1"/>
  <c r="AF117884" i="1"/>
  <c r="AF117885" i="1"/>
  <c r="AF117886" i="1"/>
  <c r="AF117887" i="1"/>
  <c r="AF117888" i="1"/>
  <c r="AF117889" i="1"/>
  <c r="AF117890" i="1"/>
  <c r="AF117891" i="1"/>
  <c r="AF117892" i="1"/>
  <c r="AF117893" i="1"/>
  <c r="AF117894" i="1"/>
  <c r="AF117895" i="1"/>
  <c r="AF117896" i="1"/>
  <c r="AF117897" i="1"/>
  <c r="AF117898" i="1"/>
  <c r="AF117899" i="1"/>
  <c r="AF117900" i="1"/>
  <c r="AF117901" i="1"/>
  <c r="AF117902" i="1"/>
  <c r="AF117903" i="1"/>
  <c r="AF117904" i="1"/>
  <c r="AF117905" i="1"/>
  <c r="AF117906" i="1"/>
  <c r="AF117907" i="1"/>
  <c r="AF117908" i="1"/>
  <c r="AF117909" i="1"/>
  <c r="AF117910" i="1"/>
  <c r="AF117911" i="1"/>
  <c r="AF117912" i="1"/>
  <c r="AF117913" i="1"/>
  <c r="AF117914" i="1"/>
  <c r="AF117915" i="1"/>
  <c r="AF117916" i="1"/>
  <c r="AF117917" i="1"/>
  <c r="AF117918" i="1"/>
  <c r="AF117919" i="1"/>
  <c r="AF117920" i="1"/>
  <c r="AF117921" i="1"/>
  <c r="AF117922" i="1"/>
  <c r="AF117923" i="1"/>
  <c r="AF117924" i="1"/>
  <c r="AF117925" i="1"/>
  <c r="AF117926" i="1"/>
  <c r="AF117927" i="1"/>
  <c r="AF117928" i="1"/>
  <c r="AF117929" i="1"/>
  <c r="AF117930" i="1"/>
  <c r="AF117931" i="1"/>
  <c r="AF117932" i="1"/>
  <c r="AF117933" i="1"/>
  <c r="AF117934" i="1"/>
  <c r="AF117935" i="1"/>
  <c r="AF117936" i="1"/>
  <c r="AF117937" i="1"/>
  <c r="AF117938" i="1"/>
  <c r="AF117939" i="1"/>
  <c r="AF117940" i="1"/>
  <c r="AF117941" i="1"/>
  <c r="AF117942" i="1"/>
  <c r="AF117943" i="1"/>
  <c r="AF117944" i="1"/>
  <c r="AF117945" i="1"/>
  <c r="AF117946" i="1"/>
  <c r="AF117947" i="1"/>
  <c r="AF117948" i="1"/>
  <c r="AF117949" i="1"/>
  <c r="AF117950" i="1"/>
  <c r="AF117951" i="1"/>
  <c r="AF117952" i="1"/>
  <c r="AF117953" i="1"/>
  <c r="AF117954" i="1"/>
  <c r="AF117955" i="1"/>
  <c r="AF117956" i="1"/>
  <c r="AF117957" i="1"/>
  <c r="AF117958" i="1"/>
  <c r="AF117959" i="1"/>
  <c r="AF117960" i="1"/>
  <c r="AF117961" i="1"/>
  <c r="AF117962" i="1"/>
  <c r="AF117963" i="1"/>
  <c r="AF117964" i="1"/>
  <c r="AF117965" i="1"/>
  <c r="AF117966" i="1"/>
  <c r="AF117967" i="1"/>
  <c r="AF117968" i="1"/>
  <c r="AF117969" i="1"/>
  <c r="AF117970" i="1"/>
  <c r="AF117971" i="1"/>
  <c r="AF117972" i="1"/>
  <c r="AF117973" i="1"/>
  <c r="AF117974" i="1"/>
  <c r="AF117975" i="1"/>
  <c r="AF117976" i="1"/>
  <c r="AF117977" i="1"/>
  <c r="AF117978" i="1"/>
  <c r="AF117979" i="1"/>
  <c r="AF117980" i="1"/>
  <c r="AF117981" i="1"/>
  <c r="AF117982" i="1"/>
  <c r="AF117983" i="1"/>
  <c r="AF117984" i="1"/>
  <c r="AF117985" i="1"/>
  <c r="AF117986" i="1"/>
  <c r="AF117987" i="1"/>
  <c r="AF117988" i="1"/>
  <c r="AF117989" i="1"/>
  <c r="AF117990" i="1"/>
  <c r="AF117991" i="1"/>
  <c r="AF117992" i="1"/>
  <c r="AF117993" i="1"/>
  <c r="AF117994" i="1"/>
  <c r="AF117995" i="1"/>
  <c r="AF117996" i="1"/>
  <c r="AF117997" i="1"/>
  <c r="AF117998" i="1"/>
  <c r="AF117999" i="1"/>
  <c r="AF118000" i="1"/>
  <c r="AF118001" i="1"/>
  <c r="AF118002" i="1"/>
  <c r="AF118003" i="1"/>
  <c r="AF118004" i="1"/>
  <c r="AF118005" i="1"/>
  <c r="AF118006" i="1"/>
  <c r="AF118007" i="1"/>
  <c r="AF118008" i="1"/>
  <c r="AF118009" i="1"/>
  <c r="AF118010" i="1"/>
  <c r="AF118011" i="1"/>
  <c r="AF118012" i="1"/>
  <c r="AF118013" i="1"/>
  <c r="AF118014" i="1"/>
  <c r="AF118015" i="1"/>
  <c r="AF118016" i="1"/>
  <c r="AF118017" i="1"/>
  <c r="AF118018" i="1"/>
  <c r="AF118019" i="1"/>
  <c r="AF118020" i="1"/>
  <c r="AF118021" i="1"/>
  <c r="AF118022" i="1"/>
  <c r="AF118023" i="1"/>
  <c r="AF118024" i="1"/>
  <c r="AF118025" i="1"/>
  <c r="AF118026" i="1"/>
  <c r="AF118027" i="1"/>
  <c r="AF118028" i="1"/>
  <c r="AF118029" i="1"/>
  <c r="AF118030" i="1"/>
  <c r="AF118031" i="1"/>
  <c r="AF118032" i="1"/>
  <c r="AF118033" i="1"/>
  <c r="AF118034" i="1"/>
  <c r="AF118035" i="1"/>
  <c r="AF118036" i="1"/>
  <c r="AF118037" i="1"/>
  <c r="AF118038" i="1"/>
  <c r="AF118039" i="1"/>
  <c r="AF118040" i="1"/>
  <c r="AF118041" i="1"/>
  <c r="AF118042" i="1"/>
  <c r="AF118043" i="1"/>
  <c r="AF118044" i="1"/>
  <c r="AF118045" i="1"/>
  <c r="AF118046" i="1"/>
  <c r="AF118047" i="1"/>
  <c r="AF118048" i="1"/>
  <c r="AF118049" i="1"/>
  <c r="AF118050" i="1"/>
  <c r="AF118051" i="1"/>
  <c r="AF118052" i="1"/>
  <c r="AF118053" i="1"/>
  <c r="AF118054" i="1"/>
  <c r="AF118055" i="1"/>
  <c r="AF118056" i="1"/>
  <c r="AF118057" i="1"/>
  <c r="AF118058" i="1"/>
  <c r="AF118059" i="1"/>
  <c r="AF118060" i="1"/>
  <c r="AF118061" i="1"/>
  <c r="AF118062" i="1"/>
  <c r="AF118063" i="1"/>
  <c r="AF118064" i="1"/>
  <c r="AF118065" i="1"/>
  <c r="AF118066" i="1"/>
  <c r="AF118067" i="1"/>
  <c r="AF118068" i="1"/>
  <c r="AF118069" i="1"/>
  <c r="AF118070" i="1"/>
  <c r="AF118071" i="1"/>
  <c r="AF118072" i="1"/>
  <c r="AF118073" i="1"/>
  <c r="AF118074" i="1"/>
  <c r="AF118075" i="1"/>
  <c r="AF118076" i="1"/>
  <c r="AF118077" i="1"/>
  <c r="AF118078" i="1"/>
  <c r="AF118079" i="1"/>
  <c r="AF118080" i="1"/>
  <c r="AF118081" i="1"/>
  <c r="AF118082" i="1"/>
  <c r="AF118083" i="1"/>
  <c r="AF118084" i="1"/>
  <c r="AF118085" i="1"/>
  <c r="AF118086" i="1"/>
  <c r="AF118087" i="1"/>
  <c r="AF118088" i="1"/>
  <c r="AF118089" i="1"/>
  <c r="AF118090" i="1"/>
  <c r="AF118091" i="1"/>
  <c r="AF118092" i="1"/>
  <c r="AF118093" i="1"/>
  <c r="AF118094" i="1"/>
  <c r="AF118095" i="1"/>
  <c r="AF118096" i="1"/>
  <c r="AF118097" i="1"/>
  <c r="AF118098" i="1"/>
  <c r="AF118099" i="1"/>
  <c r="AF118100" i="1"/>
  <c r="AF118101" i="1"/>
  <c r="AF118102" i="1"/>
  <c r="AF118103" i="1"/>
  <c r="AF118104" i="1"/>
  <c r="AF118105" i="1"/>
  <c r="AF118106" i="1"/>
  <c r="AF118107" i="1"/>
  <c r="AF118108" i="1"/>
  <c r="AF118109" i="1"/>
  <c r="AF118110" i="1"/>
  <c r="AF118111" i="1"/>
  <c r="AF118112" i="1"/>
  <c r="AF118113" i="1"/>
  <c r="AF118114" i="1"/>
  <c r="AF118115" i="1"/>
  <c r="AF118116" i="1"/>
  <c r="AF118117" i="1"/>
  <c r="AF118118" i="1"/>
  <c r="AF118119" i="1"/>
  <c r="AF118120" i="1"/>
  <c r="AF118121" i="1"/>
  <c r="AF118122" i="1"/>
  <c r="AF118123" i="1"/>
  <c r="AF118124" i="1"/>
  <c r="AF118125" i="1"/>
  <c r="AF118126" i="1"/>
  <c r="AF118127" i="1"/>
  <c r="AF118128" i="1"/>
  <c r="AF118129" i="1"/>
  <c r="AF118130" i="1"/>
  <c r="AF118131" i="1"/>
  <c r="AF118132" i="1"/>
  <c r="AF118133" i="1"/>
  <c r="AF118134" i="1"/>
  <c r="AF118135" i="1"/>
  <c r="AF118136" i="1"/>
  <c r="AF118137" i="1"/>
  <c r="AF118138" i="1"/>
  <c r="AF118139" i="1"/>
  <c r="AF118140" i="1"/>
  <c r="AF118141" i="1"/>
  <c r="AF118142" i="1"/>
  <c r="AF118143" i="1"/>
  <c r="AF118144" i="1"/>
  <c r="AF118145" i="1"/>
  <c r="AF118146" i="1"/>
  <c r="AF118147" i="1"/>
  <c r="AF118148" i="1"/>
  <c r="AF118149" i="1"/>
  <c r="AF118150" i="1"/>
  <c r="AF118151" i="1"/>
  <c r="AF118152" i="1"/>
  <c r="AF118153" i="1"/>
  <c r="AF118154" i="1"/>
  <c r="AF118155" i="1"/>
  <c r="AF118156" i="1"/>
  <c r="AF118157" i="1"/>
  <c r="AF118158" i="1"/>
  <c r="AF118159" i="1"/>
  <c r="AF118160" i="1"/>
  <c r="AF118161" i="1"/>
  <c r="AF118162" i="1"/>
  <c r="AF118163" i="1"/>
  <c r="AF118164" i="1"/>
  <c r="AF118165" i="1"/>
  <c r="AF118166" i="1"/>
  <c r="AF118167" i="1"/>
  <c r="AF118168" i="1"/>
  <c r="AF118169" i="1"/>
  <c r="AF118170" i="1"/>
  <c r="AF118171" i="1"/>
  <c r="AF118172" i="1"/>
  <c r="AF118173" i="1"/>
  <c r="AF118174" i="1"/>
  <c r="AF118175" i="1"/>
  <c r="AF118176" i="1"/>
  <c r="AF118177" i="1"/>
  <c r="AF118178" i="1"/>
  <c r="AF118179" i="1"/>
  <c r="AF118180" i="1"/>
  <c r="AF118181" i="1"/>
  <c r="AF118182" i="1"/>
  <c r="AF118183" i="1"/>
  <c r="AF118184" i="1"/>
  <c r="AF118185" i="1"/>
  <c r="AF118186" i="1"/>
  <c r="AF118187" i="1"/>
  <c r="AF118188" i="1"/>
  <c r="AF118189" i="1"/>
  <c r="AF118190" i="1"/>
  <c r="AF118191" i="1"/>
  <c r="AF118192" i="1"/>
  <c r="AF118193" i="1"/>
  <c r="AF118194" i="1"/>
  <c r="AF118195" i="1"/>
  <c r="AF118196" i="1"/>
  <c r="AF118197" i="1"/>
  <c r="AF118198" i="1"/>
  <c r="AF118199" i="1"/>
  <c r="AF118200" i="1"/>
  <c r="AF118201" i="1"/>
  <c r="AF118202" i="1"/>
  <c r="AF118203" i="1"/>
  <c r="AF118204" i="1"/>
  <c r="AF118205" i="1"/>
  <c r="AF118206" i="1"/>
  <c r="AF118207" i="1"/>
  <c r="AF118208" i="1"/>
  <c r="AF118209" i="1"/>
  <c r="AF118210" i="1"/>
  <c r="AF118211" i="1"/>
  <c r="AF118212" i="1"/>
  <c r="AF118213" i="1"/>
  <c r="AF118214" i="1"/>
  <c r="AF118215" i="1"/>
  <c r="AF118216" i="1"/>
  <c r="AF118217" i="1"/>
  <c r="AF118218" i="1"/>
  <c r="AF118219" i="1"/>
  <c r="AF118220" i="1"/>
  <c r="AF118221" i="1"/>
  <c r="AF118222" i="1"/>
  <c r="AF118223" i="1"/>
  <c r="AF118224" i="1"/>
  <c r="AF118225" i="1"/>
  <c r="AF118226" i="1"/>
  <c r="AF118227" i="1"/>
  <c r="AF118228" i="1"/>
  <c r="AF118229" i="1"/>
  <c r="AF118230" i="1"/>
  <c r="AF118231" i="1"/>
  <c r="AF118232" i="1"/>
  <c r="AF118233" i="1"/>
  <c r="AF118234" i="1"/>
  <c r="AF118235" i="1"/>
  <c r="AF118236" i="1"/>
  <c r="AF118237" i="1"/>
  <c r="AF118238" i="1"/>
  <c r="AF118239" i="1"/>
  <c r="AF118240" i="1"/>
  <c r="AF118241" i="1"/>
  <c r="AF118242" i="1"/>
  <c r="AF118243" i="1"/>
  <c r="AF118244" i="1"/>
  <c r="AF118245" i="1"/>
  <c r="AF118246" i="1"/>
  <c r="AF118247" i="1"/>
  <c r="AF118248" i="1"/>
  <c r="AF118249" i="1"/>
  <c r="AF118250" i="1"/>
  <c r="AF118251" i="1"/>
  <c r="AF118252" i="1"/>
  <c r="AF118253" i="1"/>
  <c r="AF118254" i="1"/>
  <c r="AF118255" i="1"/>
  <c r="AF118256" i="1"/>
  <c r="AF118257" i="1"/>
  <c r="AF118258" i="1"/>
  <c r="AF118259" i="1"/>
  <c r="AF118260" i="1"/>
  <c r="AF118261" i="1"/>
  <c r="AF118262" i="1"/>
  <c r="AF118263" i="1"/>
  <c r="AF118264" i="1"/>
  <c r="AF118265" i="1"/>
  <c r="AF118266" i="1"/>
  <c r="AF118267" i="1"/>
  <c r="AF118268" i="1"/>
  <c r="AF118269" i="1"/>
  <c r="AF118270" i="1"/>
  <c r="AF118271" i="1"/>
  <c r="AF118272" i="1"/>
  <c r="AF118273" i="1"/>
  <c r="AF118274" i="1"/>
  <c r="AF118275" i="1"/>
  <c r="AF118276" i="1"/>
  <c r="AF118277" i="1"/>
  <c r="AF118278" i="1"/>
  <c r="AF118279" i="1"/>
  <c r="AF118280" i="1"/>
  <c r="AF118281" i="1"/>
  <c r="AF118282" i="1"/>
  <c r="AF118283" i="1"/>
  <c r="AF118284" i="1"/>
  <c r="AF118285" i="1"/>
  <c r="AF118286" i="1"/>
  <c r="AF118287" i="1"/>
  <c r="AF118288" i="1"/>
  <c r="AF118289" i="1"/>
  <c r="AF118290" i="1"/>
  <c r="AF118291" i="1"/>
  <c r="AF118292" i="1"/>
  <c r="AF118293" i="1"/>
  <c r="AF118294" i="1"/>
  <c r="AF118295" i="1"/>
  <c r="AF118296" i="1"/>
  <c r="AF118297" i="1"/>
  <c r="AF118298" i="1"/>
  <c r="AF118299" i="1"/>
  <c r="AF118300" i="1"/>
  <c r="AF118301" i="1"/>
  <c r="AF118302" i="1"/>
  <c r="AF118303" i="1"/>
  <c r="AF118304" i="1"/>
  <c r="AF118305" i="1"/>
  <c r="AF118306" i="1"/>
  <c r="AF118307" i="1"/>
  <c r="AF118308" i="1"/>
  <c r="AF118309" i="1"/>
  <c r="AF118310" i="1"/>
  <c r="AF118311" i="1"/>
  <c r="AF118312" i="1"/>
  <c r="AF118313" i="1"/>
  <c r="AF118314" i="1"/>
  <c r="AF118315" i="1"/>
  <c r="AF118316" i="1"/>
  <c r="AF118317" i="1"/>
  <c r="AF118318" i="1"/>
  <c r="AF118319" i="1"/>
  <c r="AF118320" i="1"/>
  <c r="AF118321" i="1"/>
  <c r="AF118322" i="1"/>
  <c r="AF118323" i="1"/>
  <c r="AF118324" i="1"/>
  <c r="AF118325" i="1"/>
  <c r="AF118326" i="1"/>
  <c r="AF118327" i="1"/>
  <c r="AF118328" i="1"/>
  <c r="AF118329" i="1"/>
  <c r="AF118330" i="1"/>
  <c r="AF118331" i="1"/>
  <c r="AF118332" i="1"/>
  <c r="AF118333" i="1"/>
  <c r="AF118334" i="1"/>
  <c r="AF118335" i="1"/>
  <c r="AF118336" i="1"/>
  <c r="AF118337" i="1"/>
  <c r="AF118338" i="1"/>
  <c r="AF118339" i="1"/>
  <c r="AF118340" i="1"/>
  <c r="AF118341" i="1"/>
  <c r="AF118342" i="1"/>
  <c r="AF118343" i="1"/>
  <c r="AF118344" i="1"/>
  <c r="AF118345" i="1"/>
  <c r="AF118346" i="1"/>
  <c r="AF118347" i="1"/>
  <c r="AF118348" i="1"/>
  <c r="AF118349" i="1"/>
  <c r="AF118350" i="1"/>
  <c r="AF118351" i="1"/>
  <c r="AF118352" i="1"/>
  <c r="AF118353" i="1"/>
  <c r="AF118354" i="1"/>
  <c r="AF118355" i="1"/>
  <c r="AF118356" i="1"/>
  <c r="AF118357" i="1"/>
  <c r="AF118358" i="1"/>
  <c r="AF118359" i="1"/>
  <c r="AF118360" i="1"/>
  <c r="AF118361" i="1"/>
  <c r="AF118362" i="1"/>
  <c r="AF118363" i="1"/>
  <c r="AF118364" i="1"/>
  <c r="AF118365" i="1"/>
  <c r="AF118366" i="1"/>
  <c r="AF118367" i="1"/>
  <c r="AF118368" i="1"/>
  <c r="AF118369" i="1"/>
  <c r="AF118370" i="1"/>
  <c r="AF118371" i="1"/>
  <c r="AF118372" i="1"/>
  <c r="AF118373" i="1"/>
  <c r="AF118374" i="1"/>
  <c r="AF118375" i="1"/>
  <c r="AF118376" i="1"/>
  <c r="AF118377" i="1"/>
  <c r="AF118378" i="1"/>
  <c r="AF118379" i="1"/>
  <c r="AF118380" i="1"/>
  <c r="AF118381" i="1"/>
  <c r="AF118382" i="1"/>
  <c r="AF118383" i="1"/>
  <c r="AF118384" i="1"/>
  <c r="AF118385" i="1"/>
  <c r="AF118386" i="1"/>
  <c r="AF118387" i="1"/>
  <c r="AF118388" i="1"/>
  <c r="AF118389" i="1"/>
  <c r="AF118390" i="1"/>
  <c r="AF118391" i="1"/>
  <c r="AF118392" i="1"/>
  <c r="AF118393" i="1"/>
  <c r="AF118394" i="1"/>
  <c r="AF118395" i="1"/>
  <c r="AF118396" i="1"/>
  <c r="AF118397" i="1"/>
  <c r="AF118398" i="1"/>
  <c r="AF118399" i="1"/>
  <c r="AF118400" i="1"/>
  <c r="AF118401" i="1"/>
  <c r="AF118402" i="1"/>
  <c r="AF118403" i="1"/>
  <c r="AF118404" i="1"/>
  <c r="AF118405" i="1"/>
  <c r="AF118406" i="1"/>
  <c r="AF118407" i="1"/>
  <c r="AF118408" i="1"/>
  <c r="AF118409" i="1"/>
  <c r="AF118410" i="1"/>
  <c r="AF118411" i="1"/>
  <c r="AF118412" i="1"/>
  <c r="AF118413" i="1"/>
  <c r="AF118414" i="1"/>
  <c r="AF118415" i="1"/>
  <c r="AF118416" i="1"/>
  <c r="AF118417" i="1"/>
  <c r="AF118418" i="1"/>
  <c r="AF118419" i="1"/>
  <c r="AF118420" i="1"/>
  <c r="AF118421" i="1"/>
  <c r="AF118422" i="1"/>
  <c r="AF118423" i="1"/>
  <c r="AF118424" i="1"/>
  <c r="AF118425" i="1"/>
  <c r="AF118426" i="1"/>
  <c r="AF118427" i="1"/>
  <c r="AF118428" i="1"/>
  <c r="AF118429" i="1"/>
  <c r="AF118430" i="1"/>
  <c r="AF118431" i="1"/>
  <c r="AF118432" i="1"/>
  <c r="AF118433" i="1"/>
  <c r="AF118434" i="1"/>
  <c r="AF118435" i="1"/>
  <c r="AF118436" i="1"/>
  <c r="AF118437" i="1"/>
  <c r="AF118438" i="1"/>
  <c r="AF118439" i="1"/>
  <c r="AF118440" i="1"/>
  <c r="AF118441" i="1"/>
  <c r="AF118442" i="1"/>
  <c r="AF118443" i="1"/>
  <c r="AF118444" i="1"/>
  <c r="AF118445" i="1"/>
  <c r="AF118446" i="1"/>
  <c r="AF118447" i="1"/>
  <c r="AF118448" i="1"/>
  <c r="AF118449" i="1"/>
  <c r="AF118450" i="1"/>
  <c r="AF118451" i="1"/>
  <c r="AF118452" i="1"/>
  <c r="AF118453" i="1"/>
  <c r="AF118454" i="1"/>
  <c r="AF118455" i="1"/>
  <c r="AF118456" i="1"/>
  <c r="AF118457" i="1"/>
  <c r="AF118458" i="1"/>
  <c r="AF118459" i="1"/>
  <c r="AF118460" i="1"/>
  <c r="AF118461" i="1"/>
  <c r="AF118462" i="1"/>
  <c r="AF118463" i="1"/>
  <c r="AF118464" i="1"/>
  <c r="AF118465" i="1"/>
  <c r="AF118466" i="1"/>
  <c r="AF118467" i="1"/>
  <c r="AF118468" i="1"/>
  <c r="AF118469" i="1"/>
  <c r="AF118470" i="1"/>
  <c r="AF118471" i="1"/>
  <c r="AF118472" i="1"/>
  <c r="AF118473" i="1"/>
  <c r="AF118474" i="1"/>
  <c r="AF118475" i="1"/>
  <c r="AF118476" i="1"/>
  <c r="AF118477" i="1"/>
  <c r="AF118478" i="1"/>
  <c r="AF118479" i="1"/>
  <c r="AF118480" i="1"/>
  <c r="AF118481" i="1"/>
  <c r="AF118482" i="1"/>
  <c r="AF118483" i="1"/>
  <c r="AF118484" i="1"/>
  <c r="AF118485" i="1"/>
  <c r="AF118486" i="1"/>
  <c r="AF118487" i="1"/>
  <c r="AF118488" i="1"/>
  <c r="AF118489" i="1"/>
  <c r="AF118490" i="1"/>
  <c r="AF118491" i="1"/>
  <c r="AF118492" i="1"/>
  <c r="AF118493" i="1"/>
  <c r="AF118494" i="1"/>
  <c r="AF118495" i="1"/>
  <c r="AF118496" i="1"/>
  <c r="AF118497" i="1"/>
  <c r="AF118498" i="1"/>
  <c r="AF118499" i="1"/>
  <c r="AF118500" i="1"/>
  <c r="AF118501" i="1"/>
  <c r="AF118502" i="1"/>
  <c r="AF118503" i="1"/>
  <c r="AF118504" i="1"/>
  <c r="AF118505" i="1"/>
  <c r="AF118506" i="1"/>
  <c r="AF118507" i="1"/>
  <c r="AF118508" i="1"/>
  <c r="AF118509" i="1"/>
  <c r="AF118510" i="1"/>
  <c r="AF118511" i="1"/>
  <c r="AF118512" i="1"/>
  <c r="AF118513" i="1"/>
  <c r="AF118514" i="1"/>
  <c r="AF118515" i="1"/>
  <c r="AF118516" i="1"/>
  <c r="AF118517" i="1"/>
  <c r="AF118518" i="1"/>
  <c r="AF118519" i="1"/>
  <c r="AF118520" i="1"/>
  <c r="AF118521" i="1"/>
  <c r="AF118522" i="1"/>
  <c r="AF118523" i="1"/>
  <c r="AF118524" i="1"/>
  <c r="AF118525" i="1"/>
  <c r="AF118526" i="1"/>
  <c r="AF118527" i="1"/>
  <c r="AF118528" i="1"/>
  <c r="AF118529" i="1"/>
  <c r="AF118530" i="1"/>
  <c r="AF118531" i="1"/>
  <c r="AF118532" i="1"/>
  <c r="AF118533" i="1"/>
  <c r="AF118534" i="1"/>
  <c r="AF118535" i="1"/>
  <c r="AF118536" i="1"/>
  <c r="AF118537" i="1"/>
  <c r="AF118538" i="1"/>
  <c r="AF118539" i="1"/>
  <c r="AF118540" i="1"/>
  <c r="AF118541" i="1"/>
  <c r="AF118542" i="1"/>
  <c r="AF118543" i="1"/>
  <c r="AF118544" i="1"/>
  <c r="AF118545" i="1"/>
  <c r="AF118546" i="1"/>
  <c r="AF118547" i="1"/>
  <c r="AF118548" i="1"/>
  <c r="AF118549" i="1"/>
  <c r="AF118550" i="1"/>
  <c r="AF118551" i="1"/>
  <c r="AF118552" i="1"/>
  <c r="AF118553" i="1"/>
  <c r="AF118554" i="1"/>
  <c r="AF118555" i="1"/>
  <c r="AF118556" i="1"/>
  <c r="AF118557" i="1"/>
  <c r="AF118558" i="1"/>
  <c r="AF118559" i="1"/>
  <c r="AF118560" i="1"/>
  <c r="AF118561" i="1"/>
  <c r="AF118562" i="1"/>
  <c r="AF118563" i="1"/>
  <c r="AF118564" i="1"/>
  <c r="AF118565" i="1"/>
  <c r="AF118566" i="1"/>
  <c r="AF118567" i="1"/>
  <c r="AF118568" i="1"/>
  <c r="AF118569" i="1"/>
  <c r="AF118570" i="1"/>
  <c r="AF118571" i="1"/>
  <c r="AF118572" i="1"/>
  <c r="AF118573" i="1"/>
  <c r="AF118574" i="1"/>
  <c r="AF118575" i="1"/>
  <c r="AF118576" i="1"/>
  <c r="AF118577" i="1"/>
  <c r="AF118578" i="1"/>
  <c r="AF118579" i="1"/>
  <c r="AF118580" i="1"/>
  <c r="AF118581" i="1"/>
  <c r="AF118582" i="1"/>
  <c r="AF118583" i="1"/>
  <c r="AF118584" i="1"/>
  <c r="AF118585" i="1"/>
  <c r="AF118586" i="1"/>
  <c r="AF118587" i="1"/>
  <c r="AF118588" i="1"/>
  <c r="AF118589" i="1"/>
  <c r="AF118590" i="1"/>
  <c r="AF118591" i="1"/>
  <c r="AF118592" i="1"/>
  <c r="AF118593" i="1"/>
  <c r="AF118594" i="1"/>
  <c r="AF118595" i="1"/>
  <c r="AF118596" i="1"/>
  <c r="AF118597" i="1"/>
  <c r="AF118598" i="1"/>
  <c r="AF118599" i="1"/>
  <c r="AF118600" i="1"/>
  <c r="AF118601" i="1"/>
  <c r="AF118602" i="1"/>
  <c r="AF118603" i="1"/>
  <c r="AF118604" i="1"/>
  <c r="AF118605" i="1"/>
  <c r="AF118606" i="1"/>
  <c r="AF118607" i="1"/>
  <c r="AF118608" i="1"/>
  <c r="AF118609" i="1"/>
  <c r="AF118610" i="1"/>
  <c r="AF118611" i="1"/>
  <c r="AF118612" i="1"/>
  <c r="AF118613" i="1"/>
  <c r="AF118614" i="1"/>
  <c r="AF118615" i="1"/>
  <c r="AF118616" i="1"/>
  <c r="AF118617" i="1"/>
  <c r="AF118618" i="1"/>
  <c r="AF118619" i="1"/>
  <c r="AF118620" i="1"/>
  <c r="AF118621" i="1"/>
  <c r="AF118622" i="1"/>
  <c r="AF118623" i="1"/>
  <c r="AF118624" i="1"/>
  <c r="AF118625" i="1"/>
  <c r="AF118626" i="1"/>
  <c r="AF118627" i="1"/>
  <c r="AF118628" i="1"/>
  <c r="AF118629" i="1"/>
  <c r="AF118630" i="1"/>
  <c r="AF118631" i="1"/>
  <c r="AF118632" i="1"/>
  <c r="AF118633" i="1"/>
  <c r="AF118634" i="1"/>
  <c r="AF118635" i="1"/>
  <c r="AF118636" i="1"/>
  <c r="AF118637" i="1"/>
  <c r="AF118638" i="1"/>
  <c r="AF118639" i="1"/>
  <c r="AF118640" i="1"/>
  <c r="AF118641" i="1"/>
  <c r="AF118642" i="1"/>
  <c r="AF118643" i="1"/>
  <c r="AF118644" i="1"/>
  <c r="AF118645" i="1"/>
  <c r="AF118646" i="1"/>
  <c r="AF118647" i="1"/>
  <c r="AF118648" i="1"/>
  <c r="AF118649" i="1"/>
  <c r="AF118650" i="1"/>
  <c r="AF118651" i="1"/>
  <c r="AF118652" i="1"/>
  <c r="AF118653" i="1"/>
  <c r="AF118654" i="1"/>
  <c r="AF118655" i="1"/>
  <c r="AF118656" i="1"/>
  <c r="AF118657" i="1"/>
  <c r="AF118658" i="1"/>
  <c r="AF118659" i="1"/>
  <c r="AF118660" i="1"/>
  <c r="AF118661" i="1"/>
  <c r="AF118662" i="1"/>
  <c r="AF118663" i="1"/>
  <c r="AF118664" i="1"/>
  <c r="AF118665" i="1"/>
  <c r="AF118666" i="1"/>
  <c r="AF118667" i="1"/>
  <c r="AF118668" i="1"/>
  <c r="AF118669" i="1"/>
  <c r="AF118670" i="1"/>
  <c r="AF118671" i="1"/>
  <c r="AF118672" i="1"/>
  <c r="AF118673" i="1"/>
  <c r="AF118674" i="1"/>
  <c r="AF118675" i="1"/>
  <c r="AF118676" i="1"/>
  <c r="AF118677" i="1"/>
  <c r="AF118678" i="1"/>
  <c r="AF118679" i="1"/>
  <c r="AF118680" i="1"/>
  <c r="AF118681" i="1"/>
  <c r="AF118682" i="1"/>
  <c r="AF118683" i="1"/>
  <c r="AF118684" i="1"/>
  <c r="AF118685" i="1"/>
  <c r="AF118686" i="1"/>
  <c r="AF118687" i="1"/>
  <c r="AF118688" i="1"/>
  <c r="AF118689" i="1"/>
  <c r="AF118690" i="1"/>
  <c r="AF118691" i="1"/>
  <c r="AF118692" i="1"/>
  <c r="AF118693" i="1"/>
  <c r="AF118694" i="1"/>
  <c r="AF118695" i="1"/>
  <c r="AF118696" i="1"/>
  <c r="AF118697" i="1"/>
  <c r="AF118698" i="1"/>
  <c r="AF118699" i="1"/>
  <c r="AF118700" i="1"/>
  <c r="AF118701" i="1"/>
  <c r="AF118702" i="1"/>
  <c r="AF118703" i="1"/>
  <c r="AF118704" i="1"/>
  <c r="AF118705" i="1"/>
  <c r="AF118706" i="1"/>
  <c r="AF118707" i="1"/>
  <c r="AF118708" i="1"/>
  <c r="AF118709" i="1"/>
  <c r="AF118710" i="1"/>
  <c r="AF118711" i="1"/>
  <c r="AF118712" i="1"/>
  <c r="AF118713" i="1"/>
  <c r="AF118714" i="1"/>
  <c r="AF118715" i="1"/>
  <c r="AF118716" i="1"/>
  <c r="AF118717" i="1"/>
  <c r="AF118718" i="1"/>
  <c r="AF118719" i="1"/>
  <c r="AF118720" i="1"/>
  <c r="AF118721" i="1"/>
  <c r="AF118722" i="1"/>
  <c r="AF118723" i="1"/>
  <c r="AF118724" i="1"/>
  <c r="AF118725" i="1"/>
  <c r="AF118726" i="1"/>
  <c r="AF118727" i="1"/>
  <c r="AF118728" i="1"/>
  <c r="AF118729" i="1"/>
  <c r="AF118730" i="1"/>
  <c r="AF118731" i="1"/>
  <c r="AF118732" i="1"/>
  <c r="AF118733" i="1"/>
  <c r="AF118734" i="1"/>
  <c r="AF118735" i="1"/>
  <c r="AF118736" i="1"/>
  <c r="AF118737" i="1"/>
  <c r="AF118738" i="1"/>
  <c r="AF118739" i="1"/>
  <c r="AF118740" i="1"/>
  <c r="AF118741" i="1"/>
  <c r="AF118742" i="1"/>
  <c r="AF118743" i="1"/>
  <c r="AF118744" i="1"/>
  <c r="AF118745" i="1"/>
  <c r="AF118746" i="1"/>
  <c r="AF118747" i="1"/>
  <c r="AF118748" i="1"/>
  <c r="AF118749" i="1"/>
  <c r="AF118750" i="1"/>
  <c r="AF118751" i="1"/>
  <c r="AF118752" i="1"/>
  <c r="AF118753" i="1"/>
  <c r="AF118754" i="1"/>
  <c r="AF118755" i="1"/>
  <c r="AF118756" i="1"/>
  <c r="AF118757" i="1"/>
  <c r="AF118758" i="1"/>
  <c r="AF118759" i="1"/>
  <c r="AF118760" i="1"/>
  <c r="AF118761" i="1"/>
  <c r="AF118762" i="1"/>
  <c r="AF118763" i="1"/>
  <c r="AF118764" i="1"/>
  <c r="AF118765" i="1"/>
  <c r="AF118766" i="1"/>
  <c r="AF118767" i="1"/>
  <c r="AF118768" i="1"/>
  <c r="AF118769" i="1"/>
  <c r="AF118770" i="1"/>
  <c r="AF118771" i="1"/>
  <c r="AF118772" i="1"/>
  <c r="AF118773" i="1"/>
  <c r="AF118774" i="1"/>
  <c r="AF118775" i="1"/>
  <c r="AF118776" i="1"/>
  <c r="AF118777" i="1"/>
  <c r="AF118778" i="1"/>
  <c r="AF118779" i="1"/>
  <c r="AF118780" i="1"/>
  <c r="AF118781" i="1"/>
  <c r="AF118782" i="1"/>
  <c r="AF118783" i="1"/>
  <c r="AF118784" i="1"/>
  <c r="AF118785" i="1"/>
  <c r="AF118786" i="1"/>
  <c r="AF118787" i="1"/>
  <c r="AF118788" i="1"/>
  <c r="AF118789" i="1"/>
  <c r="AF118790" i="1"/>
  <c r="AF118791" i="1"/>
  <c r="AF118792" i="1"/>
  <c r="AF118793" i="1"/>
  <c r="AF118794" i="1"/>
  <c r="AF118795" i="1"/>
  <c r="AF118796" i="1"/>
  <c r="AF118797" i="1"/>
  <c r="AF118798" i="1"/>
  <c r="AF118799" i="1"/>
  <c r="AF118800" i="1"/>
  <c r="AF118801" i="1"/>
  <c r="AF118802" i="1"/>
  <c r="AF118803" i="1"/>
  <c r="AF118804" i="1"/>
  <c r="AF118805" i="1"/>
  <c r="AF118806" i="1"/>
  <c r="AF118807" i="1"/>
  <c r="AF118808" i="1"/>
  <c r="AF118809" i="1"/>
  <c r="AF118810" i="1"/>
  <c r="AF118811" i="1"/>
  <c r="AF118812" i="1"/>
  <c r="AF118813" i="1"/>
  <c r="AF118814" i="1"/>
  <c r="AF118815" i="1"/>
  <c r="AF118816" i="1"/>
  <c r="AF118817" i="1"/>
  <c r="AF118818" i="1"/>
  <c r="AF118819" i="1"/>
  <c r="AF118820" i="1"/>
  <c r="AF118821" i="1"/>
  <c r="AF118822" i="1"/>
  <c r="AF118823" i="1"/>
  <c r="AF118824" i="1"/>
  <c r="AF118825" i="1"/>
  <c r="AF118826" i="1"/>
  <c r="AF118827" i="1"/>
  <c r="AF118828" i="1"/>
  <c r="AF118829" i="1"/>
  <c r="AF118830" i="1"/>
  <c r="AF118831" i="1"/>
  <c r="AF118832" i="1"/>
  <c r="AF118833" i="1"/>
  <c r="AF118834" i="1"/>
  <c r="AF118835" i="1"/>
  <c r="AF118836" i="1"/>
  <c r="AF118837" i="1"/>
  <c r="AF118838" i="1"/>
  <c r="AF118839" i="1"/>
  <c r="AF118840" i="1"/>
  <c r="AF118841" i="1"/>
  <c r="AF118842" i="1"/>
  <c r="AF118843" i="1"/>
  <c r="AF118844" i="1"/>
  <c r="AF118845" i="1"/>
  <c r="AF118846" i="1"/>
  <c r="AF118847" i="1"/>
  <c r="AF118848" i="1"/>
  <c r="AF118849" i="1"/>
  <c r="AF118850" i="1"/>
  <c r="AF118851" i="1"/>
  <c r="AF118852" i="1"/>
  <c r="AF118853" i="1"/>
  <c r="AF118854" i="1"/>
  <c r="AF118855" i="1"/>
  <c r="AF118856" i="1"/>
  <c r="AF118857" i="1"/>
  <c r="AF118858" i="1"/>
  <c r="AF118859" i="1"/>
  <c r="AF118860" i="1"/>
  <c r="AF118861" i="1"/>
  <c r="AF118862" i="1"/>
  <c r="AF118863" i="1"/>
  <c r="AF118864" i="1"/>
  <c r="AF118865" i="1"/>
  <c r="AF118866" i="1"/>
  <c r="AF118867" i="1"/>
  <c r="AF118868" i="1"/>
  <c r="AF118869" i="1"/>
  <c r="AF118870" i="1"/>
  <c r="AF118871" i="1"/>
  <c r="AF118872" i="1"/>
  <c r="AF118873" i="1"/>
  <c r="AF118874" i="1"/>
  <c r="AF118875" i="1"/>
  <c r="AF118876" i="1"/>
  <c r="AF118877" i="1"/>
  <c r="AF118878" i="1"/>
  <c r="AF118879" i="1"/>
  <c r="AF118880" i="1"/>
  <c r="AF118881" i="1"/>
  <c r="AF118882" i="1"/>
  <c r="AF118883" i="1"/>
  <c r="AF118884" i="1"/>
  <c r="AF118885" i="1"/>
  <c r="AF118886" i="1"/>
  <c r="AF118887" i="1"/>
  <c r="AF118888" i="1"/>
  <c r="AF118889" i="1"/>
  <c r="AF118890" i="1"/>
  <c r="AF118891" i="1"/>
  <c r="AF118892" i="1"/>
  <c r="AF118893" i="1"/>
  <c r="AF118894" i="1"/>
  <c r="AF118895" i="1"/>
  <c r="AF118896" i="1"/>
  <c r="AF118897" i="1"/>
  <c r="AF118898" i="1"/>
  <c r="AF118899" i="1"/>
  <c r="AF118900" i="1"/>
  <c r="AF118901" i="1"/>
  <c r="AF118902" i="1"/>
  <c r="AF118903" i="1"/>
  <c r="AF118904" i="1"/>
  <c r="AF118905" i="1"/>
  <c r="AF118906" i="1"/>
  <c r="AF118907" i="1"/>
  <c r="AF118908" i="1"/>
  <c r="AF118909" i="1"/>
  <c r="AF118910" i="1"/>
  <c r="AF118911" i="1"/>
  <c r="AF118912" i="1"/>
  <c r="AF118913" i="1"/>
  <c r="AF118914" i="1"/>
  <c r="AF118915" i="1"/>
  <c r="AF118916" i="1"/>
  <c r="AF118917" i="1"/>
  <c r="AF118918" i="1"/>
  <c r="AF118919" i="1"/>
  <c r="AF118920" i="1"/>
  <c r="AF118921" i="1"/>
  <c r="AF118922" i="1"/>
  <c r="AF118923" i="1"/>
  <c r="AF118924" i="1"/>
  <c r="AF118925" i="1"/>
  <c r="AF118926" i="1"/>
  <c r="AF118927" i="1"/>
  <c r="AF118928" i="1"/>
  <c r="AF118929" i="1"/>
  <c r="AF118930" i="1"/>
  <c r="AF118931" i="1"/>
  <c r="AF118932" i="1"/>
  <c r="AF118933" i="1"/>
  <c r="AF118934" i="1"/>
  <c r="AF118935" i="1"/>
  <c r="AF118936" i="1"/>
  <c r="AF118937" i="1"/>
  <c r="AF118938" i="1"/>
  <c r="AF118939" i="1"/>
  <c r="AF118940" i="1"/>
  <c r="AF118941" i="1"/>
  <c r="AF118942" i="1"/>
  <c r="AF118943" i="1"/>
  <c r="AF118944" i="1"/>
  <c r="AF118945" i="1"/>
  <c r="AF118946" i="1"/>
  <c r="AF118947" i="1"/>
  <c r="AF118948" i="1"/>
  <c r="AF118949" i="1"/>
  <c r="AF118950" i="1"/>
  <c r="AF118951" i="1"/>
  <c r="AF118952" i="1"/>
  <c r="AF118953" i="1"/>
  <c r="AF118954" i="1"/>
  <c r="AF118955" i="1"/>
  <c r="AF118956" i="1"/>
  <c r="AF118957" i="1"/>
  <c r="AF118958" i="1"/>
  <c r="AF118959" i="1"/>
  <c r="AF118960" i="1"/>
  <c r="AF118961" i="1"/>
  <c r="AF118962" i="1"/>
  <c r="AF118963" i="1"/>
  <c r="AF118964" i="1"/>
  <c r="AF118965" i="1"/>
  <c r="AF118966" i="1"/>
  <c r="AF118967" i="1"/>
  <c r="AF118968" i="1"/>
  <c r="AF118969" i="1"/>
  <c r="AF118970" i="1"/>
  <c r="AF118971" i="1"/>
  <c r="AF118972" i="1"/>
  <c r="AF118973" i="1"/>
  <c r="AF118974" i="1"/>
  <c r="AF118975" i="1"/>
  <c r="AF118976" i="1"/>
  <c r="AF118977" i="1"/>
  <c r="AF118978" i="1"/>
  <c r="AF118979" i="1"/>
  <c r="AF118980" i="1"/>
  <c r="AF118981" i="1"/>
  <c r="AF118982" i="1"/>
  <c r="AF118983" i="1"/>
  <c r="AF118984" i="1"/>
  <c r="AF118985" i="1"/>
  <c r="AF118986" i="1"/>
  <c r="AF118987" i="1"/>
  <c r="AF118988" i="1"/>
  <c r="AF118989" i="1"/>
  <c r="AF118990" i="1"/>
  <c r="AF118991" i="1"/>
  <c r="AF118992" i="1"/>
  <c r="AF118993" i="1"/>
  <c r="AF118994" i="1"/>
  <c r="AF118995" i="1"/>
  <c r="AF118996" i="1"/>
  <c r="AF118997" i="1"/>
  <c r="AF118998" i="1"/>
  <c r="AF118999" i="1"/>
  <c r="AF119000" i="1"/>
  <c r="AF119001" i="1"/>
  <c r="AF119002" i="1"/>
  <c r="AF119003" i="1"/>
  <c r="AF119004" i="1"/>
  <c r="AF119005" i="1"/>
  <c r="AF119006" i="1"/>
  <c r="AF119007" i="1"/>
  <c r="AF119008" i="1"/>
  <c r="AF119009" i="1"/>
  <c r="AF119010" i="1"/>
  <c r="AF119011" i="1"/>
  <c r="AF119012" i="1"/>
  <c r="AF119013" i="1"/>
  <c r="AF119014" i="1"/>
  <c r="AF119015" i="1"/>
  <c r="AF119016" i="1"/>
  <c r="AF119017" i="1"/>
  <c r="AF119018" i="1"/>
  <c r="AF119019" i="1"/>
  <c r="AF119020" i="1"/>
  <c r="AF119021" i="1"/>
  <c r="AF119022" i="1"/>
  <c r="AF119023" i="1"/>
  <c r="AF119024" i="1"/>
  <c r="AF119025" i="1"/>
  <c r="AF119026" i="1"/>
  <c r="AF119027" i="1"/>
  <c r="AF119028" i="1"/>
  <c r="AF119029" i="1"/>
  <c r="AF119030" i="1"/>
  <c r="AF119031" i="1"/>
  <c r="AF119032" i="1"/>
  <c r="AF119033" i="1"/>
  <c r="AF119034" i="1"/>
  <c r="AF119035" i="1"/>
  <c r="AF119036" i="1"/>
  <c r="AF119037" i="1"/>
  <c r="AF119038" i="1"/>
  <c r="AF119039" i="1"/>
  <c r="AF119040" i="1"/>
  <c r="AF119041" i="1"/>
  <c r="AF119042" i="1"/>
  <c r="AF119043" i="1"/>
  <c r="AF119044" i="1"/>
  <c r="AF119045" i="1"/>
  <c r="AF119046" i="1"/>
  <c r="AF119047" i="1"/>
  <c r="AF119048" i="1"/>
  <c r="AF119049" i="1"/>
  <c r="AF119050" i="1"/>
  <c r="AF119051" i="1"/>
  <c r="AF119052" i="1"/>
  <c r="AF119053" i="1"/>
  <c r="AF119054" i="1"/>
  <c r="AF119055" i="1"/>
  <c r="AF119056" i="1"/>
  <c r="AF119057" i="1"/>
  <c r="AF119058" i="1"/>
  <c r="AF119059" i="1"/>
  <c r="AF119060" i="1"/>
  <c r="AF119061" i="1"/>
  <c r="AF119062" i="1"/>
  <c r="AF119063" i="1"/>
  <c r="AF119064" i="1"/>
  <c r="AF119065" i="1"/>
  <c r="AF119066" i="1"/>
  <c r="AF119067" i="1"/>
  <c r="AF119068" i="1"/>
  <c r="AF119069" i="1"/>
  <c r="AF119070" i="1"/>
  <c r="AF119071" i="1"/>
  <c r="AF119072" i="1"/>
  <c r="AF119073" i="1"/>
  <c r="AF119074" i="1"/>
  <c r="AF119075" i="1"/>
  <c r="AF119076" i="1"/>
  <c r="AF119077" i="1"/>
  <c r="AF119078" i="1"/>
  <c r="AF119079" i="1"/>
  <c r="AF119080" i="1"/>
  <c r="AF119081" i="1"/>
  <c r="AF119082" i="1"/>
  <c r="AF119083" i="1"/>
  <c r="AF119084" i="1"/>
  <c r="AF119085" i="1"/>
  <c r="AF119086" i="1"/>
  <c r="AF119087" i="1"/>
  <c r="AF119088" i="1"/>
  <c r="AF119089" i="1"/>
  <c r="AF119090" i="1"/>
  <c r="AF119091" i="1"/>
  <c r="AF119092" i="1"/>
  <c r="AF119093" i="1"/>
  <c r="AF119094" i="1"/>
  <c r="AF119095" i="1"/>
  <c r="AF119096" i="1"/>
  <c r="AF119097" i="1"/>
  <c r="AF119098" i="1"/>
  <c r="AF119099" i="1"/>
  <c r="AF119100" i="1"/>
  <c r="AF119101" i="1"/>
  <c r="AF119102" i="1"/>
  <c r="AF119103" i="1"/>
  <c r="AF119104" i="1"/>
  <c r="AF119105" i="1"/>
  <c r="AF119106" i="1"/>
  <c r="AF119107" i="1"/>
  <c r="AF119108" i="1"/>
  <c r="AF119109" i="1"/>
  <c r="AF119110" i="1"/>
  <c r="AF119111" i="1"/>
  <c r="AF119112" i="1"/>
  <c r="AF119113" i="1"/>
  <c r="AF119114" i="1"/>
  <c r="AF119115" i="1"/>
  <c r="AF119116" i="1"/>
  <c r="AF119117" i="1"/>
  <c r="AF119118" i="1"/>
  <c r="AF119119" i="1"/>
  <c r="AF119120" i="1"/>
  <c r="AF119121" i="1"/>
  <c r="AF119122" i="1"/>
  <c r="AF119123" i="1"/>
  <c r="AF119124" i="1"/>
  <c r="AF119125" i="1"/>
  <c r="AF119126" i="1"/>
  <c r="AF119127" i="1"/>
  <c r="AF119128" i="1"/>
  <c r="AF119129" i="1"/>
  <c r="AF119130" i="1"/>
  <c r="AF119131" i="1"/>
  <c r="AF119132" i="1"/>
  <c r="AF119133" i="1"/>
  <c r="AF119134" i="1"/>
  <c r="AF119135" i="1"/>
  <c r="AF119136" i="1"/>
  <c r="AF119137" i="1"/>
  <c r="AF119138" i="1"/>
  <c r="AF119139" i="1"/>
  <c r="AF119140" i="1"/>
  <c r="AF119141" i="1"/>
  <c r="AF119142" i="1"/>
  <c r="AF119143" i="1"/>
  <c r="AF119144" i="1"/>
  <c r="AF119145" i="1"/>
  <c r="AF119146" i="1"/>
  <c r="AF119147" i="1"/>
  <c r="AF119148" i="1"/>
  <c r="AF119149" i="1"/>
  <c r="AF119150" i="1"/>
  <c r="AF119151" i="1"/>
  <c r="AF119152" i="1"/>
  <c r="AF119153" i="1"/>
  <c r="AF119154" i="1"/>
  <c r="AF119155" i="1"/>
  <c r="AF119156" i="1"/>
  <c r="AF119157" i="1"/>
  <c r="AF119158" i="1"/>
  <c r="AF119159" i="1"/>
  <c r="AF119160" i="1"/>
  <c r="AF119161" i="1"/>
  <c r="AF119162" i="1"/>
  <c r="AF119163" i="1"/>
  <c r="AF119164" i="1"/>
  <c r="AF119165" i="1"/>
  <c r="AF119166" i="1"/>
  <c r="AF119167" i="1"/>
  <c r="AF119168" i="1"/>
  <c r="AF119169" i="1"/>
  <c r="AF119170" i="1"/>
  <c r="AF119171" i="1"/>
  <c r="AF119172" i="1"/>
  <c r="AF119173" i="1"/>
  <c r="AF119174" i="1"/>
  <c r="AF119175" i="1"/>
  <c r="AF119176" i="1"/>
  <c r="AF119177" i="1"/>
  <c r="AF119178" i="1"/>
  <c r="AF119179" i="1"/>
  <c r="AF119180" i="1"/>
  <c r="AF119181" i="1"/>
  <c r="AF119182" i="1"/>
  <c r="AF119183" i="1"/>
  <c r="AF119184" i="1"/>
  <c r="AF119185" i="1"/>
  <c r="AF119186" i="1"/>
  <c r="AF119187" i="1"/>
  <c r="AF119188" i="1"/>
  <c r="AF119189" i="1"/>
  <c r="AF119190" i="1"/>
  <c r="AF119191" i="1"/>
  <c r="AF119192" i="1"/>
  <c r="AF119193" i="1"/>
  <c r="AF119194" i="1"/>
  <c r="AF119195" i="1"/>
  <c r="AF119196" i="1"/>
  <c r="AF119197" i="1"/>
  <c r="AF119198" i="1"/>
  <c r="AF119199" i="1"/>
  <c r="AF119200" i="1"/>
  <c r="AF119201" i="1"/>
  <c r="AF119202" i="1"/>
  <c r="AF119203" i="1"/>
  <c r="AF119204" i="1"/>
  <c r="AF119205" i="1"/>
  <c r="AF119206" i="1"/>
  <c r="AF119207" i="1"/>
  <c r="AF119208" i="1"/>
  <c r="AF119209" i="1"/>
  <c r="AF119210" i="1"/>
  <c r="AF119211" i="1"/>
  <c r="AF119212" i="1"/>
  <c r="AF119213" i="1"/>
  <c r="AF119214" i="1"/>
  <c r="AF119215" i="1"/>
  <c r="AF119216" i="1"/>
  <c r="AF119217" i="1"/>
  <c r="AF119218" i="1"/>
  <c r="AF119219" i="1"/>
  <c r="AF119220" i="1"/>
  <c r="AF119221" i="1"/>
  <c r="AF119222" i="1"/>
  <c r="AF119223" i="1"/>
  <c r="AF119224" i="1"/>
  <c r="AF119225" i="1"/>
  <c r="AF119226" i="1"/>
  <c r="AF119227" i="1"/>
  <c r="AF119228" i="1"/>
  <c r="AF119229" i="1"/>
  <c r="AF119230" i="1"/>
  <c r="AF119231" i="1"/>
  <c r="AF119232" i="1"/>
  <c r="AF119233" i="1"/>
  <c r="AF119234" i="1"/>
  <c r="AF119235" i="1"/>
  <c r="AF119236" i="1"/>
  <c r="AF119237" i="1"/>
  <c r="AF119238" i="1"/>
  <c r="AF119239" i="1"/>
  <c r="AF119240" i="1"/>
  <c r="AF119241" i="1"/>
  <c r="AF119242" i="1"/>
  <c r="AF119243" i="1"/>
  <c r="AF119244" i="1"/>
  <c r="AF119245" i="1"/>
  <c r="AF119246" i="1"/>
  <c r="AF119247" i="1"/>
  <c r="AF119248" i="1"/>
  <c r="AF119249" i="1"/>
  <c r="AF119250" i="1"/>
  <c r="AF119251" i="1"/>
  <c r="AF119252" i="1"/>
  <c r="AF119253" i="1"/>
  <c r="AF119254" i="1"/>
  <c r="AF119255" i="1"/>
  <c r="AF119256" i="1"/>
  <c r="AF119257" i="1"/>
  <c r="AF119258" i="1"/>
  <c r="AF119259" i="1"/>
  <c r="AF119260" i="1"/>
  <c r="AF119261" i="1"/>
  <c r="AF119262" i="1"/>
  <c r="AF119263" i="1"/>
  <c r="AF119264" i="1"/>
  <c r="AF119265" i="1"/>
  <c r="AF119266" i="1"/>
  <c r="AF119267" i="1"/>
  <c r="AF119268" i="1"/>
  <c r="AF119269" i="1"/>
  <c r="AF119270" i="1"/>
  <c r="AF119271" i="1"/>
  <c r="AF119272" i="1"/>
  <c r="AF119273" i="1"/>
  <c r="AF119274" i="1"/>
  <c r="AF119275" i="1"/>
  <c r="AF119276" i="1"/>
  <c r="AF119277" i="1"/>
  <c r="AF119278" i="1"/>
  <c r="AF119279" i="1"/>
  <c r="AF119280" i="1"/>
  <c r="AF119281" i="1"/>
  <c r="AF119282" i="1"/>
  <c r="AF119283" i="1"/>
  <c r="AF119284" i="1"/>
  <c r="AF119285" i="1"/>
  <c r="AF119286" i="1"/>
  <c r="AF119287" i="1"/>
  <c r="AF119288" i="1"/>
  <c r="AF119289" i="1"/>
  <c r="AF119290" i="1"/>
  <c r="AF119291" i="1"/>
  <c r="AF119292" i="1"/>
  <c r="AF119293" i="1"/>
  <c r="AF119294" i="1"/>
  <c r="AF119295" i="1"/>
  <c r="AF119296" i="1"/>
  <c r="AF119297" i="1"/>
  <c r="AF119298" i="1"/>
  <c r="AF119299" i="1"/>
  <c r="AF119300" i="1"/>
  <c r="AF119301" i="1"/>
  <c r="AF119302" i="1"/>
  <c r="AF119303" i="1"/>
  <c r="AF119304" i="1"/>
  <c r="AF119305" i="1"/>
  <c r="AF119306" i="1"/>
  <c r="AF119307" i="1"/>
  <c r="AF119308" i="1"/>
  <c r="AF119309" i="1"/>
  <c r="AF119310" i="1"/>
  <c r="AF119311" i="1"/>
  <c r="AF119312" i="1"/>
  <c r="AF119313" i="1"/>
  <c r="AF119314" i="1"/>
  <c r="AF119315" i="1"/>
  <c r="AF119316" i="1"/>
  <c r="AF119317" i="1"/>
  <c r="AF119318" i="1"/>
  <c r="AF119319" i="1"/>
  <c r="AF119320" i="1"/>
  <c r="AF119321" i="1"/>
  <c r="AF119322" i="1"/>
  <c r="AF119323" i="1"/>
  <c r="AF119324" i="1"/>
  <c r="AF119325" i="1"/>
  <c r="AF119326" i="1"/>
  <c r="AF119327" i="1"/>
  <c r="AF119328" i="1"/>
  <c r="AF119329" i="1"/>
  <c r="AF119330" i="1"/>
  <c r="AF119331" i="1"/>
  <c r="AF119332" i="1"/>
  <c r="AF119333" i="1"/>
  <c r="AF119334" i="1"/>
  <c r="AF119335" i="1"/>
  <c r="AF119336" i="1"/>
  <c r="AF119337" i="1"/>
  <c r="AF119338" i="1"/>
  <c r="AF119339" i="1"/>
  <c r="AF119340" i="1"/>
  <c r="AF119341" i="1"/>
  <c r="AF119342" i="1"/>
  <c r="AF119343" i="1"/>
  <c r="AF119344" i="1"/>
  <c r="AF119345" i="1"/>
  <c r="AF119346" i="1"/>
  <c r="AF119347" i="1"/>
  <c r="AF119348" i="1"/>
  <c r="AF119349" i="1"/>
  <c r="AF119350" i="1"/>
  <c r="AF119351" i="1"/>
  <c r="AF119352" i="1"/>
  <c r="AF119353" i="1"/>
  <c r="AF119354" i="1"/>
  <c r="AF119355" i="1"/>
  <c r="AF119356" i="1"/>
  <c r="AF119357" i="1"/>
  <c r="AF119358" i="1"/>
  <c r="AF119359" i="1"/>
  <c r="AF119360" i="1"/>
  <c r="AF119361" i="1"/>
  <c r="AF119362" i="1"/>
  <c r="AF119363" i="1"/>
  <c r="AF119364" i="1"/>
  <c r="AF119365" i="1"/>
  <c r="AF119366" i="1"/>
  <c r="AF119367" i="1"/>
  <c r="AF119368" i="1"/>
  <c r="AF119369" i="1"/>
  <c r="AF119370" i="1"/>
  <c r="AF119371" i="1"/>
  <c r="AF119372" i="1"/>
  <c r="AF119373" i="1"/>
  <c r="AF119374" i="1"/>
  <c r="AF119375" i="1"/>
  <c r="AF119376" i="1"/>
  <c r="AF119377" i="1"/>
  <c r="AF119378" i="1"/>
  <c r="AF119379" i="1"/>
  <c r="AF119380" i="1"/>
  <c r="AF119381" i="1"/>
  <c r="AF119382" i="1"/>
  <c r="AF119383" i="1"/>
  <c r="AF119384" i="1"/>
  <c r="AF119385" i="1"/>
  <c r="AF119386" i="1"/>
  <c r="AF119387" i="1"/>
  <c r="AF119388" i="1"/>
  <c r="AF119389" i="1"/>
  <c r="AF119390" i="1"/>
  <c r="AF119391" i="1"/>
  <c r="AF119392" i="1"/>
  <c r="AF119393" i="1"/>
  <c r="AF119394" i="1"/>
  <c r="AF119395" i="1"/>
  <c r="AF119396" i="1"/>
  <c r="AF119397" i="1"/>
  <c r="AF119398" i="1"/>
  <c r="AF119399" i="1"/>
  <c r="AF119400" i="1"/>
  <c r="AF119401" i="1"/>
  <c r="AF119402" i="1"/>
  <c r="AF119403" i="1"/>
  <c r="AF119404" i="1"/>
  <c r="AF119405" i="1"/>
  <c r="AF119406" i="1"/>
  <c r="AF119407" i="1"/>
  <c r="AF119408" i="1"/>
  <c r="AF119409" i="1"/>
  <c r="AF119410" i="1"/>
  <c r="AF119411" i="1"/>
  <c r="AF119412" i="1"/>
  <c r="AF119413" i="1"/>
  <c r="AF119414" i="1"/>
  <c r="AF119415" i="1"/>
  <c r="AF119416" i="1"/>
  <c r="AF119417" i="1"/>
  <c r="AF119418" i="1"/>
  <c r="AF119419" i="1"/>
  <c r="AF119420" i="1"/>
  <c r="AF119421" i="1"/>
  <c r="AF119422" i="1"/>
  <c r="AF119423" i="1"/>
  <c r="AF119424" i="1"/>
  <c r="AF119425" i="1"/>
  <c r="AF119426" i="1"/>
  <c r="AF119427" i="1"/>
  <c r="AF119428" i="1"/>
  <c r="AF119429" i="1"/>
  <c r="AF119430" i="1"/>
  <c r="AF119431" i="1"/>
  <c r="AF119432" i="1"/>
  <c r="AF119433" i="1"/>
  <c r="AF119434" i="1"/>
  <c r="AF119435" i="1"/>
  <c r="AF119436" i="1"/>
  <c r="AF119437" i="1"/>
  <c r="AF119438" i="1"/>
  <c r="AF119439" i="1"/>
  <c r="AF119440" i="1"/>
  <c r="AF119441" i="1"/>
  <c r="AF119442" i="1"/>
  <c r="AF119443" i="1"/>
  <c r="AF119444" i="1"/>
  <c r="AF119445" i="1"/>
  <c r="AF119446" i="1"/>
  <c r="AF119447" i="1"/>
  <c r="AF119448" i="1"/>
  <c r="AF119449" i="1"/>
  <c r="AF119450" i="1"/>
  <c r="AF119451" i="1"/>
  <c r="AF119452" i="1"/>
  <c r="AF119453" i="1"/>
  <c r="AF119454" i="1"/>
  <c r="AF119455" i="1"/>
  <c r="AF119456" i="1"/>
  <c r="AF119457" i="1"/>
  <c r="AF119458" i="1"/>
  <c r="AF119459" i="1"/>
  <c r="AF119460" i="1"/>
  <c r="AF119461" i="1"/>
  <c r="AF119462" i="1"/>
  <c r="AF119463" i="1"/>
  <c r="AF119464" i="1"/>
  <c r="AF119465" i="1"/>
  <c r="AF119466" i="1"/>
  <c r="AF119467" i="1"/>
  <c r="AF119468" i="1"/>
  <c r="AF119469" i="1"/>
  <c r="AF119470" i="1"/>
  <c r="AF119471" i="1"/>
  <c r="AF119472" i="1"/>
  <c r="AF119473" i="1"/>
  <c r="AF119474" i="1"/>
  <c r="AF119475" i="1"/>
  <c r="AF119476" i="1"/>
  <c r="AF119477" i="1"/>
  <c r="AF119478" i="1"/>
  <c r="AF119479" i="1"/>
  <c r="AF119480" i="1"/>
  <c r="AF119481" i="1"/>
  <c r="AF119482" i="1"/>
  <c r="AF119483" i="1"/>
  <c r="AF119484" i="1"/>
  <c r="AF119485" i="1"/>
  <c r="AF119486" i="1"/>
  <c r="AF119487" i="1"/>
  <c r="AF119488" i="1"/>
  <c r="AF119489" i="1"/>
  <c r="AF119490" i="1"/>
  <c r="AF119491" i="1"/>
  <c r="AF119492" i="1"/>
  <c r="AF119493" i="1"/>
  <c r="AF119494" i="1"/>
  <c r="AF119495" i="1"/>
  <c r="AF119496" i="1"/>
  <c r="AF119497" i="1"/>
  <c r="AF119498" i="1"/>
  <c r="AF119499" i="1"/>
  <c r="AF119500" i="1"/>
  <c r="AF119501" i="1"/>
  <c r="AF119502" i="1"/>
  <c r="AF119503" i="1"/>
  <c r="AF119504" i="1"/>
  <c r="AF119505" i="1"/>
  <c r="AF119506" i="1"/>
  <c r="AF119507" i="1"/>
  <c r="AF119508" i="1"/>
  <c r="AF119509" i="1"/>
  <c r="AF119510" i="1"/>
  <c r="AF119511" i="1"/>
  <c r="AF119512" i="1"/>
  <c r="AF119513" i="1"/>
  <c r="AF119514" i="1"/>
  <c r="AF119515" i="1"/>
  <c r="AF119516" i="1"/>
  <c r="AF119517" i="1"/>
  <c r="AF119518" i="1"/>
  <c r="AF119519" i="1"/>
  <c r="AF119520" i="1"/>
  <c r="AF119521" i="1"/>
  <c r="AF119522" i="1"/>
  <c r="AF119523" i="1"/>
  <c r="AF119524" i="1"/>
  <c r="AF119525" i="1"/>
  <c r="AF119526" i="1"/>
  <c r="AF119527" i="1"/>
  <c r="AF119528" i="1"/>
  <c r="AF119529" i="1"/>
  <c r="AF119530" i="1"/>
  <c r="AF119531" i="1"/>
  <c r="AF119532" i="1"/>
  <c r="AF119533" i="1"/>
  <c r="AF119534" i="1"/>
  <c r="AF119535" i="1"/>
  <c r="AF119536" i="1"/>
  <c r="AF119537" i="1"/>
  <c r="AF119538" i="1"/>
  <c r="AF119539" i="1"/>
  <c r="AF119540" i="1"/>
  <c r="AF119541" i="1"/>
  <c r="AF119542" i="1"/>
  <c r="AF119543" i="1"/>
  <c r="AF119544" i="1"/>
  <c r="AF119545" i="1"/>
  <c r="AF119546" i="1"/>
  <c r="AF119547" i="1"/>
  <c r="AF119548" i="1"/>
  <c r="AF119549" i="1"/>
  <c r="AF119550" i="1"/>
  <c r="AF119551" i="1"/>
  <c r="AF119552" i="1"/>
  <c r="AF119553" i="1"/>
  <c r="AF119554" i="1"/>
  <c r="AF119555" i="1"/>
  <c r="AF119556" i="1"/>
  <c r="AF119557" i="1"/>
  <c r="AF119558" i="1"/>
  <c r="AF119559" i="1"/>
  <c r="AF119560" i="1"/>
  <c r="AF119561" i="1"/>
  <c r="AF119562" i="1"/>
  <c r="AF119563" i="1"/>
  <c r="AF119564" i="1"/>
  <c r="AF119565" i="1"/>
  <c r="AF119566" i="1"/>
  <c r="AF119567" i="1"/>
  <c r="AF119568" i="1"/>
  <c r="AF119569" i="1"/>
  <c r="AF119570" i="1"/>
  <c r="AF119571" i="1"/>
  <c r="AF119572" i="1"/>
  <c r="AF119573" i="1"/>
  <c r="AF119574" i="1"/>
  <c r="AF119575" i="1"/>
  <c r="AF119576" i="1"/>
  <c r="AF119577" i="1"/>
  <c r="AF119578" i="1"/>
  <c r="AF119579" i="1"/>
  <c r="AF119580" i="1"/>
  <c r="AF119581" i="1"/>
  <c r="AF119582" i="1"/>
  <c r="AF119583" i="1"/>
  <c r="AF119584" i="1"/>
  <c r="AF119585" i="1"/>
  <c r="AF119586" i="1"/>
  <c r="AF119587" i="1"/>
  <c r="AF119588" i="1"/>
  <c r="AF119589" i="1"/>
  <c r="AF119590" i="1"/>
  <c r="AF119591" i="1"/>
  <c r="AF119592" i="1"/>
  <c r="AF119593" i="1"/>
  <c r="AF119594" i="1"/>
  <c r="AF119595" i="1"/>
  <c r="AF119596" i="1"/>
  <c r="AF119597" i="1"/>
  <c r="AF119598" i="1"/>
  <c r="AF119599" i="1"/>
  <c r="AF119600" i="1"/>
  <c r="AF119601" i="1"/>
  <c r="AF119602" i="1"/>
  <c r="AF119603" i="1"/>
  <c r="AF119604" i="1"/>
  <c r="AF119605" i="1"/>
  <c r="AF119606" i="1"/>
  <c r="AF119607" i="1"/>
  <c r="AF119608" i="1"/>
  <c r="AF119609" i="1"/>
  <c r="AF119610" i="1"/>
  <c r="AF119611" i="1"/>
  <c r="AF119612" i="1"/>
  <c r="AF119613" i="1"/>
  <c r="AF119614" i="1"/>
  <c r="AF119615" i="1"/>
  <c r="AF119616" i="1"/>
  <c r="AF119617" i="1"/>
  <c r="AF119618" i="1"/>
  <c r="AF119619" i="1"/>
  <c r="AF119620" i="1"/>
  <c r="AF119621" i="1"/>
  <c r="AF119622" i="1"/>
  <c r="AF119623" i="1"/>
  <c r="AF119624" i="1"/>
  <c r="AF119625" i="1"/>
  <c r="AF119626" i="1"/>
  <c r="AF119627" i="1"/>
  <c r="AF119628" i="1"/>
  <c r="AF119629" i="1"/>
  <c r="AF119630" i="1"/>
  <c r="AF119631" i="1"/>
  <c r="AF119632" i="1"/>
  <c r="AF119633" i="1"/>
  <c r="AF119634" i="1"/>
  <c r="AF119635" i="1"/>
  <c r="AF119636" i="1"/>
  <c r="AF119637" i="1"/>
  <c r="AF119638" i="1"/>
  <c r="AF119639" i="1"/>
  <c r="AF119640" i="1"/>
  <c r="AF119641" i="1"/>
  <c r="AF119642" i="1"/>
  <c r="AF119643" i="1"/>
  <c r="AF119644" i="1"/>
  <c r="AF119645" i="1"/>
  <c r="AF119646" i="1"/>
  <c r="AF119647" i="1"/>
  <c r="AF119648" i="1"/>
  <c r="AF119649" i="1"/>
  <c r="AF119650" i="1"/>
  <c r="AF119651" i="1"/>
  <c r="AF119652" i="1"/>
  <c r="AF119653" i="1"/>
  <c r="AF119654" i="1"/>
  <c r="AF119655" i="1"/>
  <c r="AF119656" i="1"/>
  <c r="AF119657" i="1"/>
  <c r="AF119658" i="1"/>
  <c r="AF119659" i="1"/>
  <c r="AF119660" i="1"/>
  <c r="AF119661" i="1"/>
  <c r="AF119662" i="1"/>
  <c r="AF119663" i="1"/>
  <c r="AF119664" i="1"/>
  <c r="AF119665" i="1"/>
  <c r="AF119666" i="1"/>
  <c r="AF119667" i="1"/>
  <c r="AF119668" i="1"/>
  <c r="AF119669" i="1"/>
  <c r="AF119670" i="1"/>
  <c r="AF119671" i="1"/>
  <c r="AF119672" i="1"/>
  <c r="AF119673" i="1"/>
  <c r="AF119674" i="1"/>
  <c r="AF119675" i="1"/>
  <c r="AF119676" i="1"/>
  <c r="AF119677" i="1"/>
  <c r="AF119678" i="1"/>
  <c r="AF119679" i="1"/>
  <c r="AF119680" i="1"/>
  <c r="AF119681" i="1"/>
  <c r="AF119682" i="1"/>
  <c r="AF119683" i="1"/>
  <c r="AF119684" i="1"/>
  <c r="AF119685" i="1"/>
  <c r="AF119686" i="1"/>
  <c r="AF119687" i="1"/>
  <c r="AF119688" i="1"/>
  <c r="AF119689" i="1"/>
  <c r="AF119690" i="1"/>
  <c r="AF119691" i="1"/>
  <c r="AF119692" i="1"/>
  <c r="AF119693" i="1"/>
  <c r="AF119694" i="1"/>
  <c r="AF119695" i="1"/>
  <c r="AF119696" i="1"/>
  <c r="AF119697" i="1"/>
  <c r="AF119698" i="1"/>
  <c r="AF119699" i="1"/>
  <c r="AF119700" i="1"/>
  <c r="AF119701" i="1"/>
  <c r="AF119702" i="1"/>
  <c r="AF119703" i="1"/>
  <c r="AF119704" i="1"/>
  <c r="AF119705" i="1"/>
  <c r="AF119706" i="1"/>
  <c r="AF119707" i="1"/>
  <c r="AF119708" i="1"/>
  <c r="AF119709" i="1"/>
  <c r="AF119710" i="1"/>
  <c r="AF119711" i="1"/>
  <c r="AF119712" i="1"/>
  <c r="AF119713" i="1"/>
  <c r="AF119714" i="1"/>
  <c r="AF119715" i="1"/>
  <c r="AF119716" i="1"/>
  <c r="AF119717" i="1"/>
  <c r="AF119718" i="1"/>
  <c r="AF119719" i="1"/>
  <c r="AF119720" i="1"/>
  <c r="AF119721" i="1"/>
  <c r="AF119722" i="1"/>
  <c r="AF119723" i="1"/>
  <c r="AF119724" i="1"/>
  <c r="AF119725" i="1"/>
  <c r="AF119726" i="1"/>
  <c r="AF119727" i="1"/>
  <c r="AF119728" i="1"/>
  <c r="AF119729" i="1"/>
  <c r="AF119730" i="1"/>
  <c r="AF119731" i="1"/>
  <c r="AF119732" i="1"/>
  <c r="AF119733" i="1"/>
  <c r="AF119734" i="1"/>
  <c r="AF119735" i="1"/>
  <c r="AF119736" i="1"/>
  <c r="AF119737" i="1"/>
  <c r="AF119738" i="1"/>
  <c r="AF119739" i="1"/>
  <c r="AF119740" i="1"/>
  <c r="AF119741" i="1"/>
  <c r="AF119742" i="1"/>
  <c r="AF119743" i="1"/>
  <c r="AF119744" i="1"/>
  <c r="AF119745" i="1"/>
  <c r="AF119746" i="1"/>
  <c r="AF119747" i="1"/>
  <c r="AF119748" i="1"/>
  <c r="AF119749" i="1"/>
  <c r="AF119750" i="1"/>
  <c r="AF119751" i="1"/>
  <c r="AF119752" i="1"/>
  <c r="AF119753" i="1"/>
  <c r="AF119754" i="1"/>
  <c r="AF119755" i="1"/>
  <c r="AF119756" i="1"/>
  <c r="AF119757" i="1"/>
  <c r="AF119758" i="1"/>
  <c r="AF119759" i="1"/>
  <c r="AF119760" i="1"/>
  <c r="AF119761" i="1"/>
  <c r="AF119762" i="1"/>
  <c r="AF119763" i="1"/>
  <c r="AF119764" i="1"/>
  <c r="AF119765" i="1"/>
  <c r="AF119766" i="1"/>
  <c r="AF119767" i="1"/>
  <c r="AF119768" i="1"/>
  <c r="AF119769" i="1"/>
  <c r="AF119770" i="1"/>
  <c r="AF119771" i="1"/>
  <c r="AF119772" i="1"/>
  <c r="AF119773" i="1"/>
  <c r="AF119774" i="1"/>
  <c r="AF119775" i="1"/>
  <c r="AF119776" i="1"/>
  <c r="AF119777" i="1"/>
  <c r="AF119778" i="1"/>
  <c r="AF119779" i="1"/>
  <c r="AF119780" i="1"/>
  <c r="AF119781" i="1"/>
  <c r="AF119782" i="1"/>
  <c r="AF119783" i="1"/>
  <c r="AF119784" i="1"/>
  <c r="AF119785" i="1"/>
  <c r="AF119786" i="1"/>
  <c r="AF119787" i="1"/>
  <c r="AF119788" i="1"/>
  <c r="AF119789" i="1"/>
  <c r="AF119790" i="1"/>
  <c r="AF119791" i="1"/>
  <c r="AF119792" i="1"/>
  <c r="AF119793" i="1"/>
  <c r="AF119794" i="1"/>
  <c r="AF119795" i="1"/>
  <c r="AF119796" i="1"/>
  <c r="AF119797" i="1"/>
  <c r="AF119798" i="1"/>
  <c r="AF119799" i="1"/>
  <c r="AF119800" i="1"/>
  <c r="AF119801" i="1"/>
  <c r="AF119802" i="1"/>
  <c r="AF119803" i="1"/>
  <c r="AF119804" i="1"/>
  <c r="AF119805" i="1"/>
  <c r="AF119806" i="1"/>
  <c r="AF119807" i="1"/>
  <c r="AF119808" i="1"/>
  <c r="AF119809" i="1"/>
  <c r="AF119810" i="1"/>
  <c r="AF119811" i="1"/>
  <c r="AF119812" i="1"/>
  <c r="AF119813" i="1"/>
  <c r="AF119814" i="1"/>
  <c r="AF119815" i="1"/>
  <c r="AF119816" i="1"/>
  <c r="AF119817" i="1"/>
  <c r="AF119818" i="1"/>
  <c r="AF119819" i="1"/>
  <c r="AF119820" i="1"/>
  <c r="AF119821" i="1"/>
  <c r="AF119822" i="1"/>
  <c r="AF119823" i="1"/>
  <c r="AF119824" i="1"/>
  <c r="AF119825" i="1"/>
  <c r="AF119826" i="1"/>
  <c r="AF119827" i="1"/>
  <c r="AF119828" i="1"/>
  <c r="AF119829" i="1"/>
  <c r="AF119830" i="1"/>
  <c r="AF119831" i="1"/>
  <c r="AF119832" i="1"/>
  <c r="AF119833" i="1"/>
  <c r="AF119834" i="1"/>
  <c r="AF119835" i="1"/>
  <c r="AF119836" i="1"/>
  <c r="AF119837" i="1"/>
  <c r="AF119838" i="1"/>
  <c r="AF119839" i="1"/>
  <c r="AF119840" i="1"/>
  <c r="AF119841" i="1"/>
  <c r="AF119842" i="1"/>
  <c r="AF119843" i="1"/>
  <c r="AF119844" i="1"/>
  <c r="AF119845" i="1"/>
  <c r="AF119846" i="1"/>
  <c r="AF119847" i="1"/>
  <c r="AF119848" i="1"/>
  <c r="AF119849" i="1"/>
  <c r="AF119850" i="1"/>
  <c r="AF119851" i="1"/>
  <c r="AF119852" i="1"/>
  <c r="AF119853" i="1"/>
  <c r="AF119854" i="1"/>
  <c r="AF119855" i="1"/>
  <c r="AF119856" i="1"/>
  <c r="AF119857" i="1"/>
  <c r="AF119858" i="1"/>
  <c r="AF119859" i="1"/>
  <c r="AF119860" i="1"/>
  <c r="AF119861" i="1"/>
  <c r="AF119862" i="1"/>
  <c r="AF119863" i="1"/>
  <c r="AF119864" i="1"/>
  <c r="AF119865" i="1"/>
  <c r="AF119866" i="1"/>
  <c r="AF119867" i="1"/>
  <c r="AF119868" i="1"/>
  <c r="AF119869" i="1"/>
  <c r="AF119870" i="1"/>
  <c r="AF119871" i="1"/>
  <c r="AF119872" i="1"/>
  <c r="AF119873" i="1"/>
  <c r="AF119874" i="1"/>
  <c r="AF119875" i="1"/>
  <c r="AF119876" i="1"/>
  <c r="AF119877" i="1"/>
  <c r="AF119878" i="1"/>
  <c r="AF119879" i="1"/>
  <c r="AF119880" i="1"/>
  <c r="AF119881" i="1"/>
  <c r="AF119882" i="1"/>
  <c r="AF119883" i="1"/>
  <c r="AF119884" i="1"/>
  <c r="AF119885" i="1"/>
  <c r="AF119886" i="1"/>
  <c r="AF119887" i="1"/>
  <c r="AF119888" i="1"/>
  <c r="AF119889" i="1"/>
  <c r="AF119890" i="1"/>
  <c r="AF119891" i="1"/>
  <c r="AF119892" i="1"/>
  <c r="AF119893" i="1"/>
  <c r="AF119894" i="1"/>
  <c r="AF119895" i="1"/>
  <c r="AF119896" i="1"/>
  <c r="AF119897" i="1"/>
  <c r="AF119898" i="1"/>
  <c r="AF119899" i="1"/>
  <c r="AF119900" i="1"/>
  <c r="AF119901" i="1"/>
  <c r="AF119902" i="1"/>
  <c r="AF119903" i="1"/>
  <c r="AF119904" i="1"/>
  <c r="AF119905" i="1"/>
  <c r="AF119906" i="1"/>
  <c r="AF119907" i="1"/>
  <c r="AF119908" i="1"/>
  <c r="AF119909" i="1"/>
  <c r="AF119910" i="1"/>
  <c r="AF119911" i="1"/>
  <c r="AF119912" i="1"/>
  <c r="AF119913" i="1"/>
  <c r="AF119914" i="1"/>
  <c r="AF119915" i="1"/>
  <c r="AF119916" i="1"/>
  <c r="AF119917" i="1"/>
  <c r="AF119918" i="1"/>
  <c r="AF119919" i="1"/>
  <c r="AF119920" i="1"/>
  <c r="AF119921" i="1"/>
  <c r="AF119922" i="1"/>
  <c r="AF119923" i="1"/>
  <c r="AF119924" i="1"/>
  <c r="AF119925" i="1"/>
  <c r="AF119926" i="1"/>
  <c r="AF119927" i="1"/>
  <c r="AF119928" i="1"/>
  <c r="AF119929" i="1"/>
  <c r="AF119930" i="1"/>
  <c r="AF119931" i="1"/>
  <c r="AF119932" i="1"/>
  <c r="AF119933" i="1"/>
  <c r="AF119934" i="1"/>
  <c r="AF119935" i="1"/>
  <c r="AF119936" i="1"/>
  <c r="AF119937" i="1"/>
  <c r="AF119938" i="1"/>
  <c r="AF119939" i="1"/>
  <c r="AF119940" i="1"/>
  <c r="AF119941" i="1"/>
  <c r="AF119942" i="1"/>
  <c r="AF119943" i="1"/>
  <c r="AF119944" i="1"/>
  <c r="AF119945" i="1"/>
  <c r="AF119946" i="1"/>
  <c r="AF119947" i="1"/>
  <c r="AF119948" i="1"/>
  <c r="AF119949" i="1"/>
  <c r="AF119950" i="1"/>
  <c r="AF119951" i="1"/>
  <c r="AF119952" i="1"/>
  <c r="AF119953" i="1"/>
  <c r="AF119954" i="1"/>
  <c r="AF119955" i="1"/>
  <c r="AF119956" i="1"/>
  <c r="AF119957" i="1"/>
  <c r="AF119958" i="1"/>
  <c r="AF119959" i="1"/>
  <c r="AF119960" i="1"/>
  <c r="AF119961" i="1"/>
  <c r="AF119962" i="1"/>
  <c r="AF119963" i="1"/>
  <c r="AF119964" i="1"/>
  <c r="AF119965" i="1"/>
  <c r="AF119966" i="1"/>
  <c r="AF119967" i="1"/>
  <c r="AF119968" i="1"/>
  <c r="AF119969" i="1"/>
  <c r="AF119970" i="1"/>
  <c r="AF119971" i="1"/>
  <c r="AF119972" i="1"/>
  <c r="AF119973" i="1"/>
  <c r="AF119974" i="1"/>
  <c r="AF119975" i="1"/>
  <c r="AF119976" i="1"/>
  <c r="AF119977" i="1"/>
  <c r="AF119978" i="1"/>
  <c r="AF119979" i="1"/>
  <c r="AF119980" i="1"/>
  <c r="AF119981" i="1"/>
  <c r="AF119982" i="1"/>
  <c r="AF119983" i="1"/>
  <c r="AF119984" i="1"/>
  <c r="AF119985" i="1"/>
  <c r="AF119986" i="1"/>
  <c r="AF119987" i="1"/>
  <c r="AF119988" i="1"/>
  <c r="AF119989" i="1"/>
  <c r="AF119990" i="1"/>
  <c r="AF119991" i="1"/>
  <c r="AF119992" i="1"/>
  <c r="AF119993" i="1"/>
  <c r="AF119994" i="1"/>
  <c r="AF119995" i="1"/>
  <c r="AF119996" i="1"/>
  <c r="AF119997" i="1"/>
  <c r="AF119998" i="1"/>
  <c r="AF119999" i="1"/>
  <c r="AF120000" i="1"/>
  <c r="AF120001" i="1"/>
  <c r="AF120002" i="1"/>
  <c r="AF120003" i="1"/>
  <c r="AF120004" i="1"/>
  <c r="AF120005" i="1"/>
  <c r="AF120006" i="1"/>
  <c r="AF120007" i="1"/>
  <c r="AF120008" i="1"/>
  <c r="AF120009" i="1"/>
  <c r="AF120010" i="1"/>
  <c r="AF120011" i="1"/>
  <c r="AF120012" i="1"/>
  <c r="AF120013" i="1"/>
  <c r="AF120014" i="1"/>
  <c r="AF120015" i="1"/>
  <c r="AF120016" i="1"/>
  <c r="AF120017" i="1"/>
  <c r="AF120018" i="1"/>
  <c r="AF120019" i="1"/>
  <c r="AF120020" i="1"/>
  <c r="AF120021" i="1"/>
  <c r="AF120022" i="1"/>
  <c r="AF120023" i="1"/>
  <c r="AF120024" i="1"/>
  <c r="AF120025" i="1"/>
  <c r="AF120026" i="1"/>
  <c r="AF120027" i="1"/>
  <c r="AF120028" i="1"/>
  <c r="AF120029" i="1"/>
  <c r="AF120030" i="1"/>
  <c r="AF120031" i="1"/>
  <c r="AF120032" i="1"/>
  <c r="AF120033" i="1"/>
  <c r="AF120034" i="1"/>
  <c r="AF120035" i="1"/>
  <c r="AF120036" i="1"/>
  <c r="AF120037" i="1"/>
  <c r="AF120038" i="1"/>
  <c r="AF120039" i="1"/>
  <c r="AF120040" i="1"/>
  <c r="AF120041" i="1"/>
  <c r="AF120042" i="1"/>
  <c r="AF120043" i="1"/>
  <c r="AF120044" i="1"/>
  <c r="AF120045" i="1"/>
  <c r="AF120046" i="1"/>
  <c r="AF120047" i="1"/>
  <c r="AF120048" i="1"/>
  <c r="AF120049" i="1"/>
  <c r="AF120050" i="1"/>
  <c r="AF120051" i="1"/>
  <c r="AF120052" i="1"/>
  <c r="AF120053" i="1"/>
  <c r="AF120054" i="1"/>
  <c r="AF120055" i="1"/>
  <c r="AF120056" i="1"/>
  <c r="AF120057" i="1"/>
  <c r="AF120058" i="1"/>
  <c r="AF120059" i="1"/>
  <c r="AF120060" i="1"/>
  <c r="AF120061" i="1"/>
  <c r="AF120062" i="1"/>
  <c r="AF120063" i="1"/>
  <c r="AF120064" i="1"/>
  <c r="AF120065" i="1"/>
  <c r="AF120066" i="1"/>
  <c r="AF120067" i="1"/>
  <c r="AF120068" i="1"/>
  <c r="AF120069" i="1"/>
  <c r="AF120070" i="1"/>
  <c r="AF120071" i="1"/>
  <c r="AF120072" i="1"/>
  <c r="AF120073" i="1"/>
  <c r="AF120074" i="1"/>
  <c r="AF120075" i="1"/>
  <c r="AF120076" i="1"/>
  <c r="AF120077" i="1"/>
  <c r="AF120078" i="1"/>
  <c r="AF120079" i="1"/>
  <c r="AF120080" i="1"/>
  <c r="AF120081" i="1"/>
  <c r="AF120082" i="1"/>
  <c r="AF120083" i="1"/>
  <c r="AF120084" i="1"/>
  <c r="AF120085" i="1"/>
  <c r="AF120086" i="1"/>
  <c r="AF120087" i="1"/>
  <c r="AF120088" i="1"/>
  <c r="AF120089" i="1"/>
  <c r="AF120090" i="1"/>
  <c r="AF120091" i="1"/>
  <c r="AF120092" i="1"/>
  <c r="AF120093" i="1"/>
  <c r="AF120094" i="1"/>
  <c r="AF120095" i="1"/>
  <c r="AF120096" i="1"/>
  <c r="AF120097" i="1"/>
  <c r="AF120098" i="1"/>
  <c r="AF120099" i="1"/>
  <c r="AF120100" i="1"/>
  <c r="AF120101" i="1"/>
  <c r="AF120102" i="1"/>
  <c r="AF120103" i="1"/>
  <c r="AF120104" i="1"/>
  <c r="AF120105" i="1"/>
  <c r="AF120106" i="1"/>
  <c r="AF120107" i="1"/>
  <c r="AF120108" i="1"/>
  <c r="AF120109" i="1"/>
  <c r="AF120110" i="1"/>
  <c r="AF120111" i="1"/>
  <c r="AF120112" i="1"/>
  <c r="AF120113" i="1"/>
  <c r="AF120114" i="1"/>
  <c r="AF120115" i="1"/>
  <c r="AF120116" i="1"/>
  <c r="AF120117" i="1"/>
  <c r="AF120118" i="1"/>
  <c r="AF120119" i="1"/>
  <c r="AF120120" i="1"/>
  <c r="AF120121" i="1"/>
  <c r="AF120122" i="1"/>
  <c r="AF120123" i="1"/>
  <c r="AF120124" i="1"/>
  <c r="AF120125" i="1"/>
  <c r="AF120126" i="1"/>
  <c r="AF120127" i="1"/>
  <c r="AF120128" i="1"/>
  <c r="AF120129" i="1"/>
  <c r="AF120130" i="1"/>
  <c r="AF120131" i="1"/>
  <c r="AF120132" i="1"/>
  <c r="AF120133" i="1"/>
  <c r="AF120134" i="1"/>
  <c r="AF120135" i="1"/>
  <c r="AF120136" i="1"/>
  <c r="AF120137" i="1"/>
  <c r="AF120138" i="1"/>
  <c r="AF120139" i="1"/>
  <c r="AF120140" i="1"/>
  <c r="AF120141" i="1"/>
  <c r="AF120142" i="1"/>
  <c r="AF120143" i="1"/>
  <c r="AF120144" i="1"/>
  <c r="AF120145" i="1"/>
  <c r="AF120146" i="1"/>
  <c r="AF120147" i="1"/>
  <c r="AF120148" i="1"/>
  <c r="AF120149" i="1"/>
  <c r="AF120150" i="1"/>
  <c r="AF120151" i="1"/>
  <c r="AF120152" i="1"/>
  <c r="AF120153" i="1"/>
  <c r="AF120154" i="1"/>
  <c r="AF120155" i="1"/>
  <c r="AF120156" i="1"/>
  <c r="AF120157" i="1"/>
  <c r="AF120158" i="1"/>
  <c r="AF120159" i="1"/>
  <c r="AF120160" i="1"/>
  <c r="AF120161" i="1"/>
  <c r="AF120162" i="1"/>
  <c r="AF120163" i="1"/>
  <c r="AF120164" i="1"/>
  <c r="AF120165" i="1"/>
  <c r="AF120166" i="1"/>
  <c r="AF120167" i="1"/>
  <c r="AF120168" i="1"/>
  <c r="AF120169" i="1"/>
  <c r="AF120170" i="1"/>
  <c r="AF120171" i="1"/>
  <c r="AF120172" i="1"/>
  <c r="AF120173" i="1"/>
  <c r="AF120174" i="1"/>
  <c r="AF120175" i="1"/>
  <c r="AF120176" i="1"/>
  <c r="AF120177" i="1"/>
  <c r="AF120178" i="1"/>
  <c r="AF120179" i="1"/>
  <c r="AF120180" i="1"/>
  <c r="AF120181" i="1"/>
  <c r="AF120182" i="1"/>
  <c r="AF120183" i="1"/>
  <c r="AF120184" i="1"/>
  <c r="AF120185" i="1"/>
  <c r="AF120186" i="1"/>
  <c r="AF120187" i="1"/>
  <c r="AF120188" i="1"/>
  <c r="AF120189" i="1"/>
  <c r="AF120190" i="1"/>
  <c r="AF120191" i="1"/>
  <c r="AF120192" i="1"/>
  <c r="AF120193" i="1"/>
  <c r="AF120194" i="1"/>
  <c r="AF120195" i="1"/>
  <c r="AF120196" i="1"/>
  <c r="AF120197" i="1"/>
  <c r="AF120198" i="1"/>
  <c r="AF120199" i="1"/>
  <c r="AF120200" i="1"/>
  <c r="AF120201" i="1"/>
  <c r="AF120202" i="1"/>
  <c r="AF120203" i="1"/>
  <c r="AF120204" i="1"/>
  <c r="AF120205" i="1"/>
  <c r="AF120206" i="1"/>
  <c r="AF120207" i="1"/>
  <c r="AF120208" i="1"/>
  <c r="AF120209" i="1"/>
  <c r="AF120210" i="1"/>
  <c r="AF120211" i="1"/>
  <c r="AF120212" i="1"/>
  <c r="AF120213" i="1"/>
  <c r="AF120214" i="1"/>
  <c r="AF120215" i="1"/>
  <c r="AF120216" i="1"/>
  <c r="AF120217" i="1"/>
  <c r="AF120218" i="1"/>
  <c r="AF120219" i="1"/>
  <c r="AF120220" i="1"/>
  <c r="AF120221" i="1"/>
  <c r="AF120222" i="1"/>
  <c r="AF120223" i="1"/>
  <c r="AF120224" i="1"/>
  <c r="AF120225" i="1"/>
  <c r="AF120226" i="1"/>
  <c r="AF120227" i="1"/>
  <c r="AF120228" i="1"/>
  <c r="AF120229" i="1"/>
  <c r="AF120230" i="1"/>
  <c r="AF120231" i="1"/>
  <c r="AF120232" i="1"/>
  <c r="AF120233" i="1"/>
  <c r="AF120234" i="1"/>
  <c r="AF120235" i="1"/>
  <c r="AF120236" i="1"/>
  <c r="AF120237" i="1"/>
  <c r="AF120238" i="1"/>
  <c r="AF120239" i="1"/>
  <c r="AF120240" i="1"/>
  <c r="AF120241" i="1"/>
  <c r="AF120242" i="1"/>
  <c r="AF120243" i="1"/>
  <c r="AF120244" i="1"/>
  <c r="AF120245" i="1"/>
  <c r="AF120246" i="1"/>
  <c r="AF120247" i="1"/>
  <c r="AF120248" i="1"/>
  <c r="AF120249" i="1"/>
  <c r="AF120250" i="1"/>
  <c r="AF120251" i="1"/>
  <c r="AF120252" i="1"/>
  <c r="AF120253" i="1"/>
  <c r="AF120254" i="1"/>
  <c r="AF120255" i="1"/>
  <c r="AF120256" i="1"/>
  <c r="AF120257" i="1"/>
  <c r="AF120258" i="1"/>
  <c r="AF120259" i="1"/>
  <c r="AF120260" i="1"/>
  <c r="AF120261" i="1"/>
  <c r="AF120262" i="1"/>
  <c r="AF120263" i="1"/>
  <c r="AF120264" i="1"/>
  <c r="AF120265" i="1"/>
  <c r="AF120266" i="1"/>
  <c r="AF120267" i="1"/>
  <c r="AF120268" i="1"/>
  <c r="AF120269" i="1"/>
  <c r="AF120270" i="1"/>
  <c r="AF120271" i="1"/>
  <c r="AF120272" i="1"/>
  <c r="AF120273" i="1"/>
  <c r="AF120274" i="1"/>
  <c r="AF120275" i="1"/>
  <c r="AF120276" i="1"/>
  <c r="AF120277" i="1"/>
  <c r="AF120278" i="1"/>
  <c r="AF120279" i="1"/>
  <c r="AF120280" i="1"/>
  <c r="AF120281" i="1"/>
  <c r="AF120282" i="1"/>
  <c r="AF120283" i="1"/>
  <c r="AF120284" i="1"/>
  <c r="AF120285" i="1"/>
  <c r="AF120286" i="1"/>
  <c r="AF120287" i="1"/>
  <c r="AF120288" i="1"/>
  <c r="AF120289" i="1"/>
  <c r="AF120290" i="1"/>
  <c r="AF120291" i="1"/>
  <c r="AF120292" i="1"/>
  <c r="AF120293" i="1"/>
  <c r="AF120294" i="1"/>
  <c r="AF120295" i="1"/>
  <c r="AF120296" i="1"/>
  <c r="AF120297" i="1"/>
  <c r="AF120298" i="1"/>
  <c r="AF120299" i="1"/>
  <c r="AF120300" i="1"/>
  <c r="AF120301" i="1"/>
  <c r="AF120302" i="1"/>
  <c r="AF120303" i="1"/>
  <c r="AF120304" i="1"/>
  <c r="AF120305" i="1"/>
  <c r="AF120306" i="1"/>
  <c r="AF120307" i="1"/>
  <c r="AF120308" i="1"/>
  <c r="AF120309" i="1"/>
  <c r="AF120310" i="1"/>
  <c r="AF120311" i="1"/>
  <c r="AF120312" i="1"/>
  <c r="AF120313" i="1"/>
  <c r="AF120314" i="1"/>
  <c r="AF120315" i="1"/>
  <c r="AF120316" i="1"/>
  <c r="AF120317" i="1"/>
  <c r="AF120318" i="1"/>
  <c r="AF120319" i="1"/>
  <c r="AF120320" i="1"/>
  <c r="AF120321" i="1"/>
  <c r="AF120322" i="1"/>
  <c r="AF120323" i="1"/>
  <c r="AF120324" i="1"/>
  <c r="AF120325" i="1"/>
  <c r="AF120326" i="1"/>
  <c r="AF120327" i="1"/>
  <c r="AF120328" i="1"/>
  <c r="AF120329" i="1"/>
  <c r="AF120330" i="1"/>
  <c r="AF120331" i="1"/>
  <c r="AF120332" i="1"/>
  <c r="AF120333" i="1"/>
  <c r="AF120334" i="1"/>
  <c r="AF120335" i="1"/>
  <c r="AF120336" i="1"/>
  <c r="AF120337" i="1"/>
  <c r="AF120338" i="1"/>
  <c r="AF120339" i="1"/>
  <c r="AF120340" i="1"/>
  <c r="AF120341" i="1"/>
  <c r="AF120342" i="1"/>
  <c r="AF120343" i="1"/>
  <c r="AF120344" i="1"/>
  <c r="AF120345" i="1"/>
  <c r="AF120346" i="1"/>
  <c r="AF120347" i="1"/>
  <c r="AF120348" i="1"/>
  <c r="AF120349" i="1"/>
  <c r="AF120350" i="1"/>
  <c r="AF120351" i="1"/>
  <c r="AF120352" i="1"/>
  <c r="AF120353" i="1"/>
  <c r="AF120354" i="1"/>
  <c r="AF120355" i="1"/>
  <c r="AF120356" i="1"/>
  <c r="AF120357" i="1"/>
  <c r="AF120358" i="1"/>
  <c r="AF120359" i="1"/>
  <c r="AF120360" i="1"/>
  <c r="AF120361" i="1"/>
  <c r="AF120362" i="1"/>
  <c r="AF120363" i="1"/>
  <c r="AF120364" i="1"/>
  <c r="AF120365" i="1"/>
  <c r="AF120366" i="1"/>
  <c r="AF120367" i="1"/>
  <c r="AF120368" i="1"/>
  <c r="AF120369" i="1"/>
  <c r="AF120370" i="1"/>
  <c r="AF120371" i="1"/>
  <c r="AF120372" i="1"/>
  <c r="AF120373" i="1"/>
  <c r="AF120374" i="1"/>
  <c r="AF120375" i="1"/>
  <c r="AF120376" i="1"/>
  <c r="AF120377" i="1"/>
  <c r="AF120378" i="1"/>
  <c r="AF120379" i="1"/>
  <c r="AF120380" i="1"/>
  <c r="AF120381" i="1"/>
  <c r="AF120382" i="1"/>
  <c r="AF120383" i="1"/>
  <c r="AF120384" i="1"/>
  <c r="AF120385" i="1"/>
  <c r="AF120386" i="1"/>
  <c r="AF120387" i="1"/>
  <c r="AF120388" i="1"/>
  <c r="AF120389" i="1"/>
  <c r="AF120390" i="1"/>
  <c r="AF120391" i="1"/>
  <c r="AF120392" i="1"/>
  <c r="AF120393" i="1"/>
  <c r="AF120394" i="1"/>
  <c r="AF120395" i="1"/>
  <c r="AF120396" i="1"/>
  <c r="AF120397" i="1"/>
  <c r="AF120398" i="1"/>
  <c r="AF120399" i="1"/>
  <c r="AF120400" i="1"/>
  <c r="AF120401" i="1"/>
  <c r="AF120402" i="1"/>
  <c r="AF120403" i="1"/>
  <c r="AF120404" i="1"/>
  <c r="AF120405" i="1"/>
  <c r="AF120406" i="1"/>
  <c r="AF120407" i="1"/>
  <c r="AF120408" i="1"/>
  <c r="AF120409" i="1"/>
  <c r="AF120410" i="1"/>
  <c r="AF120411" i="1"/>
  <c r="AF120412" i="1"/>
  <c r="AF120413" i="1"/>
  <c r="AF120414" i="1"/>
  <c r="AF120415" i="1"/>
  <c r="AF120416" i="1"/>
  <c r="AF120417" i="1"/>
  <c r="AF120418" i="1"/>
  <c r="AF120419" i="1"/>
  <c r="AF120420" i="1"/>
  <c r="AF120421" i="1"/>
  <c r="AF120422" i="1"/>
  <c r="AF120423" i="1"/>
  <c r="AF120424" i="1"/>
  <c r="AF120425" i="1"/>
  <c r="AF120426" i="1"/>
  <c r="AF120427" i="1"/>
  <c r="AF120428" i="1"/>
  <c r="AF120429" i="1"/>
  <c r="AF120430" i="1"/>
  <c r="AF120431" i="1"/>
  <c r="AF120432" i="1"/>
  <c r="AF120433" i="1"/>
  <c r="AF120434" i="1"/>
  <c r="AF120435" i="1"/>
  <c r="AF120436" i="1"/>
  <c r="AF120437" i="1"/>
  <c r="AF120438" i="1"/>
  <c r="AF120439" i="1"/>
  <c r="AF120440" i="1"/>
  <c r="AF120441" i="1"/>
  <c r="AF120442" i="1"/>
  <c r="AF120443" i="1"/>
  <c r="AF120444" i="1"/>
  <c r="AF120445" i="1"/>
  <c r="AF120446" i="1"/>
  <c r="AF120447" i="1"/>
  <c r="AF120448" i="1"/>
  <c r="AF120449" i="1"/>
  <c r="AF120450" i="1"/>
  <c r="AF120451" i="1"/>
  <c r="AF120452" i="1"/>
  <c r="AF120453" i="1"/>
  <c r="AF120454" i="1"/>
  <c r="AF120455" i="1"/>
  <c r="AF120456" i="1"/>
  <c r="AF120457" i="1"/>
  <c r="AF120458" i="1"/>
  <c r="AF120459" i="1"/>
  <c r="AF120460" i="1"/>
  <c r="AF120461" i="1"/>
  <c r="AF120462" i="1"/>
  <c r="AF120463" i="1"/>
  <c r="AF120464" i="1"/>
  <c r="AF120465" i="1"/>
  <c r="AF120466" i="1"/>
  <c r="AF120467" i="1"/>
  <c r="AF120468" i="1"/>
  <c r="AF120469" i="1"/>
  <c r="AF120470" i="1"/>
  <c r="AF120471" i="1"/>
  <c r="AF120472" i="1"/>
  <c r="AF120473" i="1"/>
  <c r="AF120474" i="1"/>
  <c r="AF120475" i="1"/>
  <c r="AF120476" i="1"/>
  <c r="AF120477" i="1"/>
  <c r="AF120478" i="1"/>
  <c r="AF120479" i="1"/>
  <c r="AF120480" i="1"/>
  <c r="AF120481" i="1"/>
  <c r="AF120482" i="1"/>
  <c r="AF120483" i="1"/>
  <c r="AF120484" i="1"/>
  <c r="AF120485" i="1"/>
  <c r="AF120486" i="1"/>
  <c r="AF120487" i="1"/>
  <c r="AF120488" i="1"/>
  <c r="AF120489" i="1"/>
  <c r="AF120490" i="1"/>
  <c r="AF120491" i="1"/>
  <c r="AF120492" i="1"/>
  <c r="AF120493" i="1"/>
  <c r="AF120494" i="1"/>
  <c r="AF120495" i="1"/>
  <c r="AF120496" i="1"/>
  <c r="AF120497" i="1"/>
  <c r="AF120498" i="1"/>
  <c r="AF120499" i="1"/>
  <c r="AF120500" i="1"/>
  <c r="AF120501" i="1"/>
  <c r="AF120502" i="1"/>
  <c r="AF120503" i="1"/>
  <c r="AF120504" i="1"/>
  <c r="AF120505" i="1"/>
  <c r="AF120506" i="1"/>
  <c r="AF120507" i="1"/>
  <c r="AF120508" i="1"/>
  <c r="AF120509" i="1"/>
  <c r="AF120510" i="1"/>
  <c r="AF120511" i="1"/>
  <c r="AF120512" i="1"/>
  <c r="AF120513" i="1"/>
  <c r="AF120514" i="1"/>
  <c r="AF120515" i="1"/>
  <c r="AF120516" i="1"/>
  <c r="AF120517" i="1"/>
  <c r="AF120518" i="1"/>
  <c r="AF120519" i="1"/>
  <c r="AF120520" i="1"/>
  <c r="AF120521" i="1"/>
  <c r="AF120522" i="1"/>
  <c r="AF120523" i="1"/>
  <c r="AF120524" i="1"/>
  <c r="AF120525" i="1"/>
  <c r="AF120526" i="1"/>
  <c r="AF120527" i="1"/>
  <c r="AF120528" i="1"/>
  <c r="AF120529" i="1"/>
  <c r="AF120530" i="1"/>
  <c r="AF120531" i="1"/>
  <c r="AF120532" i="1"/>
  <c r="AF120533" i="1"/>
  <c r="AF120534" i="1"/>
  <c r="AF120535" i="1"/>
  <c r="AF120536" i="1"/>
  <c r="AF120537" i="1"/>
  <c r="AF120538" i="1"/>
  <c r="AF120539" i="1"/>
  <c r="AF120540" i="1"/>
  <c r="AF120541" i="1"/>
  <c r="AF120542" i="1"/>
  <c r="AF120543" i="1"/>
  <c r="AF120544" i="1"/>
  <c r="AF120545" i="1"/>
  <c r="AF120546" i="1"/>
  <c r="AF120547" i="1"/>
  <c r="AF120548" i="1"/>
  <c r="AF120549" i="1"/>
  <c r="AF120550" i="1"/>
  <c r="AF120551" i="1"/>
  <c r="AF120552" i="1"/>
  <c r="AF120553" i="1"/>
  <c r="AF120554" i="1"/>
  <c r="AF120555" i="1"/>
  <c r="AF120556" i="1"/>
  <c r="AF120557" i="1"/>
  <c r="AF120558" i="1"/>
  <c r="AF120559" i="1"/>
  <c r="AF120560" i="1"/>
  <c r="AF120561" i="1"/>
  <c r="AF120562" i="1"/>
  <c r="AF120563" i="1"/>
  <c r="AF120564" i="1"/>
  <c r="AF120565" i="1"/>
  <c r="AF120566" i="1"/>
  <c r="AF120567" i="1"/>
  <c r="AF120568" i="1"/>
  <c r="AF120569" i="1"/>
  <c r="AF120570" i="1"/>
  <c r="AF120571" i="1"/>
  <c r="AF120572" i="1"/>
  <c r="AF120573" i="1"/>
  <c r="AF120574" i="1"/>
  <c r="AF120575" i="1"/>
  <c r="AF120576" i="1"/>
  <c r="AF120577" i="1"/>
  <c r="AF120578" i="1"/>
  <c r="AF120579" i="1"/>
  <c r="AF120580" i="1"/>
  <c r="AF120581" i="1"/>
  <c r="AF120582" i="1"/>
  <c r="AF120583" i="1"/>
  <c r="AF120584" i="1"/>
  <c r="AF120585" i="1"/>
  <c r="AF120586" i="1"/>
  <c r="AF120587" i="1"/>
  <c r="AF120588" i="1"/>
  <c r="AF120589" i="1"/>
  <c r="AF120590" i="1"/>
  <c r="AF120591" i="1"/>
  <c r="AF120592" i="1"/>
  <c r="AF120593" i="1"/>
  <c r="AF120594" i="1"/>
  <c r="AF120595" i="1"/>
  <c r="AF120596" i="1"/>
  <c r="AF120597" i="1"/>
  <c r="AF120598" i="1"/>
  <c r="AF120599" i="1"/>
  <c r="AF120600" i="1"/>
  <c r="AF120601" i="1"/>
  <c r="AF120602" i="1"/>
  <c r="AF120603" i="1"/>
  <c r="AF120604" i="1"/>
  <c r="AF120605" i="1"/>
  <c r="AF120606" i="1"/>
  <c r="AF120607" i="1"/>
  <c r="AF120608" i="1"/>
  <c r="AF120609" i="1"/>
  <c r="AF120610" i="1"/>
  <c r="AF120611" i="1"/>
  <c r="AF120612" i="1"/>
  <c r="AF120613" i="1"/>
  <c r="AF120614" i="1"/>
  <c r="AF120615" i="1"/>
  <c r="AF120616" i="1"/>
  <c r="AF120617" i="1"/>
  <c r="AF120618" i="1"/>
  <c r="AF120619" i="1"/>
  <c r="AF120620" i="1"/>
  <c r="AF120621" i="1"/>
  <c r="AF120622" i="1"/>
  <c r="AF120623" i="1"/>
  <c r="AF120624" i="1"/>
  <c r="AF120625" i="1"/>
  <c r="AF120626" i="1"/>
  <c r="AF120627" i="1"/>
  <c r="AF120628" i="1"/>
  <c r="AF120629" i="1"/>
  <c r="AF120630" i="1"/>
  <c r="AF120631" i="1"/>
  <c r="AF120632" i="1"/>
  <c r="AF120633" i="1"/>
  <c r="AF120634" i="1"/>
  <c r="AF120635" i="1"/>
  <c r="AF120636" i="1"/>
  <c r="AF120637" i="1"/>
  <c r="AF120638" i="1"/>
  <c r="AF120639" i="1"/>
  <c r="AF120640" i="1"/>
  <c r="AF120641" i="1"/>
  <c r="AF120642" i="1"/>
  <c r="AF120643" i="1"/>
  <c r="AF120644" i="1"/>
  <c r="AF120645" i="1"/>
  <c r="AF120646" i="1"/>
  <c r="AF120647" i="1"/>
  <c r="AF120648" i="1"/>
  <c r="AF120649" i="1"/>
  <c r="AF120650" i="1"/>
  <c r="AF120651" i="1"/>
  <c r="AF120652" i="1"/>
  <c r="AF120653" i="1"/>
  <c r="AF120654" i="1"/>
  <c r="AF120655" i="1"/>
  <c r="AF120656" i="1"/>
  <c r="AF120657" i="1"/>
  <c r="AF120658" i="1"/>
  <c r="AF120659" i="1"/>
  <c r="AF120660" i="1"/>
  <c r="AF120661" i="1"/>
  <c r="AF120662" i="1"/>
  <c r="AF120663" i="1"/>
  <c r="AF120664" i="1"/>
  <c r="AF120665" i="1"/>
  <c r="AF120666" i="1"/>
  <c r="AF120667" i="1"/>
  <c r="AF120668" i="1"/>
  <c r="AF120669" i="1"/>
  <c r="AF120670" i="1"/>
  <c r="AF120671" i="1"/>
  <c r="AF120672" i="1"/>
  <c r="AF120673" i="1"/>
  <c r="AF120674" i="1"/>
  <c r="AF120675" i="1"/>
  <c r="AF120676" i="1"/>
  <c r="AF120677" i="1"/>
  <c r="AF120678" i="1"/>
  <c r="AF120679" i="1"/>
  <c r="AF120680" i="1"/>
  <c r="AF120681" i="1"/>
  <c r="AF120682" i="1"/>
  <c r="AF120683" i="1"/>
  <c r="AF120684" i="1"/>
  <c r="AF120685" i="1"/>
  <c r="AF120686" i="1"/>
  <c r="AF120687" i="1"/>
  <c r="AF120688" i="1"/>
  <c r="AF120689" i="1"/>
  <c r="AF120690" i="1"/>
  <c r="AF120691" i="1"/>
  <c r="AF120692" i="1"/>
  <c r="AF120693" i="1"/>
  <c r="AF120694" i="1"/>
  <c r="AF120695" i="1"/>
  <c r="AF120696" i="1"/>
  <c r="AF120697" i="1"/>
  <c r="AF120698" i="1"/>
  <c r="AF120699" i="1"/>
  <c r="AF120700" i="1"/>
  <c r="AF120701" i="1"/>
  <c r="AF120702" i="1"/>
  <c r="AF120703" i="1"/>
  <c r="AF120704" i="1"/>
  <c r="AF120705" i="1"/>
  <c r="AF120706" i="1"/>
  <c r="AF120707" i="1"/>
  <c r="AF120708" i="1"/>
  <c r="AF120709" i="1"/>
  <c r="AF120710" i="1"/>
  <c r="AF120711" i="1"/>
  <c r="AF120712" i="1"/>
  <c r="AF120713" i="1"/>
  <c r="AF120714" i="1"/>
  <c r="AF120715" i="1"/>
  <c r="AF120716" i="1"/>
  <c r="AF120717" i="1"/>
  <c r="AF120718" i="1"/>
  <c r="AF120719" i="1"/>
  <c r="AF120720" i="1"/>
  <c r="AF120721" i="1"/>
  <c r="AF120722" i="1"/>
  <c r="AF120723" i="1"/>
  <c r="AF120724" i="1"/>
  <c r="AF120725" i="1"/>
  <c r="AF120726" i="1"/>
  <c r="AF120727" i="1"/>
  <c r="AF120728" i="1"/>
  <c r="AF120729" i="1"/>
  <c r="AF120730" i="1"/>
  <c r="AF120731" i="1"/>
  <c r="AF120732" i="1"/>
  <c r="AF120733" i="1"/>
  <c r="AF120734" i="1"/>
  <c r="AF120735" i="1"/>
  <c r="AF120736" i="1"/>
  <c r="AF120737" i="1"/>
  <c r="AF120738" i="1"/>
  <c r="AF120739" i="1"/>
  <c r="AF120740" i="1"/>
  <c r="AF120741" i="1"/>
  <c r="AF120742" i="1"/>
  <c r="AF120743" i="1"/>
  <c r="AF120744" i="1"/>
  <c r="AF120745" i="1"/>
  <c r="AF120746" i="1"/>
  <c r="AF120747" i="1"/>
  <c r="AF120748" i="1"/>
  <c r="AF120749" i="1"/>
  <c r="AF120750" i="1"/>
  <c r="AF120751" i="1"/>
  <c r="AF120752" i="1"/>
  <c r="AF120753" i="1"/>
  <c r="AF120754" i="1"/>
  <c r="AF120755" i="1"/>
  <c r="AF120756" i="1"/>
  <c r="AF120757" i="1"/>
  <c r="AF120758" i="1"/>
  <c r="AF120759" i="1"/>
  <c r="AF120760" i="1"/>
  <c r="AF120761" i="1"/>
  <c r="AF120762" i="1"/>
  <c r="AF120763" i="1"/>
  <c r="AF120764" i="1"/>
  <c r="AF120765" i="1"/>
  <c r="AF120766" i="1"/>
  <c r="AF120767" i="1"/>
  <c r="AF120768" i="1"/>
  <c r="AF120769" i="1"/>
  <c r="AF120770" i="1"/>
  <c r="AF120771" i="1"/>
  <c r="AF120772" i="1"/>
  <c r="AF120773" i="1"/>
  <c r="AF120774" i="1"/>
  <c r="AF120775" i="1"/>
  <c r="AF120776" i="1"/>
  <c r="AF120777" i="1"/>
  <c r="AF120778" i="1"/>
  <c r="AF120779" i="1"/>
  <c r="AF120780" i="1"/>
  <c r="AF120781" i="1"/>
  <c r="AF120782" i="1"/>
  <c r="AF120783" i="1"/>
  <c r="AF120784" i="1"/>
  <c r="AF120785" i="1"/>
  <c r="AF120786" i="1"/>
  <c r="AF120787" i="1"/>
  <c r="AF120788" i="1"/>
  <c r="AF120789" i="1"/>
  <c r="AF120790" i="1"/>
  <c r="AF120791" i="1"/>
  <c r="AF120792" i="1"/>
  <c r="AF120793" i="1"/>
  <c r="AF120794" i="1"/>
  <c r="AF120795" i="1"/>
  <c r="AF120796" i="1"/>
  <c r="AF120797" i="1"/>
  <c r="AF120798" i="1"/>
  <c r="AF120799" i="1"/>
  <c r="AF120800" i="1"/>
  <c r="AF120801" i="1"/>
  <c r="AF120802" i="1"/>
  <c r="AF120803" i="1"/>
  <c r="AF120804" i="1"/>
  <c r="AF120805" i="1"/>
  <c r="AF120806" i="1"/>
  <c r="AF120807" i="1"/>
  <c r="AF120808" i="1"/>
  <c r="AF120809" i="1"/>
  <c r="AF120810" i="1"/>
  <c r="AF120811" i="1"/>
  <c r="AF120812" i="1"/>
  <c r="AF120813" i="1"/>
  <c r="AF120814" i="1"/>
  <c r="AF120815" i="1"/>
  <c r="AF120816" i="1"/>
  <c r="AF120817" i="1"/>
  <c r="AF120818" i="1"/>
  <c r="AF120819" i="1"/>
  <c r="AF120820" i="1"/>
  <c r="AF120821" i="1"/>
  <c r="AF120822" i="1"/>
  <c r="AF120823" i="1"/>
  <c r="AF120824" i="1"/>
  <c r="AF120825" i="1"/>
  <c r="AF120826" i="1"/>
  <c r="AF120827" i="1"/>
  <c r="AF120828" i="1"/>
  <c r="AF120829" i="1"/>
  <c r="AF120830" i="1"/>
  <c r="AF120831" i="1"/>
  <c r="AF120832" i="1"/>
  <c r="AF120833" i="1"/>
  <c r="AF120834" i="1"/>
  <c r="AF120835" i="1"/>
  <c r="AF120836" i="1"/>
  <c r="AF120837" i="1"/>
  <c r="AF120838" i="1"/>
  <c r="AF120839" i="1"/>
  <c r="AF120840" i="1"/>
  <c r="AF120841" i="1"/>
  <c r="AF120842" i="1"/>
  <c r="AF120843" i="1"/>
  <c r="AF120844" i="1"/>
  <c r="AF120845" i="1"/>
  <c r="AF120846" i="1"/>
  <c r="AF120847" i="1"/>
  <c r="AF120848" i="1"/>
  <c r="AF120849" i="1"/>
  <c r="AF120850" i="1"/>
  <c r="AF120851" i="1"/>
  <c r="AF120852" i="1"/>
  <c r="AF120853" i="1"/>
  <c r="AF120854" i="1"/>
  <c r="AF120855" i="1"/>
  <c r="AF120856" i="1"/>
  <c r="AF120857" i="1"/>
  <c r="AF120858" i="1"/>
  <c r="AF120859" i="1"/>
  <c r="AF120860" i="1"/>
  <c r="AF120861" i="1"/>
  <c r="AF120862" i="1"/>
  <c r="AF120863" i="1"/>
  <c r="AF120864" i="1"/>
  <c r="AF120865" i="1"/>
  <c r="AF120866" i="1"/>
  <c r="AF120867" i="1"/>
  <c r="AF120868" i="1"/>
  <c r="AF120869" i="1"/>
  <c r="AF120870" i="1"/>
  <c r="AF120871" i="1"/>
  <c r="AF120872" i="1"/>
  <c r="AF120873" i="1"/>
  <c r="AF120874" i="1"/>
  <c r="AF120875" i="1"/>
  <c r="AF120876" i="1"/>
  <c r="AF120877" i="1"/>
  <c r="AF120878" i="1"/>
  <c r="AF120879" i="1"/>
  <c r="AF120880" i="1"/>
  <c r="AF120881" i="1"/>
  <c r="AF120882" i="1"/>
  <c r="AF120883" i="1"/>
  <c r="AF120884" i="1"/>
  <c r="AF120885" i="1"/>
  <c r="AF120886" i="1"/>
  <c r="AF120887" i="1"/>
  <c r="AF120888" i="1"/>
  <c r="AF120889" i="1"/>
  <c r="AF120890" i="1"/>
  <c r="AF120891" i="1"/>
  <c r="AF120892" i="1"/>
  <c r="AF120893" i="1"/>
  <c r="AF120894" i="1"/>
  <c r="AF120895" i="1"/>
  <c r="AF120896" i="1"/>
  <c r="AF120897" i="1"/>
  <c r="AF120898" i="1"/>
  <c r="AF120899" i="1"/>
  <c r="AF120900" i="1"/>
  <c r="AF120901" i="1"/>
  <c r="AF120902" i="1"/>
  <c r="AF120903" i="1"/>
  <c r="AF120904" i="1"/>
  <c r="AF120905" i="1"/>
  <c r="AF120906" i="1"/>
  <c r="AF120907" i="1"/>
  <c r="AF120908" i="1"/>
  <c r="AF120909" i="1"/>
  <c r="AF120910" i="1"/>
  <c r="AF120911" i="1"/>
  <c r="AF120912" i="1"/>
  <c r="AF120913" i="1"/>
  <c r="AF120914" i="1"/>
  <c r="AF120915" i="1"/>
  <c r="AF120916" i="1"/>
  <c r="AF120917" i="1"/>
  <c r="AF120918" i="1"/>
  <c r="AF120919" i="1"/>
  <c r="AF120920" i="1"/>
  <c r="AF120921" i="1"/>
  <c r="AF120922" i="1"/>
  <c r="AF120923" i="1"/>
  <c r="AF120924" i="1"/>
  <c r="AF120925" i="1"/>
  <c r="AF120926" i="1"/>
  <c r="AF120927" i="1"/>
  <c r="AF120928" i="1"/>
  <c r="AF120929" i="1"/>
  <c r="AF120930" i="1"/>
  <c r="AF120931" i="1"/>
  <c r="AF120932" i="1"/>
  <c r="AF120933" i="1"/>
  <c r="AF120934" i="1"/>
  <c r="AF120935" i="1"/>
  <c r="AF120936" i="1"/>
  <c r="AF120937" i="1"/>
  <c r="AF120938" i="1"/>
  <c r="AF120939" i="1"/>
  <c r="AF120940" i="1"/>
  <c r="AF120941" i="1"/>
  <c r="AF120942" i="1"/>
  <c r="AF120943" i="1"/>
  <c r="AF120944" i="1"/>
  <c r="AF120945" i="1"/>
  <c r="AF120946" i="1"/>
  <c r="AF120947" i="1"/>
  <c r="AF120948" i="1"/>
  <c r="AF120949" i="1"/>
  <c r="AF120950" i="1"/>
  <c r="AF120951" i="1"/>
  <c r="AF120952" i="1"/>
  <c r="AF120953" i="1"/>
  <c r="AF120954" i="1"/>
  <c r="AF120955" i="1"/>
  <c r="AF120956" i="1"/>
  <c r="AF120957" i="1"/>
  <c r="AF120958" i="1"/>
  <c r="AF120959" i="1"/>
  <c r="AF120960" i="1"/>
  <c r="AF120961" i="1"/>
  <c r="AF120962" i="1"/>
  <c r="AF120963" i="1"/>
  <c r="AF120964" i="1"/>
  <c r="AF120965" i="1"/>
  <c r="AF120966" i="1"/>
  <c r="AF120967" i="1"/>
  <c r="AF120968" i="1"/>
  <c r="AF120969" i="1"/>
  <c r="AF120970" i="1"/>
  <c r="AF120971" i="1"/>
  <c r="AF120972" i="1"/>
  <c r="AF120973" i="1"/>
  <c r="AF120974" i="1"/>
  <c r="AF120975" i="1"/>
  <c r="AF120976" i="1"/>
  <c r="AF120977" i="1"/>
  <c r="AF120978" i="1"/>
  <c r="AF120979" i="1"/>
  <c r="AF120980" i="1"/>
  <c r="AF120981" i="1"/>
  <c r="AF120982" i="1"/>
  <c r="AF120983" i="1"/>
  <c r="AF120984" i="1"/>
  <c r="AF120985" i="1"/>
  <c r="AF120986" i="1"/>
  <c r="AF120987" i="1"/>
  <c r="AF120988" i="1"/>
  <c r="AF120989" i="1"/>
  <c r="AF120990" i="1"/>
  <c r="AF120991" i="1"/>
  <c r="AF120992" i="1"/>
  <c r="AF120993" i="1"/>
  <c r="AF120994" i="1"/>
  <c r="AF120995" i="1"/>
  <c r="AF120996" i="1"/>
  <c r="AF120997" i="1"/>
  <c r="AF120998" i="1"/>
  <c r="AF120999" i="1"/>
  <c r="AF121000" i="1"/>
  <c r="AF121001" i="1"/>
  <c r="AF121002" i="1"/>
  <c r="AF121003" i="1"/>
  <c r="AF121004" i="1"/>
  <c r="AF121005" i="1"/>
  <c r="AF121006" i="1"/>
  <c r="AF121007" i="1"/>
  <c r="AF121008" i="1"/>
  <c r="AF121009" i="1"/>
  <c r="AF121010" i="1"/>
  <c r="AF121011" i="1"/>
  <c r="AF121012" i="1"/>
  <c r="AF121013" i="1"/>
  <c r="AF121014" i="1"/>
  <c r="AF121015" i="1"/>
  <c r="AF121016" i="1"/>
  <c r="AF121017" i="1"/>
  <c r="AF121018" i="1"/>
  <c r="AF121019" i="1"/>
  <c r="AF121020" i="1"/>
  <c r="AF121021" i="1"/>
  <c r="AF121022" i="1"/>
  <c r="AF121023" i="1"/>
  <c r="AF121024" i="1"/>
  <c r="AF121025" i="1"/>
  <c r="AF121026" i="1"/>
  <c r="AF121027" i="1"/>
  <c r="AF121028" i="1"/>
  <c r="AF121029" i="1"/>
  <c r="AF121030" i="1"/>
  <c r="AF121031" i="1"/>
  <c r="AF121032" i="1"/>
  <c r="AF121033" i="1"/>
  <c r="AF121034" i="1"/>
  <c r="AF121035" i="1"/>
  <c r="AF121036" i="1"/>
  <c r="AF121037" i="1"/>
  <c r="AF121038" i="1"/>
  <c r="AF121039" i="1"/>
  <c r="AF121040" i="1"/>
  <c r="AF121041" i="1"/>
  <c r="AF121042" i="1"/>
  <c r="AF121043" i="1"/>
  <c r="AF121044" i="1"/>
  <c r="AF121045" i="1"/>
  <c r="AF121046" i="1"/>
  <c r="AF121047" i="1"/>
  <c r="AF121048" i="1"/>
  <c r="AF121049" i="1"/>
  <c r="AF121050" i="1"/>
  <c r="AF121051" i="1"/>
  <c r="AF121052" i="1"/>
  <c r="AF121053" i="1"/>
  <c r="AF121054" i="1"/>
  <c r="AF121055" i="1"/>
  <c r="AF121056" i="1"/>
  <c r="AF121057" i="1"/>
  <c r="AF121058" i="1"/>
  <c r="AF121059" i="1"/>
  <c r="AF121060" i="1"/>
  <c r="AF121061" i="1"/>
  <c r="AF121062" i="1"/>
  <c r="AF121063" i="1"/>
  <c r="AF121064" i="1"/>
  <c r="AF121065" i="1"/>
  <c r="AF121066" i="1"/>
  <c r="AF121067" i="1"/>
  <c r="AF121068" i="1"/>
  <c r="AF121069" i="1"/>
  <c r="AF121070" i="1"/>
  <c r="AF121071" i="1"/>
  <c r="AF121072" i="1"/>
  <c r="AF121073" i="1"/>
  <c r="AF121074" i="1"/>
  <c r="AF121075" i="1"/>
  <c r="AF121076" i="1"/>
  <c r="AF121077" i="1"/>
  <c r="AF121078" i="1"/>
  <c r="AF121079" i="1"/>
  <c r="AF121080" i="1"/>
  <c r="AF121081" i="1"/>
  <c r="AF121082" i="1"/>
  <c r="AF121083" i="1"/>
  <c r="AF121084" i="1"/>
  <c r="AF121085" i="1"/>
  <c r="AF121086" i="1"/>
  <c r="AF121087" i="1"/>
  <c r="AF121088" i="1"/>
  <c r="AF121089" i="1"/>
  <c r="AF121090" i="1"/>
  <c r="AF121091" i="1"/>
  <c r="AF121092" i="1"/>
  <c r="AF121093" i="1"/>
  <c r="AF121094" i="1"/>
  <c r="AF121095" i="1"/>
  <c r="AF121096" i="1"/>
  <c r="AF121097" i="1"/>
  <c r="AF121098" i="1"/>
  <c r="AF121099" i="1"/>
  <c r="AF121100" i="1"/>
  <c r="AF121101" i="1"/>
  <c r="AF121102" i="1"/>
  <c r="AF121103" i="1"/>
  <c r="AF121104" i="1"/>
  <c r="AF121105" i="1"/>
  <c r="AF121106" i="1"/>
  <c r="AF121107" i="1"/>
  <c r="AF121108" i="1"/>
  <c r="AF121109" i="1"/>
  <c r="AF121110" i="1"/>
  <c r="AF121111" i="1"/>
  <c r="AF121112" i="1"/>
  <c r="AF121113" i="1"/>
  <c r="AF121114" i="1"/>
  <c r="AF121115" i="1"/>
  <c r="AF121116" i="1"/>
  <c r="AF121117" i="1"/>
  <c r="AF121118" i="1"/>
  <c r="AF121119" i="1"/>
  <c r="AF121120" i="1"/>
  <c r="AF121121" i="1"/>
  <c r="AF121122" i="1"/>
  <c r="AF121123" i="1"/>
  <c r="AF121124" i="1"/>
  <c r="AF121125" i="1"/>
  <c r="AF121126" i="1"/>
  <c r="AF121127" i="1"/>
  <c r="AF121128" i="1"/>
  <c r="AF121129" i="1"/>
  <c r="AF121130" i="1"/>
  <c r="AF121131" i="1"/>
  <c r="AF121132" i="1"/>
  <c r="AF121133" i="1"/>
  <c r="AF121134" i="1"/>
  <c r="AF121135" i="1"/>
  <c r="AF121136" i="1"/>
  <c r="AF121137" i="1"/>
  <c r="AF121138" i="1"/>
  <c r="AF121139" i="1"/>
  <c r="AF121140" i="1"/>
  <c r="AF121141" i="1"/>
  <c r="AF121142" i="1"/>
  <c r="AF121143" i="1"/>
  <c r="AF121144" i="1"/>
  <c r="AF121145" i="1"/>
  <c r="AF121146" i="1"/>
  <c r="AF121147" i="1"/>
  <c r="AF121148" i="1"/>
  <c r="AF121149" i="1"/>
  <c r="AF121150" i="1"/>
  <c r="AF121151" i="1"/>
  <c r="AF121152" i="1"/>
  <c r="AF121153" i="1"/>
  <c r="AF121154" i="1"/>
  <c r="AF121155" i="1"/>
  <c r="AF121156" i="1"/>
  <c r="AF121157" i="1"/>
  <c r="AF121158" i="1"/>
  <c r="AF121159" i="1"/>
  <c r="AF121160" i="1"/>
  <c r="AF121161" i="1"/>
  <c r="AF121162" i="1"/>
  <c r="AF121163" i="1"/>
  <c r="AF121164" i="1"/>
  <c r="AF121165" i="1"/>
  <c r="AF121166" i="1"/>
  <c r="AF121167" i="1"/>
  <c r="AF121168" i="1"/>
  <c r="AF121169" i="1"/>
  <c r="AF121170" i="1"/>
  <c r="AF121171" i="1"/>
  <c r="AF121172" i="1"/>
  <c r="AF121173" i="1"/>
  <c r="AF121174" i="1"/>
  <c r="AF121175" i="1"/>
  <c r="AF121176" i="1"/>
  <c r="AF121177" i="1"/>
  <c r="AF121178" i="1"/>
  <c r="AF121179" i="1"/>
  <c r="AF121180" i="1"/>
  <c r="AF121181" i="1"/>
  <c r="AF121182" i="1"/>
  <c r="AF121183" i="1"/>
  <c r="AF121184" i="1"/>
  <c r="AF121185" i="1"/>
  <c r="AF121186" i="1"/>
  <c r="AF121187" i="1"/>
  <c r="AF121188" i="1"/>
  <c r="AF121189" i="1"/>
  <c r="AF121190" i="1"/>
  <c r="AF121191" i="1"/>
  <c r="AF121192" i="1"/>
  <c r="AF121193" i="1"/>
  <c r="AF121194" i="1"/>
  <c r="AF121195" i="1"/>
  <c r="AF121196" i="1"/>
  <c r="AF121197" i="1"/>
  <c r="AF121198" i="1"/>
  <c r="AF121199" i="1"/>
  <c r="AF121200" i="1"/>
  <c r="AF121201" i="1"/>
  <c r="AF121202" i="1"/>
  <c r="AF121203" i="1"/>
  <c r="AF121204" i="1"/>
  <c r="AF121205" i="1"/>
  <c r="AF121206" i="1"/>
  <c r="AF121207" i="1"/>
  <c r="AF121208" i="1"/>
  <c r="AF121209" i="1"/>
  <c r="AF121210" i="1"/>
  <c r="AF121211" i="1"/>
  <c r="AF121212" i="1"/>
  <c r="AF121213" i="1"/>
  <c r="AF121214" i="1"/>
  <c r="AF121215" i="1"/>
  <c r="AF121216" i="1"/>
  <c r="AF121217" i="1"/>
  <c r="AF121218" i="1"/>
  <c r="AF121219" i="1"/>
  <c r="AF121220" i="1"/>
  <c r="AF121221" i="1"/>
  <c r="AF121222" i="1"/>
  <c r="AF121223" i="1"/>
  <c r="AF121224" i="1"/>
  <c r="AF121225" i="1"/>
  <c r="AF121226" i="1"/>
  <c r="AF121227" i="1"/>
  <c r="AF121228" i="1"/>
  <c r="AF121229" i="1"/>
  <c r="AF121230" i="1"/>
  <c r="AF121231" i="1"/>
  <c r="AF121232" i="1"/>
  <c r="AF121233" i="1"/>
  <c r="AF121234" i="1"/>
  <c r="AF121235" i="1"/>
  <c r="AF121236" i="1"/>
  <c r="AF121237" i="1"/>
  <c r="AF121238" i="1"/>
  <c r="AF121239" i="1"/>
  <c r="AF121240" i="1"/>
  <c r="AF121241" i="1"/>
  <c r="AF121242" i="1"/>
  <c r="AF121243" i="1"/>
  <c r="AF121244" i="1"/>
  <c r="AF121245" i="1"/>
  <c r="AF121246" i="1"/>
  <c r="AF121247" i="1"/>
  <c r="AF121248" i="1"/>
  <c r="AF121249" i="1"/>
  <c r="AF121250" i="1"/>
  <c r="AF121251" i="1"/>
  <c r="AF121252" i="1"/>
  <c r="AF121253" i="1"/>
  <c r="AF121254" i="1"/>
  <c r="AF121255" i="1"/>
  <c r="AF121256" i="1"/>
  <c r="AF121257" i="1"/>
  <c r="AF121258" i="1"/>
  <c r="AF121259" i="1"/>
  <c r="AF121260" i="1"/>
  <c r="AF121261" i="1"/>
  <c r="AF121262" i="1"/>
  <c r="AF121263" i="1"/>
  <c r="AF121264" i="1"/>
  <c r="AF121265" i="1"/>
  <c r="AF121266" i="1"/>
  <c r="AF121267" i="1"/>
  <c r="AF121268" i="1"/>
  <c r="AF121269" i="1"/>
  <c r="AF121270" i="1"/>
  <c r="AF121271" i="1"/>
  <c r="AF121272" i="1"/>
  <c r="AF121273" i="1"/>
  <c r="AF121274" i="1"/>
  <c r="AF121275" i="1"/>
  <c r="AF121276" i="1"/>
  <c r="AF121277" i="1"/>
  <c r="AF121278" i="1"/>
  <c r="AF121279" i="1"/>
  <c r="AF121280" i="1"/>
  <c r="AF121281" i="1"/>
  <c r="AF121282" i="1"/>
  <c r="AF121283" i="1"/>
  <c r="AF121284" i="1"/>
  <c r="AF121285" i="1"/>
  <c r="AF121286" i="1"/>
  <c r="AF121287" i="1"/>
  <c r="AF121288" i="1"/>
  <c r="AF121289" i="1"/>
  <c r="AF121290" i="1"/>
  <c r="AF121291" i="1"/>
  <c r="AF121292" i="1"/>
  <c r="AF121293" i="1"/>
  <c r="AF121294" i="1"/>
  <c r="AF121295" i="1"/>
  <c r="AF121296" i="1"/>
  <c r="AF121297" i="1"/>
  <c r="AF121298" i="1"/>
  <c r="AF121299" i="1"/>
  <c r="AF121300" i="1"/>
  <c r="AF121301" i="1"/>
  <c r="AF121302" i="1"/>
  <c r="AF121303" i="1"/>
  <c r="AF121304" i="1"/>
  <c r="AF121305" i="1"/>
  <c r="AF121306" i="1"/>
  <c r="AF121307" i="1"/>
  <c r="AF121308" i="1"/>
  <c r="AF121309" i="1"/>
  <c r="AF121310" i="1"/>
  <c r="AF121311" i="1"/>
  <c r="AF121312" i="1"/>
  <c r="AF121313" i="1"/>
  <c r="AF121314" i="1"/>
  <c r="AF121315" i="1"/>
  <c r="AF121316" i="1"/>
  <c r="AF121317" i="1"/>
  <c r="AF121318" i="1"/>
  <c r="AF121319" i="1"/>
  <c r="AF121320" i="1"/>
  <c r="AF121321" i="1"/>
  <c r="AF121322" i="1"/>
  <c r="AF121323" i="1"/>
  <c r="AF121324" i="1"/>
  <c r="AF121325" i="1"/>
  <c r="AF121326" i="1"/>
  <c r="AF121327" i="1"/>
  <c r="AF121328" i="1"/>
  <c r="AF121329" i="1"/>
  <c r="AF121330" i="1"/>
  <c r="AF121331" i="1"/>
  <c r="AF121332" i="1"/>
  <c r="AF121333" i="1"/>
  <c r="AF121334" i="1"/>
  <c r="AF121335" i="1"/>
  <c r="AF121336" i="1"/>
  <c r="AF121337" i="1"/>
  <c r="AF121338" i="1"/>
  <c r="AF121339" i="1"/>
  <c r="AF121340" i="1"/>
  <c r="AF121341" i="1"/>
  <c r="AF121342" i="1"/>
  <c r="AF121343" i="1"/>
  <c r="AF121344" i="1"/>
  <c r="AF121345" i="1"/>
  <c r="AF121346" i="1"/>
  <c r="AF121347" i="1"/>
  <c r="AF121348" i="1"/>
  <c r="AF121349" i="1"/>
  <c r="AF121350" i="1"/>
  <c r="AF121351" i="1"/>
  <c r="AF121352" i="1"/>
  <c r="AF121353" i="1"/>
  <c r="AF121354" i="1"/>
  <c r="AF121355" i="1"/>
  <c r="AF121356" i="1"/>
  <c r="AF121357" i="1"/>
  <c r="AF121358" i="1"/>
  <c r="AF121359" i="1"/>
  <c r="AF121360" i="1"/>
  <c r="AF121361" i="1"/>
  <c r="AF121362" i="1"/>
  <c r="AF121363" i="1"/>
  <c r="AF121364" i="1"/>
  <c r="AF121365" i="1"/>
  <c r="AF121366" i="1"/>
  <c r="AF121367" i="1"/>
  <c r="AF121368" i="1"/>
  <c r="AF121369" i="1"/>
  <c r="AF121370" i="1"/>
  <c r="AF121371" i="1"/>
  <c r="AF121372" i="1"/>
  <c r="AF121373" i="1"/>
  <c r="AF121374" i="1"/>
  <c r="AF121375" i="1"/>
  <c r="AF121376" i="1"/>
  <c r="AF121377" i="1"/>
  <c r="AF121378" i="1"/>
  <c r="AF121379" i="1"/>
  <c r="AF121380" i="1"/>
  <c r="AF121381" i="1"/>
  <c r="AF121382" i="1"/>
  <c r="AF121383" i="1"/>
  <c r="AF121384" i="1"/>
  <c r="AF121385" i="1"/>
  <c r="AF121386" i="1"/>
  <c r="AF121387" i="1"/>
  <c r="AF121388" i="1"/>
  <c r="AF121389" i="1"/>
  <c r="AF121390" i="1"/>
  <c r="AF121391" i="1"/>
  <c r="AF121392" i="1"/>
  <c r="AF121393" i="1"/>
  <c r="AF121394" i="1"/>
  <c r="AF121395" i="1"/>
  <c r="AF121396" i="1"/>
  <c r="AF121397" i="1"/>
  <c r="AF121398" i="1"/>
  <c r="AF121399" i="1"/>
  <c r="AF121400" i="1"/>
  <c r="AF121401" i="1"/>
  <c r="AF121402" i="1"/>
  <c r="AF121403" i="1"/>
  <c r="AF121404" i="1"/>
  <c r="AF121405" i="1"/>
  <c r="AF121406" i="1"/>
  <c r="AF121407" i="1"/>
  <c r="AF121408" i="1"/>
  <c r="AF121409" i="1"/>
  <c r="AF121410" i="1"/>
  <c r="AF121411" i="1"/>
  <c r="AF121412" i="1"/>
  <c r="AF121413" i="1"/>
  <c r="AF121414" i="1"/>
  <c r="AF121415" i="1"/>
  <c r="AF121416" i="1"/>
  <c r="AF121417" i="1"/>
  <c r="AF121418" i="1"/>
  <c r="AF121419" i="1"/>
  <c r="AF121420" i="1"/>
  <c r="AF121421" i="1"/>
  <c r="AF121422" i="1"/>
  <c r="AF121423" i="1"/>
  <c r="AF121424" i="1"/>
  <c r="AF121425" i="1"/>
  <c r="AF121426" i="1"/>
  <c r="AF121427" i="1"/>
  <c r="AF121428" i="1"/>
  <c r="AF121429" i="1"/>
  <c r="AF121430" i="1"/>
  <c r="AF121431" i="1"/>
  <c r="AF121432" i="1"/>
  <c r="AF121433" i="1"/>
  <c r="AF121434" i="1"/>
  <c r="AF121435" i="1"/>
  <c r="AF121436" i="1"/>
  <c r="AF121437" i="1"/>
  <c r="AF121438" i="1"/>
  <c r="AF121439" i="1"/>
  <c r="AF121440" i="1"/>
  <c r="AF121441" i="1"/>
  <c r="AF121442" i="1"/>
  <c r="AF121443" i="1"/>
  <c r="AF121444" i="1"/>
  <c r="AF121445" i="1"/>
  <c r="AF121446" i="1"/>
  <c r="AF121447" i="1"/>
  <c r="AF121448" i="1"/>
  <c r="AF121449" i="1"/>
  <c r="AF121450" i="1"/>
  <c r="AF121451" i="1"/>
  <c r="AF121452" i="1"/>
  <c r="AF121453" i="1"/>
  <c r="AF121454" i="1"/>
  <c r="AF121455" i="1"/>
  <c r="AF121456" i="1"/>
  <c r="AF121457" i="1"/>
  <c r="AF121458" i="1"/>
  <c r="AF121459" i="1"/>
  <c r="AF121460" i="1"/>
  <c r="AF121461" i="1"/>
  <c r="AF121462" i="1"/>
  <c r="AF121463" i="1"/>
  <c r="AF121464" i="1"/>
  <c r="AF121465" i="1"/>
  <c r="AF121466" i="1"/>
  <c r="AF121467" i="1"/>
  <c r="AF121468" i="1"/>
  <c r="AF121469" i="1"/>
  <c r="AF121470" i="1"/>
  <c r="AF121471" i="1"/>
  <c r="AF121472" i="1"/>
  <c r="AF121473" i="1"/>
  <c r="AF121474" i="1"/>
  <c r="AF121475" i="1"/>
  <c r="AF121476" i="1"/>
  <c r="AF121477" i="1"/>
  <c r="AF121478" i="1"/>
  <c r="AF121479" i="1"/>
  <c r="AF121480" i="1"/>
  <c r="AF121481" i="1"/>
  <c r="AF121482" i="1"/>
  <c r="AF121483" i="1"/>
  <c r="AF121484" i="1"/>
  <c r="AF121485" i="1"/>
  <c r="AF121486" i="1"/>
  <c r="AF121487" i="1"/>
  <c r="AF121488" i="1"/>
  <c r="AF121489" i="1"/>
  <c r="AF121490" i="1"/>
  <c r="AF121491" i="1"/>
  <c r="AF121492" i="1"/>
  <c r="AF121493" i="1"/>
  <c r="AF121494" i="1"/>
  <c r="AF121495" i="1"/>
  <c r="AF121496" i="1"/>
  <c r="AF121497" i="1"/>
  <c r="AF121498" i="1"/>
  <c r="AF121499" i="1"/>
  <c r="AF121500" i="1"/>
  <c r="AF121501" i="1"/>
  <c r="AF121502" i="1"/>
  <c r="AF121503" i="1"/>
  <c r="AF121504" i="1"/>
  <c r="AF121505" i="1"/>
  <c r="AF121506" i="1"/>
  <c r="AF121507" i="1"/>
  <c r="AF121508" i="1"/>
  <c r="AF121509" i="1"/>
  <c r="AF121510" i="1"/>
  <c r="AF121511" i="1"/>
  <c r="AF121512" i="1"/>
  <c r="AF121513" i="1"/>
  <c r="AF121514" i="1"/>
  <c r="AF121515" i="1"/>
  <c r="AF121516" i="1"/>
  <c r="AF121517" i="1"/>
  <c r="AF121518" i="1"/>
  <c r="AF121519" i="1"/>
  <c r="AF121520" i="1"/>
  <c r="AF121521" i="1"/>
  <c r="AF121522" i="1"/>
  <c r="AF121523" i="1"/>
  <c r="AF121524" i="1"/>
  <c r="AF121525" i="1"/>
  <c r="AF121526" i="1"/>
  <c r="AF121527" i="1"/>
  <c r="AF121528" i="1"/>
  <c r="AF121529" i="1"/>
  <c r="AF121530" i="1"/>
  <c r="AF121531" i="1"/>
  <c r="AF121532" i="1"/>
  <c r="AF121533" i="1"/>
  <c r="AF121534" i="1"/>
  <c r="AF121535" i="1"/>
  <c r="AF121536" i="1"/>
  <c r="AF121537" i="1"/>
  <c r="AF121538" i="1"/>
  <c r="AF121539" i="1"/>
  <c r="AF121540" i="1"/>
  <c r="AF121541" i="1"/>
  <c r="AF121542" i="1"/>
  <c r="AF121543" i="1"/>
  <c r="AF121544" i="1"/>
  <c r="AF121545" i="1"/>
  <c r="AF121546" i="1"/>
  <c r="AF121547" i="1"/>
  <c r="AF121548" i="1"/>
  <c r="AF121549" i="1"/>
  <c r="AF121550" i="1"/>
  <c r="AF121551" i="1"/>
  <c r="AF121552" i="1"/>
  <c r="AF121553" i="1"/>
  <c r="AF121554" i="1"/>
  <c r="AF121555" i="1"/>
  <c r="AF121556" i="1"/>
  <c r="AF121557" i="1"/>
  <c r="AF121558" i="1"/>
  <c r="AF121559" i="1"/>
  <c r="AF121560" i="1"/>
  <c r="AF121561" i="1"/>
  <c r="AF121562" i="1"/>
  <c r="AF121563" i="1"/>
  <c r="AF121564" i="1"/>
  <c r="AF121565" i="1"/>
  <c r="AF121566" i="1"/>
  <c r="AF121567" i="1"/>
  <c r="AF121568" i="1"/>
  <c r="AF121569" i="1"/>
  <c r="AF121570" i="1"/>
  <c r="AF121571" i="1"/>
  <c r="AF121572" i="1"/>
  <c r="AF121573" i="1"/>
  <c r="AF121574" i="1"/>
  <c r="AF121575" i="1"/>
  <c r="AF121576" i="1"/>
  <c r="AF121577" i="1"/>
  <c r="AF121578" i="1"/>
  <c r="AF121579" i="1"/>
  <c r="AF121580" i="1"/>
  <c r="AF121581" i="1"/>
  <c r="AF121582" i="1"/>
  <c r="AF121583" i="1"/>
  <c r="AF121584" i="1"/>
  <c r="AF121585" i="1"/>
  <c r="AF121586" i="1"/>
  <c r="AF121587" i="1"/>
  <c r="AF121588" i="1"/>
  <c r="AF121589" i="1"/>
  <c r="AF121590" i="1"/>
  <c r="AF121591" i="1"/>
  <c r="AF121592" i="1"/>
  <c r="AF121593" i="1"/>
  <c r="AF121594" i="1"/>
  <c r="AF121595" i="1"/>
  <c r="AF121596" i="1"/>
  <c r="AF121597" i="1"/>
  <c r="AF121598" i="1"/>
  <c r="AF121599" i="1"/>
  <c r="AF121600" i="1"/>
  <c r="AF121601" i="1"/>
  <c r="AF121602" i="1"/>
  <c r="AF121603" i="1"/>
  <c r="AF121604" i="1"/>
  <c r="AF121605" i="1"/>
  <c r="AF121606" i="1"/>
  <c r="AF121607" i="1"/>
  <c r="AF121608" i="1"/>
  <c r="AF121609" i="1"/>
  <c r="AF121610" i="1"/>
  <c r="AF121611" i="1"/>
  <c r="AF121612" i="1"/>
  <c r="AF121613" i="1"/>
  <c r="AF121614" i="1"/>
  <c r="AF121615" i="1"/>
  <c r="AF121616" i="1"/>
  <c r="AF121617" i="1"/>
  <c r="AF121618" i="1"/>
  <c r="AF121619" i="1"/>
  <c r="AF121620" i="1"/>
  <c r="AF121621" i="1"/>
  <c r="AF121622" i="1"/>
  <c r="AF121623" i="1"/>
  <c r="AF121624" i="1"/>
  <c r="AF121625" i="1"/>
  <c r="AF121626" i="1"/>
  <c r="AF121627" i="1"/>
  <c r="AF121628" i="1"/>
  <c r="AF121629" i="1"/>
  <c r="AF121630" i="1"/>
  <c r="AF121631" i="1"/>
  <c r="AF121632" i="1"/>
  <c r="AF121633" i="1"/>
  <c r="AF121634" i="1"/>
  <c r="AF121635" i="1"/>
  <c r="AF121636" i="1"/>
  <c r="AF121637" i="1"/>
  <c r="AF121638" i="1"/>
  <c r="AF121639" i="1"/>
  <c r="AF121640" i="1"/>
  <c r="AF121641" i="1"/>
  <c r="AF121642" i="1"/>
  <c r="AF121643" i="1"/>
  <c r="AF121644" i="1"/>
  <c r="AF121645" i="1"/>
  <c r="AF121646" i="1"/>
  <c r="AF121647" i="1"/>
  <c r="AF121648" i="1"/>
  <c r="AF121649" i="1"/>
  <c r="AF121650" i="1"/>
  <c r="AF121651" i="1"/>
  <c r="AF121652" i="1"/>
  <c r="AF121653" i="1"/>
  <c r="AF121654" i="1"/>
  <c r="AF121655" i="1"/>
  <c r="AF121656" i="1"/>
  <c r="AF121657" i="1"/>
  <c r="AF121658" i="1"/>
  <c r="AF121659" i="1"/>
  <c r="AF121660" i="1"/>
  <c r="AF121661" i="1"/>
  <c r="AF121662" i="1"/>
  <c r="AF121663" i="1"/>
  <c r="AF121664" i="1"/>
  <c r="AF121665" i="1"/>
  <c r="AF121666" i="1"/>
  <c r="AF121667" i="1"/>
  <c r="AF121668" i="1"/>
  <c r="AF121669" i="1"/>
  <c r="AF121670" i="1"/>
  <c r="AF121671" i="1"/>
  <c r="AF121672" i="1"/>
  <c r="AF121673" i="1"/>
  <c r="AF121674" i="1"/>
  <c r="AF121675" i="1"/>
  <c r="AF121676" i="1"/>
  <c r="AF121677" i="1"/>
  <c r="AF121678" i="1"/>
  <c r="AF121679" i="1"/>
  <c r="AF121680" i="1"/>
  <c r="AF121681" i="1"/>
  <c r="AF121682" i="1"/>
  <c r="AF121683" i="1"/>
  <c r="AF121684" i="1"/>
  <c r="AF121685" i="1"/>
  <c r="AF121686" i="1"/>
  <c r="AF121687" i="1"/>
  <c r="AF121688" i="1"/>
  <c r="AF121689" i="1"/>
  <c r="AF121690" i="1"/>
  <c r="AF121691" i="1"/>
  <c r="AF121692" i="1"/>
  <c r="AF121693" i="1"/>
  <c r="AF121694" i="1"/>
  <c r="AF121695" i="1"/>
  <c r="AF121696" i="1"/>
  <c r="AF121697" i="1"/>
  <c r="AF121698" i="1"/>
  <c r="AF121699" i="1"/>
  <c r="AF121700" i="1"/>
  <c r="AF121701" i="1"/>
  <c r="AF121702" i="1"/>
  <c r="AF121703" i="1"/>
  <c r="AF121704" i="1"/>
  <c r="AF121705" i="1"/>
  <c r="AF121706" i="1"/>
  <c r="AF121707" i="1"/>
  <c r="AF121708" i="1"/>
  <c r="AF121709" i="1"/>
  <c r="AF121710" i="1"/>
  <c r="AF121711" i="1"/>
  <c r="AF121712" i="1"/>
  <c r="AF121713" i="1"/>
  <c r="AF121714" i="1"/>
  <c r="AF121715" i="1"/>
  <c r="AF121716" i="1"/>
  <c r="AF121717" i="1"/>
  <c r="AF121718" i="1"/>
  <c r="AF121719" i="1"/>
  <c r="AF121720" i="1"/>
  <c r="AF121721" i="1"/>
  <c r="AF121722" i="1"/>
  <c r="AF121723" i="1"/>
  <c r="AF121724" i="1"/>
  <c r="AF121725" i="1"/>
  <c r="AF121726" i="1"/>
  <c r="AF121727" i="1"/>
  <c r="AF121728" i="1"/>
  <c r="AF121729" i="1"/>
  <c r="AF121730" i="1"/>
  <c r="AF121731" i="1"/>
  <c r="AF121732" i="1"/>
  <c r="AF121733" i="1"/>
  <c r="AF121734" i="1"/>
  <c r="AF121735" i="1"/>
  <c r="AF121736" i="1"/>
  <c r="AF121737" i="1"/>
  <c r="AF121738" i="1"/>
  <c r="AF121739" i="1"/>
  <c r="AF121740" i="1"/>
  <c r="AF121741" i="1"/>
  <c r="AF121742" i="1"/>
  <c r="AF121743" i="1"/>
  <c r="AF121744" i="1"/>
  <c r="AF121745" i="1"/>
  <c r="AF121746" i="1"/>
  <c r="AF121747" i="1"/>
  <c r="AF121748" i="1"/>
  <c r="AF121749" i="1"/>
  <c r="AF121750" i="1"/>
  <c r="AF121751" i="1"/>
  <c r="AF121752" i="1"/>
  <c r="AF121753" i="1"/>
  <c r="AF121754" i="1"/>
  <c r="AF121755" i="1"/>
  <c r="AF121756" i="1"/>
  <c r="AF121757" i="1"/>
  <c r="AF121758" i="1"/>
  <c r="AF121759" i="1"/>
  <c r="AF121760" i="1"/>
  <c r="AF121761" i="1"/>
  <c r="AF121762" i="1"/>
  <c r="AF121763" i="1"/>
  <c r="AF121764" i="1"/>
  <c r="AF121765" i="1"/>
  <c r="AF121766" i="1"/>
  <c r="AF121767" i="1"/>
  <c r="AF121768" i="1"/>
  <c r="AF121769" i="1"/>
  <c r="AF121770" i="1"/>
  <c r="AF121771" i="1"/>
  <c r="AF121772" i="1"/>
  <c r="AF121773" i="1"/>
  <c r="AF121774" i="1"/>
  <c r="AF121775" i="1"/>
  <c r="AF121776" i="1"/>
  <c r="AF121777" i="1"/>
  <c r="AF121778" i="1"/>
  <c r="AF121779" i="1"/>
  <c r="AF121780" i="1"/>
  <c r="AF121781" i="1"/>
  <c r="AF121782" i="1"/>
  <c r="AF121783" i="1"/>
  <c r="AF121784" i="1"/>
  <c r="AF121785" i="1"/>
  <c r="AF121786" i="1"/>
  <c r="AF121787" i="1"/>
  <c r="AF121788" i="1"/>
  <c r="AF121789" i="1"/>
  <c r="AF121790" i="1"/>
  <c r="AF121791" i="1"/>
  <c r="AF121792" i="1"/>
  <c r="AF121793" i="1"/>
  <c r="AF121794" i="1"/>
  <c r="AF121795" i="1"/>
  <c r="AF121796" i="1"/>
  <c r="AF121797" i="1"/>
  <c r="AF121798" i="1"/>
  <c r="AF121799" i="1"/>
  <c r="AF121800" i="1"/>
  <c r="AF121801" i="1"/>
  <c r="AF121802" i="1"/>
  <c r="AF121803" i="1"/>
  <c r="AF121804" i="1"/>
  <c r="AF121805" i="1"/>
  <c r="AF121806" i="1"/>
  <c r="AF121807" i="1"/>
  <c r="AF121808" i="1"/>
  <c r="AF121809" i="1"/>
  <c r="AF121810" i="1"/>
  <c r="AF121811" i="1"/>
  <c r="AF121812" i="1"/>
  <c r="AF121813" i="1"/>
  <c r="AF121814" i="1"/>
  <c r="AF121815" i="1"/>
  <c r="AF121816" i="1"/>
  <c r="AF121817" i="1"/>
  <c r="AF121818" i="1"/>
  <c r="AF121819" i="1"/>
  <c r="AF121820" i="1"/>
  <c r="AF121821" i="1"/>
  <c r="AF121822" i="1"/>
  <c r="AF121823" i="1"/>
  <c r="AF121824" i="1"/>
  <c r="AF121825" i="1"/>
  <c r="AF121826" i="1"/>
  <c r="AF121827" i="1"/>
  <c r="AF121828" i="1"/>
  <c r="AF121829" i="1"/>
  <c r="AF121830" i="1"/>
  <c r="AF121831" i="1"/>
  <c r="AF121832" i="1"/>
  <c r="AF121833" i="1"/>
  <c r="AF121834" i="1"/>
  <c r="AF121835" i="1"/>
  <c r="AF121836" i="1"/>
  <c r="AF121837" i="1"/>
  <c r="AF121838" i="1"/>
  <c r="AF121839" i="1"/>
  <c r="AF121840" i="1"/>
  <c r="AF121841" i="1"/>
  <c r="AF121842" i="1"/>
  <c r="AF121843" i="1"/>
  <c r="AF121844" i="1"/>
  <c r="AF121845" i="1"/>
  <c r="AF121846" i="1"/>
  <c r="AF121847" i="1"/>
  <c r="AF121848" i="1"/>
  <c r="AF121849" i="1"/>
  <c r="AF121850" i="1"/>
  <c r="AF121851" i="1"/>
  <c r="AF121852" i="1"/>
  <c r="AF121853" i="1"/>
  <c r="AF121854" i="1"/>
  <c r="AF121855" i="1"/>
  <c r="AF121856" i="1"/>
  <c r="AF121857" i="1"/>
  <c r="AF121858" i="1"/>
  <c r="AF121859" i="1"/>
  <c r="AF121860" i="1"/>
  <c r="AF121861" i="1"/>
  <c r="AF121862" i="1"/>
  <c r="AF121863" i="1"/>
  <c r="AF121864" i="1"/>
  <c r="AF121865" i="1"/>
  <c r="AF121866" i="1"/>
  <c r="AF121867" i="1"/>
  <c r="AF121868" i="1"/>
  <c r="AF121869" i="1"/>
  <c r="AF121870" i="1"/>
  <c r="AF121871" i="1"/>
  <c r="AF121872" i="1"/>
  <c r="AF121873" i="1"/>
  <c r="AF121874" i="1"/>
  <c r="AF121875" i="1"/>
  <c r="AF121876" i="1"/>
  <c r="AF121877" i="1"/>
  <c r="AF121878" i="1"/>
  <c r="AF121879" i="1"/>
  <c r="AF121880" i="1"/>
  <c r="AF121881" i="1"/>
  <c r="AF121882" i="1"/>
  <c r="AF121883" i="1"/>
  <c r="AF121884" i="1"/>
  <c r="AF121885" i="1"/>
  <c r="AF121886" i="1"/>
  <c r="AF121887" i="1"/>
  <c r="AF121888" i="1"/>
  <c r="AF121889" i="1"/>
  <c r="AF121890" i="1"/>
  <c r="AF121891" i="1"/>
  <c r="AF121892" i="1"/>
  <c r="AF121893" i="1"/>
  <c r="AF121894" i="1"/>
  <c r="AF121895" i="1"/>
  <c r="AF121896" i="1"/>
  <c r="AF121897" i="1"/>
  <c r="AF121898" i="1"/>
  <c r="AF121899" i="1"/>
  <c r="AF121900" i="1"/>
  <c r="AF121901" i="1"/>
  <c r="AF121902" i="1"/>
  <c r="AF121903" i="1"/>
  <c r="AF121904" i="1"/>
  <c r="AF121905" i="1"/>
  <c r="AF121906" i="1"/>
  <c r="AF121907" i="1"/>
  <c r="AF121908" i="1"/>
  <c r="AF121909" i="1"/>
  <c r="AF121910" i="1"/>
  <c r="AF121911" i="1"/>
  <c r="AF121912" i="1"/>
  <c r="AF121913" i="1"/>
  <c r="AF121914" i="1"/>
  <c r="AF121915" i="1"/>
  <c r="AF121916" i="1"/>
  <c r="AF121917" i="1"/>
  <c r="AF121918" i="1"/>
  <c r="AF121919" i="1"/>
  <c r="AF121920" i="1"/>
  <c r="AF121921" i="1"/>
  <c r="AF121922" i="1"/>
  <c r="AF121923" i="1"/>
  <c r="AF121924" i="1"/>
  <c r="AF121925" i="1"/>
  <c r="AF121926" i="1"/>
  <c r="AF121927" i="1"/>
  <c r="AF121928" i="1"/>
  <c r="AF121929" i="1"/>
  <c r="AF121930" i="1"/>
  <c r="AF121931" i="1"/>
  <c r="AF121932" i="1"/>
  <c r="AF121933" i="1"/>
  <c r="AF121934" i="1"/>
  <c r="AF121935" i="1"/>
  <c r="AF121936" i="1"/>
  <c r="AF121937" i="1"/>
  <c r="AF121938" i="1"/>
  <c r="AF121939" i="1"/>
  <c r="AF121940" i="1"/>
  <c r="AF121941" i="1"/>
  <c r="AF121942" i="1"/>
  <c r="AF121943" i="1"/>
  <c r="AF121944" i="1"/>
  <c r="AF121945" i="1"/>
  <c r="AF121946" i="1"/>
  <c r="AF121947" i="1"/>
  <c r="AF121948" i="1"/>
  <c r="AF121949" i="1"/>
  <c r="AF121950" i="1"/>
  <c r="AF121951" i="1"/>
  <c r="AF121952" i="1"/>
  <c r="AF121953" i="1"/>
  <c r="AF121954" i="1"/>
  <c r="AF121955" i="1"/>
  <c r="AF121956" i="1"/>
  <c r="AF121957" i="1"/>
  <c r="AF121958" i="1"/>
  <c r="AF121959" i="1"/>
  <c r="AF121960" i="1"/>
  <c r="AF121961" i="1"/>
  <c r="AF121962" i="1"/>
  <c r="AF121963" i="1"/>
  <c r="AF121964" i="1"/>
  <c r="AF121965" i="1"/>
  <c r="AF121966" i="1"/>
  <c r="AF121967" i="1"/>
  <c r="AF121968" i="1"/>
  <c r="AF121969" i="1"/>
  <c r="AF121970" i="1"/>
  <c r="AF121971" i="1"/>
  <c r="AF121972" i="1"/>
  <c r="AF121973" i="1"/>
  <c r="AF121974" i="1"/>
  <c r="AF121975" i="1"/>
  <c r="AF121976" i="1"/>
  <c r="AF121977" i="1"/>
  <c r="AF121978" i="1"/>
  <c r="AF121979" i="1"/>
  <c r="AF121980" i="1"/>
  <c r="AF121981" i="1"/>
  <c r="AF121982" i="1"/>
  <c r="AF121983" i="1"/>
  <c r="AF121984" i="1"/>
  <c r="AF121985" i="1"/>
  <c r="AF121986" i="1"/>
  <c r="AF121987" i="1"/>
  <c r="AF121988" i="1"/>
  <c r="AF121989" i="1"/>
  <c r="AF121990" i="1"/>
  <c r="AF121991" i="1"/>
  <c r="AF121992" i="1"/>
  <c r="AF121993" i="1"/>
  <c r="AF121994" i="1"/>
  <c r="AF121995" i="1"/>
  <c r="AF121996" i="1"/>
  <c r="AF121997" i="1"/>
  <c r="AF121998" i="1"/>
  <c r="AF121999" i="1"/>
  <c r="AF122000" i="1"/>
  <c r="AF122001" i="1"/>
  <c r="AF122002" i="1"/>
  <c r="AF122003" i="1"/>
  <c r="AF122004" i="1"/>
  <c r="AF122005" i="1"/>
  <c r="AF122006" i="1"/>
  <c r="AF122007" i="1"/>
  <c r="AF122008" i="1"/>
  <c r="AF122009" i="1"/>
  <c r="AF122010" i="1"/>
  <c r="AF122011" i="1"/>
  <c r="AF122012" i="1"/>
  <c r="AF122013" i="1"/>
  <c r="AF122014" i="1"/>
  <c r="AF122015" i="1"/>
  <c r="AF122016" i="1"/>
  <c r="AF122017" i="1"/>
  <c r="AF122018" i="1"/>
  <c r="AF122019" i="1"/>
  <c r="AF122020" i="1"/>
  <c r="AF122021" i="1"/>
  <c r="AF122022" i="1"/>
  <c r="AF122023" i="1"/>
  <c r="AF122024" i="1"/>
  <c r="AF122025" i="1"/>
  <c r="AF122026" i="1"/>
  <c r="AF122027" i="1"/>
  <c r="AF122028" i="1"/>
  <c r="AF122029" i="1"/>
  <c r="AF122030" i="1"/>
  <c r="AF122031" i="1"/>
  <c r="AF122032" i="1"/>
  <c r="AF122033" i="1"/>
  <c r="AF122034" i="1"/>
  <c r="AF122035" i="1"/>
  <c r="AF122036" i="1"/>
  <c r="AF122037" i="1"/>
  <c r="AF122038" i="1"/>
  <c r="AF122039" i="1"/>
  <c r="AF122040" i="1"/>
  <c r="AF122041" i="1"/>
  <c r="AF122042" i="1"/>
  <c r="AF122043" i="1"/>
  <c r="AF122044" i="1"/>
  <c r="AF122045" i="1"/>
  <c r="AF122046" i="1"/>
  <c r="AF122047" i="1"/>
  <c r="AF122048" i="1"/>
  <c r="AF122049" i="1"/>
  <c r="AF122050" i="1"/>
  <c r="AF122051" i="1"/>
  <c r="AF122052" i="1"/>
  <c r="AF122053" i="1"/>
  <c r="AF122054" i="1"/>
  <c r="AF122055" i="1"/>
  <c r="AF122056" i="1"/>
  <c r="AF122057" i="1"/>
  <c r="AF122058" i="1"/>
  <c r="AF122059" i="1"/>
  <c r="AF122060" i="1"/>
  <c r="AF122061" i="1"/>
  <c r="AF122062" i="1"/>
  <c r="AF122063" i="1"/>
  <c r="AF122064" i="1"/>
  <c r="AF122065" i="1"/>
  <c r="AF122066" i="1"/>
  <c r="AF122067" i="1"/>
  <c r="AF122068" i="1"/>
  <c r="AF122069" i="1"/>
  <c r="AF122070" i="1"/>
  <c r="AF122071" i="1"/>
  <c r="AF122072" i="1"/>
  <c r="AF122073" i="1"/>
  <c r="AF122074" i="1"/>
  <c r="AF122075" i="1"/>
  <c r="AF122076" i="1"/>
  <c r="AF122077" i="1"/>
  <c r="AF122078" i="1"/>
  <c r="AF122079" i="1"/>
  <c r="AF122080" i="1"/>
  <c r="AF122081" i="1"/>
  <c r="AF122082" i="1"/>
  <c r="AF122083" i="1"/>
  <c r="AF122084" i="1"/>
  <c r="AF122085" i="1"/>
  <c r="AF122086" i="1"/>
  <c r="AF122087" i="1"/>
  <c r="AF122088" i="1"/>
  <c r="AF122089" i="1"/>
  <c r="AF122090" i="1"/>
  <c r="AF122091" i="1"/>
  <c r="AF122092" i="1"/>
  <c r="AF122093" i="1"/>
  <c r="AF122094" i="1"/>
  <c r="AF122095" i="1"/>
  <c r="AF122096" i="1"/>
  <c r="AF122097" i="1"/>
  <c r="AF122098" i="1"/>
  <c r="AF122099" i="1"/>
  <c r="AF122100" i="1"/>
  <c r="AF122101" i="1"/>
  <c r="AF122102" i="1"/>
  <c r="AF122103" i="1"/>
  <c r="AF122104" i="1"/>
  <c r="AF122105" i="1"/>
  <c r="AF122106" i="1"/>
  <c r="AF122107" i="1"/>
  <c r="AF122108" i="1"/>
  <c r="AF122109" i="1"/>
  <c r="AF122110" i="1"/>
  <c r="AF122111" i="1"/>
  <c r="AF122112" i="1"/>
  <c r="AF122113" i="1"/>
  <c r="AF122114" i="1"/>
  <c r="AF122115" i="1"/>
  <c r="AF122116" i="1"/>
  <c r="AF122117" i="1"/>
  <c r="AF122118" i="1"/>
  <c r="AF122119" i="1"/>
  <c r="AF122120" i="1"/>
  <c r="AF122121" i="1"/>
  <c r="AF122122" i="1"/>
  <c r="AF122123" i="1"/>
  <c r="AF122124" i="1"/>
  <c r="AF122125" i="1"/>
  <c r="AF122126" i="1"/>
  <c r="AF122127" i="1"/>
  <c r="AF122128" i="1"/>
  <c r="AF122129" i="1"/>
  <c r="AF122130" i="1"/>
  <c r="AF122131" i="1"/>
  <c r="AF122132" i="1"/>
  <c r="AF122133" i="1"/>
  <c r="AF122134" i="1"/>
  <c r="AF122135" i="1"/>
  <c r="AF122136" i="1"/>
  <c r="AF122137" i="1"/>
  <c r="AF122138" i="1"/>
  <c r="AF122139" i="1"/>
  <c r="AF122140" i="1"/>
  <c r="AF122141" i="1"/>
  <c r="AF122142" i="1"/>
  <c r="AF122143" i="1"/>
  <c r="AF122144" i="1"/>
  <c r="AF122145" i="1"/>
  <c r="AF122146" i="1"/>
  <c r="AF122147" i="1"/>
  <c r="AF122148" i="1"/>
  <c r="AF122149" i="1"/>
  <c r="AF122150" i="1"/>
  <c r="AF122151" i="1"/>
  <c r="AF122152" i="1"/>
  <c r="AF122153" i="1"/>
  <c r="AF122154" i="1"/>
  <c r="AF122155" i="1"/>
  <c r="AF122156" i="1"/>
  <c r="AF122157" i="1"/>
  <c r="AF122158" i="1"/>
  <c r="AF122159" i="1"/>
  <c r="AF122160" i="1"/>
  <c r="AF122161" i="1"/>
  <c r="AF122162" i="1"/>
  <c r="AF122163" i="1"/>
  <c r="AF122164" i="1"/>
  <c r="AF122165" i="1"/>
  <c r="AF122166" i="1"/>
  <c r="AF122167" i="1"/>
  <c r="AF122168" i="1"/>
  <c r="AF122169" i="1"/>
  <c r="AF122170" i="1"/>
  <c r="AF122171" i="1"/>
  <c r="AF122172" i="1"/>
  <c r="AF122173" i="1"/>
  <c r="AF122174" i="1"/>
  <c r="AF122175" i="1"/>
  <c r="AF122176" i="1"/>
  <c r="AF122177" i="1"/>
  <c r="AF122178" i="1"/>
  <c r="AF122179" i="1"/>
  <c r="AF122180" i="1"/>
  <c r="AF122181" i="1"/>
  <c r="AF122182" i="1"/>
  <c r="AF122183" i="1"/>
  <c r="AF122184" i="1"/>
  <c r="AF122185" i="1"/>
  <c r="AF122186" i="1"/>
  <c r="AF122187" i="1"/>
  <c r="AF122188" i="1"/>
  <c r="AF122189" i="1"/>
  <c r="AF122190" i="1"/>
  <c r="AF122191" i="1"/>
  <c r="AF122192" i="1"/>
  <c r="AF122193" i="1"/>
  <c r="AF122194" i="1"/>
  <c r="AF122195" i="1"/>
  <c r="AF122196" i="1"/>
  <c r="AF122197" i="1"/>
  <c r="AF122198" i="1"/>
  <c r="AF122199" i="1"/>
  <c r="AF122200" i="1"/>
  <c r="AF122201" i="1"/>
  <c r="AF122202" i="1"/>
  <c r="AF122203" i="1"/>
  <c r="AF122204" i="1"/>
  <c r="AF122205" i="1"/>
  <c r="AF122206" i="1"/>
  <c r="AF122207" i="1"/>
  <c r="AF122208" i="1"/>
  <c r="AF122209" i="1"/>
  <c r="AF122210" i="1"/>
  <c r="AF122211" i="1"/>
  <c r="AF122212" i="1"/>
  <c r="AF122213" i="1"/>
  <c r="AF122214" i="1"/>
  <c r="AF122215" i="1"/>
  <c r="AF122216" i="1"/>
  <c r="AF122217" i="1"/>
  <c r="AF122218" i="1"/>
  <c r="AF122219" i="1"/>
  <c r="AF122220" i="1"/>
  <c r="AF122221" i="1"/>
  <c r="AF122222" i="1"/>
  <c r="AF122223" i="1"/>
  <c r="AF122224" i="1"/>
  <c r="AF122225" i="1"/>
  <c r="AF122226" i="1"/>
  <c r="AF122227" i="1"/>
  <c r="AF122228" i="1"/>
  <c r="AF122229" i="1"/>
  <c r="AF122230" i="1"/>
  <c r="AF122231" i="1"/>
  <c r="AF122232" i="1"/>
  <c r="AF122233" i="1"/>
  <c r="AF122234" i="1"/>
  <c r="AF122235" i="1"/>
  <c r="AF122236" i="1"/>
  <c r="AF122237" i="1"/>
  <c r="AF122238" i="1"/>
  <c r="AF122239" i="1"/>
  <c r="AF122240" i="1"/>
  <c r="AF122241" i="1"/>
  <c r="AF122242" i="1"/>
  <c r="AF122243" i="1"/>
  <c r="AF122244" i="1"/>
  <c r="AF122245" i="1"/>
  <c r="AF122246" i="1"/>
  <c r="AF122247" i="1"/>
  <c r="AF122248" i="1"/>
  <c r="AF122249" i="1"/>
  <c r="AF122250" i="1"/>
  <c r="AF122251" i="1"/>
  <c r="AF122252" i="1"/>
  <c r="AF122253" i="1"/>
  <c r="AF122254" i="1"/>
  <c r="AF122255" i="1"/>
  <c r="AF122256" i="1"/>
  <c r="AF122257" i="1"/>
  <c r="AF122258" i="1"/>
  <c r="AF122259" i="1"/>
  <c r="AF122260" i="1"/>
  <c r="AF122261" i="1"/>
  <c r="AF122262" i="1"/>
  <c r="AF122263" i="1"/>
  <c r="AF122264" i="1"/>
  <c r="AF122265" i="1"/>
  <c r="AF122266" i="1"/>
  <c r="AF122267" i="1"/>
  <c r="AF122268" i="1"/>
  <c r="AF122269" i="1"/>
  <c r="AF122270" i="1"/>
  <c r="AF122271" i="1"/>
  <c r="AF122272" i="1"/>
  <c r="AF122273" i="1"/>
  <c r="AF122274" i="1"/>
  <c r="AF122275" i="1"/>
  <c r="AF122276" i="1"/>
  <c r="AF122277" i="1"/>
  <c r="AF122278" i="1"/>
  <c r="AF122279" i="1"/>
  <c r="AF122280" i="1"/>
  <c r="AF122281" i="1"/>
  <c r="AF122282" i="1"/>
  <c r="AF122283" i="1"/>
  <c r="AF122284" i="1"/>
  <c r="AF122285" i="1"/>
  <c r="AF122286" i="1"/>
  <c r="AF122287" i="1"/>
  <c r="AF122288" i="1"/>
  <c r="AF122289" i="1"/>
  <c r="AF122290" i="1"/>
  <c r="AF122291" i="1"/>
  <c r="AF122292" i="1"/>
  <c r="AF122293" i="1"/>
  <c r="AF122294" i="1"/>
  <c r="AF122295" i="1"/>
  <c r="AF122296" i="1"/>
  <c r="AF122297" i="1"/>
  <c r="AF122298" i="1"/>
  <c r="AF122299" i="1"/>
  <c r="AF122300" i="1"/>
  <c r="AF122301" i="1"/>
  <c r="AF122302" i="1"/>
  <c r="AF122303" i="1"/>
  <c r="AF122304" i="1"/>
  <c r="AF122305" i="1"/>
  <c r="AF122306" i="1"/>
  <c r="AF122307" i="1"/>
  <c r="AF122308" i="1"/>
  <c r="AF122309" i="1"/>
  <c r="AF122310" i="1"/>
  <c r="AF122311" i="1"/>
  <c r="AF122312" i="1"/>
  <c r="AF122313" i="1"/>
  <c r="AF122314" i="1"/>
  <c r="AF122315" i="1"/>
  <c r="AF122316" i="1"/>
  <c r="AF122317" i="1"/>
  <c r="AF122318" i="1"/>
  <c r="AF122319" i="1"/>
  <c r="AF122320" i="1"/>
  <c r="AF122321" i="1"/>
  <c r="AF122322" i="1"/>
  <c r="AF122323" i="1"/>
  <c r="AF122324" i="1"/>
  <c r="AF122325" i="1"/>
  <c r="AF122326" i="1"/>
  <c r="AF122327" i="1"/>
  <c r="AF122328" i="1"/>
  <c r="AF122329" i="1"/>
  <c r="AF122330" i="1"/>
  <c r="AF122331" i="1"/>
  <c r="AF122332" i="1"/>
  <c r="AF122333" i="1"/>
  <c r="AF122334" i="1"/>
  <c r="AF122335" i="1"/>
  <c r="AF122336" i="1"/>
  <c r="AF122337" i="1"/>
  <c r="AF122338" i="1"/>
  <c r="AF122339" i="1"/>
  <c r="AF122340" i="1"/>
  <c r="AF122341" i="1"/>
  <c r="AF122342" i="1"/>
  <c r="AF122343" i="1"/>
  <c r="AF122344" i="1"/>
  <c r="AF122345" i="1"/>
  <c r="AF122346" i="1"/>
  <c r="AF122347" i="1"/>
  <c r="AF122348" i="1"/>
  <c r="AF122349" i="1"/>
  <c r="AF122350" i="1"/>
  <c r="AF122351" i="1"/>
  <c r="AF122352" i="1"/>
  <c r="AF122353" i="1"/>
  <c r="AF122354" i="1"/>
  <c r="AF122355" i="1"/>
  <c r="AF122356" i="1"/>
  <c r="AF122357" i="1"/>
  <c r="AF122358" i="1"/>
  <c r="AF122359" i="1"/>
  <c r="AF122360" i="1"/>
  <c r="AF122361" i="1"/>
  <c r="AF122362" i="1"/>
  <c r="AF122363" i="1"/>
  <c r="AF122364" i="1"/>
  <c r="AF122365" i="1"/>
  <c r="AF122366" i="1"/>
  <c r="AF122367" i="1"/>
  <c r="AF122368" i="1"/>
  <c r="AF122369" i="1"/>
  <c r="AF122370" i="1"/>
  <c r="AF122371" i="1"/>
  <c r="AF122372" i="1"/>
  <c r="AF122373" i="1"/>
  <c r="AF122374" i="1"/>
  <c r="AF122375" i="1"/>
  <c r="AF122376" i="1"/>
  <c r="AF122377" i="1"/>
  <c r="AF122378" i="1"/>
  <c r="AF122379" i="1"/>
  <c r="AF122380" i="1"/>
  <c r="AF122381" i="1"/>
  <c r="AF122382" i="1"/>
  <c r="AF122383" i="1"/>
  <c r="AF122384" i="1"/>
  <c r="AF122385" i="1"/>
  <c r="AF122386" i="1"/>
  <c r="AF122387" i="1"/>
  <c r="AF122388" i="1"/>
  <c r="AF122389" i="1"/>
  <c r="AF122390" i="1"/>
  <c r="AF122391" i="1"/>
  <c r="AF122392" i="1"/>
  <c r="AF122393" i="1"/>
  <c r="AF122394" i="1"/>
  <c r="AF122395" i="1"/>
  <c r="AF122396" i="1"/>
  <c r="AF122397" i="1"/>
  <c r="AF122398" i="1"/>
  <c r="AF122399" i="1"/>
  <c r="AF122400" i="1"/>
  <c r="AF122401" i="1"/>
  <c r="AF122402" i="1"/>
  <c r="AF122403" i="1"/>
  <c r="AF122404" i="1"/>
  <c r="AF122405" i="1"/>
  <c r="AF122406" i="1"/>
  <c r="AF122407" i="1"/>
  <c r="AF122408" i="1"/>
  <c r="AF122409" i="1"/>
  <c r="AF122410" i="1"/>
  <c r="AF122411" i="1"/>
  <c r="AF122412" i="1"/>
  <c r="AF122413" i="1"/>
  <c r="AF122414" i="1"/>
  <c r="AF122415" i="1"/>
  <c r="AF122416" i="1"/>
  <c r="AF122417" i="1"/>
  <c r="AF122418" i="1"/>
  <c r="AF122419" i="1"/>
  <c r="AF122420" i="1"/>
  <c r="AF122421" i="1"/>
  <c r="AF122422" i="1"/>
  <c r="AF122423" i="1"/>
  <c r="AF122424" i="1"/>
  <c r="AF122425" i="1"/>
  <c r="AF122426" i="1"/>
  <c r="AF122427" i="1"/>
  <c r="AF122428" i="1"/>
  <c r="AF122429" i="1"/>
  <c r="AF122430" i="1"/>
  <c r="AF122431" i="1"/>
  <c r="AF122432" i="1"/>
  <c r="AF122433" i="1"/>
  <c r="AF122434" i="1"/>
  <c r="AF122435" i="1"/>
  <c r="AF122436" i="1"/>
  <c r="AF122437" i="1"/>
  <c r="AF122438" i="1"/>
  <c r="AF122439" i="1"/>
  <c r="AF122440" i="1"/>
  <c r="AF122441" i="1"/>
  <c r="AF122442" i="1"/>
  <c r="AF122443" i="1"/>
  <c r="AF122444" i="1"/>
  <c r="AF122445" i="1"/>
  <c r="AF122446" i="1"/>
  <c r="AF122447" i="1"/>
  <c r="AF122448" i="1"/>
  <c r="AF122449" i="1"/>
  <c r="AF122450" i="1"/>
  <c r="AF122451" i="1"/>
  <c r="AF122452" i="1"/>
  <c r="AF122453" i="1"/>
  <c r="AF122454" i="1"/>
  <c r="AF122455" i="1"/>
  <c r="AF122456" i="1"/>
  <c r="AF122457" i="1"/>
  <c r="AF122458" i="1"/>
  <c r="AF122459" i="1"/>
  <c r="AF122460" i="1"/>
  <c r="AF122461" i="1"/>
  <c r="AF122462" i="1"/>
  <c r="AF122463" i="1"/>
  <c r="AF122464" i="1"/>
  <c r="AF122465" i="1"/>
  <c r="AF122466" i="1"/>
  <c r="AF122467" i="1"/>
  <c r="AF122468" i="1"/>
  <c r="AF122469" i="1"/>
  <c r="AF122470" i="1"/>
  <c r="AF122471" i="1"/>
  <c r="AF122472" i="1"/>
  <c r="AF122473" i="1"/>
  <c r="AF122474" i="1"/>
  <c r="AF122475" i="1"/>
  <c r="AF122476" i="1"/>
  <c r="AF122477" i="1"/>
  <c r="AF122478" i="1"/>
  <c r="AF122479" i="1"/>
  <c r="AF122480" i="1"/>
  <c r="AF122481" i="1"/>
  <c r="AF122482" i="1"/>
  <c r="AF122483" i="1"/>
  <c r="AF122484" i="1"/>
  <c r="AF122485" i="1"/>
  <c r="AF122486" i="1"/>
  <c r="AF122487" i="1"/>
  <c r="AF122488" i="1"/>
  <c r="AF122489" i="1"/>
  <c r="AF122490" i="1"/>
  <c r="AF122491" i="1"/>
  <c r="AF122492" i="1"/>
  <c r="AF122493" i="1"/>
  <c r="AF122494" i="1"/>
  <c r="AF122495" i="1"/>
  <c r="AF122496" i="1"/>
  <c r="AF122497" i="1"/>
  <c r="AF122498" i="1"/>
  <c r="AF122499" i="1"/>
  <c r="AF122500" i="1"/>
  <c r="AF122501" i="1"/>
  <c r="AF122502" i="1"/>
  <c r="AF122503" i="1"/>
  <c r="AF122504" i="1"/>
  <c r="AF122505" i="1"/>
  <c r="AF122506" i="1"/>
  <c r="AF122507" i="1"/>
  <c r="AF122508" i="1"/>
  <c r="AF122509" i="1"/>
  <c r="AF122510" i="1"/>
  <c r="AF122511" i="1"/>
  <c r="AF122512" i="1"/>
  <c r="AF122513" i="1"/>
  <c r="AF122514" i="1"/>
  <c r="AF122515" i="1"/>
  <c r="AF122516" i="1"/>
  <c r="AF122517" i="1"/>
  <c r="AF122518" i="1"/>
  <c r="AF122519" i="1"/>
  <c r="AF122520" i="1"/>
  <c r="AF122521" i="1"/>
  <c r="AF122522" i="1"/>
  <c r="AF122523" i="1"/>
  <c r="AF122524" i="1"/>
  <c r="AF122525" i="1"/>
  <c r="AF122526" i="1"/>
  <c r="AF122527" i="1"/>
  <c r="AF122528" i="1"/>
  <c r="AF122529" i="1"/>
  <c r="AF122530" i="1"/>
  <c r="AF122531" i="1"/>
  <c r="AF122532" i="1"/>
  <c r="AF122533" i="1"/>
  <c r="AF122534" i="1"/>
  <c r="AF122535" i="1"/>
  <c r="AF122536" i="1"/>
  <c r="AF122537" i="1"/>
  <c r="AF122538" i="1"/>
  <c r="AF122539" i="1"/>
  <c r="AF122540" i="1"/>
  <c r="AF122541" i="1"/>
  <c r="AF122542" i="1"/>
  <c r="AF122543" i="1"/>
  <c r="AF122544" i="1"/>
  <c r="AF122545" i="1"/>
  <c r="AF122546" i="1"/>
  <c r="AF122547" i="1"/>
  <c r="AF122548" i="1"/>
  <c r="AF122549" i="1"/>
  <c r="AF122550" i="1"/>
  <c r="AF122551" i="1"/>
  <c r="AF122552" i="1"/>
  <c r="AF122553" i="1"/>
  <c r="AF122554" i="1"/>
  <c r="AF122555" i="1"/>
  <c r="AF122556" i="1"/>
  <c r="AF122557" i="1"/>
  <c r="AF122558" i="1"/>
  <c r="AF122559" i="1"/>
  <c r="AF122560" i="1"/>
  <c r="AF122561" i="1"/>
  <c r="AF122562" i="1"/>
  <c r="AF122563" i="1"/>
  <c r="AF122564" i="1"/>
  <c r="AF122565" i="1"/>
  <c r="AF122566" i="1"/>
  <c r="AF122567" i="1"/>
  <c r="AF122568" i="1"/>
  <c r="AF122569" i="1"/>
  <c r="AF122570" i="1"/>
  <c r="AF122571" i="1"/>
  <c r="AF122572" i="1"/>
  <c r="AF122573" i="1"/>
  <c r="AF122574" i="1"/>
  <c r="AF122575" i="1"/>
  <c r="AF122576" i="1"/>
  <c r="AF122577" i="1"/>
  <c r="AF122578" i="1"/>
  <c r="AF122579" i="1"/>
  <c r="AF122580" i="1"/>
  <c r="AF122581" i="1"/>
  <c r="AF122582" i="1"/>
  <c r="AF122583" i="1"/>
  <c r="AF122584" i="1"/>
  <c r="AF122585" i="1"/>
  <c r="AF122586" i="1"/>
  <c r="AF122587" i="1"/>
  <c r="AF122588" i="1"/>
  <c r="AF122589" i="1"/>
  <c r="AF122590" i="1"/>
  <c r="AF122591" i="1"/>
  <c r="AF122592" i="1"/>
  <c r="AF122593" i="1"/>
  <c r="AF122594" i="1"/>
  <c r="AF122595" i="1"/>
  <c r="AF122596" i="1"/>
  <c r="AF122597" i="1"/>
  <c r="AF122598" i="1"/>
  <c r="AF122599" i="1"/>
  <c r="AF122600" i="1"/>
  <c r="AF122601" i="1"/>
  <c r="AF122602" i="1"/>
  <c r="AF122603" i="1"/>
  <c r="AF122604" i="1"/>
  <c r="AF122605" i="1"/>
  <c r="AF122606" i="1"/>
  <c r="AF122607" i="1"/>
  <c r="AF122608" i="1"/>
  <c r="AF122609" i="1"/>
  <c r="AF122610" i="1"/>
  <c r="AF122611" i="1"/>
  <c r="AF122612" i="1"/>
  <c r="AF122613" i="1"/>
  <c r="AF122614" i="1"/>
  <c r="AF122615" i="1"/>
  <c r="AF122616" i="1"/>
  <c r="AF122617" i="1"/>
  <c r="AF122618" i="1"/>
  <c r="AF122619" i="1"/>
  <c r="AF122620" i="1"/>
  <c r="AF122621" i="1"/>
  <c r="AF122622" i="1"/>
  <c r="AF122623" i="1"/>
  <c r="AF122624" i="1"/>
  <c r="AF122625" i="1"/>
  <c r="AF122626" i="1"/>
  <c r="AF122627" i="1"/>
  <c r="AF122628" i="1"/>
  <c r="AF122629" i="1"/>
  <c r="AF122630" i="1"/>
  <c r="AF122631" i="1"/>
  <c r="AF122632" i="1"/>
  <c r="AF122633" i="1"/>
  <c r="AF122634" i="1"/>
  <c r="AF122635" i="1"/>
  <c r="AF122636" i="1"/>
  <c r="AF122637" i="1"/>
  <c r="AF122638" i="1"/>
  <c r="AF122639" i="1"/>
  <c r="AF122640" i="1"/>
  <c r="AF122641" i="1"/>
  <c r="AF122642" i="1"/>
  <c r="AF122643" i="1"/>
  <c r="AF122644" i="1"/>
  <c r="AF122645" i="1"/>
  <c r="AF122646" i="1"/>
  <c r="AF122647" i="1"/>
  <c r="AF122648" i="1"/>
  <c r="AF122649" i="1"/>
  <c r="AF122650" i="1"/>
  <c r="AF122651" i="1"/>
  <c r="AF122652" i="1"/>
  <c r="AF122653" i="1"/>
  <c r="AF122654" i="1"/>
  <c r="AF122655" i="1"/>
  <c r="AF122656" i="1"/>
  <c r="AF122657" i="1"/>
  <c r="AF122658" i="1"/>
  <c r="AF122659" i="1"/>
  <c r="AF122660" i="1"/>
  <c r="AF122661" i="1"/>
  <c r="AF122662" i="1"/>
  <c r="AF122663" i="1"/>
  <c r="AF122664" i="1"/>
  <c r="AF122665" i="1"/>
  <c r="AF122666" i="1"/>
  <c r="AF122667" i="1"/>
  <c r="AF122668" i="1"/>
  <c r="AF122669" i="1"/>
  <c r="AF122670" i="1"/>
  <c r="AF122671" i="1"/>
  <c r="AF122672" i="1"/>
  <c r="AF122673" i="1"/>
  <c r="AF122674" i="1"/>
  <c r="AF122675" i="1"/>
  <c r="AF122676" i="1"/>
  <c r="AF122677" i="1"/>
  <c r="AF122678" i="1"/>
  <c r="AF122679" i="1"/>
  <c r="AF122680" i="1"/>
  <c r="AF122681" i="1"/>
  <c r="AF122682" i="1"/>
  <c r="AF122683" i="1"/>
  <c r="AF122684" i="1"/>
  <c r="AF122685" i="1"/>
  <c r="AF122686" i="1"/>
  <c r="AF122687" i="1"/>
  <c r="AF122688" i="1"/>
  <c r="AF122689" i="1"/>
  <c r="AF122690" i="1"/>
  <c r="AF122691" i="1"/>
  <c r="AF122692" i="1"/>
  <c r="AF122693" i="1"/>
  <c r="AF122694" i="1"/>
  <c r="AF122695" i="1"/>
  <c r="AF122696" i="1"/>
  <c r="AF122697" i="1"/>
  <c r="AF122698" i="1"/>
  <c r="AF122699" i="1"/>
  <c r="AF122700" i="1"/>
  <c r="AF122701" i="1"/>
  <c r="AF122702" i="1"/>
  <c r="AF122703" i="1"/>
  <c r="AF122704" i="1"/>
  <c r="AF122705" i="1"/>
  <c r="AF122706" i="1"/>
  <c r="AF122707" i="1"/>
  <c r="AF122708" i="1"/>
  <c r="AF122709" i="1"/>
  <c r="AF122710" i="1"/>
  <c r="AF122711" i="1"/>
  <c r="AF122712" i="1"/>
  <c r="AF122713" i="1"/>
  <c r="AF122714" i="1"/>
  <c r="AF122715" i="1"/>
  <c r="AF122716" i="1"/>
  <c r="AF122717" i="1"/>
  <c r="AF122718" i="1"/>
  <c r="AF122719" i="1"/>
  <c r="AF122720" i="1"/>
  <c r="AF122721" i="1"/>
  <c r="AF122722" i="1"/>
  <c r="AF122723" i="1"/>
  <c r="AF122724" i="1"/>
  <c r="AF122725" i="1"/>
  <c r="AF122726" i="1"/>
  <c r="AF122727" i="1"/>
  <c r="AF122728" i="1"/>
  <c r="AF122729" i="1"/>
  <c r="AF122730" i="1"/>
  <c r="AF122731" i="1"/>
  <c r="AF122732" i="1"/>
  <c r="AF122733" i="1"/>
  <c r="AF122734" i="1"/>
  <c r="AF122735" i="1"/>
  <c r="AF122736" i="1"/>
  <c r="AF122737" i="1"/>
  <c r="AF122738" i="1"/>
  <c r="AF122739" i="1"/>
  <c r="AF122740" i="1"/>
  <c r="AF122741" i="1"/>
  <c r="AF122742" i="1"/>
  <c r="AF122743" i="1"/>
  <c r="AF122744" i="1"/>
  <c r="AF122745" i="1"/>
  <c r="AF122746" i="1"/>
  <c r="AF122747" i="1"/>
  <c r="AF122748" i="1"/>
  <c r="AF122749" i="1"/>
  <c r="AF122750" i="1"/>
  <c r="AF122751" i="1"/>
  <c r="AF122752" i="1"/>
  <c r="AF122753" i="1"/>
  <c r="AF122754" i="1"/>
  <c r="AF122755" i="1"/>
  <c r="AF122756" i="1"/>
  <c r="AF122757" i="1"/>
  <c r="AF122758" i="1"/>
  <c r="AF122759" i="1"/>
  <c r="AF122760" i="1"/>
  <c r="AF122761" i="1"/>
  <c r="AF122762" i="1"/>
  <c r="AF122763" i="1"/>
  <c r="AF122764" i="1"/>
  <c r="AF122765" i="1"/>
  <c r="AF122766" i="1"/>
  <c r="AF122767" i="1"/>
  <c r="AF122768" i="1"/>
  <c r="AF122769" i="1"/>
  <c r="AF122770" i="1"/>
  <c r="AF122771" i="1"/>
  <c r="AF122772" i="1"/>
  <c r="AF122773" i="1"/>
  <c r="AF122774" i="1"/>
  <c r="AF122775" i="1"/>
  <c r="AF122776" i="1"/>
  <c r="AF122777" i="1"/>
  <c r="AF122778" i="1"/>
  <c r="AF122779" i="1"/>
  <c r="AF122780" i="1"/>
  <c r="AF122781" i="1"/>
  <c r="AF122782" i="1"/>
  <c r="AF122783" i="1"/>
  <c r="AF122784" i="1"/>
  <c r="AF122785" i="1"/>
  <c r="AF122786" i="1"/>
  <c r="AF122787" i="1"/>
  <c r="AF122788" i="1"/>
  <c r="AF122789" i="1"/>
  <c r="AF122790" i="1"/>
  <c r="AF122791" i="1"/>
  <c r="AF122792" i="1"/>
  <c r="AF122793" i="1"/>
  <c r="AF122794" i="1"/>
  <c r="AF122795" i="1"/>
  <c r="AF122796" i="1"/>
  <c r="AF122797" i="1"/>
  <c r="AF122798" i="1"/>
  <c r="AF122799" i="1"/>
  <c r="AF122800" i="1"/>
  <c r="AF122801" i="1"/>
  <c r="AF122802" i="1"/>
  <c r="AF122803" i="1"/>
  <c r="AF122804" i="1"/>
  <c r="AF122805" i="1"/>
  <c r="AF122806" i="1"/>
  <c r="AF122807" i="1"/>
  <c r="AF122808" i="1"/>
  <c r="AF122809" i="1"/>
  <c r="AF122810" i="1"/>
  <c r="AF122811" i="1"/>
  <c r="AF122812" i="1"/>
  <c r="AF122813" i="1"/>
  <c r="AF122814" i="1"/>
  <c r="AF122815" i="1"/>
  <c r="AF122816" i="1"/>
  <c r="AF122817" i="1"/>
  <c r="AF122818" i="1"/>
  <c r="AF122819" i="1"/>
  <c r="AF122820" i="1"/>
  <c r="AF122821" i="1"/>
  <c r="AF122822" i="1"/>
  <c r="AF122823" i="1"/>
  <c r="AF122824" i="1"/>
  <c r="AF122825" i="1"/>
  <c r="AF122826" i="1"/>
  <c r="AF122827" i="1"/>
  <c r="AF122828" i="1"/>
  <c r="AF122829" i="1"/>
  <c r="AF122830" i="1"/>
  <c r="AF122831" i="1"/>
  <c r="AF122832" i="1"/>
  <c r="AF122833" i="1"/>
  <c r="AF122834" i="1"/>
  <c r="AF122835" i="1"/>
  <c r="AF122836" i="1"/>
  <c r="AF122837" i="1"/>
  <c r="AF122838" i="1"/>
  <c r="AF122839" i="1"/>
  <c r="AF122840" i="1"/>
  <c r="AF122841" i="1"/>
  <c r="AF122842" i="1"/>
  <c r="AF122843" i="1"/>
  <c r="AF122844" i="1"/>
  <c r="AF122845" i="1"/>
  <c r="AF122846" i="1"/>
  <c r="AF122847" i="1"/>
  <c r="AF122848" i="1"/>
  <c r="AF122849" i="1"/>
  <c r="AF122850" i="1"/>
  <c r="AF122851" i="1"/>
  <c r="AF122852" i="1"/>
  <c r="AF122853" i="1"/>
  <c r="AF122854" i="1"/>
  <c r="AF122855" i="1"/>
  <c r="AF122856" i="1"/>
  <c r="AF122857" i="1"/>
  <c r="AF122858" i="1"/>
  <c r="AF122859" i="1"/>
  <c r="AF122860" i="1"/>
  <c r="AF122861" i="1"/>
  <c r="AF122862" i="1"/>
  <c r="AF122863" i="1"/>
  <c r="AF122864" i="1"/>
  <c r="AF122865" i="1"/>
  <c r="AF122866" i="1"/>
  <c r="AF122867" i="1"/>
  <c r="AF122868" i="1"/>
  <c r="AF122869" i="1"/>
  <c r="AF122870" i="1"/>
  <c r="AF122871" i="1"/>
  <c r="AF122872" i="1"/>
  <c r="AF122873" i="1"/>
  <c r="AF122874" i="1"/>
  <c r="AF122875" i="1"/>
  <c r="AF122876" i="1"/>
  <c r="AF122877" i="1"/>
  <c r="AF122878" i="1"/>
  <c r="AF122879" i="1"/>
  <c r="AF122880" i="1"/>
  <c r="AF122881" i="1"/>
  <c r="AF122882" i="1"/>
  <c r="AF122883" i="1"/>
  <c r="AF122884" i="1"/>
  <c r="AF122885" i="1"/>
  <c r="AF122886" i="1"/>
  <c r="AF122887" i="1"/>
  <c r="AF122888" i="1"/>
  <c r="AF122889" i="1"/>
  <c r="AF122890" i="1"/>
  <c r="AF122891" i="1"/>
  <c r="AF122892" i="1"/>
  <c r="AF122893" i="1"/>
  <c r="AF122894" i="1"/>
  <c r="AF122895" i="1"/>
  <c r="AF122896" i="1"/>
  <c r="AF122897" i="1"/>
  <c r="AF122898" i="1"/>
  <c r="AF122899" i="1"/>
  <c r="AF122900" i="1"/>
  <c r="AF122901" i="1"/>
  <c r="AF122902" i="1"/>
  <c r="AF122903" i="1"/>
  <c r="AF122904" i="1"/>
  <c r="AF122905" i="1"/>
  <c r="AF122906" i="1"/>
  <c r="AF122907" i="1"/>
  <c r="AF122908" i="1"/>
  <c r="AF122909" i="1"/>
  <c r="AF122910" i="1"/>
  <c r="AF122911" i="1"/>
  <c r="AF122912" i="1"/>
  <c r="AF122913" i="1"/>
  <c r="AF122914" i="1"/>
  <c r="AF122915" i="1"/>
  <c r="AF122916" i="1"/>
  <c r="AF122917" i="1"/>
  <c r="AF122918" i="1"/>
  <c r="AF122919" i="1"/>
  <c r="AF122920" i="1"/>
  <c r="AF122921" i="1"/>
  <c r="AF122922" i="1"/>
  <c r="AF122923" i="1"/>
  <c r="AF122924" i="1"/>
  <c r="AF122925" i="1"/>
  <c r="AF122926" i="1"/>
  <c r="AF122927" i="1"/>
  <c r="AF122928" i="1"/>
  <c r="AF122929" i="1"/>
  <c r="AF122930" i="1"/>
  <c r="AF122931" i="1"/>
  <c r="AF122932" i="1"/>
  <c r="AF122933" i="1"/>
  <c r="AF122934" i="1"/>
  <c r="AF122935" i="1"/>
  <c r="AF122936" i="1"/>
  <c r="AF122937" i="1"/>
  <c r="AF122938" i="1"/>
  <c r="AF122939" i="1"/>
  <c r="AF122940" i="1"/>
  <c r="AF122941" i="1"/>
  <c r="AF122942" i="1"/>
  <c r="AF122943" i="1"/>
  <c r="AF122944" i="1"/>
  <c r="AF122945" i="1"/>
  <c r="AF122946" i="1"/>
  <c r="AF122947" i="1"/>
  <c r="AF122948" i="1"/>
  <c r="AF122949" i="1"/>
  <c r="AF122950" i="1"/>
  <c r="AF122951" i="1"/>
  <c r="AF122952" i="1"/>
  <c r="AF122953" i="1"/>
  <c r="AF122954" i="1"/>
  <c r="AF122955" i="1"/>
  <c r="AF122956" i="1"/>
  <c r="AF122957" i="1"/>
  <c r="AF122958" i="1"/>
  <c r="AF122959" i="1"/>
  <c r="AF122960" i="1"/>
  <c r="AF122961" i="1"/>
  <c r="AF122962" i="1"/>
  <c r="AF122963" i="1"/>
  <c r="AF122964" i="1"/>
  <c r="AF122965" i="1"/>
  <c r="AF122966" i="1"/>
  <c r="AF122967" i="1"/>
  <c r="AF122968" i="1"/>
  <c r="AF122969" i="1"/>
  <c r="AF122970" i="1"/>
  <c r="AF122971" i="1"/>
  <c r="AF122972" i="1"/>
  <c r="AF122973" i="1"/>
  <c r="AF122974" i="1"/>
  <c r="AF122975" i="1"/>
  <c r="AF122976" i="1"/>
  <c r="AF122977" i="1"/>
  <c r="AF122978" i="1"/>
  <c r="AF122979" i="1"/>
  <c r="AF122980" i="1"/>
  <c r="AF122981" i="1"/>
  <c r="AF122982" i="1"/>
  <c r="AF122983" i="1"/>
  <c r="AF122984" i="1"/>
  <c r="AF122985" i="1"/>
  <c r="AF122986" i="1"/>
  <c r="AF122987" i="1"/>
  <c r="AF122988" i="1"/>
  <c r="AF122989" i="1"/>
  <c r="AF122990" i="1"/>
  <c r="AF122991" i="1"/>
  <c r="AF122992" i="1"/>
  <c r="AF122993" i="1"/>
  <c r="AF122994" i="1"/>
  <c r="AF122995" i="1"/>
  <c r="AF122996" i="1"/>
  <c r="AF122997" i="1"/>
  <c r="AF122998" i="1"/>
  <c r="AF122999" i="1"/>
  <c r="AF123000" i="1"/>
  <c r="AF123001" i="1"/>
  <c r="AF123002" i="1"/>
  <c r="AF123003" i="1"/>
  <c r="AF123004" i="1"/>
  <c r="AF123005" i="1"/>
  <c r="AF123006" i="1"/>
  <c r="AF123007" i="1"/>
  <c r="AF123008" i="1"/>
  <c r="AF123009" i="1"/>
  <c r="AF123010" i="1"/>
  <c r="AF123011" i="1"/>
  <c r="AF123012" i="1"/>
  <c r="AF123013" i="1"/>
  <c r="AF123014" i="1"/>
  <c r="AF123015" i="1"/>
  <c r="AF123016" i="1"/>
  <c r="AF123017" i="1"/>
  <c r="AF123018" i="1"/>
  <c r="AF123019" i="1"/>
  <c r="AF123020" i="1"/>
  <c r="AF123021" i="1"/>
  <c r="AF123022" i="1"/>
  <c r="AF123023" i="1"/>
  <c r="AF123024" i="1"/>
  <c r="AF123025" i="1"/>
  <c r="AF123026" i="1"/>
  <c r="AF123027" i="1"/>
  <c r="AF123028" i="1"/>
  <c r="AF123029" i="1"/>
  <c r="AF123030" i="1"/>
  <c r="AF123031" i="1"/>
  <c r="AF123032" i="1"/>
  <c r="AF123033" i="1"/>
  <c r="AF123034" i="1"/>
  <c r="AF123035" i="1"/>
  <c r="AF123036" i="1"/>
  <c r="AF123037" i="1"/>
  <c r="AF123038" i="1"/>
  <c r="AF123039" i="1"/>
  <c r="AF123040" i="1"/>
  <c r="AF123041" i="1"/>
  <c r="AF123042" i="1"/>
  <c r="AF123043" i="1"/>
  <c r="AF123044" i="1"/>
  <c r="AF123045" i="1"/>
  <c r="AF123046" i="1"/>
  <c r="AF123047" i="1"/>
  <c r="AF123048" i="1"/>
  <c r="AF123049" i="1"/>
  <c r="AF123050" i="1"/>
  <c r="AF123051" i="1"/>
  <c r="AF123052" i="1"/>
  <c r="AF123053" i="1"/>
  <c r="AF123054" i="1"/>
  <c r="AF123055" i="1"/>
  <c r="AF123056" i="1"/>
  <c r="AF123057" i="1"/>
  <c r="AF123058" i="1"/>
  <c r="AF123059" i="1"/>
  <c r="AF123060" i="1"/>
  <c r="AF123061" i="1"/>
  <c r="AF123062" i="1"/>
  <c r="AF123063" i="1"/>
  <c r="AF123064" i="1"/>
  <c r="AF123065" i="1"/>
  <c r="AF123066" i="1"/>
  <c r="AF123067" i="1"/>
  <c r="AF123068" i="1"/>
  <c r="AF123069" i="1"/>
  <c r="AF123070" i="1"/>
  <c r="AF123071" i="1"/>
  <c r="AF123072" i="1"/>
  <c r="AF123073" i="1"/>
  <c r="AF123074" i="1"/>
  <c r="AF123075" i="1"/>
  <c r="AF123076" i="1"/>
  <c r="AF123077" i="1"/>
  <c r="AF123078" i="1"/>
  <c r="AF123079" i="1"/>
  <c r="AF123080" i="1"/>
  <c r="AF123081" i="1"/>
  <c r="AF123082" i="1"/>
  <c r="AF123083" i="1"/>
  <c r="AF123084" i="1"/>
  <c r="AF123085" i="1"/>
  <c r="AF123086" i="1"/>
  <c r="AF123087" i="1"/>
  <c r="AF123088" i="1"/>
  <c r="AF123089" i="1"/>
  <c r="AF123090" i="1"/>
  <c r="AF123091" i="1"/>
  <c r="AF123092" i="1"/>
  <c r="AF123093" i="1"/>
  <c r="AF123094" i="1"/>
  <c r="AF123095" i="1"/>
  <c r="AF123096" i="1"/>
  <c r="AF123097" i="1"/>
  <c r="AF123098" i="1"/>
  <c r="AF123099" i="1"/>
  <c r="AF123100" i="1"/>
  <c r="AF123101" i="1"/>
  <c r="AF123102" i="1"/>
  <c r="AF123103" i="1"/>
  <c r="AF123104" i="1"/>
  <c r="AF123105" i="1"/>
  <c r="AF123106" i="1"/>
  <c r="AF123107" i="1"/>
  <c r="AF123108" i="1"/>
  <c r="AF123109" i="1"/>
  <c r="AF123110" i="1"/>
  <c r="AF123111" i="1"/>
  <c r="AF123112" i="1"/>
  <c r="AF123113" i="1"/>
  <c r="AF123114" i="1"/>
  <c r="AF123115" i="1"/>
  <c r="AF123116" i="1"/>
  <c r="AF123117" i="1"/>
  <c r="AF123118" i="1"/>
  <c r="AF123119" i="1"/>
  <c r="AF123120" i="1"/>
  <c r="AF123121" i="1"/>
  <c r="AF123122" i="1"/>
  <c r="AF123123" i="1"/>
  <c r="AF123124" i="1"/>
  <c r="AF123125" i="1"/>
  <c r="AF123126" i="1"/>
  <c r="AF123127" i="1"/>
  <c r="AF123128" i="1"/>
  <c r="AF123129" i="1"/>
  <c r="AF123130" i="1"/>
  <c r="AF123131" i="1"/>
  <c r="AF123132" i="1"/>
  <c r="AF123133" i="1"/>
  <c r="AF123134" i="1"/>
  <c r="AF123135" i="1"/>
  <c r="AF123136" i="1"/>
  <c r="AF123137" i="1"/>
  <c r="AF123138" i="1"/>
  <c r="AF123139" i="1"/>
  <c r="AF123140" i="1"/>
  <c r="AF123141" i="1"/>
  <c r="AF123142" i="1"/>
  <c r="AF123143" i="1"/>
  <c r="AF123144" i="1"/>
  <c r="AF123145" i="1"/>
  <c r="AF123146" i="1"/>
  <c r="AF123147" i="1"/>
  <c r="AF123148" i="1"/>
  <c r="AF123149" i="1"/>
  <c r="AF123150" i="1"/>
  <c r="AF123151" i="1"/>
  <c r="AF123152" i="1"/>
  <c r="AF123153" i="1"/>
  <c r="AF123154" i="1"/>
  <c r="AF123155" i="1"/>
  <c r="AF123156" i="1"/>
  <c r="AF123157" i="1"/>
  <c r="AF123158" i="1"/>
  <c r="AF123159" i="1"/>
  <c r="AF123160" i="1"/>
  <c r="AF123161" i="1"/>
  <c r="AF123162" i="1"/>
  <c r="AF123163" i="1"/>
  <c r="AF123164" i="1"/>
  <c r="AF123165" i="1"/>
  <c r="AF123166" i="1"/>
  <c r="AF123167" i="1"/>
  <c r="AF123168" i="1"/>
  <c r="AF123169" i="1"/>
  <c r="AF123170" i="1"/>
  <c r="AF123171" i="1"/>
  <c r="AF123172" i="1"/>
  <c r="AF123173" i="1"/>
  <c r="AF123174" i="1"/>
  <c r="AF123175" i="1"/>
  <c r="AF123176" i="1"/>
  <c r="AF123177" i="1"/>
  <c r="AF123178" i="1"/>
  <c r="AF123179" i="1"/>
  <c r="AF123180" i="1"/>
  <c r="AF123181" i="1"/>
  <c r="AF123182" i="1"/>
  <c r="AF123183" i="1"/>
  <c r="AF123184" i="1"/>
  <c r="AF123185" i="1"/>
  <c r="AF123186" i="1"/>
  <c r="AF123187" i="1"/>
  <c r="AF123188" i="1"/>
  <c r="AF123189" i="1"/>
  <c r="AF123190" i="1"/>
  <c r="AF123191" i="1"/>
  <c r="AF123192" i="1"/>
  <c r="AF123193" i="1"/>
  <c r="AF123194" i="1"/>
  <c r="AF123195" i="1"/>
  <c r="AF123196" i="1"/>
  <c r="AF123197" i="1"/>
  <c r="AF123198" i="1"/>
  <c r="AF123199" i="1"/>
  <c r="AF123200" i="1"/>
  <c r="AF123201" i="1"/>
  <c r="AF123202" i="1"/>
  <c r="AF123203" i="1"/>
  <c r="AF123204" i="1"/>
  <c r="AF123205" i="1"/>
  <c r="AF123206" i="1"/>
  <c r="AF123207" i="1"/>
  <c r="AF123208" i="1"/>
  <c r="AF123209" i="1"/>
  <c r="AF123210" i="1"/>
  <c r="AF123211" i="1"/>
  <c r="AF123212" i="1"/>
  <c r="AF123213" i="1"/>
  <c r="AF123214" i="1"/>
  <c r="AF123215" i="1"/>
  <c r="AF123216" i="1"/>
  <c r="AF123217" i="1"/>
  <c r="AF123218" i="1"/>
  <c r="AF123219" i="1"/>
  <c r="AF123220" i="1"/>
  <c r="AF123221" i="1"/>
  <c r="AF123222" i="1"/>
  <c r="AF123223" i="1"/>
  <c r="AF123224" i="1"/>
  <c r="AF123225" i="1"/>
  <c r="AF123226" i="1"/>
  <c r="AF123227" i="1"/>
  <c r="AF123228" i="1"/>
  <c r="AF123229" i="1"/>
  <c r="AF123230" i="1"/>
  <c r="AF123231" i="1"/>
  <c r="AF123232" i="1"/>
  <c r="AF123233" i="1"/>
  <c r="AF123234" i="1"/>
  <c r="AF123235" i="1"/>
  <c r="AF123236" i="1"/>
  <c r="AF123237" i="1"/>
  <c r="AF123238" i="1"/>
  <c r="AF123239" i="1"/>
  <c r="AF123240" i="1"/>
  <c r="AF123241" i="1"/>
  <c r="AF123242" i="1"/>
  <c r="AF123243" i="1"/>
  <c r="AF123244" i="1"/>
  <c r="AF123245" i="1"/>
  <c r="AF123246" i="1"/>
  <c r="AF123247" i="1"/>
  <c r="AF123248" i="1"/>
  <c r="AF123249" i="1"/>
  <c r="AF123250" i="1"/>
  <c r="AF123251" i="1"/>
  <c r="AF123252" i="1"/>
  <c r="AF123253" i="1"/>
  <c r="AF123254" i="1"/>
  <c r="AF123255" i="1"/>
  <c r="AF123256" i="1"/>
  <c r="AF123257" i="1"/>
  <c r="AF123258" i="1"/>
  <c r="AF123259" i="1"/>
  <c r="AF123260" i="1"/>
  <c r="AF123261" i="1"/>
  <c r="AF123262" i="1"/>
  <c r="AF123263" i="1"/>
  <c r="AF123264" i="1"/>
  <c r="AF123265" i="1"/>
  <c r="AF123266" i="1"/>
  <c r="AF123267" i="1"/>
  <c r="AF123268" i="1"/>
  <c r="AF123269" i="1"/>
  <c r="AF123270" i="1"/>
  <c r="AF123271" i="1"/>
  <c r="AF123272" i="1"/>
  <c r="AF123273" i="1"/>
  <c r="AF123274" i="1"/>
  <c r="AF123275" i="1"/>
  <c r="AF123276" i="1"/>
  <c r="AF123277" i="1"/>
  <c r="AF123278" i="1"/>
  <c r="AF123279" i="1"/>
  <c r="AF123280" i="1"/>
  <c r="AF123281" i="1"/>
  <c r="AF123282" i="1"/>
  <c r="AF123283" i="1"/>
  <c r="AF123284" i="1"/>
  <c r="AF123285" i="1"/>
  <c r="AF123286" i="1"/>
  <c r="AF123287" i="1"/>
  <c r="AF123288" i="1"/>
  <c r="AF123289" i="1"/>
  <c r="AF123290" i="1"/>
  <c r="AF123291" i="1"/>
  <c r="AF123292" i="1"/>
  <c r="AF123293" i="1"/>
  <c r="AF123294" i="1"/>
  <c r="AF123295" i="1"/>
  <c r="AF123296" i="1"/>
  <c r="AF123297" i="1"/>
  <c r="AF123298" i="1"/>
  <c r="AF123299" i="1"/>
  <c r="AF123300" i="1"/>
  <c r="AF123301" i="1"/>
  <c r="AF123302" i="1"/>
  <c r="AF123303" i="1"/>
  <c r="AF123304" i="1"/>
  <c r="AF123305" i="1"/>
  <c r="AF123306" i="1"/>
  <c r="AF123307" i="1"/>
  <c r="AF123308" i="1"/>
  <c r="AF123309" i="1"/>
  <c r="AF123310" i="1"/>
  <c r="AF123311" i="1"/>
  <c r="AF123312" i="1"/>
  <c r="AF123313" i="1"/>
  <c r="AF123314" i="1"/>
  <c r="AF123315" i="1"/>
  <c r="AF123316" i="1"/>
  <c r="AF123317" i="1"/>
  <c r="AF123318" i="1"/>
  <c r="AF123319" i="1"/>
  <c r="AF123320" i="1"/>
  <c r="AF123321" i="1"/>
  <c r="AF123322" i="1"/>
  <c r="AF123323" i="1"/>
  <c r="AF123324" i="1"/>
  <c r="AF123325" i="1"/>
  <c r="AF123326" i="1"/>
  <c r="AF123327" i="1"/>
  <c r="AF123328" i="1"/>
  <c r="AF123329" i="1"/>
  <c r="AF123330" i="1"/>
  <c r="AF123331" i="1"/>
  <c r="AF123332" i="1"/>
  <c r="AF123333" i="1"/>
  <c r="AF123334" i="1"/>
  <c r="AF123335" i="1"/>
  <c r="AF123336" i="1"/>
  <c r="AF123337" i="1"/>
  <c r="AF123338" i="1"/>
  <c r="AF123339" i="1"/>
  <c r="AF123340" i="1"/>
  <c r="AF123341" i="1"/>
  <c r="AF123342" i="1"/>
  <c r="AF123343" i="1"/>
  <c r="AF123344" i="1"/>
  <c r="AF123345" i="1"/>
  <c r="AF123346" i="1"/>
  <c r="AF123347" i="1"/>
  <c r="AF123348" i="1"/>
  <c r="AF123349" i="1"/>
  <c r="AF123350" i="1"/>
  <c r="AF123351" i="1"/>
  <c r="AF123352" i="1"/>
  <c r="AF123353" i="1"/>
  <c r="AF123354" i="1"/>
  <c r="AF123355" i="1"/>
  <c r="AF123356" i="1"/>
  <c r="AF123357" i="1"/>
  <c r="AF123358" i="1"/>
  <c r="AF123359" i="1"/>
  <c r="AF123360" i="1"/>
  <c r="AF123361" i="1"/>
  <c r="AF123362" i="1"/>
  <c r="AF123363" i="1"/>
  <c r="AF123364" i="1"/>
  <c r="AF123365" i="1"/>
  <c r="AF123366" i="1"/>
  <c r="AF123367" i="1"/>
  <c r="AF123368" i="1"/>
  <c r="AF123369" i="1"/>
  <c r="AF123370" i="1"/>
  <c r="AF123371" i="1"/>
  <c r="AF123372" i="1"/>
  <c r="AF123373" i="1"/>
  <c r="AF123374" i="1"/>
  <c r="AF123375" i="1"/>
  <c r="AF123376" i="1"/>
  <c r="AF123377" i="1"/>
  <c r="AF123378" i="1"/>
  <c r="AF123379" i="1"/>
  <c r="AF123380" i="1"/>
  <c r="AF123381" i="1"/>
  <c r="AF123382" i="1"/>
  <c r="AF123383" i="1"/>
  <c r="AF123384" i="1"/>
  <c r="AF123385" i="1"/>
  <c r="AF123386" i="1"/>
  <c r="AF123387" i="1"/>
  <c r="AF123388" i="1"/>
  <c r="AF123389" i="1"/>
  <c r="AF123390" i="1"/>
  <c r="AF123391" i="1"/>
  <c r="AF123392" i="1"/>
  <c r="AF123393" i="1"/>
  <c r="AF123394" i="1"/>
  <c r="AF123395" i="1"/>
  <c r="AF123396" i="1"/>
  <c r="AF123397" i="1"/>
  <c r="AF123398" i="1"/>
  <c r="AF123399" i="1"/>
  <c r="AF123400" i="1"/>
  <c r="AF123401" i="1"/>
  <c r="AF123402" i="1"/>
  <c r="AF123403" i="1"/>
  <c r="AF123404" i="1"/>
  <c r="AF123405" i="1"/>
  <c r="AF123406" i="1"/>
  <c r="AF123407" i="1"/>
  <c r="AF123408" i="1"/>
  <c r="AF123409" i="1"/>
  <c r="AF123410" i="1"/>
  <c r="AF123411" i="1"/>
  <c r="AF123412" i="1"/>
  <c r="AF123413" i="1"/>
  <c r="AF123414" i="1"/>
  <c r="AF123415" i="1"/>
  <c r="AF123416" i="1"/>
  <c r="AF123417" i="1"/>
  <c r="AF123418" i="1"/>
  <c r="AF123419" i="1"/>
  <c r="AF123420" i="1"/>
  <c r="AF123421" i="1"/>
  <c r="AF123422" i="1"/>
  <c r="AF123423" i="1"/>
  <c r="AF123424" i="1"/>
  <c r="AF123425" i="1"/>
  <c r="AF123426" i="1"/>
  <c r="AF123427" i="1"/>
  <c r="AF123428" i="1"/>
  <c r="AF123429" i="1"/>
  <c r="AF123430" i="1"/>
  <c r="AF123431" i="1"/>
  <c r="AF123432" i="1"/>
  <c r="AF123433" i="1"/>
  <c r="AF123434" i="1"/>
  <c r="AF123435" i="1"/>
  <c r="AF123436" i="1"/>
  <c r="AF123437" i="1"/>
  <c r="AF123438" i="1"/>
  <c r="AF123439" i="1"/>
  <c r="AF123440" i="1"/>
  <c r="AF123441" i="1"/>
  <c r="AF123442" i="1"/>
  <c r="AF123443" i="1"/>
  <c r="AF123444" i="1"/>
  <c r="AF123445" i="1"/>
  <c r="AF123446" i="1"/>
  <c r="AF123447" i="1"/>
  <c r="AF123448" i="1"/>
  <c r="AF123449" i="1"/>
  <c r="AF123450" i="1"/>
  <c r="AF123451" i="1"/>
  <c r="AF123452" i="1"/>
  <c r="AF123453" i="1"/>
  <c r="AF123454" i="1"/>
  <c r="AF123455" i="1"/>
  <c r="AF123456" i="1"/>
  <c r="AF123457" i="1"/>
  <c r="AF123458" i="1"/>
  <c r="AF123459" i="1"/>
  <c r="AF123460" i="1"/>
  <c r="AF123461" i="1"/>
  <c r="AF123462" i="1"/>
  <c r="AF123463" i="1"/>
  <c r="AF123464" i="1"/>
  <c r="AF123465" i="1"/>
  <c r="AF123466" i="1"/>
  <c r="AF123467" i="1"/>
  <c r="AF123468" i="1"/>
  <c r="AF123469" i="1"/>
  <c r="AF123470" i="1"/>
  <c r="AF123471" i="1"/>
  <c r="AF123472" i="1"/>
  <c r="AF123473" i="1"/>
  <c r="AF123474" i="1"/>
  <c r="AF123475" i="1"/>
  <c r="AF123476" i="1"/>
  <c r="AF123477" i="1"/>
  <c r="AF123478" i="1"/>
  <c r="AF123479" i="1"/>
  <c r="AF123480" i="1"/>
  <c r="AF123481" i="1"/>
  <c r="AF123482" i="1"/>
  <c r="AF123483" i="1"/>
  <c r="AF123484" i="1"/>
  <c r="AF123485" i="1"/>
  <c r="AF123486" i="1"/>
  <c r="AF123487" i="1"/>
  <c r="AF123488" i="1"/>
  <c r="AF123489" i="1"/>
  <c r="AF123490" i="1"/>
  <c r="AF123491" i="1"/>
  <c r="AF123492" i="1"/>
  <c r="AF123493" i="1"/>
  <c r="AF123494" i="1"/>
  <c r="AF123495" i="1"/>
  <c r="AF123496" i="1"/>
  <c r="AF123497" i="1"/>
  <c r="AF123498" i="1"/>
  <c r="AF123499" i="1"/>
  <c r="AF123500" i="1"/>
  <c r="AF123501" i="1"/>
  <c r="AF123502" i="1"/>
  <c r="AF123503" i="1"/>
  <c r="AF123504" i="1"/>
  <c r="AF123505" i="1"/>
  <c r="AF123506" i="1"/>
  <c r="AF123507" i="1"/>
  <c r="AF123508" i="1"/>
  <c r="AF123509" i="1"/>
  <c r="AF123510" i="1"/>
  <c r="AF123511" i="1"/>
  <c r="AF123512" i="1"/>
  <c r="AF123513" i="1"/>
  <c r="AF123514" i="1"/>
  <c r="AF123515" i="1"/>
  <c r="AF123516" i="1"/>
  <c r="AF123517" i="1"/>
  <c r="AF123518" i="1"/>
  <c r="AF123519" i="1"/>
  <c r="AF123520" i="1"/>
  <c r="AF123521" i="1"/>
  <c r="AF123522" i="1"/>
  <c r="AF123523" i="1"/>
  <c r="AF123524" i="1"/>
  <c r="AF123525" i="1"/>
  <c r="AF123526" i="1"/>
  <c r="AF123527" i="1"/>
  <c r="AF123528" i="1"/>
  <c r="AF123529" i="1"/>
  <c r="AF123530" i="1"/>
  <c r="AF123531" i="1"/>
  <c r="AF123532" i="1"/>
  <c r="AF123533" i="1"/>
  <c r="AF123534" i="1"/>
  <c r="AF123535" i="1"/>
  <c r="AF123536" i="1"/>
  <c r="AF123537" i="1"/>
  <c r="AF123538" i="1"/>
  <c r="AF123539" i="1"/>
  <c r="AF123540" i="1"/>
  <c r="AF123541" i="1"/>
  <c r="AF123542" i="1"/>
  <c r="AF123543" i="1"/>
  <c r="AF123544" i="1"/>
  <c r="AF123545" i="1"/>
  <c r="AF123546" i="1"/>
  <c r="AF123547" i="1"/>
  <c r="AF123548" i="1"/>
  <c r="AF123549" i="1"/>
  <c r="AF123550" i="1"/>
  <c r="AF123551" i="1"/>
  <c r="AF123552" i="1"/>
  <c r="AF123553" i="1"/>
  <c r="AF123554" i="1"/>
  <c r="AF123555" i="1"/>
  <c r="AF123556" i="1"/>
  <c r="AF123557" i="1"/>
  <c r="AF123558" i="1"/>
  <c r="AF123559" i="1"/>
  <c r="AF123560" i="1"/>
  <c r="AF123561" i="1"/>
  <c r="AF123562" i="1"/>
  <c r="AF123563" i="1"/>
  <c r="AF123564" i="1"/>
  <c r="AF123565" i="1"/>
  <c r="AF123566" i="1"/>
  <c r="AF123567" i="1"/>
  <c r="AF123568" i="1"/>
  <c r="AF123569" i="1"/>
  <c r="AF123570" i="1"/>
  <c r="AF123571" i="1"/>
  <c r="AF123572" i="1"/>
  <c r="AF123573" i="1"/>
  <c r="AF123574" i="1"/>
  <c r="AF123575" i="1"/>
  <c r="AF123576" i="1"/>
  <c r="AF123577" i="1"/>
  <c r="AF123578" i="1"/>
  <c r="AF123579" i="1"/>
  <c r="AF123580" i="1"/>
  <c r="AF123581" i="1"/>
  <c r="AF123582" i="1"/>
  <c r="AF123583" i="1"/>
  <c r="AF123584" i="1"/>
  <c r="AF123585" i="1"/>
  <c r="AF123586" i="1"/>
  <c r="AF123587" i="1"/>
  <c r="AF123588" i="1"/>
  <c r="AF123589" i="1"/>
  <c r="AF123590" i="1"/>
  <c r="AF123591" i="1"/>
  <c r="AF123592" i="1"/>
  <c r="AF123593" i="1"/>
  <c r="AF123594" i="1"/>
  <c r="AF123595" i="1"/>
  <c r="AF123596" i="1"/>
  <c r="AF123597" i="1"/>
  <c r="AF123598" i="1"/>
  <c r="AF123599" i="1"/>
  <c r="AF123600" i="1"/>
  <c r="AF123601" i="1"/>
  <c r="AF123602" i="1"/>
  <c r="AF123603" i="1"/>
  <c r="AF123604" i="1"/>
  <c r="AF123605" i="1"/>
  <c r="AF123606" i="1"/>
  <c r="AF123607" i="1"/>
  <c r="AF123608" i="1"/>
  <c r="AF123609" i="1"/>
  <c r="AF123610" i="1"/>
  <c r="AF123611" i="1"/>
  <c r="AF123612" i="1"/>
  <c r="AF123613" i="1"/>
  <c r="AF123614" i="1"/>
  <c r="AF123615" i="1"/>
  <c r="AF123616" i="1"/>
  <c r="AF123617" i="1"/>
  <c r="AF123618" i="1"/>
  <c r="AF123619" i="1"/>
  <c r="AF123620" i="1"/>
  <c r="AF123621" i="1"/>
  <c r="AF123622" i="1"/>
  <c r="AF123623" i="1"/>
  <c r="AF123624" i="1"/>
  <c r="AF123625" i="1"/>
  <c r="AF123626" i="1"/>
  <c r="AF123627" i="1"/>
  <c r="AF123628" i="1"/>
  <c r="AF123629" i="1"/>
  <c r="AF123630" i="1"/>
  <c r="AF123631" i="1"/>
  <c r="AF123632" i="1"/>
  <c r="AF123633" i="1"/>
  <c r="AF123634" i="1"/>
  <c r="AF123635" i="1"/>
  <c r="AF123636" i="1"/>
  <c r="AF123637" i="1"/>
  <c r="AF123638" i="1"/>
  <c r="AF123639" i="1"/>
  <c r="AF123640" i="1"/>
  <c r="AF123641" i="1"/>
  <c r="AF123642" i="1"/>
  <c r="AF123643" i="1"/>
  <c r="AF123644" i="1"/>
  <c r="AF123645" i="1"/>
  <c r="AF123646" i="1"/>
  <c r="AF123647" i="1"/>
  <c r="AF123648" i="1"/>
  <c r="AF123649" i="1"/>
  <c r="AF123650" i="1"/>
  <c r="AF123651" i="1"/>
  <c r="AF123652" i="1"/>
  <c r="AF123653" i="1"/>
  <c r="AF123654" i="1"/>
  <c r="AF123655" i="1"/>
  <c r="AF123656" i="1"/>
  <c r="AF123657" i="1"/>
  <c r="AF123658" i="1"/>
  <c r="AF123659" i="1"/>
  <c r="AF123660" i="1"/>
  <c r="AF123661" i="1"/>
  <c r="AF123662" i="1"/>
  <c r="AF123663" i="1"/>
  <c r="AF123664" i="1"/>
  <c r="AF123665" i="1"/>
  <c r="AF123666" i="1"/>
  <c r="AF123667" i="1"/>
  <c r="AF123668" i="1"/>
  <c r="AF123669" i="1"/>
  <c r="AF123670" i="1"/>
  <c r="AF123671" i="1"/>
  <c r="AF123672" i="1"/>
  <c r="AF123673" i="1"/>
  <c r="AF123674" i="1"/>
  <c r="AF123675" i="1"/>
  <c r="AF123676" i="1"/>
  <c r="AF123677" i="1"/>
  <c r="AF123678" i="1"/>
  <c r="AF123679" i="1"/>
  <c r="AF123680" i="1"/>
  <c r="AF123681" i="1"/>
  <c r="AF123682" i="1"/>
  <c r="AF123683" i="1"/>
  <c r="AF123684" i="1"/>
  <c r="AF123685" i="1"/>
  <c r="AF123686" i="1"/>
  <c r="AF123687" i="1"/>
  <c r="AF123688" i="1"/>
  <c r="AF123689" i="1"/>
  <c r="AF123690" i="1"/>
  <c r="AF123691" i="1"/>
  <c r="AF123692" i="1"/>
  <c r="AF123693" i="1"/>
  <c r="AF123694" i="1"/>
  <c r="AF123695" i="1"/>
  <c r="AF123696" i="1"/>
  <c r="AF123697" i="1"/>
  <c r="AF123698" i="1"/>
  <c r="AF123699" i="1"/>
  <c r="AF123700" i="1"/>
  <c r="AF123701" i="1"/>
  <c r="AF123702" i="1"/>
  <c r="AF123703" i="1"/>
  <c r="AF123704" i="1"/>
  <c r="AF123705" i="1"/>
  <c r="AF123706" i="1"/>
  <c r="AF123707" i="1"/>
  <c r="AF123708" i="1"/>
  <c r="AF123709" i="1"/>
  <c r="AF123710" i="1"/>
  <c r="AF123711" i="1"/>
  <c r="AF123712" i="1"/>
  <c r="AF123713" i="1"/>
  <c r="AF123714" i="1"/>
  <c r="AF123715" i="1"/>
  <c r="AF123716" i="1"/>
  <c r="AF123717" i="1"/>
  <c r="AF123718" i="1"/>
  <c r="AF123719" i="1"/>
  <c r="AF123720" i="1"/>
  <c r="AF123721" i="1"/>
  <c r="AF123722" i="1"/>
  <c r="AF123723" i="1"/>
  <c r="AF123724" i="1"/>
  <c r="AF123725" i="1"/>
  <c r="AF123726" i="1"/>
  <c r="AF123727" i="1"/>
  <c r="AF123728" i="1"/>
  <c r="AF123729" i="1"/>
  <c r="AF123730" i="1"/>
  <c r="AF123731" i="1"/>
  <c r="AF123732" i="1"/>
  <c r="AF123733" i="1"/>
  <c r="AF123734" i="1"/>
  <c r="AF123735" i="1"/>
  <c r="AF123736" i="1"/>
  <c r="AF123737" i="1"/>
  <c r="AF123738" i="1"/>
  <c r="AF123739" i="1"/>
  <c r="AF123740" i="1"/>
  <c r="AF123741" i="1"/>
  <c r="AF123742" i="1"/>
  <c r="AF123743" i="1"/>
  <c r="AF123744" i="1"/>
  <c r="AF123745" i="1"/>
  <c r="AF123746" i="1"/>
  <c r="AF123747" i="1"/>
  <c r="AF123748" i="1"/>
  <c r="AF123749" i="1"/>
  <c r="AF123750" i="1"/>
  <c r="AF123751" i="1"/>
  <c r="AF123752" i="1"/>
  <c r="AF123753" i="1"/>
  <c r="AF123754" i="1"/>
  <c r="AF123755" i="1"/>
  <c r="AF123756" i="1"/>
  <c r="AF123757" i="1"/>
  <c r="AF123758" i="1"/>
  <c r="AF123759" i="1"/>
  <c r="AF123760" i="1"/>
  <c r="AF123761" i="1"/>
  <c r="AF123762" i="1"/>
  <c r="AF123763" i="1"/>
  <c r="AF123764" i="1"/>
  <c r="AF123765" i="1"/>
  <c r="AF123766" i="1"/>
  <c r="AF123767" i="1"/>
  <c r="AF123768" i="1"/>
  <c r="AF123769" i="1"/>
  <c r="AF123770" i="1"/>
  <c r="AF123771" i="1"/>
  <c r="AF123772" i="1"/>
  <c r="AF123773" i="1"/>
  <c r="AF123774" i="1"/>
  <c r="AF123775" i="1"/>
  <c r="AF123776" i="1"/>
  <c r="AF123777" i="1"/>
  <c r="AF123778" i="1"/>
  <c r="AF123779" i="1"/>
  <c r="AF123780" i="1"/>
  <c r="AF123781" i="1"/>
  <c r="AF123782" i="1"/>
  <c r="AF123783" i="1"/>
  <c r="AF123784" i="1"/>
  <c r="AF123785" i="1"/>
  <c r="AF123786" i="1"/>
  <c r="AF123787" i="1"/>
  <c r="AF123788" i="1"/>
  <c r="AF123789" i="1"/>
  <c r="AF123790" i="1"/>
  <c r="AF123791" i="1"/>
  <c r="AF123792" i="1"/>
  <c r="AF123793" i="1"/>
  <c r="AF123794" i="1"/>
  <c r="AF123795" i="1"/>
  <c r="AF123796" i="1"/>
  <c r="AF123797" i="1"/>
  <c r="AF123798" i="1"/>
  <c r="AF123799" i="1"/>
  <c r="AF123800" i="1"/>
  <c r="AF123801" i="1"/>
  <c r="AF123802" i="1"/>
  <c r="AF123803" i="1"/>
  <c r="AF123804" i="1"/>
  <c r="AF123805" i="1"/>
  <c r="AF123806" i="1"/>
  <c r="AF123807" i="1"/>
  <c r="AF123808" i="1"/>
  <c r="AF123809" i="1"/>
  <c r="AF123810" i="1"/>
  <c r="AF123811" i="1"/>
  <c r="AF123812" i="1"/>
  <c r="AF123813" i="1"/>
  <c r="AF123814" i="1"/>
  <c r="AF123815" i="1"/>
  <c r="AF123816" i="1"/>
  <c r="AF123817" i="1"/>
  <c r="AF123818" i="1"/>
  <c r="AF123819" i="1"/>
  <c r="AF123820" i="1"/>
  <c r="AF123821" i="1"/>
  <c r="AF123822" i="1"/>
  <c r="AF123823" i="1"/>
  <c r="AF123824" i="1"/>
  <c r="AF123825" i="1"/>
  <c r="AF123826" i="1"/>
  <c r="AF123827" i="1"/>
  <c r="AF123828" i="1"/>
  <c r="AF123829" i="1"/>
  <c r="AF123830" i="1"/>
  <c r="AF123831" i="1"/>
  <c r="AF123832" i="1"/>
  <c r="AF123833" i="1"/>
  <c r="AF123834" i="1"/>
  <c r="AF123835" i="1"/>
  <c r="AF123836" i="1"/>
  <c r="AF123837" i="1"/>
  <c r="AF123838" i="1"/>
  <c r="AF123839" i="1"/>
  <c r="AF123840" i="1"/>
  <c r="AF123841" i="1"/>
  <c r="AF123842" i="1"/>
  <c r="AF123843" i="1"/>
  <c r="AF123844" i="1"/>
  <c r="AF123845" i="1"/>
  <c r="AF123846" i="1"/>
  <c r="AF123847" i="1"/>
  <c r="AF123848" i="1"/>
  <c r="AF123849" i="1"/>
  <c r="AF123850" i="1"/>
  <c r="AF123851" i="1"/>
  <c r="AF123852" i="1"/>
  <c r="AF123853" i="1"/>
  <c r="AF123854" i="1"/>
  <c r="AF123855" i="1"/>
  <c r="AF123856" i="1"/>
  <c r="AF123857" i="1"/>
  <c r="AF123858" i="1"/>
  <c r="AF123859" i="1"/>
  <c r="AF123860" i="1"/>
  <c r="AF123861" i="1"/>
  <c r="AF123862" i="1"/>
  <c r="AF123863" i="1"/>
  <c r="AF123864" i="1"/>
  <c r="AF123865" i="1"/>
  <c r="AF123866" i="1"/>
  <c r="AF123867" i="1"/>
  <c r="AF123868" i="1"/>
  <c r="AF123869" i="1"/>
  <c r="AF123870" i="1"/>
  <c r="AF123871" i="1"/>
  <c r="AF123872" i="1"/>
  <c r="AF123873" i="1"/>
  <c r="AF123874" i="1"/>
  <c r="AF123875" i="1"/>
  <c r="AF123876" i="1"/>
  <c r="AF123877" i="1"/>
  <c r="AF123878" i="1"/>
  <c r="AF123879" i="1"/>
  <c r="AF123880" i="1"/>
  <c r="AF123881" i="1"/>
  <c r="AF123882" i="1"/>
  <c r="AF123883" i="1"/>
  <c r="AF123884" i="1"/>
  <c r="AF123885" i="1"/>
  <c r="AF123886" i="1"/>
  <c r="AF123887" i="1"/>
  <c r="AF123888" i="1"/>
  <c r="AF123889" i="1"/>
  <c r="AF123890" i="1"/>
  <c r="AF123891" i="1"/>
  <c r="AF123892" i="1"/>
  <c r="AF123893" i="1"/>
  <c r="AF123894" i="1"/>
  <c r="AF123895" i="1"/>
  <c r="AF123896" i="1"/>
  <c r="AF123897" i="1"/>
  <c r="AF123898" i="1"/>
  <c r="AF123899" i="1"/>
  <c r="AF123900" i="1"/>
  <c r="AF123901" i="1"/>
  <c r="AF123902" i="1"/>
  <c r="AF123903" i="1"/>
  <c r="AF123904" i="1"/>
  <c r="AF123905" i="1"/>
  <c r="AF123906" i="1"/>
  <c r="AF123907" i="1"/>
  <c r="AF123908" i="1"/>
  <c r="AF123909" i="1"/>
  <c r="AF123910" i="1"/>
  <c r="AF123911" i="1"/>
  <c r="AF123912" i="1"/>
  <c r="AF123913" i="1"/>
  <c r="AF123914" i="1"/>
  <c r="AF123915" i="1"/>
  <c r="AF123916" i="1"/>
  <c r="AF123917" i="1"/>
  <c r="AF123918" i="1"/>
  <c r="AF123919" i="1"/>
  <c r="AF123920" i="1"/>
  <c r="AF123921" i="1"/>
  <c r="AF123922" i="1"/>
  <c r="AF123923" i="1"/>
  <c r="AF123924" i="1"/>
  <c r="AF123925" i="1"/>
  <c r="AF123926" i="1"/>
  <c r="AF123927" i="1"/>
  <c r="AF123928" i="1"/>
  <c r="AF123929" i="1"/>
  <c r="AF123930" i="1"/>
  <c r="AF123931" i="1"/>
  <c r="AF123932" i="1"/>
  <c r="AF123933" i="1"/>
  <c r="AF123934" i="1"/>
  <c r="AF123935" i="1"/>
  <c r="AF123936" i="1"/>
  <c r="AF123937" i="1"/>
  <c r="AF123938" i="1"/>
  <c r="AF123939" i="1"/>
  <c r="AF123940" i="1"/>
  <c r="AF123941" i="1"/>
  <c r="AF123942" i="1"/>
  <c r="AF123943" i="1"/>
  <c r="AF123944" i="1"/>
  <c r="AF123945" i="1"/>
  <c r="AF123946" i="1"/>
  <c r="AF123947" i="1"/>
  <c r="AF123948" i="1"/>
  <c r="AF123949" i="1"/>
  <c r="AF123950" i="1"/>
  <c r="AF123951" i="1"/>
  <c r="AF123952" i="1"/>
  <c r="AF123953" i="1"/>
  <c r="AF123954" i="1"/>
  <c r="AF123955" i="1"/>
  <c r="AF123956" i="1"/>
  <c r="AF123957" i="1"/>
  <c r="AF123958" i="1"/>
  <c r="AF123959" i="1"/>
  <c r="AF123960" i="1"/>
  <c r="AF123961" i="1"/>
  <c r="AF123962" i="1"/>
  <c r="AF123963" i="1"/>
  <c r="AF123964" i="1"/>
  <c r="AF123965" i="1"/>
  <c r="AF123966" i="1"/>
  <c r="AF123967" i="1"/>
  <c r="AF123968" i="1"/>
  <c r="AF123969" i="1"/>
  <c r="AF123970" i="1"/>
  <c r="AF123971" i="1"/>
  <c r="AF123972" i="1"/>
  <c r="AF123973" i="1"/>
  <c r="AF123974" i="1"/>
  <c r="AF123975" i="1"/>
  <c r="AF123976" i="1"/>
  <c r="AF123977" i="1"/>
  <c r="AF123978" i="1"/>
  <c r="AF123979" i="1"/>
  <c r="AF123980" i="1"/>
  <c r="AF123981" i="1"/>
  <c r="AF123982" i="1"/>
  <c r="AF123983" i="1"/>
  <c r="AF123984" i="1"/>
  <c r="AF123985" i="1"/>
  <c r="AF123986" i="1"/>
  <c r="AF123987" i="1"/>
  <c r="AF123988" i="1"/>
  <c r="AF123989" i="1"/>
  <c r="AF123990" i="1"/>
  <c r="AF123991" i="1"/>
  <c r="AF123992" i="1"/>
  <c r="AF123993" i="1"/>
  <c r="AF123994" i="1"/>
  <c r="AF123995" i="1"/>
  <c r="AF123996" i="1"/>
  <c r="AF123997" i="1"/>
  <c r="AF123998" i="1"/>
  <c r="AF123999" i="1"/>
  <c r="AF124000" i="1"/>
  <c r="AF124001" i="1"/>
  <c r="AF124002" i="1"/>
  <c r="AF124003" i="1"/>
  <c r="AF124004" i="1"/>
  <c r="AF124005" i="1"/>
  <c r="AF124006" i="1"/>
  <c r="AF124007" i="1"/>
  <c r="AF124008" i="1"/>
  <c r="AF124009" i="1"/>
  <c r="AF124010" i="1"/>
  <c r="AF124011" i="1"/>
  <c r="AF124012" i="1"/>
  <c r="AF124013" i="1"/>
  <c r="AF124014" i="1"/>
  <c r="AF124015" i="1"/>
  <c r="AF124016" i="1"/>
  <c r="AF124017" i="1"/>
  <c r="AF124018" i="1"/>
  <c r="AF124019" i="1"/>
  <c r="AF124020" i="1"/>
  <c r="AF124021" i="1"/>
  <c r="AF124022" i="1"/>
  <c r="AF124023" i="1"/>
  <c r="AF124024" i="1"/>
  <c r="AF124025" i="1"/>
  <c r="AF124026" i="1"/>
  <c r="AF124027" i="1"/>
  <c r="AF124028" i="1"/>
  <c r="AF124029" i="1"/>
  <c r="AF124030" i="1"/>
  <c r="AF124031" i="1"/>
  <c r="AF124032" i="1"/>
  <c r="AF124033" i="1"/>
  <c r="AF124034" i="1"/>
  <c r="AF124035" i="1"/>
  <c r="AF124036" i="1"/>
  <c r="AF124037" i="1"/>
  <c r="AF124038" i="1"/>
  <c r="AF124039" i="1"/>
  <c r="AF124040" i="1"/>
  <c r="AF124041" i="1"/>
  <c r="AF124042" i="1"/>
  <c r="AF124043" i="1"/>
  <c r="AF124044" i="1"/>
  <c r="AF124045" i="1"/>
  <c r="AF124046" i="1"/>
  <c r="AF124047" i="1"/>
  <c r="AF124048" i="1"/>
  <c r="AF124049" i="1"/>
  <c r="AF124050" i="1"/>
  <c r="AF124051" i="1"/>
  <c r="AF124052" i="1"/>
  <c r="AF124053" i="1"/>
  <c r="AF124054" i="1"/>
  <c r="AF124055" i="1"/>
  <c r="AF124056" i="1"/>
  <c r="AF124057" i="1"/>
  <c r="AF124058" i="1"/>
  <c r="AF124059" i="1"/>
  <c r="AF124060" i="1"/>
  <c r="AF124061" i="1"/>
  <c r="AF124062" i="1"/>
  <c r="AF124063" i="1"/>
  <c r="AF124064" i="1"/>
  <c r="AF124065" i="1"/>
  <c r="AF124066" i="1"/>
  <c r="AF124067" i="1"/>
  <c r="AF124068" i="1"/>
  <c r="AF124069" i="1"/>
  <c r="AF124070" i="1"/>
  <c r="AF124071" i="1"/>
  <c r="AF124072" i="1"/>
  <c r="AF124073" i="1"/>
  <c r="AF124074" i="1"/>
  <c r="AF124075" i="1"/>
  <c r="AF124076" i="1"/>
  <c r="AF124077" i="1"/>
  <c r="AF124078" i="1"/>
  <c r="AF124079" i="1"/>
  <c r="AF124080" i="1"/>
  <c r="AF124081" i="1"/>
  <c r="AF124082" i="1"/>
  <c r="AF124083" i="1"/>
  <c r="AF124084" i="1"/>
  <c r="AF124085" i="1"/>
  <c r="AF124086" i="1"/>
  <c r="AF124087" i="1"/>
  <c r="AF124088" i="1"/>
  <c r="AF124089" i="1"/>
  <c r="AF124090" i="1"/>
  <c r="AF124091" i="1"/>
  <c r="AF124092" i="1"/>
  <c r="AF124093" i="1"/>
  <c r="AF124094" i="1"/>
  <c r="AF124095" i="1"/>
  <c r="AF124096" i="1"/>
  <c r="AF124097" i="1"/>
  <c r="AF124098" i="1"/>
  <c r="AF124099" i="1"/>
  <c r="AF124100" i="1"/>
  <c r="AF124101" i="1"/>
  <c r="AF124102" i="1"/>
  <c r="AF124103" i="1"/>
  <c r="AF124104" i="1"/>
  <c r="AF124105" i="1"/>
  <c r="AF124106" i="1"/>
  <c r="AF124107" i="1"/>
  <c r="AF124108" i="1"/>
  <c r="AF124109" i="1"/>
  <c r="AF124110" i="1"/>
  <c r="AF124111" i="1"/>
  <c r="AF124112" i="1"/>
  <c r="AF124113" i="1"/>
  <c r="AF124114" i="1"/>
  <c r="AF124115" i="1"/>
  <c r="AF124116" i="1"/>
  <c r="AF124117" i="1"/>
  <c r="AF124118" i="1"/>
  <c r="AF124119" i="1"/>
  <c r="AF124120" i="1"/>
  <c r="AF124121" i="1"/>
  <c r="AF124122" i="1"/>
  <c r="AF124123" i="1"/>
  <c r="AF124124" i="1"/>
  <c r="AF124125" i="1"/>
  <c r="AF124126" i="1"/>
  <c r="AF124127" i="1"/>
  <c r="AF124128" i="1"/>
  <c r="AF124129" i="1"/>
  <c r="AF124130" i="1"/>
  <c r="AF124131" i="1"/>
  <c r="AF124132" i="1"/>
  <c r="AF124133" i="1"/>
  <c r="AF124134" i="1"/>
  <c r="AF124135" i="1"/>
  <c r="AF124136" i="1"/>
  <c r="AF124137" i="1"/>
  <c r="AF124138" i="1"/>
  <c r="AF124139" i="1"/>
  <c r="AF124140" i="1"/>
  <c r="AF124141" i="1"/>
  <c r="AF124142" i="1"/>
  <c r="AF124143" i="1"/>
  <c r="AF124144" i="1"/>
  <c r="AF124145" i="1"/>
  <c r="AF124146" i="1"/>
  <c r="AF124147" i="1"/>
  <c r="AF124148" i="1"/>
  <c r="AF124149" i="1"/>
  <c r="AF124150" i="1"/>
  <c r="AF124151" i="1"/>
  <c r="AF124152" i="1"/>
  <c r="AF124153" i="1"/>
  <c r="AF124154" i="1"/>
  <c r="AF124155" i="1"/>
  <c r="AF124156" i="1"/>
  <c r="AF124157" i="1"/>
  <c r="AF124158" i="1"/>
  <c r="AF124159" i="1"/>
  <c r="AF124160" i="1"/>
  <c r="AF124161" i="1"/>
  <c r="AF124162" i="1"/>
  <c r="AF124163" i="1"/>
  <c r="AF124164" i="1"/>
  <c r="AF124165" i="1"/>
  <c r="AF124166" i="1"/>
  <c r="AF124167" i="1"/>
  <c r="AF124168" i="1"/>
  <c r="AF124169" i="1"/>
  <c r="AF124170" i="1"/>
  <c r="AF124171" i="1"/>
  <c r="AF124172" i="1"/>
  <c r="AF124173" i="1"/>
  <c r="AF124174" i="1"/>
  <c r="AF124175" i="1"/>
  <c r="AF124176" i="1"/>
  <c r="AF124177" i="1"/>
  <c r="AF124178" i="1"/>
  <c r="AF124179" i="1"/>
  <c r="AF124180" i="1"/>
  <c r="AF124181" i="1"/>
  <c r="AF124182" i="1"/>
  <c r="AF124183" i="1"/>
  <c r="AF124184" i="1"/>
  <c r="AF124185" i="1"/>
  <c r="AF124186" i="1"/>
  <c r="AF124187" i="1"/>
  <c r="AF124188" i="1"/>
  <c r="AF124189" i="1"/>
  <c r="AF124190" i="1"/>
  <c r="AF124191" i="1"/>
  <c r="AF124192" i="1"/>
  <c r="AF124193" i="1"/>
  <c r="AF124194" i="1"/>
  <c r="AF124195" i="1"/>
  <c r="AF124196" i="1"/>
  <c r="AF124197" i="1"/>
  <c r="AF124198" i="1"/>
  <c r="AF124199" i="1"/>
  <c r="AF124200" i="1"/>
  <c r="AF124201" i="1"/>
  <c r="AF124202" i="1"/>
  <c r="AF124203" i="1"/>
  <c r="AF124204" i="1"/>
  <c r="AF124205" i="1"/>
  <c r="AF124206" i="1"/>
  <c r="AF124207" i="1"/>
  <c r="AF124208" i="1"/>
  <c r="AF124209" i="1"/>
  <c r="AF124210" i="1"/>
  <c r="AF124211" i="1"/>
  <c r="AF124212" i="1"/>
  <c r="AF124213" i="1"/>
  <c r="AF124214" i="1"/>
  <c r="AF124215" i="1"/>
  <c r="AF124216" i="1"/>
  <c r="AF124217" i="1"/>
  <c r="AF124218" i="1"/>
  <c r="AF124219" i="1"/>
  <c r="AF124220" i="1"/>
  <c r="AF124221" i="1"/>
  <c r="AF124222" i="1"/>
  <c r="AF124223" i="1"/>
  <c r="AF124224" i="1"/>
  <c r="AF124225" i="1"/>
  <c r="AF124226" i="1"/>
  <c r="AF124227" i="1"/>
  <c r="AF124228" i="1"/>
  <c r="AF124229" i="1"/>
  <c r="AF124230" i="1"/>
  <c r="AF124231" i="1"/>
  <c r="AF124232" i="1"/>
  <c r="AF124233" i="1"/>
  <c r="AF124234" i="1"/>
  <c r="AF124235" i="1"/>
  <c r="AF124236" i="1"/>
  <c r="AF124237" i="1"/>
  <c r="AF124238" i="1"/>
  <c r="AF124239" i="1"/>
  <c r="AF124240" i="1"/>
  <c r="AF124241" i="1"/>
  <c r="AF124242" i="1"/>
  <c r="AF124243" i="1"/>
  <c r="AF124244" i="1"/>
  <c r="AF124245" i="1"/>
  <c r="AF124246" i="1"/>
  <c r="AF124247" i="1"/>
  <c r="AF124248" i="1"/>
  <c r="AF124249" i="1"/>
  <c r="AF124250" i="1"/>
  <c r="AF124251" i="1"/>
  <c r="AF124252" i="1"/>
  <c r="AF124253" i="1"/>
  <c r="AF124254" i="1"/>
  <c r="AF124255" i="1"/>
  <c r="AF124256" i="1"/>
  <c r="AF124257" i="1"/>
  <c r="AF124258" i="1"/>
  <c r="AF124259" i="1"/>
  <c r="AF124260" i="1"/>
  <c r="AF124261" i="1"/>
  <c r="AF124262" i="1"/>
  <c r="AF124263" i="1"/>
  <c r="AF124264" i="1"/>
  <c r="AF124265" i="1"/>
  <c r="AF124266" i="1"/>
  <c r="AF124267" i="1"/>
  <c r="AF124268" i="1"/>
  <c r="AF124269" i="1"/>
  <c r="AF124270" i="1"/>
  <c r="AF124271" i="1"/>
  <c r="AF124272" i="1"/>
  <c r="AF124273" i="1"/>
  <c r="AF124274" i="1"/>
  <c r="AF124275" i="1"/>
  <c r="AF124276" i="1"/>
  <c r="AF124277" i="1"/>
  <c r="AF124278" i="1"/>
  <c r="AF124279" i="1"/>
  <c r="AF124280" i="1"/>
  <c r="AF124281" i="1"/>
  <c r="AF124282" i="1"/>
  <c r="AF124283" i="1"/>
  <c r="AF124284" i="1"/>
  <c r="AF124285" i="1"/>
  <c r="AF124286" i="1"/>
  <c r="AF124287" i="1"/>
  <c r="AF124288" i="1"/>
  <c r="AF124289" i="1"/>
  <c r="AF124290" i="1"/>
  <c r="AF124291" i="1"/>
  <c r="AF124292" i="1"/>
  <c r="AF124293" i="1"/>
  <c r="AF124294" i="1"/>
  <c r="AF124295" i="1"/>
  <c r="AF124296" i="1"/>
  <c r="AF124297" i="1"/>
  <c r="AF124298" i="1"/>
  <c r="AF124299" i="1"/>
  <c r="AF124300" i="1"/>
  <c r="AF124301" i="1"/>
  <c r="AF124302" i="1"/>
  <c r="AF124303" i="1"/>
  <c r="AF124304" i="1"/>
  <c r="AF124305" i="1"/>
  <c r="AF124306" i="1"/>
  <c r="AF124307" i="1"/>
  <c r="AF124308" i="1"/>
  <c r="AF124309" i="1"/>
  <c r="AF124310" i="1"/>
  <c r="AF124311" i="1"/>
  <c r="AF124312" i="1"/>
  <c r="AF124313" i="1"/>
  <c r="AF124314" i="1"/>
  <c r="AF124315" i="1"/>
  <c r="AF124316" i="1"/>
  <c r="AF124317" i="1"/>
  <c r="AF124318" i="1"/>
  <c r="AF124319" i="1"/>
  <c r="AF124320" i="1"/>
  <c r="AF124321" i="1"/>
  <c r="AF124322" i="1"/>
  <c r="AF124323" i="1"/>
  <c r="AF124324" i="1"/>
  <c r="AF124325" i="1"/>
  <c r="AF124326" i="1"/>
  <c r="AF124327" i="1"/>
  <c r="AF124328" i="1"/>
  <c r="AF124329" i="1"/>
  <c r="AF124330" i="1"/>
  <c r="AF124331" i="1"/>
  <c r="AF124332" i="1"/>
  <c r="AF124333" i="1"/>
  <c r="AF124334" i="1"/>
  <c r="AF124335" i="1"/>
  <c r="AF124336" i="1"/>
  <c r="AF124337" i="1"/>
  <c r="AF124338" i="1"/>
  <c r="AF124339" i="1"/>
  <c r="AF124340" i="1"/>
  <c r="AF124341" i="1"/>
  <c r="AF124342" i="1"/>
  <c r="AF124343" i="1"/>
  <c r="AF124344" i="1"/>
  <c r="AF124345" i="1"/>
  <c r="AF124346" i="1"/>
  <c r="AF124347" i="1"/>
  <c r="AF124348" i="1"/>
  <c r="AF124349" i="1"/>
  <c r="AF124350" i="1"/>
  <c r="AF124351" i="1"/>
  <c r="AF124352" i="1"/>
  <c r="AF124353" i="1"/>
  <c r="AF124354" i="1"/>
  <c r="AF124355" i="1"/>
  <c r="AF124356" i="1"/>
  <c r="AF124357" i="1"/>
  <c r="AF124358" i="1"/>
  <c r="AF124359" i="1"/>
  <c r="AF124360" i="1"/>
  <c r="AF124361" i="1"/>
  <c r="AF124362" i="1"/>
  <c r="AF124363" i="1"/>
  <c r="AF124364" i="1"/>
  <c r="AF124365" i="1"/>
  <c r="AF124366" i="1"/>
  <c r="AF124367" i="1"/>
  <c r="AF124368" i="1"/>
  <c r="AF124369" i="1"/>
  <c r="AF124370" i="1"/>
  <c r="AF124371" i="1"/>
  <c r="AF124372" i="1"/>
  <c r="AF124373" i="1"/>
  <c r="AF124374" i="1"/>
  <c r="AF124375" i="1"/>
  <c r="AF124376" i="1"/>
  <c r="AF124377" i="1"/>
  <c r="AF124378" i="1"/>
  <c r="AF124379" i="1"/>
  <c r="AF124380" i="1"/>
  <c r="AF124381" i="1"/>
  <c r="AF124382" i="1"/>
  <c r="AF124383" i="1"/>
  <c r="AF124384" i="1"/>
  <c r="AF124385" i="1"/>
  <c r="AF124386" i="1"/>
  <c r="AF124387" i="1"/>
  <c r="AF124388" i="1"/>
  <c r="AF124389" i="1"/>
  <c r="AF124390" i="1"/>
  <c r="AF124391" i="1"/>
  <c r="AF124392" i="1"/>
  <c r="AF124393" i="1"/>
  <c r="AF124394" i="1"/>
  <c r="AF124395" i="1"/>
  <c r="AF124396" i="1"/>
  <c r="AF124397" i="1"/>
  <c r="AF124398" i="1"/>
  <c r="AF124399" i="1"/>
  <c r="AF124400" i="1"/>
  <c r="AF124401" i="1"/>
  <c r="AF124402" i="1"/>
  <c r="AF124403" i="1"/>
  <c r="AF124404" i="1"/>
  <c r="AF124405" i="1"/>
  <c r="AF124406" i="1"/>
  <c r="AF124407" i="1"/>
  <c r="AF124408" i="1"/>
  <c r="AF124409" i="1"/>
  <c r="AF124410" i="1"/>
  <c r="AF124411" i="1"/>
  <c r="AF124412" i="1"/>
  <c r="AF124413" i="1"/>
  <c r="AF124414" i="1"/>
  <c r="AF124415" i="1"/>
  <c r="AF124416" i="1"/>
  <c r="AF124417" i="1"/>
  <c r="AF124418" i="1"/>
  <c r="AF124419" i="1"/>
  <c r="AF124420" i="1"/>
  <c r="AF124421" i="1"/>
  <c r="AF124422" i="1"/>
  <c r="AF124423" i="1"/>
  <c r="AF124424" i="1"/>
  <c r="AF124425" i="1"/>
  <c r="AF124426" i="1"/>
  <c r="AF124427" i="1"/>
  <c r="AF124428" i="1"/>
  <c r="AF124429" i="1"/>
  <c r="AF124430" i="1"/>
  <c r="AF124431" i="1"/>
  <c r="AF124432" i="1"/>
  <c r="AF124433" i="1"/>
  <c r="AF124434" i="1"/>
  <c r="AF124435" i="1"/>
  <c r="AF124436" i="1"/>
  <c r="AF124437" i="1"/>
  <c r="AF124438" i="1"/>
  <c r="AF124439" i="1"/>
  <c r="AF124440" i="1"/>
  <c r="AF124441" i="1"/>
  <c r="AF124442" i="1"/>
  <c r="AF124443" i="1"/>
  <c r="AF124444" i="1"/>
  <c r="AF124445" i="1"/>
  <c r="AF124446" i="1"/>
  <c r="AF124447" i="1"/>
  <c r="AF124448" i="1"/>
  <c r="AF124449" i="1"/>
  <c r="AF124450" i="1"/>
  <c r="AF124451" i="1"/>
  <c r="AF124452" i="1"/>
  <c r="AF124453" i="1"/>
  <c r="AF124454" i="1"/>
  <c r="AF124455" i="1"/>
  <c r="AF124456" i="1"/>
  <c r="AF124457" i="1"/>
  <c r="AF124458" i="1"/>
  <c r="AF124459" i="1"/>
  <c r="AF124460" i="1"/>
  <c r="AF124461" i="1"/>
  <c r="AF124462" i="1"/>
  <c r="AF124463" i="1"/>
  <c r="AF124464" i="1"/>
  <c r="AF124465" i="1"/>
  <c r="AF124466" i="1"/>
  <c r="AF124467" i="1"/>
  <c r="AF124468" i="1"/>
  <c r="AF124469" i="1"/>
  <c r="AF124470" i="1"/>
  <c r="AF124471" i="1"/>
  <c r="AF124472" i="1"/>
  <c r="AF124473" i="1"/>
  <c r="AF124474" i="1"/>
  <c r="AF124475" i="1"/>
  <c r="AF124476" i="1"/>
  <c r="AF124477" i="1"/>
  <c r="AF124478" i="1"/>
  <c r="AF124479" i="1"/>
  <c r="AF124480" i="1"/>
  <c r="AF124481" i="1"/>
  <c r="AF124482" i="1"/>
  <c r="AF124483" i="1"/>
  <c r="AF124484" i="1"/>
  <c r="AF124485" i="1"/>
  <c r="AF124486" i="1"/>
  <c r="AF124487" i="1"/>
  <c r="AF124488" i="1"/>
  <c r="AF124489" i="1"/>
  <c r="AF124490" i="1"/>
  <c r="AF124491" i="1"/>
  <c r="AF124492" i="1"/>
  <c r="AF124493" i="1"/>
  <c r="AF124494" i="1"/>
  <c r="AF124495" i="1"/>
  <c r="AF124496" i="1"/>
  <c r="AF124497" i="1"/>
  <c r="AF124498" i="1"/>
  <c r="AF124499" i="1"/>
  <c r="AF124500" i="1"/>
  <c r="AF124501" i="1"/>
  <c r="AF124502" i="1"/>
  <c r="AF124503" i="1"/>
  <c r="AF124504" i="1"/>
  <c r="AF124505" i="1"/>
  <c r="AF124506" i="1"/>
  <c r="AF124507" i="1"/>
  <c r="AF124508" i="1"/>
  <c r="AF124509" i="1"/>
  <c r="AF124510" i="1"/>
  <c r="AF124511" i="1"/>
  <c r="AF124512" i="1"/>
  <c r="AF124513" i="1"/>
  <c r="AF124514" i="1"/>
  <c r="AF124515" i="1"/>
  <c r="AF124516" i="1"/>
  <c r="AF124517" i="1"/>
  <c r="AF124518" i="1"/>
  <c r="AF124519" i="1"/>
  <c r="AF124520" i="1"/>
  <c r="AF124521" i="1"/>
  <c r="AF124522" i="1"/>
  <c r="AF124523" i="1"/>
  <c r="AF124524" i="1"/>
  <c r="AF124525" i="1"/>
  <c r="AF124526" i="1"/>
  <c r="AF124527" i="1"/>
  <c r="AF124528" i="1"/>
  <c r="AF124529" i="1"/>
  <c r="AF124530" i="1"/>
  <c r="AF124531" i="1"/>
  <c r="AF124532" i="1"/>
  <c r="AF124533" i="1"/>
  <c r="AF124534" i="1"/>
  <c r="AF124535" i="1"/>
  <c r="AF124536" i="1"/>
  <c r="AF124537" i="1"/>
  <c r="AF124538" i="1"/>
  <c r="AF124539" i="1"/>
  <c r="AF124540" i="1"/>
  <c r="AF124541" i="1"/>
  <c r="AF124542" i="1"/>
  <c r="AF124543" i="1"/>
  <c r="AF124544" i="1"/>
  <c r="AF124545" i="1"/>
  <c r="AF124546" i="1"/>
  <c r="AF124547" i="1"/>
  <c r="AF124548" i="1"/>
  <c r="AF124549" i="1"/>
  <c r="AF124550" i="1"/>
  <c r="AF124551" i="1"/>
  <c r="AF124552" i="1"/>
  <c r="AF124553" i="1"/>
  <c r="AF124554" i="1"/>
  <c r="AF124555" i="1"/>
  <c r="AF124556" i="1"/>
  <c r="AF124557" i="1"/>
  <c r="AF124558" i="1"/>
  <c r="AF124559" i="1"/>
  <c r="AF124560" i="1"/>
  <c r="AF124561" i="1"/>
  <c r="AF124562" i="1"/>
  <c r="AF124563" i="1"/>
  <c r="AF124564" i="1"/>
  <c r="AF124565" i="1"/>
  <c r="AF124566" i="1"/>
  <c r="AF124567" i="1"/>
  <c r="AF124568" i="1"/>
  <c r="AF124569" i="1"/>
  <c r="AF124570" i="1"/>
  <c r="AF124571" i="1"/>
  <c r="AF124572" i="1"/>
  <c r="AF124573" i="1"/>
  <c r="AF124574" i="1"/>
  <c r="AF124575" i="1"/>
  <c r="AF124576" i="1"/>
  <c r="AF124577" i="1"/>
  <c r="AF124578" i="1"/>
  <c r="AF124579" i="1"/>
  <c r="AF124580" i="1"/>
  <c r="AF124581" i="1"/>
  <c r="AF124582" i="1"/>
  <c r="AF124583" i="1"/>
  <c r="AF124584" i="1"/>
  <c r="AF124585" i="1"/>
  <c r="AF124586" i="1"/>
  <c r="AF124587" i="1"/>
  <c r="AF124588" i="1"/>
  <c r="AF124589" i="1"/>
  <c r="AF124590" i="1"/>
  <c r="AF124591" i="1"/>
  <c r="AF124592" i="1"/>
  <c r="AF124593" i="1"/>
  <c r="AF124594" i="1"/>
  <c r="AF124595" i="1"/>
  <c r="AF124596" i="1"/>
  <c r="AF124597" i="1"/>
  <c r="AF124598" i="1"/>
  <c r="AF124599" i="1"/>
  <c r="AF124600" i="1"/>
  <c r="AF124601" i="1"/>
  <c r="AF124602" i="1"/>
  <c r="AF124603" i="1"/>
  <c r="AF124604" i="1"/>
  <c r="AF124605" i="1"/>
  <c r="AF124606" i="1"/>
  <c r="AF124607" i="1"/>
  <c r="AF124608" i="1"/>
  <c r="AF124609" i="1"/>
  <c r="AF124610" i="1"/>
  <c r="AF124611" i="1"/>
  <c r="AF124612" i="1"/>
  <c r="AF124613" i="1"/>
  <c r="AF124614" i="1"/>
  <c r="AF124615" i="1"/>
  <c r="AF124616" i="1"/>
  <c r="AF124617" i="1"/>
  <c r="AF124618" i="1"/>
  <c r="AF124619" i="1"/>
  <c r="AF124620" i="1"/>
  <c r="AF124621" i="1"/>
  <c r="AF124622" i="1"/>
  <c r="AF124623" i="1"/>
  <c r="AF124624" i="1"/>
  <c r="AF124625" i="1"/>
  <c r="AF124626" i="1"/>
  <c r="AF124627" i="1"/>
  <c r="AF124628" i="1"/>
  <c r="AF124629" i="1"/>
  <c r="AF124630" i="1"/>
  <c r="AF124631" i="1"/>
  <c r="AF124632" i="1"/>
  <c r="AF124633" i="1"/>
  <c r="AF124634" i="1"/>
  <c r="AF124635" i="1"/>
  <c r="AF124636" i="1"/>
  <c r="AF124637" i="1"/>
  <c r="AF124638" i="1"/>
  <c r="AF124639" i="1"/>
  <c r="AF124640" i="1"/>
  <c r="AF124641" i="1"/>
  <c r="AF124642" i="1"/>
  <c r="AF124643" i="1"/>
  <c r="AF124644" i="1"/>
  <c r="AF124645" i="1"/>
  <c r="AF124646" i="1"/>
  <c r="AF124647" i="1"/>
  <c r="AF124648" i="1"/>
  <c r="AF124649" i="1"/>
  <c r="AF124650" i="1"/>
  <c r="AF124651" i="1"/>
  <c r="AF124652" i="1"/>
  <c r="AF124653" i="1"/>
  <c r="AF124654" i="1"/>
  <c r="AF124655" i="1"/>
  <c r="AF124656" i="1"/>
  <c r="AF124657" i="1"/>
  <c r="AF124658" i="1"/>
  <c r="AF124659" i="1"/>
  <c r="AF124660" i="1"/>
  <c r="AF124661" i="1"/>
  <c r="AF124662" i="1"/>
  <c r="AF124663" i="1"/>
  <c r="AF124664" i="1"/>
  <c r="AF124665" i="1"/>
  <c r="AF124666" i="1"/>
  <c r="AF124667" i="1"/>
  <c r="AF124668" i="1"/>
  <c r="AF124669" i="1"/>
  <c r="AF124670" i="1"/>
  <c r="AF124671" i="1"/>
  <c r="AF124672" i="1"/>
  <c r="AF124673" i="1"/>
  <c r="AF124674" i="1"/>
  <c r="AF124675" i="1"/>
  <c r="AF124676" i="1"/>
  <c r="AF124677" i="1"/>
  <c r="AF124678" i="1"/>
  <c r="AF124679" i="1"/>
  <c r="AF124680" i="1"/>
  <c r="AF124681" i="1"/>
  <c r="AF124682" i="1"/>
  <c r="AF124683" i="1"/>
  <c r="AF124684" i="1"/>
  <c r="AF124685" i="1"/>
  <c r="AF124686" i="1"/>
  <c r="AF124687" i="1"/>
  <c r="AF124688" i="1"/>
  <c r="AF124689" i="1"/>
  <c r="AF124690" i="1"/>
  <c r="AF124691" i="1"/>
  <c r="AF124692" i="1"/>
  <c r="AF124693" i="1"/>
  <c r="AF124694" i="1"/>
  <c r="AF124695" i="1"/>
  <c r="AF124696" i="1"/>
  <c r="AF124697" i="1"/>
  <c r="AF124698" i="1"/>
  <c r="AF124699" i="1"/>
  <c r="AF124700" i="1"/>
  <c r="AF124701" i="1"/>
  <c r="AF124702" i="1"/>
  <c r="AF124703" i="1"/>
  <c r="AF124704" i="1"/>
  <c r="AF124705" i="1"/>
  <c r="AF124706" i="1"/>
  <c r="AF124707" i="1"/>
  <c r="AF124708" i="1"/>
  <c r="AF124709" i="1"/>
  <c r="AF124710" i="1"/>
  <c r="AF124711" i="1"/>
  <c r="AF124712" i="1"/>
  <c r="AF124713" i="1"/>
  <c r="AF124714" i="1"/>
  <c r="AF124715" i="1"/>
  <c r="AF124716" i="1"/>
  <c r="AF124717" i="1"/>
  <c r="AF124718" i="1"/>
  <c r="AF124719" i="1"/>
  <c r="AF124720" i="1"/>
  <c r="AF124721" i="1"/>
  <c r="AF124722" i="1"/>
  <c r="AF124723" i="1"/>
  <c r="AF124724" i="1"/>
  <c r="AF124725" i="1"/>
  <c r="AF124726" i="1"/>
  <c r="AF124727" i="1"/>
  <c r="AF124728" i="1"/>
  <c r="AF124729" i="1"/>
  <c r="AF124730" i="1"/>
  <c r="AF124731" i="1"/>
  <c r="AF124732" i="1"/>
  <c r="AF124733" i="1"/>
  <c r="AF124734" i="1"/>
  <c r="AF124735" i="1"/>
  <c r="AF124736" i="1"/>
  <c r="AF124737" i="1"/>
  <c r="AF124738" i="1"/>
  <c r="AF124739" i="1"/>
  <c r="AF124740" i="1"/>
  <c r="AF124741" i="1"/>
  <c r="AF124742" i="1"/>
  <c r="AF124743" i="1"/>
  <c r="AF124744" i="1"/>
  <c r="AF124745" i="1"/>
  <c r="AF124746" i="1"/>
  <c r="AF124747" i="1"/>
  <c r="AF124748" i="1"/>
  <c r="AF124749" i="1"/>
  <c r="AF124750" i="1"/>
  <c r="AF124751" i="1"/>
  <c r="AF124752" i="1"/>
  <c r="AF124753" i="1"/>
  <c r="AF124754" i="1"/>
  <c r="AF124755" i="1"/>
  <c r="AF124756" i="1"/>
  <c r="AF124757" i="1"/>
  <c r="AF124758" i="1"/>
  <c r="AF124759" i="1"/>
  <c r="AF124760" i="1"/>
  <c r="AF124761" i="1"/>
  <c r="AF124762" i="1"/>
  <c r="AF124763" i="1"/>
  <c r="AF124764" i="1"/>
  <c r="AF124765" i="1"/>
  <c r="AF124766" i="1"/>
  <c r="AF124767" i="1"/>
  <c r="AF124768" i="1"/>
  <c r="AF124769" i="1"/>
  <c r="AF124770" i="1"/>
  <c r="AF124771" i="1"/>
  <c r="AF124772" i="1"/>
  <c r="AF124773" i="1"/>
  <c r="AF124774" i="1"/>
  <c r="AF124775" i="1"/>
  <c r="AF124776" i="1"/>
  <c r="AF124777" i="1"/>
  <c r="AF124778" i="1"/>
  <c r="AF124779" i="1"/>
  <c r="AF124780" i="1"/>
  <c r="AF124781" i="1"/>
  <c r="AF124782" i="1"/>
  <c r="AF124783" i="1"/>
  <c r="AF124784" i="1"/>
  <c r="AF124785" i="1"/>
  <c r="AF124786" i="1"/>
  <c r="AF124787" i="1"/>
  <c r="AF124788" i="1"/>
  <c r="AF124789" i="1"/>
  <c r="AF124790" i="1"/>
  <c r="AF124791" i="1"/>
  <c r="AF124792" i="1"/>
  <c r="AF124793" i="1"/>
  <c r="AF124794" i="1"/>
  <c r="AF124795" i="1"/>
  <c r="AF124796" i="1"/>
  <c r="AF124797" i="1"/>
  <c r="AF124798" i="1"/>
  <c r="AF124799" i="1"/>
  <c r="AF124800" i="1"/>
  <c r="AF124801" i="1"/>
  <c r="AF124802" i="1"/>
  <c r="AF124803" i="1"/>
  <c r="AF124804" i="1"/>
  <c r="AF124805" i="1"/>
  <c r="AF124806" i="1"/>
  <c r="AF124807" i="1"/>
  <c r="AF124808" i="1"/>
  <c r="AF124809" i="1"/>
  <c r="AF124810" i="1"/>
  <c r="AF124811" i="1"/>
  <c r="AF124812" i="1"/>
  <c r="AF124813" i="1"/>
  <c r="AF124814" i="1"/>
  <c r="AF124815" i="1"/>
  <c r="AF124816" i="1"/>
  <c r="AF124817" i="1"/>
  <c r="AF124818" i="1"/>
  <c r="AF124819" i="1"/>
  <c r="AF124820" i="1"/>
  <c r="AF124821" i="1"/>
  <c r="AF124822" i="1"/>
  <c r="AF124823" i="1"/>
  <c r="AF124824" i="1"/>
  <c r="AF124825" i="1"/>
  <c r="AF124826" i="1"/>
  <c r="AF124827" i="1"/>
  <c r="AF124828" i="1"/>
  <c r="AF124829" i="1"/>
  <c r="AF124830" i="1"/>
  <c r="AF124831" i="1"/>
  <c r="AF124832" i="1"/>
  <c r="AF124833" i="1"/>
  <c r="AF124834" i="1"/>
  <c r="AF124835" i="1"/>
  <c r="AF124836" i="1"/>
  <c r="AF124837" i="1"/>
  <c r="AF124838" i="1"/>
  <c r="AF124839" i="1"/>
  <c r="AF124840" i="1"/>
  <c r="AF124841" i="1"/>
  <c r="AF124842" i="1"/>
  <c r="AF124843" i="1"/>
  <c r="AF124844" i="1"/>
  <c r="AF124845" i="1"/>
  <c r="AF124846" i="1"/>
  <c r="AF124847" i="1"/>
  <c r="AF124848" i="1"/>
  <c r="AF124849" i="1"/>
  <c r="AF124850" i="1"/>
  <c r="AF124851" i="1"/>
  <c r="AF124852" i="1"/>
  <c r="AF124853" i="1"/>
  <c r="AF124854" i="1"/>
  <c r="AF124855" i="1"/>
  <c r="AF124856" i="1"/>
  <c r="AF124857" i="1"/>
  <c r="AF124858" i="1"/>
  <c r="AF124859" i="1"/>
  <c r="AF124860" i="1"/>
  <c r="AF124861" i="1"/>
  <c r="AF124862" i="1"/>
  <c r="AF124863" i="1"/>
  <c r="AF124864" i="1"/>
  <c r="AF124865" i="1"/>
  <c r="AF124866" i="1"/>
  <c r="AF124867" i="1"/>
  <c r="AF124868" i="1"/>
  <c r="AF124869" i="1"/>
  <c r="AF124870" i="1"/>
  <c r="AF124871" i="1"/>
  <c r="AF124872" i="1"/>
  <c r="AF124873" i="1"/>
  <c r="AF124874" i="1"/>
  <c r="AF124875" i="1"/>
  <c r="AF124876" i="1"/>
  <c r="AF124877" i="1"/>
  <c r="AF124878" i="1"/>
  <c r="AF124879" i="1"/>
  <c r="AF124880" i="1"/>
  <c r="AF124881" i="1"/>
  <c r="AF124882" i="1"/>
  <c r="AF124883" i="1"/>
  <c r="AF124884" i="1"/>
  <c r="AF124885" i="1"/>
  <c r="AF124886" i="1"/>
  <c r="AF124887" i="1"/>
  <c r="AF124888" i="1"/>
  <c r="AF124889" i="1"/>
  <c r="AF124890" i="1"/>
  <c r="AF124891" i="1"/>
  <c r="AF124892" i="1"/>
  <c r="AF124893" i="1"/>
  <c r="AF124894" i="1"/>
  <c r="AF124895" i="1"/>
  <c r="AF124896" i="1"/>
  <c r="AF124897" i="1"/>
  <c r="AF124898" i="1"/>
  <c r="AF124899" i="1"/>
  <c r="AF124900" i="1"/>
  <c r="AF124901" i="1"/>
  <c r="AF124902" i="1"/>
  <c r="AF124903" i="1"/>
  <c r="AF124904" i="1"/>
  <c r="AF124905" i="1"/>
  <c r="AF124906" i="1"/>
  <c r="AF124907" i="1"/>
  <c r="AF124908" i="1"/>
  <c r="AF124909" i="1"/>
  <c r="AF124910" i="1"/>
  <c r="AF124911" i="1"/>
  <c r="AF124912" i="1"/>
  <c r="AF124913" i="1"/>
  <c r="AF124914" i="1"/>
  <c r="AF124915" i="1"/>
  <c r="AF124916" i="1"/>
  <c r="AF124917" i="1"/>
  <c r="AF124918" i="1"/>
  <c r="AF124919" i="1"/>
  <c r="AF124920" i="1"/>
  <c r="AF124921" i="1"/>
  <c r="AF124922" i="1"/>
  <c r="AF124923" i="1"/>
  <c r="AF124924" i="1"/>
  <c r="AF124925" i="1"/>
  <c r="AF124926" i="1"/>
  <c r="AF124927" i="1"/>
  <c r="AF124928" i="1"/>
  <c r="AF124929" i="1"/>
  <c r="AF124930" i="1"/>
  <c r="AF124931" i="1"/>
  <c r="AF124932" i="1"/>
  <c r="AF124933" i="1"/>
  <c r="AF124934" i="1"/>
  <c r="AF124935" i="1"/>
  <c r="AF124936" i="1"/>
  <c r="AF124937" i="1"/>
  <c r="AF124938" i="1"/>
  <c r="AF124939" i="1"/>
  <c r="AF124940" i="1"/>
  <c r="AF124941" i="1"/>
  <c r="AF124942" i="1"/>
  <c r="AF124943" i="1"/>
  <c r="AF124944" i="1"/>
  <c r="AF124945" i="1"/>
  <c r="AF124946" i="1"/>
  <c r="AF124947" i="1"/>
  <c r="AF124948" i="1"/>
  <c r="AF124949" i="1"/>
  <c r="AF124950" i="1"/>
  <c r="AF124951" i="1"/>
  <c r="AF124952" i="1"/>
  <c r="AF124953" i="1"/>
  <c r="AF124954" i="1"/>
  <c r="AF124955" i="1"/>
  <c r="AF124956" i="1"/>
  <c r="AF124957" i="1"/>
  <c r="AF124958" i="1"/>
  <c r="AF124959" i="1"/>
  <c r="AF124960" i="1"/>
  <c r="AF124961" i="1"/>
  <c r="AF124962" i="1"/>
  <c r="AF124963" i="1"/>
  <c r="AF124964" i="1"/>
  <c r="AF124965" i="1"/>
  <c r="AF124966" i="1"/>
  <c r="AF124967" i="1"/>
  <c r="AF124968" i="1"/>
  <c r="AF124969" i="1"/>
  <c r="AF124970" i="1"/>
  <c r="AF124971" i="1"/>
  <c r="AF124972" i="1"/>
  <c r="AF124973" i="1"/>
  <c r="AF124974" i="1"/>
  <c r="AF124975" i="1"/>
  <c r="AF124976" i="1"/>
  <c r="AF124977" i="1"/>
  <c r="AF124978" i="1"/>
  <c r="AF124979" i="1"/>
  <c r="AF124980" i="1"/>
  <c r="AF124981" i="1"/>
  <c r="AF124982" i="1"/>
  <c r="AF124983" i="1"/>
  <c r="AF124984" i="1"/>
  <c r="AF124985" i="1"/>
  <c r="AF124986" i="1"/>
  <c r="AF124987" i="1"/>
  <c r="AF124988" i="1"/>
  <c r="AF124989" i="1"/>
  <c r="AF124990" i="1"/>
  <c r="AF124991" i="1"/>
  <c r="AF124992" i="1"/>
  <c r="AF124993" i="1"/>
  <c r="AF124994" i="1"/>
  <c r="AF124995" i="1"/>
  <c r="AF124996" i="1"/>
  <c r="AF124997" i="1"/>
  <c r="AF124998" i="1"/>
  <c r="AF124999" i="1"/>
  <c r="AF125000" i="1"/>
  <c r="AF125001" i="1"/>
  <c r="AF125002" i="1"/>
  <c r="AF125003" i="1"/>
  <c r="AF125004" i="1"/>
  <c r="AF125005" i="1"/>
  <c r="AF125006" i="1"/>
  <c r="AF125007" i="1"/>
  <c r="AF125008" i="1"/>
  <c r="AF125009" i="1"/>
  <c r="AF125010" i="1"/>
  <c r="AF125011" i="1"/>
  <c r="AF125012" i="1"/>
  <c r="AF125013" i="1"/>
  <c r="AF125014" i="1"/>
  <c r="AF125015" i="1"/>
  <c r="AF125016" i="1"/>
  <c r="AF125017" i="1"/>
  <c r="AF125018" i="1"/>
  <c r="AF125019" i="1"/>
  <c r="AF125020" i="1"/>
  <c r="AF125021" i="1"/>
  <c r="AF125022" i="1"/>
  <c r="AF125023" i="1"/>
  <c r="AF125024" i="1"/>
  <c r="AF125025" i="1"/>
  <c r="AF125026" i="1"/>
  <c r="AF125027" i="1"/>
  <c r="AF125028" i="1"/>
  <c r="AF125029" i="1"/>
  <c r="AF125030" i="1"/>
  <c r="AF125031" i="1"/>
  <c r="AF125032" i="1"/>
  <c r="AF125033" i="1"/>
  <c r="AF125034" i="1"/>
  <c r="AF125035" i="1"/>
  <c r="AF125036" i="1"/>
  <c r="AF125037" i="1"/>
  <c r="AF125038" i="1"/>
  <c r="AF125039" i="1"/>
  <c r="AF125040" i="1"/>
  <c r="AF125041" i="1"/>
  <c r="AF125042" i="1"/>
  <c r="AF125043" i="1"/>
  <c r="AF125044" i="1"/>
  <c r="AF125045" i="1"/>
  <c r="AF125046" i="1"/>
  <c r="AF125047" i="1"/>
  <c r="AF125048" i="1"/>
  <c r="AF125049" i="1"/>
  <c r="AF125050" i="1"/>
  <c r="AF125051" i="1"/>
  <c r="AF125052" i="1"/>
  <c r="AF125053" i="1"/>
  <c r="AF125054" i="1"/>
  <c r="AF125055" i="1"/>
  <c r="AF125056" i="1"/>
  <c r="AF125057" i="1"/>
  <c r="AF125058" i="1"/>
  <c r="AF125059" i="1"/>
  <c r="AF125060" i="1"/>
  <c r="AF125061" i="1"/>
  <c r="AF125062" i="1"/>
  <c r="AF125063" i="1"/>
  <c r="AF125064" i="1"/>
  <c r="AF125065" i="1"/>
  <c r="AF125066" i="1"/>
  <c r="AF125067" i="1"/>
  <c r="AF125068" i="1"/>
  <c r="AF125069" i="1"/>
  <c r="AF125070" i="1"/>
  <c r="AF125071" i="1"/>
  <c r="AF125072" i="1"/>
  <c r="AF125073" i="1"/>
  <c r="AF125074" i="1"/>
  <c r="AF125075" i="1"/>
  <c r="AF125076" i="1"/>
  <c r="AF125077" i="1"/>
  <c r="AF125078" i="1"/>
  <c r="AF125079" i="1"/>
  <c r="AF125080" i="1"/>
  <c r="AF125081" i="1"/>
  <c r="AF125082" i="1"/>
  <c r="AF125083" i="1"/>
  <c r="AF125084" i="1"/>
  <c r="AF125085" i="1"/>
  <c r="AF125086" i="1"/>
  <c r="AF125087" i="1"/>
  <c r="AF125088" i="1"/>
  <c r="AF125089" i="1"/>
  <c r="AF125090" i="1"/>
  <c r="AF125091" i="1"/>
  <c r="AF125092" i="1"/>
  <c r="AF125093" i="1"/>
  <c r="AF125094" i="1"/>
  <c r="AF125095" i="1"/>
  <c r="AF125096" i="1"/>
  <c r="AF125097" i="1"/>
  <c r="AF125098" i="1"/>
  <c r="AF125099" i="1"/>
  <c r="AF125100" i="1"/>
  <c r="AF125101" i="1"/>
  <c r="AF125102" i="1"/>
  <c r="AF125103" i="1"/>
  <c r="AF125104" i="1"/>
  <c r="AF125105" i="1"/>
  <c r="AF125106" i="1"/>
  <c r="AF125107" i="1"/>
  <c r="AF125108" i="1"/>
  <c r="AF125109" i="1"/>
  <c r="AF125110" i="1"/>
  <c r="AF125111" i="1"/>
  <c r="AF125112" i="1"/>
  <c r="AF125113" i="1"/>
  <c r="AF125114" i="1"/>
  <c r="AF125115" i="1"/>
  <c r="AF125116" i="1"/>
  <c r="AF125117" i="1"/>
  <c r="AF125118" i="1"/>
  <c r="AF125119" i="1"/>
  <c r="AF125120" i="1"/>
  <c r="AF125121" i="1"/>
  <c r="AF125122" i="1"/>
  <c r="AF125123" i="1"/>
  <c r="AF125124" i="1"/>
  <c r="AF125125" i="1"/>
  <c r="AF125126" i="1"/>
  <c r="AF125127" i="1"/>
  <c r="AF125128" i="1"/>
  <c r="AF125129" i="1"/>
  <c r="AF125130" i="1"/>
  <c r="AF125131" i="1"/>
  <c r="AF125132" i="1"/>
  <c r="AF125133" i="1"/>
  <c r="AF125134" i="1"/>
  <c r="AF125135" i="1"/>
  <c r="AF125136" i="1"/>
  <c r="AF125137" i="1"/>
  <c r="AF125138" i="1"/>
  <c r="AF125139" i="1"/>
  <c r="AF125140" i="1"/>
  <c r="AF125141" i="1"/>
  <c r="AF125142" i="1"/>
  <c r="AF125143" i="1"/>
  <c r="AF125144" i="1"/>
  <c r="AF125145" i="1"/>
  <c r="AF125146" i="1"/>
  <c r="AF125147" i="1"/>
  <c r="AF125148" i="1"/>
  <c r="AF125149" i="1"/>
  <c r="AF125150" i="1"/>
  <c r="AF125151" i="1"/>
  <c r="AF125152" i="1"/>
  <c r="AF125153" i="1"/>
  <c r="AF125154" i="1"/>
  <c r="AF125155" i="1"/>
  <c r="AF125156" i="1"/>
  <c r="AF125157" i="1"/>
  <c r="AF125158" i="1"/>
  <c r="AF125159" i="1"/>
  <c r="AF125160" i="1"/>
  <c r="AF125161" i="1"/>
  <c r="AF125162" i="1"/>
  <c r="AF125163" i="1"/>
  <c r="AF125164" i="1"/>
  <c r="AF125165" i="1"/>
  <c r="AF125166" i="1"/>
  <c r="AF125167" i="1"/>
  <c r="AF125168" i="1"/>
  <c r="AF125169" i="1"/>
  <c r="AF125170" i="1"/>
  <c r="AF125171" i="1"/>
  <c r="AF125172" i="1"/>
  <c r="AF125173" i="1"/>
  <c r="AF125174" i="1"/>
  <c r="AF125175" i="1"/>
  <c r="AF125176" i="1"/>
  <c r="AF125177" i="1"/>
  <c r="AF125178" i="1"/>
  <c r="AF125179" i="1"/>
  <c r="AF125180" i="1"/>
  <c r="AF125181" i="1"/>
  <c r="AF125182" i="1"/>
  <c r="AF125183" i="1"/>
  <c r="AF125184" i="1"/>
  <c r="AF125185" i="1"/>
  <c r="AF125186" i="1"/>
  <c r="AF125187" i="1"/>
  <c r="AF125188" i="1"/>
  <c r="AF125189" i="1"/>
  <c r="AF125190" i="1"/>
  <c r="AF125191" i="1"/>
  <c r="AF125192" i="1"/>
  <c r="AF125193" i="1"/>
  <c r="AF125194" i="1"/>
  <c r="AF125195" i="1"/>
  <c r="AF125196" i="1"/>
  <c r="AF125197" i="1"/>
  <c r="AF125198" i="1"/>
  <c r="AF125199" i="1"/>
  <c r="AF125200" i="1"/>
  <c r="AF125201" i="1"/>
  <c r="AF125202" i="1"/>
  <c r="AF125203" i="1"/>
  <c r="AF125204" i="1"/>
  <c r="AF125205" i="1"/>
  <c r="AF125206" i="1"/>
  <c r="AF125207" i="1"/>
  <c r="AF125208" i="1"/>
  <c r="AF125209" i="1"/>
  <c r="AF125210" i="1"/>
  <c r="AF125211" i="1"/>
  <c r="AF125212" i="1"/>
  <c r="AF125213" i="1"/>
  <c r="AF125214" i="1"/>
  <c r="AF125215" i="1"/>
  <c r="AF125216" i="1"/>
  <c r="AF125217" i="1"/>
  <c r="AF125218" i="1"/>
  <c r="AF125219" i="1"/>
  <c r="AF125220" i="1"/>
  <c r="AF125221" i="1"/>
  <c r="AF125222" i="1"/>
  <c r="AF125223" i="1"/>
  <c r="AF125224" i="1"/>
  <c r="AF125225" i="1"/>
  <c r="AF125226" i="1"/>
  <c r="AF125227" i="1"/>
  <c r="AF125228" i="1"/>
  <c r="AF125229" i="1"/>
  <c r="AF125230" i="1"/>
  <c r="AF125231" i="1"/>
  <c r="AF125232" i="1"/>
  <c r="AF125233" i="1"/>
  <c r="AF125234" i="1"/>
  <c r="AF125235" i="1"/>
  <c r="AF125236" i="1"/>
  <c r="AF125237" i="1"/>
  <c r="AF125238" i="1"/>
  <c r="AF125239" i="1"/>
  <c r="AF125240" i="1"/>
  <c r="AF125241" i="1"/>
  <c r="AF125242" i="1"/>
  <c r="AF125243" i="1"/>
  <c r="AF125244" i="1"/>
  <c r="AF125245" i="1"/>
  <c r="AF125246" i="1"/>
  <c r="AF125247" i="1"/>
  <c r="AF125248" i="1"/>
  <c r="AF125249" i="1"/>
  <c r="AF125250" i="1"/>
  <c r="AF125251" i="1"/>
  <c r="AF125252" i="1"/>
  <c r="AF125253" i="1"/>
  <c r="AF125254" i="1"/>
  <c r="AF125255" i="1"/>
  <c r="AF125256" i="1"/>
  <c r="AF125257" i="1"/>
  <c r="AF125258" i="1"/>
  <c r="AF125259" i="1"/>
  <c r="AF125260" i="1"/>
  <c r="AF125261" i="1"/>
  <c r="AF125262" i="1"/>
  <c r="AF125263" i="1"/>
  <c r="AF125264" i="1"/>
  <c r="AF125265" i="1"/>
  <c r="AF125266" i="1"/>
  <c r="AF125267" i="1"/>
  <c r="AF125268" i="1"/>
  <c r="AF125269" i="1"/>
  <c r="AF125270" i="1"/>
  <c r="AF125271" i="1"/>
  <c r="AF125272" i="1"/>
  <c r="AF125273" i="1"/>
  <c r="AF125274" i="1"/>
  <c r="AF125275" i="1"/>
  <c r="AF125276" i="1"/>
  <c r="AF125277" i="1"/>
  <c r="AF125278" i="1"/>
  <c r="AF125279" i="1"/>
  <c r="AF125280" i="1"/>
  <c r="AF125281" i="1"/>
  <c r="AF125282" i="1"/>
  <c r="AF125283" i="1"/>
  <c r="AF125284" i="1"/>
  <c r="AF125285" i="1"/>
  <c r="AF125286" i="1"/>
  <c r="AF125287" i="1"/>
  <c r="AF125288" i="1"/>
  <c r="AF125289" i="1"/>
  <c r="AF125290" i="1"/>
  <c r="AF125291" i="1"/>
  <c r="AF125292" i="1"/>
  <c r="AF125293" i="1"/>
  <c r="AF125294" i="1"/>
  <c r="AF125295" i="1"/>
  <c r="AF125296" i="1"/>
  <c r="AF125297" i="1"/>
  <c r="AF125298" i="1"/>
  <c r="AF125299" i="1"/>
  <c r="AF125300" i="1"/>
  <c r="AF125301" i="1"/>
  <c r="AF125302" i="1"/>
  <c r="AF125303" i="1"/>
  <c r="AF125304" i="1"/>
  <c r="AF125305" i="1"/>
  <c r="AF125306" i="1"/>
  <c r="AF125307" i="1"/>
  <c r="AF125308" i="1"/>
  <c r="AF125309" i="1"/>
  <c r="AF125310" i="1"/>
  <c r="AF125311" i="1"/>
  <c r="AF125312" i="1"/>
  <c r="AF125313" i="1"/>
  <c r="AF125314" i="1"/>
  <c r="AF125315" i="1"/>
  <c r="AF125316" i="1"/>
  <c r="AF125317" i="1"/>
  <c r="AF125318" i="1"/>
  <c r="AF125319" i="1"/>
  <c r="AF125320" i="1"/>
  <c r="AF125321" i="1"/>
  <c r="AF125322" i="1"/>
  <c r="AF125323" i="1"/>
  <c r="AF125324" i="1"/>
  <c r="AF125325" i="1"/>
  <c r="AF125326" i="1"/>
  <c r="AF125327" i="1"/>
  <c r="AF125328" i="1"/>
  <c r="AF125329" i="1"/>
  <c r="AF125330" i="1"/>
  <c r="AF125331" i="1"/>
  <c r="AF125332" i="1"/>
  <c r="AF125333" i="1"/>
  <c r="AF125334" i="1"/>
  <c r="AF125335" i="1"/>
  <c r="AF125336" i="1"/>
  <c r="AF125337" i="1"/>
  <c r="AF125338" i="1"/>
  <c r="AF125339" i="1"/>
  <c r="AF125340" i="1"/>
  <c r="AF125341" i="1"/>
  <c r="AF125342" i="1"/>
  <c r="AF125343" i="1"/>
  <c r="AF125344" i="1"/>
  <c r="AF125345" i="1"/>
  <c r="AF125346" i="1"/>
  <c r="AF125347" i="1"/>
  <c r="AF125348" i="1"/>
  <c r="AF125349" i="1"/>
  <c r="AF125350" i="1"/>
  <c r="AF125351" i="1"/>
  <c r="AF125352" i="1"/>
  <c r="AF125353" i="1"/>
  <c r="AF125354" i="1"/>
  <c r="AF125355" i="1"/>
  <c r="AF125356" i="1"/>
  <c r="AF125357" i="1"/>
  <c r="AF125358" i="1"/>
  <c r="AF125359" i="1"/>
  <c r="AF125360" i="1"/>
  <c r="AF125361" i="1"/>
  <c r="AF125362" i="1"/>
  <c r="AF125363" i="1"/>
  <c r="AF125364" i="1"/>
  <c r="AF125365" i="1"/>
  <c r="AF125366" i="1"/>
  <c r="AF125367" i="1"/>
  <c r="AF125368" i="1"/>
  <c r="AF125369" i="1"/>
  <c r="AF125370" i="1"/>
  <c r="AF125371" i="1"/>
  <c r="AF125372" i="1"/>
  <c r="AF125373" i="1"/>
  <c r="AF125374" i="1"/>
  <c r="AF125375" i="1"/>
  <c r="AF125376" i="1"/>
  <c r="AF125377" i="1"/>
  <c r="AF125378" i="1"/>
  <c r="AF125379" i="1"/>
  <c r="AF125380" i="1"/>
  <c r="AF125381" i="1"/>
  <c r="AF125382" i="1"/>
  <c r="AF125383" i="1"/>
  <c r="AF125384" i="1"/>
  <c r="AF125385" i="1"/>
  <c r="AF125386" i="1"/>
  <c r="AF125387" i="1"/>
  <c r="AF125388" i="1"/>
  <c r="AF125389" i="1"/>
  <c r="AF125390" i="1"/>
  <c r="AF125391" i="1"/>
  <c r="AF125392" i="1"/>
  <c r="AF125393" i="1"/>
  <c r="AF125394" i="1"/>
  <c r="AF125395" i="1"/>
  <c r="AF125396" i="1"/>
  <c r="AF125397" i="1"/>
  <c r="AF125398" i="1"/>
  <c r="AF125399" i="1"/>
  <c r="AF125400" i="1"/>
  <c r="AF125401" i="1"/>
  <c r="AF125402" i="1"/>
  <c r="AF125403" i="1"/>
  <c r="AF125404" i="1"/>
  <c r="AF125405" i="1"/>
  <c r="AF125406" i="1"/>
  <c r="AF125407" i="1"/>
  <c r="AF125408" i="1"/>
  <c r="AF125409" i="1"/>
  <c r="AF125410" i="1"/>
  <c r="AF125411" i="1"/>
  <c r="AF125412" i="1"/>
  <c r="AF125413" i="1"/>
  <c r="AF125414" i="1"/>
  <c r="AF125415" i="1"/>
  <c r="AF125416" i="1"/>
  <c r="AF125417" i="1"/>
  <c r="AF125418" i="1"/>
  <c r="AF125419" i="1"/>
  <c r="AF125420" i="1"/>
  <c r="AF125421" i="1"/>
  <c r="AF125422" i="1"/>
  <c r="AF125423" i="1"/>
  <c r="AF125424" i="1"/>
  <c r="AF125425" i="1"/>
  <c r="AF125426" i="1"/>
  <c r="AF125427" i="1"/>
  <c r="AF125428" i="1"/>
  <c r="AF125429" i="1"/>
  <c r="AF125430" i="1"/>
  <c r="AF125431" i="1"/>
  <c r="AF125432" i="1"/>
  <c r="AF125433" i="1"/>
  <c r="AF125434" i="1"/>
  <c r="AF125435" i="1"/>
  <c r="AF125436" i="1"/>
  <c r="AF125437" i="1"/>
  <c r="AF125438" i="1"/>
  <c r="AF125439" i="1"/>
  <c r="AF125440" i="1"/>
  <c r="AF125441" i="1"/>
  <c r="AF125442" i="1"/>
  <c r="AF125443" i="1"/>
  <c r="AF125444" i="1"/>
  <c r="AF125445" i="1"/>
  <c r="AF125446" i="1"/>
  <c r="AF125447" i="1"/>
  <c r="AF125448" i="1"/>
  <c r="AF125449" i="1"/>
  <c r="AF125450" i="1"/>
  <c r="AF125451" i="1"/>
  <c r="AF125452" i="1"/>
  <c r="AF125453" i="1"/>
  <c r="AF125454" i="1"/>
  <c r="AF125455" i="1"/>
  <c r="AF125456" i="1"/>
  <c r="AF125457" i="1"/>
  <c r="AF125458" i="1"/>
  <c r="AF125459" i="1"/>
  <c r="AF125460" i="1"/>
  <c r="AF125461" i="1"/>
  <c r="AF125462" i="1"/>
  <c r="AF125463" i="1"/>
  <c r="AF125464" i="1"/>
  <c r="AF125465" i="1"/>
  <c r="AF125466" i="1"/>
  <c r="AF125467" i="1"/>
  <c r="AF125468" i="1"/>
  <c r="AF125469" i="1"/>
  <c r="AF125470" i="1"/>
  <c r="AF125471" i="1"/>
  <c r="AF125472" i="1"/>
  <c r="AF125473" i="1"/>
  <c r="AF125474" i="1"/>
  <c r="AF125475" i="1"/>
  <c r="AF125476" i="1"/>
  <c r="AF125477" i="1"/>
  <c r="AF125478" i="1"/>
  <c r="AF125479" i="1"/>
  <c r="AF125480" i="1"/>
  <c r="AF125481" i="1"/>
  <c r="AF125482" i="1"/>
  <c r="AF125483" i="1"/>
  <c r="AF125484" i="1"/>
  <c r="AF125485" i="1"/>
  <c r="AF125486" i="1"/>
  <c r="AF125487" i="1"/>
  <c r="AF125488" i="1"/>
  <c r="AF125489" i="1"/>
  <c r="AF125490" i="1"/>
  <c r="AF125491" i="1"/>
  <c r="AF125492" i="1"/>
  <c r="AF125493" i="1"/>
  <c r="AF125494" i="1"/>
  <c r="AF125495" i="1"/>
  <c r="AF125496" i="1"/>
  <c r="AF125497" i="1"/>
  <c r="AF125498" i="1"/>
  <c r="AF125499" i="1"/>
  <c r="AF125500" i="1"/>
  <c r="AF125501" i="1"/>
  <c r="AF125502" i="1"/>
  <c r="AF125503" i="1"/>
  <c r="AF125504" i="1"/>
  <c r="AF125505" i="1"/>
  <c r="AF125506" i="1"/>
  <c r="AF125507" i="1"/>
  <c r="AF125508" i="1"/>
  <c r="AF125509" i="1"/>
  <c r="AF125510" i="1"/>
  <c r="AF125511" i="1"/>
  <c r="AF125512" i="1"/>
  <c r="AF125513" i="1"/>
  <c r="AF125514" i="1"/>
  <c r="AF125515" i="1"/>
  <c r="AF125516" i="1"/>
  <c r="AF125517" i="1"/>
  <c r="AF125518" i="1"/>
  <c r="AF125519" i="1"/>
  <c r="AF125520" i="1"/>
  <c r="AF125521" i="1"/>
  <c r="AF125522" i="1"/>
  <c r="AF125523" i="1"/>
  <c r="AF125524" i="1"/>
  <c r="AF125525" i="1"/>
  <c r="AF125526" i="1"/>
  <c r="AF125527" i="1"/>
  <c r="AF125528" i="1"/>
  <c r="AF125529" i="1"/>
  <c r="AF125530" i="1"/>
  <c r="AF125531" i="1"/>
  <c r="AF125532" i="1"/>
  <c r="AF125533" i="1"/>
  <c r="AF125534" i="1"/>
  <c r="AF125535" i="1"/>
  <c r="AF125536" i="1"/>
  <c r="AF125537" i="1"/>
  <c r="AF125538" i="1"/>
  <c r="AF125539" i="1"/>
  <c r="AF125540" i="1"/>
  <c r="AF125541" i="1"/>
  <c r="AF125542" i="1"/>
  <c r="AF125543" i="1"/>
  <c r="AF125544" i="1"/>
  <c r="AF125545" i="1"/>
  <c r="AF125546" i="1"/>
  <c r="AF125547" i="1"/>
  <c r="AF125548" i="1"/>
  <c r="AF125549" i="1"/>
  <c r="AF125550" i="1"/>
  <c r="AF125551" i="1"/>
  <c r="AF125552" i="1"/>
  <c r="AF125553" i="1"/>
  <c r="AF125554" i="1"/>
  <c r="AF125555" i="1"/>
  <c r="AF125556" i="1"/>
  <c r="AF125557" i="1"/>
  <c r="AF125558" i="1"/>
  <c r="AF125559" i="1"/>
  <c r="AF125560" i="1"/>
  <c r="AF125561" i="1"/>
  <c r="AF125562" i="1"/>
  <c r="AF125563" i="1"/>
  <c r="AF125564" i="1"/>
  <c r="AF125565" i="1"/>
  <c r="AF125566" i="1"/>
  <c r="AF125567" i="1"/>
  <c r="AF125568" i="1"/>
  <c r="AF125569" i="1"/>
  <c r="AF125570" i="1"/>
  <c r="AF125571" i="1"/>
  <c r="AF125572" i="1"/>
  <c r="AF125573" i="1"/>
  <c r="AF125574" i="1"/>
  <c r="AF125575" i="1"/>
  <c r="AF125576" i="1"/>
  <c r="AF125577" i="1"/>
  <c r="AF125578" i="1"/>
  <c r="AF125579" i="1"/>
  <c r="AF125580" i="1"/>
  <c r="AF125581" i="1"/>
  <c r="AF125582" i="1"/>
  <c r="AF125583" i="1"/>
  <c r="AF125584" i="1"/>
  <c r="AF125585" i="1"/>
  <c r="AF125586" i="1"/>
  <c r="AF125587" i="1"/>
  <c r="AF125588" i="1"/>
  <c r="AF125589" i="1"/>
  <c r="AF125590" i="1"/>
  <c r="AF125591" i="1"/>
  <c r="AF125592" i="1"/>
  <c r="AF125593" i="1"/>
  <c r="AF125594" i="1"/>
  <c r="AF125595" i="1"/>
  <c r="AF125596" i="1"/>
  <c r="AF125597" i="1"/>
  <c r="AF125598" i="1"/>
  <c r="AF125599" i="1"/>
  <c r="AF125600" i="1"/>
  <c r="AF125601" i="1"/>
  <c r="AF125602" i="1"/>
  <c r="AF125603" i="1"/>
  <c r="AF125604" i="1"/>
  <c r="AF125605" i="1"/>
  <c r="AF125606" i="1"/>
  <c r="AF125607" i="1"/>
  <c r="AF125608" i="1"/>
  <c r="AF125609" i="1"/>
  <c r="AF125610" i="1"/>
  <c r="AF125611" i="1"/>
  <c r="AF125612" i="1"/>
  <c r="AF125613" i="1"/>
  <c r="AF125614" i="1"/>
  <c r="AF125615" i="1"/>
  <c r="AF125616" i="1"/>
  <c r="AF125617" i="1"/>
  <c r="AF125618" i="1"/>
  <c r="AF125619" i="1"/>
  <c r="AF125620" i="1"/>
  <c r="AF125621" i="1"/>
  <c r="AF125622" i="1"/>
  <c r="AF125623" i="1"/>
  <c r="AF125624" i="1"/>
  <c r="AF125625" i="1"/>
  <c r="AF125626" i="1"/>
  <c r="AF125627" i="1"/>
  <c r="AF125628" i="1"/>
  <c r="AF125629" i="1"/>
  <c r="AF125630" i="1"/>
  <c r="AF125631" i="1"/>
  <c r="AF125632" i="1"/>
  <c r="AF125633" i="1"/>
  <c r="AF125634" i="1"/>
  <c r="AF125635" i="1"/>
  <c r="AF125636" i="1"/>
  <c r="AF125637" i="1"/>
  <c r="AF125638" i="1"/>
  <c r="AF125639" i="1"/>
  <c r="AF125640" i="1"/>
  <c r="AF125641" i="1"/>
  <c r="AF125642" i="1"/>
  <c r="AF125643" i="1"/>
  <c r="AF125644" i="1"/>
  <c r="AF125645" i="1"/>
  <c r="AF125646" i="1"/>
  <c r="AF125647" i="1"/>
  <c r="AF125648" i="1"/>
  <c r="AF125649" i="1"/>
  <c r="AF125650" i="1"/>
  <c r="AF125651" i="1"/>
  <c r="AF125652" i="1"/>
  <c r="AF125653" i="1"/>
  <c r="AF125654" i="1"/>
  <c r="AF125655" i="1"/>
  <c r="AF125656" i="1"/>
  <c r="AF125657" i="1"/>
  <c r="AF125658" i="1"/>
  <c r="AF125659" i="1"/>
  <c r="AF125660" i="1"/>
  <c r="AF125661" i="1"/>
  <c r="AF125662" i="1"/>
  <c r="AF125663" i="1"/>
  <c r="AF125664" i="1"/>
  <c r="AF125665" i="1"/>
  <c r="AF125666" i="1"/>
  <c r="AF125667" i="1"/>
  <c r="AF125668" i="1"/>
  <c r="AF125669" i="1"/>
  <c r="AF125670" i="1"/>
  <c r="AF125671" i="1"/>
  <c r="AF125672" i="1"/>
  <c r="AF125673" i="1"/>
  <c r="AF125674" i="1"/>
  <c r="AF125675" i="1"/>
  <c r="AF125676" i="1"/>
  <c r="AF125677" i="1"/>
  <c r="AF125678" i="1"/>
  <c r="AF125679" i="1"/>
  <c r="AF125680" i="1"/>
  <c r="AF125681" i="1"/>
  <c r="AF125682" i="1"/>
  <c r="AF125683" i="1"/>
  <c r="AF125684" i="1"/>
  <c r="AF125685" i="1"/>
  <c r="AF125686" i="1"/>
  <c r="AF125687" i="1"/>
  <c r="AF125688" i="1"/>
  <c r="AF125689" i="1"/>
  <c r="AF125690" i="1"/>
  <c r="AF125691" i="1"/>
  <c r="AF125692" i="1"/>
  <c r="AF125693" i="1"/>
  <c r="AF125694" i="1"/>
  <c r="AF125695" i="1"/>
  <c r="AF125696" i="1"/>
  <c r="AF125697" i="1"/>
  <c r="AF125698" i="1"/>
  <c r="AF125699" i="1"/>
  <c r="AF125700" i="1"/>
  <c r="AF125701" i="1"/>
  <c r="AF125702" i="1"/>
  <c r="AF125703" i="1"/>
  <c r="AF125704" i="1"/>
  <c r="AF125705" i="1"/>
  <c r="AF125706" i="1"/>
  <c r="AF125707" i="1"/>
  <c r="AF125708" i="1"/>
  <c r="AF125709" i="1"/>
  <c r="AF125710" i="1"/>
  <c r="AF125711" i="1"/>
  <c r="AF125712" i="1"/>
  <c r="AF125713" i="1"/>
  <c r="AF125714" i="1"/>
  <c r="AF125715" i="1"/>
  <c r="AF125716" i="1"/>
  <c r="AF125717" i="1"/>
  <c r="AF125718" i="1"/>
  <c r="AF125719" i="1"/>
  <c r="AF125720" i="1"/>
  <c r="AF125721" i="1"/>
  <c r="AF125722" i="1"/>
  <c r="AF125723" i="1"/>
  <c r="AF125724" i="1"/>
  <c r="AF125725" i="1"/>
  <c r="AF125726" i="1"/>
  <c r="AF125727" i="1"/>
  <c r="AF125728" i="1"/>
  <c r="AF125729" i="1"/>
  <c r="AF125730" i="1"/>
  <c r="AF125731" i="1"/>
  <c r="AF125732" i="1"/>
  <c r="AF125733" i="1"/>
  <c r="AF125734" i="1"/>
  <c r="AF125735" i="1"/>
  <c r="AF125736" i="1"/>
  <c r="AF125737" i="1"/>
  <c r="AF125738" i="1"/>
  <c r="AF125739" i="1"/>
  <c r="AF125740" i="1"/>
  <c r="AF125741" i="1"/>
  <c r="AF125742" i="1"/>
  <c r="AF125743" i="1"/>
  <c r="AF125744" i="1"/>
  <c r="AF125745" i="1"/>
  <c r="AF125746" i="1"/>
  <c r="AF125747" i="1"/>
  <c r="AF125748" i="1"/>
  <c r="AF125749" i="1"/>
  <c r="AF125750" i="1"/>
  <c r="AF125751" i="1"/>
  <c r="AF125752" i="1"/>
  <c r="AF125753" i="1"/>
  <c r="AF125754" i="1"/>
  <c r="AF125755" i="1"/>
  <c r="AF125756" i="1"/>
  <c r="AF125757" i="1"/>
  <c r="AF125758" i="1"/>
  <c r="AF125759" i="1"/>
  <c r="AF125760" i="1"/>
  <c r="AF125761" i="1"/>
  <c r="AF125762" i="1"/>
  <c r="AF125763" i="1"/>
  <c r="AF125764" i="1"/>
  <c r="AF125765" i="1"/>
  <c r="AF125766" i="1"/>
  <c r="AF125767" i="1"/>
  <c r="AF125768" i="1"/>
  <c r="AF125769" i="1"/>
  <c r="AF125770" i="1"/>
  <c r="AF125771" i="1"/>
  <c r="AF125772" i="1"/>
  <c r="AF125773" i="1"/>
  <c r="AF125774" i="1"/>
  <c r="AF125775" i="1"/>
  <c r="AF125776" i="1"/>
  <c r="AF125777" i="1"/>
  <c r="AF125778" i="1"/>
  <c r="AF125779" i="1"/>
  <c r="AF125780" i="1"/>
  <c r="AF125781" i="1"/>
  <c r="AF125782" i="1"/>
  <c r="AF125783" i="1"/>
  <c r="AF125784" i="1"/>
  <c r="AF125785" i="1"/>
  <c r="AF125786" i="1"/>
  <c r="AF125787" i="1"/>
  <c r="AF125788" i="1"/>
  <c r="AF125789" i="1"/>
  <c r="AF125790" i="1"/>
  <c r="AF125791" i="1"/>
  <c r="AF125792" i="1"/>
  <c r="AF125793" i="1"/>
  <c r="AF125794" i="1"/>
  <c r="AF125795" i="1"/>
  <c r="AF125796" i="1"/>
  <c r="AF125797" i="1"/>
  <c r="AF125798" i="1"/>
  <c r="AF125799" i="1"/>
  <c r="AF125800" i="1"/>
  <c r="AF125801" i="1"/>
  <c r="AF125802" i="1"/>
  <c r="AF125803" i="1"/>
  <c r="AF125804" i="1"/>
  <c r="AF125805" i="1"/>
  <c r="AF125806" i="1"/>
  <c r="AF125807" i="1"/>
  <c r="AF125808" i="1"/>
  <c r="AF125809" i="1"/>
  <c r="AF125810" i="1"/>
  <c r="AF125811" i="1"/>
  <c r="AF125812" i="1"/>
  <c r="AF125813" i="1"/>
  <c r="AF125814" i="1"/>
  <c r="AF125815" i="1"/>
  <c r="AF125816" i="1"/>
  <c r="AF125817" i="1"/>
  <c r="AF125818" i="1"/>
  <c r="AF125819" i="1"/>
  <c r="AF125820" i="1"/>
  <c r="AF125821" i="1"/>
  <c r="AF125822" i="1"/>
  <c r="AF125823" i="1"/>
  <c r="AF125824" i="1"/>
  <c r="AF125825" i="1"/>
  <c r="AF125826" i="1"/>
  <c r="AF125827" i="1"/>
  <c r="AF125828" i="1"/>
  <c r="AF125829" i="1"/>
  <c r="AF125830" i="1"/>
  <c r="AF125831" i="1"/>
  <c r="AF125832" i="1"/>
  <c r="AF125833" i="1"/>
  <c r="AF125834" i="1"/>
  <c r="AF125835" i="1"/>
  <c r="AF125836" i="1"/>
  <c r="AF125837" i="1"/>
  <c r="AF125838" i="1"/>
  <c r="AF125839" i="1"/>
  <c r="AF125840" i="1"/>
  <c r="AF125841" i="1"/>
  <c r="AF125842" i="1"/>
  <c r="AF125843" i="1"/>
  <c r="AF125844" i="1"/>
  <c r="AF125845" i="1"/>
  <c r="AF125846" i="1"/>
  <c r="AF125847" i="1"/>
  <c r="AF125848" i="1"/>
  <c r="AF125849" i="1"/>
  <c r="AF125850" i="1"/>
  <c r="AF125851" i="1"/>
  <c r="AF125852" i="1"/>
  <c r="AF125853" i="1"/>
  <c r="AF125854" i="1"/>
  <c r="AF125855" i="1"/>
  <c r="AF125856" i="1"/>
  <c r="AF125857" i="1"/>
  <c r="AF125858" i="1"/>
  <c r="AF125859" i="1"/>
  <c r="AF125860" i="1"/>
  <c r="AF125861" i="1"/>
  <c r="AF125862" i="1"/>
  <c r="AF125863" i="1"/>
  <c r="AF125864" i="1"/>
  <c r="AF125865" i="1"/>
  <c r="AF125866" i="1"/>
  <c r="AF125867" i="1"/>
  <c r="AF125868" i="1"/>
  <c r="AF125869" i="1"/>
  <c r="AF125870" i="1"/>
  <c r="AF125871" i="1"/>
  <c r="AF125872" i="1"/>
  <c r="AF125873" i="1"/>
  <c r="AF125874" i="1"/>
  <c r="AF125875" i="1"/>
  <c r="AF125876" i="1"/>
  <c r="AF125877" i="1"/>
  <c r="AF125878" i="1"/>
  <c r="AF125879" i="1"/>
  <c r="AF125880" i="1"/>
  <c r="AF125881" i="1"/>
  <c r="AF125882" i="1"/>
  <c r="AF125883" i="1"/>
  <c r="AF125884" i="1"/>
  <c r="AF125885" i="1"/>
  <c r="AF125886" i="1"/>
  <c r="AF125887" i="1"/>
  <c r="AF125888" i="1"/>
  <c r="AF125889" i="1"/>
  <c r="AF125890" i="1"/>
  <c r="AF125891" i="1"/>
  <c r="AF125892" i="1"/>
  <c r="AF125893" i="1"/>
  <c r="AF125894" i="1"/>
  <c r="AF125895" i="1"/>
  <c r="AF125896" i="1"/>
  <c r="AF125897" i="1"/>
  <c r="AF125898" i="1"/>
  <c r="AF125899" i="1"/>
  <c r="AF125900" i="1"/>
  <c r="AF125901" i="1"/>
  <c r="AF125902" i="1"/>
  <c r="AF125903" i="1"/>
  <c r="AF125904" i="1"/>
  <c r="AF125905" i="1"/>
  <c r="AF125906" i="1"/>
  <c r="AF125907" i="1"/>
  <c r="AF125908" i="1"/>
  <c r="AF125909" i="1"/>
  <c r="AF125910" i="1"/>
  <c r="AF125911" i="1"/>
  <c r="AF125912" i="1"/>
  <c r="AF125913" i="1"/>
  <c r="AF125914" i="1"/>
  <c r="AF125915" i="1"/>
  <c r="AF125916" i="1"/>
  <c r="AF125917" i="1"/>
  <c r="AF125918" i="1"/>
  <c r="AF125919" i="1"/>
  <c r="AF125920" i="1"/>
  <c r="AF125921" i="1"/>
  <c r="AF125922" i="1"/>
  <c r="AF125923" i="1"/>
  <c r="AF125924" i="1"/>
  <c r="AF125925" i="1"/>
  <c r="AF125926" i="1"/>
  <c r="AF125927" i="1"/>
  <c r="AF125928" i="1"/>
  <c r="AF125929" i="1"/>
  <c r="AF125930" i="1"/>
  <c r="AF125931" i="1"/>
  <c r="AF125932" i="1"/>
  <c r="AF125933" i="1"/>
  <c r="AF125934" i="1"/>
  <c r="AF125935" i="1"/>
  <c r="AF125936" i="1"/>
  <c r="AF125937" i="1"/>
  <c r="AF125938" i="1"/>
  <c r="AF125939" i="1"/>
  <c r="AF125940" i="1"/>
  <c r="AF125941" i="1"/>
  <c r="AF125942" i="1"/>
  <c r="AF125943" i="1"/>
  <c r="AF125944" i="1"/>
  <c r="AF125945" i="1"/>
  <c r="AF125946" i="1"/>
  <c r="AF125947" i="1"/>
  <c r="AF125948" i="1"/>
  <c r="AF125949" i="1"/>
  <c r="AF125950" i="1"/>
  <c r="AF125951" i="1"/>
  <c r="AF125952" i="1"/>
  <c r="AF125953" i="1"/>
  <c r="AF125954" i="1"/>
  <c r="AF125955" i="1"/>
  <c r="AF125956" i="1"/>
  <c r="AF125957" i="1"/>
  <c r="AF125958" i="1"/>
  <c r="AF125959" i="1"/>
  <c r="AF125960" i="1"/>
  <c r="AF125961" i="1"/>
  <c r="AF125962" i="1"/>
  <c r="AF125963" i="1"/>
  <c r="AF125964" i="1"/>
  <c r="AF125965" i="1"/>
  <c r="AF125966" i="1"/>
  <c r="AF125967" i="1"/>
  <c r="AF125968" i="1"/>
  <c r="AF125969" i="1"/>
  <c r="AF125970" i="1"/>
  <c r="AF125971" i="1"/>
  <c r="AF125972" i="1"/>
  <c r="AF125973" i="1"/>
  <c r="AF125974" i="1"/>
  <c r="AF125975" i="1"/>
  <c r="AF125976" i="1"/>
  <c r="AF125977" i="1"/>
  <c r="AF125978" i="1"/>
  <c r="AF125979" i="1"/>
  <c r="AF125980" i="1"/>
  <c r="AF125981" i="1"/>
  <c r="AF125982" i="1"/>
  <c r="AF125983" i="1"/>
  <c r="AF125984" i="1"/>
  <c r="AF125985" i="1"/>
  <c r="AF125986" i="1"/>
  <c r="AF125987" i="1"/>
  <c r="AF125988" i="1"/>
  <c r="AF125989" i="1"/>
  <c r="AF125990" i="1"/>
  <c r="AF125991" i="1"/>
  <c r="AF125992" i="1"/>
  <c r="AF125993" i="1"/>
  <c r="AF125994" i="1"/>
  <c r="AF125995" i="1"/>
  <c r="AF125996" i="1"/>
  <c r="AF125997" i="1"/>
  <c r="AF125998" i="1"/>
  <c r="AF125999" i="1"/>
  <c r="AF126000" i="1"/>
  <c r="AF126001" i="1"/>
  <c r="AF126002" i="1"/>
  <c r="AF126003" i="1"/>
  <c r="AF126004" i="1"/>
  <c r="AF126005" i="1"/>
  <c r="AF126006" i="1"/>
  <c r="AF126007" i="1"/>
  <c r="AF126008" i="1"/>
  <c r="AF126009" i="1"/>
  <c r="AF126010" i="1"/>
  <c r="AF126011" i="1"/>
  <c r="AF126012" i="1"/>
  <c r="AF126013" i="1"/>
  <c r="AF126014" i="1"/>
  <c r="AF126015" i="1"/>
  <c r="AF126016" i="1"/>
  <c r="AF126017" i="1"/>
  <c r="AF126018" i="1"/>
  <c r="AF126019" i="1"/>
  <c r="AF126020" i="1"/>
  <c r="AF126021" i="1"/>
  <c r="AF126022" i="1"/>
  <c r="AF126023" i="1"/>
  <c r="AF126024" i="1"/>
  <c r="AF126025" i="1"/>
  <c r="AF126026" i="1"/>
  <c r="AF126027" i="1"/>
  <c r="AF126028" i="1"/>
  <c r="AF126029" i="1"/>
  <c r="AF126030" i="1"/>
  <c r="AF126031" i="1"/>
  <c r="AF126032" i="1"/>
  <c r="AF126033" i="1"/>
  <c r="AF126034" i="1"/>
  <c r="AF126035" i="1"/>
  <c r="AF126036" i="1"/>
  <c r="AF126037" i="1"/>
  <c r="AF126038" i="1"/>
  <c r="AF126039" i="1"/>
  <c r="AF126040" i="1"/>
  <c r="AF126041" i="1"/>
  <c r="AF126042" i="1"/>
  <c r="AF126043" i="1"/>
  <c r="AF126044" i="1"/>
  <c r="AF126045" i="1"/>
  <c r="AF126046" i="1"/>
  <c r="AF126047" i="1"/>
  <c r="AF126048" i="1"/>
  <c r="AF126049" i="1"/>
  <c r="AF126050" i="1"/>
  <c r="AF126051" i="1"/>
  <c r="AF126052" i="1"/>
  <c r="AF126053" i="1"/>
  <c r="AF126054" i="1"/>
  <c r="AF126055" i="1"/>
  <c r="AF126056" i="1"/>
  <c r="AF126057" i="1"/>
  <c r="AF126058" i="1"/>
  <c r="AF126059" i="1"/>
  <c r="AF126060" i="1"/>
  <c r="AF126061" i="1"/>
  <c r="AF126062" i="1"/>
  <c r="AF126063" i="1"/>
  <c r="AF126064" i="1"/>
  <c r="AF126065" i="1"/>
  <c r="AF126066" i="1"/>
  <c r="AF126067" i="1"/>
  <c r="AF126068" i="1"/>
  <c r="AF126069" i="1"/>
  <c r="AF126070" i="1"/>
  <c r="AF126071" i="1"/>
  <c r="AF126072" i="1"/>
  <c r="AF126073" i="1"/>
  <c r="AF126074" i="1"/>
  <c r="AF126075" i="1"/>
  <c r="AF126076" i="1"/>
  <c r="AF126077" i="1"/>
  <c r="AF126078" i="1"/>
  <c r="AF126079" i="1"/>
  <c r="AF126080" i="1"/>
  <c r="AF126081" i="1"/>
  <c r="AF126082" i="1"/>
  <c r="AF126083" i="1"/>
  <c r="AF126084" i="1"/>
  <c r="AF126085" i="1"/>
  <c r="AF126086" i="1"/>
  <c r="AF126087" i="1"/>
  <c r="AF126088" i="1"/>
  <c r="AF126089" i="1"/>
  <c r="AF126090" i="1"/>
  <c r="AF126091" i="1"/>
  <c r="AF126092" i="1"/>
  <c r="AF126093" i="1"/>
  <c r="AF126094" i="1"/>
  <c r="AF126095" i="1"/>
  <c r="AF126096" i="1"/>
  <c r="AF126097" i="1"/>
  <c r="AF126098" i="1"/>
  <c r="AF126099" i="1"/>
  <c r="AF126100" i="1"/>
  <c r="AF126101" i="1"/>
  <c r="AF126102" i="1"/>
  <c r="AF126103" i="1"/>
  <c r="AF126104" i="1"/>
  <c r="AF126105" i="1"/>
  <c r="AF126106" i="1"/>
  <c r="AF126107" i="1"/>
  <c r="AF126108" i="1"/>
  <c r="AF126109" i="1"/>
  <c r="AF126110" i="1"/>
  <c r="AF126111" i="1"/>
  <c r="AF126112" i="1"/>
  <c r="AF126113" i="1"/>
  <c r="AF126114" i="1"/>
  <c r="AF126115" i="1"/>
  <c r="AF126116" i="1"/>
  <c r="AF126117" i="1"/>
  <c r="AF126118" i="1"/>
  <c r="AF126119" i="1"/>
  <c r="AF126120" i="1"/>
  <c r="AF126121" i="1"/>
  <c r="AF126122" i="1"/>
  <c r="AF126123" i="1"/>
  <c r="AF126124" i="1"/>
  <c r="AF126125" i="1"/>
  <c r="AF126126" i="1"/>
  <c r="AF126127" i="1"/>
  <c r="AF126128" i="1"/>
  <c r="AF126129" i="1"/>
  <c r="AF126130" i="1"/>
  <c r="AF126131" i="1"/>
  <c r="AF126132" i="1"/>
  <c r="AF126133" i="1"/>
  <c r="AF126134" i="1"/>
  <c r="AF126135" i="1"/>
  <c r="AF126136" i="1"/>
  <c r="AF126137" i="1"/>
  <c r="AF126138" i="1"/>
  <c r="AF126139" i="1"/>
  <c r="AF126140" i="1"/>
  <c r="AF126141" i="1"/>
  <c r="AF126142" i="1"/>
  <c r="AF126143" i="1"/>
  <c r="AF126144" i="1"/>
  <c r="AF126145" i="1"/>
  <c r="AF126146" i="1"/>
  <c r="AF126147" i="1"/>
  <c r="AF126148" i="1"/>
  <c r="AF126149" i="1"/>
  <c r="AF126150" i="1"/>
  <c r="AF126151" i="1"/>
  <c r="AF126152" i="1"/>
  <c r="AF126153" i="1"/>
  <c r="AF126154" i="1"/>
  <c r="AF126155" i="1"/>
  <c r="AF126156" i="1"/>
  <c r="AF126157" i="1"/>
  <c r="AF126158" i="1"/>
  <c r="AF126159" i="1"/>
  <c r="AF126160" i="1"/>
  <c r="AF126161" i="1"/>
  <c r="AF126162" i="1"/>
  <c r="AF126163" i="1"/>
  <c r="AF126164" i="1"/>
  <c r="AF126165" i="1"/>
  <c r="AF126166" i="1"/>
  <c r="AF126167" i="1"/>
  <c r="AF126168" i="1"/>
  <c r="AF126169" i="1"/>
  <c r="AF126170" i="1"/>
  <c r="AF126171" i="1"/>
  <c r="AF126172" i="1"/>
  <c r="AF126173" i="1"/>
  <c r="AF126174" i="1"/>
  <c r="AF126175" i="1"/>
  <c r="AF126176" i="1"/>
  <c r="AF126177" i="1"/>
  <c r="AF126178" i="1"/>
  <c r="AF126179" i="1"/>
  <c r="AF126180" i="1"/>
  <c r="AF126181" i="1"/>
  <c r="AF126182" i="1"/>
  <c r="AF126183" i="1"/>
  <c r="AF126184" i="1"/>
  <c r="AF126185" i="1"/>
  <c r="AF126186" i="1"/>
  <c r="AF126187" i="1"/>
  <c r="AF126188" i="1"/>
  <c r="AF126189" i="1"/>
  <c r="AF126190" i="1"/>
  <c r="AF126191" i="1"/>
  <c r="AF126192" i="1"/>
  <c r="AF126193" i="1"/>
  <c r="AF126194" i="1"/>
  <c r="AF126195" i="1"/>
  <c r="AF126196" i="1"/>
  <c r="AF126197" i="1"/>
  <c r="AF126198" i="1"/>
  <c r="AF126199" i="1"/>
  <c r="AF126200" i="1"/>
  <c r="AF126201" i="1"/>
  <c r="AF126202" i="1"/>
  <c r="AF126203" i="1"/>
  <c r="AF126204" i="1"/>
  <c r="AF126205" i="1"/>
  <c r="AF126206" i="1"/>
  <c r="AF126207" i="1"/>
  <c r="AF126208" i="1"/>
  <c r="AF126209" i="1"/>
  <c r="AF126210" i="1"/>
  <c r="AF126211" i="1"/>
  <c r="AF126212" i="1"/>
  <c r="AF126213" i="1"/>
  <c r="AF126214" i="1"/>
  <c r="AF126215" i="1"/>
  <c r="AF126216" i="1"/>
  <c r="AF126217" i="1"/>
  <c r="AF126218" i="1"/>
  <c r="AF126219" i="1"/>
  <c r="AF126220" i="1"/>
  <c r="AF126221" i="1"/>
  <c r="AF126222" i="1"/>
  <c r="AF126223" i="1"/>
  <c r="AF126224" i="1"/>
  <c r="AF126225" i="1"/>
  <c r="AF126226" i="1"/>
  <c r="AF126227" i="1"/>
  <c r="AF126228" i="1"/>
  <c r="AF126229" i="1"/>
  <c r="AF126230" i="1"/>
  <c r="AF126231" i="1"/>
  <c r="AF126232" i="1"/>
  <c r="AF126233" i="1"/>
  <c r="AF126234" i="1"/>
  <c r="AF126235" i="1"/>
  <c r="AF126236" i="1"/>
  <c r="AF126237" i="1"/>
  <c r="AF126238" i="1"/>
  <c r="AF126239" i="1"/>
  <c r="AF126240" i="1"/>
  <c r="AF126241" i="1"/>
  <c r="AF126242" i="1"/>
  <c r="AF126243" i="1"/>
  <c r="AF126244" i="1"/>
  <c r="AF126245" i="1"/>
  <c r="AF126246" i="1"/>
  <c r="AF126247" i="1"/>
  <c r="AF126248" i="1"/>
  <c r="AF126249" i="1"/>
  <c r="AF126250" i="1"/>
  <c r="AF126251" i="1"/>
  <c r="AF126252" i="1"/>
  <c r="AF126253" i="1"/>
  <c r="AF126254" i="1"/>
  <c r="AF126255" i="1"/>
  <c r="AF126256" i="1"/>
  <c r="AF126257" i="1"/>
  <c r="AF126258" i="1"/>
  <c r="AF126259" i="1"/>
  <c r="AF126260" i="1"/>
  <c r="AF126261" i="1"/>
  <c r="AF126262" i="1"/>
  <c r="AF126263" i="1"/>
  <c r="AF126264" i="1"/>
  <c r="AF126265" i="1"/>
  <c r="AF126266" i="1"/>
  <c r="AF126267" i="1"/>
  <c r="AF126268" i="1"/>
  <c r="AF126269" i="1"/>
  <c r="AF126270" i="1"/>
  <c r="AF126271" i="1"/>
  <c r="AF126272" i="1"/>
  <c r="AF126273" i="1"/>
  <c r="AF126274" i="1"/>
  <c r="AF126275" i="1"/>
  <c r="AF126276" i="1"/>
  <c r="AF126277" i="1"/>
  <c r="AF126278" i="1"/>
  <c r="AF126279" i="1"/>
  <c r="AF126280" i="1"/>
  <c r="AF126281" i="1"/>
  <c r="AF126282" i="1"/>
  <c r="AF126283" i="1"/>
  <c r="AF126284" i="1"/>
  <c r="AF126285" i="1"/>
  <c r="AF126286" i="1"/>
  <c r="AF126287" i="1"/>
  <c r="AF126288" i="1"/>
  <c r="AF126289" i="1"/>
  <c r="AF126290" i="1"/>
  <c r="AF126291" i="1"/>
  <c r="AF126292" i="1"/>
  <c r="AF126293" i="1"/>
  <c r="AF126294" i="1"/>
  <c r="AF126295" i="1"/>
  <c r="AF126296" i="1"/>
  <c r="AF126297" i="1"/>
  <c r="AF126298" i="1"/>
  <c r="AF126299" i="1"/>
  <c r="AF126300" i="1"/>
  <c r="AF126301" i="1"/>
  <c r="AF126302" i="1"/>
  <c r="AF126303" i="1"/>
  <c r="AF126304" i="1"/>
  <c r="AF126305" i="1"/>
  <c r="AF126306" i="1"/>
  <c r="AF126307" i="1"/>
  <c r="AF126308" i="1"/>
  <c r="AF126309" i="1"/>
  <c r="AF126310" i="1"/>
  <c r="AF126311" i="1"/>
  <c r="AF126312" i="1"/>
  <c r="AF126313" i="1"/>
  <c r="AF126314" i="1"/>
  <c r="AF126315" i="1"/>
  <c r="AF126316" i="1"/>
  <c r="AF126317" i="1"/>
  <c r="AF126318" i="1"/>
  <c r="AF126319" i="1"/>
  <c r="AF126320" i="1"/>
  <c r="AF126321" i="1"/>
  <c r="AF126322" i="1"/>
  <c r="AF126323" i="1"/>
  <c r="AF126324" i="1"/>
  <c r="AF126325" i="1"/>
  <c r="AF126326" i="1"/>
  <c r="AF126327" i="1"/>
  <c r="AF126328" i="1"/>
  <c r="AF126329" i="1"/>
  <c r="AF126330" i="1"/>
  <c r="AF126331" i="1"/>
  <c r="AF126332" i="1"/>
  <c r="AF126333" i="1"/>
  <c r="AF126334" i="1"/>
  <c r="AF126335" i="1"/>
  <c r="AF126336" i="1"/>
  <c r="AF126337" i="1"/>
  <c r="AF126338" i="1"/>
  <c r="AF126339" i="1"/>
  <c r="AF126340" i="1"/>
  <c r="AF126341" i="1"/>
  <c r="AF126342" i="1"/>
  <c r="AF126343" i="1"/>
  <c r="AF126344" i="1"/>
  <c r="AF126345" i="1"/>
  <c r="AF126346" i="1"/>
  <c r="AF126347" i="1"/>
  <c r="AF126348" i="1"/>
  <c r="AF126349" i="1"/>
  <c r="AF126350" i="1"/>
  <c r="AF126351" i="1"/>
  <c r="AF126352" i="1"/>
  <c r="AF126353" i="1"/>
  <c r="AF126354" i="1"/>
  <c r="AF126355" i="1"/>
  <c r="AF126356" i="1"/>
  <c r="AF126357" i="1"/>
  <c r="AF126358" i="1"/>
  <c r="AF126359" i="1"/>
  <c r="AF126360" i="1"/>
  <c r="AF126361" i="1"/>
  <c r="AF126362" i="1"/>
  <c r="AF126363" i="1"/>
  <c r="AF126364" i="1"/>
  <c r="AF126365" i="1"/>
  <c r="AF126366" i="1"/>
  <c r="AF126367" i="1"/>
  <c r="AF126368" i="1"/>
  <c r="AF126369" i="1"/>
  <c r="AF126370" i="1"/>
  <c r="AF126371" i="1"/>
  <c r="AF126372" i="1"/>
  <c r="AF126373" i="1"/>
  <c r="AF126374" i="1"/>
  <c r="AF126375" i="1"/>
  <c r="AF126376" i="1"/>
  <c r="AF126377" i="1"/>
  <c r="AF126378" i="1"/>
  <c r="AF126379" i="1"/>
  <c r="AF126380" i="1"/>
  <c r="AF126381" i="1"/>
  <c r="AF126382" i="1"/>
  <c r="AF126383" i="1"/>
  <c r="AF126384" i="1"/>
  <c r="AF126385" i="1"/>
  <c r="AF126386" i="1"/>
  <c r="AF126387" i="1"/>
  <c r="AF126388" i="1"/>
  <c r="AF126389" i="1"/>
  <c r="AF126390" i="1"/>
  <c r="AF126391" i="1"/>
  <c r="AF126392" i="1"/>
  <c r="AF126393" i="1"/>
  <c r="AF126394" i="1"/>
  <c r="AF126395" i="1"/>
  <c r="AF126396" i="1"/>
  <c r="AF126397" i="1"/>
  <c r="AF126398" i="1"/>
  <c r="AF126399" i="1"/>
  <c r="AF126400" i="1"/>
  <c r="AF126401" i="1"/>
  <c r="AF126402" i="1"/>
  <c r="AF126403" i="1"/>
  <c r="AF126404" i="1"/>
  <c r="AF126405" i="1"/>
  <c r="AF126406" i="1"/>
  <c r="AF126407" i="1"/>
  <c r="AF126408" i="1"/>
  <c r="AF126409" i="1"/>
  <c r="AF126410" i="1"/>
  <c r="AF126411" i="1"/>
  <c r="AF126412" i="1"/>
  <c r="AF126413" i="1"/>
  <c r="AF126414" i="1"/>
  <c r="AF126415" i="1"/>
  <c r="AF126416" i="1"/>
  <c r="AF126417" i="1"/>
  <c r="AF126418" i="1"/>
  <c r="AF126419" i="1"/>
  <c r="AF126420" i="1"/>
  <c r="AF126421" i="1"/>
  <c r="AF126422" i="1"/>
  <c r="AF126423" i="1"/>
  <c r="AF126424" i="1"/>
  <c r="AF126425" i="1"/>
  <c r="AF126426" i="1"/>
  <c r="AF126427" i="1"/>
  <c r="AF126428" i="1"/>
  <c r="AF126429" i="1"/>
  <c r="AF126430" i="1"/>
  <c r="AF126431" i="1"/>
  <c r="AF126432" i="1"/>
  <c r="AF126433" i="1"/>
  <c r="AF126434" i="1"/>
  <c r="AF126435" i="1"/>
  <c r="AF126436" i="1"/>
  <c r="AF126437" i="1"/>
  <c r="AF126438" i="1"/>
  <c r="AF126439" i="1"/>
  <c r="AF126440" i="1"/>
  <c r="AF126441" i="1"/>
  <c r="AF126442" i="1"/>
  <c r="AF126443" i="1"/>
  <c r="AF126444" i="1"/>
  <c r="AF126445" i="1"/>
  <c r="AF126446" i="1"/>
  <c r="AF126447" i="1"/>
  <c r="AF126448" i="1"/>
  <c r="AF126449" i="1"/>
  <c r="AF126450" i="1"/>
  <c r="AF126451" i="1"/>
  <c r="AF126452" i="1"/>
  <c r="AF126453" i="1"/>
  <c r="AF126454" i="1"/>
  <c r="AF126455" i="1"/>
  <c r="AF126456" i="1"/>
  <c r="AF126457" i="1"/>
  <c r="AF126458" i="1"/>
  <c r="AF126459" i="1"/>
  <c r="AF126460" i="1"/>
  <c r="AF126461" i="1"/>
  <c r="AF126462" i="1"/>
  <c r="AF126463" i="1"/>
  <c r="AF126464" i="1"/>
  <c r="AF126465" i="1"/>
  <c r="AF126466" i="1"/>
  <c r="AF126467" i="1"/>
  <c r="AF126468" i="1"/>
  <c r="AF126469" i="1"/>
  <c r="AF126470" i="1"/>
  <c r="AF126471" i="1"/>
  <c r="AF126472" i="1"/>
  <c r="AF126473" i="1"/>
  <c r="AF126474" i="1"/>
  <c r="AF126475" i="1"/>
  <c r="AF126476" i="1"/>
  <c r="AF126477" i="1"/>
  <c r="AF126478" i="1"/>
  <c r="AF126479" i="1"/>
  <c r="AF126480" i="1"/>
  <c r="AF126481" i="1"/>
  <c r="AF126482" i="1"/>
  <c r="AF126483" i="1"/>
  <c r="AF126484" i="1"/>
  <c r="AF126485" i="1"/>
  <c r="AF126486" i="1"/>
  <c r="AF126487" i="1"/>
  <c r="AF126488" i="1"/>
  <c r="AF126489" i="1"/>
  <c r="AF126490" i="1"/>
  <c r="AF126491" i="1"/>
  <c r="AF126492" i="1"/>
  <c r="AF126493" i="1"/>
  <c r="AF126494" i="1"/>
  <c r="AF126495" i="1"/>
  <c r="AF126496" i="1"/>
  <c r="AF126497" i="1"/>
  <c r="AF126498" i="1"/>
  <c r="AF126499" i="1"/>
  <c r="AF126500" i="1"/>
  <c r="AF126501" i="1"/>
  <c r="AF126502" i="1"/>
  <c r="AF126503" i="1"/>
  <c r="AF126504" i="1"/>
  <c r="AF126505" i="1"/>
  <c r="AF126506" i="1"/>
  <c r="AF126507" i="1"/>
  <c r="AF126508" i="1"/>
  <c r="AF126509" i="1"/>
  <c r="AF126510" i="1"/>
  <c r="AF126511" i="1"/>
  <c r="AF126512" i="1"/>
  <c r="AF126513" i="1"/>
  <c r="AF126514" i="1"/>
  <c r="AF126515" i="1"/>
  <c r="AF126516" i="1"/>
  <c r="AF126517" i="1"/>
  <c r="AF126518" i="1"/>
  <c r="AF126519" i="1"/>
  <c r="AF126520" i="1"/>
  <c r="AF126521" i="1"/>
  <c r="AF126522" i="1"/>
  <c r="AF126523" i="1"/>
  <c r="AF126524" i="1"/>
  <c r="AF126525" i="1"/>
  <c r="AF126526" i="1"/>
  <c r="AF126527" i="1"/>
  <c r="AF126528" i="1"/>
  <c r="AF126529" i="1"/>
  <c r="AF126530" i="1"/>
  <c r="AF126531" i="1"/>
  <c r="AF126532" i="1"/>
  <c r="AF126533" i="1"/>
  <c r="AF126534" i="1"/>
  <c r="AF126535" i="1"/>
  <c r="AF126536" i="1"/>
  <c r="AF126537" i="1"/>
  <c r="AF126538" i="1"/>
  <c r="AF126539" i="1"/>
  <c r="AF126540" i="1"/>
  <c r="AF126541" i="1"/>
  <c r="AF126542" i="1"/>
  <c r="AF126543" i="1"/>
  <c r="AF126544" i="1"/>
  <c r="AF126545" i="1"/>
  <c r="AF126546" i="1"/>
  <c r="AF126547" i="1"/>
  <c r="AF126548" i="1"/>
  <c r="AF126549" i="1"/>
  <c r="AF126550" i="1"/>
  <c r="AF126551" i="1"/>
  <c r="AF126552" i="1"/>
  <c r="AF126553" i="1"/>
  <c r="AF126554" i="1"/>
  <c r="AF126555" i="1"/>
  <c r="AF126556" i="1"/>
  <c r="AF126557" i="1"/>
  <c r="AF126558" i="1"/>
  <c r="AF126559" i="1"/>
  <c r="AF126560" i="1"/>
  <c r="AF126561" i="1"/>
  <c r="AF126562" i="1"/>
  <c r="AF126563" i="1"/>
  <c r="AF126564" i="1"/>
  <c r="AF126565" i="1"/>
  <c r="AF126566" i="1"/>
  <c r="AF126567" i="1"/>
  <c r="AF126568" i="1"/>
  <c r="AF126569" i="1"/>
  <c r="AF126570" i="1"/>
  <c r="AF126571" i="1"/>
  <c r="AF126572" i="1"/>
  <c r="AF126573" i="1"/>
  <c r="AF126574" i="1"/>
  <c r="AF126575" i="1"/>
  <c r="AF126576" i="1"/>
  <c r="AF126577" i="1"/>
  <c r="AF126578" i="1"/>
  <c r="AF126579" i="1"/>
  <c r="AF126580" i="1"/>
  <c r="AF126581" i="1"/>
  <c r="AF126582" i="1"/>
  <c r="AF126583" i="1"/>
  <c r="AF126584" i="1"/>
  <c r="AF126585" i="1"/>
  <c r="AF126586" i="1"/>
  <c r="AF126587" i="1"/>
  <c r="AF126588" i="1"/>
  <c r="AF126589" i="1"/>
  <c r="AF126590" i="1"/>
  <c r="AF126591" i="1"/>
  <c r="AF126592" i="1"/>
  <c r="AF126593" i="1"/>
  <c r="AF126594" i="1"/>
  <c r="AF126595" i="1"/>
  <c r="AF126596" i="1"/>
  <c r="AF126597" i="1"/>
  <c r="AF126598" i="1"/>
  <c r="AF126599" i="1"/>
  <c r="AF126600" i="1"/>
  <c r="AF126601" i="1"/>
  <c r="AF126602" i="1"/>
  <c r="AF126603" i="1"/>
  <c r="AF126604" i="1"/>
  <c r="AF126605" i="1"/>
  <c r="AF126606" i="1"/>
  <c r="AF126607" i="1"/>
  <c r="AF126608" i="1"/>
  <c r="AF126609" i="1"/>
  <c r="AF126610" i="1"/>
  <c r="AF126611" i="1"/>
  <c r="AF126612" i="1"/>
  <c r="AF126613" i="1"/>
  <c r="AF126614" i="1"/>
  <c r="AF126615" i="1"/>
  <c r="AF126616" i="1"/>
  <c r="AF126617" i="1"/>
  <c r="AF126618" i="1"/>
  <c r="AF126619" i="1"/>
  <c r="AF126620" i="1"/>
  <c r="AF126621" i="1"/>
  <c r="AF126622" i="1"/>
  <c r="AF126623" i="1"/>
  <c r="AF126624" i="1"/>
  <c r="AF126625" i="1"/>
  <c r="AF126626" i="1"/>
  <c r="AF126627" i="1"/>
  <c r="AF126628" i="1"/>
  <c r="AF126629" i="1"/>
  <c r="AF126630" i="1"/>
  <c r="AF126631" i="1"/>
  <c r="AF126632" i="1"/>
  <c r="AF126633" i="1"/>
  <c r="AF126634" i="1"/>
  <c r="AF126635" i="1"/>
  <c r="AF126636" i="1"/>
  <c r="AF126637" i="1"/>
  <c r="AF126638" i="1"/>
  <c r="AF126639" i="1"/>
  <c r="AF126640" i="1"/>
  <c r="AF126641" i="1"/>
  <c r="AF126642" i="1"/>
  <c r="AF126643" i="1"/>
  <c r="AF126644" i="1"/>
  <c r="AF126645" i="1"/>
  <c r="AF126646" i="1"/>
  <c r="AF126647" i="1"/>
  <c r="AF126648" i="1"/>
  <c r="AF126649" i="1"/>
  <c r="AF126650" i="1"/>
  <c r="AF126651" i="1"/>
  <c r="AF126652" i="1"/>
  <c r="AF126653" i="1"/>
  <c r="AF126654" i="1"/>
  <c r="AF126655" i="1"/>
  <c r="AF126656" i="1"/>
  <c r="AF126657" i="1"/>
  <c r="AF126658" i="1"/>
  <c r="AF126659" i="1"/>
  <c r="AF126660" i="1"/>
  <c r="AF126661" i="1"/>
  <c r="AF126662" i="1"/>
  <c r="AF126663" i="1"/>
  <c r="AF126664" i="1"/>
  <c r="AF126665" i="1"/>
  <c r="AF126666" i="1"/>
  <c r="AF126667" i="1"/>
  <c r="AF126668" i="1"/>
  <c r="AF126669" i="1"/>
  <c r="AF126670" i="1"/>
  <c r="AF126671" i="1"/>
  <c r="AF126672" i="1"/>
  <c r="AF126673" i="1"/>
  <c r="AF126674" i="1"/>
  <c r="AF126675" i="1"/>
  <c r="AF126676" i="1"/>
  <c r="AF126677" i="1"/>
  <c r="AF126678" i="1"/>
  <c r="AF126679" i="1"/>
  <c r="AF126680" i="1"/>
  <c r="AF126681" i="1"/>
  <c r="AF126682" i="1"/>
  <c r="AF126683" i="1"/>
  <c r="AF126684" i="1"/>
  <c r="AF126685" i="1"/>
  <c r="AF126686" i="1"/>
  <c r="AF126687" i="1"/>
  <c r="AF126688" i="1"/>
  <c r="AF126689" i="1"/>
  <c r="AF126690" i="1"/>
  <c r="AF126691" i="1"/>
  <c r="AF126692" i="1"/>
  <c r="AF126693" i="1"/>
  <c r="AF126694" i="1"/>
  <c r="AF126695" i="1"/>
  <c r="AF126696" i="1"/>
  <c r="AF126697" i="1"/>
  <c r="AF126698" i="1"/>
  <c r="AF126699" i="1"/>
  <c r="AF126700" i="1"/>
  <c r="AF126701" i="1"/>
  <c r="AF126702" i="1"/>
  <c r="AF126703" i="1"/>
  <c r="AF126704" i="1"/>
  <c r="AF126705" i="1"/>
  <c r="AF126706" i="1"/>
  <c r="AF126707" i="1"/>
  <c r="AF126708" i="1"/>
  <c r="AF126709" i="1"/>
  <c r="AF126710" i="1"/>
  <c r="AF126711" i="1"/>
  <c r="AF126712" i="1"/>
  <c r="AF126713" i="1"/>
  <c r="AF126714" i="1"/>
  <c r="AF126715" i="1"/>
  <c r="AF126716" i="1"/>
  <c r="AF126717" i="1"/>
  <c r="AF126718" i="1"/>
  <c r="AF126719" i="1"/>
  <c r="AF126720" i="1"/>
  <c r="AF126721" i="1"/>
  <c r="AF126722" i="1"/>
  <c r="AF126723" i="1"/>
  <c r="AF126724" i="1"/>
  <c r="AF126725" i="1"/>
  <c r="AF126726" i="1"/>
  <c r="AF126727" i="1"/>
  <c r="AF126728" i="1"/>
  <c r="AF126729" i="1"/>
  <c r="AF126730" i="1"/>
  <c r="AF126731" i="1"/>
  <c r="AF126732" i="1"/>
  <c r="AF126733" i="1"/>
  <c r="AF126734" i="1"/>
  <c r="AF126735" i="1"/>
  <c r="AF126736" i="1"/>
  <c r="AF126737" i="1"/>
  <c r="AF126738" i="1"/>
  <c r="AF126739" i="1"/>
  <c r="AF126740" i="1"/>
  <c r="AF126741" i="1"/>
  <c r="AF126742" i="1"/>
  <c r="AF126743" i="1"/>
  <c r="AF126744" i="1"/>
  <c r="AF126745" i="1"/>
  <c r="AF126746" i="1"/>
  <c r="AF126747" i="1"/>
  <c r="AF126748" i="1"/>
  <c r="AF126749" i="1"/>
  <c r="AF126750" i="1"/>
  <c r="AF126751" i="1"/>
  <c r="AF126752" i="1"/>
  <c r="AF126753" i="1"/>
  <c r="AF126754" i="1"/>
  <c r="AF126755" i="1"/>
  <c r="AF126756" i="1"/>
  <c r="AF126757" i="1"/>
  <c r="AF126758" i="1"/>
  <c r="AF126759" i="1"/>
  <c r="AF126760" i="1"/>
  <c r="AF126761" i="1"/>
  <c r="AF126762" i="1"/>
  <c r="AF126763" i="1"/>
  <c r="AF126764" i="1"/>
  <c r="AF126765" i="1"/>
  <c r="AF126766" i="1"/>
  <c r="AF126767" i="1"/>
  <c r="AF126768" i="1"/>
  <c r="AF126769" i="1"/>
  <c r="AF126770" i="1"/>
  <c r="AF126771" i="1"/>
  <c r="AF126772" i="1"/>
  <c r="AF126773" i="1"/>
  <c r="AF126774" i="1"/>
  <c r="AF126775" i="1"/>
  <c r="AF126776" i="1"/>
  <c r="AF126777" i="1"/>
  <c r="AF126778" i="1"/>
  <c r="AF126779" i="1"/>
  <c r="AF126780" i="1"/>
  <c r="AF126781" i="1"/>
  <c r="AF126782" i="1"/>
  <c r="AF126783" i="1"/>
  <c r="AF126784" i="1"/>
  <c r="AF126785" i="1"/>
  <c r="AF126786" i="1"/>
  <c r="AF126787" i="1"/>
  <c r="AF126788" i="1"/>
  <c r="AF126789" i="1"/>
  <c r="AF126790" i="1"/>
  <c r="AF126791" i="1"/>
  <c r="AF126792" i="1"/>
  <c r="AF126793" i="1"/>
  <c r="AF126794" i="1"/>
  <c r="AF126795" i="1"/>
  <c r="AF126796" i="1"/>
  <c r="AF126797" i="1"/>
  <c r="AF126798" i="1"/>
  <c r="AF126799" i="1"/>
  <c r="AF126800" i="1"/>
  <c r="AF126801" i="1"/>
  <c r="AF126802" i="1"/>
  <c r="AF126803" i="1"/>
  <c r="AF126804" i="1"/>
  <c r="AF126805" i="1"/>
  <c r="AF126806" i="1"/>
  <c r="AF126807" i="1"/>
  <c r="AF126808" i="1"/>
  <c r="AF126809" i="1"/>
  <c r="AF126810" i="1"/>
  <c r="AF126811" i="1"/>
  <c r="AF126812" i="1"/>
  <c r="AF126813" i="1"/>
  <c r="AF126814" i="1"/>
  <c r="AF126815" i="1"/>
  <c r="AF126816" i="1"/>
  <c r="AF126817" i="1"/>
  <c r="AF126818" i="1"/>
  <c r="AF126819" i="1"/>
  <c r="AF126820" i="1"/>
  <c r="AF126821" i="1"/>
  <c r="AF126822" i="1"/>
  <c r="AF126823" i="1"/>
  <c r="AF126824" i="1"/>
  <c r="AF126825" i="1"/>
  <c r="AF126826" i="1"/>
  <c r="AF126827" i="1"/>
  <c r="AF126828" i="1"/>
  <c r="AF126829" i="1"/>
  <c r="AF126830" i="1"/>
  <c r="AF126831" i="1"/>
  <c r="AF126832" i="1"/>
  <c r="AF126833" i="1"/>
  <c r="AF126834" i="1"/>
  <c r="AF126835" i="1"/>
  <c r="AF126836" i="1"/>
  <c r="AF126837" i="1"/>
  <c r="AF126838" i="1"/>
  <c r="AF126839" i="1"/>
  <c r="AF126840" i="1"/>
  <c r="AF126841" i="1"/>
  <c r="AF126842" i="1"/>
  <c r="AF126843" i="1"/>
  <c r="AF126844" i="1"/>
  <c r="AF126845" i="1"/>
  <c r="AF126846" i="1"/>
  <c r="AF126847" i="1"/>
  <c r="AF126848" i="1"/>
  <c r="AF126849" i="1"/>
  <c r="AF126850" i="1"/>
  <c r="AF126851" i="1"/>
  <c r="AF126852" i="1"/>
  <c r="AF126853" i="1"/>
  <c r="AF126854" i="1"/>
  <c r="AF126855" i="1"/>
  <c r="AF126856" i="1"/>
  <c r="AF126857" i="1"/>
  <c r="AF126858" i="1"/>
  <c r="AF126859" i="1"/>
  <c r="AF126860" i="1"/>
  <c r="AF126861" i="1"/>
  <c r="AF126862" i="1"/>
  <c r="AF126863" i="1"/>
  <c r="AF126864" i="1"/>
  <c r="AF126865" i="1"/>
  <c r="AF126866" i="1"/>
  <c r="AF126867" i="1"/>
  <c r="AF126868" i="1"/>
  <c r="AF126869" i="1"/>
  <c r="AF126870" i="1"/>
  <c r="AF126871" i="1"/>
  <c r="AF126872" i="1"/>
  <c r="AF126873" i="1"/>
  <c r="AF126874" i="1"/>
  <c r="AF126875" i="1"/>
  <c r="AF126876" i="1"/>
  <c r="AF126877" i="1"/>
  <c r="AF126878" i="1"/>
  <c r="AF126879" i="1"/>
  <c r="AF126880" i="1"/>
  <c r="AF126881" i="1"/>
  <c r="AF126882" i="1"/>
  <c r="AF126883" i="1"/>
  <c r="AF126884" i="1"/>
  <c r="AF126885" i="1"/>
  <c r="AF126886" i="1"/>
  <c r="AF126887" i="1"/>
  <c r="AF126888" i="1"/>
  <c r="AF126889" i="1"/>
  <c r="AF126890" i="1"/>
  <c r="AF126891" i="1"/>
  <c r="AF126892" i="1"/>
  <c r="AF126893" i="1"/>
  <c r="AF126894" i="1"/>
  <c r="AF126895" i="1"/>
  <c r="AF126896" i="1"/>
  <c r="AF126897" i="1"/>
  <c r="AF126898" i="1"/>
  <c r="AF126899" i="1"/>
  <c r="AF126900" i="1"/>
  <c r="AF126901" i="1"/>
  <c r="AF126902" i="1"/>
  <c r="AF126903" i="1"/>
  <c r="AF126904" i="1"/>
  <c r="AF126905" i="1"/>
  <c r="AF126906" i="1"/>
  <c r="AF126907" i="1"/>
  <c r="AF126908" i="1"/>
  <c r="AF126909" i="1"/>
  <c r="AF126910" i="1"/>
  <c r="AF126911" i="1"/>
  <c r="AF126912" i="1"/>
  <c r="AF126913" i="1"/>
  <c r="AF126914" i="1"/>
  <c r="AF126915" i="1"/>
  <c r="AF126916" i="1"/>
  <c r="AF126917" i="1"/>
  <c r="AF126918" i="1"/>
  <c r="AF126919" i="1"/>
  <c r="AF126920" i="1"/>
  <c r="AF126921" i="1"/>
  <c r="AF126922" i="1"/>
  <c r="AF126923" i="1"/>
  <c r="AF126924" i="1"/>
  <c r="AF126925" i="1"/>
  <c r="AF126926" i="1"/>
  <c r="AF126927" i="1"/>
  <c r="AF126928" i="1"/>
  <c r="AF126929" i="1"/>
  <c r="AF126930" i="1"/>
  <c r="AF126931" i="1"/>
  <c r="AF126932" i="1"/>
  <c r="AF126933" i="1"/>
  <c r="AF126934" i="1"/>
  <c r="AF126935" i="1"/>
  <c r="AF126936" i="1"/>
  <c r="AF126937" i="1"/>
  <c r="AF126938" i="1"/>
  <c r="AF126939" i="1"/>
  <c r="AF126940" i="1"/>
  <c r="AF126941" i="1"/>
  <c r="AF126942" i="1"/>
  <c r="AF126943" i="1"/>
  <c r="AF126944" i="1"/>
  <c r="AF126945" i="1"/>
  <c r="AF126946" i="1"/>
  <c r="AF126947" i="1"/>
  <c r="AF126948" i="1"/>
  <c r="AF126949" i="1"/>
  <c r="AF126950" i="1"/>
  <c r="AF126951" i="1"/>
  <c r="AF126952" i="1"/>
  <c r="AF126953" i="1"/>
  <c r="AF126954" i="1"/>
  <c r="AF126955" i="1"/>
  <c r="AF126956" i="1"/>
  <c r="AF126957" i="1"/>
  <c r="AF126958" i="1"/>
  <c r="AF126959" i="1"/>
  <c r="AF126960" i="1"/>
  <c r="AF126961" i="1"/>
  <c r="AF126962" i="1"/>
  <c r="AF126963" i="1"/>
  <c r="AF126964" i="1"/>
  <c r="AF126965" i="1"/>
  <c r="AF126966" i="1"/>
  <c r="AF126967" i="1"/>
  <c r="AF126968" i="1"/>
  <c r="AF126969" i="1"/>
  <c r="AF126970" i="1"/>
  <c r="AF126971" i="1"/>
  <c r="AF126972" i="1"/>
  <c r="AF126973" i="1"/>
  <c r="AF126974" i="1"/>
  <c r="AF126975" i="1"/>
  <c r="AF126976" i="1"/>
  <c r="AF126977" i="1"/>
  <c r="AF126978" i="1"/>
  <c r="AF126979" i="1"/>
  <c r="AF126980" i="1"/>
  <c r="AF126981" i="1"/>
  <c r="AF126982" i="1"/>
  <c r="AF126983" i="1"/>
  <c r="AF126984" i="1"/>
  <c r="AF126985" i="1"/>
  <c r="AF126986" i="1"/>
  <c r="AF126987" i="1"/>
  <c r="AF126988" i="1"/>
  <c r="AF126989" i="1"/>
  <c r="AF126990" i="1"/>
  <c r="AF126991" i="1"/>
  <c r="AF126992" i="1"/>
  <c r="AF126993" i="1"/>
  <c r="AF126994" i="1"/>
  <c r="AF126995" i="1"/>
  <c r="AF126996" i="1"/>
  <c r="AF126997" i="1"/>
  <c r="AF126998" i="1"/>
  <c r="AF126999" i="1"/>
  <c r="AF127000" i="1"/>
  <c r="AF127001" i="1"/>
  <c r="AF127002" i="1"/>
  <c r="AF127003" i="1"/>
  <c r="AF127004" i="1"/>
  <c r="AF127005" i="1"/>
  <c r="AF127006" i="1"/>
  <c r="AF127007" i="1"/>
  <c r="AF127008" i="1"/>
  <c r="AF127009" i="1"/>
  <c r="AF127010" i="1"/>
  <c r="AF127011" i="1"/>
  <c r="AF127012" i="1"/>
  <c r="AF127013" i="1"/>
  <c r="AF127014" i="1"/>
  <c r="AF127015" i="1"/>
  <c r="AF127016" i="1"/>
  <c r="AF127017" i="1"/>
  <c r="AF127018" i="1"/>
  <c r="AF127019" i="1"/>
  <c r="AF127020" i="1"/>
  <c r="AF127021" i="1"/>
  <c r="AF127022" i="1"/>
  <c r="AF127023" i="1"/>
  <c r="AF127024" i="1"/>
  <c r="AF127025" i="1"/>
  <c r="AF127026" i="1"/>
  <c r="AF127027" i="1"/>
  <c r="AF127028" i="1"/>
  <c r="AF127029" i="1"/>
  <c r="AF127030" i="1"/>
  <c r="AF127031" i="1"/>
  <c r="AF127032" i="1"/>
  <c r="AF127033" i="1"/>
  <c r="AF127034" i="1"/>
  <c r="AF127035" i="1"/>
  <c r="AF127036" i="1"/>
  <c r="AF127037" i="1"/>
  <c r="AF127038" i="1"/>
  <c r="AF127039" i="1"/>
  <c r="AF127040" i="1"/>
  <c r="AF127041" i="1"/>
  <c r="AF127042" i="1"/>
  <c r="AF127043" i="1"/>
  <c r="AF127044" i="1"/>
  <c r="AF127045" i="1"/>
  <c r="AF127046" i="1"/>
  <c r="AF127047" i="1"/>
  <c r="AF127048" i="1"/>
  <c r="AF127049" i="1"/>
  <c r="AF127050" i="1"/>
  <c r="AF127051" i="1"/>
  <c r="AF127052" i="1"/>
  <c r="AF127053" i="1"/>
  <c r="AF127054" i="1"/>
  <c r="AF127055" i="1"/>
  <c r="AF127056" i="1"/>
  <c r="AF127057" i="1"/>
  <c r="AF127058" i="1"/>
  <c r="AF127059" i="1"/>
  <c r="AF127060" i="1"/>
  <c r="AF127061" i="1"/>
  <c r="AF127062" i="1"/>
  <c r="AF127063" i="1"/>
  <c r="AF127064" i="1"/>
  <c r="AF127065" i="1"/>
  <c r="AF127066" i="1"/>
  <c r="AF127067" i="1"/>
  <c r="AF127068" i="1"/>
  <c r="AF127069" i="1"/>
  <c r="AF127070" i="1"/>
  <c r="AF127071" i="1"/>
  <c r="AF127072" i="1"/>
  <c r="AF127073" i="1"/>
  <c r="AF127074" i="1"/>
  <c r="AF127075" i="1"/>
  <c r="AF127076" i="1"/>
  <c r="AF127077" i="1"/>
  <c r="AF127078" i="1"/>
  <c r="AF127079" i="1"/>
  <c r="AF127080" i="1"/>
  <c r="AF127081" i="1"/>
  <c r="AF127082" i="1"/>
  <c r="AF127083" i="1"/>
  <c r="AF127084" i="1"/>
  <c r="AF127085" i="1"/>
  <c r="AF127086" i="1"/>
  <c r="AF127087" i="1"/>
  <c r="AF127088" i="1"/>
  <c r="AF127089" i="1"/>
  <c r="AF127090" i="1"/>
  <c r="AF127091" i="1"/>
  <c r="AF127092" i="1"/>
  <c r="AF127093" i="1"/>
  <c r="AF127094" i="1"/>
  <c r="AF127095" i="1"/>
  <c r="AF127096" i="1"/>
  <c r="AF127097" i="1"/>
  <c r="AF127098" i="1"/>
  <c r="AF127099" i="1"/>
  <c r="AF127100" i="1"/>
  <c r="AF127101" i="1"/>
  <c r="AF127102" i="1"/>
  <c r="AF127103" i="1"/>
  <c r="AF127104" i="1"/>
  <c r="AF127105" i="1"/>
  <c r="AF127106" i="1"/>
  <c r="AF127107" i="1"/>
  <c r="AF127108" i="1"/>
  <c r="AF127109" i="1"/>
  <c r="AF127110" i="1"/>
  <c r="AF127111" i="1"/>
  <c r="AF127112" i="1"/>
  <c r="AF127113" i="1"/>
  <c r="AF127114" i="1"/>
  <c r="AF127115" i="1"/>
  <c r="AF127116" i="1"/>
  <c r="AF127117" i="1"/>
  <c r="AF127118" i="1"/>
  <c r="AF127119" i="1"/>
  <c r="AF127120" i="1"/>
  <c r="AF127121" i="1"/>
  <c r="AF127122" i="1"/>
  <c r="AF127123" i="1"/>
  <c r="AF127124" i="1"/>
  <c r="AF127125" i="1"/>
  <c r="AF127126" i="1"/>
  <c r="AF127127" i="1"/>
  <c r="AF127128" i="1"/>
  <c r="AF127129" i="1"/>
  <c r="AF127130" i="1"/>
  <c r="AF127131" i="1"/>
  <c r="AF127132" i="1"/>
  <c r="AF127133" i="1"/>
  <c r="AF127134" i="1"/>
  <c r="AF127135" i="1"/>
  <c r="AF127136" i="1"/>
  <c r="AF127137" i="1"/>
  <c r="AF127138" i="1"/>
  <c r="AF127139" i="1"/>
  <c r="AF127140" i="1"/>
  <c r="AF127141" i="1"/>
  <c r="AF127142" i="1"/>
  <c r="AF127143" i="1"/>
  <c r="AF127144" i="1"/>
  <c r="AF127145" i="1"/>
  <c r="AF127146" i="1"/>
  <c r="AF127147" i="1"/>
  <c r="AF127148" i="1"/>
  <c r="AF127149" i="1"/>
  <c r="AF127150" i="1"/>
  <c r="AF127151" i="1"/>
  <c r="AF127152" i="1"/>
  <c r="AF127153" i="1"/>
  <c r="AF127154" i="1"/>
  <c r="AF127155" i="1"/>
  <c r="AF127156" i="1"/>
  <c r="AF127157" i="1"/>
  <c r="AF127158" i="1"/>
  <c r="AF127159" i="1"/>
  <c r="AF127160" i="1"/>
  <c r="AF127161" i="1"/>
  <c r="AF127162" i="1"/>
  <c r="AF127163" i="1"/>
  <c r="AF127164" i="1"/>
  <c r="AF127165" i="1"/>
  <c r="AF127166" i="1"/>
  <c r="AF127167" i="1"/>
  <c r="AF127168" i="1"/>
  <c r="AF127169" i="1"/>
  <c r="AF127170" i="1"/>
  <c r="AF127171" i="1"/>
  <c r="AF127172" i="1"/>
  <c r="AF127173" i="1"/>
  <c r="AF127174" i="1"/>
  <c r="AF127175" i="1"/>
  <c r="AF127176" i="1"/>
  <c r="AF127177" i="1"/>
  <c r="AF127178" i="1"/>
  <c r="AF127179" i="1"/>
  <c r="AF127180" i="1"/>
  <c r="AF127181" i="1"/>
  <c r="AF127182" i="1"/>
  <c r="AF127183" i="1"/>
  <c r="AF127184" i="1"/>
  <c r="AF127185" i="1"/>
  <c r="AF127186" i="1"/>
  <c r="AF127187" i="1"/>
  <c r="AF127188" i="1"/>
  <c r="AF127189" i="1"/>
  <c r="AF127190" i="1"/>
  <c r="AF127191" i="1"/>
  <c r="AF127192" i="1"/>
  <c r="AF127193" i="1"/>
  <c r="AF127194" i="1"/>
  <c r="AF127195" i="1"/>
  <c r="AF127196" i="1"/>
  <c r="AF127197" i="1"/>
  <c r="AF127198" i="1"/>
  <c r="AF127199" i="1"/>
  <c r="AF127200" i="1"/>
  <c r="AF127201" i="1"/>
  <c r="AF127202" i="1"/>
  <c r="AF127203" i="1"/>
  <c r="AF127204" i="1"/>
  <c r="AF127205" i="1"/>
  <c r="AF127206" i="1"/>
  <c r="AF127207" i="1"/>
  <c r="AF127208" i="1"/>
  <c r="AF127209" i="1"/>
  <c r="AF127210" i="1"/>
  <c r="AF127211" i="1"/>
  <c r="AF127212" i="1"/>
  <c r="AF127213" i="1"/>
  <c r="AF127214" i="1"/>
  <c r="AF127215" i="1"/>
  <c r="AF127216" i="1"/>
  <c r="AF127217" i="1"/>
  <c r="AF127218" i="1"/>
  <c r="AF127219" i="1"/>
  <c r="AF127220" i="1"/>
  <c r="AF127221" i="1"/>
  <c r="AF127222" i="1"/>
  <c r="AF127223" i="1"/>
  <c r="AF127224" i="1"/>
  <c r="AF127225" i="1"/>
  <c r="AF127226" i="1"/>
  <c r="AF127227" i="1"/>
  <c r="AF127228" i="1"/>
  <c r="AF127229" i="1"/>
  <c r="AF127230" i="1"/>
  <c r="AF127231" i="1"/>
  <c r="AF127232" i="1"/>
  <c r="AF127233" i="1"/>
  <c r="AF127234" i="1"/>
  <c r="AF127235" i="1"/>
  <c r="AF127236" i="1"/>
  <c r="AF127237" i="1"/>
  <c r="AF127238" i="1"/>
  <c r="AF127239" i="1"/>
  <c r="AF127240" i="1"/>
  <c r="AF127241" i="1"/>
  <c r="AF127242" i="1"/>
  <c r="AF127243" i="1"/>
  <c r="AF127244" i="1"/>
  <c r="AF127245" i="1"/>
  <c r="AF127246" i="1"/>
  <c r="AF127247" i="1"/>
  <c r="AF127248" i="1"/>
  <c r="AF127249" i="1"/>
  <c r="AF127250" i="1"/>
  <c r="AF127251" i="1"/>
  <c r="AF127252" i="1"/>
  <c r="AF127253" i="1"/>
  <c r="AF127254" i="1"/>
  <c r="AF127255" i="1"/>
  <c r="AF127256" i="1"/>
  <c r="AF127257" i="1"/>
  <c r="AF127258" i="1"/>
  <c r="AF127259" i="1"/>
  <c r="AF127260" i="1"/>
  <c r="AF127261" i="1"/>
  <c r="AF127262" i="1"/>
  <c r="AF127263" i="1"/>
  <c r="AF127264" i="1"/>
  <c r="AF127265" i="1"/>
  <c r="AF127266" i="1"/>
  <c r="AF127267" i="1"/>
  <c r="AF127268" i="1"/>
  <c r="AF127269" i="1"/>
  <c r="AF127270" i="1"/>
  <c r="AF127271" i="1"/>
  <c r="AF127272" i="1"/>
  <c r="AF127273" i="1"/>
  <c r="AF127274" i="1"/>
  <c r="AF127275" i="1"/>
  <c r="AF127276" i="1"/>
  <c r="AF127277" i="1"/>
  <c r="AF127278" i="1"/>
  <c r="AF127279" i="1"/>
  <c r="AF127280" i="1"/>
  <c r="AF127281" i="1"/>
  <c r="AF127282" i="1"/>
  <c r="AF127283" i="1"/>
  <c r="AF127284" i="1"/>
  <c r="AF127285" i="1"/>
  <c r="AF127286" i="1"/>
  <c r="AF127287" i="1"/>
  <c r="AF127288" i="1"/>
  <c r="AF127289" i="1"/>
  <c r="AF127290" i="1"/>
  <c r="AF127291" i="1"/>
  <c r="AF127292" i="1"/>
  <c r="AF127293" i="1"/>
  <c r="AF127294" i="1"/>
  <c r="AF127295" i="1"/>
  <c r="AF127296" i="1"/>
  <c r="AF127297" i="1"/>
  <c r="AF127298" i="1"/>
  <c r="AF127299" i="1"/>
  <c r="AF127300" i="1"/>
  <c r="AF127301" i="1"/>
  <c r="AF127302" i="1"/>
  <c r="AF127303" i="1"/>
  <c r="AF127304" i="1"/>
  <c r="AF127305" i="1"/>
  <c r="AF127306" i="1"/>
  <c r="AF127307" i="1"/>
  <c r="AF127308" i="1"/>
  <c r="AF127309" i="1"/>
  <c r="AF127310" i="1"/>
  <c r="AF127311" i="1"/>
  <c r="AF127312" i="1"/>
  <c r="AF127313" i="1"/>
  <c r="AF127314" i="1"/>
  <c r="AF127315" i="1"/>
  <c r="AF127316" i="1"/>
  <c r="AF127317" i="1"/>
  <c r="AF127318" i="1"/>
  <c r="AF127319" i="1"/>
  <c r="AF127320" i="1"/>
  <c r="AF127321" i="1"/>
  <c r="AF127322" i="1"/>
  <c r="AF127323" i="1"/>
  <c r="AF127324" i="1"/>
  <c r="AF127325" i="1"/>
  <c r="AF127326" i="1"/>
  <c r="AF127327" i="1"/>
  <c r="AF127328" i="1"/>
  <c r="AF127329" i="1"/>
  <c r="AF127330" i="1"/>
  <c r="AF127331" i="1"/>
  <c r="AF127332" i="1"/>
  <c r="AF127333" i="1"/>
  <c r="AF127334" i="1"/>
  <c r="AF127335" i="1"/>
  <c r="AF127336" i="1"/>
  <c r="AF127337" i="1"/>
  <c r="AF127338" i="1"/>
  <c r="AF127339" i="1"/>
  <c r="AF127340" i="1"/>
  <c r="AF127341" i="1"/>
  <c r="AF127342" i="1"/>
  <c r="AF127343" i="1"/>
  <c r="AF127344" i="1"/>
  <c r="AF127345" i="1"/>
  <c r="AF127346" i="1"/>
  <c r="AF127347" i="1"/>
  <c r="AF127348" i="1"/>
  <c r="AF127349" i="1"/>
  <c r="AF127350" i="1"/>
  <c r="AF127351" i="1"/>
  <c r="AF127352" i="1"/>
  <c r="AF127353" i="1"/>
  <c r="AF127354" i="1"/>
  <c r="AF127355" i="1"/>
  <c r="AF127356" i="1"/>
  <c r="AF127357" i="1"/>
  <c r="AF127358" i="1"/>
  <c r="AF127359" i="1"/>
  <c r="AF127360" i="1"/>
  <c r="AF127361" i="1"/>
  <c r="AF127362" i="1"/>
  <c r="AF127363" i="1"/>
  <c r="AF127364" i="1"/>
  <c r="AF127365" i="1"/>
  <c r="AF127366" i="1"/>
  <c r="AF127367" i="1"/>
  <c r="AF127368" i="1"/>
  <c r="AF127369" i="1"/>
  <c r="AF127370" i="1"/>
  <c r="AF127371" i="1"/>
  <c r="AF127372" i="1"/>
  <c r="AF127373" i="1"/>
  <c r="AF127374" i="1"/>
  <c r="AF127375" i="1"/>
  <c r="AF127376" i="1"/>
  <c r="AF127377" i="1"/>
  <c r="AF127378" i="1"/>
  <c r="AF127379" i="1"/>
  <c r="AF127380" i="1"/>
  <c r="AF127381" i="1"/>
  <c r="AF127382" i="1"/>
  <c r="AF127383" i="1"/>
  <c r="AF127384" i="1"/>
  <c r="AF127385" i="1"/>
  <c r="AF127386" i="1"/>
  <c r="AF127387" i="1"/>
  <c r="AF127388" i="1"/>
  <c r="AF127389" i="1"/>
  <c r="AF127390" i="1"/>
  <c r="AF127391" i="1"/>
  <c r="AF127392" i="1"/>
  <c r="AF127393" i="1"/>
  <c r="AF127394" i="1"/>
  <c r="AF127395" i="1"/>
  <c r="AF127396" i="1"/>
  <c r="AF127397" i="1"/>
  <c r="AF127398" i="1"/>
  <c r="AF127399" i="1"/>
  <c r="AF127400" i="1"/>
  <c r="AF127401" i="1"/>
  <c r="AF127402" i="1"/>
  <c r="AF127403" i="1"/>
  <c r="AF127404" i="1"/>
  <c r="AF127405" i="1"/>
  <c r="AF127406" i="1"/>
  <c r="AF127407" i="1"/>
  <c r="AF127408" i="1"/>
  <c r="AF127409" i="1"/>
  <c r="AF127410" i="1"/>
  <c r="AF127411" i="1"/>
  <c r="AF127412" i="1"/>
  <c r="AF127413" i="1"/>
  <c r="AF127414" i="1"/>
  <c r="AF127415" i="1"/>
  <c r="AF127416" i="1"/>
  <c r="AF127417" i="1"/>
  <c r="AF127418" i="1"/>
  <c r="AF127419" i="1"/>
  <c r="AF127420" i="1"/>
  <c r="AF127421" i="1"/>
  <c r="AF127422" i="1"/>
  <c r="AF127423" i="1"/>
  <c r="AF127424" i="1"/>
  <c r="AF127425" i="1"/>
  <c r="AF127426" i="1"/>
  <c r="AF127427" i="1"/>
  <c r="AF127428" i="1"/>
  <c r="AF127429" i="1"/>
  <c r="AF127430" i="1"/>
  <c r="AF127431" i="1"/>
  <c r="AF127432" i="1"/>
  <c r="AF127433" i="1"/>
  <c r="AF127434" i="1"/>
  <c r="AF127435" i="1"/>
  <c r="AF127436" i="1"/>
  <c r="AF127437" i="1"/>
  <c r="AF127438" i="1"/>
  <c r="AF127439" i="1"/>
  <c r="AF127440" i="1"/>
  <c r="AF127441" i="1"/>
  <c r="AF127442" i="1"/>
  <c r="AF127443" i="1"/>
  <c r="AF127444" i="1"/>
  <c r="AF127445" i="1"/>
  <c r="AF127446" i="1"/>
  <c r="AF127447" i="1"/>
  <c r="AF127448" i="1"/>
  <c r="AF127449" i="1"/>
  <c r="AF127450" i="1"/>
  <c r="AF127451" i="1"/>
  <c r="AF127452" i="1"/>
  <c r="AF127453" i="1"/>
  <c r="AF127454" i="1"/>
  <c r="AF127455" i="1"/>
  <c r="AF127456" i="1"/>
  <c r="AF127457" i="1"/>
  <c r="AF127458" i="1"/>
  <c r="AF127459" i="1"/>
  <c r="AF127460" i="1"/>
  <c r="AF127461" i="1"/>
  <c r="AF127462" i="1"/>
  <c r="AF127463" i="1"/>
  <c r="AF127464" i="1"/>
  <c r="AF127465" i="1"/>
  <c r="AF127466" i="1"/>
  <c r="AF127467" i="1"/>
  <c r="AF127468" i="1"/>
  <c r="AF127469" i="1"/>
  <c r="AF127470" i="1"/>
  <c r="AF127471" i="1"/>
  <c r="AF127472" i="1"/>
  <c r="AF127473" i="1"/>
  <c r="AF127474" i="1"/>
  <c r="AF127475" i="1"/>
  <c r="AF127476" i="1"/>
  <c r="AF127477" i="1"/>
  <c r="AF127478" i="1"/>
  <c r="AF127479" i="1"/>
  <c r="AF127480" i="1"/>
  <c r="AF127481" i="1"/>
  <c r="AF127482" i="1"/>
  <c r="AF127483" i="1"/>
  <c r="AF127484" i="1"/>
  <c r="AF127485" i="1"/>
  <c r="AF127486" i="1"/>
  <c r="AF127487" i="1"/>
  <c r="AF127488" i="1"/>
  <c r="AF127489" i="1"/>
  <c r="AF127490" i="1"/>
  <c r="AF127491" i="1"/>
  <c r="AF127492" i="1"/>
  <c r="AF127493" i="1"/>
  <c r="AF127494" i="1"/>
  <c r="AF127495" i="1"/>
  <c r="AF127496" i="1"/>
  <c r="AF127497" i="1"/>
  <c r="AF127498" i="1"/>
  <c r="AF127499" i="1"/>
  <c r="AF127500" i="1"/>
  <c r="AF127501" i="1"/>
  <c r="AF127502" i="1"/>
  <c r="AF127503" i="1"/>
  <c r="AF127504" i="1"/>
  <c r="AF127505" i="1"/>
  <c r="AF127506" i="1"/>
  <c r="AF127507" i="1"/>
  <c r="AF127508" i="1"/>
  <c r="AF127509" i="1"/>
  <c r="AF127510" i="1"/>
  <c r="AF127511" i="1"/>
  <c r="AF127512" i="1"/>
  <c r="AF127513" i="1"/>
  <c r="AF127514" i="1"/>
  <c r="AF127515" i="1"/>
  <c r="AF127516" i="1"/>
  <c r="AF127517" i="1"/>
  <c r="AF127518" i="1"/>
  <c r="AF127519" i="1"/>
  <c r="AF127520" i="1"/>
  <c r="AF127521" i="1"/>
  <c r="AF127522" i="1"/>
  <c r="AF127523" i="1"/>
  <c r="AF127524" i="1"/>
  <c r="AF127525" i="1"/>
  <c r="AF127526" i="1"/>
  <c r="AF127527" i="1"/>
  <c r="AF127528" i="1"/>
  <c r="AF127529" i="1"/>
  <c r="AF127530" i="1"/>
  <c r="AF127531" i="1"/>
  <c r="AF127532" i="1"/>
  <c r="AF127533" i="1"/>
  <c r="AF127534" i="1"/>
  <c r="AF127535" i="1"/>
  <c r="AF127536" i="1"/>
  <c r="AF127537" i="1"/>
  <c r="AF127538" i="1"/>
  <c r="AF127539" i="1"/>
  <c r="AF127540" i="1"/>
  <c r="AF127541" i="1"/>
  <c r="AF127542" i="1"/>
  <c r="AF127543" i="1"/>
  <c r="AF127544" i="1"/>
  <c r="AF127545" i="1"/>
  <c r="AF127546" i="1"/>
  <c r="AF127547" i="1"/>
  <c r="AF127548" i="1"/>
  <c r="AF127549" i="1"/>
  <c r="AF127550" i="1"/>
  <c r="AF127551" i="1"/>
  <c r="AF127552" i="1"/>
  <c r="AF127553" i="1"/>
  <c r="AF127554" i="1"/>
  <c r="AF127555" i="1"/>
  <c r="AF127556" i="1"/>
  <c r="AF127557" i="1"/>
  <c r="AF127558" i="1"/>
  <c r="AF127559" i="1"/>
  <c r="AF127560" i="1"/>
  <c r="AF127561" i="1"/>
  <c r="AF127562" i="1"/>
  <c r="AF127563" i="1"/>
  <c r="AF127564" i="1"/>
  <c r="AF127565" i="1"/>
  <c r="AF127566" i="1"/>
  <c r="AF127567" i="1"/>
  <c r="AF127568" i="1"/>
  <c r="AF127569" i="1"/>
  <c r="AF127570" i="1"/>
  <c r="AF127571" i="1"/>
  <c r="AF127572" i="1"/>
  <c r="AF127573" i="1"/>
  <c r="AF127574" i="1"/>
  <c r="AF127575" i="1"/>
  <c r="AF127576" i="1"/>
  <c r="AF127577" i="1"/>
  <c r="AF127578" i="1"/>
  <c r="AF127579" i="1"/>
  <c r="AF127580" i="1"/>
  <c r="AF127581" i="1"/>
  <c r="AF127582" i="1"/>
  <c r="AF127583" i="1"/>
  <c r="AF127584" i="1"/>
  <c r="AF127585" i="1"/>
  <c r="AF127586" i="1"/>
  <c r="AF127587" i="1"/>
  <c r="AF127588" i="1"/>
  <c r="AF127589" i="1"/>
  <c r="AF127590" i="1"/>
  <c r="AF127591" i="1"/>
  <c r="AF127592" i="1"/>
  <c r="AF127593" i="1"/>
  <c r="AF127594" i="1"/>
  <c r="AF127595" i="1"/>
  <c r="AF127596" i="1"/>
  <c r="AF127597" i="1"/>
  <c r="AF127598" i="1"/>
  <c r="AF127599" i="1"/>
  <c r="AF127600" i="1"/>
  <c r="AF127601" i="1"/>
  <c r="AF127602" i="1"/>
  <c r="AF127603" i="1"/>
  <c r="AF127604" i="1"/>
  <c r="AF127605" i="1"/>
  <c r="AF127606" i="1"/>
  <c r="AF127607" i="1"/>
  <c r="AF127608" i="1"/>
  <c r="AF127609" i="1"/>
  <c r="AF127610" i="1"/>
  <c r="AF127611" i="1"/>
  <c r="AF127612" i="1"/>
  <c r="AF127613" i="1"/>
  <c r="AF127614" i="1"/>
  <c r="AF127615" i="1"/>
  <c r="AF127616" i="1"/>
  <c r="AF127617" i="1"/>
  <c r="AF127618" i="1"/>
  <c r="AF127619" i="1"/>
  <c r="AF127620" i="1"/>
  <c r="AF127621" i="1"/>
  <c r="AF127622" i="1"/>
  <c r="AF127623" i="1"/>
  <c r="AF127624" i="1"/>
  <c r="AF127625" i="1"/>
  <c r="AF127626" i="1"/>
  <c r="AF127627" i="1"/>
  <c r="AF127628" i="1"/>
  <c r="AF127629" i="1"/>
  <c r="AF127630" i="1"/>
  <c r="AF127631" i="1"/>
  <c r="AF127632" i="1"/>
  <c r="AF127633" i="1"/>
  <c r="AF127634" i="1"/>
  <c r="AF127635" i="1"/>
  <c r="AF127636" i="1"/>
  <c r="AF127637" i="1"/>
  <c r="AF127638" i="1"/>
  <c r="AF127639" i="1"/>
  <c r="AF127640" i="1"/>
  <c r="AF127641" i="1"/>
  <c r="AF127642" i="1"/>
  <c r="AF127643" i="1"/>
  <c r="AF127644" i="1"/>
  <c r="AF127645" i="1"/>
  <c r="AF127646" i="1"/>
  <c r="AF127647" i="1"/>
  <c r="AF127648" i="1"/>
  <c r="AF127649" i="1"/>
  <c r="AF127650" i="1"/>
  <c r="AF127651" i="1"/>
  <c r="AF127652" i="1"/>
  <c r="AF127653" i="1"/>
  <c r="AF127654" i="1"/>
  <c r="AF127655" i="1"/>
  <c r="AF127656" i="1"/>
  <c r="AF127657" i="1"/>
  <c r="AF127658" i="1"/>
  <c r="AF127659" i="1"/>
  <c r="AF127660" i="1"/>
  <c r="AF127661" i="1"/>
  <c r="AF127662" i="1"/>
  <c r="AF127663" i="1"/>
  <c r="AF127664" i="1"/>
  <c r="AF127665" i="1"/>
  <c r="AF127666" i="1"/>
  <c r="AF127667" i="1"/>
  <c r="AF127668" i="1"/>
  <c r="AF127669" i="1"/>
  <c r="AF127670" i="1"/>
  <c r="AF127671" i="1"/>
  <c r="AF127672" i="1"/>
  <c r="AF127673" i="1"/>
  <c r="AF127674" i="1"/>
  <c r="AF127675" i="1"/>
  <c r="AF127676" i="1"/>
  <c r="AF127677" i="1"/>
  <c r="AF127678" i="1"/>
  <c r="AF127679" i="1"/>
  <c r="AF127680" i="1"/>
  <c r="AF127681" i="1"/>
  <c r="AF127682" i="1"/>
  <c r="AF127683" i="1"/>
  <c r="AF127684" i="1"/>
  <c r="AF127685" i="1"/>
  <c r="AF127686" i="1"/>
  <c r="AF127687" i="1"/>
  <c r="AF127688" i="1"/>
  <c r="AF127689" i="1"/>
  <c r="AF127690" i="1"/>
  <c r="AF127691" i="1"/>
  <c r="AF127692" i="1"/>
  <c r="AF127693" i="1"/>
  <c r="AF127694" i="1"/>
  <c r="AF127695" i="1"/>
  <c r="AF127696" i="1"/>
  <c r="AF127697" i="1"/>
  <c r="AF127698" i="1"/>
  <c r="AF127699" i="1"/>
  <c r="AF127700" i="1"/>
  <c r="AF127701" i="1"/>
  <c r="AF127702" i="1"/>
  <c r="AF127703" i="1"/>
  <c r="AF127704" i="1"/>
  <c r="AF127705" i="1"/>
  <c r="AF127706" i="1"/>
  <c r="AF127707" i="1"/>
  <c r="AF127708" i="1"/>
  <c r="AF127709" i="1"/>
  <c r="AF127710" i="1"/>
  <c r="AF127711" i="1"/>
  <c r="AF127712" i="1"/>
  <c r="AF127713" i="1"/>
  <c r="AF127714" i="1"/>
  <c r="AF127715" i="1"/>
  <c r="AF127716" i="1"/>
  <c r="AF127717" i="1"/>
  <c r="AF127718" i="1"/>
  <c r="AF127719" i="1"/>
  <c r="AF127720" i="1"/>
  <c r="AF127721" i="1"/>
  <c r="AF127722" i="1"/>
  <c r="AF127723" i="1"/>
  <c r="AF127724" i="1"/>
  <c r="AF127725" i="1"/>
  <c r="AF127726" i="1"/>
  <c r="AF127727" i="1"/>
  <c r="AF127728" i="1"/>
  <c r="AF127729" i="1"/>
  <c r="AF127730" i="1"/>
  <c r="AF127731" i="1"/>
  <c r="AF127732" i="1"/>
  <c r="AF127733" i="1"/>
  <c r="AF127734" i="1"/>
  <c r="AF127735" i="1"/>
  <c r="AF127736" i="1"/>
  <c r="AF127737" i="1"/>
  <c r="AF127738" i="1"/>
  <c r="AF127739" i="1"/>
  <c r="AF127740" i="1"/>
  <c r="AF127741" i="1"/>
  <c r="AF127742" i="1"/>
  <c r="AF127743" i="1"/>
  <c r="AF127744" i="1"/>
  <c r="AF127745" i="1"/>
  <c r="AF127746" i="1"/>
  <c r="AF127747" i="1"/>
  <c r="AF127748" i="1"/>
  <c r="AF127749" i="1"/>
  <c r="AF127750" i="1"/>
  <c r="AF127751" i="1"/>
  <c r="AF127752" i="1"/>
  <c r="AF127753" i="1"/>
  <c r="AF127754" i="1"/>
  <c r="AF127755" i="1"/>
  <c r="AF127756" i="1"/>
  <c r="AF127757" i="1"/>
  <c r="AF127758" i="1"/>
  <c r="AF127759" i="1"/>
  <c r="AF127760" i="1"/>
  <c r="AF127761" i="1"/>
  <c r="AF127762" i="1"/>
  <c r="AF127763" i="1"/>
  <c r="AF127764" i="1"/>
  <c r="AF127765" i="1"/>
  <c r="AF127766" i="1"/>
  <c r="AF127767" i="1"/>
  <c r="AF127768" i="1"/>
  <c r="AF127769" i="1"/>
  <c r="AF127770" i="1"/>
  <c r="AF127771" i="1"/>
  <c r="AF127772" i="1"/>
  <c r="AF127773" i="1"/>
  <c r="AF127774" i="1"/>
  <c r="AF127775" i="1"/>
  <c r="AF127776" i="1"/>
  <c r="AF127777" i="1"/>
  <c r="AF127778" i="1"/>
  <c r="AF127779" i="1"/>
  <c r="AF127780" i="1"/>
  <c r="AF127781" i="1"/>
  <c r="AF127782" i="1"/>
  <c r="AF127783" i="1"/>
  <c r="AF127784" i="1"/>
  <c r="AF127785" i="1"/>
  <c r="AF127786" i="1"/>
  <c r="AF127787" i="1"/>
  <c r="AF127788" i="1"/>
  <c r="AF127789" i="1"/>
  <c r="AF127790" i="1"/>
  <c r="AF127791" i="1"/>
  <c r="AF127792" i="1"/>
  <c r="AF127793" i="1"/>
  <c r="AF127794" i="1"/>
  <c r="AF127795" i="1"/>
  <c r="AF127796" i="1"/>
  <c r="AF127797" i="1"/>
  <c r="AF127798" i="1"/>
  <c r="AF127799" i="1"/>
  <c r="AF127800" i="1"/>
  <c r="AF127801" i="1"/>
  <c r="AF127802" i="1"/>
  <c r="AF127803" i="1"/>
  <c r="AF127804" i="1"/>
  <c r="AF127805" i="1"/>
  <c r="AF127806" i="1"/>
  <c r="AF127807" i="1"/>
  <c r="AF127808" i="1"/>
  <c r="AF127809" i="1"/>
  <c r="AF127810" i="1"/>
  <c r="AF127811" i="1"/>
  <c r="AF127812" i="1"/>
  <c r="AF127813" i="1"/>
  <c r="AF127814" i="1"/>
  <c r="AF127815" i="1"/>
  <c r="AF127816" i="1"/>
  <c r="AF127817" i="1"/>
  <c r="AF127818" i="1"/>
  <c r="AF127819" i="1"/>
  <c r="AF127820" i="1"/>
  <c r="AF127821" i="1"/>
  <c r="AF127822" i="1"/>
  <c r="AF127823" i="1"/>
  <c r="AF127824" i="1"/>
  <c r="AF127825" i="1"/>
  <c r="AF127826" i="1"/>
  <c r="AF127827" i="1"/>
  <c r="AF127828" i="1"/>
  <c r="AF127829" i="1"/>
  <c r="AF127830" i="1"/>
  <c r="AF127831" i="1"/>
  <c r="AF127832" i="1"/>
  <c r="AF127833" i="1"/>
  <c r="AF127834" i="1"/>
  <c r="AF127835" i="1"/>
  <c r="AF127836" i="1"/>
  <c r="AF127837" i="1"/>
  <c r="AF127838" i="1"/>
  <c r="AF127839" i="1"/>
  <c r="AF127840" i="1"/>
  <c r="AF127841" i="1"/>
  <c r="AF127842" i="1"/>
  <c r="AF127843" i="1"/>
  <c r="AF127844" i="1"/>
  <c r="AF127845" i="1"/>
  <c r="AF127846" i="1"/>
  <c r="AF127847" i="1"/>
  <c r="AF127848" i="1"/>
  <c r="AF127849" i="1"/>
  <c r="AF127850" i="1"/>
  <c r="AF127851" i="1"/>
  <c r="AF127852" i="1"/>
  <c r="AF127853" i="1"/>
  <c r="AF127854" i="1"/>
  <c r="AF127855" i="1"/>
  <c r="AF127856" i="1"/>
  <c r="AF127857" i="1"/>
  <c r="AF127858" i="1"/>
  <c r="AF127859" i="1"/>
  <c r="AF127860" i="1"/>
  <c r="AF127861" i="1"/>
  <c r="AF127862" i="1"/>
  <c r="AF127863" i="1"/>
  <c r="AF127864" i="1"/>
  <c r="AF127865" i="1"/>
  <c r="AF127866" i="1"/>
  <c r="AF127867" i="1"/>
  <c r="AF127868" i="1"/>
  <c r="AF127869" i="1"/>
  <c r="AF127870" i="1"/>
  <c r="AF127871" i="1"/>
  <c r="AF127872" i="1"/>
  <c r="AF127873" i="1"/>
  <c r="AF127874" i="1"/>
  <c r="AF127875" i="1"/>
  <c r="AF127876" i="1"/>
  <c r="AF127877" i="1"/>
  <c r="AF127878" i="1"/>
  <c r="AF127879" i="1"/>
  <c r="AF127880" i="1"/>
  <c r="AF127881" i="1"/>
  <c r="AF127882" i="1"/>
  <c r="AF127883" i="1"/>
  <c r="AF127884" i="1"/>
  <c r="AF127885" i="1"/>
  <c r="AF127886" i="1"/>
  <c r="AF127887" i="1"/>
  <c r="AF127888" i="1"/>
  <c r="AF127889" i="1"/>
  <c r="AF127890" i="1"/>
  <c r="AF127891" i="1"/>
  <c r="AF127892" i="1"/>
  <c r="AF127893" i="1"/>
  <c r="AF127894" i="1"/>
  <c r="AF127895" i="1"/>
  <c r="AF127896" i="1"/>
  <c r="AF127897" i="1"/>
  <c r="AF127898" i="1"/>
  <c r="AF127899" i="1"/>
  <c r="AF127900" i="1"/>
  <c r="AF127901" i="1"/>
  <c r="AF127902" i="1"/>
  <c r="AF127903" i="1"/>
  <c r="AF127904" i="1"/>
  <c r="AF127905" i="1"/>
  <c r="AF127906" i="1"/>
  <c r="AF127907" i="1"/>
  <c r="AF127908" i="1"/>
  <c r="AF127909" i="1"/>
  <c r="AF127910" i="1"/>
  <c r="AF127911" i="1"/>
  <c r="AF127912" i="1"/>
  <c r="AF127913" i="1"/>
  <c r="AF127914" i="1"/>
  <c r="AF127915" i="1"/>
  <c r="AF127916" i="1"/>
  <c r="AF127917" i="1"/>
  <c r="AF127918" i="1"/>
  <c r="AF127919" i="1"/>
  <c r="AF127920" i="1"/>
  <c r="AF127921" i="1"/>
  <c r="AF127922" i="1"/>
  <c r="AF127923" i="1"/>
  <c r="AF127924" i="1"/>
  <c r="AF127925" i="1"/>
  <c r="AF127926" i="1"/>
  <c r="AF127927" i="1"/>
  <c r="AF127928" i="1"/>
  <c r="AF127929" i="1"/>
  <c r="AF127930" i="1"/>
  <c r="AF127931" i="1"/>
  <c r="AF127932" i="1"/>
  <c r="AF127933" i="1"/>
  <c r="AF127934" i="1"/>
  <c r="AF127935" i="1"/>
  <c r="AF127936" i="1"/>
  <c r="AF127937" i="1"/>
  <c r="AF127938" i="1"/>
  <c r="AF127939" i="1"/>
  <c r="AF127940" i="1"/>
  <c r="AF127941" i="1"/>
  <c r="AF127942" i="1"/>
  <c r="AF127943" i="1"/>
  <c r="AF127944" i="1"/>
  <c r="AF127945" i="1"/>
  <c r="AF127946" i="1"/>
  <c r="AF127947" i="1"/>
  <c r="AF127948" i="1"/>
  <c r="AF127949" i="1"/>
  <c r="AF127950" i="1"/>
  <c r="AF127951" i="1"/>
  <c r="AF127952" i="1"/>
  <c r="AF127953" i="1"/>
  <c r="AF127954" i="1"/>
  <c r="AF127955" i="1"/>
  <c r="AF127956" i="1"/>
  <c r="AF127957" i="1"/>
  <c r="AF127958" i="1"/>
  <c r="AF127959" i="1"/>
  <c r="AF127960" i="1"/>
  <c r="AF127961" i="1"/>
  <c r="AF127962" i="1"/>
  <c r="AF127963" i="1"/>
  <c r="AF127964" i="1"/>
  <c r="AF127965" i="1"/>
  <c r="AF127966" i="1"/>
  <c r="AF127967" i="1"/>
  <c r="AF127968" i="1"/>
  <c r="AF127969" i="1"/>
  <c r="AF127970" i="1"/>
  <c r="AF127971" i="1"/>
  <c r="AF127972" i="1"/>
  <c r="AF127973" i="1"/>
  <c r="AF127974" i="1"/>
  <c r="AF127975" i="1"/>
  <c r="AF127976" i="1"/>
  <c r="AF127977" i="1"/>
  <c r="AF127978" i="1"/>
  <c r="AF127979" i="1"/>
  <c r="AF127980" i="1"/>
  <c r="AF127981" i="1"/>
  <c r="AF127982" i="1"/>
  <c r="AF127983" i="1"/>
  <c r="AF127984" i="1"/>
  <c r="AF127985" i="1"/>
  <c r="AF127986" i="1"/>
  <c r="AF127987" i="1"/>
  <c r="AF127988" i="1"/>
  <c r="AF127989" i="1"/>
  <c r="AF127990" i="1"/>
  <c r="AF127991" i="1"/>
  <c r="AF127992" i="1"/>
  <c r="AF127993" i="1"/>
  <c r="AF127994" i="1"/>
  <c r="AF127995" i="1"/>
  <c r="AF127996" i="1"/>
  <c r="AF127997" i="1"/>
  <c r="AF127998" i="1"/>
  <c r="AF127999" i="1"/>
  <c r="AF128000" i="1"/>
  <c r="AF128001" i="1"/>
  <c r="AF128002" i="1"/>
  <c r="AF128003" i="1"/>
  <c r="AF128004" i="1"/>
  <c r="AF128005" i="1"/>
  <c r="AF128006" i="1"/>
  <c r="AF128007" i="1"/>
  <c r="AF128008" i="1"/>
  <c r="AF128009" i="1"/>
  <c r="AF128010" i="1"/>
  <c r="AF128011" i="1"/>
  <c r="AF128012" i="1"/>
  <c r="AF128013" i="1"/>
  <c r="AF128014" i="1"/>
  <c r="AF128015" i="1"/>
  <c r="AF128016" i="1"/>
  <c r="AF128017" i="1"/>
  <c r="AF128018" i="1"/>
  <c r="AF128019" i="1"/>
  <c r="AF128020" i="1"/>
  <c r="AF128021" i="1"/>
  <c r="AF128022" i="1"/>
  <c r="AF128023" i="1"/>
  <c r="AF128024" i="1"/>
  <c r="AF128025" i="1"/>
  <c r="AF128026" i="1"/>
  <c r="AF128027" i="1"/>
  <c r="AF128028" i="1"/>
  <c r="AF128029" i="1"/>
  <c r="AF128030" i="1"/>
  <c r="AF128031" i="1"/>
  <c r="AF128032" i="1"/>
  <c r="AF128033" i="1"/>
  <c r="AF128034" i="1"/>
  <c r="AF128035" i="1"/>
  <c r="AF128036" i="1"/>
  <c r="AF128037" i="1"/>
  <c r="AF128038" i="1"/>
  <c r="AF128039" i="1"/>
  <c r="AF128040" i="1"/>
  <c r="AF128041" i="1"/>
  <c r="AF128042" i="1"/>
  <c r="AF128043" i="1"/>
  <c r="AF128044" i="1"/>
  <c r="AF128045" i="1"/>
  <c r="AF128046" i="1"/>
  <c r="AF128047" i="1"/>
  <c r="AF128048" i="1"/>
  <c r="AF128049" i="1"/>
  <c r="AF128050" i="1"/>
  <c r="AF128051" i="1"/>
  <c r="AF128052" i="1"/>
  <c r="AF128053" i="1"/>
  <c r="AF128054" i="1"/>
  <c r="AF128055" i="1"/>
  <c r="AF128056" i="1"/>
  <c r="AF128057" i="1"/>
  <c r="AF128058" i="1"/>
  <c r="AF128059" i="1"/>
  <c r="AF128060" i="1"/>
  <c r="AF128061" i="1"/>
  <c r="AF128062" i="1"/>
  <c r="AF128063" i="1"/>
  <c r="AF128064" i="1"/>
  <c r="AF128065" i="1"/>
  <c r="AF128066" i="1"/>
  <c r="AF128067" i="1"/>
  <c r="AF128068" i="1"/>
  <c r="AF128069" i="1"/>
  <c r="AF128070" i="1"/>
  <c r="AF128071" i="1"/>
  <c r="AF128072" i="1"/>
  <c r="AF128073" i="1"/>
  <c r="AF128074" i="1"/>
  <c r="AF128075" i="1"/>
  <c r="AF128076" i="1"/>
  <c r="AF128077" i="1"/>
  <c r="AF128078" i="1"/>
  <c r="AF128079" i="1"/>
  <c r="AF128080" i="1"/>
  <c r="AF128081" i="1"/>
  <c r="AF128082" i="1"/>
  <c r="AF128083" i="1"/>
  <c r="AF128084" i="1"/>
  <c r="AF128085" i="1"/>
  <c r="AF128086" i="1"/>
  <c r="AF128087" i="1"/>
  <c r="AF128088" i="1"/>
  <c r="AF128089" i="1"/>
  <c r="AF128090" i="1"/>
  <c r="AF128091" i="1"/>
  <c r="AF128092" i="1"/>
  <c r="AF128093" i="1"/>
  <c r="AF128094" i="1"/>
  <c r="AF128095" i="1"/>
  <c r="AF128096" i="1"/>
  <c r="AF128097" i="1"/>
  <c r="AF128098" i="1"/>
  <c r="AF128099" i="1"/>
  <c r="AF128100" i="1"/>
  <c r="AF128101" i="1"/>
  <c r="AF128102" i="1"/>
  <c r="AF128103" i="1"/>
  <c r="AF128104" i="1"/>
  <c r="AF128105" i="1"/>
  <c r="AF128106" i="1"/>
  <c r="AF128107" i="1"/>
  <c r="AF128108" i="1"/>
  <c r="AF128109" i="1"/>
  <c r="AF128110" i="1"/>
  <c r="AF128111" i="1"/>
  <c r="AF128112" i="1"/>
  <c r="AF128113" i="1"/>
  <c r="AF128114" i="1"/>
  <c r="AF128115" i="1"/>
  <c r="AF128116" i="1"/>
  <c r="AF128117" i="1"/>
  <c r="AF128118" i="1"/>
  <c r="AF128119" i="1"/>
  <c r="AF128120" i="1"/>
  <c r="AF128121" i="1"/>
  <c r="AF128122" i="1"/>
  <c r="AF128123" i="1"/>
  <c r="AF128124" i="1"/>
  <c r="AF128125" i="1"/>
  <c r="AF128126" i="1"/>
  <c r="AF128127" i="1"/>
  <c r="AF128128" i="1"/>
  <c r="AF128129" i="1"/>
  <c r="AF128130" i="1"/>
  <c r="AF128131" i="1"/>
  <c r="AF128132" i="1"/>
  <c r="AF128133" i="1"/>
  <c r="AF128134" i="1"/>
  <c r="AF128135" i="1"/>
  <c r="AF128136" i="1"/>
  <c r="AF128137" i="1"/>
  <c r="AF128138" i="1"/>
  <c r="AF128139" i="1"/>
  <c r="AF128140" i="1"/>
  <c r="AF128141" i="1"/>
  <c r="AF128142" i="1"/>
  <c r="AF128143" i="1"/>
  <c r="AF128144" i="1"/>
  <c r="AF128145" i="1"/>
  <c r="AF128146" i="1"/>
  <c r="AF128147" i="1"/>
  <c r="AF128148" i="1"/>
  <c r="AF128149" i="1"/>
  <c r="AF128150" i="1"/>
  <c r="AF128151" i="1"/>
  <c r="AF128152" i="1"/>
  <c r="AF128153" i="1"/>
  <c r="AF128154" i="1"/>
  <c r="AF128155" i="1"/>
  <c r="AF128156" i="1"/>
  <c r="AF128157" i="1"/>
  <c r="AF128158" i="1"/>
  <c r="AF128159" i="1"/>
  <c r="AF128160" i="1"/>
  <c r="AF128161" i="1"/>
  <c r="AF128162" i="1"/>
  <c r="AF128163" i="1"/>
  <c r="AF128164" i="1"/>
  <c r="AF128165" i="1"/>
  <c r="AF128166" i="1"/>
  <c r="AF128167" i="1"/>
  <c r="AF128168" i="1"/>
  <c r="AF128169" i="1"/>
  <c r="AF128170" i="1"/>
  <c r="AF128171" i="1"/>
  <c r="AF128172" i="1"/>
  <c r="AF128173" i="1"/>
  <c r="AF128174" i="1"/>
  <c r="AF128175" i="1"/>
  <c r="AF128176" i="1"/>
  <c r="AF128177" i="1"/>
  <c r="AF128178" i="1"/>
  <c r="AF128179" i="1"/>
  <c r="AF128180" i="1"/>
  <c r="AF128181" i="1"/>
  <c r="AF128182" i="1"/>
  <c r="AF128183" i="1"/>
  <c r="AF128184" i="1"/>
  <c r="AF128185" i="1"/>
  <c r="AF128186" i="1"/>
  <c r="AF128187" i="1"/>
  <c r="AF128188" i="1"/>
  <c r="AF128189" i="1"/>
  <c r="AF128190" i="1"/>
  <c r="AF128191" i="1"/>
  <c r="AF128192" i="1"/>
  <c r="AF128193" i="1"/>
  <c r="AF128194" i="1"/>
  <c r="AF128195" i="1"/>
  <c r="AF128196" i="1"/>
  <c r="AF128197" i="1"/>
  <c r="AF128198" i="1"/>
  <c r="AF128199" i="1"/>
  <c r="AF128200" i="1"/>
  <c r="AF128201" i="1"/>
  <c r="AF128202" i="1"/>
  <c r="AF128203" i="1"/>
  <c r="AF128204" i="1"/>
  <c r="AF128205" i="1"/>
  <c r="AF128206" i="1"/>
  <c r="AF128207" i="1"/>
  <c r="AF128208" i="1"/>
  <c r="AF128209" i="1"/>
  <c r="AF128210" i="1"/>
  <c r="AF128211" i="1"/>
  <c r="AF128212" i="1"/>
  <c r="AF128213" i="1"/>
  <c r="AF128214" i="1"/>
  <c r="AF128215" i="1"/>
  <c r="AF128216" i="1"/>
  <c r="AF128217" i="1"/>
  <c r="AF128218" i="1"/>
  <c r="AF128219" i="1"/>
  <c r="AF128220" i="1"/>
  <c r="AF128221" i="1"/>
  <c r="AF128222" i="1"/>
  <c r="AF128223" i="1"/>
  <c r="AF128224" i="1"/>
  <c r="AF128225" i="1"/>
  <c r="AF128226" i="1"/>
  <c r="AF128227" i="1"/>
  <c r="AF128228" i="1"/>
  <c r="AF128229" i="1"/>
  <c r="AF128230" i="1"/>
  <c r="AF128231" i="1"/>
  <c r="AF128232" i="1"/>
  <c r="AF128233" i="1"/>
  <c r="AF128234" i="1"/>
  <c r="AF128235" i="1"/>
  <c r="AF128236" i="1"/>
  <c r="AF128237" i="1"/>
  <c r="AF128238" i="1"/>
  <c r="AF128239" i="1"/>
  <c r="AF128240" i="1"/>
  <c r="AF128241" i="1"/>
  <c r="AF128242" i="1"/>
  <c r="AF128243" i="1"/>
  <c r="AF128244" i="1"/>
  <c r="AF128245" i="1"/>
  <c r="AF128246" i="1"/>
  <c r="AF128247" i="1"/>
  <c r="AF128248" i="1"/>
  <c r="AF128249" i="1"/>
  <c r="AF128250" i="1"/>
  <c r="AF128251" i="1"/>
  <c r="AF128252" i="1"/>
  <c r="AF128253" i="1"/>
  <c r="AF128254" i="1"/>
  <c r="AF128255" i="1"/>
  <c r="AF128256" i="1"/>
  <c r="AF128257" i="1"/>
  <c r="AF128258" i="1"/>
  <c r="AF128259" i="1"/>
  <c r="AF128260" i="1"/>
  <c r="AF128261" i="1"/>
  <c r="AF128262" i="1"/>
  <c r="AF128263" i="1"/>
  <c r="AF128264" i="1"/>
  <c r="AF128265" i="1"/>
  <c r="AF128266" i="1"/>
  <c r="AF128267" i="1"/>
  <c r="AF128268" i="1"/>
  <c r="AF128269" i="1"/>
  <c r="AF128270" i="1"/>
  <c r="AF128271" i="1"/>
  <c r="AF128272" i="1"/>
  <c r="AF128273" i="1"/>
  <c r="AF128274" i="1"/>
  <c r="AF128275" i="1"/>
  <c r="AF128276" i="1"/>
  <c r="AF128277" i="1"/>
  <c r="AF128278" i="1"/>
  <c r="AF128279" i="1"/>
  <c r="AF128280" i="1"/>
  <c r="AF128281" i="1"/>
  <c r="AF128282" i="1"/>
  <c r="AF128283" i="1"/>
  <c r="AF128284" i="1"/>
  <c r="AF128285" i="1"/>
  <c r="AF128286" i="1"/>
  <c r="AF128287" i="1"/>
  <c r="AF128288" i="1"/>
  <c r="AF128289" i="1"/>
  <c r="AF128290" i="1"/>
  <c r="AF128291" i="1"/>
  <c r="AF128292" i="1"/>
  <c r="AF128293" i="1"/>
  <c r="AF128294" i="1"/>
  <c r="AF128295" i="1"/>
  <c r="AF128296" i="1"/>
  <c r="AF128297" i="1"/>
  <c r="AF128298" i="1"/>
  <c r="AF128299" i="1"/>
  <c r="AF128300" i="1"/>
  <c r="AF128301" i="1"/>
  <c r="AF128302" i="1"/>
  <c r="AF128303" i="1"/>
  <c r="AF128304" i="1"/>
  <c r="AF128305" i="1"/>
  <c r="AF128306" i="1"/>
  <c r="AF128307" i="1"/>
  <c r="AF128308" i="1"/>
  <c r="AF128309" i="1"/>
  <c r="AF128310" i="1"/>
  <c r="AF128311" i="1"/>
  <c r="AF128312" i="1"/>
  <c r="AF128313" i="1"/>
  <c r="AF128314" i="1"/>
  <c r="AF128315" i="1"/>
  <c r="AF128316" i="1"/>
  <c r="AF128317" i="1"/>
  <c r="AF128318" i="1"/>
  <c r="AF128319" i="1"/>
  <c r="AF128320" i="1"/>
  <c r="AF128321" i="1"/>
  <c r="AF128322" i="1"/>
  <c r="AF128323" i="1"/>
  <c r="AF128324" i="1"/>
  <c r="AF128325" i="1"/>
  <c r="AF128326" i="1"/>
  <c r="AF128327" i="1"/>
  <c r="AF128328" i="1"/>
  <c r="AF128329" i="1"/>
  <c r="AF128330" i="1"/>
  <c r="AF128331" i="1"/>
  <c r="AF128332" i="1"/>
  <c r="AF128333" i="1"/>
  <c r="AF128334" i="1"/>
  <c r="AF128335" i="1"/>
  <c r="AF128336" i="1"/>
  <c r="AF128337" i="1"/>
  <c r="AF128338" i="1"/>
  <c r="AF128339" i="1"/>
  <c r="AF128340" i="1"/>
  <c r="AF128341" i="1"/>
  <c r="AF128342" i="1"/>
  <c r="AF128343" i="1"/>
  <c r="AF128344" i="1"/>
  <c r="AF128345" i="1"/>
  <c r="AF128346" i="1"/>
  <c r="AF128347" i="1"/>
  <c r="AF128348" i="1"/>
  <c r="AF128349" i="1"/>
  <c r="AF128350" i="1"/>
  <c r="AF128351" i="1"/>
  <c r="AF128352" i="1"/>
  <c r="AF128353" i="1"/>
  <c r="AF128354" i="1"/>
  <c r="AF128355" i="1"/>
  <c r="AF128356" i="1"/>
  <c r="AF128357" i="1"/>
  <c r="AF128358" i="1"/>
  <c r="AF128359" i="1"/>
  <c r="AF128360" i="1"/>
  <c r="AF128361" i="1"/>
  <c r="AF128362" i="1"/>
  <c r="AF128363" i="1"/>
  <c r="AF128364" i="1"/>
  <c r="AF128365" i="1"/>
  <c r="AF128366" i="1"/>
  <c r="AF128367" i="1"/>
  <c r="AF128368" i="1"/>
  <c r="AF128369" i="1"/>
  <c r="AF128370" i="1"/>
  <c r="AF128371" i="1"/>
  <c r="AF128372" i="1"/>
  <c r="AF128373" i="1"/>
  <c r="AF128374" i="1"/>
  <c r="AF128375" i="1"/>
  <c r="AF128376" i="1"/>
  <c r="AF128377" i="1"/>
  <c r="AF128378" i="1"/>
  <c r="AF128379" i="1"/>
  <c r="AF128380" i="1"/>
  <c r="AF128381" i="1"/>
  <c r="AF128382" i="1"/>
  <c r="AF128383" i="1"/>
  <c r="AF128384" i="1"/>
  <c r="AF128385" i="1"/>
  <c r="AF128386" i="1"/>
  <c r="AF128387" i="1"/>
  <c r="AF128388" i="1"/>
  <c r="AF128389" i="1"/>
  <c r="AF128390" i="1"/>
  <c r="AF128391" i="1"/>
  <c r="AF128392" i="1"/>
  <c r="AF128393" i="1"/>
  <c r="AF128394" i="1"/>
  <c r="AF128395" i="1"/>
  <c r="AF128396" i="1"/>
  <c r="AF128397" i="1"/>
  <c r="AF128398" i="1"/>
  <c r="AF128399" i="1"/>
  <c r="AF128400" i="1"/>
  <c r="AF128401" i="1"/>
  <c r="AF128402" i="1"/>
  <c r="AF128403" i="1"/>
  <c r="AF128404" i="1"/>
  <c r="AF128405" i="1"/>
  <c r="AF128406" i="1"/>
  <c r="AF128407" i="1"/>
  <c r="AF128408" i="1"/>
  <c r="AF128409" i="1"/>
  <c r="AF128410" i="1"/>
  <c r="AF128411" i="1"/>
  <c r="AF128412" i="1"/>
  <c r="AF128413" i="1"/>
  <c r="AF128414" i="1"/>
  <c r="AF128415" i="1"/>
  <c r="AF128416" i="1"/>
  <c r="AF128417" i="1"/>
  <c r="AF128418" i="1"/>
  <c r="AF128419" i="1"/>
  <c r="AF128420" i="1"/>
  <c r="AF128421" i="1"/>
  <c r="AF128422" i="1"/>
  <c r="AF128423" i="1"/>
  <c r="AF128424" i="1"/>
  <c r="AF128425" i="1"/>
  <c r="AF128426" i="1"/>
  <c r="AF128427" i="1"/>
  <c r="AF128428" i="1"/>
  <c r="AF128429" i="1"/>
  <c r="AF128430" i="1"/>
  <c r="AF128431" i="1"/>
  <c r="AF128432" i="1"/>
  <c r="AF128433" i="1"/>
  <c r="AF128434" i="1"/>
  <c r="AF128435" i="1"/>
  <c r="AF128436" i="1"/>
  <c r="AF128437" i="1"/>
  <c r="AF128438" i="1"/>
  <c r="AF128439" i="1"/>
  <c r="AF128440" i="1"/>
  <c r="AF128441" i="1"/>
  <c r="AF128442" i="1"/>
  <c r="AF128443" i="1"/>
  <c r="AF128444" i="1"/>
  <c r="AF128445" i="1"/>
  <c r="AF128446" i="1"/>
  <c r="AF128447" i="1"/>
  <c r="AF128448" i="1"/>
  <c r="AF128449" i="1"/>
  <c r="AF128450" i="1"/>
  <c r="AF128451" i="1"/>
  <c r="AF128452" i="1"/>
  <c r="AF128453" i="1"/>
  <c r="AF128454" i="1"/>
  <c r="AF128455" i="1"/>
  <c r="AF128456" i="1"/>
  <c r="AF128457" i="1"/>
  <c r="AF128458" i="1"/>
  <c r="AF128459" i="1"/>
  <c r="AF128460" i="1"/>
  <c r="AF128461" i="1"/>
  <c r="AF128462" i="1"/>
  <c r="AF128463" i="1"/>
  <c r="AF128464" i="1"/>
  <c r="AF128465" i="1"/>
  <c r="AF128466" i="1"/>
  <c r="AF128467" i="1"/>
  <c r="AF128468" i="1"/>
  <c r="AF128469" i="1"/>
  <c r="AF128470" i="1"/>
  <c r="AF128471" i="1"/>
  <c r="AF128472" i="1"/>
  <c r="AF128473" i="1"/>
  <c r="AF128474" i="1"/>
  <c r="AF128475" i="1"/>
  <c r="AF128476" i="1"/>
  <c r="AF128477" i="1"/>
  <c r="AF128478" i="1"/>
  <c r="AF128479" i="1"/>
  <c r="AF128480" i="1"/>
  <c r="AF128481" i="1"/>
  <c r="AF128482" i="1"/>
  <c r="AF128483" i="1"/>
  <c r="AF128484" i="1"/>
  <c r="AF128485" i="1"/>
  <c r="AF128486" i="1"/>
  <c r="AF128487" i="1"/>
  <c r="AF128488" i="1"/>
  <c r="AF128489" i="1"/>
  <c r="AF128490" i="1"/>
  <c r="AF128491" i="1"/>
  <c r="AF128492" i="1"/>
  <c r="AF128493" i="1"/>
  <c r="AF128494" i="1"/>
  <c r="AF128495" i="1"/>
  <c r="AF128496" i="1"/>
  <c r="AF128497" i="1"/>
  <c r="AF128498" i="1"/>
  <c r="AF128499" i="1"/>
  <c r="AF128500" i="1"/>
  <c r="AF128501" i="1"/>
  <c r="AF128502" i="1"/>
  <c r="AF128503" i="1"/>
  <c r="AF128504" i="1"/>
  <c r="AF128505" i="1"/>
  <c r="AF128506" i="1"/>
  <c r="AF128507" i="1"/>
  <c r="AF128508" i="1"/>
  <c r="AF128509" i="1"/>
  <c r="AF128510" i="1"/>
  <c r="AF128511" i="1"/>
  <c r="AF128512" i="1"/>
  <c r="AF128513" i="1"/>
  <c r="AF128514" i="1"/>
  <c r="AF128515" i="1"/>
  <c r="AF128516" i="1"/>
  <c r="AF128517" i="1"/>
  <c r="AF128518" i="1"/>
  <c r="AF128519" i="1"/>
  <c r="AF128520" i="1"/>
  <c r="AF128521" i="1"/>
  <c r="AF128522" i="1"/>
  <c r="AF128523" i="1"/>
  <c r="AF128524" i="1"/>
  <c r="AF128525" i="1"/>
  <c r="AF128526" i="1"/>
  <c r="AF128527" i="1"/>
  <c r="AF128528" i="1"/>
  <c r="AF128529" i="1"/>
  <c r="AF128530" i="1"/>
  <c r="AF128531" i="1"/>
  <c r="AF128532" i="1"/>
  <c r="AF128533" i="1"/>
  <c r="AF128534" i="1"/>
  <c r="AF128535" i="1"/>
  <c r="AF128536" i="1"/>
  <c r="AF128537" i="1"/>
  <c r="AF128538" i="1"/>
  <c r="AF128539" i="1"/>
  <c r="AF128540" i="1"/>
  <c r="AF128541" i="1"/>
  <c r="AF128542" i="1"/>
  <c r="AF128543" i="1"/>
  <c r="AF128544" i="1"/>
  <c r="AF128545" i="1"/>
  <c r="AF128546" i="1"/>
  <c r="AF128547" i="1"/>
  <c r="AF128548" i="1"/>
  <c r="AF128549" i="1"/>
  <c r="AF128550" i="1"/>
  <c r="AF128551" i="1"/>
  <c r="AF128552" i="1"/>
  <c r="AF128553" i="1"/>
  <c r="AF128554" i="1"/>
  <c r="AF128555" i="1"/>
  <c r="AF128556" i="1"/>
  <c r="AF128557" i="1"/>
  <c r="AF128558" i="1"/>
  <c r="AF128559" i="1"/>
  <c r="AF128560" i="1"/>
  <c r="AF128561" i="1"/>
  <c r="AF128562" i="1"/>
  <c r="AF128563" i="1"/>
  <c r="AF128564" i="1"/>
  <c r="AF128565" i="1"/>
  <c r="AF128566" i="1"/>
  <c r="AF128567" i="1"/>
  <c r="AF128568" i="1"/>
  <c r="AF128569" i="1"/>
  <c r="AF128570" i="1"/>
  <c r="AF128571" i="1"/>
  <c r="AF128572" i="1"/>
  <c r="AF128573" i="1"/>
  <c r="AF128574" i="1"/>
  <c r="AF128575" i="1"/>
  <c r="AF128576" i="1"/>
  <c r="AF128577" i="1"/>
  <c r="AF128578" i="1"/>
  <c r="AF128579" i="1"/>
  <c r="AF128580" i="1"/>
  <c r="AF128581" i="1"/>
  <c r="AF128582" i="1"/>
  <c r="AF128583" i="1"/>
  <c r="AF128584" i="1"/>
  <c r="AF128585" i="1"/>
  <c r="AF128586" i="1"/>
  <c r="AF128587" i="1"/>
  <c r="AF128588" i="1"/>
  <c r="AF128589" i="1"/>
  <c r="AF128590" i="1"/>
  <c r="AF128591" i="1"/>
  <c r="AF128592" i="1"/>
  <c r="AF128593" i="1"/>
  <c r="AF128594" i="1"/>
  <c r="AF128595" i="1"/>
  <c r="AF128596" i="1"/>
  <c r="AF128597" i="1"/>
  <c r="AF128598" i="1"/>
  <c r="AF128599" i="1"/>
  <c r="AF128600" i="1"/>
  <c r="AF128601" i="1"/>
  <c r="AF128602" i="1"/>
  <c r="AF128603" i="1"/>
  <c r="AF128604" i="1"/>
  <c r="AF128605" i="1"/>
  <c r="AF128606" i="1"/>
  <c r="AF128607" i="1"/>
  <c r="AF128608" i="1"/>
  <c r="AF128609" i="1"/>
  <c r="AF128610" i="1"/>
  <c r="AF128611" i="1"/>
  <c r="AF128612" i="1"/>
  <c r="AF128613" i="1"/>
  <c r="AF128614" i="1"/>
  <c r="AF128615" i="1"/>
  <c r="AF128616" i="1"/>
  <c r="AF128617" i="1"/>
  <c r="AF128618" i="1"/>
  <c r="AF128619" i="1"/>
  <c r="AF128620" i="1"/>
  <c r="AF128621" i="1"/>
  <c r="AF128622" i="1"/>
  <c r="AF128623" i="1"/>
  <c r="AF128624" i="1"/>
  <c r="AF128625" i="1"/>
  <c r="AF128626" i="1"/>
  <c r="AF128627" i="1"/>
  <c r="AF128628" i="1"/>
  <c r="AF128629" i="1"/>
  <c r="AF128630" i="1"/>
  <c r="AF128631" i="1"/>
  <c r="AF128632" i="1"/>
  <c r="AF128633" i="1"/>
  <c r="AF128634" i="1"/>
  <c r="AF128635" i="1"/>
  <c r="AF128636" i="1"/>
  <c r="AF128637" i="1"/>
  <c r="AF128638" i="1"/>
  <c r="AF128639" i="1"/>
  <c r="AF128640" i="1"/>
  <c r="AF128641" i="1"/>
  <c r="AF128642" i="1"/>
  <c r="AF128643" i="1"/>
  <c r="AF128644" i="1"/>
  <c r="AF128645" i="1"/>
  <c r="AF128646" i="1"/>
  <c r="AF128647" i="1"/>
  <c r="AF128648" i="1"/>
  <c r="AF128649" i="1"/>
  <c r="AF128650" i="1"/>
  <c r="AF128651" i="1"/>
  <c r="AF128652" i="1"/>
  <c r="AF128653" i="1"/>
  <c r="AF128654" i="1"/>
  <c r="AF128655" i="1"/>
  <c r="AF128656" i="1"/>
  <c r="AF128657" i="1"/>
  <c r="AF128658" i="1"/>
  <c r="AF128659" i="1"/>
  <c r="AF128660" i="1"/>
  <c r="AF128661" i="1"/>
  <c r="AF128662" i="1"/>
  <c r="AF128663" i="1"/>
  <c r="AF128664" i="1"/>
  <c r="AF128665" i="1"/>
  <c r="AF128666" i="1"/>
  <c r="AF128667" i="1"/>
  <c r="AF128668" i="1"/>
  <c r="AF128669" i="1"/>
  <c r="AF128670" i="1"/>
  <c r="AF128671" i="1"/>
  <c r="AF128672" i="1"/>
  <c r="AF128673" i="1"/>
  <c r="AF128674" i="1"/>
  <c r="AF128675" i="1"/>
  <c r="AF128676" i="1"/>
  <c r="AF128677" i="1"/>
  <c r="AF128678" i="1"/>
  <c r="AF128679" i="1"/>
  <c r="AF128680" i="1"/>
  <c r="AF128681" i="1"/>
  <c r="AF128682" i="1"/>
  <c r="AF128683" i="1"/>
  <c r="AF128684" i="1"/>
  <c r="AF128685" i="1"/>
  <c r="AF128686" i="1"/>
  <c r="AF128687" i="1"/>
  <c r="AF128688" i="1"/>
  <c r="AF128689" i="1"/>
  <c r="AF128690" i="1"/>
  <c r="AF128691" i="1"/>
  <c r="AF128692" i="1"/>
  <c r="AF128693" i="1"/>
  <c r="AF128694" i="1"/>
  <c r="AF128695" i="1"/>
  <c r="AF128696" i="1"/>
  <c r="AF128697" i="1"/>
  <c r="AF128698" i="1"/>
  <c r="AF128699" i="1"/>
  <c r="AF128700" i="1"/>
  <c r="AF128701" i="1"/>
  <c r="AF128702" i="1"/>
  <c r="AF128703" i="1"/>
  <c r="AF128704" i="1"/>
  <c r="AF128705" i="1"/>
  <c r="AF128706" i="1"/>
  <c r="AF128707" i="1"/>
  <c r="AF128708" i="1"/>
  <c r="AF128709" i="1"/>
  <c r="AF128710" i="1"/>
  <c r="AF128711" i="1"/>
  <c r="AF128712" i="1"/>
  <c r="AF128713" i="1"/>
  <c r="AF128714" i="1"/>
  <c r="AF128715" i="1"/>
  <c r="AF128716" i="1"/>
  <c r="AF128717" i="1"/>
  <c r="AF128718" i="1"/>
  <c r="AF128719" i="1"/>
  <c r="AF128720" i="1"/>
  <c r="AF128721" i="1"/>
  <c r="AF128722" i="1"/>
  <c r="AF128723" i="1"/>
  <c r="AF128724" i="1"/>
  <c r="AF128725" i="1"/>
  <c r="AF128726" i="1"/>
  <c r="AF128727" i="1"/>
  <c r="AF128728" i="1"/>
  <c r="AF128729" i="1"/>
  <c r="AF128730" i="1"/>
  <c r="AF128731" i="1"/>
  <c r="AF128732" i="1"/>
  <c r="AF128733" i="1"/>
  <c r="AF128734" i="1"/>
  <c r="AF128735" i="1"/>
  <c r="AF128736" i="1"/>
  <c r="AF128737" i="1"/>
  <c r="AF128738" i="1"/>
  <c r="AF128739" i="1"/>
  <c r="AF128740" i="1"/>
  <c r="AF128741" i="1"/>
  <c r="AF128742" i="1"/>
  <c r="AF128743" i="1"/>
  <c r="AF128744" i="1"/>
  <c r="AF128745" i="1"/>
  <c r="AF128746" i="1"/>
  <c r="AF128747" i="1"/>
  <c r="AF128748" i="1"/>
  <c r="AF128749" i="1"/>
  <c r="AF128750" i="1"/>
  <c r="AF128751" i="1"/>
  <c r="AF128752" i="1"/>
  <c r="AF128753" i="1"/>
  <c r="AF128754" i="1"/>
  <c r="AF128755" i="1"/>
  <c r="AF128756" i="1"/>
  <c r="AF128757" i="1"/>
  <c r="AF128758" i="1"/>
  <c r="AF128759" i="1"/>
  <c r="AF128760" i="1"/>
  <c r="AF128761" i="1"/>
  <c r="AF128762" i="1"/>
  <c r="AF128763" i="1"/>
  <c r="AF128764" i="1"/>
  <c r="AF128765" i="1"/>
  <c r="AF128766" i="1"/>
  <c r="AF128767" i="1"/>
  <c r="AF128768" i="1"/>
  <c r="AF128769" i="1"/>
  <c r="AF128770" i="1"/>
  <c r="AF128771" i="1"/>
  <c r="AF128772" i="1"/>
  <c r="AF128773" i="1"/>
  <c r="AF128774" i="1"/>
  <c r="AF128775" i="1"/>
  <c r="AF128776" i="1"/>
  <c r="AF128777" i="1"/>
  <c r="AF128778" i="1"/>
  <c r="AF128779" i="1"/>
  <c r="AF128780" i="1"/>
  <c r="AF128781" i="1"/>
  <c r="AF128782" i="1"/>
  <c r="AF128783" i="1"/>
  <c r="AF128784" i="1"/>
  <c r="AF128785" i="1"/>
  <c r="AF128786" i="1"/>
  <c r="AF128787" i="1"/>
  <c r="AF128788" i="1"/>
  <c r="AF128789" i="1"/>
  <c r="AF128790" i="1"/>
  <c r="AF128791" i="1"/>
  <c r="AF128792" i="1"/>
  <c r="AF128793" i="1"/>
  <c r="AF128794" i="1"/>
  <c r="AF128795" i="1"/>
  <c r="AF128796" i="1"/>
  <c r="AF128797" i="1"/>
  <c r="AF128798" i="1"/>
  <c r="AF128799" i="1"/>
  <c r="AF128800" i="1"/>
  <c r="AF128801" i="1"/>
  <c r="AF128802" i="1"/>
  <c r="AF128803" i="1"/>
  <c r="AF128804" i="1"/>
  <c r="AF128805" i="1"/>
  <c r="AF128806" i="1"/>
  <c r="AF128807" i="1"/>
  <c r="AF128808" i="1"/>
  <c r="AF128809" i="1"/>
  <c r="AF128810" i="1"/>
  <c r="AF128811" i="1"/>
  <c r="AF128812" i="1"/>
  <c r="AF128813" i="1"/>
  <c r="AF128814" i="1"/>
  <c r="AF128815" i="1"/>
  <c r="AF128816" i="1"/>
  <c r="AF128817" i="1"/>
  <c r="AF128818" i="1"/>
  <c r="AF128819" i="1"/>
  <c r="AF128820" i="1"/>
  <c r="AF128821" i="1"/>
  <c r="AF128822" i="1"/>
  <c r="AF128823" i="1"/>
  <c r="AF128824" i="1"/>
  <c r="AF128825" i="1"/>
  <c r="AF128826" i="1"/>
  <c r="AF128827" i="1"/>
  <c r="AF128828" i="1"/>
  <c r="AF128829" i="1"/>
  <c r="AF128830" i="1"/>
  <c r="AF128831" i="1"/>
  <c r="AF128832" i="1"/>
  <c r="AF128833" i="1"/>
  <c r="AF128834" i="1"/>
  <c r="AF128835" i="1"/>
  <c r="AF128836" i="1"/>
  <c r="AF128837" i="1"/>
  <c r="AF128838" i="1"/>
  <c r="AF128839" i="1"/>
  <c r="AF128840" i="1"/>
  <c r="AF128841" i="1"/>
  <c r="AF128842" i="1"/>
  <c r="AF128843" i="1"/>
  <c r="AF128844" i="1"/>
  <c r="AF128845" i="1"/>
  <c r="AF128846" i="1"/>
  <c r="AF128847" i="1"/>
  <c r="AF128848" i="1"/>
  <c r="AF128849" i="1"/>
  <c r="AF128850" i="1"/>
  <c r="AF128851" i="1"/>
  <c r="AF128852" i="1"/>
  <c r="AF128853" i="1"/>
  <c r="AF128854" i="1"/>
  <c r="AF128855" i="1"/>
  <c r="AF128856" i="1"/>
  <c r="AF128857" i="1"/>
  <c r="AF128858" i="1"/>
  <c r="AF128859" i="1"/>
  <c r="AF128860" i="1"/>
  <c r="AF128861" i="1"/>
  <c r="AF128862" i="1"/>
  <c r="AF128863" i="1"/>
  <c r="AF128864" i="1"/>
  <c r="AF128865" i="1"/>
  <c r="AF128866" i="1"/>
  <c r="AF128867" i="1"/>
  <c r="AF128868" i="1"/>
  <c r="AF128869" i="1"/>
  <c r="AF128870" i="1"/>
  <c r="AF128871" i="1"/>
  <c r="AF128872" i="1"/>
  <c r="AF128873" i="1"/>
  <c r="AF128874" i="1"/>
  <c r="AF128875" i="1"/>
  <c r="AF128876" i="1"/>
  <c r="AF128877" i="1"/>
  <c r="AF128878" i="1"/>
  <c r="AF128879" i="1"/>
  <c r="AF128880" i="1"/>
  <c r="AF128881" i="1"/>
  <c r="AF128882" i="1"/>
  <c r="AF128883" i="1"/>
  <c r="AF128884" i="1"/>
  <c r="AF128885" i="1"/>
  <c r="AF128886" i="1"/>
  <c r="AF128887" i="1"/>
  <c r="AF128888" i="1"/>
  <c r="AF128889" i="1"/>
  <c r="AF128890" i="1"/>
  <c r="AF128891" i="1"/>
  <c r="AF128892" i="1"/>
  <c r="AF128893" i="1"/>
  <c r="AF128894" i="1"/>
  <c r="AF128895" i="1"/>
  <c r="AF128896" i="1"/>
  <c r="AF128897" i="1"/>
  <c r="AF128898" i="1"/>
  <c r="AF128899" i="1"/>
  <c r="AF128900" i="1"/>
  <c r="AF128901" i="1"/>
  <c r="AF128902" i="1"/>
  <c r="AF128903" i="1"/>
  <c r="AF128904" i="1"/>
  <c r="AF128905" i="1"/>
  <c r="AF128906" i="1"/>
  <c r="AF128907" i="1"/>
  <c r="AF128908" i="1"/>
  <c r="AF128909" i="1"/>
  <c r="AF128910" i="1"/>
  <c r="AF128911" i="1"/>
  <c r="AF128912" i="1"/>
  <c r="AF128913" i="1"/>
  <c r="AF128914" i="1"/>
  <c r="AF128915" i="1"/>
  <c r="AF128916" i="1"/>
  <c r="AF128917" i="1"/>
  <c r="AF128918" i="1"/>
  <c r="AF128919" i="1"/>
  <c r="AF128920" i="1"/>
  <c r="AF128921" i="1"/>
  <c r="AF128922" i="1"/>
  <c r="AF128923" i="1"/>
  <c r="AF128924" i="1"/>
  <c r="AF128925" i="1"/>
  <c r="AF128926" i="1"/>
  <c r="AF128927" i="1"/>
  <c r="AF128928" i="1"/>
  <c r="AF128929" i="1"/>
  <c r="AF128930" i="1"/>
  <c r="AF128931" i="1"/>
  <c r="AF128932" i="1"/>
  <c r="AF128933" i="1"/>
  <c r="AF128934" i="1"/>
  <c r="AF128935" i="1"/>
  <c r="AF128936" i="1"/>
  <c r="AF128937" i="1"/>
  <c r="AF128938" i="1"/>
  <c r="AF128939" i="1"/>
  <c r="AF128940" i="1"/>
  <c r="AF128941" i="1"/>
  <c r="AF128942" i="1"/>
  <c r="AF128943" i="1"/>
  <c r="AF128944" i="1"/>
  <c r="AF128945" i="1"/>
  <c r="AF128946" i="1"/>
  <c r="AF128947" i="1"/>
  <c r="AF128948" i="1"/>
  <c r="AF128949" i="1"/>
  <c r="AF128950" i="1"/>
  <c r="AF128951" i="1"/>
  <c r="AF128952" i="1"/>
  <c r="AF128953" i="1"/>
  <c r="AF128954" i="1"/>
  <c r="AF128955" i="1"/>
  <c r="AF128956" i="1"/>
  <c r="AF128957" i="1"/>
  <c r="AF128958" i="1"/>
  <c r="AF128959" i="1"/>
  <c r="AF128960" i="1"/>
  <c r="AF128961" i="1"/>
  <c r="AF128962" i="1"/>
  <c r="AF128963" i="1"/>
  <c r="AF128964" i="1"/>
  <c r="AF128965" i="1"/>
  <c r="AF128966" i="1"/>
  <c r="AF128967" i="1"/>
  <c r="AF128968" i="1"/>
  <c r="AF128969" i="1"/>
  <c r="AF128970" i="1"/>
  <c r="AF128971" i="1"/>
  <c r="AF128972" i="1"/>
  <c r="AF128973" i="1"/>
  <c r="AF128974" i="1"/>
  <c r="AF128975" i="1"/>
  <c r="AF128976" i="1"/>
  <c r="AF128977" i="1"/>
  <c r="AF128978" i="1"/>
  <c r="AF128979" i="1"/>
  <c r="AF128980" i="1"/>
  <c r="AF128981" i="1"/>
  <c r="AF128982" i="1"/>
  <c r="AF128983" i="1"/>
  <c r="AF128984" i="1"/>
  <c r="AF128985" i="1"/>
  <c r="AF128986" i="1"/>
  <c r="AF128987" i="1"/>
  <c r="AF128988" i="1"/>
  <c r="AF128989" i="1"/>
  <c r="AF128990" i="1"/>
  <c r="AF128991" i="1"/>
  <c r="AF128992" i="1"/>
  <c r="AF128993" i="1"/>
  <c r="AF128994" i="1"/>
  <c r="AF128995" i="1"/>
  <c r="AF128996" i="1"/>
  <c r="AF128997" i="1"/>
  <c r="AF128998" i="1"/>
  <c r="AF128999" i="1"/>
  <c r="AF129000" i="1"/>
  <c r="AF129001" i="1"/>
  <c r="AF129002" i="1"/>
  <c r="AF129003" i="1"/>
  <c r="AF129004" i="1"/>
  <c r="AF129005" i="1"/>
  <c r="AF129006" i="1"/>
  <c r="AF129007" i="1"/>
  <c r="AF129008" i="1"/>
  <c r="AF129009" i="1"/>
  <c r="AF129010" i="1"/>
  <c r="AF129011" i="1"/>
  <c r="AF129012" i="1"/>
  <c r="AF129013" i="1"/>
  <c r="AF129014" i="1"/>
  <c r="AF129015" i="1"/>
  <c r="AF129016" i="1"/>
  <c r="AF129017" i="1"/>
  <c r="AF129018" i="1"/>
  <c r="AF129019" i="1"/>
  <c r="AF129020" i="1"/>
  <c r="AF129021" i="1"/>
  <c r="AF129022" i="1"/>
  <c r="AF129023" i="1"/>
  <c r="AF129024" i="1"/>
  <c r="AF129025" i="1"/>
  <c r="AF129026" i="1"/>
  <c r="AF129027" i="1"/>
  <c r="AF129028" i="1"/>
  <c r="AF129029" i="1"/>
  <c r="AF129030" i="1"/>
  <c r="AF129031" i="1"/>
  <c r="AF129032" i="1"/>
  <c r="AF129033" i="1"/>
  <c r="AF129034" i="1"/>
  <c r="AF129035" i="1"/>
  <c r="AF129036" i="1"/>
  <c r="AF129037" i="1"/>
  <c r="AF129038" i="1"/>
  <c r="AF129039" i="1"/>
  <c r="AF129040" i="1"/>
  <c r="AF129041" i="1"/>
  <c r="AF129042" i="1"/>
  <c r="AF129043" i="1"/>
  <c r="AF129044" i="1"/>
  <c r="AF129045" i="1"/>
  <c r="AF129046" i="1"/>
  <c r="AF129047" i="1"/>
  <c r="AF129048" i="1"/>
  <c r="AF129049" i="1"/>
  <c r="AF129050" i="1"/>
  <c r="AF129051" i="1"/>
  <c r="AF129052" i="1"/>
  <c r="AF129053" i="1"/>
  <c r="AF129054" i="1"/>
  <c r="AF129055" i="1"/>
  <c r="AF129056" i="1"/>
  <c r="AF129057" i="1"/>
  <c r="AF129058" i="1"/>
  <c r="AF129059" i="1"/>
  <c r="AF129060" i="1"/>
  <c r="AF129061" i="1"/>
  <c r="AF129062" i="1"/>
  <c r="AF129063" i="1"/>
  <c r="AF129064" i="1"/>
  <c r="AF129065" i="1"/>
  <c r="AF129066" i="1"/>
  <c r="AF129067" i="1"/>
  <c r="AF129068" i="1"/>
  <c r="AF129069" i="1"/>
  <c r="AF129070" i="1"/>
  <c r="AF129071" i="1"/>
  <c r="AF129072" i="1"/>
  <c r="AF129073" i="1"/>
  <c r="AF129074" i="1"/>
  <c r="AF129075" i="1"/>
  <c r="AF129076" i="1"/>
  <c r="AF129077" i="1"/>
  <c r="AF129078" i="1"/>
  <c r="AF129079" i="1"/>
  <c r="AF129080" i="1"/>
  <c r="AF129081" i="1"/>
  <c r="AF129082" i="1"/>
  <c r="AF129083" i="1"/>
  <c r="AF129084" i="1"/>
  <c r="AF129085" i="1"/>
  <c r="AF129086" i="1"/>
  <c r="AF129087" i="1"/>
  <c r="AF129088" i="1"/>
  <c r="AF129089" i="1"/>
  <c r="AF129090" i="1"/>
  <c r="AF129091" i="1"/>
  <c r="AF129092" i="1"/>
  <c r="AF129093" i="1"/>
  <c r="AF129094" i="1"/>
  <c r="AF129095" i="1"/>
  <c r="AF129096" i="1"/>
  <c r="AF129097" i="1"/>
  <c r="AF129098" i="1"/>
  <c r="AF129099" i="1"/>
  <c r="AF129100" i="1"/>
  <c r="AF129101" i="1"/>
  <c r="AF129102" i="1"/>
  <c r="AF129103" i="1"/>
  <c r="AF129104" i="1"/>
  <c r="AF129105" i="1"/>
  <c r="AF129106" i="1"/>
  <c r="AF129107" i="1"/>
  <c r="AF129108" i="1"/>
  <c r="AF129109" i="1"/>
  <c r="AF129110" i="1"/>
  <c r="AF129111" i="1"/>
  <c r="AF129112" i="1"/>
  <c r="AF129113" i="1"/>
  <c r="AF129114" i="1"/>
  <c r="AF129115" i="1"/>
  <c r="AF129116" i="1"/>
  <c r="AF129117" i="1"/>
  <c r="AF129118" i="1"/>
  <c r="AF129119" i="1"/>
  <c r="AF129120" i="1"/>
  <c r="AF129121" i="1"/>
  <c r="AF129122" i="1"/>
  <c r="AF129123" i="1"/>
  <c r="AF129124" i="1"/>
  <c r="AF129125" i="1"/>
  <c r="AF129126" i="1"/>
  <c r="AF129127" i="1"/>
  <c r="AF129128" i="1"/>
  <c r="AF129129" i="1"/>
  <c r="AF129130" i="1"/>
  <c r="AF129131" i="1"/>
  <c r="AF129132" i="1"/>
  <c r="AF129133" i="1"/>
  <c r="AF129134" i="1"/>
  <c r="AF129135" i="1"/>
  <c r="AF129136" i="1"/>
  <c r="AF129137" i="1"/>
  <c r="AF129138" i="1"/>
  <c r="AF129139" i="1"/>
  <c r="AF129140" i="1"/>
  <c r="AF129141" i="1"/>
  <c r="AF129142" i="1"/>
  <c r="AF129143" i="1"/>
  <c r="AF129144" i="1"/>
  <c r="AF129145" i="1"/>
  <c r="AF129146" i="1"/>
  <c r="AF129147" i="1"/>
  <c r="AF129148" i="1"/>
  <c r="AF129149" i="1"/>
  <c r="AF129150" i="1"/>
  <c r="AF129151" i="1"/>
  <c r="AF129152" i="1"/>
  <c r="AF129153" i="1"/>
  <c r="AF129154" i="1"/>
  <c r="AF129155" i="1"/>
  <c r="AF129156" i="1"/>
  <c r="AF129157" i="1"/>
  <c r="AF129158" i="1"/>
  <c r="AF129159" i="1"/>
  <c r="AF129160" i="1"/>
  <c r="AF129161" i="1"/>
  <c r="AF129162" i="1"/>
  <c r="AF129163" i="1"/>
  <c r="AF129164" i="1"/>
  <c r="AF129165" i="1"/>
  <c r="AF129166" i="1"/>
  <c r="AF129167" i="1"/>
  <c r="AF129168" i="1"/>
  <c r="AF129169" i="1"/>
  <c r="AF129170" i="1"/>
  <c r="AF129171" i="1"/>
  <c r="AF129172" i="1"/>
  <c r="AF129173" i="1"/>
  <c r="AF129174" i="1"/>
  <c r="AF129175" i="1"/>
  <c r="AF129176" i="1"/>
  <c r="AF129177" i="1"/>
  <c r="AF129178" i="1"/>
  <c r="AF129179" i="1"/>
  <c r="AF129180" i="1"/>
  <c r="AF129181" i="1"/>
  <c r="AF129182" i="1"/>
  <c r="AF129183" i="1"/>
  <c r="AF129184" i="1"/>
  <c r="AF129185" i="1"/>
  <c r="AF129186" i="1"/>
  <c r="AF129187" i="1"/>
  <c r="AF129188" i="1"/>
  <c r="AF129189" i="1"/>
  <c r="AF129190" i="1"/>
  <c r="AF129191" i="1"/>
  <c r="AF129192" i="1"/>
  <c r="AF129193" i="1"/>
  <c r="AF129194" i="1"/>
  <c r="AF129195" i="1"/>
  <c r="AF129196" i="1"/>
  <c r="AF129197" i="1"/>
  <c r="AF129198" i="1"/>
  <c r="AF129199" i="1"/>
  <c r="AF129200" i="1"/>
  <c r="AF129201" i="1"/>
  <c r="AF129202" i="1"/>
  <c r="AF129203" i="1"/>
  <c r="AF129204" i="1"/>
  <c r="AF129205" i="1"/>
  <c r="AF129206" i="1"/>
  <c r="AF129207" i="1"/>
  <c r="AF129208" i="1"/>
  <c r="AF129209" i="1"/>
  <c r="AF129210" i="1"/>
  <c r="AF129211" i="1"/>
  <c r="AF129212" i="1"/>
  <c r="AF129213" i="1"/>
  <c r="AF129214" i="1"/>
  <c r="AF129215" i="1"/>
  <c r="AF129216" i="1"/>
  <c r="AF129217" i="1"/>
  <c r="AF129218" i="1"/>
  <c r="AF129219" i="1"/>
  <c r="AF129220" i="1"/>
  <c r="AF129221" i="1"/>
  <c r="AF129222" i="1"/>
  <c r="AF129223" i="1"/>
  <c r="AF129224" i="1"/>
  <c r="AF129225" i="1"/>
  <c r="AF129226" i="1"/>
  <c r="AF129227" i="1"/>
  <c r="AF129228" i="1"/>
  <c r="AF129229" i="1"/>
  <c r="AF129230" i="1"/>
  <c r="AF129231" i="1"/>
  <c r="AF129232" i="1"/>
  <c r="AF129233" i="1"/>
  <c r="AF129234" i="1"/>
  <c r="AF129235" i="1"/>
  <c r="AF129236" i="1"/>
  <c r="AF129237" i="1"/>
  <c r="AF129238" i="1"/>
  <c r="AF129239" i="1"/>
  <c r="AF129240" i="1"/>
  <c r="AF129241" i="1"/>
  <c r="AF129242" i="1"/>
  <c r="AF129243" i="1"/>
  <c r="AF129244" i="1"/>
  <c r="AF129245" i="1"/>
  <c r="AF129246" i="1"/>
  <c r="AF129247" i="1"/>
  <c r="AF129248" i="1"/>
  <c r="AF129249" i="1"/>
  <c r="AF129250" i="1"/>
  <c r="AF129251" i="1"/>
  <c r="AF129252" i="1"/>
  <c r="AF129253" i="1"/>
  <c r="AF129254" i="1"/>
  <c r="AF129255" i="1"/>
  <c r="AF129256" i="1"/>
  <c r="AF129257" i="1"/>
  <c r="AF129258" i="1"/>
  <c r="AF129259" i="1"/>
  <c r="AF129260" i="1"/>
  <c r="AF129261" i="1"/>
  <c r="AF129262" i="1"/>
  <c r="AF129263" i="1"/>
  <c r="AF129264" i="1"/>
  <c r="AF129265" i="1"/>
  <c r="AF129266" i="1"/>
  <c r="AF129267" i="1"/>
  <c r="AF129268" i="1"/>
  <c r="AF129269" i="1"/>
  <c r="AF129270" i="1"/>
  <c r="AF129271" i="1"/>
  <c r="AF129272" i="1"/>
  <c r="AF129273" i="1"/>
  <c r="AF129274" i="1"/>
  <c r="AF129275" i="1"/>
  <c r="AF129276" i="1"/>
  <c r="AF129277" i="1"/>
  <c r="AF129278" i="1"/>
  <c r="AF129279" i="1"/>
  <c r="AF129280" i="1"/>
  <c r="AF129281" i="1"/>
  <c r="AF129282" i="1"/>
  <c r="AF129283" i="1"/>
  <c r="AF129284" i="1"/>
  <c r="AF129285" i="1"/>
  <c r="AF129286" i="1"/>
  <c r="AF129287" i="1"/>
  <c r="AF129288" i="1"/>
  <c r="AF129289" i="1"/>
  <c r="AF129290" i="1"/>
  <c r="AF129291" i="1"/>
  <c r="AF129292" i="1"/>
  <c r="AF129293" i="1"/>
  <c r="AF129294" i="1"/>
  <c r="AF129295" i="1"/>
  <c r="AF129296" i="1"/>
  <c r="AF129297" i="1"/>
  <c r="AF129298" i="1"/>
  <c r="AF129299" i="1"/>
  <c r="AF129300" i="1"/>
  <c r="AF129301" i="1"/>
  <c r="AF129302" i="1"/>
  <c r="AF129303" i="1"/>
  <c r="AF129304" i="1"/>
  <c r="AF129305" i="1"/>
  <c r="AF129306" i="1"/>
  <c r="AF129307" i="1"/>
  <c r="AF129308" i="1"/>
  <c r="AF129309" i="1"/>
  <c r="AF129310" i="1"/>
  <c r="AF129311" i="1"/>
  <c r="AF129312" i="1"/>
  <c r="AF129313" i="1"/>
  <c r="AF129314" i="1"/>
  <c r="AF129315" i="1"/>
  <c r="AF129316" i="1"/>
  <c r="AF129317" i="1"/>
  <c r="AF129318" i="1"/>
  <c r="AF129319" i="1"/>
  <c r="AF129320" i="1"/>
  <c r="AF129321" i="1"/>
  <c r="AF129322" i="1"/>
  <c r="AF129323" i="1"/>
  <c r="AF129324" i="1"/>
  <c r="AF129325" i="1"/>
  <c r="AF129326" i="1"/>
  <c r="AF129327" i="1"/>
  <c r="AF129328" i="1"/>
  <c r="AF129329" i="1"/>
  <c r="AF129330" i="1"/>
  <c r="AF129331" i="1"/>
  <c r="AF129332" i="1"/>
  <c r="AF129333" i="1"/>
  <c r="AF129334" i="1"/>
  <c r="AF129335" i="1"/>
  <c r="AF129336" i="1"/>
  <c r="AF129337" i="1"/>
  <c r="AF129338" i="1"/>
  <c r="AF129339" i="1"/>
  <c r="AF129340" i="1"/>
  <c r="AF129341" i="1"/>
  <c r="AF129342" i="1"/>
  <c r="AF129343" i="1"/>
  <c r="AF129344" i="1"/>
  <c r="AF129345" i="1"/>
  <c r="AF129346" i="1"/>
  <c r="AF129347" i="1"/>
  <c r="AF129348" i="1"/>
  <c r="AF129349" i="1"/>
  <c r="AF129350" i="1"/>
  <c r="AF129351" i="1"/>
  <c r="AF129352" i="1"/>
  <c r="AF129353" i="1"/>
  <c r="AF129354" i="1"/>
  <c r="AF129355" i="1"/>
  <c r="AF129356" i="1"/>
  <c r="AF129357" i="1"/>
  <c r="AF129358" i="1"/>
  <c r="AF129359" i="1"/>
  <c r="AF129360" i="1"/>
  <c r="AF129361" i="1"/>
  <c r="AF129362" i="1"/>
  <c r="AF129363" i="1"/>
  <c r="AF129364" i="1"/>
  <c r="AF129365" i="1"/>
  <c r="AF129366" i="1"/>
  <c r="AF129367" i="1"/>
  <c r="AF129368" i="1"/>
  <c r="AF129369" i="1"/>
  <c r="AF129370" i="1"/>
  <c r="AF129371" i="1"/>
  <c r="AF129372" i="1"/>
  <c r="AF129373" i="1"/>
  <c r="AF129374" i="1"/>
  <c r="AF129375" i="1"/>
  <c r="AF129376" i="1"/>
  <c r="AF129377" i="1"/>
  <c r="AF129378" i="1"/>
  <c r="AF129379" i="1"/>
  <c r="AF129380" i="1"/>
  <c r="AF129381" i="1"/>
  <c r="AF129382" i="1"/>
  <c r="AF129383" i="1"/>
  <c r="AF129384" i="1"/>
  <c r="AF129385" i="1"/>
  <c r="AF129386" i="1"/>
  <c r="AF129387" i="1"/>
  <c r="AF129388" i="1"/>
  <c r="AF129389" i="1"/>
  <c r="AF129390" i="1"/>
  <c r="AF129391" i="1"/>
  <c r="AF129392" i="1"/>
  <c r="AF129393" i="1"/>
  <c r="AF129394" i="1"/>
  <c r="AF129395" i="1"/>
  <c r="AF129396" i="1"/>
  <c r="AF129397" i="1"/>
  <c r="AF129398" i="1"/>
  <c r="AF129399" i="1"/>
  <c r="AF129400" i="1"/>
  <c r="AF129401" i="1"/>
  <c r="AF129402" i="1"/>
  <c r="AF129403" i="1"/>
  <c r="AF129404" i="1"/>
  <c r="AF129405" i="1"/>
  <c r="AF129406" i="1"/>
  <c r="AF129407" i="1"/>
  <c r="AF129408" i="1"/>
  <c r="AF129409" i="1"/>
  <c r="AF129410" i="1"/>
  <c r="AF129411" i="1"/>
  <c r="AF129412" i="1"/>
  <c r="AF129413" i="1"/>
  <c r="AF129414" i="1"/>
  <c r="AF129415" i="1"/>
  <c r="AF129416" i="1"/>
  <c r="AF129417" i="1"/>
  <c r="AF129418" i="1"/>
  <c r="AF129419" i="1"/>
  <c r="AF129420" i="1"/>
  <c r="AF129421" i="1"/>
  <c r="AF129422" i="1"/>
  <c r="AF129423" i="1"/>
  <c r="AF129424" i="1"/>
  <c r="AF129425" i="1"/>
  <c r="AF129426" i="1"/>
  <c r="AF129427" i="1"/>
  <c r="AF129428" i="1"/>
  <c r="AF129429" i="1"/>
  <c r="AF129430" i="1"/>
  <c r="AF129431" i="1"/>
  <c r="AF129432" i="1"/>
  <c r="AF129433" i="1"/>
  <c r="AF129434" i="1"/>
  <c r="AF129435" i="1"/>
  <c r="AF129436" i="1"/>
  <c r="AF129437" i="1"/>
  <c r="AF129438" i="1"/>
  <c r="AF129439" i="1"/>
  <c r="AF129440" i="1"/>
  <c r="AF129441" i="1"/>
  <c r="AF129442" i="1"/>
  <c r="AF129443" i="1"/>
  <c r="AF129444" i="1"/>
  <c r="AF129445" i="1"/>
  <c r="AF129446" i="1"/>
  <c r="AF129447" i="1"/>
  <c r="AF129448" i="1"/>
  <c r="AF129449" i="1"/>
  <c r="AF129450" i="1"/>
  <c r="AF129451" i="1"/>
  <c r="AF129452" i="1"/>
  <c r="AF129453" i="1"/>
  <c r="AF129454" i="1"/>
  <c r="AF129455" i="1"/>
  <c r="AF129456" i="1"/>
  <c r="AF129457" i="1"/>
  <c r="AF129458" i="1"/>
  <c r="AF129459" i="1"/>
  <c r="AF129460" i="1"/>
  <c r="AF129461" i="1"/>
  <c r="AF129462" i="1"/>
  <c r="AF129463" i="1"/>
  <c r="AF129464" i="1"/>
  <c r="AF129465" i="1"/>
  <c r="AF129466" i="1"/>
  <c r="AF129467" i="1"/>
  <c r="AF129468" i="1"/>
  <c r="AF129469" i="1"/>
  <c r="AF129470" i="1"/>
  <c r="AF129471" i="1"/>
  <c r="AF129472" i="1"/>
  <c r="AF129473" i="1"/>
  <c r="AF129474" i="1"/>
  <c r="AF129475" i="1"/>
  <c r="AF129476" i="1"/>
  <c r="AF129477" i="1"/>
  <c r="AF129478" i="1"/>
  <c r="AF129479" i="1"/>
  <c r="AF129480" i="1"/>
  <c r="AF129481" i="1"/>
  <c r="AF129482" i="1"/>
  <c r="AF129483" i="1"/>
  <c r="AF129484" i="1"/>
  <c r="AF129485" i="1"/>
  <c r="AF129486" i="1"/>
  <c r="AF129487" i="1"/>
  <c r="AF129488" i="1"/>
  <c r="AF129489" i="1"/>
  <c r="AF129490" i="1"/>
  <c r="AF129491" i="1"/>
  <c r="AF129492" i="1"/>
  <c r="AF129493" i="1"/>
  <c r="AF129494" i="1"/>
  <c r="AF129495" i="1"/>
  <c r="AF129496" i="1"/>
  <c r="AF129497" i="1"/>
  <c r="AF129498" i="1"/>
  <c r="AF129499" i="1"/>
  <c r="AF129500" i="1"/>
  <c r="AF129501" i="1"/>
  <c r="AF129502" i="1"/>
  <c r="AF129503" i="1"/>
  <c r="AF129504" i="1"/>
  <c r="AF129505" i="1"/>
  <c r="AF129506" i="1"/>
  <c r="AF129507" i="1"/>
  <c r="AF129508" i="1"/>
  <c r="AF129509" i="1"/>
  <c r="AF129510" i="1"/>
  <c r="AF129511" i="1"/>
  <c r="AF129512" i="1"/>
  <c r="AF129513" i="1"/>
  <c r="AF129514" i="1"/>
  <c r="AF129515" i="1"/>
  <c r="AF129516" i="1"/>
  <c r="AF129517" i="1"/>
  <c r="AF129518" i="1"/>
  <c r="AF129519" i="1"/>
  <c r="AF129520" i="1"/>
  <c r="AF129521" i="1"/>
  <c r="AF129522" i="1"/>
  <c r="AF129523" i="1"/>
  <c r="AF129524" i="1"/>
  <c r="AF129525" i="1"/>
  <c r="AF129526" i="1"/>
  <c r="AF129527" i="1"/>
  <c r="AF129528" i="1"/>
  <c r="AF129529" i="1"/>
  <c r="AF129530" i="1"/>
  <c r="AF129531" i="1"/>
  <c r="AF129532" i="1"/>
  <c r="AF129533" i="1"/>
  <c r="AF129534" i="1"/>
  <c r="AF129535" i="1"/>
  <c r="AF129536" i="1"/>
  <c r="AF129537" i="1"/>
  <c r="AF129538" i="1"/>
  <c r="AF129539" i="1"/>
  <c r="AF129540" i="1"/>
  <c r="AF129541" i="1"/>
  <c r="AF129542" i="1"/>
  <c r="AF129543" i="1"/>
  <c r="AF129544" i="1"/>
  <c r="AF129545" i="1"/>
  <c r="AF129546" i="1"/>
  <c r="AF129547" i="1"/>
  <c r="AF129548" i="1"/>
  <c r="AF129549" i="1"/>
  <c r="AF129550" i="1"/>
  <c r="AF129551" i="1"/>
  <c r="AF129552" i="1"/>
  <c r="AF129553" i="1"/>
  <c r="AF129554" i="1"/>
  <c r="AF129555" i="1"/>
  <c r="AF129556" i="1"/>
  <c r="AF129557" i="1"/>
  <c r="AF129558" i="1"/>
  <c r="AF129559" i="1"/>
  <c r="AF129560" i="1"/>
  <c r="AF129561" i="1"/>
  <c r="AF129562" i="1"/>
  <c r="AF129563" i="1"/>
  <c r="AF129564" i="1"/>
  <c r="AF129565" i="1"/>
  <c r="AF129566" i="1"/>
  <c r="AF129567" i="1"/>
  <c r="AF129568" i="1"/>
  <c r="AF129569" i="1"/>
  <c r="AF129570" i="1"/>
  <c r="AF129571" i="1"/>
  <c r="AF129572" i="1"/>
  <c r="AF129573" i="1"/>
  <c r="AF129574" i="1"/>
  <c r="AF129575" i="1"/>
  <c r="AF129576" i="1"/>
  <c r="AF129577" i="1"/>
  <c r="AF129578" i="1"/>
  <c r="AF129579" i="1"/>
  <c r="AF129580" i="1"/>
  <c r="AF129581" i="1"/>
  <c r="AF129582" i="1"/>
  <c r="AF129583" i="1"/>
  <c r="AF129584" i="1"/>
  <c r="AF129585" i="1"/>
  <c r="AF129586" i="1"/>
  <c r="AF129587" i="1"/>
  <c r="AF129588" i="1"/>
  <c r="AF129589" i="1"/>
  <c r="AF129590" i="1"/>
  <c r="AF129591" i="1"/>
  <c r="AF129592" i="1"/>
  <c r="AF129593" i="1"/>
  <c r="AF129594" i="1"/>
  <c r="AF129595" i="1"/>
  <c r="AF129596" i="1"/>
  <c r="AF129597" i="1"/>
  <c r="AF129598" i="1"/>
  <c r="AF129599" i="1"/>
  <c r="AF129600" i="1"/>
  <c r="AF129601" i="1"/>
  <c r="AF129602" i="1"/>
  <c r="AF129603" i="1"/>
  <c r="AF129604" i="1"/>
  <c r="AF129605" i="1"/>
  <c r="AF129606" i="1"/>
  <c r="AF129607" i="1"/>
  <c r="AF129608" i="1"/>
  <c r="AF129609" i="1"/>
  <c r="AF129610" i="1"/>
  <c r="AF129611" i="1"/>
  <c r="AF129612" i="1"/>
  <c r="AF129613" i="1"/>
  <c r="AF129614" i="1"/>
  <c r="AF129615" i="1"/>
  <c r="AF129616" i="1"/>
  <c r="AF129617" i="1"/>
  <c r="AF129618" i="1"/>
  <c r="AF129619" i="1"/>
  <c r="AF129620" i="1"/>
  <c r="AF129621" i="1"/>
  <c r="AF129622" i="1"/>
  <c r="AF129623" i="1"/>
  <c r="AF129624" i="1"/>
  <c r="AF129625" i="1"/>
  <c r="AF129626" i="1"/>
  <c r="AF129627" i="1"/>
  <c r="AF129628" i="1"/>
  <c r="AF129629" i="1"/>
  <c r="AF129630" i="1"/>
  <c r="AF129631" i="1"/>
  <c r="AF129632" i="1"/>
  <c r="AF129633" i="1"/>
  <c r="AF129634" i="1"/>
  <c r="AF129635" i="1"/>
  <c r="AF129636" i="1"/>
  <c r="AF129637" i="1"/>
  <c r="AF129638" i="1"/>
  <c r="AF129639" i="1"/>
  <c r="AF129640" i="1"/>
  <c r="AF129641" i="1"/>
  <c r="AF129642" i="1"/>
  <c r="AF129643" i="1"/>
  <c r="AF129644" i="1"/>
  <c r="AF129645" i="1"/>
  <c r="AF129646" i="1"/>
  <c r="AF129647" i="1"/>
  <c r="AF129648" i="1"/>
  <c r="AF129649" i="1"/>
  <c r="AF129650" i="1"/>
  <c r="AF129651" i="1"/>
  <c r="AF129652" i="1"/>
  <c r="AF129653" i="1"/>
  <c r="AF129654" i="1"/>
  <c r="AF129655" i="1"/>
  <c r="AF129656" i="1"/>
  <c r="AF129657" i="1"/>
  <c r="AF129658" i="1"/>
  <c r="AF129659" i="1"/>
  <c r="AF129660" i="1"/>
  <c r="AF129661" i="1"/>
  <c r="AF129662" i="1"/>
  <c r="AF129663" i="1"/>
  <c r="AF129664" i="1"/>
  <c r="AF129665" i="1"/>
  <c r="AF129666" i="1"/>
  <c r="AF129667" i="1"/>
  <c r="AF129668" i="1"/>
  <c r="AF129669" i="1"/>
  <c r="AF129670" i="1"/>
  <c r="AF129671" i="1"/>
  <c r="AF129672" i="1"/>
  <c r="AF129673" i="1"/>
  <c r="AF129674" i="1"/>
  <c r="AF129675" i="1"/>
  <c r="AF129676" i="1"/>
  <c r="AF129677" i="1"/>
  <c r="AF129678" i="1"/>
  <c r="AF129679" i="1"/>
  <c r="AF129680" i="1"/>
  <c r="AF129681" i="1"/>
  <c r="AF129682" i="1"/>
  <c r="AF129683" i="1"/>
  <c r="AF129684" i="1"/>
  <c r="AF129685" i="1"/>
  <c r="AF129686" i="1"/>
  <c r="AF129687" i="1"/>
  <c r="AF129688" i="1"/>
  <c r="AF129689" i="1"/>
  <c r="AF129690" i="1"/>
  <c r="AF129691" i="1"/>
  <c r="AF129692" i="1"/>
  <c r="AF129693" i="1"/>
  <c r="AF129694" i="1"/>
  <c r="AF129695" i="1"/>
  <c r="AF129696" i="1"/>
  <c r="AF129697" i="1"/>
  <c r="AF129698" i="1"/>
  <c r="AF129699" i="1"/>
  <c r="AF129700" i="1"/>
  <c r="AF129701" i="1"/>
  <c r="AF129702" i="1"/>
  <c r="AF129703" i="1"/>
  <c r="AF129704" i="1"/>
  <c r="AF129705" i="1"/>
  <c r="AF129706" i="1"/>
  <c r="AF129707" i="1"/>
  <c r="AF129708" i="1"/>
  <c r="AF129709" i="1"/>
  <c r="AF129710" i="1"/>
  <c r="AF129711" i="1"/>
  <c r="AF129712" i="1"/>
  <c r="AF129713" i="1"/>
  <c r="AF129714" i="1"/>
  <c r="AF129715" i="1"/>
  <c r="AF129716" i="1"/>
  <c r="AF129717" i="1"/>
  <c r="AF129718" i="1"/>
  <c r="AF129719" i="1"/>
  <c r="AF129720" i="1"/>
  <c r="AF129721" i="1"/>
  <c r="AF129722" i="1"/>
  <c r="AF129723" i="1"/>
  <c r="AF129724" i="1"/>
  <c r="AF129725" i="1"/>
  <c r="AF129726" i="1"/>
  <c r="AF129727" i="1"/>
  <c r="AF129728" i="1"/>
  <c r="AF129729" i="1"/>
  <c r="AF129730" i="1"/>
  <c r="AF129731" i="1"/>
  <c r="AF129732" i="1"/>
  <c r="AF129733" i="1"/>
  <c r="AF129734" i="1"/>
  <c r="AF129735" i="1"/>
  <c r="AF129736" i="1"/>
  <c r="AF129737" i="1"/>
  <c r="AF129738" i="1"/>
  <c r="AF129739" i="1"/>
  <c r="AF129740" i="1"/>
  <c r="AF129741" i="1"/>
  <c r="AF129742" i="1"/>
  <c r="AF129743" i="1"/>
  <c r="AF129744" i="1"/>
  <c r="AF129745" i="1"/>
  <c r="AF129746" i="1"/>
  <c r="AF129747" i="1"/>
  <c r="AF129748" i="1"/>
  <c r="AF129749" i="1"/>
  <c r="AF129750" i="1"/>
  <c r="AF129751" i="1"/>
  <c r="AF129752" i="1"/>
  <c r="AF129753" i="1"/>
  <c r="AF129754" i="1"/>
  <c r="AF129755" i="1"/>
  <c r="AF129756" i="1"/>
  <c r="AF129757" i="1"/>
  <c r="AF129758" i="1"/>
  <c r="AF129759" i="1"/>
  <c r="AF129760" i="1"/>
  <c r="AF129761" i="1"/>
  <c r="AF129762" i="1"/>
  <c r="AF129763" i="1"/>
  <c r="AF129764" i="1"/>
  <c r="AF129765" i="1"/>
  <c r="AF129766" i="1"/>
  <c r="AF129767" i="1"/>
  <c r="AF129768" i="1"/>
  <c r="AF129769" i="1"/>
  <c r="AF129770" i="1"/>
  <c r="AF129771" i="1"/>
  <c r="AF129772" i="1"/>
  <c r="AF129773" i="1"/>
  <c r="AF129774" i="1"/>
  <c r="AF129775" i="1"/>
  <c r="AF129776" i="1"/>
  <c r="AF129777" i="1"/>
  <c r="AF129778" i="1"/>
  <c r="AF129779" i="1"/>
  <c r="AF129780" i="1"/>
  <c r="AF129781" i="1"/>
  <c r="AF129782" i="1"/>
  <c r="AF129783" i="1"/>
  <c r="AF129784" i="1"/>
  <c r="AF129785" i="1"/>
  <c r="AF129786" i="1"/>
  <c r="AF129787" i="1"/>
  <c r="AF129788" i="1"/>
  <c r="AF129789" i="1"/>
  <c r="AF129790" i="1"/>
  <c r="AF129791" i="1"/>
  <c r="AF129792" i="1"/>
  <c r="AF129793" i="1"/>
  <c r="AF129794" i="1"/>
  <c r="AF129795" i="1"/>
  <c r="AF129796" i="1"/>
  <c r="AF129797" i="1"/>
  <c r="AF129798" i="1"/>
  <c r="AF129799" i="1"/>
  <c r="AF129800" i="1"/>
  <c r="AF129801" i="1"/>
  <c r="AF129802" i="1"/>
  <c r="AF129803" i="1"/>
  <c r="AF129804" i="1"/>
  <c r="AF129805" i="1"/>
  <c r="AF129806" i="1"/>
  <c r="AF129807" i="1"/>
  <c r="AF129808" i="1"/>
  <c r="AF129809" i="1"/>
  <c r="AF129810" i="1"/>
  <c r="AF129811" i="1"/>
  <c r="AF129812" i="1"/>
  <c r="AF129813" i="1"/>
  <c r="AF129814" i="1"/>
  <c r="AF129815" i="1"/>
  <c r="AF129816" i="1"/>
  <c r="AF129817" i="1"/>
  <c r="AF129818" i="1"/>
  <c r="AF129819" i="1"/>
  <c r="AF129820" i="1"/>
  <c r="AF129821" i="1"/>
  <c r="AF129822" i="1"/>
  <c r="AF129823" i="1"/>
  <c r="AF129824" i="1"/>
  <c r="AF129825" i="1"/>
  <c r="AF129826" i="1"/>
  <c r="AF129827" i="1"/>
  <c r="AF129828" i="1"/>
  <c r="AF129829" i="1"/>
  <c r="AF129830" i="1"/>
  <c r="AF129831" i="1"/>
  <c r="AF129832" i="1"/>
  <c r="AF129833" i="1"/>
  <c r="AF129834" i="1"/>
  <c r="AF129835" i="1"/>
  <c r="AF129836" i="1"/>
  <c r="AF129837" i="1"/>
  <c r="AF129838" i="1"/>
  <c r="AF129839" i="1"/>
  <c r="AF129840" i="1"/>
  <c r="AF129841" i="1"/>
  <c r="AF129842" i="1"/>
  <c r="AF129843" i="1"/>
  <c r="AF129844" i="1"/>
  <c r="AF129845" i="1"/>
  <c r="AF129846" i="1"/>
  <c r="AF129847" i="1"/>
  <c r="AF129848" i="1"/>
  <c r="AF129849" i="1"/>
  <c r="AF129850" i="1"/>
  <c r="AF129851" i="1"/>
  <c r="AF129852" i="1"/>
  <c r="AF129853" i="1"/>
  <c r="AF129854" i="1"/>
  <c r="AF129855" i="1"/>
  <c r="AF129856" i="1"/>
  <c r="AF129857" i="1"/>
  <c r="AF129858" i="1"/>
  <c r="AF129859" i="1"/>
  <c r="AF129860" i="1"/>
  <c r="AF129861" i="1"/>
  <c r="AF129862" i="1"/>
  <c r="AF129863" i="1"/>
  <c r="AF129864" i="1"/>
  <c r="AF129865" i="1"/>
  <c r="AF129866" i="1"/>
  <c r="AF129867" i="1"/>
  <c r="AF129868" i="1"/>
  <c r="AF129869" i="1"/>
  <c r="AF129870" i="1"/>
  <c r="AF129871" i="1"/>
  <c r="AF129872" i="1"/>
  <c r="AF129873" i="1"/>
  <c r="AF129874" i="1"/>
  <c r="AF129875" i="1"/>
  <c r="AF129876" i="1"/>
  <c r="AF129877" i="1"/>
  <c r="AF129878" i="1"/>
  <c r="AF129879" i="1"/>
  <c r="AF129880" i="1"/>
  <c r="AF129881" i="1"/>
  <c r="AF129882" i="1"/>
  <c r="AF129883" i="1"/>
  <c r="AF129884" i="1"/>
  <c r="AF129885" i="1"/>
  <c r="AF129886" i="1"/>
  <c r="AF129887" i="1"/>
  <c r="AF129888" i="1"/>
  <c r="AF129889" i="1"/>
  <c r="AF129890" i="1"/>
  <c r="AF129891" i="1"/>
  <c r="AF129892" i="1"/>
  <c r="AF129893" i="1"/>
  <c r="AF129894" i="1"/>
  <c r="AF129895" i="1"/>
  <c r="AF129896" i="1"/>
  <c r="AF129897" i="1"/>
  <c r="AF129898" i="1"/>
  <c r="AF129899" i="1"/>
  <c r="AF129900" i="1"/>
  <c r="AF129901" i="1"/>
  <c r="AF129902" i="1"/>
  <c r="AF129903" i="1"/>
  <c r="AF129904" i="1"/>
  <c r="AF129905" i="1"/>
  <c r="AF129906" i="1"/>
  <c r="AF129907" i="1"/>
  <c r="AF129908" i="1"/>
  <c r="AF129909" i="1"/>
  <c r="AF129910" i="1"/>
  <c r="AF129911" i="1"/>
  <c r="AF129912" i="1"/>
  <c r="AF129913" i="1"/>
  <c r="AF129914" i="1"/>
  <c r="AF129915" i="1"/>
  <c r="AF129916" i="1"/>
  <c r="AF129917" i="1"/>
  <c r="AF129918" i="1"/>
  <c r="AF129919" i="1"/>
  <c r="AF129920" i="1"/>
  <c r="AF129921" i="1"/>
  <c r="AF129922" i="1"/>
  <c r="AF129923" i="1"/>
  <c r="AF129924" i="1"/>
  <c r="AF129925" i="1"/>
  <c r="AF129926" i="1"/>
  <c r="AF129927" i="1"/>
  <c r="AF129928" i="1"/>
  <c r="AF129929" i="1"/>
  <c r="AF129930" i="1"/>
  <c r="AF129931" i="1"/>
  <c r="AF129932" i="1"/>
  <c r="AF129933" i="1"/>
  <c r="AF129934" i="1"/>
  <c r="AF129935" i="1"/>
  <c r="AF129936" i="1"/>
  <c r="AF129937" i="1"/>
  <c r="AF129938" i="1"/>
  <c r="AF129939" i="1"/>
  <c r="AF129940" i="1"/>
  <c r="AF129941" i="1"/>
  <c r="AF129942" i="1"/>
  <c r="AF129943" i="1"/>
  <c r="AF129944" i="1"/>
  <c r="AF129945" i="1"/>
  <c r="AF129946" i="1"/>
  <c r="AF129947" i="1"/>
  <c r="AF129948" i="1"/>
  <c r="AF129949" i="1"/>
  <c r="AF129950" i="1"/>
  <c r="AF129951" i="1"/>
  <c r="AF129952" i="1"/>
  <c r="AF129953" i="1"/>
  <c r="AF129954" i="1"/>
  <c r="AF129955" i="1"/>
  <c r="AF129956" i="1"/>
  <c r="AF129957" i="1"/>
  <c r="AF129958" i="1"/>
  <c r="AF129959" i="1"/>
  <c r="AF129960" i="1"/>
  <c r="AF129961" i="1"/>
  <c r="AF129962" i="1"/>
  <c r="AF129963" i="1"/>
  <c r="AF129964" i="1"/>
  <c r="AF129965" i="1"/>
  <c r="AF129966" i="1"/>
  <c r="AF129967" i="1"/>
  <c r="AF129968" i="1"/>
  <c r="AF129969" i="1"/>
  <c r="AF129970" i="1"/>
  <c r="AF129971" i="1"/>
  <c r="AF129972" i="1"/>
  <c r="AF129973" i="1"/>
  <c r="AF129974" i="1"/>
  <c r="AF129975" i="1"/>
  <c r="AF129976" i="1"/>
  <c r="AF129977" i="1"/>
  <c r="AF129978" i="1"/>
  <c r="AF129979" i="1"/>
  <c r="AF129980" i="1"/>
  <c r="AF129981" i="1"/>
  <c r="AF129982" i="1"/>
  <c r="AF129983" i="1"/>
  <c r="AF129984" i="1"/>
  <c r="AF129985" i="1"/>
  <c r="AF129986" i="1"/>
  <c r="AF129987" i="1"/>
  <c r="AF129988" i="1"/>
  <c r="AF129989" i="1"/>
  <c r="AF129990" i="1"/>
  <c r="AF129991" i="1"/>
  <c r="AF129992" i="1"/>
  <c r="AF129993" i="1"/>
  <c r="AF129994" i="1"/>
  <c r="AF129995" i="1"/>
  <c r="AF129996" i="1"/>
  <c r="AF129997" i="1"/>
  <c r="AF129998" i="1"/>
  <c r="AF129999" i="1"/>
  <c r="AF130000" i="1"/>
  <c r="AF130001" i="1"/>
  <c r="AF130002" i="1"/>
  <c r="AF130003" i="1"/>
  <c r="AF130004" i="1"/>
  <c r="AF130005" i="1"/>
  <c r="AF130006" i="1"/>
  <c r="AF130007" i="1"/>
  <c r="AF130008" i="1"/>
  <c r="AF130009" i="1"/>
  <c r="AF130010" i="1"/>
  <c r="AF130011" i="1"/>
  <c r="AF130012" i="1"/>
  <c r="AF130013" i="1"/>
  <c r="AF130014" i="1"/>
  <c r="AF130015" i="1"/>
  <c r="AF130016" i="1"/>
  <c r="AF130017" i="1"/>
  <c r="AF130018" i="1"/>
  <c r="AF130019" i="1"/>
  <c r="AF130020" i="1"/>
  <c r="AF130021" i="1"/>
  <c r="AF130022" i="1"/>
  <c r="AF130023" i="1"/>
  <c r="AF130024" i="1"/>
  <c r="AF130025" i="1"/>
  <c r="AF130026" i="1"/>
  <c r="AF130027" i="1"/>
  <c r="AF130028" i="1"/>
  <c r="AF130029" i="1"/>
  <c r="AF130030" i="1"/>
  <c r="AF130031" i="1"/>
  <c r="AF130032" i="1"/>
  <c r="AF130033" i="1"/>
  <c r="AF130034" i="1"/>
  <c r="AF130035" i="1"/>
  <c r="AF130036" i="1"/>
  <c r="AF130037" i="1"/>
  <c r="AF130038" i="1"/>
  <c r="AF130039" i="1"/>
  <c r="AF130040" i="1"/>
  <c r="AF130041" i="1"/>
  <c r="AF130042" i="1"/>
  <c r="AF130043" i="1"/>
  <c r="AF130044" i="1"/>
  <c r="AF130045" i="1"/>
  <c r="AF130046" i="1"/>
  <c r="AF130047" i="1"/>
  <c r="AF130048" i="1"/>
  <c r="AF130049" i="1"/>
  <c r="AF130050" i="1"/>
  <c r="AF130051" i="1"/>
  <c r="AF130052" i="1"/>
  <c r="AF130053" i="1"/>
  <c r="AF130054" i="1"/>
  <c r="AF130055" i="1"/>
  <c r="AF130056" i="1"/>
  <c r="AF130057" i="1"/>
  <c r="AF130058" i="1"/>
  <c r="AF130059" i="1"/>
  <c r="AF130060" i="1"/>
  <c r="AF130061" i="1"/>
  <c r="AF130062" i="1"/>
  <c r="AF130063" i="1"/>
  <c r="AF130064" i="1"/>
  <c r="AF130065" i="1"/>
  <c r="AF130066" i="1"/>
  <c r="AF130067" i="1"/>
  <c r="AF130068" i="1"/>
  <c r="AF130069" i="1"/>
  <c r="AF130070" i="1"/>
  <c r="AF130071" i="1"/>
  <c r="AF130072" i="1"/>
  <c r="AF130073" i="1"/>
  <c r="AF130074" i="1"/>
  <c r="AF130075" i="1"/>
  <c r="AF130076" i="1"/>
  <c r="AF130077" i="1"/>
  <c r="AF130078" i="1"/>
  <c r="AF130079" i="1"/>
  <c r="AF130080" i="1"/>
  <c r="AF130081" i="1"/>
  <c r="AF130082" i="1"/>
  <c r="AF130083" i="1"/>
  <c r="AF130084" i="1"/>
  <c r="AF130085" i="1"/>
  <c r="AF130086" i="1"/>
  <c r="AF130087" i="1"/>
  <c r="AF130088" i="1"/>
  <c r="AF130089" i="1"/>
  <c r="AF130090" i="1"/>
  <c r="AF130091" i="1"/>
  <c r="AF130092" i="1"/>
  <c r="AF130093" i="1"/>
  <c r="AF130094" i="1"/>
  <c r="AF130095" i="1"/>
  <c r="AF130096" i="1"/>
  <c r="AF130097" i="1"/>
  <c r="AF130098" i="1"/>
  <c r="AF130099" i="1"/>
  <c r="AF130100" i="1"/>
  <c r="AF130101" i="1"/>
  <c r="AF130102" i="1"/>
  <c r="AF130103" i="1"/>
  <c r="AF130104" i="1"/>
  <c r="AF130105" i="1"/>
  <c r="AF130106" i="1"/>
  <c r="AF130107" i="1"/>
  <c r="AF130108" i="1"/>
  <c r="AF130109" i="1"/>
  <c r="AF130110" i="1"/>
  <c r="AF130111" i="1"/>
  <c r="AF130112" i="1"/>
  <c r="AF130113" i="1"/>
  <c r="AF130114" i="1"/>
  <c r="AF130115" i="1"/>
  <c r="AF130116" i="1"/>
  <c r="AF130117" i="1"/>
  <c r="AF130118" i="1"/>
  <c r="AF130119" i="1"/>
  <c r="AF130120" i="1"/>
  <c r="AF130121" i="1"/>
  <c r="AF130122" i="1"/>
  <c r="AF130123" i="1"/>
  <c r="AF130124" i="1"/>
  <c r="AF130125" i="1"/>
  <c r="AF130126" i="1"/>
  <c r="AF130127" i="1"/>
  <c r="AF130128" i="1"/>
  <c r="AF130129" i="1"/>
  <c r="AF130130" i="1"/>
  <c r="AF130131" i="1"/>
  <c r="AF130132" i="1"/>
  <c r="AF130133" i="1"/>
  <c r="AF130134" i="1"/>
  <c r="AF130135" i="1"/>
  <c r="AF130136" i="1"/>
  <c r="AF130137" i="1"/>
  <c r="AF130138" i="1"/>
  <c r="AF130139" i="1"/>
  <c r="AF130140" i="1"/>
  <c r="AF130141" i="1"/>
  <c r="AF130142" i="1"/>
  <c r="AF130143" i="1"/>
  <c r="AF130144" i="1"/>
  <c r="AF130145" i="1"/>
  <c r="AF130146" i="1"/>
  <c r="AF130147" i="1"/>
  <c r="AF130148" i="1"/>
  <c r="AF130149" i="1"/>
  <c r="AF130150" i="1"/>
  <c r="AF130151" i="1"/>
  <c r="AF130152" i="1"/>
  <c r="AF130153" i="1"/>
  <c r="AF130154" i="1"/>
  <c r="AF130155" i="1"/>
  <c r="AF130156" i="1"/>
  <c r="AF130157" i="1"/>
  <c r="AF130158" i="1"/>
  <c r="AF130159" i="1"/>
  <c r="AF130160" i="1"/>
  <c r="AF130161" i="1"/>
  <c r="AF130162" i="1"/>
  <c r="AF130163" i="1"/>
  <c r="AF130164" i="1"/>
  <c r="AF130165" i="1"/>
  <c r="AF130166" i="1"/>
  <c r="AF130167" i="1"/>
  <c r="AF130168" i="1"/>
  <c r="AF130169" i="1"/>
  <c r="AF130170" i="1"/>
  <c r="AF130171" i="1"/>
  <c r="AF130172" i="1"/>
  <c r="AF130173" i="1"/>
  <c r="AF130174" i="1"/>
  <c r="AF130175" i="1"/>
  <c r="AF130176" i="1"/>
  <c r="AF130177" i="1"/>
  <c r="AF130178" i="1"/>
  <c r="AF130179" i="1"/>
  <c r="AF130180" i="1"/>
  <c r="AF130181" i="1"/>
  <c r="AF130182" i="1"/>
  <c r="AF130183" i="1"/>
  <c r="AF130184" i="1"/>
  <c r="AF130185" i="1"/>
  <c r="AF130186" i="1"/>
  <c r="AF130187" i="1"/>
  <c r="AF130188" i="1"/>
  <c r="AF130189" i="1"/>
  <c r="AF130190" i="1"/>
  <c r="AF130191" i="1"/>
  <c r="AF130192" i="1"/>
  <c r="AF130193" i="1"/>
  <c r="AF130194" i="1"/>
  <c r="AF130195" i="1"/>
  <c r="AF130196" i="1"/>
  <c r="AF130197" i="1"/>
  <c r="AF130198" i="1"/>
  <c r="AF130199" i="1"/>
  <c r="AF130200" i="1"/>
  <c r="AF130201" i="1"/>
  <c r="AF130202" i="1"/>
  <c r="AF130203" i="1"/>
  <c r="AF130204" i="1"/>
  <c r="AF130205" i="1"/>
  <c r="AF130206" i="1"/>
  <c r="AF130207" i="1"/>
  <c r="AF130208" i="1"/>
  <c r="AF130209" i="1"/>
  <c r="AF130210" i="1"/>
  <c r="AF130211" i="1"/>
  <c r="AF130212" i="1"/>
  <c r="AF130213" i="1"/>
  <c r="AF130214" i="1"/>
  <c r="AF130215" i="1"/>
  <c r="AF130216" i="1"/>
  <c r="AF130217" i="1"/>
  <c r="AF130218" i="1"/>
  <c r="AF130219" i="1"/>
  <c r="AF130220" i="1"/>
  <c r="AF130221" i="1"/>
  <c r="AF130222" i="1"/>
  <c r="AF130223" i="1"/>
  <c r="AF130224" i="1"/>
  <c r="AF130225" i="1"/>
  <c r="AF130226" i="1"/>
  <c r="AF130227" i="1"/>
  <c r="AF130228" i="1"/>
  <c r="AF130229" i="1"/>
  <c r="AF130230" i="1"/>
  <c r="AF130231" i="1"/>
  <c r="AF130232" i="1"/>
  <c r="AF130233" i="1"/>
  <c r="AF130234" i="1"/>
  <c r="AF130235" i="1"/>
  <c r="AF130236" i="1"/>
  <c r="AF130237" i="1"/>
  <c r="AF130238" i="1"/>
  <c r="AF130239" i="1"/>
  <c r="AF130240" i="1"/>
  <c r="AF130241" i="1"/>
  <c r="AF130242" i="1"/>
  <c r="AF130243" i="1"/>
  <c r="AF130244" i="1"/>
  <c r="AF130245" i="1"/>
  <c r="AF130246" i="1"/>
  <c r="AF130247" i="1"/>
  <c r="AF130248" i="1"/>
  <c r="AF130249" i="1"/>
  <c r="AF130250" i="1"/>
  <c r="AF130251" i="1"/>
  <c r="AF130252" i="1"/>
  <c r="AF130253" i="1"/>
  <c r="AF130254" i="1"/>
  <c r="AF130255" i="1"/>
  <c r="AF130256" i="1"/>
  <c r="AF130257" i="1"/>
  <c r="AF130258" i="1"/>
  <c r="AF130259" i="1"/>
  <c r="AF130260" i="1"/>
  <c r="AF130261" i="1"/>
  <c r="AF130262" i="1"/>
  <c r="AF130263" i="1"/>
  <c r="AF130264" i="1"/>
  <c r="AF130265" i="1"/>
  <c r="AF130266" i="1"/>
  <c r="AF130267" i="1"/>
  <c r="AF130268" i="1"/>
  <c r="AF130269" i="1"/>
  <c r="AF130270" i="1"/>
  <c r="AF130271" i="1"/>
  <c r="AF130272" i="1"/>
  <c r="AF130273" i="1"/>
  <c r="AF130274" i="1"/>
  <c r="AF130275" i="1"/>
  <c r="AF130276" i="1"/>
  <c r="AF130277" i="1"/>
  <c r="AF130278" i="1"/>
  <c r="AF130279" i="1"/>
  <c r="AF130280" i="1"/>
  <c r="AF130281" i="1"/>
  <c r="AF130282" i="1"/>
  <c r="AF130283" i="1"/>
  <c r="AF130284" i="1"/>
  <c r="AF130285" i="1"/>
  <c r="AF130286" i="1"/>
  <c r="AF130287" i="1"/>
  <c r="AF130288" i="1"/>
  <c r="AF130289" i="1"/>
  <c r="AF130290" i="1"/>
  <c r="AF130291" i="1"/>
  <c r="AF130292" i="1"/>
  <c r="AF130293" i="1"/>
  <c r="AF130294" i="1"/>
  <c r="AF130295" i="1"/>
  <c r="AF130296" i="1"/>
  <c r="AF130297" i="1"/>
  <c r="AF130298" i="1"/>
  <c r="AF130299" i="1"/>
  <c r="AF130300" i="1"/>
  <c r="AF130301" i="1"/>
  <c r="AF130302" i="1"/>
  <c r="AF130303" i="1"/>
  <c r="AF130304" i="1"/>
  <c r="AF130305" i="1"/>
  <c r="AF130306" i="1"/>
  <c r="AF130307" i="1"/>
  <c r="AF130308" i="1"/>
  <c r="AF130309" i="1"/>
  <c r="AF130310" i="1"/>
  <c r="AF130311" i="1"/>
  <c r="AF130312" i="1"/>
  <c r="AF130313" i="1"/>
  <c r="AF130314" i="1"/>
  <c r="AF130315" i="1"/>
  <c r="AF130316" i="1"/>
  <c r="AF130317" i="1"/>
  <c r="AF130318" i="1"/>
  <c r="AF130319" i="1"/>
  <c r="AF130320" i="1"/>
  <c r="AF130321" i="1"/>
  <c r="AF130322" i="1"/>
  <c r="AF130323" i="1"/>
  <c r="AF130324" i="1"/>
  <c r="AF130325" i="1"/>
  <c r="AF130326" i="1"/>
  <c r="AF130327" i="1"/>
  <c r="AF130328" i="1"/>
  <c r="AF130329" i="1"/>
  <c r="AF130330" i="1"/>
  <c r="AF130331" i="1"/>
  <c r="AF130332" i="1"/>
  <c r="AF130333" i="1"/>
  <c r="AF130334" i="1"/>
  <c r="AF130335" i="1"/>
  <c r="AF130336" i="1"/>
  <c r="AF130337" i="1"/>
  <c r="AF130338" i="1"/>
  <c r="AF130339" i="1"/>
  <c r="AF130340" i="1"/>
  <c r="AF130341" i="1"/>
  <c r="AF130342" i="1"/>
  <c r="AF130343" i="1"/>
  <c r="AF130344" i="1"/>
  <c r="AF130345" i="1"/>
  <c r="AF130346" i="1"/>
  <c r="AF130347" i="1"/>
  <c r="AF130348" i="1"/>
  <c r="AF130349" i="1"/>
  <c r="AF130350" i="1"/>
  <c r="AF130351" i="1"/>
  <c r="AF130352" i="1"/>
  <c r="AF130353" i="1"/>
  <c r="AF130354" i="1"/>
  <c r="AF130355" i="1"/>
  <c r="AF130356" i="1"/>
  <c r="AF130357" i="1"/>
  <c r="AF130358" i="1"/>
  <c r="AF130359" i="1"/>
  <c r="AF130360" i="1"/>
  <c r="AF130361" i="1"/>
  <c r="AF130362" i="1"/>
  <c r="AF130363" i="1"/>
  <c r="AF130364" i="1"/>
  <c r="AF130365" i="1"/>
  <c r="AF130366" i="1"/>
  <c r="AF130367" i="1"/>
  <c r="AF130368" i="1"/>
  <c r="AF130369" i="1"/>
  <c r="AF130370" i="1"/>
  <c r="AF130371" i="1"/>
  <c r="AF130372" i="1"/>
  <c r="AF130373" i="1"/>
  <c r="AF130374" i="1"/>
  <c r="AF130375" i="1"/>
  <c r="AF130376" i="1"/>
  <c r="AF130377" i="1"/>
  <c r="AF130378" i="1"/>
  <c r="AF130379" i="1"/>
  <c r="AF130380" i="1"/>
  <c r="AF130381" i="1"/>
  <c r="AF130382" i="1"/>
  <c r="AF130383" i="1"/>
  <c r="AF130384" i="1"/>
  <c r="AF130385" i="1"/>
  <c r="AF130386" i="1"/>
  <c r="AF130387" i="1"/>
  <c r="AF130388" i="1"/>
  <c r="AF130389" i="1"/>
  <c r="AF130390" i="1"/>
  <c r="AF130391" i="1"/>
  <c r="AF130392" i="1"/>
  <c r="AF130393" i="1"/>
  <c r="AF130394" i="1"/>
  <c r="AF130395" i="1"/>
  <c r="AF130396" i="1"/>
  <c r="AF130397" i="1"/>
  <c r="AF130398" i="1"/>
  <c r="AF130399" i="1"/>
  <c r="AF130400" i="1"/>
  <c r="AF130401" i="1"/>
  <c r="AF130402" i="1"/>
  <c r="AF130403" i="1"/>
  <c r="AF130404" i="1"/>
  <c r="AF130405" i="1"/>
  <c r="AF130406" i="1"/>
  <c r="AF130407" i="1"/>
  <c r="AF130408" i="1"/>
  <c r="AF130409" i="1"/>
  <c r="AF130410" i="1"/>
  <c r="AF130411" i="1"/>
  <c r="AF130412" i="1"/>
  <c r="AF130413" i="1"/>
  <c r="AF130414" i="1"/>
  <c r="AF130415" i="1"/>
  <c r="AF130416" i="1"/>
  <c r="AF130417" i="1"/>
  <c r="AF130418" i="1"/>
  <c r="AF130419" i="1"/>
  <c r="AF130420" i="1"/>
  <c r="AF130421" i="1"/>
  <c r="AF130422" i="1"/>
  <c r="AF130423" i="1"/>
  <c r="AF130424" i="1"/>
  <c r="AF130425" i="1"/>
  <c r="AF130426" i="1"/>
  <c r="AF130427" i="1"/>
  <c r="AF130428" i="1"/>
  <c r="AF130429" i="1"/>
  <c r="AF130430" i="1"/>
  <c r="AF130431" i="1"/>
  <c r="AF130432" i="1"/>
  <c r="AF130433" i="1"/>
  <c r="AF130434" i="1"/>
  <c r="AF130435" i="1"/>
  <c r="AF130436" i="1"/>
  <c r="AF130437" i="1"/>
  <c r="AF130438" i="1"/>
  <c r="AF130439" i="1"/>
  <c r="AF130440" i="1"/>
  <c r="AF130441" i="1"/>
  <c r="AF130442" i="1"/>
  <c r="AF130443" i="1"/>
  <c r="AF130444" i="1"/>
  <c r="AF130445" i="1"/>
  <c r="AF130446" i="1"/>
  <c r="AF130447" i="1"/>
  <c r="AF130448" i="1"/>
  <c r="AF130449" i="1"/>
  <c r="AF130450" i="1"/>
  <c r="AF130451" i="1"/>
  <c r="AF130452" i="1"/>
  <c r="AF130453" i="1"/>
  <c r="AF130454" i="1"/>
  <c r="AF130455" i="1"/>
  <c r="AF130456" i="1"/>
  <c r="AF130457" i="1"/>
  <c r="AF130458" i="1"/>
  <c r="AF130459" i="1"/>
  <c r="AF130460" i="1"/>
  <c r="AF130461" i="1"/>
  <c r="AF130462" i="1"/>
  <c r="AF130463" i="1"/>
  <c r="AF130464" i="1"/>
  <c r="AF130465" i="1"/>
  <c r="AF130466" i="1"/>
  <c r="AF130467" i="1"/>
  <c r="AF130468" i="1"/>
  <c r="AF130469" i="1"/>
  <c r="AF130470" i="1"/>
  <c r="AF130471" i="1"/>
  <c r="AF130472" i="1"/>
  <c r="AF130473" i="1"/>
  <c r="AF130474" i="1"/>
  <c r="AF130475" i="1"/>
  <c r="AF130476" i="1"/>
  <c r="AF130477" i="1"/>
  <c r="AF130478" i="1"/>
  <c r="AF130479" i="1"/>
  <c r="AF130480" i="1"/>
  <c r="AF130481" i="1"/>
  <c r="AF130482" i="1"/>
  <c r="AF130483" i="1"/>
  <c r="AF130484" i="1"/>
  <c r="AF130485" i="1"/>
  <c r="AF130486" i="1"/>
  <c r="AF130487" i="1"/>
  <c r="AF130488" i="1"/>
  <c r="AF130489" i="1"/>
  <c r="AF130490" i="1"/>
  <c r="AF130491" i="1"/>
  <c r="AF130492" i="1"/>
  <c r="AF130493" i="1"/>
  <c r="AF130494" i="1"/>
  <c r="AF130495" i="1"/>
  <c r="AF130496" i="1"/>
  <c r="AF130497" i="1"/>
  <c r="AF130498" i="1"/>
  <c r="AF130499" i="1"/>
  <c r="AF130500" i="1"/>
  <c r="AF130501" i="1"/>
  <c r="AF130502" i="1"/>
  <c r="AF130503" i="1"/>
  <c r="AF130504" i="1"/>
  <c r="AF130505" i="1"/>
  <c r="AF130506" i="1"/>
  <c r="AF130507" i="1"/>
  <c r="AF130508" i="1"/>
  <c r="AF130509" i="1"/>
  <c r="AF130510" i="1"/>
  <c r="AF130511" i="1"/>
  <c r="AF130512" i="1"/>
  <c r="AF130513" i="1"/>
  <c r="AF130514" i="1"/>
  <c r="AF130515" i="1"/>
  <c r="AF130516" i="1"/>
  <c r="AF130517" i="1"/>
  <c r="AF130518" i="1"/>
  <c r="AF130519" i="1"/>
  <c r="AF130520" i="1"/>
  <c r="AF130521" i="1"/>
  <c r="AF130522" i="1"/>
  <c r="AF130523" i="1"/>
  <c r="AF130524" i="1"/>
  <c r="AF130525" i="1"/>
  <c r="AF130526" i="1"/>
  <c r="AF130527" i="1"/>
  <c r="AF130528" i="1"/>
  <c r="AF130529" i="1"/>
  <c r="AF130530" i="1"/>
  <c r="AF130531" i="1"/>
  <c r="AF130532" i="1"/>
  <c r="AF130533" i="1"/>
  <c r="AF130534" i="1"/>
  <c r="AF130535" i="1"/>
  <c r="AF130536" i="1"/>
  <c r="AF130537" i="1"/>
  <c r="AF130538" i="1"/>
  <c r="AF130539" i="1"/>
  <c r="AF130540" i="1"/>
  <c r="AF130541" i="1"/>
  <c r="AF130542" i="1"/>
  <c r="AF130543" i="1"/>
  <c r="AF130544" i="1"/>
  <c r="AF130545" i="1"/>
  <c r="AF130546" i="1"/>
  <c r="AF130547" i="1"/>
  <c r="AF130548" i="1"/>
  <c r="AF130549" i="1"/>
  <c r="AF130550" i="1"/>
  <c r="AF130551" i="1"/>
  <c r="AF130552" i="1"/>
  <c r="AF130553" i="1"/>
  <c r="AF130554" i="1"/>
  <c r="AF130555" i="1"/>
  <c r="AF130556" i="1"/>
  <c r="AF130557" i="1"/>
  <c r="AF130558" i="1"/>
  <c r="AF130559" i="1"/>
  <c r="AF130560" i="1"/>
  <c r="AF130561" i="1"/>
  <c r="AF130562" i="1"/>
  <c r="AF130563" i="1"/>
  <c r="AF130564" i="1"/>
  <c r="AF130565" i="1"/>
  <c r="AF130566" i="1"/>
  <c r="AF130567" i="1"/>
  <c r="AF130568" i="1"/>
  <c r="AF130569" i="1"/>
  <c r="AF130570" i="1"/>
  <c r="AF130571" i="1"/>
  <c r="AF130572" i="1"/>
  <c r="AF130573" i="1"/>
  <c r="AF130574" i="1"/>
  <c r="AF130575" i="1"/>
  <c r="AF130576" i="1"/>
  <c r="AF130577" i="1"/>
  <c r="AF130578" i="1"/>
  <c r="AF130579" i="1"/>
  <c r="AF130580" i="1"/>
  <c r="AF130581" i="1"/>
  <c r="AF130582" i="1"/>
  <c r="AF130583" i="1"/>
  <c r="AF130584" i="1"/>
  <c r="AF130585" i="1"/>
  <c r="AF130586" i="1"/>
  <c r="AF130587" i="1"/>
  <c r="AF130588" i="1"/>
  <c r="AF130589" i="1"/>
  <c r="AF130590" i="1"/>
  <c r="AF130591" i="1"/>
  <c r="AF130592" i="1"/>
  <c r="AF130593" i="1"/>
  <c r="AF130594" i="1"/>
  <c r="AF130595" i="1"/>
  <c r="AF130596" i="1"/>
  <c r="AF130597" i="1"/>
  <c r="AF130598" i="1"/>
  <c r="AF130599" i="1"/>
  <c r="AF130600" i="1"/>
  <c r="AF130601" i="1"/>
  <c r="AF130602" i="1"/>
  <c r="AF130603" i="1"/>
  <c r="AF130604" i="1"/>
  <c r="AF130605" i="1"/>
  <c r="AF130606" i="1"/>
  <c r="AF130607" i="1"/>
  <c r="AF130608" i="1"/>
  <c r="AF130609" i="1"/>
  <c r="AF130610" i="1"/>
  <c r="AF130611" i="1"/>
  <c r="AF130612" i="1"/>
  <c r="AF130613" i="1"/>
  <c r="AF130614" i="1"/>
  <c r="AF130615" i="1"/>
  <c r="AF130616" i="1"/>
  <c r="AF130617" i="1"/>
  <c r="AF130618" i="1"/>
  <c r="AF130619" i="1"/>
  <c r="AF130620" i="1"/>
  <c r="AF130621" i="1"/>
  <c r="AF130622" i="1"/>
  <c r="AF130623" i="1"/>
  <c r="AF130624" i="1"/>
  <c r="AF130625" i="1"/>
  <c r="AF130626" i="1"/>
  <c r="AF130627" i="1"/>
  <c r="AF130628" i="1"/>
  <c r="AF130629" i="1"/>
  <c r="AF130630" i="1"/>
  <c r="AF130631" i="1"/>
  <c r="AF130632" i="1"/>
  <c r="AF130633" i="1"/>
  <c r="AF130634" i="1"/>
  <c r="AF130635" i="1"/>
  <c r="AF130636" i="1"/>
  <c r="AF130637" i="1"/>
  <c r="AF130638" i="1"/>
  <c r="AF130639" i="1"/>
  <c r="AF130640" i="1"/>
  <c r="AF130641" i="1"/>
  <c r="AF130642" i="1"/>
  <c r="AF130643" i="1"/>
  <c r="AF130644" i="1"/>
  <c r="AF130645" i="1"/>
  <c r="AF130646" i="1"/>
  <c r="AF130647" i="1"/>
  <c r="AF130648" i="1"/>
  <c r="AF130649" i="1"/>
  <c r="AF130650" i="1"/>
  <c r="AF130651" i="1"/>
  <c r="AF130652" i="1"/>
  <c r="AF130653" i="1"/>
  <c r="AF130654" i="1"/>
  <c r="AF130655" i="1"/>
  <c r="AF130656" i="1"/>
  <c r="AF130657" i="1"/>
  <c r="AF130658" i="1"/>
  <c r="AF130659" i="1"/>
  <c r="AF130660" i="1"/>
  <c r="AF130661" i="1"/>
  <c r="AF130662" i="1"/>
  <c r="AF130663" i="1"/>
  <c r="AF130664" i="1"/>
  <c r="AF130665" i="1"/>
  <c r="AF130666" i="1"/>
  <c r="AF130667" i="1"/>
  <c r="AF130668" i="1"/>
  <c r="AF130669" i="1"/>
  <c r="AF130670" i="1"/>
  <c r="AF130671" i="1"/>
  <c r="AF130672" i="1"/>
  <c r="AF130673" i="1"/>
  <c r="AF130674" i="1"/>
  <c r="AF130675" i="1"/>
  <c r="AF130676" i="1"/>
  <c r="AF130677" i="1"/>
  <c r="AF130678" i="1"/>
  <c r="AF130679" i="1"/>
  <c r="AF130680" i="1"/>
  <c r="AF130681" i="1"/>
  <c r="AF130682" i="1"/>
  <c r="AF130683" i="1"/>
  <c r="AF130684" i="1"/>
  <c r="AF130685" i="1"/>
  <c r="AF130686" i="1"/>
  <c r="AF130687" i="1"/>
  <c r="AF130688" i="1"/>
  <c r="AF130689" i="1"/>
  <c r="AF130690" i="1"/>
  <c r="AF130691" i="1"/>
  <c r="AF130692" i="1"/>
  <c r="AF130693" i="1"/>
  <c r="AF130694" i="1"/>
  <c r="AF130695" i="1"/>
  <c r="AF130696" i="1"/>
  <c r="AF130697" i="1"/>
  <c r="AF130698" i="1"/>
  <c r="AF130699" i="1"/>
  <c r="AF130700" i="1"/>
  <c r="AF130701" i="1"/>
  <c r="AF130702" i="1"/>
  <c r="AF130703" i="1"/>
  <c r="AF130704" i="1"/>
  <c r="AF130705" i="1"/>
  <c r="AF130706" i="1"/>
  <c r="AF130707" i="1"/>
  <c r="AF130708" i="1"/>
  <c r="AF130709" i="1"/>
  <c r="AF130710" i="1"/>
  <c r="AF130711" i="1"/>
  <c r="AF130712" i="1"/>
  <c r="AF130713" i="1"/>
  <c r="AF130714" i="1"/>
  <c r="AF130715" i="1"/>
  <c r="AF130716" i="1"/>
  <c r="AF130717" i="1"/>
  <c r="AF130718" i="1"/>
  <c r="AF130719" i="1"/>
  <c r="AF130720" i="1"/>
  <c r="AF130721" i="1"/>
  <c r="AF130722" i="1"/>
  <c r="AF130723" i="1"/>
  <c r="AF130724" i="1"/>
  <c r="AF130725" i="1"/>
  <c r="AF130726" i="1"/>
  <c r="AF130727" i="1"/>
  <c r="AF130728" i="1"/>
  <c r="AF130729" i="1"/>
  <c r="AF130730" i="1"/>
  <c r="AF130731" i="1"/>
  <c r="AF130732" i="1"/>
  <c r="AF130733" i="1"/>
  <c r="AF130734" i="1"/>
  <c r="AF130735" i="1"/>
  <c r="AF130736" i="1"/>
  <c r="AF130737" i="1"/>
  <c r="AF130738" i="1"/>
  <c r="AF130739" i="1"/>
  <c r="AF130740" i="1"/>
  <c r="AF130741" i="1"/>
  <c r="AF130742" i="1"/>
  <c r="AF130743" i="1"/>
  <c r="AF130744" i="1"/>
  <c r="AF130745" i="1"/>
  <c r="AF130746" i="1"/>
  <c r="AF130747" i="1"/>
  <c r="AF130748" i="1"/>
  <c r="AF130749" i="1"/>
  <c r="AF130750" i="1"/>
  <c r="AF130751" i="1"/>
  <c r="AF130752" i="1"/>
  <c r="AF130753" i="1"/>
  <c r="AF130754" i="1"/>
  <c r="AF130755" i="1"/>
  <c r="AF130756" i="1"/>
  <c r="AF130757" i="1"/>
  <c r="AF130758" i="1"/>
  <c r="AF130759" i="1"/>
  <c r="AF130760" i="1"/>
  <c r="AF130761" i="1"/>
  <c r="AF130762" i="1"/>
  <c r="AF130763" i="1"/>
  <c r="AF130764" i="1"/>
  <c r="AF130765" i="1"/>
  <c r="AF130766" i="1"/>
  <c r="AF130767" i="1"/>
  <c r="AF130768" i="1"/>
  <c r="AF130769" i="1"/>
  <c r="AF130770" i="1"/>
  <c r="AF130771" i="1"/>
  <c r="AF130772" i="1"/>
  <c r="AF130773" i="1"/>
  <c r="AF130774" i="1"/>
  <c r="AF130775" i="1"/>
  <c r="AF130776" i="1"/>
  <c r="AF130777" i="1"/>
  <c r="AF130778" i="1"/>
  <c r="AF130779" i="1"/>
  <c r="AF130780" i="1"/>
  <c r="AF130781" i="1"/>
  <c r="AF130782" i="1"/>
  <c r="AF130783" i="1"/>
  <c r="AF130784" i="1"/>
  <c r="AF130785" i="1"/>
  <c r="AF130786" i="1"/>
  <c r="AF130787" i="1"/>
  <c r="AF130788" i="1"/>
  <c r="AF130789" i="1"/>
  <c r="AF130790" i="1"/>
  <c r="AF130791" i="1"/>
  <c r="AF130792" i="1"/>
  <c r="AF130793" i="1"/>
  <c r="AF130794" i="1"/>
  <c r="AF130795" i="1"/>
  <c r="AF130796" i="1"/>
  <c r="AF130797" i="1"/>
  <c r="AF130798" i="1"/>
  <c r="AF130799" i="1"/>
  <c r="AF130800" i="1"/>
  <c r="AF130801" i="1"/>
  <c r="AF130802" i="1"/>
  <c r="AF130803" i="1"/>
  <c r="AF130804" i="1"/>
  <c r="AF130805" i="1"/>
  <c r="AF130806" i="1"/>
  <c r="AF130807" i="1"/>
  <c r="AF130808" i="1"/>
  <c r="AF130809" i="1"/>
  <c r="AF130810" i="1"/>
  <c r="AF130811" i="1"/>
  <c r="AF130812" i="1"/>
  <c r="AF130813" i="1"/>
  <c r="AF130814" i="1"/>
  <c r="AF130815" i="1"/>
  <c r="AF130816" i="1"/>
  <c r="AF130817" i="1"/>
  <c r="AF130818" i="1"/>
  <c r="AF130819" i="1"/>
  <c r="AF130820" i="1"/>
  <c r="AF130821" i="1"/>
  <c r="AF130822" i="1"/>
  <c r="AF130823" i="1"/>
  <c r="AF130824" i="1"/>
  <c r="AF130825" i="1"/>
  <c r="AF130826" i="1"/>
  <c r="AF130827" i="1"/>
  <c r="AF130828" i="1"/>
  <c r="AF130829" i="1"/>
  <c r="AF130830" i="1"/>
  <c r="AF130831" i="1"/>
  <c r="AF130832" i="1"/>
  <c r="AF130833" i="1"/>
  <c r="AF130834" i="1"/>
  <c r="AF130835" i="1"/>
  <c r="AF130836" i="1"/>
  <c r="AF130837" i="1"/>
  <c r="AF130838" i="1"/>
  <c r="AF130839" i="1"/>
  <c r="AF130840" i="1"/>
  <c r="AF130841" i="1"/>
  <c r="AF130842" i="1"/>
  <c r="AF130843" i="1"/>
  <c r="AF130844" i="1"/>
  <c r="AF130845" i="1"/>
  <c r="AF130846" i="1"/>
  <c r="AF130847" i="1"/>
  <c r="AF130848" i="1"/>
  <c r="AF130849" i="1"/>
  <c r="AF130850" i="1"/>
  <c r="AF130851" i="1"/>
  <c r="AF130852" i="1"/>
  <c r="AF130853" i="1"/>
  <c r="AF130854" i="1"/>
  <c r="AF130855" i="1"/>
  <c r="AF130856" i="1"/>
  <c r="AF130857" i="1"/>
  <c r="AF130858" i="1"/>
  <c r="AF130859" i="1"/>
  <c r="AF130860" i="1"/>
  <c r="AF130861" i="1"/>
  <c r="AF130862" i="1"/>
  <c r="AF130863" i="1"/>
  <c r="AF130864" i="1"/>
  <c r="AF130865" i="1"/>
  <c r="AF130866" i="1"/>
  <c r="AF130867" i="1"/>
  <c r="AF130868" i="1"/>
  <c r="AF130869" i="1"/>
  <c r="AF130870" i="1"/>
  <c r="AF130871" i="1"/>
  <c r="AF130872" i="1"/>
  <c r="AF130873" i="1"/>
  <c r="AF130874" i="1"/>
  <c r="AF130875" i="1"/>
  <c r="AF130876" i="1"/>
  <c r="AF130877" i="1"/>
  <c r="AF130878" i="1"/>
  <c r="AF130879" i="1"/>
  <c r="AF130880" i="1"/>
  <c r="AF130881" i="1"/>
  <c r="AF130882" i="1"/>
  <c r="AF130883" i="1"/>
  <c r="AF130884" i="1"/>
  <c r="AF130885" i="1"/>
  <c r="AF130886" i="1"/>
  <c r="AF130887" i="1"/>
  <c r="AF130888" i="1"/>
  <c r="AF130889" i="1"/>
  <c r="AF130890" i="1"/>
  <c r="AF130891" i="1"/>
  <c r="AF130892" i="1"/>
  <c r="AF130893" i="1"/>
  <c r="AF130894" i="1"/>
  <c r="AF130895" i="1"/>
  <c r="AF130896" i="1"/>
  <c r="AF130897" i="1"/>
  <c r="AF130898" i="1"/>
  <c r="AF130899" i="1"/>
  <c r="AF130900" i="1"/>
  <c r="AF130901" i="1"/>
  <c r="AF130902" i="1"/>
  <c r="AF130903" i="1"/>
  <c r="AF130904" i="1"/>
  <c r="AF130905" i="1"/>
  <c r="AF130906" i="1"/>
  <c r="AF130907" i="1"/>
  <c r="AF130908" i="1"/>
  <c r="AF130909" i="1"/>
  <c r="AF130910" i="1"/>
  <c r="AF130911" i="1"/>
  <c r="AF130912" i="1"/>
  <c r="AF130913" i="1"/>
  <c r="AF130914" i="1"/>
  <c r="AF130915" i="1"/>
  <c r="AF130916" i="1"/>
  <c r="AF130917" i="1"/>
  <c r="AF130918" i="1"/>
  <c r="AF130919" i="1"/>
  <c r="AF130920" i="1"/>
  <c r="AF130921" i="1"/>
  <c r="AF130922" i="1"/>
  <c r="AF130923" i="1"/>
  <c r="AF130924" i="1"/>
  <c r="AF130925" i="1"/>
  <c r="AF130926" i="1"/>
  <c r="AF130927" i="1"/>
  <c r="AF130928" i="1"/>
  <c r="AF130929" i="1"/>
  <c r="AF130930" i="1"/>
  <c r="AF130931" i="1"/>
  <c r="AF130932" i="1"/>
  <c r="AF130933" i="1"/>
  <c r="AF130934" i="1"/>
  <c r="AF130935" i="1"/>
  <c r="AF130936" i="1"/>
  <c r="AF130937" i="1"/>
  <c r="AF130938" i="1"/>
  <c r="AF130939" i="1"/>
  <c r="AF130940" i="1"/>
  <c r="AF130941" i="1"/>
  <c r="AF130942" i="1"/>
  <c r="AF130943" i="1"/>
  <c r="AF130944" i="1"/>
  <c r="AF130945" i="1"/>
  <c r="AF130946" i="1"/>
  <c r="AF130947" i="1"/>
  <c r="AF130948" i="1"/>
  <c r="AF130949" i="1"/>
  <c r="AF130950" i="1"/>
  <c r="AF130951" i="1"/>
  <c r="AF130952" i="1"/>
  <c r="AF130953" i="1"/>
  <c r="AF130954" i="1"/>
  <c r="AF130955" i="1"/>
  <c r="AF130956" i="1"/>
  <c r="AF130957" i="1"/>
  <c r="AF130958" i="1"/>
  <c r="AF130959" i="1"/>
  <c r="AF130960" i="1"/>
  <c r="AF130961" i="1"/>
  <c r="AF130962" i="1"/>
  <c r="AF130963" i="1"/>
  <c r="AF130964" i="1"/>
  <c r="AF130965" i="1"/>
  <c r="AF130966" i="1"/>
  <c r="AF130967" i="1"/>
  <c r="AF130968" i="1"/>
  <c r="AF130969" i="1"/>
  <c r="AF130970" i="1"/>
  <c r="AF130971" i="1"/>
  <c r="AF130972" i="1"/>
  <c r="AF130973" i="1"/>
  <c r="AF130974" i="1"/>
  <c r="AF130975" i="1"/>
  <c r="AF130976" i="1"/>
  <c r="AF130977" i="1"/>
  <c r="AF130978" i="1"/>
  <c r="AF130979" i="1"/>
  <c r="AF130980" i="1"/>
  <c r="AF130981" i="1"/>
  <c r="AF130982" i="1"/>
  <c r="AF130983" i="1"/>
  <c r="AF130984" i="1"/>
  <c r="AF130985" i="1"/>
  <c r="AF130986" i="1"/>
  <c r="AF130987" i="1"/>
  <c r="AF130988" i="1"/>
  <c r="AF130989" i="1"/>
  <c r="AF130990" i="1"/>
  <c r="AF130991" i="1"/>
  <c r="AF130992" i="1"/>
  <c r="AF130993" i="1"/>
  <c r="AF130994" i="1"/>
  <c r="AF130995" i="1"/>
  <c r="AF130996" i="1"/>
  <c r="AF130997" i="1"/>
  <c r="AF130998" i="1"/>
  <c r="AF130999" i="1"/>
  <c r="AF131000" i="1"/>
  <c r="AF131001" i="1"/>
  <c r="AF131002" i="1"/>
  <c r="AF131003" i="1"/>
  <c r="AF131004" i="1"/>
  <c r="AF131005" i="1"/>
  <c r="AF131006" i="1"/>
  <c r="AF131007" i="1"/>
  <c r="AF131008" i="1"/>
  <c r="AF131009" i="1"/>
  <c r="AF131010" i="1"/>
  <c r="AF131011" i="1"/>
  <c r="AF131012" i="1"/>
  <c r="AF131013" i="1"/>
  <c r="AF131014" i="1"/>
  <c r="AF131015" i="1"/>
  <c r="AF131016" i="1"/>
  <c r="AF131017" i="1"/>
  <c r="AF131018" i="1"/>
  <c r="AF131019" i="1"/>
  <c r="AF131020" i="1"/>
  <c r="AF131021" i="1"/>
  <c r="AF131022" i="1"/>
  <c r="AF131023" i="1"/>
  <c r="AF131024" i="1"/>
  <c r="AF131025" i="1"/>
  <c r="AF131026" i="1"/>
  <c r="AF131027" i="1"/>
  <c r="AF131028" i="1"/>
  <c r="AF131029" i="1"/>
  <c r="AF131030" i="1"/>
  <c r="AF131031" i="1"/>
  <c r="AF131032" i="1"/>
  <c r="AF131033" i="1"/>
  <c r="AF131034" i="1"/>
  <c r="AF131035" i="1"/>
  <c r="AF131036" i="1"/>
  <c r="AF131037" i="1"/>
  <c r="AF131038" i="1"/>
  <c r="AF131039" i="1"/>
  <c r="AF131040" i="1"/>
  <c r="AF131041" i="1"/>
  <c r="AF131042" i="1"/>
  <c r="AF131043" i="1"/>
  <c r="AF131044" i="1"/>
  <c r="AF131045" i="1"/>
  <c r="AF131046" i="1"/>
  <c r="AF131047" i="1"/>
  <c r="AF131048" i="1"/>
  <c r="AF131049" i="1"/>
  <c r="AF131050" i="1"/>
  <c r="AF131051" i="1"/>
  <c r="AF131052" i="1"/>
  <c r="AF131053" i="1"/>
  <c r="AF131054" i="1"/>
  <c r="AF131055" i="1"/>
  <c r="AF131056" i="1"/>
  <c r="AF131057" i="1"/>
  <c r="AF131058" i="1"/>
  <c r="AF131059" i="1"/>
  <c r="AF131060" i="1"/>
  <c r="AF131061" i="1"/>
  <c r="AF131062" i="1"/>
  <c r="AF131063" i="1"/>
  <c r="AF131064" i="1"/>
  <c r="AF131065" i="1"/>
  <c r="AF131066" i="1"/>
  <c r="AF131067" i="1"/>
  <c r="AF131068" i="1"/>
  <c r="AF131069" i="1"/>
  <c r="AF131070" i="1"/>
  <c r="AF131071" i="1"/>
  <c r="AF131072" i="1"/>
  <c r="AF131073" i="1"/>
  <c r="AF131074" i="1"/>
  <c r="AF131075" i="1"/>
  <c r="AF131076" i="1"/>
  <c r="AF131077" i="1"/>
  <c r="AF131078" i="1"/>
  <c r="AF131079" i="1"/>
  <c r="AF131080" i="1"/>
  <c r="AF131081" i="1"/>
  <c r="AF131082" i="1"/>
  <c r="AF131083" i="1"/>
  <c r="AF131084" i="1"/>
  <c r="AF131085" i="1"/>
  <c r="AF131086" i="1"/>
  <c r="AF131087" i="1"/>
  <c r="AF131088" i="1"/>
  <c r="AF131089" i="1"/>
  <c r="AF131090" i="1"/>
  <c r="AF131091" i="1"/>
  <c r="AF131092" i="1"/>
  <c r="AF131093" i="1"/>
  <c r="AF131094" i="1"/>
  <c r="AF131095" i="1"/>
  <c r="AF131096" i="1"/>
  <c r="AF131097" i="1"/>
  <c r="AF131098" i="1"/>
  <c r="AF131099" i="1"/>
  <c r="AF131100" i="1"/>
  <c r="AF131101" i="1"/>
  <c r="AF131102" i="1"/>
  <c r="AF131103" i="1"/>
  <c r="AF131104" i="1"/>
  <c r="AF131105" i="1"/>
  <c r="AF131106" i="1"/>
  <c r="AF131107" i="1"/>
  <c r="AF131108" i="1"/>
  <c r="AF131109" i="1"/>
  <c r="AF131110" i="1"/>
  <c r="AF131111" i="1"/>
  <c r="AF131112" i="1"/>
  <c r="AF131113" i="1"/>
  <c r="AF131114" i="1"/>
  <c r="AF131115" i="1"/>
  <c r="AF131116" i="1"/>
  <c r="AF131117" i="1"/>
  <c r="AF131118" i="1"/>
  <c r="AF131119" i="1"/>
  <c r="AF131120" i="1"/>
  <c r="AF131121" i="1"/>
  <c r="AF131122" i="1"/>
  <c r="AF131123" i="1"/>
  <c r="AF131124" i="1"/>
  <c r="AF131125" i="1"/>
  <c r="AF131126" i="1"/>
  <c r="AF131127" i="1"/>
  <c r="AF131128" i="1"/>
  <c r="AF131129" i="1"/>
  <c r="AF131130" i="1"/>
  <c r="AF131131" i="1"/>
  <c r="AF131132" i="1"/>
  <c r="AF131133" i="1"/>
  <c r="AF131134" i="1"/>
  <c r="AF131135" i="1"/>
  <c r="AF131136" i="1"/>
  <c r="AF131137" i="1"/>
  <c r="AF131138" i="1"/>
  <c r="AF131139" i="1"/>
  <c r="AF131140" i="1"/>
  <c r="AF131141" i="1"/>
  <c r="AF131142" i="1"/>
  <c r="AF131143" i="1"/>
  <c r="AF131144" i="1"/>
  <c r="AF131145" i="1"/>
  <c r="AF131146" i="1"/>
  <c r="AF131147" i="1"/>
  <c r="AF131148" i="1"/>
  <c r="AF131149" i="1"/>
  <c r="AF131150" i="1"/>
  <c r="AF131151" i="1"/>
  <c r="AF131152" i="1"/>
  <c r="AF131153" i="1"/>
  <c r="AF131154" i="1"/>
  <c r="AF131155" i="1"/>
  <c r="AF131156" i="1"/>
  <c r="AF131157" i="1"/>
  <c r="AF131158" i="1"/>
  <c r="AF131159" i="1"/>
  <c r="AF131160" i="1"/>
  <c r="AF131161" i="1"/>
  <c r="AF131162" i="1"/>
  <c r="AF131163" i="1"/>
  <c r="AF131164" i="1"/>
  <c r="AF131165" i="1"/>
  <c r="AF131166" i="1"/>
  <c r="AF131167" i="1"/>
  <c r="AF131168" i="1"/>
  <c r="AF131169" i="1"/>
  <c r="AF131170" i="1"/>
  <c r="AF131171" i="1"/>
  <c r="AF131172" i="1"/>
  <c r="AF131173" i="1"/>
  <c r="AF131174" i="1"/>
  <c r="AF131175" i="1"/>
  <c r="AF131176" i="1"/>
  <c r="AF131177" i="1"/>
  <c r="AF131178" i="1"/>
  <c r="AF131179" i="1"/>
  <c r="AF131180" i="1"/>
  <c r="AF131181" i="1"/>
  <c r="AF131182" i="1"/>
  <c r="AF131183" i="1"/>
  <c r="AF131184" i="1"/>
  <c r="AF131185" i="1"/>
  <c r="AF131186" i="1"/>
  <c r="AF131187" i="1"/>
  <c r="AF131188" i="1"/>
  <c r="AF131189" i="1"/>
  <c r="AF131190" i="1"/>
  <c r="AF131191" i="1"/>
  <c r="AF131192" i="1"/>
  <c r="AF131193" i="1"/>
  <c r="AF131194" i="1"/>
  <c r="AF131195" i="1"/>
  <c r="AF131196" i="1"/>
  <c r="AF131197" i="1"/>
  <c r="AF131198" i="1"/>
  <c r="AF131199" i="1"/>
  <c r="AF131200" i="1"/>
  <c r="AF131201" i="1"/>
  <c r="AF131202" i="1"/>
  <c r="AF131203" i="1"/>
  <c r="AF131204" i="1"/>
  <c r="AF131205" i="1"/>
  <c r="AF131206" i="1"/>
  <c r="AF131207" i="1"/>
  <c r="AF131208" i="1"/>
  <c r="AF131209" i="1"/>
  <c r="AF131210" i="1"/>
  <c r="AF131211" i="1"/>
  <c r="AF131212" i="1"/>
  <c r="AF131213" i="1"/>
  <c r="AF131214" i="1"/>
  <c r="AF131215" i="1"/>
  <c r="AF131216" i="1"/>
  <c r="AF131217" i="1"/>
  <c r="AF131218" i="1"/>
  <c r="AF131219" i="1"/>
  <c r="AF131220" i="1"/>
  <c r="AF131221" i="1"/>
  <c r="AF131222" i="1"/>
  <c r="AF131223" i="1"/>
  <c r="AF131224" i="1"/>
  <c r="AF131225" i="1"/>
  <c r="AF131226" i="1"/>
  <c r="AF131227" i="1"/>
  <c r="AF131228" i="1"/>
  <c r="AF131229" i="1"/>
  <c r="AF131230" i="1"/>
  <c r="AF131231" i="1"/>
  <c r="AF131232" i="1"/>
  <c r="AF131233" i="1"/>
  <c r="AF131234" i="1"/>
  <c r="AF131235" i="1"/>
  <c r="AF131236" i="1"/>
  <c r="AF131237" i="1"/>
  <c r="AF131238" i="1"/>
  <c r="AF131239" i="1"/>
  <c r="AF131240" i="1"/>
  <c r="AF131241" i="1"/>
  <c r="AF131242" i="1"/>
  <c r="AF131243" i="1"/>
  <c r="AF131244" i="1"/>
  <c r="AF131245" i="1"/>
  <c r="AF131246" i="1"/>
  <c r="AF131247" i="1"/>
  <c r="AF131248" i="1"/>
  <c r="AF131249" i="1"/>
  <c r="AF131250" i="1"/>
  <c r="AF131251" i="1"/>
  <c r="AF131252" i="1"/>
  <c r="AF131253" i="1"/>
  <c r="AF131254" i="1"/>
  <c r="AF131255" i="1"/>
  <c r="AF131256" i="1"/>
  <c r="AF131257" i="1"/>
  <c r="AF131258" i="1"/>
  <c r="AF131259" i="1"/>
  <c r="AF131260" i="1"/>
  <c r="AF131261" i="1"/>
  <c r="AF131262" i="1"/>
  <c r="AF131263" i="1"/>
  <c r="AF131264" i="1"/>
  <c r="AF131265" i="1"/>
  <c r="AF131266" i="1"/>
  <c r="AF131267" i="1"/>
  <c r="AF131268" i="1"/>
  <c r="AF131269" i="1"/>
  <c r="AF131270" i="1"/>
  <c r="AF131271" i="1"/>
  <c r="AF131272" i="1"/>
  <c r="AF131273" i="1"/>
  <c r="AF131274" i="1"/>
  <c r="AF131275" i="1"/>
  <c r="AF131276" i="1"/>
  <c r="AF131277" i="1"/>
  <c r="AF131278" i="1"/>
  <c r="AF131279" i="1"/>
  <c r="AF131280" i="1"/>
  <c r="AF131281" i="1"/>
  <c r="AF131282" i="1"/>
  <c r="AF131283" i="1"/>
  <c r="AF131284" i="1"/>
  <c r="AF131285" i="1"/>
  <c r="AF131286" i="1"/>
  <c r="AF131287" i="1"/>
  <c r="AF131288" i="1"/>
  <c r="AF131289" i="1"/>
  <c r="AF131290" i="1"/>
  <c r="AF131291" i="1"/>
  <c r="AF131292" i="1"/>
  <c r="AF131293" i="1"/>
  <c r="AF131294" i="1"/>
  <c r="AF131295" i="1"/>
  <c r="AF131296" i="1"/>
  <c r="AF131297" i="1"/>
  <c r="AF131298" i="1"/>
  <c r="AF131299" i="1"/>
  <c r="AF131300" i="1"/>
  <c r="AF131301" i="1"/>
  <c r="AF131302" i="1"/>
  <c r="AF131303" i="1"/>
  <c r="AF131304" i="1"/>
  <c r="AF131305" i="1"/>
  <c r="AF131306" i="1"/>
  <c r="AF131307" i="1"/>
  <c r="AF131308" i="1"/>
  <c r="AF131309" i="1"/>
  <c r="AF131310" i="1"/>
  <c r="AF131311" i="1"/>
  <c r="AF131312" i="1"/>
  <c r="AF131313" i="1"/>
  <c r="AF131314" i="1"/>
  <c r="AF131315" i="1"/>
  <c r="AF131316" i="1"/>
  <c r="AF131317" i="1"/>
  <c r="AF131318" i="1"/>
  <c r="AF131319" i="1"/>
  <c r="AF131320" i="1"/>
  <c r="AF131321" i="1"/>
  <c r="AF131322" i="1"/>
  <c r="AF131323" i="1"/>
  <c r="AF131324" i="1"/>
  <c r="AF131325" i="1"/>
  <c r="AF131326" i="1"/>
  <c r="AF131327" i="1"/>
  <c r="AF131328" i="1"/>
  <c r="AF131329" i="1"/>
  <c r="AF131330" i="1"/>
  <c r="AF131331" i="1"/>
  <c r="AF131332" i="1"/>
  <c r="AF131333" i="1"/>
  <c r="AF131334" i="1"/>
  <c r="AF131335" i="1"/>
  <c r="AF131336" i="1"/>
  <c r="AF131337" i="1"/>
  <c r="AF131338" i="1"/>
  <c r="AF131339" i="1"/>
  <c r="AF131340" i="1"/>
  <c r="AF131341" i="1"/>
  <c r="AF131342" i="1"/>
  <c r="AF131343" i="1"/>
  <c r="AF131344" i="1"/>
  <c r="AF131345" i="1"/>
  <c r="AF131346" i="1"/>
  <c r="AF131347" i="1"/>
  <c r="AF131348" i="1"/>
  <c r="AF131349" i="1"/>
  <c r="AF131350" i="1"/>
  <c r="AF131351" i="1"/>
  <c r="AF131352" i="1"/>
  <c r="AF131353" i="1"/>
  <c r="AF131354" i="1"/>
  <c r="AF131355" i="1"/>
  <c r="AF131356" i="1"/>
  <c r="AF131357" i="1"/>
  <c r="AF131358" i="1"/>
  <c r="AF131359" i="1"/>
  <c r="AF131360" i="1"/>
  <c r="AF131361" i="1"/>
  <c r="AF131362" i="1"/>
  <c r="AF131363" i="1"/>
  <c r="AF131364" i="1"/>
  <c r="AF131365" i="1"/>
  <c r="AF131366" i="1"/>
  <c r="AF131367" i="1"/>
  <c r="AF131368" i="1"/>
  <c r="AF131369" i="1"/>
  <c r="AF131370" i="1"/>
  <c r="AF131371" i="1"/>
  <c r="AF131372" i="1"/>
  <c r="AF131373" i="1"/>
  <c r="AF131374" i="1"/>
  <c r="AF131375" i="1"/>
  <c r="AF131376" i="1"/>
  <c r="AF131377" i="1"/>
  <c r="AF131378" i="1"/>
  <c r="AF131379" i="1"/>
  <c r="AF131380" i="1"/>
  <c r="AF131381" i="1"/>
  <c r="AF131382" i="1"/>
  <c r="AF131383" i="1"/>
  <c r="AF131384" i="1"/>
  <c r="AF131385" i="1"/>
  <c r="AF131386" i="1"/>
  <c r="AF131387" i="1"/>
  <c r="AF131388" i="1"/>
  <c r="AF131389" i="1"/>
  <c r="AF131390" i="1"/>
  <c r="AF131391" i="1"/>
  <c r="AF131392" i="1"/>
  <c r="AF131393" i="1"/>
  <c r="AF131394" i="1"/>
  <c r="AF131395" i="1"/>
  <c r="AF131396" i="1"/>
  <c r="AF131397" i="1"/>
  <c r="AF131398" i="1"/>
  <c r="AF131399" i="1"/>
  <c r="AF131400" i="1"/>
  <c r="AF131401" i="1"/>
  <c r="AF131402" i="1"/>
  <c r="AF131403" i="1"/>
  <c r="AF131404" i="1"/>
  <c r="AF131405" i="1"/>
  <c r="AF131406" i="1"/>
  <c r="AF131407" i="1"/>
  <c r="AF131408" i="1"/>
  <c r="AF131409" i="1"/>
  <c r="AF131410" i="1"/>
  <c r="AF131411" i="1"/>
  <c r="AF131412" i="1"/>
  <c r="AF131413" i="1"/>
  <c r="AF131414" i="1"/>
  <c r="AF131415" i="1"/>
  <c r="AF131416" i="1"/>
  <c r="AF131417" i="1"/>
  <c r="AF131418" i="1"/>
  <c r="AF131419" i="1"/>
  <c r="AF131420" i="1"/>
  <c r="AF131421" i="1"/>
  <c r="AF131422" i="1"/>
  <c r="AF131423" i="1"/>
  <c r="AF131424" i="1"/>
  <c r="AF131425" i="1"/>
  <c r="AF131426" i="1"/>
  <c r="AF131427" i="1"/>
  <c r="AF131428" i="1"/>
  <c r="AF131429" i="1"/>
  <c r="AF131430" i="1"/>
  <c r="AF131431" i="1"/>
  <c r="AF131432" i="1"/>
  <c r="AF131433" i="1"/>
  <c r="AF131434" i="1"/>
  <c r="AF131435" i="1"/>
  <c r="AF131436" i="1"/>
  <c r="AF131437" i="1"/>
  <c r="AF131438" i="1"/>
  <c r="AF131439" i="1"/>
  <c r="AF131440" i="1"/>
  <c r="AF131441" i="1"/>
  <c r="AF131442" i="1"/>
  <c r="AF131443" i="1"/>
  <c r="AF131444" i="1"/>
  <c r="AF131445" i="1"/>
  <c r="AF131446" i="1"/>
  <c r="AF131447" i="1"/>
  <c r="AF131448" i="1"/>
  <c r="AF131449" i="1"/>
  <c r="AF131450" i="1"/>
  <c r="AF131451" i="1"/>
  <c r="AF131452" i="1"/>
  <c r="AF131453" i="1"/>
  <c r="AF131454" i="1"/>
  <c r="AF131455" i="1"/>
  <c r="AF131456" i="1"/>
  <c r="AF131457" i="1"/>
  <c r="AF131458" i="1"/>
  <c r="AF131459" i="1"/>
  <c r="AF131460" i="1"/>
  <c r="AF131461" i="1"/>
  <c r="AF131462" i="1"/>
  <c r="AF131463" i="1"/>
  <c r="AF131464" i="1"/>
  <c r="AF131465" i="1"/>
  <c r="AF131466" i="1"/>
  <c r="AF131467" i="1"/>
  <c r="AF131468" i="1"/>
  <c r="AF131469" i="1"/>
  <c r="AF131470" i="1"/>
  <c r="AF131471" i="1"/>
  <c r="AF131472" i="1"/>
  <c r="AF131473" i="1"/>
  <c r="AF131474" i="1"/>
  <c r="AF131475" i="1"/>
  <c r="AF131476" i="1"/>
  <c r="AF131477" i="1"/>
  <c r="AF131478" i="1"/>
  <c r="AF131479" i="1"/>
  <c r="AF131480" i="1"/>
  <c r="AF131481" i="1"/>
  <c r="AF131482" i="1"/>
  <c r="AF131483" i="1"/>
  <c r="AF131484" i="1"/>
  <c r="AF131485" i="1"/>
  <c r="AF131486" i="1"/>
  <c r="AF131487" i="1"/>
  <c r="AF131488" i="1"/>
  <c r="AF131489" i="1"/>
  <c r="AF131490" i="1"/>
  <c r="AF131491" i="1"/>
  <c r="AF131492" i="1"/>
  <c r="AF131493" i="1"/>
  <c r="AF131494" i="1"/>
  <c r="AF131495" i="1"/>
  <c r="AF131496" i="1"/>
  <c r="AF131497" i="1"/>
  <c r="AF131498" i="1"/>
  <c r="AF131499" i="1"/>
  <c r="AF131500" i="1"/>
  <c r="AF131501" i="1"/>
  <c r="AF131502" i="1"/>
  <c r="AF131503" i="1"/>
  <c r="AF131504" i="1"/>
  <c r="AF131505" i="1"/>
  <c r="AF131506" i="1"/>
  <c r="AF131507" i="1"/>
  <c r="AF131508" i="1"/>
  <c r="AF131509" i="1"/>
  <c r="AF131510" i="1"/>
  <c r="AF131511" i="1"/>
  <c r="AF131512" i="1"/>
  <c r="AF131513" i="1"/>
  <c r="AF131514" i="1"/>
  <c r="AF131515" i="1"/>
  <c r="AF131516" i="1"/>
  <c r="AF131517" i="1"/>
  <c r="AF131518" i="1"/>
  <c r="AF131519" i="1"/>
  <c r="AF131520" i="1"/>
  <c r="AF131521" i="1"/>
  <c r="AF131522" i="1"/>
  <c r="AF131523" i="1"/>
  <c r="AF131524" i="1"/>
  <c r="AF131525" i="1"/>
  <c r="AF131526" i="1"/>
  <c r="AF131527" i="1"/>
  <c r="AF131528" i="1"/>
  <c r="AF131529" i="1"/>
  <c r="AF131530" i="1"/>
  <c r="AF131531" i="1"/>
  <c r="AF131532" i="1"/>
  <c r="AF131533" i="1"/>
  <c r="AF131534" i="1"/>
  <c r="AF131535" i="1"/>
  <c r="AF131536" i="1"/>
  <c r="AF131537" i="1"/>
  <c r="AF131538" i="1"/>
  <c r="AF131539" i="1"/>
  <c r="AF131540" i="1"/>
  <c r="AF131541" i="1"/>
  <c r="AF131542" i="1"/>
  <c r="AF131543" i="1"/>
  <c r="AF131544" i="1"/>
  <c r="AF131545" i="1"/>
  <c r="AF131546" i="1"/>
  <c r="AF131547" i="1"/>
  <c r="AF131548" i="1"/>
  <c r="AF131549" i="1"/>
  <c r="AF131550" i="1"/>
  <c r="AF131551" i="1"/>
  <c r="AF131552" i="1"/>
  <c r="AF131553" i="1"/>
  <c r="AF131554" i="1"/>
  <c r="AF131555" i="1"/>
  <c r="AF131556" i="1"/>
  <c r="AF131557" i="1"/>
  <c r="AF131558" i="1"/>
  <c r="AF131559" i="1"/>
  <c r="AF131560" i="1"/>
  <c r="AF131561" i="1"/>
  <c r="AF131562" i="1"/>
  <c r="AF131563" i="1"/>
  <c r="AF131564" i="1"/>
  <c r="AF131565" i="1"/>
  <c r="AF131566" i="1"/>
  <c r="AF131567" i="1"/>
  <c r="AF131568" i="1"/>
  <c r="AF131569" i="1"/>
  <c r="AF131570" i="1"/>
  <c r="AF131571" i="1"/>
  <c r="AF131572" i="1"/>
  <c r="AF131573" i="1"/>
  <c r="AF131574" i="1"/>
  <c r="AF131575" i="1"/>
  <c r="AF131576" i="1"/>
  <c r="AF131577" i="1"/>
  <c r="AF131578" i="1"/>
  <c r="AF131579" i="1"/>
  <c r="AF131580" i="1"/>
  <c r="AF131581" i="1"/>
  <c r="AF131582" i="1"/>
  <c r="AF131583" i="1"/>
  <c r="AF131584" i="1"/>
  <c r="AF131585" i="1"/>
  <c r="AF131586" i="1"/>
  <c r="AF131587" i="1"/>
  <c r="AF131588" i="1"/>
  <c r="AF131589" i="1"/>
  <c r="AF131590" i="1"/>
  <c r="AF131591" i="1"/>
  <c r="AF131592" i="1"/>
  <c r="AF131593" i="1"/>
  <c r="AF131594" i="1"/>
  <c r="AF131595" i="1"/>
  <c r="AF131596" i="1"/>
  <c r="AF131597" i="1"/>
  <c r="AF131598" i="1"/>
  <c r="AF131599" i="1"/>
  <c r="AF131600" i="1"/>
  <c r="AF131601" i="1"/>
  <c r="AF131602" i="1"/>
  <c r="AF131603" i="1"/>
  <c r="AF131604" i="1"/>
  <c r="AF131605" i="1"/>
  <c r="AF131606" i="1"/>
  <c r="AF131607" i="1"/>
  <c r="AF131608" i="1"/>
  <c r="AF131609" i="1"/>
  <c r="AF131610" i="1"/>
  <c r="AF131611" i="1"/>
  <c r="AF131612" i="1"/>
  <c r="AF131613" i="1"/>
  <c r="AF131614" i="1"/>
  <c r="AF131615" i="1"/>
  <c r="AF131616" i="1"/>
  <c r="AF131617" i="1"/>
  <c r="AF131618" i="1"/>
  <c r="AF131619" i="1"/>
  <c r="AF131620" i="1"/>
  <c r="AF131621" i="1"/>
  <c r="AF131622" i="1"/>
  <c r="AF131623" i="1"/>
  <c r="AF131624" i="1"/>
  <c r="AF131625" i="1"/>
  <c r="AF131626" i="1"/>
  <c r="AF131627" i="1"/>
  <c r="AF131628" i="1"/>
  <c r="AF131629" i="1"/>
  <c r="AF131630" i="1"/>
  <c r="AF131631" i="1"/>
  <c r="AF131632" i="1"/>
  <c r="AF131633" i="1"/>
  <c r="AF131634" i="1"/>
  <c r="AF131635" i="1"/>
  <c r="AF131636" i="1"/>
  <c r="AF131637" i="1"/>
  <c r="AF131638" i="1"/>
  <c r="AF131639" i="1"/>
  <c r="AF131640" i="1"/>
  <c r="AF131641" i="1"/>
  <c r="AF131642" i="1"/>
  <c r="AF131643" i="1"/>
  <c r="AF131644" i="1"/>
  <c r="AF131645" i="1"/>
  <c r="AF131646" i="1"/>
  <c r="AF131647" i="1"/>
  <c r="AF131648" i="1"/>
  <c r="AF131649" i="1"/>
  <c r="AF131650" i="1"/>
  <c r="AF131651" i="1"/>
  <c r="AF131652" i="1"/>
  <c r="AF131653" i="1"/>
  <c r="AF131654" i="1"/>
  <c r="AF131655" i="1"/>
  <c r="AF131656" i="1"/>
  <c r="AF131657" i="1"/>
  <c r="AF131658" i="1"/>
  <c r="AF131659" i="1"/>
  <c r="AF131660" i="1"/>
  <c r="AF131661" i="1"/>
  <c r="AF131662" i="1"/>
  <c r="AF131663" i="1"/>
  <c r="AF131664" i="1"/>
  <c r="AF131665" i="1"/>
  <c r="AF131666" i="1"/>
  <c r="AF131667" i="1"/>
  <c r="AF131668" i="1"/>
  <c r="AF131669" i="1"/>
  <c r="AF131670" i="1"/>
  <c r="AF131671" i="1"/>
  <c r="AF131672" i="1"/>
  <c r="AF131673" i="1"/>
  <c r="AF131674" i="1"/>
  <c r="AF131675" i="1"/>
  <c r="AF131676" i="1"/>
  <c r="AF131677" i="1"/>
  <c r="AF131678" i="1"/>
  <c r="AF131679" i="1"/>
  <c r="AF131680" i="1"/>
  <c r="AF131681" i="1"/>
  <c r="AF131682" i="1"/>
  <c r="AF131683" i="1"/>
  <c r="AF131684" i="1"/>
  <c r="AF131685" i="1"/>
  <c r="AF131686" i="1"/>
  <c r="AF131687" i="1"/>
  <c r="AF131688" i="1"/>
  <c r="AF131689" i="1"/>
  <c r="AF131690" i="1"/>
  <c r="AF131691" i="1"/>
  <c r="AF131692" i="1"/>
  <c r="AF131693" i="1"/>
  <c r="AF131694" i="1"/>
  <c r="AF131695" i="1"/>
  <c r="AF131696" i="1"/>
  <c r="AF131697" i="1"/>
  <c r="AF131698" i="1"/>
  <c r="AF131699" i="1"/>
  <c r="AF131700" i="1"/>
  <c r="AF131701" i="1"/>
  <c r="AF131702" i="1"/>
  <c r="AF131703" i="1"/>
  <c r="AF131704" i="1"/>
  <c r="AF131705" i="1"/>
  <c r="AF131706" i="1"/>
  <c r="AF131707" i="1"/>
  <c r="AF131708" i="1"/>
  <c r="AF131709" i="1"/>
  <c r="AF131710" i="1"/>
  <c r="AF131711" i="1"/>
  <c r="AF131712" i="1"/>
  <c r="AF131713" i="1"/>
  <c r="AF131714" i="1"/>
  <c r="AF131715" i="1"/>
  <c r="AF131716" i="1"/>
  <c r="AF131717" i="1"/>
  <c r="AF131718" i="1"/>
  <c r="AF131719" i="1"/>
  <c r="AF131720" i="1"/>
  <c r="AF131721" i="1"/>
  <c r="AF131722" i="1"/>
  <c r="AF131723" i="1"/>
  <c r="AF131724" i="1"/>
  <c r="AF131725" i="1"/>
  <c r="AF131726" i="1"/>
  <c r="AF131727" i="1"/>
  <c r="AF131728" i="1"/>
  <c r="AF131729" i="1"/>
  <c r="AF131730" i="1"/>
  <c r="AF131731" i="1"/>
  <c r="AF131732" i="1"/>
  <c r="AF131733" i="1"/>
  <c r="AF131734" i="1"/>
  <c r="AF131735" i="1"/>
  <c r="AF131736" i="1"/>
  <c r="AF131737" i="1"/>
  <c r="AF131738" i="1"/>
  <c r="AF131739" i="1"/>
  <c r="AF131740" i="1"/>
  <c r="AF131741" i="1"/>
  <c r="AF131742" i="1"/>
  <c r="AF131743" i="1"/>
  <c r="AF131744" i="1"/>
  <c r="AF131745" i="1"/>
  <c r="AF131746" i="1"/>
  <c r="AF131747" i="1"/>
  <c r="AF131748" i="1"/>
  <c r="AF131749" i="1"/>
  <c r="AF131750" i="1"/>
  <c r="AF131751" i="1"/>
  <c r="AF131752" i="1"/>
  <c r="AF131753" i="1"/>
  <c r="AF131754" i="1"/>
  <c r="AF131755" i="1"/>
  <c r="AF131756" i="1"/>
  <c r="AF131757" i="1"/>
  <c r="AF131758" i="1"/>
  <c r="AF131759" i="1"/>
  <c r="AF131760" i="1"/>
  <c r="AF131761" i="1"/>
  <c r="AF131762" i="1"/>
  <c r="AF131763" i="1"/>
  <c r="AF131764" i="1"/>
  <c r="AF131765" i="1"/>
  <c r="AF131766" i="1"/>
  <c r="AF131767" i="1"/>
  <c r="AF131768" i="1"/>
  <c r="AF131769" i="1"/>
  <c r="AF131770" i="1"/>
  <c r="AF131771" i="1"/>
  <c r="AF131772" i="1"/>
  <c r="AF131773" i="1"/>
  <c r="AF131774" i="1"/>
  <c r="AF131775" i="1"/>
  <c r="AF131776" i="1"/>
  <c r="AF131777" i="1"/>
  <c r="AF131778" i="1"/>
  <c r="AF131779" i="1"/>
  <c r="AF131780" i="1"/>
  <c r="AF131781" i="1"/>
  <c r="AF131782" i="1"/>
  <c r="AF131783" i="1"/>
  <c r="AF131784" i="1"/>
  <c r="AF131785" i="1"/>
  <c r="AF131786" i="1"/>
  <c r="AF131787" i="1"/>
  <c r="AF131788" i="1"/>
  <c r="AF131789" i="1"/>
  <c r="AF131790" i="1"/>
  <c r="AF131791" i="1"/>
  <c r="AF131792" i="1"/>
  <c r="AF131793" i="1"/>
  <c r="AF131794" i="1"/>
  <c r="AF131795" i="1"/>
  <c r="AF131796" i="1"/>
  <c r="AF131797" i="1"/>
  <c r="AF131798" i="1"/>
  <c r="AF131799" i="1"/>
  <c r="AF131800" i="1"/>
  <c r="AF131801" i="1"/>
  <c r="AF131802" i="1"/>
  <c r="AF131803" i="1"/>
  <c r="AF131804" i="1"/>
  <c r="AF131805" i="1"/>
  <c r="AF131806" i="1"/>
  <c r="AF131807" i="1"/>
  <c r="AF131808" i="1"/>
  <c r="AF131809" i="1"/>
  <c r="AF131810" i="1"/>
  <c r="AF131811" i="1"/>
  <c r="AF131812" i="1"/>
  <c r="AF131813" i="1"/>
  <c r="AF131814" i="1"/>
  <c r="AF131815" i="1"/>
  <c r="AF131816" i="1"/>
  <c r="AF131817" i="1"/>
  <c r="AF131818" i="1"/>
  <c r="AF131819" i="1"/>
  <c r="AF131820" i="1"/>
  <c r="AF131821" i="1"/>
  <c r="AF131822" i="1"/>
  <c r="AF131823" i="1"/>
  <c r="AF131824" i="1"/>
  <c r="AF131825" i="1"/>
  <c r="AF131826" i="1"/>
  <c r="AF131827" i="1"/>
  <c r="AF131828" i="1"/>
  <c r="AF131829" i="1"/>
  <c r="AF131830" i="1"/>
  <c r="AF131831" i="1"/>
  <c r="AF131832" i="1"/>
  <c r="AF131833" i="1"/>
  <c r="AF131834" i="1"/>
  <c r="AF131835" i="1"/>
  <c r="AF131836" i="1"/>
  <c r="AF131837" i="1"/>
  <c r="AF131838" i="1"/>
  <c r="AF131839" i="1"/>
  <c r="AF131840" i="1"/>
  <c r="AF131841" i="1"/>
  <c r="AF131842" i="1"/>
  <c r="AF131843" i="1"/>
  <c r="AF131844" i="1"/>
  <c r="AF131845" i="1"/>
  <c r="AF131846" i="1"/>
  <c r="AF131847" i="1"/>
  <c r="AF131848" i="1"/>
  <c r="AF131849" i="1"/>
  <c r="AF131850" i="1"/>
  <c r="AF131851" i="1"/>
  <c r="AF131852" i="1"/>
  <c r="AF131853" i="1"/>
  <c r="AF131854" i="1"/>
  <c r="AF131855" i="1"/>
  <c r="AF131856" i="1"/>
  <c r="AF131857" i="1"/>
  <c r="AF131858" i="1"/>
  <c r="AF131859" i="1"/>
  <c r="AF131860" i="1"/>
  <c r="AF131861" i="1"/>
  <c r="AF131862" i="1"/>
  <c r="AF131863" i="1"/>
  <c r="AF131864" i="1"/>
  <c r="AF131865" i="1"/>
  <c r="AF131866" i="1"/>
  <c r="AF131867" i="1"/>
  <c r="AF131868" i="1"/>
  <c r="AF131869" i="1"/>
  <c r="AF131870" i="1"/>
  <c r="AF131871" i="1"/>
  <c r="AF131872" i="1"/>
  <c r="AF131873" i="1"/>
  <c r="AF131874" i="1"/>
  <c r="AF131875" i="1"/>
  <c r="AF131876" i="1"/>
  <c r="AF131877" i="1"/>
  <c r="AF131878" i="1"/>
  <c r="AF131879" i="1"/>
  <c r="AF131880" i="1"/>
  <c r="AF131881" i="1"/>
  <c r="AF131882" i="1"/>
  <c r="AF131883" i="1"/>
  <c r="AF131884" i="1"/>
  <c r="AF131885" i="1"/>
  <c r="AF131886" i="1"/>
  <c r="AF131887" i="1"/>
  <c r="AF131888" i="1"/>
  <c r="AF131889" i="1"/>
  <c r="AF131890" i="1"/>
  <c r="AF131891" i="1"/>
  <c r="AF131892" i="1"/>
  <c r="AF131893" i="1"/>
  <c r="AF131894" i="1"/>
  <c r="AF131895" i="1"/>
  <c r="AF131896" i="1"/>
  <c r="AF131897" i="1"/>
  <c r="AF131898" i="1"/>
  <c r="AF131899" i="1"/>
  <c r="AF131900" i="1"/>
  <c r="AF131901" i="1"/>
  <c r="AF131902" i="1"/>
  <c r="AF131903" i="1"/>
  <c r="AF131904" i="1"/>
  <c r="AF131905" i="1"/>
  <c r="AF131906" i="1"/>
  <c r="AF131907" i="1"/>
  <c r="AF131908" i="1"/>
  <c r="AF131909" i="1"/>
  <c r="AF131910" i="1"/>
  <c r="AF131911" i="1"/>
  <c r="AF131912" i="1"/>
  <c r="AF131913" i="1"/>
  <c r="AF131914" i="1"/>
  <c r="AF131915" i="1"/>
  <c r="AF131916" i="1"/>
  <c r="AF131917" i="1"/>
  <c r="AF131918" i="1"/>
  <c r="AF131919" i="1"/>
  <c r="AF131920" i="1"/>
  <c r="AF131921" i="1"/>
  <c r="AF131922" i="1"/>
  <c r="AF131923" i="1"/>
  <c r="AF131924" i="1"/>
  <c r="AF131925" i="1"/>
  <c r="AF131926" i="1"/>
  <c r="AF131927" i="1"/>
  <c r="AF131928" i="1"/>
  <c r="AF131929" i="1"/>
  <c r="AF131930" i="1"/>
  <c r="AF131931" i="1"/>
  <c r="AF131932" i="1"/>
  <c r="AF131933" i="1"/>
  <c r="AF131934" i="1"/>
  <c r="AF131935" i="1"/>
  <c r="AF131936" i="1"/>
  <c r="AF131937" i="1"/>
  <c r="AF131938" i="1"/>
  <c r="AF131939" i="1"/>
  <c r="AF131940" i="1"/>
  <c r="AF131941" i="1"/>
  <c r="AF131942" i="1"/>
  <c r="AF131943" i="1"/>
  <c r="AF131944" i="1"/>
  <c r="AF131945" i="1"/>
  <c r="AF131946" i="1"/>
  <c r="AF131947" i="1"/>
  <c r="AF131948" i="1"/>
  <c r="AF131949" i="1"/>
  <c r="AF131950" i="1"/>
  <c r="AF131951" i="1"/>
  <c r="AF131952" i="1"/>
  <c r="AF131953" i="1"/>
  <c r="AF131954" i="1"/>
  <c r="AF131955" i="1"/>
  <c r="AF131956" i="1"/>
  <c r="AF131957" i="1"/>
  <c r="AF131958" i="1"/>
  <c r="AF131959" i="1"/>
  <c r="AF131960" i="1"/>
  <c r="AF131961" i="1"/>
  <c r="AF131962" i="1"/>
  <c r="AF131963" i="1"/>
  <c r="AF131964" i="1"/>
  <c r="AF131965" i="1"/>
  <c r="AF131966" i="1"/>
  <c r="AF131967" i="1"/>
  <c r="AF131968" i="1"/>
  <c r="AF131969" i="1"/>
  <c r="AF131970" i="1"/>
  <c r="AF131971" i="1"/>
  <c r="AF131972" i="1"/>
  <c r="AF131973" i="1"/>
  <c r="AF131974" i="1"/>
  <c r="AF131975" i="1"/>
  <c r="AF131976" i="1"/>
  <c r="AF131977" i="1"/>
  <c r="AF131978" i="1"/>
  <c r="AF131979" i="1"/>
  <c r="AF131980" i="1"/>
  <c r="AF131981" i="1"/>
  <c r="AF131982" i="1"/>
  <c r="AF131983" i="1"/>
  <c r="AF131984" i="1"/>
  <c r="AF131985" i="1"/>
  <c r="AF131986" i="1"/>
  <c r="AF131987" i="1"/>
  <c r="AF131988" i="1"/>
  <c r="AF131989" i="1"/>
  <c r="AF131990" i="1"/>
  <c r="AF131991" i="1"/>
  <c r="AF131992" i="1"/>
  <c r="AF131993" i="1"/>
  <c r="AF131994" i="1"/>
  <c r="AF131995" i="1"/>
  <c r="AF131996" i="1"/>
  <c r="AF131997" i="1"/>
  <c r="AF131998" i="1"/>
  <c r="AF131999" i="1"/>
  <c r="AF132000" i="1"/>
  <c r="AF132001" i="1"/>
  <c r="AF132002" i="1"/>
  <c r="AF132003" i="1"/>
  <c r="AF132004" i="1"/>
  <c r="AF132005" i="1"/>
  <c r="AF132006" i="1"/>
  <c r="AF132007" i="1"/>
  <c r="AF132008" i="1"/>
  <c r="AF132009" i="1"/>
  <c r="AF132010" i="1"/>
  <c r="AF132011" i="1"/>
  <c r="AF132012" i="1"/>
  <c r="AF132013" i="1"/>
  <c r="AF132014" i="1"/>
  <c r="AF132015" i="1"/>
  <c r="AF132016" i="1"/>
  <c r="AF132017" i="1"/>
  <c r="AF132018" i="1"/>
  <c r="AF132019" i="1"/>
  <c r="AF132020" i="1"/>
  <c r="AF132021" i="1"/>
  <c r="AF132022" i="1"/>
  <c r="AF132023" i="1"/>
  <c r="AF132024" i="1"/>
  <c r="AF132025" i="1"/>
  <c r="AF132026" i="1"/>
  <c r="AF132027" i="1"/>
  <c r="AF132028" i="1"/>
  <c r="AF132029" i="1"/>
  <c r="AF132030" i="1"/>
  <c r="AF132031" i="1"/>
  <c r="AF132032" i="1"/>
  <c r="AF132033" i="1"/>
  <c r="AF132034" i="1"/>
  <c r="AF132035" i="1"/>
  <c r="AF132036" i="1"/>
  <c r="AF132037" i="1"/>
  <c r="AF132038" i="1"/>
  <c r="AF132039" i="1"/>
  <c r="AF132040" i="1"/>
  <c r="AF132041" i="1"/>
  <c r="AF132042" i="1"/>
  <c r="AF132043" i="1"/>
  <c r="AF132044" i="1"/>
  <c r="AF132045" i="1"/>
  <c r="AF132046" i="1"/>
  <c r="AF132047" i="1"/>
  <c r="AF132048" i="1"/>
  <c r="AF132049" i="1"/>
  <c r="AF132050" i="1"/>
  <c r="AF132051" i="1"/>
  <c r="AF132052" i="1"/>
  <c r="AF132053" i="1"/>
  <c r="AF132054" i="1"/>
  <c r="AF132055" i="1"/>
  <c r="AF132056" i="1"/>
  <c r="AF132057" i="1"/>
  <c r="AF132058" i="1"/>
  <c r="AF132059" i="1"/>
  <c r="AF132060" i="1"/>
  <c r="AF132061" i="1"/>
  <c r="AF132062" i="1"/>
  <c r="AF132063" i="1"/>
  <c r="AF132064" i="1"/>
  <c r="AF132065" i="1"/>
  <c r="AF132066" i="1"/>
  <c r="AF132067" i="1"/>
  <c r="AF132068" i="1"/>
  <c r="AF132069" i="1"/>
  <c r="AF132070" i="1"/>
  <c r="AF132071" i="1"/>
  <c r="AF132072" i="1"/>
  <c r="AF132073" i="1"/>
  <c r="AF132074" i="1"/>
  <c r="AF132075" i="1"/>
  <c r="AF132076" i="1"/>
  <c r="AF132077" i="1"/>
  <c r="AF132078" i="1"/>
  <c r="AF132079" i="1"/>
  <c r="AF132080" i="1"/>
  <c r="AF132081" i="1"/>
  <c r="AF132082" i="1"/>
  <c r="AF132083" i="1"/>
  <c r="AF132084" i="1"/>
  <c r="AF132085" i="1"/>
  <c r="AF132086" i="1"/>
  <c r="AF132087" i="1"/>
  <c r="AF132088" i="1"/>
  <c r="AF132089" i="1"/>
  <c r="AF132090" i="1"/>
  <c r="AF132091" i="1"/>
  <c r="AF132092" i="1"/>
  <c r="AF132093" i="1"/>
  <c r="AF132094" i="1"/>
  <c r="AF132095" i="1"/>
  <c r="AF132096" i="1"/>
  <c r="AF132097" i="1"/>
  <c r="AF132098" i="1"/>
  <c r="AF132099" i="1"/>
  <c r="AF132100" i="1"/>
  <c r="AF132101" i="1"/>
  <c r="AF132102" i="1"/>
  <c r="AF132103" i="1"/>
  <c r="AF132104" i="1"/>
  <c r="AF132105" i="1"/>
  <c r="AF132106" i="1"/>
  <c r="AF132107" i="1"/>
  <c r="AF132108" i="1"/>
  <c r="AF132109" i="1"/>
  <c r="AF132110" i="1"/>
  <c r="AF132111" i="1"/>
  <c r="AF132112" i="1"/>
  <c r="AF132113" i="1"/>
  <c r="AF132114" i="1"/>
  <c r="AF132115" i="1"/>
  <c r="AF132116" i="1"/>
  <c r="AF132117" i="1"/>
  <c r="AF132118" i="1"/>
  <c r="AF132119" i="1"/>
  <c r="AF132120" i="1"/>
  <c r="AF132121" i="1"/>
  <c r="AF132122" i="1"/>
  <c r="AF132123" i="1"/>
  <c r="AF132124" i="1"/>
  <c r="AF132125" i="1"/>
  <c r="AF132126" i="1"/>
  <c r="AF132127" i="1"/>
  <c r="AF132128" i="1"/>
  <c r="AF132129" i="1"/>
  <c r="AF132130" i="1"/>
  <c r="AF132131" i="1"/>
  <c r="AF132132" i="1"/>
  <c r="AF132133" i="1"/>
  <c r="AF132134" i="1"/>
  <c r="AF132135" i="1"/>
  <c r="AF132136" i="1"/>
  <c r="AF132137" i="1"/>
  <c r="AF132138" i="1"/>
  <c r="AF132139" i="1"/>
  <c r="AF132140" i="1"/>
  <c r="AF132141" i="1"/>
  <c r="AF132142" i="1"/>
  <c r="AF132143" i="1"/>
  <c r="AF132144" i="1"/>
  <c r="AF132145" i="1"/>
  <c r="AF132146" i="1"/>
  <c r="AF132147" i="1"/>
  <c r="AF132148" i="1"/>
  <c r="AF132149" i="1"/>
  <c r="AF132150" i="1"/>
  <c r="AF132151" i="1"/>
  <c r="AF132152" i="1"/>
  <c r="AF132153" i="1"/>
  <c r="AF132154" i="1"/>
  <c r="AF132155" i="1"/>
  <c r="AF132156" i="1"/>
  <c r="AF132157" i="1"/>
  <c r="AF132158" i="1"/>
  <c r="AF132159" i="1"/>
  <c r="AF132160" i="1"/>
  <c r="AF132161" i="1"/>
  <c r="AF132162" i="1"/>
  <c r="AF132163" i="1"/>
  <c r="AF132164" i="1"/>
  <c r="AF132165" i="1"/>
  <c r="AF132166" i="1"/>
  <c r="AF132167" i="1"/>
  <c r="AF132168" i="1"/>
  <c r="AF132169" i="1"/>
  <c r="AF132170" i="1"/>
  <c r="AF132171" i="1"/>
  <c r="AF132172" i="1"/>
  <c r="AF132173" i="1"/>
  <c r="AF132174" i="1"/>
  <c r="AF132175" i="1"/>
  <c r="AF132176" i="1"/>
  <c r="AF132177" i="1"/>
  <c r="AF132178" i="1"/>
  <c r="AF132179" i="1"/>
  <c r="AF132180" i="1"/>
  <c r="AF132181" i="1"/>
  <c r="AF132182" i="1"/>
  <c r="AF132183" i="1"/>
  <c r="AF132184" i="1"/>
  <c r="AF132185" i="1"/>
  <c r="AF132186" i="1"/>
  <c r="AF132187" i="1"/>
  <c r="AF132188" i="1"/>
  <c r="AF132189" i="1"/>
  <c r="AF132190" i="1"/>
  <c r="AF132191" i="1"/>
  <c r="AF132192" i="1"/>
  <c r="AF132193" i="1"/>
  <c r="AF132194" i="1"/>
  <c r="AF132195" i="1"/>
  <c r="AF132196" i="1"/>
  <c r="AF132197" i="1"/>
  <c r="AF132198" i="1"/>
  <c r="AF132199" i="1"/>
  <c r="AF132200" i="1"/>
  <c r="AF132201" i="1"/>
  <c r="AF132202" i="1"/>
  <c r="AF132203" i="1"/>
  <c r="AF132204" i="1"/>
  <c r="AF132205" i="1"/>
  <c r="AF132206" i="1"/>
  <c r="AF132207" i="1"/>
  <c r="AF132208" i="1"/>
  <c r="AF132209" i="1"/>
  <c r="AF132210" i="1"/>
  <c r="AF132211" i="1"/>
  <c r="AF132212" i="1"/>
  <c r="AF132213" i="1"/>
  <c r="AF132214" i="1"/>
  <c r="AF132215" i="1"/>
  <c r="AF132216" i="1"/>
  <c r="AF132217" i="1"/>
  <c r="AF132218" i="1"/>
  <c r="AF132219" i="1"/>
  <c r="AF132220" i="1"/>
  <c r="AF132221" i="1"/>
  <c r="AF132222" i="1"/>
  <c r="AF132223" i="1"/>
  <c r="AF132224" i="1"/>
  <c r="AF132225" i="1"/>
  <c r="AF132226" i="1"/>
  <c r="AF132227" i="1"/>
  <c r="AF132228" i="1"/>
  <c r="AF132229" i="1"/>
  <c r="AF132230" i="1"/>
  <c r="AF132231" i="1"/>
  <c r="AF132232" i="1"/>
  <c r="AF132233" i="1"/>
  <c r="AF132234" i="1"/>
  <c r="AF132235" i="1"/>
  <c r="AF132236" i="1"/>
  <c r="AF132237" i="1"/>
  <c r="AF132238" i="1"/>
  <c r="AF132239" i="1"/>
  <c r="AF132240" i="1"/>
  <c r="AF132241" i="1"/>
  <c r="AF132242" i="1"/>
  <c r="AF132243" i="1"/>
  <c r="AF132244" i="1"/>
  <c r="AF132245" i="1"/>
  <c r="AF132246" i="1"/>
  <c r="AF132247" i="1"/>
  <c r="AF132248" i="1"/>
  <c r="AF132249" i="1"/>
  <c r="AF132250" i="1"/>
  <c r="AF132251" i="1"/>
  <c r="AF132252" i="1"/>
  <c r="AF132253" i="1"/>
  <c r="AF132254" i="1"/>
  <c r="AF132255" i="1"/>
  <c r="AF132256" i="1"/>
  <c r="AF132257" i="1"/>
  <c r="AF132258" i="1"/>
  <c r="AF132259" i="1"/>
  <c r="AF132260" i="1"/>
  <c r="AF132261" i="1"/>
  <c r="AF132262" i="1"/>
  <c r="AF132263" i="1"/>
  <c r="AF132264" i="1"/>
  <c r="AF132265" i="1"/>
  <c r="AF132266" i="1"/>
  <c r="AF132267" i="1"/>
  <c r="AF132268" i="1"/>
  <c r="AF132269" i="1"/>
  <c r="AF132270" i="1"/>
  <c r="AF132271" i="1"/>
  <c r="AF132272" i="1"/>
  <c r="AF132273" i="1"/>
  <c r="AF132274" i="1"/>
  <c r="AF132275" i="1"/>
  <c r="AF132276" i="1"/>
  <c r="AF132277" i="1"/>
  <c r="AF132278" i="1"/>
  <c r="AF132279" i="1"/>
  <c r="AF132280" i="1"/>
  <c r="AF132281" i="1"/>
  <c r="AF132282" i="1"/>
  <c r="AF132283" i="1"/>
  <c r="AF132284" i="1"/>
  <c r="AF132285" i="1"/>
  <c r="AF132286" i="1"/>
  <c r="AF132287" i="1"/>
  <c r="AF132288" i="1"/>
  <c r="AF132289" i="1"/>
  <c r="AF132290" i="1"/>
  <c r="AF132291" i="1"/>
  <c r="AF132292" i="1"/>
  <c r="AF132293" i="1"/>
  <c r="AF132294" i="1"/>
  <c r="AF132295" i="1"/>
  <c r="AF132296" i="1"/>
  <c r="AF132297" i="1"/>
  <c r="AF132298" i="1"/>
  <c r="AF132299" i="1"/>
  <c r="AF132300" i="1"/>
  <c r="AF132301" i="1"/>
  <c r="AF132302" i="1"/>
  <c r="AF132303" i="1"/>
  <c r="AF132304" i="1"/>
  <c r="AF132305" i="1"/>
  <c r="AF132306" i="1"/>
  <c r="AF132307" i="1"/>
  <c r="AF132308" i="1"/>
  <c r="AF132309" i="1"/>
  <c r="AF132310" i="1"/>
  <c r="AF132311" i="1"/>
  <c r="AF132312" i="1"/>
  <c r="AF132313" i="1"/>
  <c r="AF132314" i="1"/>
  <c r="AF132315" i="1"/>
  <c r="AF132316" i="1"/>
  <c r="AF132317" i="1"/>
  <c r="AF132318" i="1"/>
  <c r="AF132319" i="1"/>
  <c r="AF132320" i="1"/>
  <c r="AF132321" i="1"/>
  <c r="AF132322" i="1"/>
  <c r="AF132323" i="1"/>
  <c r="AF132324" i="1"/>
  <c r="AF132325" i="1"/>
  <c r="AF132326" i="1"/>
  <c r="AF132327" i="1"/>
  <c r="AF132328" i="1"/>
  <c r="AF132329" i="1"/>
  <c r="AF132330" i="1"/>
  <c r="AF132331" i="1"/>
  <c r="AF132332" i="1"/>
  <c r="AF132333" i="1"/>
  <c r="AF132334" i="1"/>
  <c r="AF132335" i="1"/>
  <c r="AF132336" i="1"/>
  <c r="AF132337" i="1"/>
  <c r="AF132338" i="1"/>
  <c r="AF132339" i="1"/>
  <c r="AF132340" i="1"/>
  <c r="AF132341" i="1"/>
  <c r="AF132342" i="1"/>
  <c r="AF132343" i="1"/>
  <c r="AF132344" i="1"/>
  <c r="AF132345" i="1"/>
  <c r="AF132346" i="1"/>
  <c r="AF132347" i="1"/>
  <c r="AF132348" i="1"/>
  <c r="AF132349" i="1"/>
  <c r="AF132350" i="1"/>
  <c r="AF132351" i="1"/>
  <c r="AF132352" i="1"/>
  <c r="AF132353" i="1"/>
  <c r="AF132354" i="1"/>
  <c r="AF132355" i="1"/>
  <c r="AF132356" i="1"/>
  <c r="AF132357" i="1"/>
  <c r="AF132358" i="1"/>
  <c r="AF132359" i="1"/>
  <c r="AF132360" i="1"/>
  <c r="AF132361" i="1"/>
  <c r="AF132362" i="1"/>
  <c r="AF132363" i="1"/>
  <c r="AF132364" i="1"/>
  <c r="AF132365" i="1"/>
  <c r="AF132366" i="1"/>
  <c r="AF132367" i="1"/>
  <c r="AF132368" i="1"/>
  <c r="AF132369" i="1"/>
  <c r="AF132370" i="1"/>
  <c r="AF132371" i="1"/>
  <c r="AF132372" i="1"/>
  <c r="AF132373" i="1"/>
  <c r="AF132374" i="1"/>
  <c r="AF132375" i="1"/>
  <c r="AF132376" i="1"/>
  <c r="AF132377" i="1"/>
  <c r="AF132378" i="1"/>
  <c r="AF132379" i="1"/>
  <c r="AF132380" i="1"/>
  <c r="AF132381" i="1"/>
  <c r="AF132382" i="1"/>
  <c r="AF132383" i="1"/>
  <c r="AF132384" i="1"/>
  <c r="AF132385" i="1"/>
  <c r="AF132386" i="1"/>
  <c r="AF132387" i="1"/>
  <c r="AF132388" i="1"/>
  <c r="AF132389" i="1"/>
  <c r="AF132390" i="1"/>
  <c r="AF132391" i="1"/>
  <c r="AF132392" i="1"/>
  <c r="AF132393" i="1"/>
  <c r="AF132394" i="1"/>
  <c r="AF132395" i="1"/>
  <c r="AF132396" i="1"/>
  <c r="AF132397" i="1"/>
  <c r="AF132398" i="1"/>
  <c r="AF132399" i="1"/>
  <c r="AF132400" i="1"/>
  <c r="AF132401" i="1"/>
  <c r="AF132402" i="1"/>
  <c r="AF132403" i="1"/>
  <c r="AF132404" i="1"/>
  <c r="AF132405" i="1"/>
  <c r="AF132406" i="1"/>
  <c r="AF132407" i="1"/>
  <c r="AF132408" i="1"/>
  <c r="AF132409" i="1"/>
  <c r="AF132410" i="1"/>
  <c r="AF132411" i="1"/>
  <c r="AF132412" i="1"/>
  <c r="AF132413" i="1"/>
  <c r="AF132414" i="1"/>
  <c r="AF132415" i="1"/>
  <c r="AF132416" i="1"/>
  <c r="AF132417" i="1"/>
  <c r="AF132418" i="1"/>
  <c r="AF132419" i="1"/>
  <c r="AF132420" i="1"/>
  <c r="AF132421" i="1"/>
  <c r="AF132422" i="1"/>
  <c r="AF132423" i="1"/>
  <c r="AF132424" i="1"/>
  <c r="AF132425" i="1"/>
  <c r="AF132426" i="1"/>
  <c r="AF132427" i="1"/>
  <c r="AF132428" i="1"/>
  <c r="AF132429" i="1"/>
  <c r="AF132430" i="1"/>
  <c r="AF132431" i="1"/>
  <c r="AF132432" i="1"/>
  <c r="AF132433" i="1"/>
  <c r="AF132434" i="1"/>
  <c r="AF132435" i="1"/>
  <c r="AF132436" i="1"/>
  <c r="AF132437" i="1"/>
  <c r="AF132438" i="1"/>
  <c r="AF132439" i="1"/>
  <c r="AF132440" i="1"/>
  <c r="AF132441" i="1"/>
  <c r="AF132442" i="1"/>
  <c r="AF132443" i="1"/>
  <c r="AF132444" i="1"/>
  <c r="AF132445" i="1"/>
  <c r="AF132446" i="1"/>
  <c r="AF132447" i="1"/>
  <c r="AF132448" i="1"/>
  <c r="AF132449" i="1"/>
  <c r="AF132450" i="1"/>
  <c r="AF132451" i="1"/>
  <c r="AF132452" i="1"/>
  <c r="AF132453" i="1"/>
  <c r="AF132454" i="1"/>
  <c r="AF132455" i="1"/>
  <c r="AF132456" i="1"/>
  <c r="AF132457" i="1"/>
  <c r="AF132458" i="1"/>
  <c r="AF132459" i="1"/>
  <c r="AF132460" i="1"/>
  <c r="AF132461" i="1"/>
  <c r="AF132462" i="1"/>
  <c r="AF132463" i="1"/>
  <c r="AF132464" i="1"/>
  <c r="AF132465" i="1"/>
  <c r="AF132466" i="1"/>
  <c r="AF132467" i="1"/>
  <c r="AF132468" i="1"/>
  <c r="AF132469" i="1"/>
  <c r="AF132470" i="1"/>
  <c r="AF132471" i="1"/>
  <c r="AF132472" i="1"/>
  <c r="AF132473" i="1"/>
  <c r="AF132474" i="1"/>
  <c r="AF132475" i="1"/>
  <c r="AF132476" i="1"/>
  <c r="AF132477" i="1"/>
  <c r="AF132478" i="1"/>
  <c r="AF132479" i="1"/>
  <c r="AF132480" i="1"/>
  <c r="AF132481" i="1"/>
  <c r="AF132482" i="1"/>
  <c r="AF132483" i="1"/>
  <c r="AF132484" i="1"/>
  <c r="AF132485" i="1"/>
  <c r="AF132486" i="1"/>
  <c r="AF132487" i="1"/>
  <c r="AF132488" i="1"/>
  <c r="AF132489" i="1"/>
  <c r="AF132490" i="1"/>
  <c r="AF132491" i="1"/>
  <c r="AF132492" i="1"/>
  <c r="AF132493" i="1"/>
  <c r="AF132494" i="1"/>
  <c r="AF132495" i="1"/>
  <c r="AF132496" i="1"/>
  <c r="AF132497" i="1"/>
  <c r="AF132498" i="1"/>
  <c r="AF132499" i="1"/>
  <c r="AF132500" i="1"/>
  <c r="AF132501" i="1"/>
  <c r="AF132502" i="1"/>
  <c r="AF132503" i="1"/>
  <c r="AF132504" i="1"/>
  <c r="AF132505" i="1"/>
  <c r="AF132506" i="1"/>
  <c r="AF132507" i="1"/>
  <c r="AF132508" i="1"/>
  <c r="AF132509" i="1"/>
  <c r="AF132510" i="1"/>
  <c r="AF132511" i="1"/>
  <c r="AF132512" i="1"/>
  <c r="AF132513" i="1"/>
  <c r="AF132514" i="1"/>
  <c r="AF132515" i="1"/>
  <c r="AF132516" i="1"/>
  <c r="AF132517" i="1"/>
  <c r="AF132518" i="1"/>
  <c r="AF132519" i="1"/>
  <c r="AF132520" i="1"/>
  <c r="AF132521" i="1"/>
  <c r="AF132522" i="1"/>
  <c r="AF132523" i="1"/>
  <c r="AF132524" i="1"/>
  <c r="AF132525" i="1"/>
  <c r="AF132526" i="1"/>
  <c r="AF132527" i="1"/>
  <c r="AF132528" i="1"/>
  <c r="AF132529" i="1"/>
  <c r="AF132530" i="1"/>
  <c r="AF132531" i="1"/>
  <c r="AF132532" i="1"/>
  <c r="AF132533" i="1"/>
  <c r="AF132534" i="1"/>
  <c r="AF132535" i="1"/>
  <c r="AF132536" i="1"/>
  <c r="AF132537" i="1"/>
  <c r="AF132538" i="1"/>
  <c r="AF132539" i="1"/>
  <c r="AF132540" i="1"/>
  <c r="AF132541" i="1"/>
  <c r="AF132542" i="1"/>
  <c r="AF132543" i="1"/>
  <c r="AF132544" i="1"/>
  <c r="AF132545" i="1"/>
  <c r="AF132546" i="1"/>
  <c r="AF132547" i="1"/>
  <c r="AF132548" i="1"/>
  <c r="AF132549" i="1"/>
  <c r="AF132550" i="1"/>
  <c r="AF132551" i="1"/>
  <c r="AF132552" i="1"/>
  <c r="AF132553" i="1"/>
  <c r="AF132554" i="1"/>
  <c r="AF132555" i="1"/>
  <c r="AF132556" i="1"/>
  <c r="AF132557" i="1"/>
  <c r="AF132558" i="1"/>
  <c r="AF132559" i="1"/>
  <c r="AF132560" i="1"/>
  <c r="AF132561" i="1"/>
  <c r="AF132562" i="1"/>
  <c r="AF132563" i="1"/>
  <c r="AF132564" i="1"/>
  <c r="AF132565" i="1"/>
  <c r="AF132566" i="1"/>
  <c r="AF132567" i="1"/>
  <c r="AF132568" i="1"/>
  <c r="AF132569" i="1"/>
  <c r="AF132570" i="1"/>
  <c r="AF132571" i="1"/>
  <c r="AF132572" i="1"/>
  <c r="AF132573" i="1"/>
  <c r="AF132574" i="1"/>
  <c r="AF132575" i="1"/>
  <c r="AF132576" i="1"/>
  <c r="AF132577" i="1"/>
  <c r="AF132578" i="1"/>
  <c r="AF132579" i="1"/>
  <c r="AF132580" i="1"/>
  <c r="AF132581" i="1"/>
  <c r="AF132582" i="1"/>
  <c r="AF132583" i="1"/>
  <c r="AF132584" i="1"/>
  <c r="AF132585" i="1"/>
  <c r="AF132586" i="1"/>
  <c r="AF132587" i="1"/>
  <c r="AF132588" i="1"/>
  <c r="AF132589" i="1"/>
  <c r="AF132590" i="1"/>
  <c r="AF132591" i="1"/>
  <c r="AF132592" i="1"/>
  <c r="AF132593" i="1"/>
  <c r="AF132594" i="1"/>
  <c r="AF132595" i="1"/>
  <c r="AF132596" i="1"/>
  <c r="AF132597" i="1"/>
  <c r="AF132598" i="1"/>
  <c r="AF132599" i="1"/>
  <c r="AF132600" i="1"/>
  <c r="AF132601" i="1"/>
  <c r="AF132602" i="1"/>
  <c r="AF132603" i="1"/>
  <c r="AF132604" i="1"/>
  <c r="AF132605" i="1"/>
  <c r="AF132606" i="1"/>
  <c r="AF132607" i="1"/>
  <c r="AF132608" i="1"/>
  <c r="AF132609" i="1"/>
  <c r="AF132610" i="1"/>
  <c r="AF132611" i="1"/>
  <c r="AF132612" i="1"/>
  <c r="AF132613" i="1"/>
  <c r="AF132614" i="1"/>
  <c r="AF132615" i="1"/>
  <c r="AF132616" i="1"/>
  <c r="AF132617" i="1"/>
  <c r="AF132618" i="1"/>
  <c r="AF132619" i="1"/>
  <c r="AF132620" i="1"/>
  <c r="AF132621" i="1"/>
  <c r="AF132622" i="1"/>
  <c r="AF132623" i="1"/>
  <c r="AF132624" i="1"/>
  <c r="AF132625" i="1"/>
  <c r="AF132626" i="1"/>
  <c r="AF132627" i="1"/>
  <c r="AF132628" i="1"/>
  <c r="AF132629" i="1"/>
  <c r="AF132630" i="1"/>
  <c r="AF132631" i="1"/>
  <c r="AF132632" i="1"/>
  <c r="AF132633" i="1"/>
  <c r="AF132634" i="1"/>
  <c r="AF132635" i="1"/>
  <c r="AF132636" i="1"/>
  <c r="AF132637" i="1"/>
  <c r="AF132638" i="1"/>
  <c r="AF132639" i="1"/>
  <c r="AF132640" i="1"/>
  <c r="AF132641" i="1"/>
  <c r="AF132642" i="1"/>
  <c r="AF132643" i="1"/>
  <c r="AF132644" i="1"/>
  <c r="AF132645" i="1"/>
  <c r="AF132646" i="1"/>
  <c r="AF132647" i="1"/>
  <c r="AF132648" i="1"/>
  <c r="AF132649" i="1"/>
  <c r="AF132650" i="1"/>
  <c r="AF132651" i="1"/>
  <c r="AF132652" i="1"/>
  <c r="AF132653" i="1"/>
  <c r="AF132654" i="1"/>
  <c r="AF132655" i="1"/>
  <c r="AF132656" i="1"/>
  <c r="AF132657" i="1"/>
  <c r="AF132658" i="1"/>
  <c r="AF132659" i="1"/>
  <c r="AF132660" i="1"/>
  <c r="AF132661" i="1"/>
  <c r="AF132662" i="1"/>
  <c r="AF132663" i="1"/>
  <c r="AF132664" i="1"/>
  <c r="AF132665" i="1"/>
  <c r="AF132666" i="1"/>
  <c r="AF132667" i="1"/>
  <c r="AF132668" i="1"/>
  <c r="AF132669" i="1"/>
  <c r="AF132670" i="1"/>
  <c r="AF132671" i="1"/>
  <c r="AF132672" i="1"/>
  <c r="AF132673" i="1"/>
  <c r="AF132674" i="1"/>
  <c r="AF132675" i="1"/>
  <c r="AF132676" i="1"/>
  <c r="AF132677" i="1"/>
  <c r="AF132678" i="1"/>
  <c r="AF132679" i="1"/>
  <c r="AF132680" i="1"/>
  <c r="AF132681" i="1"/>
  <c r="AF132682" i="1"/>
  <c r="AF132683" i="1"/>
  <c r="AF132684" i="1"/>
  <c r="AF132685" i="1"/>
  <c r="AF132686" i="1"/>
  <c r="AF132687" i="1"/>
  <c r="AF132688" i="1"/>
  <c r="AF132689" i="1"/>
  <c r="AF132690" i="1"/>
  <c r="AF132691" i="1"/>
  <c r="AF132692" i="1"/>
  <c r="AF132693" i="1"/>
  <c r="AF132694" i="1"/>
  <c r="AF132695" i="1"/>
  <c r="AF132696" i="1"/>
  <c r="AF132697" i="1"/>
  <c r="AF132698" i="1"/>
  <c r="AF132699" i="1"/>
  <c r="AF132700" i="1"/>
  <c r="AF132701" i="1"/>
  <c r="AF132702" i="1"/>
  <c r="AF132703" i="1"/>
  <c r="AF132704" i="1"/>
  <c r="AF132705" i="1"/>
  <c r="AF132706" i="1"/>
  <c r="AF132707" i="1"/>
  <c r="AF132708" i="1"/>
  <c r="AF132709" i="1"/>
  <c r="AF132710" i="1"/>
  <c r="AF132711" i="1"/>
  <c r="AF132712" i="1"/>
  <c r="AF132713" i="1"/>
  <c r="AF132714" i="1"/>
  <c r="AF132715" i="1"/>
  <c r="AF132716" i="1"/>
  <c r="AF132717" i="1"/>
  <c r="AF132718" i="1"/>
  <c r="AF132719" i="1"/>
  <c r="AF132720" i="1"/>
  <c r="AF132721" i="1"/>
  <c r="AF132722" i="1"/>
  <c r="AF132723" i="1"/>
  <c r="AF132724" i="1"/>
  <c r="AF132725" i="1"/>
  <c r="AF132726" i="1"/>
  <c r="AF132727" i="1"/>
  <c r="AF132728" i="1"/>
  <c r="AF132729" i="1"/>
  <c r="AF132730" i="1"/>
  <c r="AF132731" i="1"/>
  <c r="AF132732" i="1"/>
  <c r="AF132733" i="1"/>
  <c r="AF132734" i="1"/>
  <c r="AF132735" i="1"/>
  <c r="AF132736" i="1"/>
  <c r="AF132737" i="1"/>
  <c r="AF132738" i="1"/>
  <c r="AF132739" i="1"/>
  <c r="AF132740" i="1"/>
  <c r="AF132741" i="1"/>
  <c r="AF132742" i="1"/>
  <c r="AF132743" i="1"/>
  <c r="AF132744" i="1"/>
  <c r="AF132745" i="1"/>
  <c r="AF132746" i="1"/>
  <c r="AF132747" i="1"/>
  <c r="AF132748" i="1"/>
  <c r="AF132749" i="1"/>
  <c r="AF132750" i="1"/>
  <c r="AF132751" i="1"/>
  <c r="AF132752" i="1"/>
  <c r="AF132753" i="1"/>
  <c r="AF132754" i="1"/>
  <c r="AF132755" i="1"/>
  <c r="AF132756" i="1"/>
  <c r="AF132757" i="1"/>
  <c r="AF132758" i="1"/>
  <c r="AF132759" i="1"/>
  <c r="AF132760" i="1"/>
  <c r="AF132761" i="1"/>
  <c r="AF132762" i="1"/>
  <c r="AF132763" i="1"/>
  <c r="AF132764" i="1"/>
  <c r="AF132765" i="1"/>
  <c r="AF132766" i="1"/>
  <c r="AF132767" i="1"/>
  <c r="AF132768" i="1"/>
  <c r="AF132769" i="1"/>
  <c r="AF132770" i="1"/>
  <c r="AF132771" i="1"/>
  <c r="AF132772" i="1"/>
  <c r="AF132773" i="1"/>
  <c r="AF132774" i="1"/>
  <c r="AF132775" i="1"/>
  <c r="AF132776" i="1"/>
  <c r="AF132777" i="1"/>
  <c r="AF132778" i="1"/>
  <c r="AF132779" i="1"/>
  <c r="AF132780" i="1"/>
  <c r="AF132781" i="1"/>
  <c r="AF132782" i="1"/>
  <c r="AF132783" i="1"/>
  <c r="AF132784" i="1"/>
  <c r="AF132785" i="1"/>
  <c r="AF132786" i="1"/>
  <c r="AF132787" i="1"/>
  <c r="AF132788" i="1"/>
  <c r="AF132789" i="1"/>
  <c r="AF132790" i="1"/>
  <c r="AF132791" i="1"/>
  <c r="AF132792" i="1"/>
  <c r="AF132793" i="1"/>
  <c r="AF132794" i="1"/>
  <c r="AF132795" i="1"/>
  <c r="AF132796" i="1"/>
  <c r="AF132797" i="1"/>
  <c r="AF132798" i="1"/>
  <c r="AF132799" i="1"/>
  <c r="AF132800" i="1"/>
  <c r="AF132801" i="1"/>
  <c r="AF132802" i="1"/>
  <c r="AF132803" i="1"/>
  <c r="AF132804" i="1"/>
  <c r="AF132805" i="1"/>
  <c r="AF132806" i="1"/>
  <c r="AF132807" i="1"/>
  <c r="AF132808" i="1"/>
  <c r="AF132809" i="1"/>
  <c r="AF132810" i="1"/>
  <c r="AF132811" i="1"/>
  <c r="AF132812" i="1"/>
  <c r="AF132813" i="1"/>
  <c r="AF132814" i="1"/>
  <c r="AF132815" i="1"/>
  <c r="AF132816" i="1"/>
  <c r="AF132817" i="1"/>
  <c r="AF132818" i="1"/>
  <c r="AF132819" i="1"/>
  <c r="AF132820" i="1"/>
  <c r="AF132821" i="1"/>
  <c r="AF132822" i="1"/>
  <c r="AF132823" i="1"/>
  <c r="AF132824" i="1"/>
  <c r="AF132825" i="1"/>
  <c r="AF132826" i="1"/>
  <c r="AF132827" i="1"/>
  <c r="AF132828" i="1"/>
  <c r="AF132829" i="1"/>
  <c r="AF132830" i="1"/>
  <c r="AF132831" i="1"/>
  <c r="AF132832" i="1"/>
  <c r="AF132833" i="1"/>
  <c r="AF132834" i="1"/>
  <c r="AF132835" i="1"/>
  <c r="AF132836" i="1"/>
  <c r="AF132837" i="1"/>
  <c r="AF132838" i="1"/>
  <c r="AF132839" i="1"/>
  <c r="AF132840" i="1"/>
  <c r="AF132841" i="1"/>
  <c r="AF132842" i="1"/>
  <c r="AF132843" i="1"/>
  <c r="AF132844" i="1"/>
  <c r="AF132845" i="1"/>
  <c r="AF132846" i="1"/>
  <c r="AF132847" i="1"/>
  <c r="AF132848" i="1"/>
  <c r="AF132849" i="1"/>
  <c r="AF132850" i="1"/>
  <c r="AF132851" i="1"/>
  <c r="AF132852" i="1"/>
  <c r="AF132853" i="1"/>
  <c r="AF132854" i="1"/>
  <c r="AF132855" i="1"/>
  <c r="AF132856" i="1"/>
  <c r="AF132857" i="1"/>
  <c r="AF132858" i="1"/>
  <c r="AF132859" i="1"/>
  <c r="AF132860" i="1"/>
  <c r="AF132861" i="1"/>
  <c r="AF132862" i="1"/>
  <c r="AF132863" i="1"/>
  <c r="AF132864" i="1"/>
  <c r="AF132865" i="1"/>
  <c r="AF132866" i="1"/>
  <c r="AF132867" i="1"/>
  <c r="AF132868" i="1"/>
  <c r="AF132869" i="1"/>
  <c r="AF132870" i="1"/>
  <c r="AF132871" i="1"/>
  <c r="AF132872" i="1"/>
  <c r="AF132873" i="1"/>
  <c r="AF132874" i="1"/>
  <c r="AF132875" i="1"/>
  <c r="AF132876" i="1"/>
  <c r="AF132877" i="1"/>
  <c r="AF132878" i="1"/>
  <c r="AF132879" i="1"/>
  <c r="AF132880" i="1"/>
  <c r="AF132881" i="1"/>
  <c r="AF132882" i="1"/>
  <c r="AF132883" i="1"/>
  <c r="AF132884" i="1"/>
  <c r="AF132885" i="1"/>
  <c r="AF132886" i="1"/>
  <c r="AF132887" i="1"/>
  <c r="AF132888" i="1"/>
  <c r="AF132889" i="1"/>
  <c r="AF132890" i="1"/>
  <c r="AF132891" i="1"/>
  <c r="AF132892" i="1"/>
  <c r="AF132893" i="1"/>
  <c r="AF132894" i="1"/>
  <c r="AF132895" i="1"/>
  <c r="AF132896" i="1"/>
  <c r="AF132897" i="1"/>
  <c r="AF132898" i="1"/>
  <c r="AF132899" i="1"/>
  <c r="AF132900" i="1"/>
  <c r="AF132901" i="1"/>
  <c r="AF132902" i="1"/>
  <c r="AF132903" i="1"/>
  <c r="AF132904" i="1"/>
  <c r="AF132905" i="1"/>
  <c r="AF132906" i="1"/>
  <c r="AF132907" i="1"/>
  <c r="AF132908" i="1"/>
  <c r="AF132909" i="1"/>
  <c r="AF132910" i="1"/>
  <c r="AF132911" i="1"/>
  <c r="AF132912" i="1"/>
  <c r="AF132913" i="1"/>
  <c r="AF132914" i="1"/>
  <c r="AF132915" i="1"/>
  <c r="AF132916" i="1"/>
  <c r="AF132917" i="1"/>
  <c r="AF132918" i="1"/>
  <c r="AF132919" i="1"/>
  <c r="AF132920" i="1"/>
  <c r="AF132921" i="1"/>
  <c r="AF132922" i="1"/>
  <c r="AF132923" i="1"/>
  <c r="AF132924" i="1"/>
  <c r="AF132925" i="1"/>
  <c r="AF132926" i="1"/>
  <c r="AF132927" i="1"/>
  <c r="AF132928" i="1"/>
  <c r="AF132929" i="1"/>
  <c r="AF132930" i="1"/>
  <c r="AF132931" i="1"/>
  <c r="AF132932" i="1"/>
  <c r="AF132933" i="1"/>
  <c r="AF132934" i="1"/>
  <c r="AF132935" i="1"/>
  <c r="AF132936" i="1"/>
  <c r="AF132937" i="1"/>
  <c r="AF132938" i="1"/>
  <c r="AF132939" i="1"/>
  <c r="AF132940" i="1"/>
  <c r="AF132941" i="1"/>
  <c r="AF132942" i="1"/>
  <c r="AF132943" i="1"/>
  <c r="AF132944" i="1"/>
  <c r="AF132945" i="1"/>
  <c r="AF132946" i="1"/>
  <c r="AF132947" i="1"/>
  <c r="AF132948" i="1"/>
  <c r="AF132949" i="1"/>
  <c r="AF132950" i="1"/>
  <c r="AF132951" i="1"/>
  <c r="AF132952" i="1"/>
  <c r="AF132953" i="1"/>
  <c r="AF132954" i="1"/>
  <c r="AF132955" i="1"/>
  <c r="AF132956" i="1"/>
  <c r="AF132957" i="1"/>
  <c r="AF132958" i="1"/>
  <c r="AF132959" i="1"/>
  <c r="AF132960" i="1"/>
  <c r="AF132961" i="1"/>
  <c r="AF132962" i="1"/>
  <c r="AF132963" i="1"/>
  <c r="AF132964" i="1"/>
  <c r="AF132965" i="1"/>
  <c r="AF132966" i="1"/>
  <c r="AF132967" i="1"/>
  <c r="AF132968" i="1"/>
  <c r="AF132969" i="1"/>
  <c r="AF132970" i="1"/>
  <c r="AF132971" i="1"/>
  <c r="AF132972" i="1"/>
  <c r="AF132973" i="1"/>
  <c r="AF132974" i="1"/>
  <c r="AF132975" i="1"/>
  <c r="AF132976" i="1"/>
  <c r="AF132977" i="1"/>
  <c r="AF132978" i="1"/>
  <c r="AF132979" i="1"/>
  <c r="AF132980" i="1"/>
  <c r="AF132981" i="1"/>
  <c r="AF132982" i="1"/>
  <c r="AF132983" i="1"/>
  <c r="AF132984" i="1"/>
  <c r="AF132985" i="1"/>
  <c r="AF132986" i="1"/>
  <c r="AF132987" i="1"/>
  <c r="AF132988" i="1"/>
  <c r="AF132989" i="1"/>
  <c r="AF132990" i="1"/>
  <c r="AF132991" i="1"/>
  <c r="AF132992" i="1"/>
  <c r="AF132993" i="1"/>
  <c r="AF132994" i="1"/>
  <c r="AF132995" i="1"/>
  <c r="AF132996" i="1"/>
  <c r="AF132997" i="1"/>
  <c r="AF132998" i="1"/>
  <c r="AF132999" i="1"/>
  <c r="AF133000" i="1"/>
  <c r="AF133001" i="1"/>
  <c r="AF133002" i="1"/>
  <c r="AF133003" i="1"/>
  <c r="AF133004" i="1"/>
  <c r="AF133005" i="1"/>
  <c r="AF133006" i="1"/>
  <c r="AF133007" i="1"/>
  <c r="AF133008" i="1"/>
  <c r="AF133009" i="1"/>
  <c r="AF133010" i="1"/>
  <c r="AF133011" i="1"/>
  <c r="AF133012" i="1"/>
  <c r="AF133013" i="1"/>
  <c r="AF133014" i="1"/>
  <c r="AF133015" i="1"/>
  <c r="AF133016" i="1"/>
  <c r="AF133017" i="1"/>
  <c r="AF133018" i="1"/>
  <c r="AF133019" i="1"/>
  <c r="AF133020" i="1"/>
  <c r="AF133021" i="1"/>
  <c r="AF133022" i="1"/>
  <c r="AF133023" i="1"/>
  <c r="AF133024" i="1"/>
  <c r="AF133025" i="1"/>
  <c r="AF133026" i="1"/>
  <c r="AF133027" i="1"/>
  <c r="AF133028" i="1"/>
  <c r="AF133029" i="1"/>
  <c r="AF133030" i="1"/>
  <c r="AF133031" i="1"/>
  <c r="AF133032" i="1"/>
  <c r="AF133033" i="1"/>
  <c r="AF133034" i="1"/>
  <c r="AF133035" i="1"/>
  <c r="AF133036" i="1"/>
  <c r="AF133037" i="1"/>
  <c r="AF133038" i="1"/>
  <c r="AF133039" i="1"/>
  <c r="AF133040" i="1"/>
  <c r="AF133041" i="1"/>
  <c r="AF133042" i="1"/>
  <c r="AF133043" i="1"/>
  <c r="AF133044" i="1"/>
  <c r="AF133045" i="1"/>
  <c r="AF133046" i="1"/>
  <c r="AF133047" i="1"/>
  <c r="AF133048" i="1"/>
  <c r="AF133049" i="1"/>
  <c r="AF133050" i="1"/>
  <c r="AF133051" i="1"/>
  <c r="AF133052" i="1"/>
  <c r="AF133053" i="1"/>
  <c r="AF133054" i="1"/>
  <c r="AF133055" i="1"/>
  <c r="AF133056" i="1"/>
  <c r="AF133057" i="1"/>
  <c r="AF133058" i="1"/>
  <c r="AF133059" i="1"/>
  <c r="AF133060" i="1"/>
  <c r="AF133061" i="1"/>
  <c r="AF133062" i="1"/>
  <c r="AF133063" i="1"/>
  <c r="AF133064" i="1"/>
  <c r="AF133065" i="1"/>
  <c r="AF133066" i="1"/>
  <c r="AF133067" i="1"/>
  <c r="AF133068" i="1"/>
  <c r="AF133069" i="1"/>
  <c r="AF133070" i="1"/>
  <c r="AF133071" i="1"/>
  <c r="AF133072" i="1"/>
  <c r="AF133073" i="1"/>
  <c r="AF133074" i="1"/>
  <c r="AF133075" i="1"/>
  <c r="AF133076" i="1"/>
  <c r="AF133077" i="1"/>
  <c r="AF133078" i="1"/>
  <c r="AF133079" i="1"/>
  <c r="AF133080" i="1"/>
  <c r="AF133081" i="1"/>
  <c r="AF133082" i="1"/>
  <c r="AF133083" i="1"/>
  <c r="AF133084" i="1"/>
  <c r="AF133085" i="1"/>
  <c r="AF133086" i="1"/>
  <c r="AF133087" i="1"/>
  <c r="AF133088" i="1"/>
  <c r="AF133089" i="1"/>
  <c r="AF133090" i="1"/>
  <c r="AF133091" i="1"/>
  <c r="AF133092" i="1"/>
  <c r="AF133093" i="1"/>
  <c r="AF133094" i="1"/>
  <c r="AF133095" i="1"/>
  <c r="AF133096" i="1"/>
  <c r="AF133097" i="1"/>
  <c r="AF133098" i="1"/>
  <c r="AF133099" i="1"/>
  <c r="AF133100" i="1"/>
  <c r="AF133101" i="1"/>
  <c r="AF133102" i="1"/>
  <c r="AF133103" i="1"/>
  <c r="AF133104" i="1"/>
  <c r="AF133105" i="1"/>
  <c r="AF133106" i="1"/>
  <c r="AF133107" i="1"/>
  <c r="AF133108" i="1"/>
  <c r="AF133109" i="1"/>
  <c r="AF133110" i="1"/>
  <c r="AF133111" i="1"/>
  <c r="AF133112" i="1"/>
  <c r="AF133113" i="1"/>
  <c r="AF133114" i="1"/>
  <c r="AF133115" i="1"/>
  <c r="AF133116" i="1"/>
  <c r="AF133117" i="1"/>
  <c r="AF133118" i="1"/>
  <c r="AF133119" i="1"/>
  <c r="AF133120" i="1"/>
  <c r="AF133121" i="1"/>
  <c r="AF133122" i="1"/>
  <c r="AF133123" i="1"/>
  <c r="AF133124" i="1"/>
  <c r="AF133125" i="1"/>
  <c r="AF133126" i="1"/>
  <c r="AF133127" i="1"/>
  <c r="AF133128" i="1"/>
  <c r="AF133129" i="1"/>
  <c r="AF133130" i="1"/>
  <c r="AF133131" i="1"/>
  <c r="AF133132" i="1"/>
  <c r="AF133133" i="1"/>
  <c r="AF133134" i="1"/>
  <c r="AF133135" i="1"/>
  <c r="AF133136" i="1"/>
  <c r="AF133137" i="1"/>
  <c r="AF133138" i="1"/>
  <c r="AF133139" i="1"/>
  <c r="AF133140" i="1"/>
  <c r="AF133141" i="1"/>
  <c r="AF133142" i="1"/>
  <c r="AF133143" i="1"/>
  <c r="AF133144" i="1"/>
  <c r="AF133145" i="1"/>
  <c r="AF133146" i="1"/>
  <c r="AF133147" i="1"/>
  <c r="AF133148" i="1"/>
  <c r="AF133149" i="1"/>
  <c r="AF133150" i="1"/>
  <c r="AF133151" i="1"/>
  <c r="AF133152" i="1"/>
  <c r="AF133153" i="1"/>
  <c r="AF133154" i="1"/>
  <c r="AF133155" i="1"/>
  <c r="AF133156" i="1"/>
  <c r="AF133157" i="1"/>
  <c r="AF133158" i="1"/>
  <c r="AF133159" i="1"/>
  <c r="AF133160" i="1"/>
  <c r="AF133161" i="1"/>
  <c r="AF133162" i="1"/>
  <c r="AF133163" i="1"/>
  <c r="AF133164" i="1"/>
  <c r="AF133165" i="1"/>
  <c r="AF133166" i="1"/>
  <c r="AF133167" i="1"/>
  <c r="AF133168" i="1"/>
  <c r="AF133169" i="1"/>
  <c r="AF133170" i="1"/>
  <c r="AF133171" i="1"/>
  <c r="AF133172" i="1"/>
  <c r="AF133173" i="1"/>
  <c r="AF133174" i="1"/>
  <c r="AF133175" i="1"/>
  <c r="AF133176" i="1"/>
  <c r="AF133177" i="1"/>
  <c r="AF133178" i="1"/>
  <c r="AF133179" i="1"/>
  <c r="AF133180" i="1"/>
  <c r="AF133181" i="1"/>
  <c r="AF133182" i="1"/>
  <c r="AF133183" i="1"/>
  <c r="AF133184" i="1"/>
  <c r="AF133185" i="1"/>
  <c r="AF133186" i="1"/>
  <c r="AF133187" i="1"/>
  <c r="AF133188" i="1"/>
  <c r="AF133189" i="1"/>
  <c r="AF133190" i="1"/>
  <c r="AF133191" i="1"/>
  <c r="AF133192" i="1"/>
  <c r="AF133193" i="1"/>
  <c r="AF133194" i="1"/>
  <c r="AF133195" i="1"/>
  <c r="AF133196" i="1"/>
  <c r="AF133197" i="1"/>
  <c r="AF133198" i="1"/>
  <c r="AF133199" i="1"/>
  <c r="AF133200" i="1"/>
  <c r="AF133201" i="1"/>
  <c r="AF133202" i="1"/>
  <c r="AF133203" i="1"/>
  <c r="AF133204" i="1"/>
  <c r="AF133205" i="1"/>
  <c r="AF133206" i="1"/>
  <c r="AF133207" i="1"/>
  <c r="AF133208" i="1"/>
  <c r="AF133209" i="1"/>
  <c r="AF133210" i="1"/>
  <c r="AF133211" i="1"/>
  <c r="AF133212" i="1"/>
  <c r="AF133213" i="1"/>
  <c r="AF133214" i="1"/>
  <c r="AF133215" i="1"/>
  <c r="AF133216" i="1"/>
  <c r="AF133217" i="1"/>
  <c r="AF133218" i="1"/>
  <c r="AF133219" i="1"/>
  <c r="AF133220" i="1"/>
  <c r="AF133221" i="1"/>
  <c r="AF133222" i="1"/>
  <c r="AF133223" i="1"/>
  <c r="AF133224" i="1"/>
  <c r="AF133225" i="1"/>
  <c r="AF133226" i="1"/>
  <c r="AF133227" i="1"/>
  <c r="AF133228" i="1"/>
  <c r="AF133229" i="1"/>
  <c r="AF133230" i="1"/>
  <c r="AF133231" i="1"/>
  <c r="AF133232" i="1"/>
  <c r="AF133233" i="1"/>
  <c r="AF133234" i="1"/>
  <c r="AF133235" i="1"/>
  <c r="AF133236" i="1"/>
  <c r="AF133237" i="1"/>
  <c r="AF133238" i="1"/>
  <c r="AF133239" i="1"/>
  <c r="AF133240" i="1"/>
  <c r="AF133241" i="1"/>
  <c r="AF133242" i="1"/>
  <c r="AF133243" i="1"/>
  <c r="AF133244" i="1"/>
  <c r="AF133245" i="1"/>
  <c r="AF133246" i="1"/>
  <c r="AF133247" i="1"/>
  <c r="AF133248" i="1"/>
  <c r="AF133249" i="1"/>
  <c r="AF133250" i="1"/>
  <c r="AF133251" i="1"/>
  <c r="AF133252" i="1"/>
  <c r="AF133253" i="1"/>
  <c r="AF133254" i="1"/>
  <c r="AF133255" i="1"/>
  <c r="AF133256" i="1"/>
  <c r="AF133257" i="1"/>
  <c r="AF133258" i="1"/>
  <c r="AF133259" i="1"/>
  <c r="AF133260" i="1"/>
  <c r="AF133261" i="1"/>
  <c r="AF133262" i="1"/>
  <c r="AF133263" i="1"/>
  <c r="AF133264" i="1"/>
  <c r="AF133265" i="1"/>
  <c r="AF133266" i="1"/>
  <c r="AF133267" i="1"/>
  <c r="AF133268" i="1"/>
  <c r="AF133269" i="1"/>
  <c r="AF133270" i="1"/>
  <c r="AF133271" i="1"/>
  <c r="AF133272" i="1"/>
  <c r="AF133273" i="1"/>
  <c r="AF133274" i="1"/>
  <c r="AF133275" i="1"/>
  <c r="AF133276" i="1"/>
  <c r="AF133277" i="1"/>
  <c r="AF133278" i="1"/>
  <c r="AF133279" i="1"/>
  <c r="AF133280" i="1"/>
  <c r="AF133281" i="1"/>
  <c r="AF133282" i="1"/>
  <c r="AF133283" i="1"/>
  <c r="AF133284" i="1"/>
  <c r="AF133285" i="1"/>
  <c r="AF133286" i="1"/>
  <c r="AF133287" i="1"/>
  <c r="AF133288" i="1"/>
  <c r="AF133289" i="1"/>
  <c r="AF133290" i="1"/>
  <c r="AF133291" i="1"/>
  <c r="AF133292" i="1"/>
  <c r="AF133293" i="1"/>
  <c r="AF133294" i="1"/>
  <c r="AF133295" i="1"/>
  <c r="AF133296" i="1"/>
  <c r="AF133297" i="1"/>
  <c r="AF133298" i="1"/>
  <c r="AF133299" i="1"/>
  <c r="AF133300" i="1"/>
  <c r="AF133301" i="1"/>
  <c r="AF133302" i="1"/>
  <c r="AF133303" i="1"/>
  <c r="AF133304" i="1"/>
  <c r="AF133305" i="1"/>
  <c r="AF133306" i="1"/>
  <c r="AF133307" i="1"/>
  <c r="AF133308" i="1"/>
  <c r="AF133309" i="1"/>
  <c r="AF133310" i="1"/>
  <c r="AF133311" i="1"/>
  <c r="AF133312" i="1"/>
  <c r="AF133313" i="1"/>
  <c r="AF133314" i="1"/>
  <c r="AF133315" i="1"/>
  <c r="AF133316" i="1"/>
  <c r="AF133317" i="1"/>
  <c r="AF133318" i="1"/>
  <c r="AF133319" i="1"/>
  <c r="AF133320" i="1"/>
  <c r="AF133321" i="1"/>
  <c r="AF133322" i="1"/>
  <c r="AF133323" i="1"/>
  <c r="AF133324" i="1"/>
  <c r="AF133325" i="1"/>
  <c r="AF133326" i="1"/>
  <c r="AF133327" i="1"/>
  <c r="AF133328" i="1"/>
  <c r="AF133329" i="1"/>
  <c r="AF133330" i="1"/>
  <c r="AF133331" i="1"/>
  <c r="AF133332" i="1"/>
  <c r="AF133333" i="1"/>
  <c r="AF133334" i="1"/>
  <c r="AF133335" i="1"/>
  <c r="AF133336" i="1"/>
  <c r="AF133337" i="1"/>
  <c r="AF133338" i="1"/>
  <c r="AF133339" i="1"/>
  <c r="AF133340" i="1"/>
  <c r="AF133341" i="1"/>
  <c r="AF133342" i="1"/>
  <c r="AF133343" i="1"/>
  <c r="AF133344" i="1"/>
  <c r="AF133345" i="1"/>
  <c r="AF133346" i="1"/>
  <c r="AF133347" i="1"/>
  <c r="AF133348" i="1"/>
  <c r="AF133349" i="1"/>
  <c r="AF133350" i="1"/>
  <c r="AF133351" i="1"/>
  <c r="AF133352" i="1"/>
  <c r="AF133353" i="1"/>
  <c r="AF133354" i="1"/>
  <c r="AF133355" i="1"/>
  <c r="AF133356" i="1"/>
  <c r="AF133357" i="1"/>
  <c r="AF133358" i="1"/>
  <c r="AF133359" i="1"/>
  <c r="AF133360" i="1"/>
  <c r="AF133361" i="1"/>
  <c r="AF133362" i="1"/>
  <c r="AF133363" i="1"/>
  <c r="AF133364" i="1"/>
  <c r="AF133365" i="1"/>
  <c r="AF133366" i="1"/>
  <c r="AF133367" i="1"/>
  <c r="AF133368" i="1"/>
  <c r="AF133369" i="1"/>
  <c r="AF133370" i="1"/>
  <c r="AF133371" i="1"/>
  <c r="AF133372" i="1"/>
  <c r="AF133373" i="1"/>
  <c r="AF133374" i="1"/>
  <c r="AF133375" i="1"/>
  <c r="AF133376" i="1"/>
  <c r="AF133377" i="1"/>
  <c r="AF133378" i="1"/>
  <c r="AF133379" i="1"/>
  <c r="AF133380" i="1"/>
  <c r="AF133381" i="1"/>
  <c r="AF133382" i="1"/>
  <c r="AF133383" i="1"/>
  <c r="AF133384" i="1"/>
  <c r="AF133385" i="1"/>
  <c r="AF133386" i="1"/>
  <c r="AF133387" i="1"/>
  <c r="AF133388" i="1"/>
  <c r="AF133389" i="1"/>
  <c r="AF133390" i="1"/>
  <c r="AF133391" i="1"/>
  <c r="AF133392" i="1"/>
  <c r="AF133393" i="1"/>
  <c r="AF133394" i="1"/>
  <c r="AF133395" i="1"/>
  <c r="AF133396" i="1"/>
  <c r="AF133397" i="1"/>
  <c r="AF133398" i="1"/>
  <c r="AF133399" i="1"/>
  <c r="AF133400" i="1"/>
  <c r="AF133401" i="1"/>
  <c r="AF133402" i="1"/>
  <c r="AF133403" i="1"/>
  <c r="AF133404" i="1"/>
  <c r="AF133405" i="1"/>
  <c r="AF133406" i="1"/>
  <c r="AF133407" i="1"/>
  <c r="AF133408" i="1"/>
  <c r="AF133409" i="1"/>
  <c r="AF133410" i="1"/>
  <c r="AF133411" i="1"/>
  <c r="AF133412" i="1"/>
  <c r="AF133413" i="1"/>
  <c r="AF133414" i="1"/>
  <c r="AF133415" i="1"/>
  <c r="AF133416" i="1"/>
  <c r="AF133417" i="1"/>
  <c r="AF133418" i="1"/>
  <c r="AF133419" i="1"/>
  <c r="AF133420" i="1"/>
  <c r="AF133421" i="1"/>
  <c r="AF133422" i="1"/>
  <c r="AF133423" i="1"/>
  <c r="AF133424" i="1"/>
  <c r="AF133425" i="1"/>
  <c r="AF133426" i="1"/>
  <c r="AF133427" i="1"/>
  <c r="AF133428" i="1"/>
  <c r="AF133429" i="1"/>
  <c r="AF133430" i="1"/>
  <c r="AF133431" i="1"/>
  <c r="AF133432" i="1"/>
  <c r="AF133433" i="1"/>
  <c r="AF133434" i="1"/>
  <c r="AF133435" i="1"/>
  <c r="AF133436" i="1"/>
  <c r="AF133437" i="1"/>
  <c r="AF133438" i="1"/>
  <c r="AF133439" i="1"/>
  <c r="AF133440" i="1"/>
  <c r="AF133441" i="1"/>
  <c r="AF133442" i="1"/>
  <c r="AF133443" i="1"/>
  <c r="AF133444" i="1"/>
  <c r="AF133445" i="1"/>
  <c r="AF133446" i="1"/>
  <c r="AF133447" i="1"/>
  <c r="AF133448" i="1"/>
  <c r="AF133449" i="1"/>
  <c r="AF133450" i="1"/>
  <c r="AF133451" i="1"/>
  <c r="AF133452" i="1"/>
  <c r="AF133453" i="1"/>
  <c r="AF133454" i="1"/>
  <c r="AF133455" i="1"/>
  <c r="AF133456" i="1"/>
  <c r="AF133457" i="1"/>
  <c r="AF133458" i="1"/>
  <c r="AF133459" i="1"/>
  <c r="AF133460" i="1"/>
  <c r="AF133461" i="1"/>
  <c r="AF133462" i="1"/>
  <c r="AF133463" i="1"/>
  <c r="AF133464" i="1"/>
  <c r="AF133465" i="1"/>
  <c r="AF133466" i="1"/>
  <c r="AF133467" i="1"/>
  <c r="AF133468" i="1"/>
  <c r="AF133469" i="1"/>
  <c r="AF133470" i="1"/>
  <c r="AF133471" i="1"/>
  <c r="AF133472" i="1"/>
  <c r="AF133473" i="1"/>
  <c r="AF133474" i="1"/>
  <c r="AF133475" i="1"/>
  <c r="AF133476" i="1"/>
  <c r="AF133477" i="1"/>
  <c r="AF133478" i="1"/>
  <c r="AF133479" i="1"/>
  <c r="AF133480" i="1"/>
  <c r="AF133481" i="1"/>
  <c r="AF133482" i="1"/>
  <c r="AF133483" i="1"/>
  <c r="AF133484" i="1"/>
  <c r="AF133485" i="1"/>
  <c r="AF133486" i="1"/>
  <c r="AF133487" i="1"/>
  <c r="AF133488" i="1"/>
  <c r="AF133489" i="1"/>
  <c r="AF133490" i="1"/>
  <c r="AF133491" i="1"/>
  <c r="AF133492" i="1"/>
  <c r="AF133493" i="1"/>
  <c r="AF133494" i="1"/>
  <c r="AF133495" i="1"/>
  <c r="AF133496" i="1"/>
  <c r="AF133497" i="1"/>
  <c r="AF133498" i="1"/>
  <c r="AF133499" i="1"/>
  <c r="AF133500" i="1"/>
  <c r="AF133501" i="1"/>
  <c r="AF133502" i="1"/>
  <c r="AF133503" i="1"/>
  <c r="AF133504" i="1"/>
  <c r="AF133505" i="1"/>
  <c r="AF133506" i="1"/>
  <c r="AF133507" i="1"/>
  <c r="AF133508" i="1"/>
  <c r="AF133509" i="1"/>
  <c r="AF133510" i="1"/>
  <c r="AF133511" i="1"/>
  <c r="AF133512" i="1"/>
  <c r="AF133513" i="1"/>
  <c r="AF133514" i="1"/>
  <c r="AF133515" i="1"/>
  <c r="AF133516" i="1"/>
  <c r="AF133517" i="1"/>
  <c r="AF133518" i="1"/>
  <c r="AF133519" i="1"/>
  <c r="AF133520" i="1"/>
  <c r="AF133521" i="1"/>
  <c r="AF133522" i="1"/>
  <c r="AF133523" i="1"/>
  <c r="AF133524" i="1"/>
  <c r="AF133525" i="1"/>
  <c r="AF133526" i="1"/>
  <c r="AF133527" i="1"/>
  <c r="AF133528" i="1"/>
  <c r="AF133529" i="1"/>
  <c r="AF133530" i="1"/>
  <c r="AF133531" i="1"/>
  <c r="AF133532" i="1"/>
  <c r="AF133533" i="1"/>
  <c r="AF133534" i="1"/>
  <c r="AF133535" i="1"/>
  <c r="AF133536" i="1"/>
  <c r="AF133537" i="1"/>
  <c r="AF133538" i="1"/>
  <c r="AF133539" i="1"/>
  <c r="AF133540" i="1"/>
  <c r="AF133541" i="1"/>
  <c r="AF133542" i="1"/>
  <c r="AF133543" i="1"/>
  <c r="AF133544" i="1"/>
  <c r="AF133545" i="1"/>
  <c r="AF133546" i="1"/>
  <c r="AF133547" i="1"/>
  <c r="AF133548" i="1"/>
  <c r="AF133549" i="1"/>
  <c r="AF133550" i="1"/>
  <c r="AF133551" i="1"/>
  <c r="AF133552" i="1"/>
  <c r="AF133553" i="1"/>
  <c r="AF133554" i="1"/>
  <c r="AF133555" i="1"/>
  <c r="AF133556" i="1"/>
  <c r="AF133557" i="1"/>
  <c r="AF133558" i="1"/>
  <c r="AF133559" i="1"/>
  <c r="AF133560" i="1"/>
  <c r="AF133561" i="1"/>
  <c r="AF133562" i="1"/>
  <c r="AF133563" i="1"/>
  <c r="AF133564" i="1"/>
  <c r="AF133565" i="1"/>
  <c r="AF133566" i="1"/>
  <c r="AF133567" i="1"/>
  <c r="AF133568" i="1"/>
  <c r="AF133569" i="1"/>
  <c r="AF133570" i="1"/>
  <c r="AF133571" i="1"/>
  <c r="AF133572" i="1"/>
  <c r="AF133573" i="1"/>
  <c r="AF133574" i="1"/>
  <c r="AF133575" i="1"/>
  <c r="AF133576" i="1"/>
  <c r="AF133577" i="1"/>
  <c r="AF133578" i="1"/>
  <c r="AF133579" i="1"/>
  <c r="AF133580" i="1"/>
  <c r="AF133581" i="1"/>
  <c r="AF133582" i="1"/>
  <c r="AF133583" i="1"/>
  <c r="AF133584" i="1"/>
  <c r="AF133585" i="1"/>
  <c r="AF133586" i="1"/>
  <c r="AF133587" i="1"/>
  <c r="AF133588" i="1"/>
  <c r="AF133589" i="1"/>
  <c r="AF133590" i="1"/>
  <c r="AF133591" i="1"/>
  <c r="AF133592" i="1"/>
  <c r="AF133593" i="1"/>
  <c r="AF133594" i="1"/>
  <c r="AF133595" i="1"/>
  <c r="AF133596" i="1"/>
  <c r="AF133597" i="1"/>
  <c r="AF133598" i="1"/>
  <c r="AF133599" i="1"/>
  <c r="AF133600" i="1"/>
  <c r="AF133601" i="1"/>
  <c r="AF133602" i="1"/>
  <c r="AF133603" i="1"/>
  <c r="AF133604" i="1"/>
  <c r="AF133605" i="1"/>
  <c r="AF133606" i="1"/>
  <c r="AF133607" i="1"/>
  <c r="AF133608" i="1"/>
  <c r="AF133609" i="1"/>
  <c r="AF133610" i="1"/>
  <c r="AF133611" i="1"/>
  <c r="AF133612" i="1"/>
  <c r="AF133613" i="1"/>
  <c r="AF133614" i="1"/>
  <c r="AF133615" i="1"/>
  <c r="AF133616" i="1"/>
  <c r="AF133617" i="1"/>
  <c r="AF133618" i="1"/>
  <c r="AF133619" i="1"/>
  <c r="AF133620" i="1"/>
  <c r="AF133621" i="1"/>
  <c r="AF133622" i="1"/>
  <c r="AF133623" i="1"/>
  <c r="AF133624" i="1"/>
  <c r="AF133625" i="1"/>
  <c r="AF133626" i="1"/>
  <c r="AF133627" i="1"/>
  <c r="AF133628" i="1"/>
  <c r="AF133629" i="1"/>
  <c r="AF133630" i="1"/>
  <c r="AF133631" i="1"/>
  <c r="AF133632" i="1"/>
  <c r="AF133633" i="1"/>
  <c r="AF133634" i="1"/>
  <c r="AF133635" i="1"/>
  <c r="AF133636" i="1"/>
  <c r="AF133637" i="1"/>
  <c r="AF133638" i="1"/>
  <c r="AF133639" i="1"/>
  <c r="AF133640" i="1"/>
  <c r="AF133641" i="1"/>
  <c r="AF133642" i="1"/>
  <c r="AF133643" i="1"/>
  <c r="AF133644" i="1"/>
  <c r="AF133645" i="1"/>
  <c r="AF133646" i="1"/>
  <c r="AF133647" i="1"/>
  <c r="AF133648" i="1"/>
  <c r="AF133649" i="1"/>
  <c r="AF133650" i="1"/>
  <c r="AF133651" i="1"/>
  <c r="AF133652" i="1"/>
  <c r="AF133653" i="1"/>
  <c r="AF133654" i="1"/>
  <c r="AF133655" i="1"/>
  <c r="AF133656" i="1"/>
  <c r="AF133657" i="1"/>
  <c r="AF133658" i="1"/>
  <c r="AF133659" i="1"/>
  <c r="AF133660" i="1"/>
  <c r="AF133661" i="1"/>
  <c r="AF133662" i="1"/>
  <c r="AF133663" i="1"/>
  <c r="AF133664" i="1"/>
  <c r="AF133665" i="1"/>
  <c r="AF133666" i="1"/>
  <c r="AF133667" i="1"/>
  <c r="AF133668" i="1"/>
  <c r="AF133669" i="1"/>
  <c r="AF133670" i="1"/>
  <c r="AF133671" i="1"/>
  <c r="AF133672" i="1"/>
  <c r="AF133673" i="1"/>
  <c r="AF133674" i="1"/>
  <c r="AF133675" i="1"/>
  <c r="AF133676" i="1"/>
  <c r="AF133677" i="1"/>
  <c r="AF133678" i="1"/>
  <c r="AF133679" i="1"/>
  <c r="AF133680" i="1"/>
  <c r="AF133681" i="1"/>
  <c r="AF133682" i="1"/>
  <c r="AF133683" i="1"/>
  <c r="AF133684" i="1"/>
  <c r="AF133685" i="1"/>
  <c r="AF133686" i="1"/>
  <c r="AF133687" i="1"/>
  <c r="AF133688" i="1"/>
  <c r="AF133689" i="1"/>
  <c r="AF133690" i="1"/>
  <c r="AF133691" i="1"/>
  <c r="AF133692" i="1"/>
  <c r="AF133693" i="1"/>
  <c r="AF133694" i="1"/>
  <c r="AF133695" i="1"/>
  <c r="AF133696" i="1"/>
  <c r="AF133697" i="1"/>
  <c r="AF133698" i="1"/>
  <c r="AF133699" i="1"/>
  <c r="AF133700" i="1"/>
  <c r="AF133701" i="1"/>
  <c r="AF133702" i="1"/>
  <c r="AF133703" i="1"/>
  <c r="AF133704" i="1"/>
  <c r="AF133705" i="1"/>
  <c r="AF133706" i="1"/>
  <c r="AF133707" i="1"/>
  <c r="AF133708" i="1"/>
  <c r="AF133709" i="1"/>
  <c r="AF133710" i="1"/>
  <c r="AF133711" i="1"/>
  <c r="AF133712" i="1"/>
  <c r="AF133713" i="1"/>
  <c r="AF133714" i="1"/>
  <c r="AF133715" i="1"/>
  <c r="AF133716" i="1"/>
  <c r="AF133717" i="1"/>
  <c r="AF133718" i="1"/>
  <c r="AF133719" i="1"/>
  <c r="AF133720" i="1"/>
  <c r="AF133721" i="1"/>
  <c r="AF133722" i="1"/>
  <c r="AF133723" i="1"/>
  <c r="AF133724" i="1"/>
  <c r="AF133725" i="1"/>
  <c r="AF133726" i="1"/>
  <c r="AF133727" i="1"/>
  <c r="AF133728" i="1"/>
  <c r="AF133729" i="1"/>
  <c r="AF133730" i="1"/>
  <c r="AF133731" i="1"/>
  <c r="AF133732" i="1"/>
  <c r="AF133733" i="1"/>
  <c r="AF133734" i="1"/>
  <c r="AF133735" i="1"/>
  <c r="AF133736" i="1"/>
  <c r="AF133737" i="1"/>
  <c r="AF133738" i="1"/>
  <c r="AF133739" i="1"/>
  <c r="AF133740" i="1"/>
  <c r="AF133741" i="1"/>
  <c r="AF133742" i="1"/>
  <c r="AF133743" i="1"/>
  <c r="AF133744" i="1"/>
  <c r="AF133745" i="1"/>
  <c r="AF133746" i="1"/>
  <c r="AF133747" i="1"/>
  <c r="AF133748" i="1"/>
  <c r="AF133749" i="1"/>
  <c r="AF133750" i="1"/>
  <c r="AF133751" i="1"/>
  <c r="AF133752" i="1"/>
  <c r="AF133753" i="1"/>
  <c r="AF133754" i="1"/>
  <c r="AF133755" i="1"/>
  <c r="AF133756" i="1"/>
  <c r="AF133757" i="1"/>
  <c r="AF133758" i="1"/>
  <c r="AF133759" i="1"/>
  <c r="AF133760" i="1"/>
  <c r="AF133761" i="1"/>
  <c r="AF133762" i="1"/>
  <c r="AF133763" i="1"/>
  <c r="AF133764" i="1"/>
  <c r="AF133765" i="1"/>
  <c r="AF133766" i="1"/>
  <c r="AF133767" i="1"/>
  <c r="AF133768" i="1"/>
  <c r="AF133769" i="1"/>
  <c r="AF133770" i="1"/>
  <c r="AF133771" i="1"/>
  <c r="AF133772" i="1"/>
  <c r="AF133773" i="1"/>
  <c r="AF133774" i="1"/>
  <c r="AF133775" i="1"/>
  <c r="AF133776" i="1"/>
  <c r="AF133777" i="1"/>
  <c r="AF133778" i="1"/>
  <c r="AF133779" i="1"/>
  <c r="AF133780" i="1"/>
  <c r="AF133781" i="1"/>
  <c r="AF133782" i="1"/>
  <c r="AF133783" i="1"/>
  <c r="AF133784" i="1"/>
  <c r="AF133785" i="1"/>
  <c r="AF133786" i="1"/>
  <c r="AF133787" i="1"/>
  <c r="AF133788" i="1"/>
  <c r="AF133789" i="1"/>
  <c r="AF133790" i="1"/>
  <c r="AF133791" i="1"/>
  <c r="AF133792" i="1"/>
  <c r="AF133793" i="1"/>
  <c r="AF133794" i="1"/>
  <c r="AF133795" i="1"/>
  <c r="AF133796" i="1"/>
  <c r="AF133797" i="1"/>
  <c r="AF133798" i="1"/>
  <c r="AF133799" i="1"/>
  <c r="AF133800" i="1"/>
  <c r="AF133801" i="1"/>
  <c r="AF133802" i="1"/>
  <c r="AF133803" i="1"/>
  <c r="AF133804" i="1"/>
  <c r="AF133805" i="1"/>
  <c r="AF133806" i="1"/>
  <c r="AF133807" i="1"/>
  <c r="AF133808" i="1"/>
  <c r="AF133809" i="1"/>
  <c r="AF133810" i="1"/>
  <c r="AF133811" i="1"/>
  <c r="AF133812" i="1"/>
  <c r="AF133813" i="1"/>
  <c r="AF133814" i="1"/>
  <c r="AF133815" i="1"/>
  <c r="AF133816" i="1"/>
  <c r="AF133817" i="1"/>
  <c r="AF133818" i="1"/>
  <c r="AF133819" i="1"/>
  <c r="AF133820" i="1"/>
  <c r="AF133821" i="1"/>
  <c r="AF133822" i="1"/>
  <c r="AF133823" i="1"/>
  <c r="AF133824" i="1"/>
  <c r="AF133825" i="1"/>
  <c r="AF133826" i="1"/>
  <c r="AF133827" i="1"/>
  <c r="AF133828" i="1"/>
  <c r="AF133829" i="1"/>
  <c r="AF133830" i="1"/>
  <c r="AF133831" i="1"/>
  <c r="AF133832" i="1"/>
  <c r="AF133833" i="1"/>
  <c r="AF133834" i="1"/>
  <c r="AF133835" i="1"/>
  <c r="AF133836" i="1"/>
  <c r="AF133837" i="1"/>
  <c r="AF133838" i="1"/>
  <c r="AF133839" i="1"/>
  <c r="AF133840" i="1"/>
  <c r="AF133841" i="1"/>
  <c r="AF133842" i="1"/>
  <c r="AF133843" i="1"/>
  <c r="AF133844" i="1"/>
  <c r="AF133845" i="1"/>
  <c r="AF133846" i="1"/>
  <c r="AF133847" i="1"/>
  <c r="AF133848" i="1"/>
  <c r="AF133849" i="1"/>
  <c r="AF133850" i="1"/>
  <c r="AF133851" i="1"/>
  <c r="AF133852" i="1"/>
  <c r="AF133853" i="1"/>
  <c r="AF133854" i="1"/>
  <c r="AF133855" i="1"/>
  <c r="AF133856" i="1"/>
  <c r="AF133857" i="1"/>
  <c r="AF133858" i="1"/>
  <c r="AF133859" i="1"/>
  <c r="AF133860" i="1"/>
  <c r="AF133861" i="1"/>
  <c r="AF133862" i="1"/>
  <c r="AF133863" i="1"/>
  <c r="AF133864" i="1"/>
  <c r="AF133865" i="1"/>
  <c r="AF133866" i="1"/>
  <c r="AF133867" i="1"/>
  <c r="AF133868" i="1"/>
  <c r="AF133869" i="1"/>
  <c r="AF133870" i="1"/>
  <c r="AF133871" i="1"/>
  <c r="AF133872" i="1"/>
  <c r="AF133873" i="1"/>
  <c r="AF133874" i="1"/>
  <c r="AF133875" i="1"/>
  <c r="AF133876" i="1"/>
  <c r="AF133877" i="1"/>
  <c r="AF133878" i="1"/>
  <c r="AF133879" i="1"/>
  <c r="AF133880" i="1"/>
  <c r="AF133881" i="1"/>
  <c r="AF133882" i="1"/>
  <c r="AF133883" i="1"/>
  <c r="AF133884" i="1"/>
  <c r="AF133885" i="1"/>
  <c r="AF133886" i="1"/>
  <c r="AF133887" i="1"/>
  <c r="AF133888" i="1"/>
  <c r="AF133889" i="1"/>
  <c r="AF133890" i="1"/>
  <c r="AF133891" i="1"/>
  <c r="AF133892" i="1"/>
  <c r="AF133893" i="1"/>
  <c r="AF133894" i="1"/>
  <c r="AF133895" i="1"/>
  <c r="AF133896" i="1"/>
  <c r="AF133897" i="1"/>
  <c r="AF133898" i="1"/>
  <c r="AF133899" i="1"/>
  <c r="AF133900" i="1"/>
  <c r="AF133901" i="1"/>
  <c r="AF133902" i="1"/>
  <c r="AF133903" i="1"/>
  <c r="AF133904" i="1"/>
  <c r="AF133905" i="1"/>
  <c r="AF133906" i="1"/>
  <c r="AF133907" i="1"/>
  <c r="AF133908" i="1"/>
  <c r="AF133909" i="1"/>
  <c r="AF133910" i="1"/>
  <c r="AF133911" i="1"/>
  <c r="AF133912" i="1"/>
  <c r="AF133913" i="1"/>
  <c r="AF133914" i="1"/>
  <c r="AF133915" i="1"/>
  <c r="AF133916" i="1"/>
  <c r="AF133917" i="1"/>
  <c r="AF133918" i="1"/>
  <c r="AF133919" i="1"/>
  <c r="AF133920" i="1"/>
  <c r="AF133921" i="1"/>
  <c r="AF133922" i="1"/>
  <c r="AF133923" i="1"/>
  <c r="AF133924" i="1"/>
  <c r="AF133925" i="1"/>
  <c r="AF133926" i="1"/>
  <c r="AF133927" i="1"/>
  <c r="AF133928" i="1"/>
  <c r="AF133929" i="1"/>
  <c r="AF133930" i="1"/>
  <c r="AF133931" i="1"/>
  <c r="AF133932" i="1"/>
  <c r="AF133933" i="1"/>
  <c r="AF133934" i="1"/>
  <c r="AF133935" i="1"/>
  <c r="AF133936" i="1"/>
  <c r="AF133937" i="1"/>
  <c r="AF133938" i="1"/>
  <c r="AF133939" i="1"/>
  <c r="AF133940" i="1"/>
  <c r="AF133941" i="1"/>
  <c r="AF133942" i="1"/>
  <c r="AF133943" i="1"/>
  <c r="AF133944" i="1"/>
  <c r="AF133945" i="1"/>
  <c r="AF133946" i="1"/>
  <c r="AF133947" i="1"/>
  <c r="AF133948" i="1"/>
  <c r="AF133949" i="1"/>
  <c r="AF133950" i="1"/>
  <c r="AF133951" i="1"/>
  <c r="AF133952" i="1"/>
  <c r="AF133953" i="1"/>
  <c r="AF133954" i="1"/>
  <c r="AF133955" i="1"/>
  <c r="AF133956" i="1"/>
  <c r="AF133957" i="1"/>
  <c r="AF133958" i="1"/>
  <c r="AF133959" i="1"/>
  <c r="AF133960" i="1"/>
  <c r="AF133961" i="1"/>
  <c r="AF133962" i="1"/>
  <c r="AF133963" i="1"/>
  <c r="AF133964" i="1"/>
  <c r="AF133965" i="1"/>
  <c r="AF133966" i="1"/>
  <c r="AF133967" i="1"/>
  <c r="AF133968" i="1"/>
  <c r="AF133969" i="1"/>
  <c r="AF133970" i="1"/>
  <c r="AF133971" i="1"/>
  <c r="AF133972" i="1"/>
  <c r="AF133973" i="1"/>
  <c r="AF133974" i="1"/>
  <c r="AF133975" i="1"/>
  <c r="AF133976" i="1"/>
  <c r="AF133977" i="1"/>
  <c r="AF133978" i="1"/>
  <c r="AF133979" i="1"/>
  <c r="AF133980" i="1"/>
  <c r="AF133981" i="1"/>
  <c r="AF133982" i="1"/>
  <c r="AF133983" i="1"/>
  <c r="AF133984" i="1"/>
  <c r="AF133985" i="1"/>
  <c r="AF133986" i="1"/>
  <c r="AF133987" i="1"/>
  <c r="AF133988" i="1"/>
  <c r="AF133989" i="1"/>
  <c r="AF133990" i="1"/>
  <c r="AF133991" i="1"/>
  <c r="AF133992" i="1"/>
  <c r="AF133993" i="1"/>
  <c r="AF133994" i="1"/>
  <c r="AF133995" i="1"/>
  <c r="AF133996" i="1"/>
  <c r="AF133997" i="1"/>
  <c r="AF133998" i="1"/>
  <c r="AF133999" i="1"/>
  <c r="AF134000" i="1"/>
  <c r="AF134001" i="1"/>
  <c r="AF134002" i="1"/>
  <c r="AF134003" i="1"/>
  <c r="AF134004" i="1"/>
  <c r="AF134005" i="1"/>
  <c r="AF134006" i="1"/>
  <c r="AF134007" i="1"/>
  <c r="AF134008" i="1"/>
  <c r="AF134009" i="1"/>
  <c r="AF134010" i="1"/>
  <c r="AF134011" i="1"/>
  <c r="AF134012" i="1"/>
  <c r="AF134013" i="1"/>
  <c r="AF134014" i="1"/>
  <c r="AF134015" i="1"/>
  <c r="AF134016" i="1"/>
  <c r="AF134017" i="1"/>
  <c r="AF134018" i="1"/>
  <c r="AF134019" i="1"/>
  <c r="AF134020" i="1"/>
  <c r="AF134021" i="1"/>
  <c r="AF134022" i="1"/>
  <c r="AF134023" i="1"/>
  <c r="AF134024" i="1"/>
  <c r="AF134025" i="1"/>
  <c r="AF134026" i="1"/>
  <c r="AF134027" i="1"/>
  <c r="AF134028" i="1"/>
  <c r="AF134029" i="1"/>
  <c r="AF134030" i="1"/>
  <c r="AF134031" i="1"/>
  <c r="AF134032" i="1"/>
  <c r="AF134033" i="1"/>
  <c r="AF134034" i="1"/>
  <c r="AF134035" i="1"/>
  <c r="AF134036" i="1"/>
  <c r="AF134037" i="1"/>
  <c r="AF134038" i="1"/>
  <c r="AF134039" i="1"/>
  <c r="AF134040" i="1"/>
  <c r="AF134041" i="1"/>
  <c r="AF134042" i="1"/>
  <c r="AF134043" i="1"/>
  <c r="AF134044" i="1"/>
  <c r="AF134045" i="1"/>
  <c r="AF134046" i="1"/>
  <c r="AF134047" i="1"/>
  <c r="AF134048" i="1"/>
  <c r="AF134049" i="1"/>
  <c r="AF134050" i="1"/>
  <c r="AF134051" i="1"/>
  <c r="AF134052" i="1"/>
  <c r="AF134053" i="1"/>
  <c r="AF134054" i="1"/>
  <c r="AF134055" i="1"/>
  <c r="AF134056" i="1"/>
  <c r="AF134057" i="1"/>
  <c r="AF134058" i="1"/>
  <c r="AF134059" i="1"/>
  <c r="AF134060" i="1"/>
  <c r="AF134061" i="1"/>
  <c r="AF134062" i="1"/>
  <c r="AF134063" i="1"/>
  <c r="AF134064" i="1"/>
  <c r="AF134065" i="1"/>
  <c r="AF134066" i="1"/>
  <c r="AF134067" i="1"/>
  <c r="AF134068" i="1"/>
  <c r="AF134069" i="1"/>
  <c r="AF134070" i="1"/>
  <c r="AF134071" i="1"/>
  <c r="AF134072" i="1"/>
  <c r="AF134073" i="1"/>
  <c r="AF134074" i="1"/>
  <c r="AF134075" i="1"/>
  <c r="AF134076" i="1"/>
  <c r="AF134077" i="1"/>
  <c r="AF134078" i="1"/>
  <c r="AF134079" i="1"/>
  <c r="AF134080" i="1"/>
  <c r="AF134081" i="1"/>
  <c r="AF134082" i="1"/>
  <c r="AF134083" i="1"/>
  <c r="AF134084" i="1"/>
  <c r="AF134085" i="1"/>
  <c r="AF134086" i="1"/>
  <c r="AF134087" i="1"/>
  <c r="AF134088" i="1"/>
  <c r="AF134089" i="1"/>
  <c r="AF134090" i="1"/>
  <c r="AF134091" i="1"/>
  <c r="AF134092" i="1"/>
  <c r="AF134093" i="1"/>
  <c r="AF134094" i="1"/>
  <c r="AF134095" i="1"/>
  <c r="AF134096" i="1"/>
  <c r="AF134097" i="1"/>
  <c r="AF134098" i="1"/>
  <c r="AF134099" i="1"/>
  <c r="AF134100" i="1"/>
  <c r="AF134101" i="1"/>
  <c r="AF134102" i="1"/>
  <c r="AF134103" i="1"/>
  <c r="AF134104" i="1"/>
  <c r="AF134105" i="1"/>
  <c r="AF134106" i="1"/>
  <c r="AF134107" i="1"/>
  <c r="AF134108" i="1"/>
  <c r="AF134109" i="1"/>
  <c r="AF134110" i="1"/>
  <c r="AF134111" i="1"/>
  <c r="AF134112" i="1"/>
  <c r="AF134113" i="1"/>
  <c r="AF134114" i="1"/>
  <c r="AF134115" i="1"/>
  <c r="AF134116" i="1"/>
  <c r="AF134117" i="1"/>
  <c r="AF134118" i="1"/>
  <c r="AF134119" i="1"/>
  <c r="AF134120" i="1"/>
  <c r="AF134121" i="1"/>
  <c r="AF134122" i="1"/>
  <c r="AF134123" i="1"/>
  <c r="AF134124" i="1"/>
  <c r="AF134125" i="1"/>
  <c r="AF134126" i="1"/>
  <c r="AF134127" i="1"/>
  <c r="AF134128" i="1"/>
  <c r="AF134129" i="1"/>
  <c r="AF134130" i="1"/>
  <c r="AF134131" i="1"/>
  <c r="AF134132" i="1"/>
  <c r="AF134133" i="1"/>
  <c r="AF134134" i="1"/>
  <c r="AF134135" i="1"/>
  <c r="AF134136" i="1"/>
  <c r="AF134137" i="1"/>
  <c r="AF134138" i="1"/>
  <c r="AF134139" i="1"/>
  <c r="AF134140" i="1"/>
  <c r="AF134141" i="1"/>
  <c r="AF134142" i="1"/>
  <c r="AF134143" i="1"/>
  <c r="AF134144" i="1"/>
  <c r="AF134145" i="1"/>
  <c r="AF134146" i="1"/>
  <c r="AF134147" i="1"/>
  <c r="AF134148" i="1"/>
  <c r="AF134149" i="1"/>
  <c r="AF134150" i="1"/>
  <c r="AF134151" i="1"/>
  <c r="AF134152" i="1"/>
  <c r="AF134153" i="1"/>
  <c r="AF134154" i="1"/>
  <c r="AF134155" i="1"/>
  <c r="AF134156" i="1"/>
  <c r="AF134157" i="1"/>
  <c r="AF134158" i="1"/>
  <c r="AF134159" i="1"/>
  <c r="AF134160" i="1"/>
  <c r="AF134161" i="1"/>
  <c r="AF134162" i="1"/>
  <c r="AF134163" i="1"/>
  <c r="AF134164" i="1"/>
  <c r="AF134165" i="1"/>
  <c r="AF134166" i="1"/>
  <c r="AF134167" i="1"/>
  <c r="AF134168" i="1"/>
  <c r="AF134169" i="1"/>
  <c r="AF134170" i="1"/>
  <c r="AF134171" i="1"/>
  <c r="AF134172" i="1"/>
  <c r="AF134173" i="1"/>
  <c r="AF134174" i="1"/>
  <c r="AF134175" i="1"/>
  <c r="AF134176" i="1"/>
  <c r="AF134177" i="1"/>
  <c r="AF134178" i="1"/>
  <c r="AF134179" i="1"/>
  <c r="AF134180" i="1"/>
  <c r="AF134181" i="1"/>
  <c r="AF134182" i="1"/>
  <c r="AF134183" i="1"/>
  <c r="AF134184" i="1"/>
  <c r="AF134185" i="1"/>
  <c r="AF134186" i="1"/>
  <c r="AF134187" i="1"/>
  <c r="AF134188" i="1"/>
  <c r="AF134189" i="1"/>
  <c r="AF134190" i="1"/>
  <c r="AF134191" i="1"/>
  <c r="AF134192" i="1"/>
  <c r="AF134193" i="1"/>
  <c r="AF134194" i="1"/>
  <c r="AF134195" i="1"/>
  <c r="AF134196" i="1"/>
  <c r="AF134197" i="1"/>
  <c r="AF134198" i="1"/>
  <c r="AF134199" i="1"/>
  <c r="AF134200" i="1"/>
  <c r="AF134201" i="1"/>
  <c r="AF134202" i="1"/>
  <c r="AF134203" i="1"/>
  <c r="AF134204" i="1"/>
  <c r="AF134205" i="1"/>
  <c r="AF134206" i="1"/>
  <c r="AF134207" i="1"/>
  <c r="AF134208" i="1"/>
  <c r="AF134209" i="1"/>
  <c r="AF134210" i="1"/>
  <c r="AF134211" i="1"/>
  <c r="AF134212" i="1"/>
  <c r="AF134213" i="1"/>
  <c r="AF134214" i="1"/>
  <c r="AF134215" i="1"/>
  <c r="AF134216" i="1"/>
  <c r="AF134217" i="1"/>
  <c r="AF134218" i="1"/>
  <c r="AF134219" i="1"/>
  <c r="AF134220" i="1"/>
  <c r="AF134221" i="1"/>
  <c r="AF134222" i="1"/>
  <c r="AF134223" i="1"/>
  <c r="AF134224" i="1"/>
  <c r="AF134225" i="1"/>
  <c r="AF134226" i="1"/>
  <c r="AF134227" i="1"/>
  <c r="AF134228" i="1"/>
  <c r="AF134229" i="1"/>
  <c r="AF134230" i="1"/>
  <c r="AF134231" i="1"/>
  <c r="AF134232" i="1"/>
  <c r="AF134233" i="1"/>
  <c r="AF134234" i="1"/>
  <c r="AF134235" i="1"/>
  <c r="AF134236" i="1"/>
  <c r="AF134237" i="1"/>
  <c r="AF134238" i="1"/>
  <c r="AF134239" i="1"/>
  <c r="AF134240" i="1"/>
  <c r="AF134241" i="1"/>
  <c r="AF134242" i="1"/>
  <c r="AF134243" i="1"/>
  <c r="AF134244" i="1"/>
  <c r="AF134245" i="1"/>
  <c r="AF134246" i="1"/>
  <c r="AF134247" i="1"/>
  <c r="AF134248" i="1"/>
  <c r="AF134249" i="1"/>
  <c r="AF134250" i="1"/>
  <c r="AF134251" i="1"/>
  <c r="AF134252" i="1"/>
  <c r="AF134253" i="1"/>
  <c r="AF134254" i="1"/>
  <c r="AF134255" i="1"/>
  <c r="AF134256" i="1"/>
  <c r="AF134257" i="1"/>
  <c r="AF134258" i="1"/>
  <c r="AF134259" i="1"/>
  <c r="AF134260" i="1"/>
  <c r="AF134261" i="1"/>
  <c r="AF134262" i="1"/>
  <c r="AF134263" i="1"/>
  <c r="AF134264" i="1"/>
  <c r="AF134265" i="1"/>
  <c r="AF134266" i="1"/>
  <c r="AF134267" i="1"/>
  <c r="AF134268" i="1"/>
  <c r="AF134269" i="1"/>
  <c r="AF134270" i="1"/>
  <c r="AF134271" i="1"/>
  <c r="AF134272" i="1"/>
  <c r="AF134273" i="1"/>
  <c r="AF134274" i="1"/>
  <c r="AF134275" i="1"/>
  <c r="AF134276" i="1"/>
  <c r="AF134277" i="1"/>
  <c r="AF134278" i="1"/>
  <c r="AF134279" i="1"/>
  <c r="AF134280" i="1"/>
  <c r="AF134281" i="1"/>
  <c r="AF134282" i="1"/>
  <c r="AF134283" i="1"/>
  <c r="AF134284" i="1"/>
  <c r="AF134285" i="1"/>
  <c r="AF134286" i="1"/>
  <c r="AF134287" i="1"/>
  <c r="AF134288" i="1"/>
  <c r="AF134289" i="1"/>
  <c r="AF134290" i="1"/>
  <c r="AF134291" i="1"/>
  <c r="AF134292" i="1"/>
  <c r="AF134293" i="1"/>
  <c r="AF134294" i="1"/>
  <c r="AF134295" i="1"/>
  <c r="AF134296" i="1"/>
  <c r="AF134297" i="1"/>
  <c r="AF134298" i="1"/>
  <c r="AF134299" i="1"/>
  <c r="AF134300" i="1"/>
  <c r="AF134301" i="1"/>
  <c r="AF134302" i="1"/>
  <c r="AF134303" i="1"/>
  <c r="AF134304" i="1"/>
  <c r="AF134305" i="1"/>
  <c r="AF134306" i="1"/>
  <c r="AF134307" i="1"/>
  <c r="AF134308" i="1"/>
  <c r="AF134309" i="1"/>
  <c r="AF134310" i="1"/>
  <c r="AF134311" i="1"/>
  <c r="AF134312" i="1"/>
  <c r="AF134313" i="1"/>
  <c r="AF134314" i="1"/>
  <c r="AF134315" i="1"/>
  <c r="AF134316" i="1"/>
  <c r="AF134317" i="1"/>
  <c r="AF134318" i="1"/>
  <c r="AF134319" i="1"/>
  <c r="AF134320" i="1"/>
  <c r="AF134321" i="1"/>
  <c r="AF134322" i="1"/>
  <c r="AF134323" i="1"/>
  <c r="AF134324" i="1"/>
  <c r="AF134325" i="1"/>
  <c r="AF134326" i="1"/>
  <c r="AF134327" i="1"/>
  <c r="AF134328" i="1"/>
  <c r="AF134329" i="1"/>
  <c r="AF134330" i="1"/>
  <c r="AF134331" i="1"/>
  <c r="AF134332" i="1"/>
  <c r="AF134333" i="1"/>
  <c r="AF134334" i="1"/>
  <c r="AF134335" i="1"/>
  <c r="AF134336" i="1"/>
  <c r="AF134337" i="1"/>
  <c r="AF134338" i="1"/>
  <c r="AF134339" i="1"/>
  <c r="AF134340" i="1"/>
  <c r="AF134341" i="1"/>
  <c r="AF134342" i="1"/>
  <c r="AF134343" i="1"/>
  <c r="AF134344" i="1"/>
  <c r="AF134345" i="1"/>
  <c r="AF134346" i="1"/>
  <c r="AF134347" i="1"/>
  <c r="AF134348" i="1"/>
  <c r="AF134349" i="1"/>
  <c r="AF134350" i="1"/>
  <c r="AF134351" i="1"/>
  <c r="AF134352" i="1"/>
  <c r="AF134353" i="1"/>
  <c r="AF134354" i="1"/>
  <c r="AF134355" i="1"/>
  <c r="AF134356" i="1"/>
  <c r="AF134357" i="1"/>
  <c r="AF134358" i="1"/>
  <c r="AF134359" i="1"/>
  <c r="AF134360" i="1"/>
  <c r="AF134361" i="1"/>
  <c r="AF134362" i="1"/>
  <c r="AF134363" i="1"/>
  <c r="AF134364" i="1"/>
  <c r="AF134365" i="1"/>
  <c r="AF134366" i="1"/>
  <c r="AF134367" i="1"/>
  <c r="AF134368" i="1"/>
  <c r="AF134369" i="1"/>
  <c r="AF134370" i="1"/>
  <c r="AF134371" i="1"/>
  <c r="AF134372" i="1"/>
  <c r="AF134373" i="1"/>
  <c r="AF134374" i="1"/>
  <c r="AF134375" i="1"/>
  <c r="AF134376" i="1"/>
  <c r="AF134377" i="1"/>
  <c r="AF134378" i="1"/>
  <c r="AF134379" i="1"/>
  <c r="AF134380" i="1"/>
  <c r="AF134381" i="1"/>
  <c r="AF134382" i="1"/>
  <c r="AF134383" i="1"/>
  <c r="AF134384" i="1"/>
  <c r="AF134385" i="1"/>
  <c r="AF134386" i="1"/>
  <c r="AF134387" i="1"/>
  <c r="AF134388" i="1"/>
  <c r="AF134389" i="1"/>
  <c r="AF134390" i="1"/>
  <c r="AF134391" i="1"/>
  <c r="AF134392" i="1"/>
  <c r="AF134393" i="1"/>
  <c r="AF134394" i="1"/>
  <c r="AF134395" i="1"/>
  <c r="AF134396" i="1"/>
  <c r="AF134397" i="1"/>
  <c r="AF134398" i="1"/>
  <c r="AF134399" i="1"/>
  <c r="AF134400" i="1"/>
  <c r="AF134401" i="1"/>
  <c r="AF134402" i="1"/>
  <c r="AF134403" i="1"/>
  <c r="AF134404" i="1"/>
  <c r="AF134405" i="1"/>
  <c r="AF134406" i="1"/>
  <c r="AF134407" i="1"/>
  <c r="AF134408" i="1"/>
  <c r="AF134409" i="1"/>
  <c r="AF134410" i="1"/>
  <c r="AF134411" i="1"/>
  <c r="AF134412" i="1"/>
  <c r="AF134413" i="1"/>
  <c r="AF134414" i="1"/>
  <c r="AF134415" i="1"/>
  <c r="AF134416" i="1"/>
  <c r="AF134417" i="1"/>
  <c r="AF134418" i="1"/>
  <c r="AF134419" i="1"/>
  <c r="AF134420" i="1"/>
  <c r="AF134421" i="1"/>
  <c r="AF134422" i="1"/>
  <c r="AF134423" i="1"/>
  <c r="AF134424" i="1"/>
  <c r="AF134425" i="1"/>
  <c r="AF134426" i="1"/>
  <c r="AF134427" i="1"/>
  <c r="AF134428" i="1"/>
  <c r="AF134429" i="1"/>
  <c r="AF134430" i="1"/>
  <c r="AF134431" i="1"/>
  <c r="AF134432" i="1"/>
  <c r="AF134433" i="1"/>
  <c r="AF134434" i="1"/>
  <c r="AF134435" i="1"/>
  <c r="AF134436" i="1"/>
  <c r="AF134437" i="1"/>
  <c r="AF134438" i="1"/>
  <c r="AF134439" i="1"/>
  <c r="AF134440" i="1"/>
  <c r="AF134441" i="1"/>
  <c r="AF134442" i="1"/>
  <c r="AF134443" i="1"/>
  <c r="AF134444" i="1"/>
  <c r="AF134445" i="1"/>
  <c r="AF134446" i="1"/>
  <c r="AF134447" i="1"/>
  <c r="AF134448" i="1"/>
  <c r="AF134449" i="1"/>
  <c r="AF134450" i="1"/>
  <c r="AF134451" i="1"/>
  <c r="AF134452" i="1"/>
  <c r="AF134453" i="1"/>
  <c r="AF134454" i="1"/>
  <c r="AF134455" i="1"/>
  <c r="AF134456" i="1"/>
  <c r="AF134457" i="1"/>
  <c r="AF134458" i="1"/>
  <c r="AF134459" i="1"/>
  <c r="AF134460" i="1"/>
  <c r="AF134461" i="1"/>
  <c r="AF134462" i="1"/>
  <c r="AF134463" i="1"/>
  <c r="AF134464" i="1"/>
  <c r="AF134465" i="1"/>
  <c r="AF134466" i="1"/>
  <c r="AF134467" i="1"/>
  <c r="AF134468" i="1"/>
  <c r="AF134469" i="1"/>
  <c r="AF134470" i="1"/>
  <c r="AF134471" i="1"/>
  <c r="AF134472" i="1"/>
  <c r="AF134473" i="1"/>
  <c r="AF134474" i="1"/>
  <c r="AF134475" i="1"/>
  <c r="AF134476" i="1"/>
  <c r="AF134477" i="1"/>
  <c r="AF134478" i="1"/>
  <c r="AF134479" i="1"/>
  <c r="AF134480" i="1"/>
  <c r="AF134481" i="1"/>
  <c r="AF134482" i="1"/>
  <c r="AF134483" i="1"/>
  <c r="AF134484" i="1"/>
  <c r="AF134485" i="1"/>
  <c r="AF134486" i="1"/>
  <c r="AF134487" i="1"/>
  <c r="AF134488" i="1"/>
  <c r="AF134489" i="1"/>
  <c r="AF134490" i="1"/>
  <c r="AF134491" i="1"/>
  <c r="AF134492" i="1"/>
  <c r="AF134493" i="1"/>
  <c r="AF134494" i="1"/>
  <c r="AF134495" i="1"/>
  <c r="AF134496" i="1"/>
  <c r="AF134497" i="1"/>
  <c r="AF134498" i="1"/>
  <c r="AF134499" i="1"/>
  <c r="AF134500" i="1"/>
  <c r="AF134501" i="1"/>
  <c r="AF134502" i="1"/>
  <c r="AF134503" i="1"/>
  <c r="AF134504" i="1"/>
  <c r="AF134505" i="1"/>
  <c r="AF134506" i="1"/>
  <c r="AF134507" i="1"/>
  <c r="AF134508" i="1"/>
  <c r="AF134509" i="1"/>
  <c r="AF134510" i="1"/>
  <c r="AF134511" i="1"/>
  <c r="AF134512" i="1"/>
  <c r="AF134513" i="1"/>
  <c r="AF134514" i="1"/>
  <c r="AF134515" i="1"/>
  <c r="AF134516" i="1"/>
  <c r="AF134517" i="1"/>
  <c r="AF134518" i="1"/>
  <c r="AF134519" i="1"/>
  <c r="AF134520" i="1"/>
  <c r="AF134521" i="1"/>
  <c r="AF134522" i="1"/>
  <c r="AF134523" i="1"/>
  <c r="AF134524" i="1"/>
  <c r="AF134525" i="1"/>
  <c r="AF134526" i="1"/>
  <c r="AF134527" i="1"/>
  <c r="AF134528" i="1"/>
  <c r="AF134529" i="1"/>
  <c r="AF134530" i="1"/>
  <c r="AF134531" i="1"/>
  <c r="AF134532" i="1"/>
  <c r="AF134533" i="1"/>
  <c r="AF134534" i="1"/>
  <c r="AF134535" i="1"/>
  <c r="AF134536" i="1"/>
  <c r="AF134537" i="1"/>
  <c r="AF134538" i="1"/>
  <c r="AF134539" i="1"/>
  <c r="AF134540" i="1"/>
  <c r="AF134541" i="1"/>
  <c r="AF134542" i="1"/>
  <c r="AF134543" i="1"/>
  <c r="AF134544" i="1"/>
  <c r="AF134545" i="1"/>
  <c r="AF134546" i="1"/>
  <c r="AF134547" i="1"/>
  <c r="AF134548" i="1"/>
  <c r="AF134549" i="1"/>
  <c r="AF134550" i="1"/>
  <c r="AF134551" i="1"/>
  <c r="AF134552" i="1"/>
  <c r="AF134553" i="1"/>
  <c r="AF134554" i="1"/>
  <c r="AF134555" i="1"/>
  <c r="AF134556" i="1"/>
  <c r="AF134557" i="1"/>
  <c r="AF134558" i="1"/>
  <c r="AF134559" i="1"/>
  <c r="AF134560" i="1"/>
  <c r="AF134561" i="1"/>
  <c r="AF134562" i="1"/>
  <c r="AF134563" i="1"/>
  <c r="AF134564" i="1"/>
  <c r="AF134565" i="1"/>
  <c r="AF134566" i="1"/>
  <c r="AF134567" i="1"/>
  <c r="AF134568" i="1"/>
  <c r="AF134569" i="1"/>
  <c r="AF134570" i="1"/>
  <c r="AF134571" i="1"/>
  <c r="AF134572" i="1"/>
  <c r="AF134573" i="1"/>
  <c r="AF134574" i="1"/>
  <c r="AF134575" i="1"/>
  <c r="AF134576" i="1"/>
  <c r="AF134577" i="1"/>
  <c r="AF134578" i="1"/>
  <c r="AF134579" i="1"/>
  <c r="AF134580" i="1"/>
  <c r="AF134581" i="1"/>
  <c r="AF134582" i="1"/>
  <c r="AF134583" i="1"/>
  <c r="AF134584" i="1"/>
  <c r="AF134585" i="1"/>
  <c r="AF134586" i="1"/>
  <c r="AF134587" i="1"/>
  <c r="AF134588" i="1"/>
  <c r="AF134589" i="1"/>
  <c r="AF134590" i="1"/>
  <c r="AF134591" i="1"/>
  <c r="AF134592" i="1"/>
  <c r="AF134593" i="1"/>
  <c r="AF134594" i="1"/>
  <c r="AF134595" i="1"/>
  <c r="AF134596" i="1"/>
  <c r="AF134597" i="1"/>
  <c r="AF134598" i="1"/>
  <c r="AF134599" i="1"/>
  <c r="AF134600" i="1"/>
  <c r="AF134601" i="1"/>
  <c r="AF134602" i="1"/>
  <c r="AF134603" i="1"/>
  <c r="AF134604" i="1"/>
  <c r="AF134605" i="1"/>
  <c r="AF134606" i="1"/>
  <c r="AF134607" i="1"/>
  <c r="AF134608" i="1"/>
  <c r="AF134609" i="1"/>
  <c r="AF134610" i="1"/>
  <c r="AF134611" i="1"/>
  <c r="AF134612" i="1"/>
  <c r="AF134613" i="1"/>
  <c r="AF134614" i="1"/>
  <c r="AF134615" i="1"/>
  <c r="AF134616" i="1"/>
  <c r="AF134617" i="1"/>
  <c r="AF134618" i="1"/>
  <c r="AF134619" i="1"/>
  <c r="AF134620" i="1"/>
  <c r="AF134621" i="1"/>
  <c r="AF134622" i="1"/>
  <c r="AF134623" i="1"/>
  <c r="AF134624" i="1"/>
  <c r="AF134625" i="1"/>
  <c r="AF134626" i="1"/>
  <c r="AF134627" i="1"/>
  <c r="AF134628" i="1"/>
  <c r="AF134629" i="1"/>
  <c r="AF134630" i="1"/>
  <c r="AF134631" i="1"/>
  <c r="AF134632" i="1"/>
  <c r="AF134633" i="1"/>
  <c r="AF134634" i="1"/>
  <c r="AF134635" i="1"/>
  <c r="AF134636" i="1"/>
  <c r="AF134637" i="1"/>
  <c r="AF134638" i="1"/>
  <c r="AF134639" i="1"/>
  <c r="AF134640" i="1"/>
  <c r="AF134641" i="1"/>
  <c r="AF134642" i="1"/>
  <c r="AF134643" i="1"/>
  <c r="AF134644" i="1"/>
  <c r="AF134645" i="1"/>
  <c r="AF134646" i="1"/>
  <c r="AF134647" i="1"/>
  <c r="AF134648" i="1"/>
  <c r="AF134649" i="1"/>
  <c r="AF134650" i="1"/>
  <c r="AF134651" i="1"/>
  <c r="AF134652" i="1"/>
  <c r="AF134653" i="1"/>
  <c r="AF134654" i="1"/>
  <c r="AF134655" i="1"/>
  <c r="AF134656" i="1"/>
  <c r="AF134657" i="1"/>
  <c r="AF134658" i="1"/>
  <c r="AF134659" i="1"/>
  <c r="AF134660" i="1"/>
  <c r="AF134661" i="1"/>
  <c r="AF134662" i="1"/>
  <c r="AF134663" i="1"/>
  <c r="AF134664" i="1"/>
  <c r="AF134665" i="1"/>
  <c r="AF134666" i="1"/>
  <c r="AF134667" i="1"/>
  <c r="AF134668" i="1"/>
  <c r="AF134669" i="1"/>
  <c r="AF134670" i="1"/>
  <c r="AF134671" i="1"/>
  <c r="AF134672" i="1"/>
  <c r="AF134673" i="1"/>
  <c r="AF134674" i="1"/>
  <c r="AF134675" i="1"/>
  <c r="AF134676" i="1"/>
  <c r="AF134677" i="1"/>
  <c r="AF134678" i="1"/>
  <c r="AF134679" i="1"/>
  <c r="AF134680" i="1"/>
  <c r="AF134681" i="1"/>
  <c r="AF134682" i="1"/>
  <c r="AF134683" i="1"/>
  <c r="AF134684" i="1"/>
  <c r="AF134685" i="1"/>
  <c r="AF134686" i="1"/>
  <c r="AF134687" i="1"/>
  <c r="AF134688" i="1"/>
  <c r="AF134689" i="1"/>
  <c r="AF134690" i="1"/>
  <c r="AF134691" i="1"/>
  <c r="AF134692" i="1"/>
  <c r="AF134693" i="1"/>
  <c r="AF134694" i="1"/>
  <c r="AF134695" i="1"/>
  <c r="AF134696" i="1"/>
  <c r="AF134697" i="1"/>
  <c r="AF134698" i="1"/>
  <c r="AF134699" i="1"/>
  <c r="AF134700" i="1"/>
  <c r="AF134701" i="1"/>
  <c r="AF134702" i="1"/>
  <c r="AF134703" i="1"/>
  <c r="AF134704" i="1"/>
  <c r="AF134705" i="1"/>
  <c r="AF134706" i="1"/>
  <c r="AF134707" i="1"/>
  <c r="AF134708" i="1"/>
  <c r="AF134709" i="1"/>
  <c r="AF134710" i="1"/>
  <c r="AF134711" i="1"/>
  <c r="AF134712" i="1"/>
  <c r="AF134713" i="1"/>
  <c r="AF134714" i="1"/>
  <c r="AF134715" i="1"/>
  <c r="AF134716" i="1"/>
  <c r="AF134717" i="1"/>
  <c r="AF134718" i="1"/>
  <c r="AF134719" i="1"/>
  <c r="AF134720" i="1"/>
  <c r="AF134721" i="1"/>
  <c r="AF134722" i="1"/>
  <c r="AF134723" i="1"/>
  <c r="AF134724" i="1"/>
  <c r="AF134725" i="1"/>
  <c r="AF134726" i="1"/>
  <c r="AF134727" i="1"/>
  <c r="AF134728" i="1"/>
  <c r="AF134729" i="1"/>
  <c r="AF134730" i="1"/>
  <c r="AF134731" i="1"/>
  <c r="AF134732" i="1"/>
  <c r="AF134733" i="1"/>
  <c r="AF134734" i="1"/>
  <c r="AF134735" i="1"/>
  <c r="AF134736" i="1"/>
  <c r="AF134737" i="1"/>
  <c r="AF134738" i="1"/>
  <c r="AF134739" i="1"/>
  <c r="AF134740" i="1"/>
  <c r="AF134741" i="1"/>
  <c r="AF134742" i="1"/>
  <c r="AF134743" i="1"/>
  <c r="AF134744" i="1"/>
  <c r="AF134745" i="1"/>
  <c r="AF134746" i="1"/>
  <c r="AF134747" i="1"/>
  <c r="AF134748" i="1"/>
  <c r="AF134749" i="1"/>
  <c r="AF134750" i="1"/>
  <c r="AF134751" i="1"/>
  <c r="AF134752" i="1"/>
  <c r="AF134753" i="1"/>
  <c r="AF134754" i="1"/>
  <c r="AF134755" i="1"/>
  <c r="AF134756" i="1"/>
  <c r="AF134757" i="1"/>
  <c r="AF134758" i="1"/>
  <c r="AF134759" i="1"/>
  <c r="AF134760" i="1"/>
  <c r="AF134761" i="1"/>
  <c r="AF134762" i="1"/>
  <c r="AF134763" i="1"/>
  <c r="AF134764" i="1"/>
  <c r="AF134765" i="1"/>
  <c r="AF134766" i="1"/>
  <c r="AF134767" i="1"/>
  <c r="AF134768" i="1"/>
  <c r="AF134769" i="1"/>
  <c r="AF134770" i="1"/>
  <c r="AF134771" i="1"/>
  <c r="AF134772" i="1"/>
  <c r="AF134773" i="1"/>
  <c r="AF134774" i="1"/>
  <c r="AF134775" i="1"/>
  <c r="AF134776" i="1"/>
  <c r="AF134777" i="1"/>
  <c r="AF134778" i="1"/>
  <c r="AF134779" i="1"/>
  <c r="AF134780" i="1"/>
  <c r="AF134781" i="1"/>
  <c r="AF134782" i="1"/>
  <c r="AF134783" i="1"/>
  <c r="AF134784" i="1"/>
  <c r="AF134785" i="1"/>
  <c r="AF134786" i="1"/>
  <c r="AF134787" i="1"/>
  <c r="AF134788" i="1"/>
  <c r="AF134789" i="1"/>
  <c r="AF134790" i="1"/>
  <c r="AF134791" i="1"/>
  <c r="AF134792" i="1"/>
  <c r="AF134793" i="1"/>
  <c r="AF134794" i="1"/>
  <c r="AF134795" i="1"/>
  <c r="AF134796" i="1"/>
  <c r="AF134797" i="1"/>
  <c r="AF134798" i="1"/>
  <c r="AF134799" i="1"/>
  <c r="AF134800" i="1"/>
  <c r="AF134801" i="1"/>
  <c r="AF134802" i="1"/>
  <c r="AF134803" i="1"/>
  <c r="AF134804" i="1"/>
  <c r="AF134805" i="1"/>
  <c r="AF134806" i="1"/>
  <c r="AF134807" i="1"/>
  <c r="AF134808" i="1"/>
  <c r="AF134809" i="1"/>
  <c r="AF134810" i="1"/>
  <c r="AF134811" i="1"/>
  <c r="AF134812" i="1"/>
  <c r="AF134813" i="1"/>
  <c r="AF134814" i="1"/>
  <c r="AF134815" i="1"/>
  <c r="AF134816" i="1"/>
  <c r="AF134817" i="1"/>
  <c r="AF134818" i="1"/>
  <c r="AF134819" i="1"/>
  <c r="AF134820" i="1"/>
  <c r="AF134821" i="1"/>
  <c r="AF134822" i="1"/>
  <c r="AF134823" i="1"/>
  <c r="AF134824" i="1"/>
  <c r="AF134825" i="1"/>
  <c r="AF134826" i="1"/>
  <c r="AF134827" i="1"/>
  <c r="AF134828" i="1"/>
  <c r="AF134829" i="1"/>
  <c r="AF134830" i="1"/>
  <c r="AF134831" i="1"/>
  <c r="AF134832" i="1"/>
  <c r="AF134833" i="1"/>
  <c r="AF134834" i="1"/>
  <c r="AF134835" i="1"/>
  <c r="AF134836" i="1"/>
  <c r="AF134837" i="1"/>
  <c r="AF134838" i="1"/>
  <c r="AF134839" i="1"/>
  <c r="AF134840" i="1"/>
  <c r="AF134841" i="1"/>
  <c r="AF134842" i="1"/>
  <c r="AF134843" i="1"/>
  <c r="AF134844" i="1"/>
  <c r="AF134845" i="1"/>
  <c r="AF134846" i="1"/>
  <c r="AF134847" i="1"/>
  <c r="AF134848" i="1"/>
  <c r="AF134849" i="1"/>
  <c r="AF134850" i="1"/>
  <c r="AF134851" i="1"/>
  <c r="AF134852" i="1"/>
  <c r="AF134853" i="1"/>
  <c r="AF134854" i="1"/>
  <c r="AF134855" i="1"/>
  <c r="AF134856" i="1"/>
  <c r="AF134857" i="1"/>
  <c r="AF134858" i="1"/>
  <c r="AF134859" i="1"/>
  <c r="AF134860" i="1"/>
  <c r="AF134861" i="1"/>
  <c r="AF134862" i="1"/>
  <c r="AF134863" i="1"/>
  <c r="AF134864" i="1"/>
  <c r="AF134865" i="1"/>
  <c r="AF134866" i="1"/>
  <c r="AF134867" i="1"/>
  <c r="AF134868" i="1"/>
  <c r="AF134869" i="1"/>
  <c r="AF134870" i="1"/>
  <c r="AF134871" i="1"/>
  <c r="AF134872" i="1"/>
  <c r="AF134873" i="1"/>
  <c r="AF134874" i="1"/>
  <c r="AF134875" i="1"/>
  <c r="AF134876" i="1"/>
  <c r="AF134877" i="1"/>
  <c r="AF134878" i="1"/>
  <c r="AF134879" i="1"/>
  <c r="AF134880" i="1"/>
  <c r="AF134881" i="1"/>
  <c r="AF134882" i="1"/>
  <c r="AF134883" i="1"/>
  <c r="AF134884" i="1"/>
  <c r="AF134885" i="1"/>
  <c r="AF134886" i="1"/>
  <c r="AF134887" i="1"/>
  <c r="AF134888" i="1"/>
  <c r="AF134889" i="1"/>
  <c r="AF134890" i="1"/>
  <c r="AF134891" i="1"/>
  <c r="AF134892" i="1"/>
  <c r="AF134893" i="1"/>
  <c r="AF134894" i="1"/>
  <c r="AF134895" i="1"/>
  <c r="AF134896" i="1"/>
  <c r="AF134897" i="1"/>
  <c r="AF134898" i="1"/>
  <c r="AF134899" i="1"/>
  <c r="AF134900" i="1"/>
  <c r="AF134901" i="1"/>
  <c r="AF134902" i="1"/>
  <c r="AF134903" i="1"/>
  <c r="AF134904" i="1"/>
  <c r="AF134905" i="1"/>
  <c r="AF134906" i="1"/>
  <c r="AF134907" i="1"/>
  <c r="AF134908" i="1"/>
  <c r="AF134909" i="1"/>
  <c r="AF134910" i="1"/>
  <c r="AF134911" i="1"/>
  <c r="AF134912" i="1"/>
  <c r="AF134913" i="1"/>
  <c r="AF134914" i="1"/>
  <c r="AF134915" i="1"/>
  <c r="AF134916" i="1"/>
  <c r="AF134917" i="1"/>
  <c r="AF134918" i="1"/>
  <c r="AF134919" i="1"/>
  <c r="AF134920" i="1"/>
  <c r="AF134921" i="1"/>
  <c r="AF134922" i="1"/>
  <c r="AF134923" i="1"/>
  <c r="AF134924" i="1"/>
  <c r="AF134925" i="1"/>
  <c r="AF134926" i="1"/>
  <c r="AF134927" i="1"/>
  <c r="AF134928" i="1"/>
  <c r="AF134929" i="1"/>
  <c r="AF134930" i="1"/>
  <c r="AF134931" i="1"/>
  <c r="AF134932" i="1"/>
  <c r="AF134933" i="1"/>
  <c r="AF134934" i="1"/>
  <c r="AF134935" i="1"/>
  <c r="AF134936" i="1"/>
  <c r="AF134937" i="1"/>
  <c r="AF134938" i="1"/>
  <c r="AF134939" i="1"/>
  <c r="AF134940" i="1"/>
  <c r="AF134941" i="1"/>
  <c r="AF134942" i="1"/>
  <c r="AF134943" i="1"/>
  <c r="AF134944" i="1"/>
  <c r="AF134945" i="1"/>
  <c r="AF134946" i="1"/>
  <c r="AF134947" i="1"/>
  <c r="AF134948" i="1"/>
  <c r="AF134949" i="1"/>
  <c r="AF134950" i="1"/>
  <c r="AF134951" i="1"/>
  <c r="AF134952" i="1"/>
  <c r="AF134953" i="1"/>
  <c r="AF134954" i="1"/>
  <c r="AF134955" i="1"/>
  <c r="AF134956" i="1"/>
  <c r="AF134957" i="1"/>
  <c r="AF134958" i="1"/>
  <c r="AF134959" i="1"/>
  <c r="AF134960" i="1"/>
  <c r="AF134961" i="1"/>
  <c r="AF134962" i="1"/>
  <c r="AF134963" i="1"/>
  <c r="AF134964" i="1"/>
  <c r="AF134965" i="1"/>
  <c r="AF134966" i="1"/>
  <c r="AF134967" i="1"/>
  <c r="AF134968" i="1"/>
  <c r="AF134969" i="1"/>
  <c r="AF134970" i="1"/>
  <c r="AF134971" i="1"/>
  <c r="AF134972" i="1"/>
  <c r="AF134973" i="1"/>
  <c r="AF134974" i="1"/>
  <c r="AF134975" i="1"/>
  <c r="AF134976" i="1"/>
  <c r="AF134977" i="1"/>
  <c r="AF134978" i="1"/>
  <c r="AF134979" i="1"/>
  <c r="AF134980" i="1"/>
  <c r="AF134981" i="1"/>
  <c r="AF134982" i="1"/>
  <c r="AF134983" i="1"/>
  <c r="AF134984" i="1"/>
  <c r="AF134985" i="1"/>
  <c r="AF134986" i="1"/>
  <c r="AF134987" i="1"/>
  <c r="AF134988" i="1"/>
  <c r="AF134989" i="1"/>
  <c r="AF134990" i="1"/>
  <c r="AF134991" i="1"/>
  <c r="AF134992" i="1"/>
  <c r="AF134993" i="1"/>
  <c r="AF134994" i="1"/>
  <c r="AF134995" i="1"/>
  <c r="AF134996" i="1"/>
  <c r="AF134997" i="1"/>
  <c r="AF134998" i="1"/>
  <c r="AF134999" i="1"/>
  <c r="AF135000" i="1"/>
  <c r="AF135001" i="1"/>
  <c r="AF135002" i="1"/>
  <c r="AF135003" i="1"/>
  <c r="AF135004" i="1"/>
  <c r="AF135005" i="1"/>
  <c r="AF135006" i="1"/>
  <c r="AF135007" i="1"/>
  <c r="AF135008" i="1"/>
  <c r="AF135009" i="1"/>
  <c r="AF135010" i="1"/>
  <c r="AF135011" i="1"/>
  <c r="AF135012" i="1"/>
  <c r="AF135013" i="1"/>
  <c r="AF135014" i="1"/>
  <c r="AF135015" i="1"/>
  <c r="AF135016" i="1"/>
  <c r="AF135017" i="1"/>
  <c r="AF135018" i="1"/>
  <c r="AF135019" i="1"/>
  <c r="AF135020" i="1"/>
  <c r="AF135021" i="1"/>
  <c r="AF135022" i="1"/>
  <c r="AF135023" i="1"/>
  <c r="AF135024" i="1"/>
  <c r="AF135025" i="1"/>
  <c r="AF135026" i="1"/>
  <c r="AF135027" i="1"/>
  <c r="AF135028" i="1"/>
  <c r="AF135029" i="1"/>
  <c r="AF135030" i="1"/>
  <c r="AF135031" i="1"/>
  <c r="AF135032" i="1"/>
  <c r="AF135033" i="1"/>
  <c r="AF135034" i="1"/>
  <c r="AF135035" i="1"/>
  <c r="AF135036" i="1"/>
  <c r="AF135037" i="1"/>
  <c r="AF135038" i="1"/>
  <c r="AF135039" i="1"/>
  <c r="AF135040" i="1"/>
  <c r="AF135041" i="1"/>
  <c r="AF135042" i="1"/>
  <c r="AF135043" i="1"/>
  <c r="AF135044" i="1"/>
  <c r="AF135045" i="1"/>
  <c r="AF135046" i="1"/>
  <c r="AF135047" i="1"/>
  <c r="AF135048" i="1"/>
  <c r="AF135049" i="1"/>
  <c r="AF135050" i="1"/>
  <c r="AF135051" i="1"/>
  <c r="AF135052" i="1"/>
  <c r="AF135053" i="1"/>
  <c r="AF135054" i="1"/>
  <c r="AF135055" i="1"/>
  <c r="AF135056" i="1"/>
  <c r="AF135057" i="1"/>
  <c r="AF135058" i="1"/>
  <c r="AF135059" i="1"/>
  <c r="AF135060" i="1"/>
  <c r="AF135061" i="1"/>
  <c r="AF135062" i="1"/>
  <c r="AF135063" i="1"/>
  <c r="AF135064" i="1"/>
  <c r="AF135065" i="1"/>
  <c r="AF135066" i="1"/>
  <c r="AF135067" i="1"/>
  <c r="AF135068" i="1"/>
  <c r="AF135069" i="1"/>
  <c r="AF135070" i="1"/>
  <c r="AF135071" i="1"/>
  <c r="AF135072" i="1"/>
  <c r="AF135073" i="1"/>
  <c r="AF135074" i="1"/>
  <c r="AF135075" i="1"/>
  <c r="AF135076" i="1"/>
  <c r="AF135077" i="1"/>
  <c r="AF135078" i="1"/>
  <c r="AF135079" i="1"/>
  <c r="AF135080" i="1"/>
  <c r="AF135081" i="1"/>
  <c r="AF135082" i="1"/>
  <c r="AF135083" i="1"/>
  <c r="AF135084" i="1"/>
  <c r="AF135085" i="1"/>
  <c r="AF135086" i="1"/>
  <c r="AF135087" i="1"/>
  <c r="AF135088" i="1"/>
  <c r="AF135089" i="1"/>
  <c r="AF135090" i="1"/>
  <c r="AF135091" i="1"/>
  <c r="AF135092" i="1"/>
  <c r="AF135093" i="1"/>
  <c r="AF135094" i="1"/>
  <c r="AF135095" i="1"/>
  <c r="AF135096" i="1"/>
  <c r="AF135097" i="1"/>
  <c r="AF135098" i="1"/>
  <c r="AF135099" i="1"/>
  <c r="AF135100" i="1"/>
  <c r="AF135101" i="1"/>
  <c r="AF135102" i="1"/>
  <c r="AF135103" i="1"/>
  <c r="AF135104" i="1"/>
  <c r="AF135105" i="1"/>
  <c r="AF135106" i="1"/>
  <c r="AF135107" i="1"/>
  <c r="AF135108" i="1"/>
  <c r="AF135109" i="1"/>
  <c r="AF135110" i="1"/>
  <c r="AF135111" i="1"/>
  <c r="AF135112" i="1"/>
  <c r="AF135113" i="1"/>
  <c r="AF135114" i="1"/>
  <c r="AF135115" i="1"/>
  <c r="AF135116" i="1"/>
  <c r="AF135117" i="1"/>
  <c r="AF135118" i="1"/>
  <c r="AF135119" i="1"/>
  <c r="AF135120" i="1"/>
  <c r="AF135121" i="1"/>
  <c r="AF135122" i="1"/>
  <c r="AF135123" i="1"/>
  <c r="AF135124" i="1"/>
  <c r="AF135125" i="1"/>
  <c r="AF135126" i="1"/>
  <c r="AF135127" i="1"/>
  <c r="AF135128" i="1"/>
  <c r="AF135129" i="1"/>
  <c r="AF135130" i="1"/>
  <c r="AF135131" i="1"/>
  <c r="AF135132" i="1"/>
  <c r="AF135133" i="1"/>
  <c r="AF135134" i="1"/>
  <c r="AF135135" i="1"/>
  <c r="AF135136" i="1"/>
  <c r="AF135137" i="1"/>
  <c r="AF135138" i="1"/>
  <c r="AF135139" i="1"/>
  <c r="AF135140" i="1"/>
  <c r="AF135141" i="1"/>
  <c r="AF135142" i="1"/>
  <c r="AF135143" i="1"/>
  <c r="AF135144" i="1"/>
  <c r="AF135145" i="1"/>
  <c r="AF135146" i="1"/>
  <c r="AF135147" i="1"/>
  <c r="AF135148" i="1"/>
  <c r="AF135149" i="1"/>
  <c r="AF135150" i="1"/>
  <c r="AF135151" i="1"/>
  <c r="AF135152" i="1"/>
  <c r="AF135153" i="1"/>
  <c r="AF135154" i="1"/>
  <c r="AF135155" i="1"/>
  <c r="AF135156" i="1"/>
  <c r="AF135157" i="1"/>
  <c r="AF135158" i="1"/>
  <c r="AF135159" i="1"/>
  <c r="AF135160" i="1"/>
  <c r="AF135161" i="1"/>
  <c r="AF135162" i="1"/>
  <c r="AF135163" i="1"/>
  <c r="AF135164" i="1"/>
  <c r="AF135165" i="1"/>
  <c r="AF135166" i="1"/>
  <c r="AF135167" i="1"/>
  <c r="AF135168" i="1"/>
  <c r="AF135169" i="1"/>
  <c r="AF135170" i="1"/>
  <c r="AF135171" i="1"/>
  <c r="AF135172" i="1"/>
  <c r="AF135173" i="1"/>
  <c r="AF135174" i="1"/>
  <c r="AF135175" i="1"/>
  <c r="AF135176" i="1"/>
  <c r="AF135177" i="1"/>
  <c r="AF135178" i="1"/>
  <c r="AF135179" i="1"/>
  <c r="AF135180" i="1"/>
  <c r="AF135181" i="1"/>
  <c r="AF135182" i="1"/>
  <c r="AF135183" i="1"/>
  <c r="AF135184" i="1"/>
  <c r="AF135185" i="1"/>
  <c r="AF135186" i="1"/>
  <c r="AF135187" i="1"/>
  <c r="AF135188" i="1"/>
  <c r="AF135189" i="1"/>
  <c r="AF135190" i="1"/>
  <c r="AF135191" i="1"/>
  <c r="AF135192" i="1"/>
  <c r="AF135193" i="1"/>
  <c r="AF135194" i="1"/>
  <c r="AF135195" i="1"/>
  <c r="AF135196" i="1"/>
  <c r="AF135197" i="1"/>
  <c r="AF135198" i="1"/>
  <c r="AF135199" i="1"/>
  <c r="AF135200" i="1"/>
  <c r="AF135201" i="1"/>
  <c r="AF135202" i="1"/>
  <c r="AF135203" i="1"/>
  <c r="AF135204" i="1"/>
  <c r="AF135205" i="1"/>
  <c r="AF135206" i="1"/>
  <c r="AF135207" i="1"/>
  <c r="AF135208" i="1"/>
  <c r="AF135209" i="1"/>
  <c r="AF135210" i="1"/>
  <c r="AF135211" i="1"/>
  <c r="AF135212" i="1"/>
  <c r="AF135213" i="1"/>
  <c r="AF135214" i="1"/>
  <c r="AF135215" i="1"/>
  <c r="AF135216" i="1"/>
  <c r="AF135217" i="1"/>
  <c r="AF135218" i="1"/>
  <c r="AF135219" i="1"/>
  <c r="AF135220" i="1"/>
  <c r="AF135221" i="1"/>
  <c r="AF135222" i="1"/>
  <c r="AF135223" i="1"/>
  <c r="AF135224" i="1"/>
  <c r="AF135225" i="1"/>
  <c r="AF135226" i="1"/>
  <c r="AF135227" i="1"/>
  <c r="AF135228" i="1"/>
  <c r="AF135229" i="1"/>
  <c r="AF135230" i="1"/>
  <c r="AF135231" i="1"/>
  <c r="AF135232" i="1"/>
  <c r="AF135233" i="1"/>
  <c r="AF135234" i="1"/>
  <c r="AF135235" i="1"/>
  <c r="AF135236" i="1"/>
  <c r="AF135237" i="1"/>
  <c r="AF135238" i="1"/>
  <c r="AF135239" i="1"/>
  <c r="AF135240" i="1"/>
  <c r="AF135241" i="1"/>
  <c r="AF135242" i="1"/>
  <c r="AF135243" i="1"/>
  <c r="AF135244" i="1"/>
  <c r="AF135245" i="1"/>
  <c r="AF135246" i="1"/>
  <c r="AF135247" i="1"/>
  <c r="AF135248" i="1"/>
  <c r="AF135249" i="1"/>
  <c r="AF135250" i="1"/>
  <c r="AF135251" i="1"/>
  <c r="AF135252" i="1"/>
  <c r="AF135253" i="1"/>
  <c r="AF135254" i="1"/>
  <c r="AF135255" i="1"/>
  <c r="AF135256" i="1"/>
  <c r="AF135257" i="1"/>
  <c r="AF135258" i="1"/>
  <c r="AF135259" i="1"/>
  <c r="AF135260" i="1"/>
  <c r="AF135261" i="1"/>
  <c r="AF135262" i="1"/>
  <c r="AF135263" i="1"/>
  <c r="AF135264" i="1"/>
  <c r="AF135265" i="1"/>
  <c r="AF135266" i="1"/>
  <c r="AF135267" i="1"/>
  <c r="AF135268" i="1"/>
  <c r="AF135269" i="1"/>
  <c r="AF135270" i="1"/>
  <c r="AF135271" i="1"/>
  <c r="AF135272" i="1"/>
  <c r="AF135273" i="1"/>
  <c r="AF135274" i="1"/>
  <c r="AF135275" i="1"/>
  <c r="AF135276" i="1"/>
  <c r="AF135277" i="1"/>
  <c r="AF135278" i="1"/>
  <c r="AF135279" i="1"/>
  <c r="AF135280" i="1"/>
  <c r="AF135281" i="1"/>
  <c r="AF135282" i="1"/>
  <c r="AF135283" i="1"/>
  <c r="AF135284" i="1"/>
  <c r="AF135285" i="1"/>
  <c r="AF135286" i="1"/>
  <c r="AF135287" i="1"/>
  <c r="AF135288" i="1"/>
  <c r="AF135289" i="1"/>
  <c r="AF135290" i="1"/>
  <c r="AF135291" i="1"/>
  <c r="AF135292" i="1"/>
  <c r="AF135293" i="1"/>
  <c r="AF135294" i="1"/>
  <c r="AF135295" i="1"/>
  <c r="AF135296" i="1"/>
  <c r="AF135297" i="1"/>
  <c r="AF135298" i="1"/>
  <c r="AF135299" i="1"/>
  <c r="AF135300" i="1"/>
  <c r="AF135301" i="1"/>
  <c r="AF135302" i="1"/>
  <c r="AF135303" i="1"/>
  <c r="AF135304" i="1"/>
  <c r="AF135305" i="1"/>
  <c r="AF135306" i="1"/>
  <c r="AF135307" i="1"/>
  <c r="AF135308" i="1"/>
  <c r="AF135309" i="1"/>
  <c r="AF135310" i="1"/>
  <c r="AF135311" i="1"/>
  <c r="AF135312" i="1"/>
  <c r="AF135313" i="1"/>
  <c r="AF135314" i="1"/>
  <c r="AF135315" i="1"/>
  <c r="AF135316" i="1"/>
  <c r="AF135317" i="1"/>
  <c r="AF135318" i="1"/>
  <c r="AF135319" i="1"/>
  <c r="AF135320" i="1"/>
  <c r="AF135321" i="1"/>
  <c r="AF135322" i="1"/>
  <c r="AF135323" i="1"/>
  <c r="AF135324" i="1"/>
  <c r="AF135325" i="1"/>
  <c r="AF135326" i="1"/>
  <c r="AF135327" i="1"/>
  <c r="AF135328" i="1"/>
  <c r="AF135329" i="1"/>
  <c r="AF135330" i="1"/>
  <c r="AF135331" i="1"/>
  <c r="AF135332" i="1"/>
  <c r="AF135333" i="1"/>
  <c r="AF135334" i="1"/>
  <c r="AF135335" i="1"/>
  <c r="AF135336" i="1"/>
  <c r="AF135337" i="1"/>
  <c r="AF135338" i="1"/>
  <c r="AF135339" i="1"/>
  <c r="AF135340" i="1"/>
  <c r="AF135341" i="1"/>
  <c r="AF135342" i="1"/>
  <c r="AF135343" i="1"/>
  <c r="AF135344" i="1"/>
  <c r="AF135345" i="1"/>
  <c r="AF135346" i="1"/>
  <c r="AF135347" i="1"/>
  <c r="AF135348" i="1"/>
  <c r="AF135349" i="1"/>
  <c r="AF135350" i="1"/>
  <c r="AF135351" i="1"/>
  <c r="AF135352" i="1"/>
  <c r="AF135353" i="1"/>
  <c r="AF135354" i="1"/>
  <c r="AF135355" i="1"/>
  <c r="AF135356" i="1"/>
  <c r="AF135357" i="1"/>
  <c r="AF135358" i="1"/>
  <c r="AF135359" i="1"/>
  <c r="AF135360" i="1"/>
  <c r="AF135361" i="1"/>
  <c r="AF135362" i="1"/>
  <c r="AF135363" i="1"/>
  <c r="AF135364" i="1"/>
  <c r="AF135365" i="1"/>
  <c r="AF135366" i="1"/>
  <c r="AF135367" i="1"/>
  <c r="AF135368" i="1"/>
  <c r="AF135369" i="1"/>
  <c r="AF135370" i="1"/>
  <c r="AF135371" i="1"/>
  <c r="AF135372" i="1"/>
  <c r="AF135373" i="1"/>
  <c r="AF135374" i="1"/>
  <c r="AF135375" i="1"/>
  <c r="AF135376" i="1"/>
  <c r="AF135377" i="1"/>
  <c r="AF135378" i="1"/>
  <c r="AF135379" i="1"/>
  <c r="AF135380" i="1"/>
  <c r="AF135381" i="1"/>
  <c r="AF135382" i="1"/>
  <c r="AF135383" i="1"/>
  <c r="AF135384" i="1"/>
  <c r="AF135385" i="1"/>
  <c r="AF135386" i="1"/>
  <c r="AF135387" i="1"/>
  <c r="AF135388" i="1"/>
  <c r="AF135389" i="1"/>
  <c r="AF135390" i="1"/>
  <c r="AF135391" i="1"/>
  <c r="AF135392" i="1"/>
  <c r="AF135393" i="1"/>
  <c r="AF135394" i="1"/>
  <c r="AF135395" i="1"/>
  <c r="AF135396" i="1"/>
  <c r="AF135397" i="1"/>
  <c r="AF135398" i="1"/>
  <c r="AF135399" i="1"/>
  <c r="AF135400" i="1"/>
  <c r="AF135401" i="1"/>
  <c r="AF135402" i="1"/>
  <c r="AF135403" i="1"/>
  <c r="AF135404" i="1"/>
  <c r="AF135405" i="1"/>
  <c r="AF135406" i="1"/>
  <c r="AF135407" i="1"/>
  <c r="AF135408" i="1"/>
  <c r="AF135409" i="1"/>
  <c r="AF135410" i="1"/>
  <c r="AF135411" i="1"/>
  <c r="AF135412" i="1"/>
  <c r="AF135413" i="1"/>
  <c r="AF135414" i="1"/>
  <c r="AF135415" i="1"/>
  <c r="AF135416" i="1"/>
  <c r="AF135417" i="1"/>
  <c r="AF135418" i="1"/>
  <c r="AF135419" i="1"/>
  <c r="AF135420" i="1"/>
  <c r="AF135421" i="1"/>
  <c r="AF135422" i="1"/>
  <c r="AF135423" i="1"/>
  <c r="AF135424" i="1"/>
  <c r="AF135425" i="1"/>
  <c r="AF135426" i="1"/>
  <c r="AF135427" i="1"/>
  <c r="AF135428" i="1"/>
  <c r="AF135429" i="1"/>
  <c r="AF135430" i="1"/>
  <c r="AF135431" i="1"/>
  <c r="AF135432" i="1"/>
  <c r="AF135433" i="1"/>
  <c r="AF135434" i="1"/>
  <c r="AF135435" i="1"/>
  <c r="AF135436" i="1"/>
  <c r="AF135437" i="1"/>
  <c r="AF135438" i="1"/>
  <c r="AF135439" i="1"/>
  <c r="AF135440" i="1"/>
  <c r="AF135441" i="1"/>
  <c r="AF135442" i="1"/>
  <c r="AF135443" i="1"/>
  <c r="AF135444" i="1"/>
  <c r="AF135445" i="1"/>
  <c r="AF135446" i="1"/>
  <c r="AF135447" i="1"/>
  <c r="AF135448" i="1"/>
  <c r="AF135449" i="1"/>
  <c r="AF135450" i="1"/>
  <c r="AF135451" i="1"/>
  <c r="AF135452" i="1"/>
  <c r="AF135453" i="1"/>
  <c r="AF135454" i="1"/>
  <c r="AF135455" i="1"/>
  <c r="AF135456" i="1"/>
  <c r="AF135457" i="1"/>
  <c r="AF135458" i="1"/>
  <c r="AF135459" i="1"/>
  <c r="AF135460" i="1"/>
  <c r="AF135461" i="1"/>
  <c r="AF135462" i="1"/>
  <c r="AF135463" i="1"/>
  <c r="AF135464" i="1"/>
  <c r="AF135465" i="1"/>
  <c r="AF135466" i="1"/>
  <c r="AF135467" i="1"/>
  <c r="AF135468" i="1"/>
  <c r="AF135469" i="1"/>
  <c r="AF135470" i="1"/>
  <c r="AF135471" i="1"/>
  <c r="AF135472" i="1"/>
  <c r="AF135473" i="1"/>
  <c r="AF135474" i="1"/>
  <c r="AF135475" i="1"/>
  <c r="AF135476" i="1"/>
  <c r="AF135477" i="1"/>
  <c r="AF135478" i="1"/>
  <c r="AF135479" i="1"/>
  <c r="AF135480" i="1"/>
  <c r="AF135481" i="1"/>
  <c r="AF135482" i="1"/>
  <c r="AF135483" i="1"/>
  <c r="AF135484" i="1"/>
  <c r="AF135485" i="1"/>
  <c r="AF135486" i="1"/>
  <c r="AF135487" i="1"/>
  <c r="AF135488" i="1"/>
  <c r="AF135489" i="1"/>
  <c r="AF135490" i="1"/>
  <c r="AF135491" i="1"/>
  <c r="AF135492" i="1"/>
  <c r="AF135493" i="1"/>
  <c r="AF135494" i="1"/>
  <c r="AF135495" i="1"/>
  <c r="AF135496" i="1"/>
  <c r="AF135497" i="1"/>
  <c r="AF135498" i="1"/>
  <c r="AF135499" i="1"/>
  <c r="AF135500" i="1"/>
  <c r="AF135501" i="1"/>
  <c r="AF135502" i="1"/>
  <c r="AF135503" i="1"/>
  <c r="AF135504" i="1"/>
  <c r="AF135505" i="1"/>
  <c r="AF135506" i="1"/>
  <c r="AF135507" i="1"/>
  <c r="AF135508" i="1"/>
  <c r="AF135509" i="1"/>
  <c r="AF135510" i="1"/>
  <c r="AF135511" i="1"/>
  <c r="AF135512" i="1"/>
  <c r="AF135513" i="1"/>
  <c r="AF135514" i="1"/>
  <c r="AF135515" i="1"/>
  <c r="AF135516" i="1"/>
  <c r="AF135517" i="1"/>
  <c r="AF135518" i="1"/>
  <c r="AF135519" i="1"/>
  <c r="AF135520" i="1"/>
  <c r="AF135521" i="1"/>
  <c r="AF135522" i="1"/>
  <c r="AF135523" i="1"/>
  <c r="AF135524" i="1"/>
  <c r="AF135525" i="1"/>
  <c r="AF135526" i="1"/>
  <c r="AF135527" i="1"/>
  <c r="AF135528" i="1"/>
  <c r="AF135529" i="1"/>
  <c r="AF135530" i="1"/>
  <c r="AF135531" i="1"/>
  <c r="AF135532" i="1"/>
  <c r="AF135533" i="1"/>
  <c r="AF135534" i="1"/>
  <c r="AF135535" i="1"/>
  <c r="AF135536" i="1"/>
  <c r="AF135537" i="1"/>
  <c r="AF135538" i="1"/>
  <c r="AF135539" i="1"/>
  <c r="AF135540" i="1"/>
  <c r="AF135541" i="1"/>
  <c r="AF135542" i="1"/>
  <c r="AF135543" i="1"/>
  <c r="AF135544" i="1"/>
  <c r="AF135545" i="1"/>
  <c r="AF135546" i="1"/>
  <c r="AF135547" i="1"/>
  <c r="AF135548" i="1"/>
  <c r="AF135549" i="1"/>
  <c r="AF135550" i="1"/>
  <c r="AF135551" i="1"/>
  <c r="AF135552" i="1"/>
  <c r="AF135553" i="1"/>
  <c r="AF135554" i="1"/>
  <c r="AF135555" i="1"/>
  <c r="AF135556" i="1"/>
  <c r="AF135557" i="1"/>
  <c r="AF135558" i="1"/>
  <c r="AF135559" i="1"/>
  <c r="AF135560" i="1"/>
  <c r="AF135561" i="1"/>
  <c r="AF135562" i="1"/>
  <c r="AF135563" i="1"/>
  <c r="AF135564" i="1"/>
  <c r="AF135565" i="1"/>
  <c r="AF135566" i="1"/>
  <c r="AF135567" i="1"/>
  <c r="AF135568" i="1"/>
  <c r="AF135569" i="1"/>
  <c r="AF135570" i="1"/>
  <c r="AF135571" i="1"/>
  <c r="AF135572" i="1"/>
  <c r="AF135573" i="1"/>
  <c r="AF135574" i="1"/>
  <c r="AF135575" i="1"/>
  <c r="AF135576" i="1"/>
  <c r="AF135577" i="1"/>
  <c r="AF135578" i="1"/>
  <c r="AF135579" i="1"/>
  <c r="AF135580" i="1"/>
  <c r="AF135581" i="1"/>
  <c r="AF135582" i="1"/>
  <c r="AF135583" i="1"/>
  <c r="AF135584" i="1"/>
  <c r="AF135585" i="1"/>
  <c r="AF135586" i="1"/>
  <c r="AF135587" i="1"/>
  <c r="AF135588" i="1"/>
  <c r="AF135589" i="1"/>
  <c r="AF135590" i="1"/>
  <c r="AF135591" i="1"/>
  <c r="AF135592" i="1"/>
  <c r="AF135593" i="1"/>
  <c r="AF135594" i="1"/>
  <c r="AF135595" i="1"/>
  <c r="AF135596" i="1"/>
  <c r="AF135597" i="1"/>
  <c r="AF135598" i="1"/>
  <c r="AF135599" i="1"/>
  <c r="AF135600" i="1"/>
  <c r="AF135601" i="1"/>
  <c r="AF135602" i="1"/>
  <c r="AF135603" i="1"/>
  <c r="AF135604" i="1"/>
  <c r="AF135605" i="1"/>
  <c r="AF135606" i="1"/>
  <c r="AF135607" i="1"/>
  <c r="AF135608" i="1"/>
  <c r="AF135609" i="1"/>
  <c r="AF135610" i="1"/>
  <c r="AF135611" i="1"/>
  <c r="AF135612" i="1"/>
  <c r="AF135613" i="1"/>
  <c r="AF135614" i="1"/>
  <c r="AF135615" i="1"/>
  <c r="AF135616" i="1"/>
  <c r="AF135617" i="1"/>
  <c r="AF135618" i="1"/>
  <c r="AF135619" i="1"/>
  <c r="AF135620" i="1"/>
  <c r="AF135621" i="1"/>
  <c r="AF135622" i="1"/>
  <c r="AF135623" i="1"/>
  <c r="AF135624" i="1"/>
  <c r="AF135625" i="1"/>
  <c r="AF135626" i="1"/>
  <c r="AF135627" i="1"/>
  <c r="AF135628" i="1"/>
  <c r="AF135629" i="1"/>
  <c r="AF135630" i="1"/>
  <c r="AF135631" i="1"/>
  <c r="AF135632" i="1"/>
  <c r="AF135633" i="1"/>
  <c r="AF135634" i="1"/>
  <c r="AF135635" i="1"/>
  <c r="AF135636" i="1"/>
  <c r="AF135637" i="1"/>
  <c r="AF135638" i="1"/>
  <c r="AF135639" i="1"/>
  <c r="AF135640" i="1"/>
  <c r="AF135641" i="1"/>
  <c r="AF135642" i="1"/>
  <c r="AF135643" i="1"/>
  <c r="AF135644" i="1"/>
  <c r="AF135645" i="1"/>
  <c r="AF135646" i="1"/>
  <c r="AF135647" i="1"/>
  <c r="AF135648" i="1"/>
  <c r="AF135649" i="1"/>
  <c r="AF135650" i="1"/>
  <c r="AF135651" i="1"/>
  <c r="AF135652" i="1"/>
  <c r="AF135653" i="1"/>
  <c r="AF135654" i="1"/>
  <c r="AF135655" i="1"/>
  <c r="AF135656" i="1"/>
  <c r="AF135657" i="1"/>
  <c r="AF135658" i="1"/>
  <c r="AF135659" i="1"/>
  <c r="AF135660" i="1"/>
  <c r="AF135661" i="1"/>
  <c r="AF135662" i="1"/>
  <c r="AF135663" i="1"/>
  <c r="AF135664" i="1"/>
  <c r="AF135665" i="1"/>
  <c r="AF135666" i="1"/>
  <c r="AF135667" i="1"/>
  <c r="AF135668" i="1"/>
  <c r="AF135669" i="1"/>
  <c r="AF135670" i="1"/>
  <c r="AF135671" i="1"/>
  <c r="AF135672" i="1"/>
  <c r="AF135673" i="1"/>
  <c r="AF135674" i="1"/>
  <c r="AF135675" i="1"/>
  <c r="AF135676" i="1"/>
  <c r="AF135677" i="1"/>
  <c r="AF135678" i="1"/>
  <c r="AF135679" i="1"/>
  <c r="AF135680" i="1"/>
  <c r="AF135681" i="1"/>
  <c r="AF135682" i="1"/>
  <c r="AF135683" i="1"/>
  <c r="AF135684" i="1"/>
  <c r="AF135685" i="1"/>
  <c r="AF135686" i="1"/>
  <c r="AF135687" i="1"/>
  <c r="AF135688" i="1"/>
  <c r="AF135689" i="1"/>
  <c r="AF135690" i="1"/>
  <c r="AF135691" i="1"/>
  <c r="AF135692" i="1"/>
  <c r="AF135693" i="1"/>
  <c r="AF135694" i="1"/>
  <c r="AF135695" i="1"/>
  <c r="AF135696" i="1"/>
  <c r="AF135697" i="1"/>
  <c r="AF135698" i="1"/>
  <c r="AF135699" i="1"/>
  <c r="AF135700" i="1"/>
  <c r="AF135701" i="1"/>
  <c r="AF135702" i="1"/>
  <c r="AF135703" i="1"/>
  <c r="AF135704" i="1"/>
  <c r="AF135705" i="1"/>
  <c r="AF135706" i="1"/>
  <c r="AF135707" i="1"/>
  <c r="AF135708" i="1"/>
  <c r="AF135709" i="1"/>
  <c r="AF135710" i="1"/>
  <c r="AF135711" i="1"/>
  <c r="AF135712" i="1"/>
  <c r="AF135713" i="1"/>
  <c r="AF135714" i="1"/>
  <c r="AF135715" i="1"/>
  <c r="AF135716" i="1"/>
  <c r="AF135717" i="1"/>
  <c r="AF135718" i="1"/>
  <c r="AF135719" i="1"/>
  <c r="AF135720" i="1"/>
  <c r="AF135721" i="1"/>
  <c r="AF135722" i="1"/>
  <c r="AF135723" i="1"/>
  <c r="AF135724" i="1"/>
  <c r="AF135725" i="1"/>
  <c r="AF135726" i="1"/>
  <c r="AF135727" i="1"/>
  <c r="AF135728" i="1"/>
  <c r="AF135729" i="1"/>
  <c r="AF135730" i="1"/>
  <c r="AF135731" i="1"/>
  <c r="AF135732" i="1"/>
  <c r="AF135733" i="1"/>
  <c r="AF135734" i="1"/>
  <c r="AF135735" i="1"/>
  <c r="AF135736" i="1"/>
  <c r="AF135737" i="1"/>
  <c r="AF135738" i="1"/>
  <c r="AF135739" i="1"/>
  <c r="AF135740" i="1"/>
  <c r="AF135741" i="1"/>
  <c r="AF135742" i="1"/>
  <c r="AF135743" i="1"/>
  <c r="AF135744" i="1"/>
  <c r="AF135745" i="1"/>
  <c r="AF135746" i="1"/>
  <c r="AF135747" i="1"/>
  <c r="AF135748" i="1"/>
  <c r="AF135749" i="1"/>
  <c r="AF135750" i="1"/>
  <c r="AF135751" i="1"/>
  <c r="AF135752" i="1"/>
  <c r="AF135753" i="1"/>
  <c r="AF135754" i="1"/>
  <c r="AF135755" i="1"/>
  <c r="AF135756" i="1"/>
  <c r="AF135757" i="1"/>
  <c r="AF135758" i="1"/>
  <c r="AF135759" i="1"/>
  <c r="AF135760" i="1"/>
  <c r="AF135761" i="1"/>
  <c r="AF135762" i="1"/>
  <c r="AF135763" i="1"/>
  <c r="AF135764" i="1"/>
  <c r="AF135765" i="1"/>
  <c r="AF135766" i="1"/>
  <c r="AF135767" i="1"/>
  <c r="AF135768" i="1"/>
  <c r="AF135769" i="1"/>
  <c r="AF135770" i="1"/>
  <c r="AF135771" i="1"/>
  <c r="AF135772" i="1"/>
  <c r="AF135773" i="1"/>
  <c r="AF135774" i="1"/>
  <c r="AF135775" i="1"/>
  <c r="AF135776" i="1"/>
  <c r="AF135777" i="1"/>
  <c r="AF135778" i="1"/>
  <c r="AF135779" i="1"/>
  <c r="AF135780" i="1"/>
  <c r="AF135781" i="1"/>
  <c r="AF135782" i="1"/>
  <c r="AF135783" i="1"/>
  <c r="AF135784" i="1"/>
  <c r="AF135785" i="1"/>
  <c r="AF135786" i="1"/>
  <c r="AF135787" i="1"/>
  <c r="AF135788" i="1"/>
  <c r="AF135789" i="1"/>
  <c r="AF135790" i="1"/>
  <c r="AF135791" i="1"/>
  <c r="AF135792" i="1"/>
  <c r="AF135793" i="1"/>
  <c r="AF135794" i="1"/>
  <c r="AF135795" i="1"/>
  <c r="AF135796" i="1"/>
  <c r="AF135797" i="1"/>
  <c r="AF135798" i="1"/>
  <c r="AF135799" i="1"/>
  <c r="AF135800" i="1"/>
  <c r="AF135801" i="1"/>
  <c r="AF135802" i="1"/>
  <c r="AF135803" i="1"/>
  <c r="AF135804" i="1"/>
  <c r="AF135805" i="1"/>
  <c r="AF135806" i="1"/>
  <c r="AF135807" i="1"/>
  <c r="AF135808" i="1"/>
  <c r="AF135809" i="1"/>
  <c r="AF135810" i="1"/>
  <c r="AF135811" i="1"/>
  <c r="AF135812" i="1"/>
  <c r="AF135813" i="1"/>
  <c r="AF135814" i="1"/>
  <c r="AF135815" i="1"/>
  <c r="AF135816" i="1"/>
  <c r="AF135817" i="1"/>
  <c r="AF135818" i="1"/>
  <c r="AF135819" i="1"/>
  <c r="AF135820" i="1"/>
  <c r="AF135821" i="1"/>
  <c r="AF135822" i="1"/>
  <c r="AF135823" i="1"/>
  <c r="AF135824" i="1"/>
  <c r="AF135825" i="1"/>
  <c r="AF135826" i="1"/>
  <c r="AF135827" i="1"/>
  <c r="AF135828" i="1"/>
  <c r="AF135829" i="1"/>
  <c r="AF135830" i="1"/>
  <c r="AF135831" i="1"/>
  <c r="AF135832" i="1"/>
  <c r="AF135833" i="1"/>
  <c r="AF135834" i="1"/>
  <c r="AF135835" i="1"/>
  <c r="AF135836" i="1"/>
  <c r="AF135837" i="1"/>
  <c r="AF135838" i="1"/>
  <c r="AF135839" i="1"/>
  <c r="AF135840" i="1"/>
  <c r="AF135841" i="1"/>
  <c r="AF135842" i="1"/>
  <c r="AF135843" i="1"/>
  <c r="AF135844" i="1"/>
  <c r="AF135845" i="1"/>
  <c r="AF135846" i="1"/>
  <c r="AF135847" i="1"/>
  <c r="AF135848" i="1"/>
  <c r="AF135849" i="1"/>
  <c r="AF135850" i="1"/>
  <c r="AF135851" i="1"/>
  <c r="AF135852" i="1"/>
  <c r="AF135853" i="1"/>
  <c r="AF135854" i="1"/>
  <c r="AF135855" i="1"/>
  <c r="AF135856" i="1"/>
  <c r="AF135857" i="1"/>
  <c r="AF135858" i="1"/>
  <c r="AF135859" i="1"/>
  <c r="AF135860" i="1"/>
  <c r="AF135861" i="1"/>
  <c r="AF135862" i="1"/>
  <c r="AF135863" i="1"/>
  <c r="AF135864" i="1"/>
  <c r="AF135865" i="1"/>
  <c r="AF135866" i="1"/>
  <c r="AF135867" i="1"/>
  <c r="AF135868" i="1"/>
  <c r="AF135869" i="1"/>
  <c r="AF135870" i="1"/>
  <c r="AF135871" i="1"/>
  <c r="AF135872" i="1"/>
  <c r="AF135873" i="1"/>
  <c r="AF135874" i="1"/>
  <c r="AF135875" i="1"/>
  <c r="AF135876" i="1"/>
  <c r="AF135877" i="1"/>
  <c r="AF135878" i="1"/>
  <c r="AF135879" i="1"/>
  <c r="AF135880" i="1"/>
  <c r="AF135881" i="1"/>
  <c r="AF135882" i="1"/>
  <c r="AF135883" i="1"/>
  <c r="AF135884" i="1"/>
  <c r="AF135885" i="1"/>
  <c r="AF135886" i="1"/>
  <c r="AF135887" i="1"/>
  <c r="AF135888" i="1"/>
  <c r="AF135889" i="1"/>
  <c r="AF135890" i="1"/>
  <c r="AF135891" i="1"/>
  <c r="AF135892" i="1"/>
  <c r="AF135893" i="1"/>
  <c r="AF135894" i="1"/>
  <c r="AF135895" i="1"/>
  <c r="AF135896" i="1"/>
  <c r="AF135897" i="1"/>
  <c r="AF135898" i="1"/>
  <c r="AF135899" i="1"/>
  <c r="AF135900" i="1"/>
  <c r="AF135901" i="1"/>
  <c r="AF135902" i="1"/>
  <c r="AF135903" i="1"/>
  <c r="AF135904" i="1"/>
  <c r="AF135905" i="1"/>
  <c r="AF135906" i="1"/>
  <c r="AF135907" i="1"/>
  <c r="AF135908" i="1"/>
  <c r="AF135909" i="1"/>
  <c r="AF135910" i="1"/>
  <c r="AF135911" i="1"/>
  <c r="AF135912" i="1"/>
  <c r="AF135913" i="1"/>
  <c r="AF135914" i="1"/>
  <c r="AF135915" i="1"/>
  <c r="AF135916" i="1"/>
  <c r="AF135917" i="1"/>
  <c r="AF135918" i="1"/>
  <c r="AF135919" i="1"/>
  <c r="AF135920" i="1"/>
  <c r="AF135921" i="1"/>
  <c r="AF135922" i="1"/>
  <c r="AF135923" i="1"/>
  <c r="AF135924" i="1"/>
  <c r="AF135925" i="1"/>
  <c r="AF135926" i="1"/>
  <c r="AF135927" i="1"/>
  <c r="AF135928" i="1"/>
  <c r="AF135929" i="1"/>
  <c r="AF135930" i="1"/>
  <c r="AF135931" i="1"/>
  <c r="AF135932" i="1"/>
  <c r="AF135933" i="1"/>
  <c r="AF135934" i="1"/>
  <c r="AF135935" i="1"/>
  <c r="AF135936" i="1"/>
  <c r="AF135937" i="1"/>
  <c r="AF135938" i="1"/>
  <c r="AF135939" i="1"/>
  <c r="AF135940" i="1"/>
  <c r="AF135941" i="1"/>
  <c r="AF135942" i="1"/>
  <c r="AF135943" i="1"/>
  <c r="AF135944" i="1"/>
  <c r="AF135945" i="1"/>
  <c r="AF135946" i="1"/>
  <c r="AF135947" i="1"/>
  <c r="AF135948" i="1"/>
  <c r="AF135949" i="1"/>
  <c r="AF135950" i="1"/>
  <c r="AF135951" i="1"/>
  <c r="AF135952" i="1"/>
  <c r="AF135953" i="1"/>
  <c r="AF135954" i="1"/>
  <c r="AF135955" i="1"/>
  <c r="AF135956" i="1"/>
  <c r="AF135957" i="1"/>
  <c r="AF135958" i="1"/>
  <c r="AF135959" i="1"/>
  <c r="AF135960" i="1"/>
  <c r="AF135961" i="1"/>
  <c r="AF135962" i="1"/>
  <c r="AF135963" i="1"/>
  <c r="AF135964" i="1"/>
  <c r="AF135965" i="1"/>
  <c r="AF135966" i="1"/>
  <c r="AF135967" i="1"/>
  <c r="AF135968" i="1"/>
  <c r="AF135969" i="1"/>
  <c r="AF135970" i="1"/>
  <c r="AF135971" i="1"/>
  <c r="AF135972" i="1"/>
  <c r="AF135973" i="1"/>
  <c r="AF135974" i="1"/>
  <c r="AF135975" i="1"/>
  <c r="AF135976" i="1"/>
  <c r="AF135977" i="1"/>
  <c r="AF135978" i="1"/>
  <c r="AF135979" i="1"/>
  <c r="AF135980" i="1"/>
  <c r="AF135981" i="1"/>
  <c r="AF135982" i="1"/>
  <c r="AF135983" i="1"/>
  <c r="AF135984" i="1"/>
  <c r="AF135985" i="1"/>
  <c r="AF135986" i="1"/>
  <c r="AF135987" i="1"/>
  <c r="AF135988" i="1"/>
  <c r="AF135989" i="1"/>
  <c r="AF135990" i="1"/>
  <c r="AF135991" i="1"/>
  <c r="AF135992" i="1"/>
  <c r="AF135993" i="1"/>
  <c r="AF135994" i="1"/>
  <c r="AF135995" i="1"/>
  <c r="AF135996" i="1"/>
  <c r="AF135997" i="1"/>
  <c r="AF135998" i="1"/>
  <c r="AF135999" i="1"/>
  <c r="AF136000" i="1"/>
  <c r="AF136001" i="1"/>
  <c r="AF136002" i="1"/>
  <c r="AF136003" i="1"/>
  <c r="AF136004" i="1"/>
  <c r="AF136005" i="1"/>
  <c r="AF136006" i="1"/>
  <c r="AF136007" i="1"/>
  <c r="AF136008" i="1"/>
  <c r="AF136009" i="1"/>
  <c r="AF136010" i="1"/>
  <c r="AF136011" i="1"/>
  <c r="AF136012" i="1"/>
  <c r="AF136013" i="1"/>
  <c r="AF136014" i="1"/>
  <c r="AF136015" i="1"/>
  <c r="AF136016" i="1"/>
  <c r="AF136017" i="1"/>
  <c r="AF136018" i="1"/>
  <c r="AF136019" i="1"/>
  <c r="AF136020" i="1"/>
  <c r="AF136021" i="1"/>
  <c r="AF136022" i="1"/>
  <c r="AF136023" i="1"/>
  <c r="AF136024" i="1"/>
  <c r="AF136025" i="1"/>
  <c r="AF136026" i="1"/>
  <c r="AF136027" i="1"/>
  <c r="AF136028" i="1"/>
  <c r="AF136029" i="1"/>
  <c r="AF136030" i="1"/>
  <c r="AF136031" i="1"/>
  <c r="AF136032" i="1"/>
  <c r="AF136033" i="1"/>
  <c r="AF136034" i="1"/>
  <c r="AF136035" i="1"/>
  <c r="AF136036" i="1"/>
  <c r="AF136037" i="1"/>
  <c r="AF136038" i="1"/>
  <c r="AF136039" i="1"/>
  <c r="AF136040" i="1"/>
  <c r="AF136041" i="1"/>
  <c r="AF136042" i="1"/>
  <c r="AF136043" i="1"/>
  <c r="AF136044" i="1"/>
  <c r="AF136045" i="1"/>
  <c r="AF136046" i="1"/>
  <c r="AF136047" i="1"/>
  <c r="AF136048" i="1"/>
  <c r="AF136049" i="1"/>
  <c r="AF136050" i="1"/>
  <c r="AF136051" i="1"/>
  <c r="AF136052" i="1"/>
  <c r="AF136053" i="1"/>
  <c r="AF136054" i="1"/>
  <c r="AF136055" i="1"/>
  <c r="AF136056" i="1"/>
  <c r="AF136057" i="1"/>
  <c r="AF136058" i="1"/>
  <c r="AF136059" i="1"/>
  <c r="AF136060" i="1"/>
  <c r="AF136061" i="1"/>
  <c r="AF136062" i="1"/>
  <c r="AF136063" i="1"/>
  <c r="AF136064" i="1"/>
  <c r="AF136065" i="1"/>
  <c r="AF136066" i="1"/>
  <c r="AF136067" i="1"/>
  <c r="AF136068" i="1"/>
  <c r="AF136069" i="1"/>
  <c r="AF136070" i="1"/>
  <c r="AF136071" i="1"/>
  <c r="AF136072" i="1"/>
  <c r="AF136073" i="1"/>
  <c r="AF136074" i="1"/>
  <c r="AF136075" i="1"/>
  <c r="AF136076" i="1"/>
  <c r="AF136077" i="1"/>
  <c r="AF136078" i="1"/>
  <c r="AF136079" i="1"/>
  <c r="AF136080" i="1"/>
  <c r="AF136081" i="1"/>
  <c r="AF136082" i="1"/>
  <c r="AF136083" i="1"/>
  <c r="AF136084" i="1"/>
  <c r="AF136085" i="1"/>
  <c r="AF136086" i="1"/>
  <c r="AF136087" i="1"/>
  <c r="AF136088" i="1"/>
  <c r="AF136089" i="1"/>
  <c r="AF136090" i="1"/>
  <c r="AF136091" i="1"/>
  <c r="AF136092" i="1"/>
  <c r="AF136093" i="1"/>
  <c r="AF136094" i="1"/>
  <c r="AF136095" i="1"/>
  <c r="AF136096" i="1"/>
  <c r="AF136097" i="1"/>
  <c r="AF136098" i="1"/>
  <c r="AF136099" i="1"/>
  <c r="AF136100" i="1"/>
  <c r="AF136101" i="1"/>
  <c r="AF136102" i="1"/>
  <c r="AF136103" i="1"/>
  <c r="AF136104" i="1"/>
  <c r="AF136105" i="1"/>
  <c r="AF136106" i="1"/>
  <c r="AF136107" i="1"/>
  <c r="AF136108" i="1"/>
  <c r="AF136109" i="1"/>
  <c r="AF136110" i="1"/>
  <c r="AF136111" i="1"/>
  <c r="AF136112" i="1"/>
  <c r="AF136113" i="1"/>
  <c r="AF136114" i="1"/>
  <c r="AF136115" i="1"/>
  <c r="AF136116" i="1"/>
  <c r="AF136117" i="1"/>
  <c r="AF136118" i="1"/>
  <c r="AF136119" i="1"/>
  <c r="AF136120" i="1"/>
  <c r="AF136121" i="1"/>
  <c r="AF136122" i="1"/>
  <c r="AF136123" i="1"/>
  <c r="AF136124" i="1"/>
  <c r="AF136125" i="1"/>
  <c r="AF136126" i="1"/>
  <c r="AF136127" i="1"/>
  <c r="AF136128" i="1"/>
  <c r="AF136129" i="1"/>
  <c r="AF136130" i="1"/>
  <c r="AF136131" i="1"/>
  <c r="AF136132" i="1"/>
  <c r="AF136133" i="1"/>
  <c r="AF136134" i="1"/>
  <c r="AF136135" i="1"/>
  <c r="AF136136" i="1"/>
  <c r="AF136137" i="1"/>
  <c r="AF136138" i="1"/>
  <c r="AF136139" i="1"/>
  <c r="AF136140" i="1"/>
  <c r="AF136141" i="1"/>
  <c r="AF136142" i="1"/>
  <c r="AF136143" i="1"/>
  <c r="AF136144" i="1"/>
  <c r="AF136145" i="1"/>
  <c r="AF136146" i="1"/>
  <c r="AF136147" i="1"/>
  <c r="AF136148" i="1"/>
  <c r="AF136149" i="1"/>
  <c r="AF136150" i="1"/>
  <c r="AF136151" i="1"/>
  <c r="AF136152" i="1"/>
  <c r="AF136153" i="1"/>
  <c r="AF136154" i="1"/>
  <c r="AF136155" i="1"/>
  <c r="AF136156" i="1"/>
  <c r="AF136157" i="1"/>
  <c r="AF136158" i="1"/>
  <c r="AF136159" i="1"/>
  <c r="AF136160" i="1"/>
  <c r="AF136161" i="1"/>
  <c r="AF136162" i="1"/>
  <c r="AF136163" i="1"/>
  <c r="AF136164" i="1"/>
  <c r="AF136165" i="1"/>
  <c r="AF136166" i="1"/>
  <c r="AF136167" i="1"/>
  <c r="AF136168" i="1"/>
  <c r="AF136169" i="1"/>
  <c r="AF136170" i="1"/>
  <c r="AF136171" i="1"/>
  <c r="AF136172" i="1"/>
  <c r="AF136173" i="1"/>
  <c r="AF136174" i="1"/>
  <c r="AF136175" i="1"/>
  <c r="AF136176" i="1"/>
  <c r="AF136177" i="1"/>
  <c r="AF136178" i="1"/>
  <c r="AF136179" i="1"/>
  <c r="AF136180" i="1"/>
  <c r="AF136181" i="1"/>
  <c r="AF136182" i="1"/>
  <c r="AF136183" i="1"/>
  <c r="AF136184" i="1"/>
  <c r="AF136185" i="1"/>
  <c r="AF136186" i="1"/>
  <c r="AF136187" i="1"/>
  <c r="AF136188" i="1"/>
  <c r="AF136189" i="1"/>
  <c r="AF136190" i="1"/>
  <c r="AF136191" i="1"/>
  <c r="AF136192" i="1"/>
  <c r="AF136193" i="1"/>
  <c r="AF136194" i="1"/>
  <c r="AF136195" i="1"/>
  <c r="AF136196" i="1"/>
  <c r="AF136197" i="1"/>
  <c r="AF136198" i="1"/>
  <c r="AF136199" i="1"/>
  <c r="AF136200" i="1"/>
  <c r="AF136201" i="1"/>
  <c r="AF136202" i="1"/>
  <c r="AF136203" i="1"/>
  <c r="AF136204" i="1"/>
  <c r="AF136205" i="1"/>
  <c r="AF136206" i="1"/>
  <c r="AF136207" i="1"/>
  <c r="AF136208" i="1"/>
  <c r="AF136209" i="1"/>
  <c r="AF136210" i="1"/>
  <c r="AF136211" i="1"/>
  <c r="AF136212" i="1"/>
  <c r="AF136213" i="1"/>
  <c r="AF136214" i="1"/>
  <c r="AF136215" i="1"/>
  <c r="AF136216" i="1"/>
  <c r="AF136217" i="1"/>
  <c r="AF136218" i="1"/>
  <c r="AF136219" i="1"/>
  <c r="AF136220" i="1"/>
  <c r="AF136221" i="1"/>
  <c r="AF136222" i="1"/>
  <c r="AF136223" i="1"/>
  <c r="AF136224" i="1"/>
  <c r="AF136225" i="1"/>
  <c r="AF136226" i="1"/>
  <c r="AF136227" i="1"/>
  <c r="AF136228" i="1"/>
  <c r="AF136229" i="1"/>
  <c r="AF136230" i="1"/>
  <c r="AF136231" i="1"/>
  <c r="AF136232" i="1"/>
  <c r="AF136233" i="1"/>
  <c r="AF136234" i="1"/>
  <c r="AF136235" i="1"/>
  <c r="AF136236" i="1"/>
  <c r="AF136237" i="1"/>
  <c r="AF136238" i="1"/>
  <c r="AF136239" i="1"/>
  <c r="AF136240" i="1"/>
  <c r="AF136241" i="1"/>
  <c r="AF136242" i="1"/>
  <c r="AF136243" i="1"/>
  <c r="AF136244" i="1"/>
  <c r="AF136245" i="1"/>
  <c r="AF136246" i="1"/>
  <c r="AF136247" i="1"/>
  <c r="AF136248" i="1"/>
  <c r="AF136249" i="1"/>
  <c r="AF136250" i="1"/>
  <c r="AF136251" i="1"/>
  <c r="AF136252" i="1"/>
  <c r="AF136253" i="1"/>
  <c r="AF136254" i="1"/>
  <c r="AF136255" i="1"/>
  <c r="AF136256" i="1"/>
  <c r="AF136257" i="1"/>
  <c r="AF136258" i="1"/>
  <c r="AF136259" i="1"/>
  <c r="AF136260" i="1"/>
  <c r="AF136261" i="1"/>
  <c r="AF136262" i="1"/>
  <c r="AF136263" i="1"/>
  <c r="AF136264" i="1"/>
  <c r="AF136265" i="1"/>
  <c r="AF136266" i="1"/>
  <c r="AF136267" i="1"/>
  <c r="AF136268" i="1"/>
  <c r="AF136269" i="1"/>
  <c r="AF136270" i="1"/>
  <c r="AF136271" i="1"/>
  <c r="AF136272" i="1"/>
  <c r="AF136273" i="1"/>
  <c r="AF136274" i="1"/>
  <c r="AF136275" i="1"/>
  <c r="AF136276" i="1"/>
  <c r="AF136277" i="1"/>
  <c r="AF136278" i="1"/>
  <c r="AF136279" i="1"/>
  <c r="AF136280" i="1"/>
  <c r="AF136281" i="1"/>
  <c r="AF136282" i="1"/>
  <c r="AF136283" i="1"/>
  <c r="AF136284" i="1"/>
  <c r="AF136285" i="1"/>
  <c r="AF136286" i="1"/>
  <c r="AF136287" i="1"/>
  <c r="AF136288" i="1"/>
  <c r="AF136289" i="1"/>
  <c r="AF136290" i="1"/>
  <c r="AF136291" i="1"/>
  <c r="AF136292" i="1"/>
  <c r="AF136293" i="1"/>
  <c r="AF136294" i="1"/>
  <c r="AF136295" i="1"/>
  <c r="AF136296" i="1"/>
  <c r="AF136297" i="1"/>
  <c r="AF136298" i="1"/>
  <c r="AF136299" i="1"/>
  <c r="AF136300" i="1"/>
  <c r="AF136301" i="1"/>
  <c r="AF136302" i="1"/>
  <c r="AF136303" i="1"/>
  <c r="AF136304" i="1"/>
  <c r="AF136305" i="1"/>
  <c r="AF136306" i="1"/>
  <c r="AF136307" i="1"/>
  <c r="AF136308" i="1"/>
  <c r="AF136309" i="1"/>
  <c r="AF136310" i="1"/>
  <c r="AF136311" i="1"/>
  <c r="AF136312" i="1"/>
  <c r="AF136313" i="1"/>
  <c r="AF136314" i="1"/>
  <c r="AF136315" i="1"/>
  <c r="AF136316" i="1"/>
  <c r="AF136317" i="1"/>
  <c r="AF136318" i="1"/>
  <c r="AF136319" i="1"/>
  <c r="AF136320" i="1"/>
  <c r="AF136321" i="1"/>
  <c r="AF136322" i="1"/>
  <c r="AF136323" i="1"/>
  <c r="AF136324" i="1"/>
  <c r="AF136325" i="1"/>
  <c r="AF136326" i="1"/>
  <c r="AF136327" i="1"/>
  <c r="AF136328" i="1"/>
  <c r="AF136329" i="1"/>
  <c r="AF136330" i="1"/>
  <c r="AF136331" i="1"/>
  <c r="AF136332" i="1"/>
  <c r="AF136333" i="1"/>
  <c r="AF136334" i="1"/>
  <c r="AF136335" i="1"/>
  <c r="AF136336" i="1"/>
  <c r="AF136337" i="1"/>
  <c r="AF136338" i="1"/>
  <c r="AF136339" i="1"/>
  <c r="AF136340" i="1"/>
  <c r="AF136341" i="1"/>
  <c r="AF136342" i="1"/>
  <c r="AF136343" i="1"/>
  <c r="AF136344" i="1"/>
  <c r="AF136345" i="1"/>
  <c r="AF136346" i="1"/>
  <c r="AF136347" i="1"/>
  <c r="AF136348" i="1"/>
  <c r="AF136349" i="1"/>
  <c r="AF136350" i="1"/>
  <c r="AF136351" i="1"/>
  <c r="AF136352" i="1"/>
  <c r="AF136353" i="1"/>
  <c r="AF136354" i="1"/>
  <c r="AF136355" i="1"/>
  <c r="AF136356" i="1"/>
  <c r="AF136357" i="1"/>
  <c r="AF136358" i="1"/>
  <c r="AF136359" i="1"/>
  <c r="AF136360" i="1"/>
  <c r="AF136361" i="1"/>
  <c r="AF136362" i="1"/>
  <c r="AF136363" i="1"/>
  <c r="AF136364" i="1"/>
  <c r="AF136365" i="1"/>
  <c r="AF136366" i="1"/>
  <c r="AF136367" i="1"/>
  <c r="AF136368" i="1"/>
  <c r="AF136369" i="1"/>
  <c r="AF136370" i="1"/>
  <c r="AF136371" i="1"/>
  <c r="AF136372" i="1"/>
  <c r="AF136373" i="1"/>
  <c r="AF136374" i="1"/>
  <c r="AF136375" i="1"/>
  <c r="AF136376" i="1"/>
  <c r="AF136377" i="1"/>
  <c r="AF136378" i="1"/>
  <c r="AF136379" i="1"/>
  <c r="AF136380" i="1"/>
  <c r="AF136381" i="1"/>
  <c r="AF136382" i="1"/>
  <c r="AF136383" i="1"/>
  <c r="AF136384" i="1"/>
  <c r="AF136385" i="1"/>
  <c r="AF136386" i="1"/>
  <c r="AF136387" i="1"/>
  <c r="AF136388" i="1"/>
  <c r="AF136389" i="1"/>
  <c r="AF136390" i="1"/>
  <c r="AF136391" i="1"/>
  <c r="AF136392" i="1"/>
  <c r="AF136393" i="1"/>
  <c r="AF136394" i="1"/>
  <c r="AF136395" i="1"/>
  <c r="AF136396" i="1"/>
  <c r="AF136397" i="1"/>
  <c r="AF136398" i="1"/>
  <c r="AF136399" i="1"/>
  <c r="AF136400" i="1"/>
  <c r="AF136401" i="1"/>
  <c r="AF136402" i="1"/>
  <c r="AF136403" i="1"/>
  <c r="AF136404" i="1"/>
  <c r="AF136405" i="1"/>
  <c r="AF136406" i="1"/>
  <c r="AF136407" i="1"/>
  <c r="AF136408" i="1"/>
  <c r="AF136409" i="1"/>
  <c r="AF136410" i="1"/>
  <c r="AF136411" i="1"/>
  <c r="AF136412" i="1"/>
  <c r="AF136413" i="1"/>
  <c r="AF136414" i="1"/>
  <c r="AF136415" i="1"/>
  <c r="AF136416" i="1"/>
  <c r="AF136417" i="1"/>
  <c r="AF136418" i="1"/>
  <c r="AF136419" i="1"/>
  <c r="AF136420" i="1"/>
  <c r="AF136421" i="1"/>
  <c r="AF136422" i="1"/>
  <c r="AF136423" i="1"/>
  <c r="AF136424" i="1"/>
  <c r="AF136425" i="1"/>
  <c r="AF136426" i="1"/>
  <c r="AF136427" i="1"/>
  <c r="AF136428" i="1"/>
  <c r="AF136429" i="1"/>
  <c r="AF136430" i="1"/>
  <c r="AF136431" i="1"/>
  <c r="AF136432" i="1"/>
  <c r="AF136433" i="1"/>
  <c r="AF136434" i="1"/>
  <c r="AF136435" i="1"/>
  <c r="AF136436" i="1"/>
  <c r="AF136437" i="1"/>
  <c r="AF136438" i="1"/>
  <c r="AF136439" i="1"/>
  <c r="AF136440" i="1"/>
  <c r="AF136441" i="1"/>
  <c r="AF136442" i="1"/>
  <c r="AF136443" i="1"/>
  <c r="AF136444" i="1"/>
  <c r="AF136445" i="1"/>
  <c r="AF136446" i="1"/>
  <c r="AF136447" i="1"/>
  <c r="AF136448" i="1"/>
  <c r="AF136449" i="1"/>
  <c r="AF136450" i="1"/>
  <c r="AF136451" i="1"/>
  <c r="AF136452" i="1"/>
  <c r="AF136453" i="1"/>
  <c r="AF136454" i="1"/>
  <c r="AF136455" i="1"/>
  <c r="AF136456" i="1"/>
  <c r="AF136457" i="1"/>
  <c r="AF136458" i="1"/>
  <c r="AF136459" i="1"/>
  <c r="AF136460" i="1"/>
  <c r="AF136461" i="1"/>
  <c r="AF136462" i="1"/>
  <c r="AF136463" i="1"/>
  <c r="AF136464" i="1"/>
  <c r="AF136465" i="1"/>
  <c r="AF136466" i="1"/>
  <c r="AF136467" i="1"/>
  <c r="AF136468" i="1"/>
  <c r="AF136469" i="1"/>
  <c r="AF136470" i="1"/>
  <c r="AF136471" i="1"/>
  <c r="AF136472" i="1"/>
  <c r="AF136473" i="1"/>
  <c r="AF136474" i="1"/>
  <c r="AF136475" i="1"/>
  <c r="AF136476" i="1"/>
  <c r="AF136477" i="1"/>
  <c r="AF136478" i="1"/>
  <c r="AF136479" i="1"/>
  <c r="AF136480" i="1"/>
  <c r="AF136481" i="1"/>
  <c r="AF136482" i="1"/>
  <c r="AF136483" i="1"/>
  <c r="AF136484" i="1"/>
  <c r="AF136485" i="1"/>
  <c r="AF136486" i="1"/>
  <c r="AF136487" i="1"/>
  <c r="AF136488" i="1"/>
  <c r="AF136489" i="1"/>
  <c r="AF136490" i="1"/>
  <c r="AF136491" i="1"/>
  <c r="AF136492" i="1"/>
  <c r="AF136493" i="1"/>
  <c r="AF136494" i="1"/>
  <c r="AF136495" i="1"/>
  <c r="AF136496" i="1"/>
  <c r="AF136497" i="1"/>
  <c r="AF136498" i="1"/>
  <c r="AF136499" i="1"/>
  <c r="AF136500" i="1"/>
  <c r="AF136501" i="1"/>
  <c r="AF136502" i="1"/>
  <c r="AF136503" i="1"/>
  <c r="AF136504" i="1"/>
  <c r="AF136505" i="1"/>
  <c r="AF136506" i="1"/>
  <c r="AF136507" i="1"/>
  <c r="AF136508" i="1"/>
  <c r="AF136509" i="1"/>
  <c r="AF136510" i="1"/>
  <c r="AF136511" i="1"/>
  <c r="AF136512" i="1"/>
  <c r="AF136513" i="1"/>
  <c r="AF136514" i="1"/>
  <c r="AF136515" i="1"/>
  <c r="AF136516" i="1"/>
  <c r="AF136517" i="1"/>
  <c r="AF136518" i="1"/>
  <c r="AF136519" i="1"/>
  <c r="AF136520" i="1"/>
  <c r="AF136521" i="1"/>
  <c r="AF136522" i="1"/>
  <c r="AF136523" i="1"/>
  <c r="AF136524" i="1"/>
  <c r="AF136525" i="1"/>
  <c r="AF136526" i="1"/>
  <c r="AF136527" i="1"/>
  <c r="AF136528" i="1"/>
  <c r="AF136529" i="1"/>
  <c r="AF136530" i="1"/>
  <c r="AF136531" i="1"/>
  <c r="AF136532" i="1"/>
  <c r="AF136533" i="1"/>
  <c r="AF136534" i="1"/>
  <c r="AF136535" i="1"/>
  <c r="AF136536" i="1"/>
  <c r="AF136537" i="1"/>
  <c r="AF136538" i="1"/>
  <c r="AF136539" i="1"/>
  <c r="AF136540" i="1"/>
  <c r="AF136541" i="1"/>
  <c r="AF136542" i="1"/>
  <c r="AF136543" i="1"/>
  <c r="AF136544" i="1"/>
  <c r="AF136545" i="1"/>
  <c r="AF136546" i="1"/>
  <c r="AF136547" i="1"/>
  <c r="AF136548" i="1"/>
  <c r="AF136549" i="1"/>
  <c r="AF136550" i="1"/>
  <c r="AF136551" i="1"/>
  <c r="AF136552" i="1"/>
  <c r="AF136553" i="1"/>
  <c r="AF136554" i="1"/>
  <c r="AF136555" i="1"/>
  <c r="AF136556" i="1"/>
  <c r="AF136557" i="1"/>
  <c r="AF136558" i="1"/>
  <c r="AF136559" i="1"/>
  <c r="AF136560" i="1"/>
  <c r="AF136561" i="1"/>
  <c r="AF136562" i="1"/>
  <c r="AF136563" i="1"/>
  <c r="AF136564" i="1"/>
  <c r="AF136565" i="1"/>
  <c r="AF136566" i="1"/>
  <c r="AF136567" i="1"/>
  <c r="AF136568" i="1"/>
  <c r="AF136569" i="1"/>
  <c r="AF136570" i="1"/>
  <c r="AF136571" i="1"/>
  <c r="AF136572" i="1"/>
  <c r="AF136573" i="1"/>
  <c r="AF136574" i="1"/>
  <c r="AF136575" i="1"/>
  <c r="AF136576" i="1"/>
  <c r="AF136577" i="1"/>
  <c r="AF136578" i="1"/>
  <c r="AF136579" i="1"/>
  <c r="AF136580" i="1"/>
  <c r="AF136581" i="1"/>
  <c r="AF136582" i="1"/>
  <c r="AF136583" i="1"/>
  <c r="AF136584" i="1"/>
  <c r="AF136585" i="1"/>
  <c r="AF136586" i="1"/>
  <c r="AF136587" i="1"/>
  <c r="AF136588" i="1"/>
  <c r="AF136589" i="1"/>
  <c r="AF136590" i="1"/>
  <c r="AF136591" i="1"/>
  <c r="AF136592" i="1"/>
  <c r="AF136593" i="1"/>
  <c r="AF136594" i="1"/>
  <c r="AF136595" i="1"/>
  <c r="AF136596" i="1"/>
  <c r="AF136597" i="1"/>
  <c r="AF136598" i="1"/>
  <c r="AF136599" i="1"/>
  <c r="AF136600" i="1"/>
  <c r="AF136601" i="1"/>
  <c r="AF136602" i="1"/>
  <c r="AF136603" i="1"/>
  <c r="AF136604" i="1"/>
  <c r="AF136605" i="1"/>
  <c r="AF136606" i="1"/>
  <c r="AF136607" i="1"/>
  <c r="AF136608" i="1"/>
  <c r="AF136609" i="1"/>
  <c r="AF136610" i="1"/>
  <c r="AF136611" i="1"/>
  <c r="AF136612" i="1"/>
  <c r="AF136613" i="1"/>
  <c r="AF136614" i="1"/>
  <c r="AF136615" i="1"/>
  <c r="AF136616" i="1"/>
  <c r="AF136617" i="1"/>
  <c r="AF136618" i="1"/>
  <c r="AF136619" i="1"/>
  <c r="AF136620" i="1"/>
  <c r="AF136621" i="1"/>
  <c r="AF136622" i="1"/>
  <c r="AF136623" i="1"/>
  <c r="AF136624" i="1"/>
  <c r="AF136625" i="1"/>
  <c r="AF136626" i="1"/>
  <c r="AF136627" i="1"/>
  <c r="AF136628" i="1"/>
  <c r="AF136629" i="1"/>
  <c r="AF136630" i="1"/>
  <c r="AF136631" i="1"/>
  <c r="AF136632" i="1"/>
  <c r="AF136633" i="1"/>
  <c r="AF136634" i="1"/>
  <c r="AF136635" i="1"/>
  <c r="AF136636" i="1"/>
  <c r="AF136637" i="1"/>
  <c r="AF136638" i="1"/>
  <c r="AF136639" i="1"/>
  <c r="AF136640" i="1"/>
  <c r="AF136641" i="1"/>
  <c r="AF136642" i="1"/>
  <c r="AF136643" i="1"/>
  <c r="AF136644" i="1"/>
  <c r="AF136645" i="1"/>
  <c r="AF136646" i="1"/>
  <c r="AF136647" i="1"/>
  <c r="AF136648" i="1"/>
  <c r="AF136649" i="1"/>
  <c r="AF136650" i="1"/>
  <c r="AF136651" i="1"/>
  <c r="AF136652" i="1"/>
  <c r="AF136653" i="1"/>
  <c r="AF136654" i="1"/>
  <c r="AF136655" i="1"/>
  <c r="AF136656" i="1"/>
  <c r="AF136657" i="1"/>
  <c r="AF136658" i="1"/>
  <c r="AF136659" i="1"/>
  <c r="AF136660" i="1"/>
  <c r="AF136661" i="1"/>
  <c r="AF136662" i="1"/>
  <c r="AF136663" i="1"/>
  <c r="AF136664" i="1"/>
  <c r="AF136665" i="1"/>
  <c r="AF136666" i="1"/>
  <c r="AF136667" i="1"/>
  <c r="AF136668" i="1"/>
  <c r="AF136669" i="1"/>
  <c r="AF136670" i="1"/>
  <c r="AF136671" i="1"/>
  <c r="AF136672" i="1"/>
  <c r="AF136673" i="1"/>
  <c r="AF136674" i="1"/>
  <c r="AF136675" i="1"/>
  <c r="AF136676" i="1"/>
  <c r="AF136677" i="1"/>
  <c r="AF136678" i="1"/>
  <c r="AF136679" i="1"/>
  <c r="AF136680" i="1"/>
  <c r="AF136681" i="1"/>
  <c r="AF136682" i="1"/>
  <c r="AF136683" i="1"/>
  <c r="AF136684" i="1"/>
  <c r="AF136685" i="1"/>
  <c r="AF136686" i="1"/>
  <c r="AF136687" i="1"/>
  <c r="AF136688" i="1"/>
  <c r="AF136689" i="1"/>
  <c r="AF136690" i="1"/>
  <c r="AF136691" i="1"/>
  <c r="AF136692" i="1"/>
  <c r="AF136693" i="1"/>
  <c r="AF136694" i="1"/>
  <c r="AF136695" i="1"/>
  <c r="AF136696" i="1"/>
  <c r="AF136697" i="1"/>
  <c r="AF136698" i="1"/>
  <c r="AF136699" i="1"/>
  <c r="AF136700" i="1"/>
  <c r="AF136701" i="1"/>
  <c r="AF136702" i="1"/>
  <c r="AF136703" i="1"/>
  <c r="AF136704" i="1"/>
  <c r="AF136705" i="1"/>
  <c r="AF136706" i="1"/>
  <c r="AF136707" i="1"/>
  <c r="AF136708" i="1"/>
  <c r="AF136709" i="1"/>
  <c r="AF136710" i="1"/>
  <c r="AF136711" i="1"/>
  <c r="AF136712" i="1"/>
  <c r="AF136713" i="1"/>
  <c r="AF136714" i="1"/>
  <c r="AF136715" i="1"/>
  <c r="AF136716" i="1"/>
  <c r="AF136717" i="1"/>
  <c r="AF136718" i="1"/>
  <c r="AF136719" i="1"/>
  <c r="AF136720" i="1"/>
  <c r="AF136721" i="1"/>
  <c r="AF136722" i="1"/>
  <c r="AF136723" i="1"/>
  <c r="AF136724" i="1"/>
  <c r="AF136725" i="1"/>
  <c r="AF136726" i="1"/>
  <c r="AF136727" i="1"/>
  <c r="AF136728" i="1"/>
  <c r="AF136729" i="1"/>
  <c r="AF136730" i="1"/>
  <c r="AF136731" i="1"/>
  <c r="AF136732" i="1"/>
  <c r="AF136733" i="1"/>
  <c r="AF136734" i="1"/>
  <c r="AF136735" i="1"/>
  <c r="AF136736" i="1"/>
  <c r="AF136737" i="1"/>
  <c r="AF136738" i="1"/>
  <c r="AF136739" i="1"/>
  <c r="AF136740" i="1"/>
  <c r="AF136741" i="1"/>
  <c r="AF136742" i="1"/>
  <c r="AF136743" i="1"/>
  <c r="AF136744" i="1"/>
  <c r="AF136745" i="1"/>
  <c r="AF136746" i="1"/>
  <c r="AF136747" i="1"/>
  <c r="AF136748" i="1"/>
  <c r="AF136749" i="1"/>
  <c r="AF136750" i="1"/>
  <c r="AF136751" i="1"/>
  <c r="AF136752" i="1"/>
  <c r="AF136753" i="1"/>
  <c r="AF136754" i="1"/>
  <c r="AF136755" i="1"/>
  <c r="AF136756" i="1"/>
  <c r="AF136757" i="1"/>
  <c r="AF136758" i="1"/>
  <c r="AF136759" i="1"/>
  <c r="AF136760" i="1"/>
  <c r="AF136761" i="1"/>
  <c r="AF136762" i="1"/>
  <c r="AF136763" i="1"/>
  <c r="AF136764" i="1"/>
  <c r="AF136765" i="1"/>
  <c r="AF136766" i="1"/>
  <c r="AF136767" i="1"/>
  <c r="AF136768" i="1"/>
  <c r="AF136769" i="1"/>
  <c r="AF136770" i="1"/>
  <c r="AF136771" i="1"/>
  <c r="AF136772" i="1"/>
  <c r="AF136773" i="1"/>
  <c r="AF136774" i="1"/>
  <c r="AF136775" i="1"/>
  <c r="AF136776" i="1"/>
  <c r="AF136777" i="1"/>
  <c r="AF136778" i="1"/>
  <c r="AF136779" i="1"/>
  <c r="AF136780" i="1"/>
  <c r="AF136781" i="1"/>
  <c r="AF136782" i="1"/>
  <c r="AF136783" i="1"/>
  <c r="AF136784" i="1"/>
  <c r="AF136785" i="1"/>
  <c r="AF136786" i="1"/>
  <c r="AF136787" i="1"/>
  <c r="AF136788" i="1"/>
  <c r="AF136789" i="1"/>
  <c r="AF136790" i="1"/>
  <c r="AF136791" i="1"/>
  <c r="AF136792" i="1"/>
  <c r="AF136793" i="1"/>
  <c r="AF136794" i="1"/>
  <c r="AF136795" i="1"/>
  <c r="AF136796" i="1"/>
  <c r="AF136797" i="1"/>
  <c r="AF136798" i="1"/>
  <c r="AF136799" i="1"/>
  <c r="AF136800" i="1"/>
  <c r="AF136801" i="1"/>
  <c r="AF136802" i="1"/>
  <c r="AF136803" i="1"/>
  <c r="AF136804" i="1"/>
  <c r="AF136805" i="1"/>
  <c r="AF136806" i="1"/>
  <c r="AF136807" i="1"/>
  <c r="AF136808" i="1"/>
  <c r="AF136809" i="1"/>
  <c r="AF136810" i="1"/>
  <c r="AF136811" i="1"/>
  <c r="AF136812" i="1"/>
  <c r="AF136813" i="1"/>
  <c r="AF136814" i="1"/>
  <c r="AF136815" i="1"/>
  <c r="AF136816" i="1"/>
  <c r="AF136817" i="1"/>
  <c r="AF136818" i="1"/>
  <c r="AF136819" i="1"/>
  <c r="AF136820" i="1"/>
  <c r="AF136821" i="1"/>
  <c r="AF136822" i="1"/>
  <c r="AF136823" i="1"/>
  <c r="AF136824" i="1"/>
  <c r="AF136825" i="1"/>
  <c r="AF136826" i="1"/>
  <c r="AF136827" i="1"/>
  <c r="AF136828" i="1"/>
  <c r="AF136829" i="1"/>
  <c r="AF136830" i="1"/>
  <c r="AF136831" i="1"/>
  <c r="AF136832" i="1"/>
  <c r="AF136833" i="1"/>
  <c r="AF136834" i="1"/>
  <c r="AF136835" i="1"/>
  <c r="AF136836" i="1"/>
  <c r="AF136837" i="1"/>
  <c r="AF136838" i="1"/>
  <c r="AF136839" i="1"/>
  <c r="AF136840" i="1"/>
  <c r="AF136841" i="1"/>
  <c r="AF136842" i="1"/>
  <c r="AF136843" i="1"/>
  <c r="AF136844" i="1"/>
  <c r="AF136845" i="1"/>
  <c r="AF136846" i="1"/>
  <c r="AF136847" i="1"/>
  <c r="AF136848" i="1"/>
  <c r="AF136849" i="1"/>
  <c r="AF136850" i="1"/>
  <c r="AF136851" i="1"/>
  <c r="AF136852" i="1"/>
  <c r="AF136853" i="1"/>
  <c r="AF136854" i="1"/>
  <c r="AF136855" i="1"/>
  <c r="AF136856" i="1"/>
  <c r="AF136857" i="1"/>
  <c r="AF136858" i="1"/>
  <c r="AF136859" i="1"/>
  <c r="AF136860" i="1"/>
  <c r="AF136861" i="1"/>
  <c r="AF136862" i="1"/>
  <c r="AF136863" i="1"/>
  <c r="AF136864" i="1"/>
  <c r="AF136865" i="1"/>
  <c r="AF136866" i="1"/>
  <c r="AF136867" i="1"/>
  <c r="AF136868" i="1"/>
  <c r="AF136869" i="1"/>
  <c r="AF136870" i="1"/>
  <c r="AF136871" i="1"/>
  <c r="AF136872" i="1"/>
  <c r="AF136873" i="1"/>
  <c r="AF136874" i="1"/>
  <c r="AF136875" i="1"/>
  <c r="AF136876" i="1"/>
  <c r="AF136877" i="1"/>
  <c r="AF136878" i="1"/>
  <c r="AF136879" i="1"/>
  <c r="AF136880" i="1"/>
  <c r="AF136881" i="1"/>
  <c r="AF136882" i="1"/>
  <c r="AF136883" i="1"/>
  <c r="AF136884" i="1"/>
  <c r="AF136885" i="1"/>
  <c r="AF136886" i="1"/>
  <c r="AF136887" i="1"/>
  <c r="AF136888" i="1"/>
  <c r="AF136889" i="1"/>
  <c r="AF136890" i="1"/>
  <c r="AF136891" i="1"/>
  <c r="AF136892" i="1"/>
  <c r="AF136893" i="1"/>
  <c r="AF136894" i="1"/>
  <c r="AF136895" i="1"/>
  <c r="AF136896" i="1"/>
  <c r="AF136897" i="1"/>
  <c r="AF136898" i="1"/>
  <c r="AF136899" i="1"/>
  <c r="AF136900" i="1"/>
  <c r="AF136901" i="1"/>
  <c r="AF136902" i="1"/>
  <c r="AF136903" i="1"/>
  <c r="AF136904" i="1"/>
  <c r="AF136905" i="1"/>
  <c r="AF136906" i="1"/>
  <c r="AF136907" i="1"/>
  <c r="AF136908" i="1"/>
  <c r="AF136909" i="1"/>
  <c r="AF136910" i="1"/>
  <c r="AF136911" i="1"/>
  <c r="AF136912" i="1"/>
  <c r="AF136913" i="1"/>
  <c r="AF136914" i="1"/>
  <c r="AF136915" i="1"/>
  <c r="AF136916" i="1"/>
  <c r="AF136917" i="1"/>
  <c r="AF136918" i="1"/>
  <c r="AF136919" i="1"/>
  <c r="AF136920" i="1"/>
  <c r="AF136921" i="1"/>
  <c r="AF136922" i="1"/>
  <c r="AF136923" i="1"/>
  <c r="AF136924" i="1"/>
  <c r="AF136925" i="1"/>
  <c r="AF136926" i="1"/>
  <c r="AF136927" i="1"/>
  <c r="AF136928" i="1"/>
  <c r="AF136929" i="1"/>
  <c r="AF136930" i="1"/>
  <c r="AF136931" i="1"/>
  <c r="AF136932" i="1"/>
  <c r="AF136933" i="1"/>
  <c r="AF136934" i="1"/>
  <c r="AF136935" i="1"/>
  <c r="AF136936" i="1"/>
  <c r="AF136937" i="1"/>
  <c r="AF136938" i="1"/>
  <c r="AF136939" i="1"/>
  <c r="AF136940" i="1"/>
  <c r="AF136941" i="1"/>
  <c r="AF136942" i="1"/>
  <c r="AF136943" i="1"/>
  <c r="AF136944" i="1"/>
  <c r="AF136945" i="1"/>
  <c r="AF136946" i="1"/>
  <c r="AF136947" i="1"/>
  <c r="AF136948" i="1"/>
  <c r="AF136949" i="1"/>
  <c r="AF136950" i="1"/>
  <c r="AF136951" i="1"/>
  <c r="AF136952" i="1"/>
  <c r="AF136953" i="1"/>
  <c r="AF136954" i="1"/>
  <c r="AF136955" i="1"/>
  <c r="AF136956" i="1"/>
  <c r="AF136957" i="1"/>
  <c r="AF136958" i="1"/>
  <c r="AF136959" i="1"/>
  <c r="AF136960" i="1"/>
  <c r="AF136961" i="1"/>
  <c r="AF136962" i="1"/>
  <c r="AF136963" i="1"/>
  <c r="AF136964" i="1"/>
  <c r="AF136965" i="1"/>
  <c r="AF136966" i="1"/>
  <c r="AF136967" i="1"/>
  <c r="AF136968" i="1"/>
  <c r="AF136969" i="1"/>
  <c r="AF136970" i="1"/>
  <c r="AF136971" i="1"/>
  <c r="AF136972" i="1"/>
  <c r="AF136973" i="1"/>
  <c r="AF136974" i="1"/>
  <c r="AF136975" i="1"/>
  <c r="AF136976" i="1"/>
  <c r="AF136977" i="1"/>
  <c r="AF136978" i="1"/>
  <c r="AF136979" i="1"/>
  <c r="AF136980" i="1"/>
  <c r="AF136981" i="1"/>
  <c r="AF136982" i="1"/>
  <c r="AF136983" i="1"/>
  <c r="AF136984" i="1"/>
  <c r="AF136985" i="1"/>
  <c r="AF136986" i="1"/>
  <c r="AF136987" i="1"/>
  <c r="AF136988" i="1"/>
  <c r="AF136989" i="1"/>
  <c r="AF136990" i="1"/>
  <c r="AF136991" i="1"/>
  <c r="AF136992" i="1"/>
  <c r="AF136993" i="1"/>
  <c r="AF136994" i="1"/>
  <c r="AF136995" i="1"/>
  <c r="AF136996" i="1"/>
  <c r="AF136997" i="1"/>
  <c r="AF136998" i="1"/>
  <c r="AF136999" i="1"/>
  <c r="AF137000" i="1"/>
  <c r="AF137001" i="1"/>
  <c r="AF137002" i="1"/>
  <c r="AF137003" i="1"/>
  <c r="AF137004" i="1"/>
  <c r="AF137005" i="1"/>
  <c r="AF137006" i="1"/>
  <c r="AF137007" i="1"/>
  <c r="AF137008" i="1"/>
  <c r="AF137009" i="1"/>
  <c r="AF137010" i="1"/>
  <c r="AF137011" i="1"/>
  <c r="AF137012" i="1"/>
  <c r="AF137013" i="1"/>
  <c r="AF137014" i="1"/>
  <c r="AF137015" i="1"/>
  <c r="AF137016" i="1"/>
  <c r="AF137017" i="1"/>
  <c r="AF137018" i="1"/>
  <c r="AF137019" i="1"/>
  <c r="AF137020" i="1"/>
  <c r="AF137021" i="1"/>
  <c r="AF137022" i="1"/>
  <c r="AF137023" i="1"/>
  <c r="AF137024" i="1"/>
  <c r="AF137025" i="1"/>
  <c r="AF137026" i="1"/>
  <c r="AF137027" i="1"/>
  <c r="AF137028" i="1"/>
  <c r="AF137029" i="1"/>
  <c r="AF137030" i="1"/>
  <c r="AF137031" i="1"/>
  <c r="AF137032" i="1"/>
  <c r="AF137033" i="1"/>
  <c r="AF137034" i="1"/>
  <c r="AF137035" i="1"/>
  <c r="AF137036" i="1"/>
  <c r="AF137037" i="1"/>
  <c r="AF137038" i="1"/>
  <c r="AF137039" i="1"/>
  <c r="AF137040" i="1"/>
  <c r="AF137041" i="1"/>
  <c r="AF137042" i="1"/>
  <c r="AF137043" i="1"/>
  <c r="AF137044" i="1"/>
  <c r="AF137045" i="1"/>
  <c r="AF137046" i="1"/>
  <c r="AF137047" i="1"/>
  <c r="AF137048" i="1"/>
  <c r="AF137049" i="1"/>
  <c r="AF137050" i="1"/>
  <c r="AF137051" i="1"/>
  <c r="AF137052" i="1"/>
  <c r="AF137053" i="1"/>
  <c r="AF137054" i="1"/>
  <c r="AF137055" i="1"/>
  <c r="AF137056" i="1"/>
  <c r="AF137057" i="1"/>
  <c r="AF137058" i="1"/>
  <c r="AF137059" i="1"/>
  <c r="AF137060" i="1"/>
  <c r="AF137061" i="1"/>
  <c r="AF137062" i="1"/>
  <c r="AF137063" i="1"/>
  <c r="AF137064" i="1"/>
  <c r="AF137065" i="1"/>
  <c r="AF137066" i="1"/>
  <c r="AF137067" i="1"/>
  <c r="AF137068" i="1"/>
  <c r="AF137069" i="1"/>
  <c r="AF137070" i="1"/>
  <c r="AF137071" i="1"/>
  <c r="AF137072" i="1"/>
  <c r="AF137073" i="1"/>
  <c r="AF137074" i="1"/>
  <c r="AF137075" i="1"/>
  <c r="AF137076" i="1"/>
  <c r="AF137077" i="1"/>
  <c r="AF137078" i="1"/>
  <c r="AF137079" i="1"/>
  <c r="AF137080" i="1"/>
  <c r="AF137081" i="1"/>
  <c r="AF137082" i="1"/>
  <c r="AF137083" i="1"/>
  <c r="AF137084" i="1"/>
  <c r="AF137085" i="1"/>
  <c r="AF137086" i="1"/>
  <c r="AF137087" i="1"/>
  <c r="AF137088" i="1"/>
  <c r="AF137089" i="1"/>
  <c r="AF137090" i="1"/>
  <c r="AF137091" i="1"/>
  <c r="AF137092" i="1"/>
  <c r="AF137093" i="1"/>
  <c r="AF137094" i="1"/>
  <c r="AF137095" i="1"/>
  <c r="AF137096" i="1"/>
  <c r="AF137097" i="1"/>
  <c r="AF137098" i="1"/>
  <c r="AF137099" i="1"/>
  <c r="AF137100" i="1"/>
  <c r="AF137101" i="1"/>
  <c r="AF137102" i="1"/>
  <c r="AF137103" i="1"/>
  <c r="AF137104" i="1"/>
  <c r="AF137105" i="1"/>
  <c r="AF137106" i="1"/>
  <c r="AF137107" i="1"/>
  <c r="AF137108" i="1"/>
  <c r="AF137109" i="1"/>
  <c r="AF137110" i="1"/>
  <c r="AF137111" i="1"/>
  <c r="AF137112" i="1"/>
  <c r="AF137113" i="1"/>
  <c r="AF137114" i="1"/>
  <c r="AF137115" i="1"/>
  <c r="AF137116" i="1"/>
  <c r="AF137117" i="1"/>
  <c r="AF137118" i="1"/>
  <c r="AF137119" i="1"/>
  <c r="AF137120" i="1"/>
  <c r="AF137121" i="1"/>
  <c r="AF137122" i="1"/>
  <c r="AF137123" i="1"/>
  <c r="AF137124" i="1"/>
  <c r="AF137125" i="1"/>
  <c r="AF137126" i="1"/>
  <c r="AF137127" i="1"/>
  <c r="AF137128" i="1"/>
  <c r="AF137129" i="1"/>
  <c r="AF137130" i="1"/>
  <c r="AF137131" i="1"/>
  <c r="AF137132" i="1"/>
  <c r="AF137133" i="1"/>
  <c r="AF137134" i="1"/>
  <c r="AF137135" i="1"/>
  <c r="AF137136" i="1"/>
  <c r="AF137137" i="1"/>
  <c r="AF137138" i="1"/>
  <c r="AF137139" i="1"/>
  <c r="AF137140" i="1"/>
  <c r="AF137141" i="1"/>
  <c r="AF137142" i="1"/>
  <c r="AF137143" i="1"/>
  <c r="AF137144" i="1"/>
  <c r="AF137145" i="1"/>
  <c r="AF137146" i="1"/>
  <c r="AF137147" i="1"/>
  <c r="AF137148" i="1"/>
  <c r="AF137149" i="1"/>
  <c r="AF137150" i="1"/>
  <c r="AF137151" i="1"/>
  <c r="AF137152" i="1"/>
  <c r="AF137153" i="1"/>
  <c r="AF137154" i="1"/>
  <c r="AF137155" i="1"/>
  <c r="AF137156" i="1"/>
  <c r="AF137157" i="1"/>
  <c r="AF137158" i="1"/>
  <c r="AF137159" i="1"/>
  <c r="AF137160" i="1"/>
  <c r="AF137161" i="1"/>
  <c r="AF137162" i="1"/>
  <c r="AF137163" i="1"/>
  <c r="AF137164" i="1"/>
  <c r="AF137165" i="1"/>
  <c r="AF137166" i="1"/>
  <c r="AF137167" i="1"/>
  <c r="AF137168" i="1"/>
  <c r="AF137169" i="1"/>
  <c r="AF137170" i="1"/>
  <c r="AF137171" i="1"/>
  <c r="AF137172" i="1"/>
  <c r="AF137173" i="1"/>
  <c r="AF137174" i="1"/>
  <c r="AF137175" i="1"/>
  <c r="AF137176" i="1"/>
  <c r="AF137177" i="1"/>
  <c r="AF137178" i="1"/>
  <c r="AF137179" i="1"/>
  <c r="AF137180" i="1"/>
  <c r="AF137181" i="1"/>
  <c r="AF137182" i="1"/>
  <c r="AF137183" i="1"/>
  <c r="AF137184" i="1"/>
  <c r="AF137185" i="1"/>
  <c r="AF137186" i="1"/>
  <c r="AF137187" i="1"/>
  <c r="AF137188" i="1"/>
  <c r="AF137189" i="1"/>
  <c r="AF137190" i="1"/>
  <c r="AF137191" i="1"/>
  <c r="AF137192" i="1"/>
  <c r="AF137193" i="1"/>
  <c r="AF137194" i="1"/>
  <c r="AF137195" i="1"/>
  <c r="AF137196" i="1"/>
  <c r="AF137197" i="1"/>
  <c r="AF137198" i="1"/>
  <c r="AF137199" i="1"/>
  <c r="AF137200" i="1"/>
  <c r="AF137201" i="1"/>
  <c r="AF137202" i="1"/>
  <c r="AF137203" i="1"/>
  <c r="AF137204" i="1"/>
  <c r="AF137205" i="1"/>
  <c r="AF137206" i="1"/>
  <c r="AF137207" i="1"/>
  <c r="AF137208" i="1"/>
  <c r="AF137209" i="1"/>
  <c r="AF137210" i="1"/>
  <c r="AF137211" i="1"/>
  <c r="AF137212" i="1"/>
  <c r="AF137213" i="1"/>
  <c r="AF137214" i="1"/>
  <c r="AF137215" i="1"/>
  <c r="AF137216" i="1"/>
  <c r="AF137217" i="1"/>
  <c r="AF137218" i="1"/>
  <c r="AF137219" i="1"/>
  <c r="AF137220" i="1"/>
  <c r="AF137221" i="1"/>
  <c r="AF137222" i="1"/>
  <c r="AF137223" i="1"/>
  <c r="AF137224" i="1"/>
  <c r="AF137225" i="1"/>
  <c r="AF137226" i="1"/>
  <c r="AF137227" i="1"/>
  <c r="AF137228" i="1"/>
  <c r="AF137229" i="1"/>
  <c r="AF137230" i="1"/>
  <c r="AF137231" i="1"/>
  <c r="AF137232" i="1"/>
  <c r="AF137233" i="1"/>
  <c r="AF137234" i="1"/>
  <c r="AF137235" i="1"/>
  <c r="AF137236" i="1"/>
  <c r="AF137237" i="1"/>
  <c r="AF137238" i="1"/>
  <c r="AF137239" i="1"/>
  <c r="AF137240" i="1"/>
  <c r="AF137241" i="1"/>
  <c r="AF137242" i="1"/>
  <c r="AF137243" i="1"/>
  <c r="AF137244" i="1"/>
  <c r="AF137245" i="1"/>
  <c r="AF137246" i="1"/>
  <c r="AF137247" i="1"/>
  <c r="AF137248" i="1"/>
  <c r="AF137249" i="1"/>
  <c r="AF137250" i="1"/>
  <c r="AF137251" i="1"/>
  <c r="AF137252" i="1"/>
  <c r="AF137253" i="1"/>
  <c r="AF137254" i="1"/>
  <c r="AF137255" i="1"/>
  <c r="AF137256" i="1"/>
  <c r="AF137257" i="1"/>
  <c r="AF137258" i="1"/>
  <c r="AF137259" i="1"/>
  <c r="AF137260" i="1"/>
  <c r="AF137261" i="1"/>
  <c r="AF137262" i="1"/>
  <c r="AF137263" i="1"/>
  <c r="AF137264" i="1"/>
  <c r="AF137265" i="1"/>
  <c r="AF137266" i="1"/>
  <c r="AF137267" i="1"/>
  <c r="AF137268" i="1"/>
  <c r="AF137269" i="1"/>
  <c r="AF137270" i="1"/>
  <c r="AF137271" i="1"/>
  <c r="AF137272" i="1"/>
  <c r="AF137273" i="1"/>
  <c r="AF137274" i="1"/>
  <c r="AF137275" i="1"/>
  <c r="AF137276" i="1"/>
  <c r="AF137277" i="1"/>
  <c r="AF137278" i="1"/>
  <c r="AF137279" i="1"/>
  <c r="AF137280" i="1"/>
  <c r="AF137281" i="1"/>
  <c r="AF137282" i="1"/>
  <c r="AF137283" i="1"/>
  <c r="AF137284" i="1"/>
  <c r="AF137285" i="1"/>
  <c r="AF137286" i="1"/>
  <c r="AF137287" i="1"/>
  <c r="AF137288" i="1"/>
  <c r="AF137289" i="1"/>
  <c r="AF137290" i="1"/>
  <c r="AF137291" i="1"/>
  <c r="AF137292" i="1"/>
  <c r="AF137293" i="1"/>
  <c r="AF137294" i="1"/>
  <c r="AF137295" i="1"/>
  <c r="AF137296" i="1"/>
  <c r="AF137297" i="1"/>
  <c r="AF137298" i="1"/>
  <c r="AF137299" i="1"/>
  <c r="AF137300" i="1"/>
  <c r="AF137301" i="1"/>
  <c r="AF137302" i="1"/>
  <c r="AF137303" i="1"/>
  <c r="AF137304" i="1"/>
  <c r="AF137305" i="1"/>
  <c r="AF137306" i="1"/>
  <c r="AF137307" i="1"/>
  <c r="AF137308" i="1"/>
  <c r="AF137309" i="1"/>
  <c r="AF137310" i="1"/>
  <c r="AF137311" i="1"/>
  <c r="AF137312" i="1"/>
  <c r="AF137313" i="1"/>
  <c r="AF137314" i="1"/>
  <c r="AF137315" i="1"/>
  <c r="AF137316" i="1"/>
  <c r="AF137317" i="1"/>
  <c r="AF137318" i="1"/>
  <c r="AF137319" i="1"/>
  <c r="AF137320" i="1"/>
  <c r="AF137321" i="1"/>
  <c r="AF137322" i="1"/>
  <c r="AF137323" i="1"/>
  <c r="AF137324" i="1"/>
  <c r="AF137325" i="1"/>
  <c r="AF137326" i="1"/>
  <c r="AF137327" i="1"/>
  <c r="AF137328" i="1"/>
  <c r="AF137329" i="1"/>
  <c r="AF137330" i="1"/>
  <c r="AF137331" i="1"/>
  <c r="AF137332" i="1"/>
  <c r="AF137333" i="1"/>
  <c r="AF137334" i="1"/>
  <c r="AF137335" i="1"/>
  <c r="AF137336" i="1"/>
  <c r="AF137337" i="1"/>
  <c r="AF137338" i="1"/>
  <c r="AF137339" i="1"/>
  <c r="AF137340" i="1"/>
  <c r="AF137341" i="1"/>
  <c r="AF137342" i="1"/>
  <c r="AF137343" i="1"/>
  <c r="AF137344" i="1"/>
  <c r="AF137345" i="1"/>
  <c r="AF137346" i="1"/>
  <c r="AF137347" i="1"/>
  <c r="AF137348" i="1"/>
  <c r="AF137349" i="1"/>
  <c r="AF137350" i="1"/>
  <c r="AF137351" i="1"/>
  <c r="AF137352" i="1"/>
  <c r="AF137353" i="1"/>
  <c r="AF137354" i="1"/>
  <c r="AF137355" i="1"/>
  <c r="AF137356" i="1"/>
  <c r="AF137357" i="1"/>
  <c r="AF137358" i="1"/>
  <c r="AF137359" i="1"/>
  <c r="AF137360" i="1"/>
  <c r="AF137361" i="1"/>
  <c r="AF137362" i="1"/>
  <c r="AF137363" i="1"/>
  <c r="AF137364" i="1"/>
  <c r="AF137365" i="1"/>
  <c r="AF137366" i="1"/>
  <c r="AF137367" i="1"/>
  <c r="AF137368" i="1"/>
  <c r="AF137369" i="1"/>
  <c r="AF137370" i="1"/>
  <c r="AF137371" i="1"/>
  <c r="AF137372" i="1"/>
  <c r="AF137373" i="1"/>
  <c r="AF137374" i="1"/>
  <c r="AF137375" i="1"/>
  <c r="AF137376" i="1"/>
  <c r="AF137377" i="1"/>
  <c r="AF137378" i="1"/>
  <c r="AF137379" i="1"/>
  <c r="AF137380" i="1"/>
  <c r="AF137381" i="1"/>
  <c r="AF137382" i="1"/>
  <c r="AF137383" i="1"/>
  <c r="AF137384" i="1"/>
  <c r="AF137385" i="1"/>
  <c r="AF137386" i="1"/>
  <c r="AF137387" i="1"/>
  <c r="AF137388" i="1"/>
  <c r="AF137389" i="1"/>
  <c r="AF137390" i="1"/>
  <c r="AF137391" i="1"/>
  <c r="AF137392" i="1"/>
  <c r="AF137393" i="1"/>
  <c r="AF137394" i="1"/>
  <c r="AF137395" i="1"/>
  <c r="AF137396" i="1"/>
  <c r="AF137397" i="1"/>
  <c r="AF137398" i="1"/>
  <c r="AF137399" i="1"/>
  <c r="AF137400" i="1"/>
  <c r="AF137401" i="1"/>
  <c r="AF137402" i="1"/>
  <c r="AF137403" i="1"/>
  <c r="AF137404" i="1"/>
  <c r="AF137405" i="1"/>
  <c r="AF137406" i="1"/>
  <c r="AF137407" i="1"/>
  <c r="AF137408" i="1"/>
  <c r="AF137409" i="1"/>
  <c r="AF137410" i="1"/>
  <c r="AF137411" i="1"/>
  <c r="AF137412" i="1"/>
  <c r="AF137413" i="1"/>
  <c r="AF137414" i="1"/>
  <c r="AF137415" i="1"/>
  <c r="AF137416" i="1"/>
  <c r="AF137417" i="1"/>
  <c r="AF137418" i="1"/>
  <c r="AF137419" i="1"/>
  <c r="AF137420" i="1"/>
  <c r="AF137421" i="1"/>
  <c r="AF137422" i="1"/>
  <c r="AF137423" i="1"/>
  <c r="AF137424" i="1"/>
  <c r="AF137425" i="1"/>
  <c r="AF137426" i="1"/>
  <c r="AF137427" i="1"/>
  <c r="AF137428" i="1"/>
  <c r="AF137429" i="1"/>
  <c r="AF137430" i="1"/>
  <c r="AF137431" i="1"/>
  <c r="AF137432" i="1"/>
  <c r="AF137433" i="1"/>
  <c r="AF137434" i="1"/>
  <c r="AF137435" i="1"/>
  <c r="AF137436" i="1"/>
  <c r="AF137437" i="1"/>
  <c r="AF137438" i="1"/>
  <c r="AF137439" i="1"/>
  <c r="AF137440" i="1"/>
  <c r="AF137441" i="1"/>
  <c r="AF137442" i="1"/>
  <c r="AF137443" i="1"/>
  <c r="AF137444" i="1"/>
  <c r="AF137445" i="1"/>
  <c r="AF137446" i="1"/>
  <c r="AF137447" i="1"/>
  <c r="AF137448" i="1"/>
  <c r="AF137449" i="1"/>
  <c r="AF137450" i="1"/>
  <c r="AF137451" i="1"/>
  <c r="AF137452" i="1"/>
  <c r="AF137453" i="1"/>
  <c r="AF137454" i="1"/>
  <c r="AF137455" i="1"/>
  <c r="AF137456" i="1"/>
  <c r="AF137457" i="1"/>
  <c r="AF137458" i="1"/>
  <c r="AF137459" i="1"/>
  <c r="AF137460" i="1"/>
  <c r="AF137461" i="1"/>
  <c r="AF137462" i="1"/>
  <c r="AF137463" i="1"/>
  <c r="AF137464" i="1"/>
  <c r="AF137465" i="1"/>
  <c r="AF137466" i="1"/>
  <c r="AF137467" i="1"/>
  <c r="AF137468" i="1"/>
  <c r="AF137469" i="1"/>
  <c r="AF137470" i="1"/>
  <c r="AF137471" i="1"/>
  <c r="AF137472" i="1"/>
  <c r="AF137473" i="1"/>
  <c r="AF137474" i="1"/>
  <c r="AF137475" i="1"/>
  <c r="AF137476" i="1"/>
  <c r="AF137477" i="1"/>
  <c r="AF137478" i="1"/>
  <c r="AF137479" i="1"/>
  <c r="AF137480" i="1"/>
  <c r="AF137481" i="1"/>
  <c r="AF137482" i="1"/>
  <c r="AF137483" i="1"/>
  <c r="AF137484" i="1"/>
  <c r="AF137485" i="1"/>
  <c r="AF137486" i="1"/>
  <c r="AF137487" i="1"/>
  <c r="AF137488" i="1"/>
  <c r="AF137489" i="1"/>
  <c r="AF137490" i="1"/>
  <c r="AF137491" i="1"/>
  <c r="AF137492" i="1"/>
  <c r="AF137493" i="1"/>
  <c r="AF137494" i="1"/>
  <c r="AF137495" i="1"/>
  <c r="AF137496" i="1"/>
  <c r="AF137497" i="1"/>
  <c r="AF137498" i="1"/>
  <c r="AF137499" i="1"/>
  <c r="AF137500" i="1"/>
  <c r="AF137501" i="1"/>
  <c r="AF137502" i="1"/>
  <c r="AF137503" i="1"/>
  <c r="AF137504" i="1"/>
  <c r="AF137505" i="1"/>
  <c r="AF137506" i="1"/>
  <c r="AF137507" i="1"/>
  <c r="AF137508" i="1"/>
  <c r="AF137509" i="1"/>
  <c r="AF137510" i="1"/>
  <c r="AF137511" i="1"/>
  <c r="AF137512" i="1"/>
  <c r="AF137513" i="1"/>
  <c r="AF137514" i="1"/>
  <c r="AF137515" i="1"/>
  <c r="AF137516" i="1"/>
  <c r="AF137517" i="1"/>
  <c r="AF137518" i="1"/>
  <c r="AF137519" i="1"/>
  <c r="AF137520" i="1"/>
  <c r="AF137521" i="1"/>
  <c r="AF137522" i="1"/>
  <c r="AF137523" i="1"/>
  <c r="AF137524" i="1"/>
  <c r="AF137525" i="1"/>
  <c r="AF137526" i="1"/>
  <c r="AF137527" i="1"/>
  <c r="AF137528" i="1"/>
  <c r="AF137529" i="1"/>
  <c r="AF137530" i="1"/>
  <c r="AF137531" i="1"/>
  <c r="AF137532" i="1"/>
  <c r="AF137533" i="1"/>
  <c r="AF137534" i="1"/>
  <c r="AF137535" i="1"/>
  <c r="AF137536" i="1"/>
  <c r="AF137537" i="1"/>
  <c r="AF137538" i="1"/>
  <c r="AF137539" i="1"/>
  <c r="AF137540" i="1"/>
  <c r="AF137541" i="1"/>
  <c r="AF137542" i="1"/>
  <c r="AF137543" i="1"/>
  <c r="AF137544" i="1"/>
  <c r="AF137545" i="1"/>
  <c r="AF137546" i="1"/>
  <c r="AF137547" i="1"/>
  <c r="AF137548" i="1"/>
  <c r="AF137549" i="1"/>
  <c r="AF137550" i="1"/>
  <c r="AF137551" i="1"/>
  <c r="AF137552" i="1"/>
  <c r="AF137553" i="1"/>
  <c r="AF137554" i="1"/>
  <c r="AF137555" i="1"/>
  <c r="AF137556" i="1"/>
  <c r="AF137557" i="1"/>
  <c r="AF137558" i="1"/>
  <c r="AF137559" i="1"/>
  <c r="AF137560" i="1"/>
  <c r="AF137561" i="1"/>
  <c r="AF137562" i="1"/>
  <c r="AF137563" i="1"/>
  <c r="AF137564" i="1"/>
  <c r="AF137565" i="1"/>
  <c r="AF137566" i="1"/>
  <c r="AF137567" i="1"/>
  <c r="AF137568" i="1"/>
  <c r="AF137569" i="1"/>
  <c r="AF137570" i="1"/>
  <c r="AF137571" i="1"/>
  <c r="AF137572" i="1"/>
  <c r="AF137573" i="1"/>
  <c r="AF137574" i="1"/>
  <c r="AF137575" i="1"/>
  <c r="AF137576" i="1"/>
  <c r="AF137577" i="1"/>
  <c r="AF137578" i="1"/>
  <c r="AF137579" i="1"/>
  <c r="AF137580" i="1"/>
  <c r="AF137581" i="1"/>
  <c r="AF137582" i="1"/>
  <c r="AF137583" i="1"/>
  <c r="AF137584" i="1"/>
  <c r="AF137585" i="1"/>
  <c r="AF137586" i="1"/>
  <c r="AF137587" i="1"/>
  <c r="AF137588" i="1"/>
  <c r="AF137589" i="1"/>
  <c r="AF137590" i="1"/>
  <c r="AF137591" i="1"/>
  <c r="AF137592" i="1"/>
  <c r="AF137593" i="1"/>
  <c r="AF137594" i="1"/>
  <c r="AF137595" i="1"/>
  <c r="AF137596" i="1"/>
  <c r="AF137597" i="1"/>
  <c r="AF137598" i="1"/>
  <c r="AF137599" i="1"/>
  <c r="AF137600" i="1"/>
  <c r="AF137601" i="1"/>
  <c r="AF137602" i="1"/>
  <c r="AF137603" i="1"/>
  <c r="AF137604" i="1"/>
  <c r="AF137605" i="1"/>
  <c r="AF137606" i="1"/>
  <c r="AF137607" i="1"/>
  <c r="AF137608" i="1"/>
  <c r="AF137609" i="1"/>
  <c r="AF137610" i="1"/>
  <c r="AF137611" i="1"/>
  <c r="AF137612" i="1"/>
  <c r="AF137613" i="1"/>
  <c r="AF137614" i="1"/>
  <c r="AF137615" i="1"/>
  <c r="AF137616" i="1"/>
  <c r="AF137617" i="1"/>
  <c r="AF137618" i="1"/>
  <c r="AF137619" i="1"/>
  <c r="AF137620" i="1"/>
  <c r="AF137621" i="1"/>
  <c r="AF137622" i="1"/>
  <c r="AF137623" i="1"/>
  <c r="AF137624" i="1"/>
  <c r="AF137625" i="1"/>
  <c r="AF137626" i="1"/>
  <c r="AF137627" i="1"/>
  <c r="AF137628" i="1"/>
  <c r="AF137629" i="1"/>
  <c r="AF137630" i="1"/>
  <c r="AF137631" i="1"/>
  <c r="AF137632" i="1"/>
  <c r="AF137633" i="1"/>
  <c r="AF137634" i="1"/>
  <c r="AF137635" i="1"/>
  <c r="AF137636" i="1"/>
  <c r="AF137637" i="1"/>
  <c r="AF137638" i="1"/>
  <c r="AF137639" i="1"/>
  <c r="AF137640" i="1"/>
  <c r="AF137641" i="1"/>
  <c r="AF137642" i="1"/>
  <c r="AF137643" i="1"/>
  <c r="AF137644" i="1"/>
  <c r="AF137645" i="1"/>
  <c r="AF137646" i="1"/>
  <c r="AF137647" i="1"/>
  <c r="AF137648" i="1"/>
  <c r="AF137649" i="1"/>
  <c r="AF137650" i="1"/>
  <c r="AF137651" i="1"/>
  <c r="AF137652" i="1"/>
  <c r="AF137653" i="1"/>
  <c r="AF137654" i="1"/>
  <c r="AF137655" i="1"/>
  <c r="AF137656" i="1"/>
  <c r="AF137657" i="1"/>
  <c r="AF137658" i="1"/>
  <c r="AF137659" i="1"/>
  <c r="AF137660" i="1"/>
  <c r="AF137661" i="1"/>
  <c r="AF137662" i="1"/>
  <c r="AF137663" i="1"/>
  <c r="AF137664" i="1"/>
  <c r="AF137665" i="1"/>
  <c r="AF137666" i="1"/>
  <c r="AF137667" i="1"/>
  <c r="AF137668" i="1"/>
  <c r="AF137669" i="1"/>
  <c r="AF137670" i="1"/>
  <c r="AF137671" i="1"/>
  <c r="AF137672" i="1"/>
  <c r="AF137673" i="1"/>
  <c r="AF137674" i="1"/>
  <c r="AF137675" i="1"/>
  <c r="AF137676" i="1"/>
  <c r="AF137677" i="1"/>
  <c r="AF137678" i="1"/>
  <c r="AF137679" i="1"/>
  <c r="AF137680" i="1"/>
  <c r="AF137681" i="1"/>
  <c r="AF137682" i="1"/>
  <c r="AF137683" i="1"/>
  <c r="AF137684" i="1"/>
  <c r="AF137685" i="1"/>
  <c r="AF137686" i="1"/>
  <c r="AF137687" i="1"/>
  <c r="AF137688" i="1"/>
  <c r="AF137689" i="1"/>
  <c r="AF137690" i="1"/>
  <c r="AF137691" i="1"/>
  <c r="AF137692" i="1"/>
  <c r="AF137693" i="1"/>
  <c r="AF137694" i="1"/>
  <c r="AF137695" i="1"/>
  <c r="AF137696" i="1"/>
  <c r="AF137697" i="1"/>
  <c r="AF137698" i="1"/>
  <c r="AF137699" i="1"/>
  <c r="AF137700" i="1"/>
  <c r="AF137701" i="1"/>
  <c r="AF137702" i="1"/>
  <c r="AF137703" i="1"/>
  <c r="AF137704" i="1"/>
  <c r="AF137705" i="1"/>
  <c r="AF137706" i="1"/>
  <c r="AF137707" i="1"/>
  <c r="AF137708" i="1"/>
  <c r="AF137709" i="1"/>
  <c r="AF137710" i="1"/>
  <c r="AF137711" i="1"/>
  <c r="AF137712" i="1"/>
  <c r="AF137713" i="1"/>
  <c r="AF137714" i="1"/>
  <c r="AF137715" i="1"/>
  <c r="AF137716" i="1"/>
  <c r="AF137717" i="1"/>
  <c r="AF137718" i="1"/>
  <c r="AF137719" i="1"/>
  <c r="AF137720" i="1"/>
  <c r="AF137721" i="1"/>
  <c r="AF137722" i="1"/>
  <c r="AF137723" i="1"/>
  <c r="AF137724" i="1"/>
  <c r="AF137725" i="1"/>
  <c r="AF137726" i="1"/>
  <c r="AF137727" i="1"/>
  <c r="AF137728" i="1"/>
  <c r="AF137729" i="1"/>
  <c r="AF137730" i="1"/>
  <c r="AF137731" i="1"/>
  <c r="AF137732" i="1"/>
  <c r="AF137733" i="1"/>
  <c r="AF137734" i="1"/>
  <c r="AF137735" i="1"/>
  <c r="AF137736" i="1"/>
  <c r="AF137737" i="1"/>
  <c r="AF137738" i="1"/>
  <c r="AF137739" i="1"/>
  <c r="AF137740" i="1"/>
  <c r="AF137741" i="1"/>
  <c r="AF137742" i="1"/>
  <c r="AF137743" i="1"/>
  <c r="AF137744" i="1"/>
  <c r="AF137745" i="1"/>
  <c r="AF137746" i="1"/>
  <c r="AF137747" i="1"/>
  <c r="AF137748" i="1"/>
  <c r="AF137749" i="1"/>
  <c r="AF137750" i="1"/>
  <c r="AF137751" i="1"/>
  <c r="AF137752" i="1"/>
  <c r="AF137753" i="1"/>
  <c r="AF137754" i="1"/>
  <c r="AF137755" i="1"/>
  <c r="AF137756" i="1"/>
  <c r="AF137757" i="1"/>
  <c r="AF137758" i="1"/>
  <c r="AF137759" i="1"/>
  <c r="AF137760" i="1"/>
  <c r="AF137761" i="1"/>
  <c r="AF137762" i="1"/>
  <c r="AF137763" i="1"/>
  <c r="AF137764" i="1"/>
  <c r="AF137765" i="1"/>
  <c r="AF137766" i="1"/>
  <c r="AF137767" i="1"/>
  <c r="AF137768" i="1"/>
  <c r="AF137769" i="1"/>
  <c r="AF137770" i="1"/>
  <c r="AF137771" i="1"/>
  <c r="AF137772" i="1"/>
  <c r="AF137773" i="1"/>
  <c r="AF137774" i="1"/>
  <c r="AF137775" i="1"/>
  <c r="AF137776" i="1"/>
  <c r="AF137777" i="1"/>
  <c r="AF137778" i="1"/>
  <c r="AF137779" i="1"/>
  <c r="AF137780" i="1"/>
  <c r="AF137781" i="1"/>
  <c r="AF137782" i="1"/>
  <c r="AF137783" i="1"/>
  <c r="AF137784" i="1"/>
  <c r="AF137785" i="1"/>
  <c r="AF137786" i="1"/>
  <c r="AF137787" i="1"/>
  <c r="AF137788" i="1"/>
  <c r="AF137789" i="1"/>
  <c r="AF137790" i="1"/>
  <c r="AF137791" i="1"/>
  <c r="AF137792" i="1"/>
  <c r="AF137793" i="1"/>
  <c r="AF137794" i="1"/>
  <c r="AF137795" i="1"/>
  <c r="AF137796" i="1"/>
  <c r="AF137797" i="1"/>
  <c r="AF137798" i="1"/>
  <c r="AF137799" i="1"/>
  <c r="AF137800" i="1"/>
  <c r="AF137801" i="1"/>
  <c r="AF137802" i="1"/>
  <c r="AF137803" i="1"/>
  <c r="AF137804" i="1"/>
  <c r="AF137805" i="1"/>
  <c r="AF137806" i="1"/>
  <c r="AF137807" i="1"/>
  <c r="AF137808" i="1"/>
  <c r="AF137809" i="1"/>
  <c r="AF137810" i="1"/>
  <c r="AF137811" i="1"/>
  <c r="AF137812" i="1"/>
  <c r="AF137813" i="1"/>
  <c r="AF137814" i="1"/>
  <c r="AF137815" i="1"/>
  <c r="AF137816" i="1"/>
  <c r="AF137817" i="1"/>
  <c r="AF137818" i="1"/>
  <c r="AF137819" i="1"/>
  <c r="AF137820" i="1"/>
  <c r="AF137821" i="1"/>
  <c r="AF137822" i="1"/>
  <c r="AF137823" i="1"/>
  <c r="AF137824" i="1"/>
  <c r="AF137825" i="1"/>
  <c r="AF137826" i="1"/>
  <c r="AF137827" i="1"/>
  <c r="AF137828" i="1"/>
  <c r="AF137829" i="1"/>
  <c r="AF137830" i="1"/>
  <c r="AF137831" i="1"/>
  <c r="AF137832" i="1"/>
  <c r="AF137833" i="1"/>
  <c r="AF137834" i="1"/>
  <c r="AF137835" i="1"/>
  <c r="AF137836" i="1"/>
  <c r="AF137837" i="1"/>
  <c r="AF137838" i="1"/>
  <c r="AF137839" i="1"/>
  <c r="AF137840" i="1"/>
  <c r="AF137841" i="1"/>
  <c r="AF137842" i="1"/>
  <c r="AF137843" i="1"/>
  <c r="AF137844" i="1"/>
  <c r="AF137845" i="1"/>
  <c r="AF137846" i="1"/>
  <c r="AF137847" i="1"/>
  <c r="AF137848" i="1"/>
  <c r="AF137849" i="1"/>
  <c r="AF137850" i="1"/>
  <c r="AF137851" i="1"/>
  <c r="AF137852" i="1"/>
  <c r="AF137853" i="1"/>
  <c r="AF137854" i="1"/>
  <c r="AF137855" i="1"/>
  <c r="AF137856" i="1"/>
  <c r="AF137857" i="1"/>
  <c r="AF137858" i="1"/>
  <c r="AF137859" i="1"/>
  <c r="AF137860" i="1"/>
  <c r="AF137861" i="1"/>
  <c r="AF137862" i="1"/>
  <c r="AF137863" i="1"/>
  <c r="AF137864" i="1"/>
  <c r="AF137865" i="1"/>
  <c r="AF137866" i="1"/>
  <c r="AF137867" i="1"/>
  <c r="AF137868" i="1"/>
  <c r="AF137869" i="1"/>
  <c r="AF137870" i="1"/>
  <c r="AF137871" i="1"/>
  <c r="AF137872" i="1"/>
  <c r="AF137873" i="1"/>
  <c r="AF137874" i="1"/>
  <c r="AF137875" i="1"/>
  <c r="AF137876" i="1"/>
  <c r="AF137877" i="1"/>
  <c r="AF137878" i="1"/>
  <c r="AF137879" i="1"/>
  <c r="AF137880" i="1"/>
  <c r="AF137881" i="1"/>
  <c r="AF137882" i="1"/>
  <c r="AF137883" i="1"/>
  <c r="AF137884" i="1"/>
  <c r="AF137885" i="1"/>
  <c r="AF137886" i="1"/>
  <c r="AF137887" i="1"/>
  <c r="AF137888" i="1"/>
  <c r="AF137889" i="1"/>
  <c r="AF137890" i="1"/>
  <c r="AF137891" i="1"/>
  <c r="AF137892" i="1"/>
  <c r="AF137893" i="1"/>
  <c r="AF137894" i="1"/>
  <c r="AF137895" i="1"/>
  <c r="AF137896" i="1"/>
  <c r="AF137897" i="1"/>
  <c r="AF137898" i="1"/>
  <c r="AF137899" i="1"/>
  <c r="AF137900" i="1"/>
  <c r="AF137901" i="1"/>
  <c r="AF137902" i="1"/>
  <c r="AF137903" i="1"/>
  <c r="AF137904" i="1"/>
  <c r="AF137905" i="1"/>
  <c r="AF137906" i="1"/>
  <c r="AF137907" i="1"/>
  <c r="AF137908" i="1"/>
  <c r="AF137909" i="1"/>
  <c r="AF137910" i="1"/>
  <c r="AF137911" i="1"/>
  <c r="AF137912" i="1"/>
  <c r="AF137913" i="1"/>
  <c r="AF137914" i="1"/>
  <c r="AF137915" i="1"/>
  <c r="AF137916" i="1"/>
  <c r="AF137917" i="1"/>
  <c r="AF137918" i="1"/>
  <c r="AF137919" i="1"/>
  <c r="AF137920" i="1"/>
  <c r="AF137921" i="1"/>
  <c r="AF137922" i="1"/>
  <c r="AF137923" i="1"/>
  <c r="AF137924" i="1"/>
  <c r="AF137925" i="1"/>
  <c r="AF137926" i="1"/>
  <c r="AF137927" i="1"/>
  <c r="AF137928" i="1"/>
  <c r="AF137929" i="1"/>
  <c r="AF137930" i="1"/>
  <c r="AF137931" i="1"/>
  <c r="AF137932" i="1"/>
  <c r="AF137933" i="1"/>
  <c r="AF137934" i="1"/>
  <c r="AF137935" i="1"/>
  <c r="AF137936" i="1"/>
  <c r="AF137937" i="1"/>
  <c r="AF137938" i="1"/>
  <c r="AF137939" i="1"/>
  <c r="AF137940" i="1"/>
  <c r="AF137941" i="1"/>
  <c r="AF137942" i="1"/>
  <c r="AF137943" i="1"/>
  <c r="AF137944" i="1"/>
  <c r="AF137945" i="1"/>
  <c r="AF137946" i="1"/>
  <c r="AF137947" i="1"/>
  <c r="AF137948" i="1"/>
  <c r="AF137949" i="1"/>
  <c r="AF137950" i="1"/>
  <c r="AF137951" i="1"/>
  <c r="AF137952" i="1"/>
  <c r="AF137953" i="1"/>
  <c r="AF137954" i="1"/>
  <c r="AF137955" i="1"/>
  <c r="AF137956" i="1"/>
  <c r="AF137957" i="1"/>
  <c r="AF137958" i="1"/>
  <c r="AF137959" i="1"/>
  <c r="AF137960" i="1"/>
  <c r="AF137961" i="1"/>
  <c r="AF137962" i="1"/>
  <c r="AF137963" i="1"/>
  <c r="AF137964" i="1"/>
  <c r="AF137965" i="1"/>
  <c r="AF137966" i="1"/>
  <c r="AF137967" i="1"/>
  <c r="AF137968" i="1"/>
  <c r="AF137969" i="1"/>
  <c r="AF137970" i="1"/>
  <c r="AF137971" i="1"/>
  <c r="AF137972" i="1"/>
  <c r="AF137973" i="1"/>
  <c r="AF137974" i="1"/>
  <c r="AF137975" i="1"/>
  <c r="AF137976" i="1"/>
  <c r="AF137977" i="1"/>
  <c r="AF137978" i="1"/>
  <c r="AF137979" i="1"/>
  <c r="AF137980" i="1"/>
  <c r="AF137981" i="1"/>
  <c r="AF137982" i="1"/>
  <c r="AF137983" i="1"/>
  <c r="AF137984" i="1"/>
  <c r="AF137985" i="1"/>
  <c r="AF137986" i="1"/>
  <c r="AF137987" i="1"/>
  <c r="AF137988" i="1"/>
  <c r="AF137989" i="1"/>
  <c r="AF137990" i="1"/>
  <c r="AF137991" i="1"/>
  <c r="AF137992" i="1"/>
  <c r="AF137993" i="1"/>
  <c r="AF137994" i="1"/>
  <c r="AF137995" i="1"/>
  <c r="AF137996" i="1"/>
  <c r="AF137997" i="1"/>
  <c r="AF137998" i="1"/>
  <c r="AF137999" i="1"/>
  <c r="AF138000" i="1"/>
  <c r="AF138001" i="1"/>
  <c r="AF138002" i="1"/>
  <c r="AF138003" i="1"/>
  <c r="AF138004" i="1"/>
  <c r="AF138005" i="1"/>
  <c r="AF138006" i="1"/>
  <c r="AF138007" i="1"/>
  <c r="AF138008" i="1"/>
  <c r="AF138009" i="1"/>
  <c r="AF138010" i="1"/>
  <c r="AF138011" i="1"/>
  <c r="AF138012" i="1"/>
  <c r="AF138013" i="1"/>
  <c r="AF138014" i="1"/>
  <c r="AF138015" i="1"/>
  <c r="AF138016" i="1"/>
  <c r="AF138017" i="1"/>
  <c r="AF138018" i="1"/>
  <c r="AF138019" i="1"/>
  <c r="AF138020" i="1"/>
  <c r="AF138021" i="1"/>
  <c r="AF138022" i="1"/>
  <c r="AF138023" i="1"/>
  <c r="AF138024" i="1"/>
  <c r="AF138025" i="1"/>
  <c r="AF138026" i="1"/>
  <c r="AF138027" i="1"/>
  <c r="AF138028" i="1"/>
  <c r="AF138029" i="1"/>
  <c r="AF138030" i="1"/>
  <c r="AF138031" i="1"/>
  <c r="AF138032" i="1"/>
  <c r="AF138033" i="1"/>
  <c r="AF138034" i="1"/>
  <c r="AF138035" i="1"/>
  <c r="AF138036" i="1"/>
  <c r="AF138037" i="1"/>
  <c r="AF138038" i="1"/>
  <c r="AF138039" i="1"/>
  <c r="AF138040" i="1"/>
  <c r="AF138041" i="1"/>
  <c r="AF138042" i="1"/>
  <c r="AF138043" i="1"/>
  <c r="AF138044" i="1"/>
  <c r="AF138045" i="1"/>
  <c r="AF138046" i="1"/>
  <c r="AF138047" i="1"/>
  <c r="AF138048" i="1"/>
  <c r="AF138049" i="1"/>
  <c r="AF138050" i="1"/>
  <c r="AF138051" i="1"/>
  <c r="AF138052" i="1"/>
  <c r="AF138053" i="1"/>
  <c r="AF138054" i="1"/>
  <c r="AF138055" i="1"/>
  <c r="AF138056" i="1"/>
  <c r="AF138057" i="1"/>
  <c r="AF138058" i="1"/>
  <c r="AF138059" i="1"/>
  <c r="AF138060" i="1"/>
  <c r="AF138061" i="1"/>
  <c r="AF138062" i="1"/>
  <c r="AF138063" i="1"/>
  <c r="AF138064" i="1"/>
  <c r="AF138065" i="1"/>
  <c r="AF138066" i="1"/>
  <c r="AF138067" i="1"/>
  <c r="AF138068" i="1"/>
  <c r="AF138069" i="1"/>
  <c r="AF138070" i="1"/>
  <c r="AF138071" i="1"/>
  <c r="AF138072" i="1"/>
  <c r="AF138073" i="1"/>
  <c r="AF138074" i="1"/>
  <c r="AF138075" i="1"/>
  <c r="AF138076" i="1"/>
  <c r="AF138077" i="1"/>
  <c r="AF138078" i="1"/>
  <c r="AF138079" i="1"/>
  <c r="AF138080" i="1"/>
  <c r="AF138081" i="1"/>
  <c r="AF138082" i="1"/>
  <c r="AF138083" i="1"/>
  <c r="AF138084" i="1"/>
  <c r="AF138085" i="1"/>
  <c r="AF138086" i="1"/>
  <c r="AF138087" i="1"/>
  <c r="AF138088" i="1"/>
  <c r="AF138089" i="1"/>
  <c r="AF138090" i="1"/>
  <c r="AF138091" i="1"/>
  <c r="AF138092" i="1"/>
  <c r="AF138093" i="1"/>
  <c r="AF138094" i="1"/>
  <c r="AF138095" i="1"/>
  <c r="AF138096" i="1"/>
  <c r="AF138097" i="1"/>
  <c r="AF138098" i="1"/>
  <c r="AF138099" i="1"/>
  <c r="AF138100" i="1"/>
  <c r="AF138101" i="1"/>
  <c r="AF138102" i="1"/>
  <c r="AF138103" i="1"/>
  <c r="AF138104" i="1"/>
  <c r="AF138105" i="1"/>
  <c r="AF138106" i="1"/>
  <c r="AF138107" i="1"/>
  <c r="AF138108" i="1"/>
  <c r="AF138109" i="1"/>
  <c r="AF138110" i="1"/>
  <c r="AF138111" i="1"/>
  <c r="AF138112" i="1"/>
  <c r="AF138113" i="1"/>
  <c r="AF138114" i="1"/>
  <c r="AF138115" i="1"/>
  <c r="AF138116" i="1"/>
  <c r="AF138117" i="1"/>
  <c r="AF138118" i="1"/>
  <c r="AF138119" i="1"/>
  <c r="AF138120" i="1"/>
  <c r="AF138121" i="1"/>
  <c r="AF138122" i="1"/>
  <c r="AF138123" i="1"/>
  <c r="AF138124" i="1"/>
  <c r="AF138125" i="1"/>
  <c r="AF138126" i="1"/>
  <c r="AF138127" i="1"/>
  <c r="AF138128" i="1"/>
  <c r="AF138129" i="1"/>
  <c r="AF138130" i="1"/>
  <c r="AF138131" i="1"/>
  <c r="AF138132" i="1"/>
  <c r="AF138133" i="1"/>
  <c r="AF138134" i="1"/>
  <c r="AF138135" i="1"/>
  <c r="AF138136" i="1"/>
  <c r="AF138137" i="1"/>
  <c r="AF138138" i="1"/>
  <c r="AF138139" i="1"/>
  <c r="AF138140" i="1"/>
  <c r="AF138141" i="1"/>
  <c r="AF138142" i="1"/>
  <c r="AF138143" i="1"/>
  <c r="AF138144" i="1"/>
  <c r="AF138145" i="1"/>
  <c r="AF138146" i="1"/>
  <c r="AF138147" i="1"/>
  <c r="AF138148" i="1"/>
  <c r="AF138149" i="1"/>
  <c r="AF138150" i="1"/>
  <c r="AF138151" i="1"/>
  <c r="AF138152" i="1"/>
  <c r="AF138153" i="1"/>
  <c r="AF138154" i="1"/>
  <c r="AF138155" i="1"/>
  <c r="AF138156" i="1"/>
  <c r="AF138157" i="1"/>
  <c r="AF138158" i="1"/>
  <c r="AF138159" i="1"/>
  <c r="AF138160" i="1"/>
  <c r="AF138161" i="1"/>
  <c r="AF138162" i="1"/>
  <c r="AF138163" i="1"/>
  <c r="AF138164" i="1"/>
  <c r="AF138165" i="1"/>
  <c r="AF138166" i="1"/>
  <c r="AF138167" i="1"/>
  <c r="AF138168" i="1"/>
  <c r="AF138169" i="1"/>
  <c r="AF138170" i="1"/>
  <c r="AF138171" i="1"/>
  <c r="AF138172" i="1"/>
  <c r="AF138173" i="1"/>
  <c r="AF138174" i="1"/>
  <c r="AF138175" i="1"/>
  <c r="AF138176" i="1"/>
  <c r="AF138177" i="1"/>
  <c r="AF138178" i="1"/>
  <c r="AF138179" i="1"/>
  <c r="AF138180" i="1"/>
  <c r="AF138181" i="1"/>
  <c r="AF138182" i="1"/>
  <c r="AF138183" i="1"/>
  <c r="AF138184" i="1"/>
  <c r="AF138185" i="1"/>
  <c r="AF138186" i="1"/>
  <c r="AF138187" i="1"/>
  <c r="AF138188" i="1"/>
  <c r="AF138189" i="1"/>
  <c r="AF138190" i="1"/>
  <c r="AF138191" i="1"/>
  <c r="AF138192" i="1"/>
  <c r="AF138193" i="1"/>
  <c r="AF138194" i="1"/>
  <c r="AF138195" i="1"/>
  <c r="AF138196" i="1"/>
  <c r="AF138197" i="1"/>
  <c r="AF138198" i="1"/>
  <c r="AF138199" i="1"/>
  <c r="AF138200" i="1"/>
  <c r="AF138201" i="1"/>
  <c r="AF138202" i="1"/>
  <c r="AF138203" i="1"/>
  <c r="AF138204" i="1"/>
  <c r="AF138205" i="1"/>
  <c r="AF138206" i="1"/>
  <c r="AF138207" i="1"/>
  <c r="AF138208" i="1"/>
  <c r="AF138209" i="1"/>
  <c r="AF138210" i="1"/>
  <c r="AF138211" i="1"/>
  <c r="AF138212" i="1"/>
  <c r="AF138213" i="1"/>
  <c r="AF138214" i="1"/>
  <c r="AF138215" i="1"/>
  <c r="AF138216" i="1"/>
  <c r="AF138217" i="1"/>
  <c r="AF138218" i="1"/>
  <c r="AF138219" i="1"/>
  <c r="AF138220" i="1"/>
  <c r="AF138221" i="1"/>
  <c r="AF138222" i="1"/>
  <c r="AF138223" i="1"/>
  <c r="AF138224" i="1"/>
  <c r="AF138225" i="1"/>
  <c r="AF138226" i="1"/>
  <c r="AF138227" i="1"/>
  <c r="AF138228" i="1"/>
  <c r="AF138229" i="1"/>
  <c r="AF138230" i="1"/>
  <c r="AF138231" i="1"/>
  <c r="AF138232" i="1"/>
  <c r="AF138233" i="1"/>
  <c r="AF138234" i="1"/>
  <c r="AF138235" i="1"/>
  <c r="AF138236" i="1"/>
  <c r="AF138237" i="1"/>
  <c r="AF138238" i="1"/>
  <c r="AF138239" i="1"/>
  <c r="AF138240" i="1"/>
  <c r="AF138241" i="1"/>
  <c r="AF138242" i="1"/>
  <c r="AF138243" i="1"/>
  <c r="AF138244" i="1"/>
  <c r="AF138245" i="1"/>
  <c r="AF138246" i="1"/>
  <c r="AF138247" i="1"/>
  <c r="AF138248" i="1"/>
  <c r="AF138249" i="1"/>
  <c r="AF138250" i="1"/>
  <c r="AF138251" i="1"/>
  <c r="AF138252" i="1"/>
  <c r="AF138253" i="1"/>
  <c r="AF138254" i="1"/>
  <c r="AF138255" i="1"/>
  <c r="AF138256" i="1"/>
  <c r="AF138257" i="1"/>
  <c r="AF138258" i="1"/>
  <c r="AF138259" i="1"/>
  <c r="AF138260" i="1"/>
  <c r="AF138261" i="1"/>
  <c r="AF138262" i="1"/>
  <c r="AF138263" i="1"/>
  <c r="AF138264" i="1"/>
  <c r="AF138265" i="1"/>
  <c r="AF138266" i="1"/>
  <c r="AF138267" i="1"/>
  <c r="AF138268" i="1"/>
  <c r="AF138269" i="1"/>
  <c r="AF138270" i="1"/>
  <c r="AF138271" i="1"/>
  <c r="AF138272" i="1"/>
  <c r="AF138273" i="1"/>
  <c r="AF138274" i="1"/>
  <c r="AF138275" i="1"/>
  <c r="AF138276" i="1"/>
  <c r="AF138277" i="1"/>
  <c r="AF138278" i="1"/>
  <c r="AF138279" i="1"/>
  <c r="AF138280" i="1"/>
  <c r="AF138281" i="1"/>
  <c r="AF138282" i="1"/>
  <c r="AF138283" i="1"/>
  <c r="AF138284" i="1"/>
  <c r="AF138285" i="1"/>
  <c r="AF138286" i="1"/>
  <c r="AF138287" i="1"/>
  <c r="AF138288" i="1"/>
  <c r="AF138289" i="1"/>
  <c r="AF138290" i="1"/>
  <c r="AF138291" i="1"/>
  <c r="AF138292" i="1"/>
  <c r="AF138293" i="1"/>
  <c r="AF138294" i="1"/>
  <c r="AF138295" i="1"/>
  <c r="AF138296" i="1"/>
  <c r="AF138297" i="1"/>
  <c r="AF138298" i="1"/>
  <c r="AF138299" i="1"/>
  <c r="AF138300" i="1"/>
  <c r="AF138301" i="1"/>
  <c r="AF138302" i="1"/>
  <c r="AF138303" i="1"/>
  <c r="AF138304" i="1"/>
  <c r="AF138305" i="1"/>
  <c r="AF138306" i="1"/>
  <c r="AF138307" i="1"/>
  <c r="AF138308" i="1"/>
  <c r="AF138309" i="1"/>
  <c r="AF138310" i="1"/>
  <c r="AF138311" i="1"/>
  <c r="AF138312" i="1"/>
  <c r="AF138313" i="1"/>
  <c r="AF138314" i="1"/>
  <c r="AF138315" i="1"/>
  <c r="AF138316" i="1"/>
  <c r="AF138317" i="1"/>
  <c r="AF138318" i="1"/>
  <c r="AF138319" i="1"/>
  <c r="AF138320" i="1"/>
  <c r="AF138321" i="1"/>
  <c r="AF138322" i="1"/>
  <c r="AF138323" i="1"/>
  <c r="AF138324" i="1"/>
  <c r="AF138325" i="1"/>
  <c r="AF138326" i="1"/>
  <c r="AF138327" i="1"/>
  <c r="AF138328" i="1"/>
  <c r="AF138329" i="1"/>
  <c r="AF138330" i="1"/>
  <c r="AF138331" i="1"/>
  <c r="AF138332" i="1"/>
  <c r="AF138333" i="1"/>
  <c r="AF138334" i="1"/>
  <c r="AF138335" i="1"/>
  <c r="AF138336" i="1"/>
  <c r="AF138337" i="1"/>
  <c r="AF138338" i="1"/>
  <c r="AF138339" i="1"/>
  <c r="AF138340" i="1"/>
  <c r="AF138341" i="1"/>
  <c r="AF138342" i="1"/>
  <c r="AF138343" i="1"/>
  <c r="AF138344" i="1"/>
  <c r="AF138345" i="1"/>
  <c r="AF138346" i="1"/>
  <c r="AF138347" i="1"/>
  <c r="AF138348" i="1"/>
  <c r="AF138349" i="1"/>
  <c r="AF138350" i="1"/>
  <c r="AF138351" i="1"/>
  <c r="AF138352" i="1"/>
  <c r="AF138353" i="1"/>
  <c r="AF138354" i="1"/>
  <c r="AF138355" i="1"/>
  <c r="AF138356" i="1"/>
  <c r="AF138357" i="1"/>
  <c r="AF138358" i="1"/>
  <c r="AF138359" i="1"/>
  <c r="AF138360" i="1"/>
  <c r="AF138361" i="1"/>
  <c r="AF138362" i="1"/>
  <c r="AF138363" i="1"/>
  <c r="AF138364" i="1"/>
  <c r="AF138365" i="1"/>
  <c r="AF138366" i="1"/>
  <c r="AF138367" i="1"/>
  <c r="AF138368" i="1"/>
  <c r="AF138369" i="1"/>
  <c r="AF138370" i="1"/>
  <c r="AF138371" i="1"/>
  <c r="AF138372" i="1"/>
  <c r="AF138373" i="1"/>
  <c r="AF138374" i="1"/>
  <c r="AF138375" i="1"/>
  <c r="AF138376" i="1"/>
  <c r="AF138377" i="1"/>
  <c r="AF138378" i="1"/>
  <c r="AF138379" i="1"/>
  <c r="AF138380" i="1"/>
  <c r="AF138381" i="1"/>
  <c r="AF138382" i="1"/>
  <c r="AF138383" i="1"/>
  <c r="AF138384" i="1"/>
  <c r="AF138385" i="1"/>
  <c r="AF138386" i="1"/>
  <c r="AF138387" i="1"/>
  <c r="AF138388" i="1"/>
  <c r="AF138389" i="1"/>
  <c r="AF138390" i="1"/>
  <c r="AF138391" i="1"/>
  <c r="AF138392" i="1"/>
  <c r="AF138393" i="1"/>
  <c r="AF138394" i="1"/>
  <c r="AF138395" i="1"/>
  <c r="AF138396" i="1"/>
  <c r="AF138397" i="1"/>
  <c r="AF138398" i="1"/>
  <c r="AF138399" i="1"/>
  <c r="AF138400" i="1"/>
  <c r="AF138401" i="1"/>
  <c r="AF138402" i="1"/>
  <c r="AF138403" i="1"/>
  <c r="AF138404" i="1"/>
  <c r="AF138405" i="1"/>
  <c r="AF138406" i="1"/>
  <c r="AF138407" i="1"/>
  <c r="AF138408" i="1"/>
  <c r="AF138409" i="1"/>
  <c r="AF138410" i="1"/>
  <c r="AF138411" i="1"/>
  <c r="AF138412" i="1"/>
  <c r="AF138413" i="1"/>
  <c r="AF138414" i="1"/>
  <c r="AF138415" i="1"/>
  <c r="AF138416" i="1"/>
  <c r="AF138417" i="1"/>
  <c r="AF138418" i="1"/>
  <c r="AF138419" i="1"/>
  <c r="AF138420" i="1"/>
  <c r="AF138421" i="1"/>
  <c r="AF138422" i="1"/>
  <c r="AF138423" i="1"/>
  <c r="AF138424" i="1"/>
  <c r="AF138425" i="1"/>
  <c r="AF138426" i="1"/>
  <c r="AF138427" i="1"/>
  <c r="AF138428" i="1"/>
  <c r="AF138429" i="1"/>
  <c r="AF138430" i="1"/>
  <c r="AF138431" i="1"/>
  <c r="AF138432" i="1"/>
  <c r="AF138433" i="1"/>
  <c r="AF138434" i="1"/>
  <c r="AF138435" i="1"/>
  <c r="AF138436" i="1"/>
  <c r="AF138437" i="1"/>
  <c r="AF138438" i="1"/>
  <c r="AF138439" i="1"/>
  <c r="AF138440" i="1"/>
  <c r="AF138441" i="1"/>
  <c r="AF138442" i="1"/>
  <c r="AF138443" i="1"/>
  <c r="AF138444" i="1"/>
  <c r="AF138445" i="1"/>
  <c r="AF138446" i="1"/>
  <c r="AF138447" i="1"/>
  <c r="AF138448" i="1"/>
  <c r="AF138449" i="1"/>
  <c r="AF138450" i="1"/>
  <c r="AF138451" i="1"/>
  <c r="AF138452" i="1"/>
  <c r="AF138453" i="1"/>
  <c r="AF138454" i="1"/>
  <c r="AF138455" i="1"/>
  <c r="AF138456" i="1"/>
  <c r="AF138457" i="1"/>
  <c r="AF138458" i="1"/>
  <c r="AF138459" i="1"/>
  <c r="AF138460" i="1"/>
  <c r="AF138461" i="1"/>
  <c r="AF138462" i="1"/>
  <c r="AF138463" i="1"/>
  <c r="AF138464" i="1"/>
  <c r="AF138465" i="1"/>
  <c r="AF138466" i="1"/>
  <c r="AF138467" i="1"/>
  <c r="AF138468" i="1"/>
  <c r="AF138469" i="1"/>
  <c r="AF138470" i="1"/>
  <c r="AF138471" i="1"/>
  <c r="AF138472" i="1"/>
  <c r="AF138473" i="1"/>
  <c r="AF138474" i="1"/>
  <c r="AF138475" i="1"/>
  <c r="AF138476" i="1"/>
  <c r="AF138477" i="1"/>
  <c r="AF138478" i="1"/>
  <c r="AF138479" i="1"/>
  <c r="AF138480" i="1"/>
  <c r="AF138481" i="1"/>
  <c r="AF138482" i="1"/>
  <c r="AF138483" i="1"/>
  <c r="AF138484" i="1"/>
  <c r="AF138485" i="1"/>
  <c r="AF138486" i="1"/>
  <c r="AF138487" i="1"/>
  <c r="AF138488" i="1"/>
  <c r="AF138489" i="1"/>
  <c r="AF138490" i="1"/>
  <c r="AF138491" i="1"/>
  <c r="AF138492" i="1"/>
  <c r="AF138493" i="1"/>
  <c r="AF138494" i="1"/>
  <c r="AF138495" i="1"/>
  <c r="AF138496" i="1"/>
  <c r="AF138497" i="1"/>
  <c r="AF138498" i="1"/>
  <c r="AF138499" i="1"/>
  <c r="AF138500" i="1"/>
  <c r="AF138501" i="1"/>
  <c r="AF138502" i="1"/>
  <c r="AF138503" i="1"/>
  <c r="AF138504" i="1"/>
  <c r="AF138505" i="1"/>
  <c r="AF138506" i="1"/>
  <c r="AF138507" i="1"/>
  <c r="AF138508" i="1"/>
  <c r="AF138509" i="1"/>
  <c r="AF138510" i="1"/>
  <c r="AF138511" i="1"/>
  <c r="AF138512" i="1"/>
  <c r="AF138513" i="1"/>
  <c r="AF138514" i="1"/>
  <c r="AF138515" i="1"/>
  <c r="AF138516" i="1"/>
  <c r="AF138517" i="1"/>
  <c r="AF138518" i="1"/>
  <c r="AF138519" i="1"/>
  <c r="AF138520" i="1"/>
  <c r="AF138521" i="1"/>
  <c r="AF138522" i="1"/>
  <c r="AF138523" i="1"/>
  <c r="AF138524" i="1"/>
  <c r="AF138525" i="1"/>
  <c r="AF138526" i="1"/>
  <c r="AF138527" i="1"/>
  <c r="AF138528" i="1"/>
  <c r="AF138529" i="1"/>
  <c r="AF138530" i="1"/>
  <c r="AF138531" i="1"/>
  <c r="AF138532" i="1"/>
  <c r="AF138533" i="1"/>
  <c r="AF138534" i="1"/>
  <c r="AF138535" i="1"/>
  <c r="AF138536" i="1"/>
  <c r="AF138537" i="1"/>
  <c r="AF138538" i="1"/>
  <c r="AF138539" i="1"/>
  <c r="AF138540" i="1"/>
  <c r="AF138541" i="1"/>
  <c r="AF138542" i="1"/>
  <c r="AF138543" i="1"/>
  <c r="AF138544" i="1"/>
  <c r="AF138545" i="1"/>
  <c r="AF138546" i="1"/>
  <c r="AF138547" i="1"/>
  <c r="AF138548" i="1"/>
  <c r="AF138549" i="1"/>
  <c r="AF138550" i="1"/>
  <c r="AF138551" i="1"/>
  <c r="AF138552" i="1"/>
  <c r="AF138553" i="1"/>
  <c r="AF138554" i="1"/>
  <c r="AF138555" i="1"/>
  <c r="AF138556" i="1"/>
  <c r="AF138557" i="1"/>
  <c r="AF138558" i="1"/>
  <c r="AF138559" i="1"/>
  <c r="AF138560" i="1"/>
  <c r="AF138561" i="1"/>
  <c r="AF138562" i="1"/>
  <c r="AF138563" i="1"/>
  <c r="AF138564" i="1"/>
  <c r="AF138565" i="1"/>
  <c r="AF138566" i="1"/>
  <c r="AF138567" i="1"/>
  <c r="AF138568" i="1"/>
  <c r="AF138569" i="1"/>
  <c r="AF138570" i="1"/>
  <c r="AF138571" i="1"/>
  <c r="AF138572" i="1"/>
  <c r="AF138573" i="1"/>
  <c r="AF138574" i="1"/>
  <c r="AF138575" i="1"/>
  <c r="AF138576" i="1"/>
  <c r="AF138577" i="1"/>
  <c r="AF138578" i="1"/>
  <c r="AF138579" i="1"/>
  <c r="AF138580" i="1"/>
  <c r="AF138581" i="1"/>
  <c r="AF138582" i="1"/>
  <c r="AF138583" i="1"/>
  <c r="AF138584" i="1"/>
  <c r="AF138585" i="1"/>
  <c r="AF138586" i="1"/>
  <c r="AF138587" i="1"/>
  <c r="AF138588" i="1"/>
  <c r="AF138589" i="1"/>
  <c r="AF138590" i="1"/>
  <c r="AF138591" i="1"/>
  <c r="AF138592" i="1"/>
  <c r="AF138593" i="1"/>
  <c r="AF138594" i="1"/>
  <c r="AF138595" i="1"/>
  <c r="AF138596" i="1"/>
  <c r="AF138597" i="1"/>
  <c r="AF138598" i="1"/>
  <c r="AF138599" i="1"/>
  <c r="AF138600" i="1"/>
  <c r="AF138601" i="1"/>
  <c r="AF138602" i="1"/>
  <c r="AF138603" i="1"/>
  <c r="AF138604" i="1"/>
  <c r="AF138605" i="1"/>
  <c r="AF138606" i="1"/>
  <c r="AF138607" i="1"/>
  <c r="AF138608" i="1"/>
  <c r="AF138609" i="1"/>
  <c r="AF138610" i="1"/>
  <c r="AF138611" i="1"/>
  <c r="AF138612" i="1"/>
  <c r="AF138613" i="1"/>
  <c r="AF138614" i="1"/>
  <c r="AF138615" i="1"/>
  <c r="AF138616" i="1"/>
  <c r="AF138617" i="1"/>
  <c r="AF138618" i="1"/>
  <c r="AF138619" i="1"/>
  <c r="AF138620" i="1"/>
  <c r="AF138621" i="1"/>
  <c r="AF138622" i="1"/>
  <c r="AF138623" i="1"/>
  <c r="AF138624" i="1"/>
  <c r="AF138625" i="1"/>
  <c r="AF138626" i="1"/>
  <c r="AF138627" i="1"/>
  <c r="AF138628" i="1"/>
  <c r="AF138629" i="1"/>
  <c r="AF138630" i="1"/>
  <c r="AF138631" i="1"/>
  <c r="AF138632" i="1"/>
  <c r="AF138633" i="1"/>
  <c r="AF138634" i="1"/>
  <c r="AF138635" i="1"/>
  <c r="AF138636" i="1"/>
  <c r="AF138637" i="1"/>
  <c r="AF138638" i="1"/>
  <c r="AF138639" i="1"/>
  <c r="AF138640" i="1"/>
  <c r="AF138641" i="1"/>
  <c r="AF138642" i="1"/>
  <c r="AF138643" i="1"/>
  <c r="AF138644" i="1"/>
  <c r="AF138645" i="1"/>
  <c r="AF138646" i="1"/>
  <c r="AF138647" i="1"/>
  <c r="AF138648" i="1"/>
  <c r="AF138649" i="1"/>
  <c r="AF138650" i="1"/>
  <c r="AF138651" i="1"/>
  <c r="AF138652" i="1"/>
  <c r="AF138653" i="1"/>
  <c r="AF138654" i="1"/>
  <c r="AF138655" i="1"/>
  <c r="AF138656" i="1"/>
  <c r="AF138657" i="1"/>
  <c r="AF138658" i="1"/>
  <c r="AF138659" i="1"/>
  <c r="AF138660" i="1"/>
  <c r="AF138661" i="1"/>
  <c r="AF138662" i="1"/>
  <c r="AF138663" i="1"/>
  <c r="AF138664" i="1"/>
  <c r="AF138665" i="1"/>
  <c r="AF138666" i="1"/>
  <c r="AF138667" i="1"/>
  <c r="AF138668" i="1"/>
  <c r="AF138669" i="1"/>
  <c r="AF138670" i="1"/>
  <c r="AF138671" i="1"/>
  <c r="AF138672" i="1"/>
  <c r="AF138673" i="1"/>
  <c r="AF138674" i="1"/>
  <c r="AF138675" i="1"/>
  <c r="AF138676" i="1"/>
  <c r="AF138677" i="1"/>
  <c r="AF138678" i="1"/>
  <c r="AF138679" i="1"/>
  <c r="AF138680" i="1"/>
  <c r="AF138681" i="1"/>
  <c r="AF138682" i="1"/>
  <c r="AF138683" i="1"/>
  <c r="AF138684" i="1"/>
  <c r="AF138685" i="1"/>
  <c r="AF138686" i="1"/>
  <c r="AF138687" i="1"/>
  <c r="AF138688" i="1"/>
  <c r="AF138689" i="1"/>
  <c r="AF138690" i="1"/>
  <c r="AF138691" i="1"/>
  <c r="AF138692" i="1"/>
  <c r="AF138693" i="1"/>
  <c r="AF138694" i="1"/>
  <c r="AF138695" i="1"/>
  <c r="AF138696" i="1"/>
  <c r="AF138697" i="1"/>
  <c r="AF138698" i="1"/>
  <c r="AF138699" i="1"/>
  <c r="AF138700" i="1"/>
  <c r="AF138701" i="1"/>
  <c r="AF138702" i="1"/>
  <c r="AF138703" i="1"/>
  <c r="AF138704" i="1"/>
  <c r="AF138705" i="1"/>
  <c r="AF138706" i="1"/>
  <c r="AF138707" i="1"/>
  <c r="AF138708" i="1"/>
  <c r="AF138709" i="1"/>
  <c r="AF138710" i="1"/>
  <c r="AF138711" i="1"/>
  <c r="AF138712" i="1"/>
  <c r="AF138713" i="1"/>
  <c r="AF138714" i="1"/>
  <c r="AF138715" i="1"/>
  <c r="AF138716" i="1"/>
  <c r="AF138717" i="1"/>
  <c r="AF138718" i="1"/>
  <c r="AF138719" i="1"/>
  <c r="AF138720" i="1"/>
  <c r="AF138721" i="1"/>
  <c r="AF138722" i="1"/>
  <c r="AF138723" i="1"/>
  <c r="AF138724" i="1"/>
  <c r="AF138725" i="1"/>
  <c r="AF138726" i="1"/>
  <c r="AF138727" i="1"/>
  <c r="AF138728" i="1"/>
  <c r="AF138729" i="1"/>
  <c r="AF138730" i="1"/>
  <c r="AF138731" i="1"/>
  <c r="AF138732" i="1"/>
  <c r="AF138733" i="1"/>
  <c r="AF138734" i="1"/>
  <c r="AF138735" i="1"/>
  <c r="AF138736" i="1"/>
  <c r="AF138737" i="1"/>
  <c r="AF138738" i="1"/>
  <c r="AF138739" i="1"/>
  <c r="AF138740" i="1"/>
  <c r="AF138741" i="1"/>
  <c r="AF138742" i="1"/>
  <c r="AF138743" i="1"/>
  <c r="AF138744" i="1"/>
  <c r="AF138745" i="1"/>
  <c r="AF138746" i="1"/>
  <c r="AF138747" i="1"/>
  <c r="AF138748" i="1"/>
  <c r="AF138749" i="1"/>
  <c r="AF138750" i="1"/>
  <c r="AF138751" i="1"/>
  <c r="AF138752" i="1"/>
  <c r="AF138753" i="1"/>
  <c r="AF138754" i="1"/>
  <c r="AF138755" i="1"/>
  <c r="AF138756" i="1"/>
  <c r="AF138757" i="1"/>
  <c r="AF138758" i="1"/>
  <c r="AF138759" i="1"/>
  <c r="AF138760" i="1"/>
  <c r="AF138761" i="1"/>
  <c r="AF138762" i="1"/>
  <c r="AF138763" i="1"/>
  <c r="AF138764" i="1"/>
  <c r="AF138765" i="1"/>
  <c r="AF138766" i="1"/>
  <c r="AF138767" i="1"/>
  <c r="AF138768" i="1"/>
  <c r="AF138769" i="1"/>
  <c r="AF138770" i="1"/>
  <c r="AF138771" i="1"/>
  <c r="AF138772" i="1"/>
  <c r="AF138773" i="1"/>
  <c r="AF138774" i="1"/>
  <c r="AF138775" i="1"/>
  <c r="AF138776" i="1"/>
  <c r="AF138777" i="1"/>
  <c r="AF138778" i="1"/>
  <c r="AF138779" i="1"/>
  <c r="AF138780" i="1"/>
  <c r="AF138781" i="1"/>
  <c r="AF138782" i="1"/>
  <c r="AF138783" i="1"/>
  <c r="AF138784" i="1"/>
  <c r="AF138785" i="1"/>
  <c r="AF138786" i="1"/>
  <c r="AF138787" i="1"/>
  <c r="AF138788" i="1"/>
  <c r="AF138789" i="1"/>
  <c r="AF138790" i="1"/>
  <c r="AF138791" i="1"/>
  <c r="AF138792" i="1"/>
  <c r="AF138793" i="1"/>
  <c r="AF138794" i="1"/>
  <c r="AF138795" i="1"/>
  <c r="AF138796" i="1"/>
  <c r="AF138797" i="1"/>
  <c r="AF138798" i="1"/>
  <c r="AF138799" i="1"/>
  <c r="AF138800" i="1"/>
  <c r="AF138801" i="1"/>
  <c r="AF138802" i="1"/>
  <c r="AF138803" i="1"/>
  <c r="AF138804" i="1"/>
  <c r="AF138805" i="1"/>
  <c r="AF138806" i="1"/>
  <c r="AF138807" i="1"/>
  <c r="AF138808" i="1"/>
  <c r="AF138809" i="1"/>
  <c r="AF138810" i="1"/>
  <c r="AF138811" i="1"/>
  <c r="AF138812" i="1"/>
  <c r="AF138813" i="1"/>
  <c r="AF138814" i="1"/>
  <c r="AF138815" i="1"/>
  <c r="AF138816" i="1"/>
  <c r="AF138817" i="1"/>
  <c r="AF138818" i="1"/>
  <c r="AF138819" i="1"/>
  <c r="AF138820" i="1"/>
  <c r="AF138821" i="1"/>
  <c r="AF138822" i="1"/>
  <c r="AF138823" i="1"/>
  <c r="AF138824" i="1"/>
  <c r="AF138825" i="1"/>
  <c r="AF138826" i="1"/>
  <c r="AF138827" i="1"/>
  <c r="AF138828" i="1"/>
  <c r="AF138829" i="1"/>
  <c r="AF138830" i="1"/>
  <c r="AF138831" i="1"/>
  <c r="AF138832" i="1"/>
  <c r="AF138833" i="1"/>
  <c r="AF138834" i="1"/>
  <c r="AF138835" i="1"/>
  <c r="AF138836" i="1"/>
  <c r="AF138837" i="1"/>
  <c r="AF138838" i="1"/>
  <c r="AF138839" i="1"/>
  <c r="AF138840" i="1"/>
  <c r="AF138841" i="1"/>
  <c r="AF138842" i="1"/>
  <c r="AF138843" i="1"/>
  <c r="AF138844" i="1"/>
  <c r="AF138845" i="1"/>
  <c r="AF138846" i="1"/>
  <c r="AF138847" i="1"/>
  <c r="AF138848" i="1"/>
  <c r="AF138849" i="1"/>
  <c r="AF138850" i="1"/>
  <c r="AF138851" i="1"/>
  <c r="AF138852" i="1"/>
  <c r="AF138853" i="1"/>
  <c r="AF138854" i="1"/>
  <c r="AF138855" i="1"/>
  <c r="AF138856" i="1"/>
  <c r="AF138857" i="1"/>
  <c r="AF138858" i="1"/>
  <c r="AF138859" i="1"/>
  <c r="AF138860" i="1"/>
  <c r="AF138861" i="1"/>
  <c r="AF138862" i="1"/>
  <c r="AF138863" i="1"/>
  <c r="AF138864" i="1"/>
  <c r="AF138865" i="1"/>
  <c r="AF138866" i="1"/>
  <c r="AF138867" i="1"/>
  <c r="AF138868" i="1"/>
  <c r="AF138869" i="1"/>
  <c r="AF138870" i="1"/>
  <c r="AF138871" i="1"/>
  <c r="AF138872" i="1"/>
  <c r="AF138873" i="1"/>
  <c r="AF138874" i="1"/>
  <c r="AF138875" i="1"/>
  <c r="AF138876" i="1"/>
  <c r="AF138877" i="1"/>
  <c r="AF138878" i="1"/>
  <c r="AF138879" i="1"/>
  <c r="AF138880" i="1"/>
  <c r="AF138881" i="1"/>
  <c r="AF138882" i="1"/>
  <c r="AF138883" i="1"/>
  <c r="AF138884" i="1"/>
  <c r="AF138885" i="1"/>
  <c r="AF138886" i="1"/>
  <c r="AF138887" i="1"/>
  <c r="AF138888" i="1"/>
  <c r="AF138889" i="1"/>
  <c r="AF138890" i="1"/>
  <c r="AF138891" i="1"/>
  <c r="AF138892" i="1"/>
  <c r="AF138893" i="1"/>
  <c r="AF138894" i="1"/>
  <c r="AF138895" i="1"/>
  <c r="AF138896" i="1"/>
  <c r="AF138897" i="1"/>
  <c r="AF138898" i="1"/>
  <c r="AF138899" i="1"/>
  <c r="AF138900" i="1"/>
  <c r="AF138901" i="1"/>
  <c r="AF138902" i="1"/>
  <c r="AF138903" i="1"/>
  <c r="AF138904" i="1"/>
  <c r="AF138905" i="1"/>
  <c r="AF138906" i="1"/>
  <c r="AF138907" i="1"/>
  <c r="AF138908" i="1"/>
  <c r="AF138909" i="1"/>
  <c r="AF138910" i="1"/>
  <c r="AF138911" i="1"/>
  <c r="AF138912" i="1"/>
  <c r="AF138913" i="1"/>
  <c r="AF138914" i="1"/>
  <c r="AF138915" i="1"/>
  <c r="AF138916" i="1"/>
  <c r="AF138917" i="1"/>
  <c r="AF138918" i="1"/>
  <c r="AF138919" i="1"/>
  <c r="AF138920" i="1"/>
  <c r="AF138921" i="1"/>
  <c r="AF138922" i="1"/>
  <c r="AF138923" i="1"/>
  <c r="AF138924" i="1"/>
  <c r="AF138925" i="1"/>
  <c r="AF138926" i="1"/>
  <c r="AF138927" i="1"/>
  <c r="AF138928" i="1"/>
  <c r="AF138929" i="1"/>
  <c r="AF138930" i="1"/>
  <c r="AF138931" i="1"/>
  <c r="AF138932" i="1"/>
  <c r="AF138933" i="1"/>
  <c r="AF138934" i="1"/>
  <c r="AF138935" i="1"/>
  <c r="AF138936" i="1"/>
  <c r="AF138937" i="1"/>
  <c r="AF138938" i="1"/>
  <c r="AF138939" i="1"/>
  <c r="AF138940" i="1"/>
  <c r="AF138941" i="1"/>
  <c r="AF138942" i="1"/>
  <c r="AF138943" i="1"/>
  <c r="AF138944" i="1"/>
  <c r="AF138945" i="1"/>
  <c r="AF138946" i="1"/>
  <c r="AF138947" i="1"/>
  <c r="AF138948" i="1"/>
  <c r="AF138949" i="1"/>
  <c r="AF138950" i="1"/>
  <c r="AF138951" i="1"/>
  <c r="AF138952" i="1"/>
  <c r="AF138953" i="1"/>
  <c r="AF138954" i="1"/>
  <c r="AF138955" i="1"/>
  <c r="AF138956" i="1"/>
  <c r="AF138957" i="1"/>
  <c r="AF138958" i="1"/>
  <c r="AF138959" i="1"/>
  <c r="AF138960" i="1"/>
  <c r="AF138961" i="1"/>
  <c r="AF138962" i="1"/>
  <c r="AF138963" i="1"/>
  <c r="AF138964" i="1"/>
  <c r="AF138965" i="1"/>
  <c r="AF138966" i="1"/>
  <c r="AF138967" i="1"/>
  <c r="AF138968" i="1"/>
  <c r="AF138969" i="1"/>
  <c r="AF138970" i="1"/>
  <c r="AF138971" i="1"/>
  <c r="AF138972" i="1"/>
  <c r="AF138973" i="1"/>
  <c r="AF138974" i="1"/>
  <c r="AF138975" i="1"/>
  <c r="AF138976" i="1"/>
  <c r="AF138977" i="1"/>
  <c r="AF138978" i="1"/>
  <c r="AF138979" i="1"/>
  <c r="AF138980" i="1"/>
  <c r="AF138981" i="1"/>
  <c r="AF138982" i="1"/>
  <c r="AF138983" i="1"/>
  <c r="AF138984" i="1"/>
  <c r="AF138985" i="1"/>
  <c r="AF138986" i="1"/>
  <c r="AF138987" i="1"/>
  <c r="AF138988" i="1"/>
  <c r="AF138989" i="1"/>
  <c r="AF138990" i="1"/>
  <c r="AF138991" i="1"/>
  <c r="AF138992" i="1"/>
  <c r="AF138993" i="1"/>
  <c r="AF138994" i="1"/>
  <c r="AF138995" i="1"/>
  <c r="AF138996" i="1"/>
  <c r="AF138997" i="1"/>
  <c r="AF138998" i="1"/>
  <c r="AF138999" i="1"/>
  <c r="AF139000" i="1"/>
  <c r="AF139001" i="1"/>
  <c r="AF139002" i="1"/>
  <c r="AF139003" i="1"/>
  <c r="AF139004" i="1"/>
  <c r="AF139005" i="1"/>
  <c r="AF139006" i="1"/>
  <c r="AF139007" i="1"/>
  <c r="AF139008" i="1"/>
  <c r="AF139009" i="1"/>
  <c r="AF139010" i="1"/>
  <c r="AF139011" i="1"/>
  <c r="AF139012" i="1"/>
  <c r="AF139013" i="1"/>
  <c r="AF139014" i="1"/>
  <c r="AF139015" i="1"/>
  <c r="AF139016" i="1"/>
  <c r="AF139017" i="1"/>
  <c r="AF139018" i="1"/>
  <c r="AF139019" i="1"/>
  <c r="AF139020" i="1"/>
  <c r="AF139021" i="1"/>
  <c r="AF139022" i="1"/>
  <c r="AF139023" i="1"/>
  <c r="AF139024" i="1"/>
  <c r="AF139025" i="1"/>
  <c r="AF139026" i="1"/>
  <c r="AF139027" i="1"/>
  <c r="AF139028" i="1"/>
  <c r="AF139029" i="1"/>
  <c r="AF139030" i="1"/>
  <c r="AF139031" i="1"/>
  <c r="AF139032" i="1"/>
  <c r="AF139033" i="1"/>
  <c r="AF139034" i="1"/>
  <c r="AF139035" i="1"/>
  <c r="AF139036" i="1"/>
  <c r="AF139037" i="1"/>
  <c r="AF139038" i="1"/>
  <c r="AF139039" i="1"/>
  <c r="AF139040" i="1"/>
  <c r="AF139041" i="1"/>
  <c r="AF139042" i="1"/>
  <c r="AF139043" i="1"/>
  <c r="AF139044" i="1"/>
  <c r="AF139045" i="1"/>
  <c r="AF139046" i="1"/>
  <c r="AF139047" i="1"/>
  <c r="AF139048" i="1"/>
  <c r="AF139049" i="1"/>
  <c r="AF139050" i="1"/>
  <c r="AF139051" i="1"/>
  <c r="AF139052" i="1"/>
  <c r="AF139053" i="1"/>
  <c r="AF139054" i="1"/>
  <c r="AF139055" i="1"/>
  <c r="AF139056" i="1"/>
  <c r="AF139057" i="1"/>
  <c r="AF139058" i="1"/>
  <c r="AF139059" i="1"/>
  <c r="AF139060" i="1"/>
  <c r="AF139061" i="1"/>
  <c r="AF139062" i="1"/>
  <c r="AF139063" i="1"/>
  <c r="AF139064" i="1"/>
  <c r="AF139065" i="1"/>
  <c r="AF139066" i="1"/>
  <c r="AF139067" i="1"/>
  <c r="AF139068" i="1"/>
  <c r="AF139069" i="1"/>
  <c r="AF139070" i="1"/>
  <c r="AF139071" i="1"/>
  <c r="AF139072" i="1"/>
  <c r="AF139073" i="1"/>
  <c r="AF139074" i="1"/>
  <c r="AF139075" i="1"/>
  <c r="AF139076" i="1"/>
  <c r="AF139077" i="1"/>
  <c r="AF139078" i="1"/>
  <c r="AF139079" i="1"/>
  <c r="AF139080" i="1"/>
  <c r="AF139081" i="1"/>
  <c r="AF139082" i="1"/>
  <c r="AF139083" i="1"/>
  <c r="AF139084" i="1"/>
  <c r="AF139085" i="1"/>
  <c r="AF139086" i="1"/>
  <c r="AF139087" i="1"/>
  <c r="AF139088" i="1"/>
  <c r="AF139089" i="1"/>
  <c r="AF139090" i="1"/>
  <c r="AF139091" i="1"/>
  <c r="AF139092" i="1"/>
  <c r="AF139093" i="1"/>
  <c r="AF139094" i="1"/>
  <c r="AF139095" i="1"/>
  <c r="AF139096" i="1"/>
  <c r="AF139097" i="1"/>
  <c r="AF139098" i="1"/>
  <c r="AF139099" i="1"/>
  <c r="AF139100" i="1"/>
  <c r="AF139101" i="1"/>
  <c r="AF139102" i="1"/>
  <c r="AF139103" i="1"/>
  <c r="AF139104" i="1"/>
  <c r="AF139105" i="1"/>
  <c r="AF139106" i="1"/>
  <c r="AF139107" i="1"/>
  <c r="AF139108" i="1"/>
  <c r="AF139109" i="1"/>
  <c r="AF139110" i="1"/>
  <c r="AF139111" i="1"/>
  <c r="AF139112" i="1"/>
  <c r="AF139113" i="1"/>
  <c r="AF139114" i="1"/>
  <c r="AF139115" i="1"/>
  <c r="AF139116" i="1"/>
  <c r="AF139117" i="1"/>
  <c r="AF139118" i="1"/>
  <c r="AF139119" i="1"/>
  <c r="AF139120" i="1"/>
  <c r="AF139121" i="1"/>
  <c r="AF139122" i="1"/>
  <c r="AF139123" i="1"/>
  <c r="AF139124" i="1"/>
  <c r="AF139125" i="1"/>
  <c r="AF139126" i="1"/>
  <c r="AF139127" i="1"/>
  <c r="AF139128" i="1"/>
  <c r="AF139129" i="1"/>
  <c r="AF139130" i="1"/>
  <c r="AF139131" i="1"/>
  <c r="AF139132" i="1"/>
  <c r="AF139133" i="1"/>
  <c r="AF139134" i="1"/>
  <c r="AF139135" i="1"/>
  <c r="AF139136" i="1"/>
  <c r="AF139137" i="1"/>
  <c r="AF139138" i="1"/>
  <c r="AF139139" i="1"/>
  <c r="AF139140" i="1"/>
  <c r="AF139141" i="1"/>
  <c r="AF139142" i="1"/>
  <c r="AF139143" i="1"/>
  <c r="AF139144" i="1"/>
  <c r="AF139145" i="1"/>
  <c r="AF139146" i="1"/>
  <c r="AF139147" i="1"/>
  <c r="AF139148" i="1"/>
  <c r="AF139149" i="1"/>
  <c r="AF139150" i="1"/>
  <c r="AF139151" i="1"/>
  <c r="AF139152" i="1"/>
  <c r="AF139153" i="1"/>
  <c r="AF139154" i="1"/>
  <c r="AF139155" i="1"/>
  <c r="AF139156" i="1"/>
  <c r="AF139157" i="1"/>
  <c r="AF139158" i="1"/>
  <c r="AF139159" i="1"/>
  <c r="AF139160" i="1"/>
  <c r="AF139161" i="1"/>
  <c r="AF139162" i="1"/>
  <c r="AF139163" i="1"/>
  <c r="AF139164" i="1"/>
  <c r="AF139165" i="1"/>
  <c r="AF139166" i="1"/>
  <c r="AF139167" i="1"/>
  <c r="AF139168" i="1"/>
  <c r="AF139169" i="1"/>
  <c r="AF139170" i="1"/>
  <c r="AF139171" i="1"/>
  <c r="AF139172" i="1"/>
  <c r="AF139173" i="1"/>
  <c r="AF139174" i="1"/>
  <c r="AF139175" i="1"/>
  <c r="AF139176" i="1"/>
  <c r="AF139177" i="1"/>
  <c r="AF139178" i="1"/>
  <c r="AF139179" i="1"/>
  <c r="AF139180" i="1"/>
  <c r="AF139181" i="1"/>
  <c r="AF139182" i="1"/>
  <c r="AF139183" i="1"/>
  <c r="AF139184" i="1"/>
  <c r="AF139185" i="1"/>
  <c r="AF139186" i="1"/>
  <c r="AF139187" i="1"/>
  <c r="AF139188" i="1"/>
  <c r="AF139189" i="1"/>
  <c r="AF139190" i="1"/>
  <c r="AF139191" i="1"/>
  <c r="AF139192" i="1"/>
  <c r="AF139193" i="1"/>
  <c r="AF139194" i="1"/>
  <c r="AF139195" i="1"/>
  <c r="AF139196" i="1"/>
  <c r="AF139197" i="1"/>
  <c r="AF139198" i="1"/>
  <c r="AF139199" i="1"/>
  <c r="AF139200" i="1"/>
  <c r="AF139201" i="1"/>
  <c r="AF139202" i="1"/>
  <c r="AF139203" i="1"/>
  <c r="AF139204" i="1"/>
  <c r="AF139205" i="1"/>
  <c r="AF139206" i="1"/>
  <c r="AF139207" i="1"/>
  <c r="AF139208" i="1"/>
  <c r="AF139209" i="1"/>
  <c r="AF139210" i="1"/>
  <c r="AF139211" i="1"/>
  <c r="AF139212" i="1"/>
  <c r="AF139213" i="1"/>
  <c r="AF139214" i="1"/>
  <c r="AF139215" i="1"/>
  <c r="AF139216" i="1"/>
  <c r="AF139217" i="1"/>
  <c r="AF139218" i="1"/>
  <c r="AF139219" i="1"/>
  <c r="AF139220" i="1"/>
  <c r="AF139221" i="1"/>
  <c r="AF139222" i="1"/>
  <c r="AF139223" i="1"/>
  <c r="AF139224" i="1"/>
  <c r="AF139225" i="1"/>
  <c r="AF139226" i="1"/>
  <c r="AF139227" i="1"/>
  <c r="AF139228" i="1"/>
  <c r="AF139229" i="1"/>
  <c r="AF139230" i="1"/>
  <c r="AF139231" i="1"/>
  <c r="AF139232" i="1"/>
  <c r="AF139233" i="1"/>
  <c r="AF139234" i="1"/>
  <c r="AF139235" i="1"/>
  <c r="AF139236" i="1"/>
  <c r="AF139237" i="1"/>
  <c r="AF139238" i="1"/>
  <c r="AF139239" i="1"/>
  <c r="AF139240" i="1"/>
  <c r="AF139241" i="1"/>
  <c r="AF139242" i="1"/>
  <c r="AF139243" i="1"/>
  <c r="AF139244" i="1"/>
  <c r="AF139245" i="1"/>
  <c r="AF139246" i="1"/>
  <c r="AF139247" i="1"/>
  <c r="AF139248" i="1"/>
  <c r="AF139249" i="1"/>
  <c r="AF139250" i="1"/>
  <c r="AF139251" i="1"/>
  <c r="AF139252" i="1"/>
  <c r="AF139253" i="1"/>
  <c r="AF139254" i="1"/>
  <c r="AF139255" i="1"/>
  <c r="AF139256" i="1"/>
  <c r="AF139257" i="1"/>
  <c r="AF139258" i="1"/>
  <c r="AF139259" i="1"/>
  <c r="AF139260" i="1"/>
  <c r="AF139261" i="1"/>
  <c r="AF139262" i="1"/>
  <c r="AF139263" i="1"/>
  <c r="AF139264" i="1"/>
  <c r="AF139265" i="1"/>
  <c r="AF139266" i="1"/>
  <c r="AF139267" i="1"/>
  <c r="AF139268" i="1"/>
  <c r="AF139269" i="1"/>
  <c r="AF139270" i="1"/>
  <c r="AF139271" i="1"/>
  <c r="AF139272" i="1"/>
  <c r="AF139273" i="1"/>
  <c r="AF139274" i="1"/>
  <c r="AF139275" i="1"/>
  <c r="AF139276" i="1"/>
  <c r="AF139277" i="1"/>
  <c r="AF139278" i="1"/>
  <c r="AF139279" i="1"/>
  <c r="AF139280" i="1"/>
  <c r="AF139281" i="1"/>
  <c r="AF139282" i="1"/>
  <c r="AF139283" i="1"/>
  <c r="AF139284" i="1"/>
  <c r="AF139285" i="1"/>
  <c r="AF139286" i="1"/>
  <c r="AF139287" i="1"/>
  <c r="AF139288" i="1"/>
  <c r="AF139289" i="1"/>
  <c r="AF139290" i="1"/>
  <c r="AF139291" i="1"/>
  <c r="AF139292" i="1"/>
  <c r="AF139293" i="1"/>
  <c r="AF139294" i="1"/>
  <c r="AF139295" i="1"/>
  <c r="AF139296" i="1"/>
  <c r="AF139297" i="1"/>
  <c r="AF139298" i="1"/>
  <c r="AF139299" i="1"/>
  <c r="AF139300" i="1"/>
  <c r="AF139301" i="1"/>
  <c r="AF139302" i="1"/>
  <c r="AF139303" i="1"/>
  <c r="AF139304" i="1"/>
  <c r="AF139305" i="1"/>
  <c r="AF139306" i="1"/>
  <c r="AF139307" i="1"/>
  <c r="AF139308" i="1"/>
  <c r="AF139309" i="1"/>
  <c r="AF139310" i="1"/>
  <c r="AF139311" i="1"/>
  <c r="AF139312" i="1"/>
  <c r="AF139313" i="1"/>
  <c r="AF139314" i="1"/>
  <c r="AF139315" i="1"/>
  <c r="AF139316" i="1"/>
  <c r="AF139317" i="1"/>
  <c r="AF139318" i="1"/>
  <c r="AF139319" i="1"/>
  <c r="AF139320" i="1"/>
  <c r="AF139321" i="1"/>
  <c r="AF139322" i="1"/>
  <c r="AF139323" i="1"/>
  <c r="AF139324" i="1"/>
  <c r="AF139325" i="1"/>
  <c r="AF139326" i="1"/>
  <c r="AF139327" i="1"/>
  <c r="AF139328" i="1"/>
  <c r="AF139329" i="1"/>
  <c r="AF139330" i="1"/>
  <c r="AF139331" i="1"/>
  <c r="AF139332" i="1"/>
  <c r="AF139333" i="1"/>
  <c r="AF139334" i="1"/>
  <c r="AF139335" i="1"/>
  <c r="AF139336" i="1"/>
  <c r="AF139337" i="1"/>
  <c r="AF139338" i="1"/>
  <c r="AF139339" i="1"/>
  <c r="AF139340" i="1"/>
  <c r="AF139341" i="1"/>
  <c r="AF139342" i="1"/>
  <c r="AF139343" i="1"/>
  <c r="AF139344" i="1"/>
  <c r="AF139345" i="1"/>
  <c r="AF139346" i="1"/>
  <c r="AF139347" i="1"/>
  <c r="AF139348" i="1"/>
  <c r="AF139349" i="1"/>
  <c r="AF139350" i="1"/>
  <c r="AF139351" i="1"/>
  <c r="AF139352" i="1"/>
  <c r="AF139353" i="1"/>
  <c r="AF139354" i="1"/>
  <c r="AF139355" i="1"/>
  <c r="AF139356" i="1"/>
  <c r="AF139357" i="1"/>
  <c r="AF139358" i="1"/>
  <c r="AF139359" i="1"/>
  <c r="AF139360" i="1"/>
  <c r="AF139361" i="1"/>
  <c r="AF139362" i="1"/>
  <c r="AF139363" i="1"/>
  <c r="AF139364" i="1"/>
  <c r="AF139365" i="1"/>
  <c r="AF139366" i="1"/>
  <c r="AF139367" i="1"/>
  <c r="AF139368" i="1"/>
  <c r="AF139369" i="1"/>
  <c r="AF139370" i="1"/>
  <c r="AF139371" i="1"/>
  <c r="AF139372" i="1"/>
  <c r="AF139373" i="1"/>
  <c r="AF139374" i="1"/>
  <c r="AF139375" i="1"/>
  <c r="AF139376" i="1"/>
  <c r="AF139377" i="1"/>
  <c r="AF139378" i="1"/>
  <c r="AF139379" i="1"/>
  <c r="AF139380" i="1"/>
  <c r="AF139381" i="1"/>
  <c r="AF139382" i="1"/>
  <c r="AF139383" i="1"/>
  <c r="AF139384" i="1"/>
  <c r="AF139385" i="1"/>
  <c r="AF139386" i="1"/>
  <c r="AF139387" i="1"/>
  <c r="AF139388" i="1"/>
  <c r="AF139389" i="1"/>
  <c r="AF139390" i="1"/>
  <c r="AF139391" i="1"/>
  <c r="AF139392" i="1"/>
  <c r="AF139393" i="1"/>
  <c r="AF139394" i="1"/>
  <c r="AF139395" i="1"/>
  <c r="AF139396" i="1"/>
  <c r="AF139397" i="1"/>
  <c r="AF139398" i="1"/>
  <c r="AF139399" i="1"/>
  <c r="AF139400" i="1"/>
  <c r="AF139401" i="1"/>
  <c r="AF139402" i="1"/>
  <c r="AF139403" i="1"/>
  <c r="AF139404" i="1"/>
  <c r="AF139405" i="1"/>
  <c r="AF139406" i="1"/>
  <c r="AF139407" i="1"/>
  <c r="AF139408" i="1"/>
  <c r="AF139409" i="1"/>
  <c r="AF139410" i="1"/>
  <c r="AF139411" i="1"/>
  <c r="AF139412" i="1"/>
  <c r="AF139413" i="1"/>
  <c r="AF139414" i="1"/>
  <c r="AF139415" i="1"/>
  <c r="AF139416" i="1"/>
  <c r="AF139417" i="1"/>
  <c r="AF139418" i="1"/>
  <c r="AF139419" i="1"/>
  <c r="AF139420" i="1"/>
  <c r="AF139421" i="1"/>
  <c r="AF139422" i="1"/>
  <c r="AF139423" i="1"/>
  <c r="AF139424" i="1"/>
  <c r="AF139425" i="1"/>
  <c r="AF139426" i="1"/>
  <c r="AF139427" i="1"/>
  <c r="AF139428" i="1"/>
  <c r="AF139429" i="1"/>
  <c r="AF139430" i="1"/>
  <c r="AF139431" i="1"/>
  <c r="AF139432" i="1"/>
  <c r="AF139433" i="1"/>
  <c r="AF139434" i="1"/>
  <c r="AF139435" i="1"/>
  <c r="AF139436" i="1"/>
  <c r="AF139437" i="1"/>
  <c r="AF139438" i="1"/>
  <c r="AF139439" i="1"/>
  <c r="AF139440" i="1"/>
  <c r="AF139441" i="1"/>
  <c r="AF139442" i="1"/>
  <c r="AF139443" i="1"/>
  <c r="AF139444" i="1"/>
  <c r="AF139445" i="1"/>
  <c r="AF139446" i="1"/>
  <c r="AF139447" i="1"/>
  <c r="AF139448" i="1"/>
  <c r="AF139449" i="1"/>
  <c r="AF139450" i="1"/>
  <c r="AF139451" i="1"/>
  <c r="AF139452" i="1"/>
  <c r="AF139453" i="1"/>
  <c r="AF139454" i="1"/>
  <c r="AF139455" i="1"/>
  <c r="AF139456" i="1"/>
  <c r="AF139457" i="1"/>
  <c r="AF139458" i="1"/>
  <c r="AF139459" i="1"/>
  <c r="AF139460" i="1"/>
  <c r="AF139461" i="1"/>
  <c r="AF139462" i="1"/>
  <c r="AF139463" i="1"/>
  <c r="AF139464" i="1"/>
  <c r="AF139465" i="1"/>
  <c r="AF139466" i="1"/>
  <c r="AF139467" i="1"/>
  <c r="AF139468" i="1"/>
  <c r="AF139469" i="1"/>
  <c r="AF139470" i="1"/>
  <c r="AF139471" i="1"/>
  <c r="AF139472" i="1"/>
  <c r="AF139473" i="1"/>
  <c r="AF139474" i="1"/>
  <c r="AF139475" i="1"/>
  <c r="AF139476" i="1"/>
  <c r="AF139477" i="1"/>
  <c r="AF139478" i="1"/>
  <c r="AF139479" i="1"/>
  <c r="AF139480" i="1"/>
  <c r="AF139481" i="1"/>
  <c r="AF139482" i="1"/>
  <c r="AF139483" i="1"/>
  <c r="AF139484" i="1"/>
  <c r="AF139485" i="1"/>
  <c r="AF139486" i="1"/>
  <c r="AF139487" i="1"/>
  <c r="AF139488" i="1"/>
  <c r="AF139489" i="1"/>
  <c r="AF139490" i="1"/>
  <c r="AF139491" i="1"/>
  <c r="AF139492" i="1"/>
  <c r="AF139493" i="1"/>
  <c r="AF139494" i="1"/>
  <c r="AF139495" i="1"/>
  <c r="AF139496" i="1"/>
  <c r="AF139497" i="1"/>
  <c r="AF139498" i="1"/>
  <c r="AF139499" i="1"/>
  <c r="AF139500" i="1"/>
  <c r="AF139501" i="1"/>
  <c r="AF139502" i="1"/>
  <c r="AF139503" i="1"/>
  <c r="AF139504" i="1"/>
  <c r="AF139505" i="1"/>
  <c r="AF139506" i="1"/>
  <c r="AF139507" i="1"/>
  <c r="AF139508" i="1"/>
  <c r="AF139509" i="1"/>
  <c r="AF139510" i="1"/>
  <c r="AF139511" i="1"/>
  <c r="AF139512" i="1"/>
  <c r="AF139513" i="1"/>
  <c r="AF139514" i="1"/>
  <c r="AF139515" i="1"/>
  <c r="AF139516" i="1"/>
  <c r="AF139517" i="1"/>
  <c r="AF139518" i="1"/>
  <c r="AF139519" i="1"/>
  <c r="AF139520" i="1"/>
  <c r="AF139521" i="1"/>
  <c r="AF139522" i="1"/>
  <c r="AF139523" i="1"/>
  <c r="AF139524" i="1"/>
  <c r="AF139525" i="1"/>
  <c r="AF139526" i="1"/>
  <c r="AF139527" i="1"/>
  <c r="AF139528" i="1"/>
  <c r="AF139529" i="1"/>
  <c r="AF139530" i="1"/>
  <c r="AF139531" i="1"/>
  <c r="AF139532" i="1"/>
  <c r="AF139533" i="1"/>
  <c r="AF139534" i="1"/>
  <c r="AF139535" i="1"/>
  <c r="AF139536" i="1"/>
  <c r="AF139537" i="1"/>
  <c r="AF139538" i="1"/>
  <c r="AF139539" i="1"/>
  <c r="AF139540" i="1"/>
  <c r="AF139541" i="1"/>
  <c r="AF139542" i="1"/>
  <c r="AF139543" i="1"/>
  <c r="AF139544" i="1"/>
  <c r="AF139545" i="1"/>
  <c r="AF139546" i="1"/>
  <c r="AF139547" i="1"/>
  <c r="AF139548" i="1"/>
  <c r="AF139549" i="1"/>
  <c r="AF139550" i="1"/>
  <c r="AF139551" i="1"/>
  <c r="AF139552" i="1"/>
  <c r="AF139553" i="1"/>
  <c r="AF139554" i="1"/>
  <c r="AF139555" i="1"/>
  <c r="AF139556" i="1"/>
  <c r="AF139557" i="1"/>
  <c r="AF139558" i="1"/>
  <c r="AF139559" i="1"/>
  <c r="AF139560" i="1"/>
  <c r="AF139561" i="1"/>
  <c r="AF139562" i="1"/>
  <c r="AF139563" i="1"/>
  <c r="AF139564" i="1"/>
  <c r="AF139565" i="1"/>
  <c r="AF139566" i="1"/>
  <c r="AF139567" i="1"/>
  <c r="AF139568" i="1"/>
  <c r="AF139569" i="1"/>
  <c r="AF139570" i="1"/>
  <c r="AF139571" i="1"/>
  <c r="AF139572" i="1"/>
  <c r="AF139573" i="1"/>
  <c r="AF139574" i="1"/>
  <c r="AF139575" i="1"/>
  <c r="AF139576" i="1"/>
  <c r="AF139577" i="1"/>
  <c r="AF139578" i="1"/>
  <c r="AF139579" i="1"/>
  <c r="AF139580" i="1"/>
  <c r="AF139581" i="1"/>
  <c r="AF139582" i="1"/>
  <c r="AF139583" i="1"/>
  <c r="AF139584" i="1"/>
  <c r="AF139585" i="1"/>
  <c r="AF139586" i="1"/>
  <c r="AF139587" i="1"/>
  <c r="AF139588" i="1"/>
  <c r="AF139589" i="1"/>
  <c r="AF139590" i="1"/>
  <c r="AF139591" i="1"/>
  <c r="AF139592" i="1"/>
  <c r="AF139593" i="1"/>
  <c r="AF139594" i="1"/>
  <c r="AF139595" i="1"/>
  <c r="AF139596" i="1"/>
  <c r="AF139597" i="1"/>
  <c r="AF139598" i="1"/>
  <c r="AF139599" i="1"/>
  <c r="AF139600" i="1"/>
  <c r="AF139601" i="1"/>
  <c r="AF139602" i="1"/>
  <c r="AF139603" i="1"/>
  <c r="AF139604" i="1"/>
  <c r="AF139605" i="1"/>
  <c r="AF139606" i="1"/>
  <c r="AF139607" i="1"/>
  <c r="AF139608" i="1"/>
  <c r="AF139609" i="1"/>
  <c r="AF139610" i="1"/>
  <c r="AF139611" i="1"/>
  <c r="AF139612" i="1"/>
  <c r="AF139613" i="1"/>
  <c r="AF139614" i="1"/>
  <c r="AF139615" i="1"/>
  <c r="AF139616" i="1"/>
  <c r="AF139617" i="1"/>
  <c r="AF139618" i="1"/>
  <c r="AF139619" i="1"/>
  <c r="AF139620" i="1"/>
  <c r="AF139621" i="1"/>
  <c r="AF139622" i="1"/>
  <c r="AF139623" i="1"/>
  <c r="AF139624" i="1"/>
  <c r="AF139625" i="1"/>
  <c r="AF139626" i="1"/>
  <c r="AF139627" i="1"/>
  <c r="AF139628" i="1"/>
  <c r="AF139629" i="1"/>
  <c r="AF139630" i="1"/>
  <c r="AF139631" i="1"/>
  <c r="AF139632" i="1"/>
  <c r="AF139633" i="1"/>
  <c r="AF139634" i="1"/>
  <c r="AF139635" i="1"/>
  <c r="AF139636" i="1"/>
  <c r="AF139637" i="1"/>
  <c r="AF139638" i="1"/>
  <c r="AF139639" i="1"/>
  <c r="AF139640" i="1"/>
  <c r="AF139641" i="1"/>
  <c r="AF139642" i="1"/>
  <c r="AF139643" i="1"/>
  <c r="AF139644" i="1"/>
  <c r="AF139645" i="1"/>
  <c r="AF139646" i="1"/>
  <c r="AF139647" i="1"/>
  <c r="AF139648" i="1"/>
  <c r="AF139649" i="1"/>
  <c r="AF139650" i="1"/>
  <c r="AF139651" i="1"/>
  <c r="AF139652" i="1"/>
  <c r="AF139653" i="1"/>
  <c r="AF139654" i="1"/>
  <c r="AF139655" i="1"/>
  <c r="AF139656" i="1"/>
  <c r="AF139657" i="1"/>
  <c r="AF139658" i="1"/>
  <c r="AF139659" i="1"/>
  <c r="AF139660" i="1"/>
  <c r="AF139661" i="1"/>
  <c r="AF139662" i="1"/>
  <c r="AF139663" i="1"/>
  <c r="AF139664" i="1"/>
  <c r="AF139665" i="1"/>
  <c r="AF139666" i="1"/>
  <c r="AF139667" i="1"/>
  <c r="AF139668" i="1"/>
  <c r="AF139669" i="1"/>
  <c r="AF139670" i="1"/>
  <c r="AF139671" i="1"/>
  <c r="AF139672" i="1"/>
  <c r="AF139673" i="1"/>
  <c r="AF139674" i="1"/>
  <c r="AF139675" i="1"/>
  <c r="AF139676" i="1"/>
  <c r="AF139677" i="1"/>
  <c r="AF139678" i="1"/>
  <c r="AF139679" i="1"/>
  <c r="AF139680" i="1"/>
  <c r="AF139681" i="1"/>
  <c r="AF139682" i="1"/>
  <c r="AF139683" i="1"/>
  <c r="AF139684" i="1"/>
  <c r="AF139685" i="1"/>
  <c r="AF139686" i="1"/>
  <c r="AF139687" i="1"/>
  <c r="AF139688" i="1"/>
  <c r="AF139689" i="1"/>
  <c r="AF139690" i="1"/>
  <c r="AF139691" i="1"/>
  <c r="AF139692" i="1"/>
  <c r="AF139693" i="1"/>
  <c r="AF139694" i="1"/>
  <c r="AF139695" i="1"/>
  <c r="AF139696" i="1"/>
  <c r="AF139697" i="1"/>
  <c r="AF139698" i="1"/>
  <c r="AF139699" i="1"/>
  <c r="AF139700" i="1"/>
  <c r="AF139701" i="1"/>
  <c r="AF139702" i="1"/>
  <c r="AF139703" i="1"/>
  <c r="AF139704" i="1"/>
  <c r="AF139705" i="1"/>
  <c r="AF139706" i="1"/>
  <c r="AF139707" i="1"/>
  <c r="AF139708" i="1"/>
  <c r="AF139709" i="1"/>
  <c r="AF139710" i="1"/>
  <c r="AF139711" i="1"/>
  <c r="AF139712" i="1"/>
  <c r="AF139713" i="1"/>
  <c r="AF139714" i="1"/>
  <c r="AF139715" i="1"/>
  <c r="AF139716" i="1"/>
  <c r="AF139717" i="1"/>
  <c r="AF139718" i="1"/>
  <c r="AF139719" i="1"/>
  <c r="AF139720" i="1"/>
  <c r="AF139721" i="1"/>
  <c r="AF139722" i="1"/>
  <c r="AF139723" i="1"/>
  <c r="AF139724" i="1"/>
  <c r="AF139725" i="1"/>
  <c r="AF139726" i="1"/>
  <c r="AF139727" i="1"/>
  <c r="AF139728" i="1"/>
  <c r="AF139729" i="1"/>
  <c r="AF139730" i="1"/>
  <c r="AF139731" i="1"/>
  <c r="AF139732" i="1"/>
  <c r="AF139733" i="1"/>
  <c r="AF139734" i="1"/>
  <c r="AF139735" i="1"/>
  <c r="AF139736" i="1"/>
  <c r="AF139737" i="1"/>
  <c r="AF139738" i="1"/>
  <c r="AF139739" i="1"/>
  <c r="AF139740" i="1"/>
  <c r="AF139741" i="1"/>
  <c r="AF139742" i="1"/>
  <c r="AF139743" i="1"/>
  <c r="AF139744" i="1"/>
  <c r="AF139745" i="1"/>
  <c r="AF139746" i="1"/>
  <c r="AF139747" i="1"/>
  <c r="AF139748" i="1"/>
  <c r="AF139749" i="1"/>
  <c r="AF139750" i="1"/>
  <c r="AF139751" i="1"/>
  <c r="AF139752" i="1"/>
  <c r="AF139753" i="1"/>
  <c r="AF139754" i="1"/>
  <c r="AF139755" i="1"/>
  <c r="AF139756" i="1"/>
  <c r="AF139757" i="1"/>
  <c r="AF139758" i="1"/>
  <c r="AF139759" i="1"/>
  <c r="AF139760" i="1"/>
  <c r="AF139761" i="1"/>
  <c r="AF139762" i="1"/>
  <c r="AF139763" i="1"/>
  <c r="AF139764" i="1"/>
  <c r="AF139765" i="1"/>
  <c r="AF139766" i="1"/>
  <c r="AF139767" i="1"/>
  <c r="AF139768" i="1"/>
  <c r="AF139769" i="1"/>
  <c r="AF139770" i="1"/>
  <c r="AF139771" i="1"/>
  <c r="AF139772" i="1"/>
  <c r="AF139773" i="1"/>
  <c r="AF139774" i="1"/>
  <c r="AF139775" i="1"/>
  <c r="AF139776" i="1"/>
  <c r="AF139777" i="1"/>
  <c r="AF139778" i="1"/>
  <c r="AF139779" i="1"/>
  <c r="AF139780" i="1"/>
  <c r="AF139781" i="1"/>
  <c r="AF139782" i="1"/>
  <c r="AF139783" i="1"/>
  <c r="AF139784" i="1"/>
  <c r="AF139785" i="1"/>
  <c r="AF139786" i="1"/>
  <c r="AF139787" i="1"/>
  <c r="AF139788" i="1"/>
  <c r="AF139789" i="1"/>
  <c r="AF139790" i="1"/>
  <c r="AF139791" i="1"/>
  <c r="AF139792" i="1"/>
  <c r="AF139793" i="1"/>
  <c r="AF139794" i="1"/>
  <c r="AF139795" i="1"/>
  <c r="AF139796" i="1"/>
  <c r="AF139797" i="1"/>
  <c r="AF139798" i="1"/>
  <c r="AF139799" i="1"/>
  <c r="AF139800" i="1"/>
  <c r="AF139801" i="1"/>
  <c r="AF139802" i="1"/>
  <c r="AF139803" i="1"/>
  <c r="AF139804" i="1"/>
  <c r="AF139805" i="1"/>
  <c r="AF139806" i="1"/>
  <c r="AF139807" i="1"/>
  <c r="AF139808" i="1"/>
  <c r="AF139809" i="1"/>
  <c r="AF139810" i="1"/>
  <c r="AF139811" i="1"/>
  <c r="AF139812" i="1"/>
  <c r="AF139813" i="1"/>
  <c r="AF139814" i="1"/>
  <c r="AF139815" i="1"/>
  <c r="AF139816" i="1"/>
  <c r="AF139817" i="1"/>
  <c r="AF139818" i="1"/>
  <c r="AF139819" i="1"/>
  <c r="AF139820" i="1"/>
  <c r="AF139821" i="1"/>
  <c r="AF139822" i="1"/>
  <c r="AF139823" i="1"/>
  <c r="AF139824" i="1"/>
  <c r="AF139825" i="1"/>
  <c r="AF139826" i="1"/>
  <c r="AF139827" i="1"/>
  <c r="AF139828" i="1"/>
  <c r="AF139829" i="1"/>
  <c r="AF139830" i="1"/>
  <c r="AF139831" i="1"/>
  <c r="AF139832" i="1"/>
  <c r="AF139833" i="1"/>
  <c r="AF139834" i="1"/>
  <c r="AF139835" i="1"/>
  <c r="AF139836" i="1"/>
  <c r="AF139837" i="1"/>
  <c r="AF139838" i="1"/>
  <c r="AF139839" i="1"/>
  <c r="AF139840" i="1"/>
  <c r="AF139841" i="1"/>
  <c r="AF139842" i="1"/>
  <c r="AF139843" i="1"/>
  <c r="AF139844" i="1"/>
  <c r="AF139845" i="1"/>
  <c r="AF139846" i="1"/>
  <c r="AF139847" i="1"/>
  <c r="AF139848" i="1"/>
  <c r="AF139849" i="1"/>
  <c r="AF139850" i="1"/>
  <c r="AF139851" i="1"/>
  <c r="AF139852" i="1"/>
  <c r="AF139853" i="1"/>
  <c r="AF139854" i="1"/>
  <c r="AF139855" i="1"/>
  <c r="AF139856" i="1"/>
  <c r="AF139857" i="1"/>
  <c r="AF139858" i="1"/>
  <c r="AF139859" i="1"/>
  <c r="AF139860" i="1"/>
  <c r="AF139861" i="1"/>
  <c r="AF139862" i="1"/>
  <c r="AF139863" i="1"/>
  <c r="AF139864" i="1"/>
  <c r="AF139865" i="1"/>
  <c r="AF139866" i="1"/>
  <c r="AF139867" i="1"/>
  <c r="AF139868" i="1"/>
  <c r="AF139869" i="1"/>
  <c r="AF139870" i="1"/>
  <c r="AF139871" i="1"/>
  <c r="AF139872" i="1"/>
  <c r="AF139873" i="1"/>
  <c r="AF139874" i="1"/>
  <c r="AF139875" i="1"/>
  <c r="AF139876" i="1"/>
  <c r="AF139877" i="1"/>
  <c r="AF139878" i="1"/>
  <c r="AF139879" i="1"/>
  <c r="AF139880" i="1"/>
  <c r="AF139881" i="1"/>
  <c r="AF139882" i="1"/>
  <c r="AF139883" i="1"/>
  <c r="AF139884" i="1"/>
  <c r="AF139885" i="1"/>
  <c r="AF139886" i="1"/>
  <c r="AF139887" i="1"/>
  <c r="AF139888" i="1"/>
  <c r="AF139889" i="1"/>
  <c r="AF139890" i="1"/>
  <c r="AF139891" i="1"/>
  <c r="AF139892" i="1"/>
  <c r="AF139893" i="1"/>
  <c r="AF139894" i="1"/>
  <c r="AF139895" i="1"/>
  <c r="AF139896" i="1"/>
  <c r="AF139897" i="1"/>
  <c r="AF139898" i="1"/>
  <c r="AF139899" i="1"/>
  <c r="AF139900" i="1"/>
  <c r="AF139901" i="1"/>
  <c r="AF139902" i="1"/>
  <c r="AF139903" i="1"/>
  <c r="AF139904" i="1"/>
  <c r="AF139905" i="1"/>
  <c r="AF139906" i="1"/>
  <c r="AF139907" i="1"/>
  <c r="AF139908" i="1"/>
  <c r="AF139909" i="1"/>
  <c r="AF139910" i="1"/>
  <c r="AF139911" i="1"/>
  <c r="AF139912" i="1"/>
  <c r="AF139913" i="1"/>
  <c r="AF139914" i="1"/>
  <c r="AF139915" i="1"/>
  <c r="AF139916" i="1"/>
  <c r="AF139917" i="1"/>
  <c r="AF139918" i="1"/>
  <c r="AF139919" i="1"/>
  <c r="AF139920" i="1"/>
  <c r="AF139921" i="1"/>
  <c r="AF139922" i="1"/>
  <c r="AF139923" i="1"/>
  <c r="AF139924" i="1"/>
  <c r="AF139925" i="1"/>
  <c r="AF139926" i="1"/>
  <c r="AF139927" i="1"/>
  <c r="AF139928" i="1"/>
  <c r="AF139929" i="1"/>
  <c r="AF139930" i="1"/>
  <c r="AF139931" i="1"/>
  <c r="AF139932" i="1"/>
  <c r="AF139933" i="1"/>
  <c r="AF139934" i="1"/>
  <c r="AF139935" i="1"/>
  <c r="AF139936" i="1"/>
  <c r="AF139937" i="1"/>
  <c r="AF139938" i="1"/>
  <c r="AF139939" i="1"/>
  <c r="AF139940" i="1"/>
  <c r="AF139941" i="1"/>
  <c r="AF139942" i="1"/>
  <c r="AF139943" i="1"/>
  <c r="AF139944" i="1"/>
  <c r="AF139945" i="1"/>
  <c r="AF139946" i="1"/>
  <c r="AF139947" i="1"/>
  <c r="AF139948" i="1"/>
  <c r="AF139949" i="1"/>
  <c r="AF139950" i="1"/>
  <c r="AF139951" i="1"/>
  <c r="AF139952" i="1"/>
  <c r="AF139953" i="1"/>
  <c r="AF139954" i="1"/>
  <c r="AF139955" i="1"/>
  <c r="AF139956" i="1"/>
  <c r="AF139957" i="1"/>
  <c r="AF139958" i="1"/>
  <c r="AF139959" i="1"/>
  <c r="AF139960" i="1"/>
  <c r="AF139961" i="1"/>
  <c r="AF139962" i="1"/>
  <c r="AF139963" i="1"/>
  <c r="AF139964" i="1"/>
  <c r="AF139965" i="1"/>
  <c r="AF139966" i="1"/>
  <c r="AF139967" i="1"/>
  <c r="AF139968" i="1"/>
  <c r="AF139969" i="1"/>
  <c r="AF139970" i="1"/>
  <c r="AF139971" i="1"/>
  <c r="AF139972" i="1"/>
  <c r="AF139973" i="1"/>
  <c r="AF139974" i="1"/>
  <c r="AF139975" i="1"/>
  <c r="AF139976" i="1"/>
  <c r="AF139977" i="1"/>
  <c r="AF139978" i="1"/>
  <c r="AF139979" i="1"/>
  <c r="AF139980" i="1"/>
  <c r="AF139981" i="1"/>
  <c r="AF139982" i="1"/>
  <c r="AF139983" i="1"/>
  <c r="AF139984" i="1"/>
  <c r="AF139985" i="1"/>
  <c r="AF139986" i="1"/>
  <c r="AF139987" i="1"/>
  <c r="AF139988" i="1"/>
  <c r="AF139989" i="1"/>
  <c r="AF139990" i="1"/>
  <c r="AF139991" i="1"/>
  <c r="AF139992" i="1"/>
  <c r="AF139993" i="1"/>
  <c r="AF139994" i="1"/>
  <c r="AF139995" i="1"/>
  <c r="AF139996" i="1"/>
  <c r="AF139997" i="1"/>
  <c r="AF139998" i="1"/>
  <c r="AF139999" i="1"/>
  <c r="AF140000" i="1"/>
  <c r="AF140001" i="1"/>
  <c r="AF140002" i="1"/>
  <c r="AF140003" i="1"/>
  <c r="AF140004" i="1"/>
  <c r="AF140005" i="1"/>
  <c r="AF140006" i="1"/>
  <c r="AF140007" i="1"/>
  <c r="AF140008" i="1"/>
  <c r="AF140009" i="1"/>
  <c r="AF140010" i="1"/>
  <c r="AF140011" i="1"/>
  <c r="AF140012" i="1"/>
  <c r="AF140013" i="1"/>
  <c r="AF140014" i="1"/>
  <c r="AF140015" i="1"/>
  <c r="AF140016" i="1"/>
  <c r="AF140017" i="1"/>
  <c r="AF140018" i="1"/>
  <c r="AF140019" i="1"/>
  <c r="AF140020" i="1"/>
  <c r="AF140021" i="1"/>
  <c r="AF140022" i="1"/>
  <c r="AF140023" i="1"/>
  <c r="AF140024" i="1"/>
  <c r="AF140025" i="1"/>
  <c r="AF140026" i="1"/>
  <c r="AF140027" i="1"/>
  <c r="AF140028" i="1"/>
  <c r="AF140029" i="1"/>
  <c r="AF140030" i="1"/>
  <c r="AF140031" i="1"/>
  <c r="AF140032" i="1"/>
  <c r="AF140033" i="1"/>
  <c r="AF140034" i="1"/>
  <c r="AF140035" i="1"/>
  <c r="AF140036" i="1"/>
  <c r="AF140037" i="1"/>
  <c r="AF140038" i="1"/>
  <c r="AF140039" i="1"/>
  <c r="AF140040" i="1"/>
  <c r="AF140041" i="1"/>
  <c r="AF140042" i="1"/>
  <c r="AF140043" i="1"/>
  <c r="AF140044" i="1"/>
  <c r="AF140045" i="1"/>
  <c r="AF140046" i="1"/>
  <c r="AF140047" i="1"/>
  <c r="AF140048" i="1"/>
  <c r="AF140049" i="1"/>
  <c r="AF140050" i="1"/>
  <c r="AF140051" i="1"/>
  <c r="AF140052" i="1"/>
  <c r="AF140053" i="1"/>
  <c r="AF140054" i="1"/>
  <c r="AF140055" i="1"/>
  <c r="AF140056" i="1"/>
  <c r="AF140057" i="1"/>
  <c r="AF140058" i="1"/>
  <c r="AF140059" i="1"/>
  <c r="AF140060" i="1"/>
  <c r="AF140061" i="1"/>
  <c r="AF140062" i="1"/>
  <c r="AF140063" i="1"/>
  <c r="AF140064" i="1"/>
  <c r="AF140065" i="1"/>
  <c r="AF140066" i="1"/>
  <c r="AF140067" i="1"/>
  <c r="AF140068" i="1"/>
  <c r="AF140069" i="1"/>
  <c r="AF140070" i="1"/>
  <c r="AF140071" i="1"/>
  <c r="AF140072" i="1"/>
  <c r="AF140073" i="1"/>
  <c r="AF140074" i="1"/>
  <c r="AF140075" i="1"/>
  <c r="AF140076" i="1"/>
  <c r="AF140077" i="1"/>
  <c r="AF140078" i="1"/>
  <c r="AF140079" i="1"/>
  <c r="AF140080" i="1"/>
  <c r="AF140081" i="1"/>
  <c r="AF140082" i="1"/>
  <c r="AF140083" i="1"/>
  <c r="AF140084" i="1"/>
  <c r="AF140085" i="1"/>
  <c r="AF140086" i="1"/>
  <c r="AF140087" i="1"/>
  <c r="AF140088" i="1"/>
  <c r="AF140089" i="1"/>
  <c r="AF140090" i="1"/>
  <c r="AF140091" i="1"/>
  <c r="AF140092" i="1"/>
  <c r="AF140093" i="1"/>
  <c r="AF140094" i="1"/>
  <c r="AF140095" i="1"/>
  <c r="AF140096" i="1"/>
  <c r="AF140097" i="1"/>
  <c r="AF140098" i="1"/>
  <c r="AF140099" i="1"/>
  <c r="AF140100" i="1"/>
  <c r="AF140101" i="1"/>
  <c r="AF140102" i="1"/>
  <c r="AF140103" i="1"/>
  <c r="AF140104" i="1"/>
  <c r="AF140105" i="1"/>
  <c r="AF140106" i="1"/>
  <c r="AF140107" i="1"/>
  <c r="AF140108" i="1"/>
  <c r="AF140109" i="1"/>
  <c r="AF140110" i="1"/>
  <c r="AF140111" i="1"/>
  <c r="AF140112" i="1"/>
  <c r="AF140113" i="1"/>
  <c r="AF140114" i="1"/>
  <c r="AF140115" i="1"/>
  <c r="AF140116" i="1"/>
  <c r="AF140117" i="1"/>
  <c r="AF140118" i="1"/>
  <c r="AF140119" i="1"/>
  <c r="AF140120" i="1"/>
  <c r="AF140121" i="1"/>
  <c r="AF140122" i="1"/>
  <c r="AF140123" i="1"/>
  <c r="AF140124" i="1"/>
  <c r="AF140125" i="1"/>
  <c r="AF140126" i="1"/>
  <c r="AF140127" i="1"/>
  <c r="AF140128" i="1"/>
  <c r="AF140129" i="1"/>
  <c r="AF140130" i="1"/>
  <c r="AF140131" i="1"/>
  <c r="AF140132" i="1"/>
  <c r="AF140133" i="1"/>
  <c r="AF140134" i="1"/>
  <c r="AF140135" i="1"/>
  <c r="AF140136" i="1"/>
  <c r="AF140137" i="1"/>
  <c r="AF140138" i="1"/>
  <c r="AF140139" i="1"/>
  <c r="AF140140" i="1"/>
  <c r="AF140141" i="1"/>
  <c r="AF140142" i="1"/>
  <c r="AF140143" i="1"/>
  <c r="AF140144" i="1"/>
  <c r="AF140145" i="1"/>
  <c r="AF140146" i="1"/>
  <c r="AF140147" i="1"/>
  <c r="AF140148" i="1"/>
  <c r="AF140149" i="1"/>
  <c r="AF140150" i="1"/>
  <c r="AF140151" i="1"/>
  <c r="AF140152" i="1"/>
  <c r="AF140153" i="1"/>
  <c r="AF140154" i="1"/>
  <c r="AF140155" i="1"/>
  <c r="AF140156" i="1"/>
  <c r="AF140157" i="1"/>
  <c r="AF140158" i="1"/>
  <c r="AF140159" i="1"/>
  <c r="AF140160" i="1"/>
  <c r="AF140161" i="1"/>
  <c r="AF140162" i="1"/>
  <c r="AF140163" i="1"/>
  <c r="AF140164" i="1"/>
  <c r="AF140165" i="1"/>
  <c r="AF140166" i="1"/>
  <c r="AF140167" i="1"/>
  <c r="AF140168" i="1"/>
  <c r="AF140169" i="1"/>
  <c r="AF140170" i="1"/>
  <c r="AF140171" i="1"/>
  <c r="AF140172" i="1"/>
  <c r="AF140173" i="1"/>
  <c r="AF140174" i="1"/>
  <c r="AF140175" i="1"/>
  <c r="AF140176" i="1"/>
  <c r="AF140177" i="1"/>
  <c r="AF140178" i="1"/>
  <c r="AF140179" i="1"/>
  <c r="AF140180" i="1"/>
  <c r="AF140181" i="1"/>
  <c r="AF140182" i="1"/>
  <c r="AF140183" i="1"/>
  <c r="AF140184" i="1"/>
  <c r="AF140185" i="1"/>
  <c r="AF140186" i="1"/>
  <c r="AF140187" i="1"/>
  <c r="AF140188" i="1"/>
  <c r="AF140189" i="1"/>
  <c r="AF140190" i="1"/>
  <c r="AF140191" i="1"/>
  <c r="AF140192" i="1"/>
  <c r="AF140193" i="1"/>
  <c r="AF140194" i="1"/>
  <c r="AF140195" i="1"/>
  <c r="AF140196" i="1"/>
  <c r="AF140197" i="1"/>
  <c r="AF140198" i="1"/>
  <c r="AF140199" i="1"/>
  <c r="AF140200" i="1"/>
  <c r="AF140201" i="1"/>
  <c r="AF140202" i="1"/>
  <c r="AF140203" i="1"/>
  <c r="AF140204" i="1"/>
  <c r="AF140205" i="1"/>
  <c r="AF140206" i="1"/>
  <c r="AF140207" i="1"/>
  <c r="AF140208" i="1"/>
  <c r="AF140209" i="1"/>
  <c r="AF140210" i="1"/>
  <c r="AF140211" i="1"/>
  <c r="AF140212" i="1"/>
  <c r="AF140213" i="1"/>
  <c r="AF140214" i="1"/>
  <c r="AF140215" i="1"/>
  <c r="AF140216" i="1"/>
  <c r="AF140217" i="1"/>
  <c r="AF140218" i="1"/>
  <c r="AF140219" i="1"/>
  <c r="AF140220" i="1"/>
  <c r="AF140221" i="1"/>
  <c r="AF140222" i="1"/>
  <c r="AF140223" i="1"/>
  <c r="AF140224" i="1"/>
  <c r="AF140225" i="1"/>
  <c r="AF140226" i="1"/>
  <c r="AF140227" i="1"/>
  <c r="AF140228" i="1"/>
  <c r="AF140229" i="1"/>
  <c r="AF140230" i="1"/>
  <c r="AF140231" i="1"/>
  <c r="AF140232" i="1"/>
  <c r="AF140233" i="1"/>
  <c r="AF140234" i="1"/>
  <c r="AF140235" i="1"/>
  <c r="AF140236" i="1"/>
  <c r="AF140237" i="1"/>
  <c r="AF140238" i="1"/>
  <c r="AF140239" i="1"/>
  <c r="AF140240" i="1"/>
  <c r="AF140241" i="1"/>
  <c r="AF140242" i="1"/>
  <c r="AF140243" i="1"/>
  <c r="AF140244" i="1"/>
  <c r="AF140245" i="1"/>
  <c r="AF140246" i="1"/>
  <c r="AF140247" i="1"/>
  <c r="AF140248" i="1"/>
  <c r="AF140249" i="1"/>
  <c r="AF140250" i="1"/>
  <c r="AF140251" i="1"/>
  <c r="AF140252" i="1"/>
  <c r="AF140253" i="1"/>
  <c r="AF140254" i="1"/>
  <c r="AF140255" i="1"/>
  <c r="AF140256" i="1"/>
  <c r="AF140257" i="1"/>
  <c r="AF140258" i="1"/>
  <c r="AF140259" i="1"/>
  <c r="AF140260" i="1"/>
  <c r="AF140261" i="1"/>
  <c r="AF140262" i="1"/>
  <c r="AF140263" i="1"/>
  <c r="AF140264" i="1"/>
  <c r="AF140265" i="1"/>
  <c r="AF140266" i="1"/>
  <c r="AF140267" i="1"/>
  <c r="AF140268" i="1"/>
  <c r="AF140269" i="1"/>
  <c r="AF140270" i="1"/>
  <c r="AF140271" i="1"/>
  <c r="AF140272" i="1"/>
  <c r="AF140273" i="1"/>
  <c r="AF140274" i="1"/>
  <c r="AF140275" i="1"/>
  <c r="AF140276" i="1"/>
  <c r="AF140277" i="1"/>
  <c r="AF140278" i="1"/>
  <c r="AF140279" i="1"/>
  <c r="AF140280" i="1"/>
  <c r="AF140281" i="1"/>
  <c r="AF140282" i="1"/>
  <c r="AF140283" i="1"/>
  <c r="AF140284" i="1"/>
  <c r="AF140285" i="1"/>
  <c r="AF140286" i="1"/>
  <c r="AF140287" i="1"/>
  <c r="AF140288" i="1"/>
  <c r="AF140289" i="1"/>
  <c r="AF140290" i="1"/>
  <c r="AF140291" i="1"/>
  <c r="AF140292" i="1"/>
  <c r="AF140293" i="1"/>
  <c r="AF140294" i="1"/>
  <c r="AF140295" i="1"/>
  <c r="AF140296" i="1"/>
  <c r="AF140297" i="1"/>
  <c r="AF140298" i="1"/>
  <c r="AF140299" i="1"/>
  <c r="AF140300" i="1"/>
  <c r="AF140301" i="1"/>
  <c r="AF140302" i="1"/>
  <c r="AF140303" i="1"/>
  <c r="AF140304" i="1"/>
  <c r="AF140305" i="1"/>
  <c r="AF140306" i="1"/>
  <c r="AF140307" i="1"/>
  <c r="AF140308" i="1"/>
  <c r="AF140309" i="1"/>
  <c r="AF140310" i="1"/>
  <c r="AF140311" i="1"/>
  <c r="AF140312" i="1"/>
  <c r="AF140313" i="1"/>
  <c r="AF140314" i="1"/>
  <c r="AF140315" i="1"/>
  <c r="AF140316" i="1"/>
  <c r="AF140317" i="1"/>
  <c r="AF140318" i="1"/>
  <c r="AF140319" i="1"/>
  <c r="AF140320" i="1"/>
  <c r="AF140321" i="1"/>
  <c r="AF140322" i="1"/>
  <c r="AF140323" i="1"/>
  <c r="AF140324" i="1"/>
  <c r="AF140325" i="1"/>
  <c r="AF140326" i="1"/>
  <c r="AF140327" i="1"/>
  <c r="AF140328" i="1"/>
  <c r="AF140329" i="1"/>
  <c r="AF140330" i="1"/>
  <c r="AF140331" i="1"/>
  <c r="AF140332" i="1"/>
  <c r="AF140333" i="1"/>
  <c r="AF140334" i="1"/>
  <c r="AF140335" i="1"/>
  <c r="AF140336" i="1"/>
  <c r="AF140337" i="1"/>
  <c r="AF140338" i="1"/>
  <c r="AF140339" i="1"/>
  <c r="AF140340" i="1"/>
  <c r="AF140341" i="1"/>
  <c r="AF140342" i="1"/>
  <c r="AF140343" i="1"/>
  <c r="AF140344" i="1"/>
  <c r="AF140345" i="1"/>
  <c r="AF140346" i="1"/>
  <c r="AF140347" i="1"/>
  <c r="AF140348" i="1"/>
  <c r="AF140349" i="1"/>
  <c r="AF140350" i="1"/>
  <c r="AF140351" i="1"/>
  <c r="AF140352" i="1"/>
  <c r="AF140353" i="1"/>
  <c r="AF140354" i="1"/>
  <c r="AF140355" i="1"/>
  <c r="AF140356" i="1"/>
  <c r="AF140357" i="1"/>
  <c r="AF140358" i="1"/>
  <c r="AF140359" i="1"/>
  <c r="AF140360" i="1"/>
  <c r="AF140361" i="1"/>
  <c r="AF140362" i="1"/>
  <c r="AF140363" i="1"/>
  <c r="AF140364" i="1"/>
  <c r="AF140365" i="1"/>
  <c r="AF140366" i="1"/>
  <c r="AF140367" i="1"/>
  <c r="AF140368" i="1"/>
  <c r="AF140369" i="1"/>
  <c r="AF140370" i="1"/>
  <c r="AF140371" i="1"/>
  <c r="AF140372" i="1"/>
  <c r="AF140373" i="1"/>
  <c r="AF140374" i="1"/>
  <c r="AF140375" i="1"/>
  <c r="AF140376" i="1"/>
  <c r="AF140377" i="1"/>
  <c r="AF140378" i="1"/>
  <c r="AF140379" i="1"/>
  <c r="AF140380" i="1"/>
  <c r="AF140381" i="1"/>
  <c r="AF140382" i="1"/>
  <c r="AF140383" i="1"/>
  <c r="AF140384" i="1"/>
  <c r="AF140385" i="1"/>
  <c r="AF140386" i="1"/>
  <c r="AF140387" i="1"/>
  <c r="AF140388" i="1"/>
  <c r="AF140389" i="1"/>
  <c r="AF140390" i="1"/>
  <c r="AF140391" i="1"/>
  <c r="AF140392" i="1"/>
  <c r="AF140393" i="1"/>
  <c r="AF140394" i="1"/>
  <c r="AF140395" i="1"/>
  <c r="AF140396" i="1"/>
  <c r="AF140397" i="1"/>
  <c r="AF140398" i="1"/>
  <c r="AF140399" i="1"/>
  <c r="AF140400" i="1"/>
  <c r="AF140401" i="1"/>
  <c r="AF140402" i="1"/>
  <c r="AF140403" i="1"/>
  <c r="AF140404" i="1"/>
  <c r="AF140405" i="1"/>
  <c r="AF140406" i="1"/>
  <c r="AF140407" i="1"/>
  <c r="AF140408" i="1"/>
  <c r="AF140409" i="1"/>
  <c r="AF140410" i="1"/>
  <c r="AF140411" i="1"/>
  <c r="AF140412" i="1"/>
  <c r="AF140413" i="1"/>
  <c r="AF140414" i="1"/>
  <c r="AF140415" i="1"/>
  <c r="AF140416" i="1"/>
  <c r="AF140417" i="1"/>
  <c r="AF140418" i="1"/>
  <c r="AF140419" i="1"/>
  <c r="AF140420" i="1"/>
  <c r="AF140421" i="1"/>
  <c r="AF140422" i="1"/>
  <c r="AF140423" i="1"/>
  <c r="AF140424" i="1"/>
  <c r="AF140425" i="1"/>
  <c r="AF140426" i="1"/>
  <c r="AF140427" i="1"/>
  <c r="AF140428" i="1"/>
  <c r="AF140429" i="1"/>
  <c r="AF140430" i="1"/>
  <c r="AF140431" i="1"/>
  <c r="AF140432" i="1"/>
  <c r="AF140433" i="1"/>
  <c r="AF140434" i="1"/>
  <c r="AF140435" i="1"/>
  <c r="AF140436" i="1"/>
  <c r="AF140437" i="1"/>
  <c r="AF140438" i="1"/>
  <c r="AF140439" i="1"/>
  <c r="AF140440" i="1"/>
  <c r="AF140441" i="1"/>
  <c r="AF140442" i="1"/>
  <c r="AF140443" i="1"/>
  <c r="AF140444" i="1"/>
  <c r="AF140445" i="1"/>
  <c r="AF140446" i="1"/>
  <c r="AF140447" i="1"/>
  <c r="AF140448" i="1"/>
  <c r="AF140449" i="1"/>
  <c r="AF140450" i="1"/>
  <c r="AF140451" i="1"/>
  <c r="AF140452" i="1"/>
  <c r="AF140453" i="1"/>
  <c r="AF140454" i="1"/>
  <c r="AF140455" i="1"/>
  <c r="AF140456" i="1"/>
  <c r="AF140457" i="1"/>
  <c r="AF140458" i="1"/>
  <c r="AF140459" i="1"/>
  <c r="AF140460" i="1"/>
  <c r="AF140461" i="1"/>
  <c r="AF140462" i="1"/>
  <c r="AF140463" i="1"/>
  <c r="AF140464" i="1"/>
  <c r="AF140465" i="1"/>
  <c r="AF140466" i="1"/>
  <c r="AF140467" i="1"/>
  <c r="AF140468" i="1"/>
  <c r="AF140469" i="1"/>
  <c r="AF140470" i="1"/>
  <c r="AF140471" i="1"/>
  <c r="AF140472" i="1"/>
  <c r="AF140473" i="1"/>
  <c r="AF140474" i="1"/>
  <c r="AF140475" i="1"/>
  <c r="AF140476" i="1"/>
  <c r="AF140477" i="1"/>
  <c r="AF140478" i="1"/>
  <c r="AF140479" i="1"/>
  <c r="AF140480" i="1"/>
  <c r="AF140481" i="1"/>
  <c r="AF140482" i="1"/>
  <c r="AF140483" i="1"/>
  <c r="AF140484" i="1"/>
  <c r="AF140485" i="1"/>
  <c r="AF140486" i="1"/>
  <c r="AF140487" i="1"/>
  <c r="AF140488" i="1"/>
  <c r="AF140489" i="1"/>
  <c r="AF140490" i="1"/>
  <c r="AF140491" i="1"/>
  <c r="AF140492" i="1"/>
  <c r="AF140493" i="1"/>
  <c r="AF140494" i="1"/>
  <c r="AF140495" i="1"/>
  <c r="AF140496" i="1"/>
  <c r="AF140497" i="1"/>
  <c r="AF140498" i="1"/>
  <c r="AF140499" i="1"/>
  <c r="AF140500" i="1"/>
  <c r="AF140501" i="1"/>
  <c r="AF140502" i="1"/>
  <c r="AF140503" i="1"/>
  <c r="AF140504" i="1"/>
  <c r="AF140505" i="1"/>
  <c r="AF140506" i="1"/>
  <c r="AF140507" i="1"/>
  <c r="AF140508" i="1"/>
  <c r="AF140509" i="1"/>
  <c r="AF140510" i="1"/>
  <c r="AF140511" i="1"/>
  <c r="AF140512" i="1"/>
  <c r="AF140513" i="1"/>
  <c r="AF140514" i="1"/>
  <c r="AF140515" i="1"/>
  <c r="AF140516" i="1"/>
  <c r="AF140517" i="1"/>
  <c r="AF140518" i="1"/>
  <c r="AF140519" i="1"/>
  <c r="AF140520" i="1"/>
  <c r="AF140521" i="1"/>
  <c r="AF140522" i="1"/>
  <c r="AF140523" i="1"/>
  <c r="AF140524" i="1"/>
  <c r="AF140525" i="1"/>
  <c r="AF140526" i="1"/>
  <c r="AF140527" i="1"/>
  <c r="AF140528" i="1"/>
  <c r="AF140529" i="1"/>
  <c r="AF140530" i="1"/>
  <c r="AF140531" i="1"/>
  <c r="AF140532" i="1"/>
  <c r="AF140533" i="1"/>
  <c r="AF140534" i="1"/>
  <c r="AF140535" i="1"/>
  <c r="AF140536" i="1"/>
  <c r="AF140537" i="1"/>
  <c r="AF140538" i="1"/>
  <c r="AF140539" i="1"/>
  <c r="AF140540" i="1"/>
  <c r="AF140541" i="1"/>
  <c r="AF140542" i="1"/>
  <c r="AF140543" i="1"/>
  <c r="AF140544" i="1"/>
  <c r="AF140545" i="1"/>
  <c r="AF140546" i="1"/>
  <c r="AF140547" i="1"/>
  <c r="AF140548" i="1"/>
  <c r="AF140549" i="1"/>
  <c r="AF140550" i="1"/>
  <c r="AF140551" i="1"/>
  <c r="AF140552" i="1"/>
  <c r="AF140553" i="1"/>
  <c r="AF140554" i="1"/>
  <c r="AF140555" i="1"/>
  <c r="AF140556" i="1"/>
  <c r="AF140557" i="1"/>
  <c r="AF140558" i="1"/>
  <c r="AF140559" i="1"/>
  <c r="AF140560" i="1"/>
  <c r="AF140561" i="1"/>
  <c r="AF140562" i="1"/>
  <c r="AF140563" i="1"/>
  <c r="AF140564" i="1"/>
  <c r="AF140565" i="1"/>
  <c r="AF140566" i="1"/>
  <c r="AF140567" i="1"/>
  <c r="AF140568" i="1"/>
  <c r="AF140569" i="1"/>
  <c r="AF140570" i="1"/>
  <c r="AF140571" i="1"/>
  <c r="AF140572" i="1"/>
  <c r="AF140573" i="1"/>
  <c r="AF140574" i="1"/>
  <c r="AF140575" i="1"/>
  <c r="AF140576" i="1"/>
  <c r="AF140577" i="1"/>
  <c r="AF140578" i="1"/>
  <c r="AF140579" i="1"/>
  <c r="AF140580" i="1"/>
  <c r="AF140581" i="1"/>
  <c r="AF140582" i="1"/>
  <c r="AF140583" i="1"/>
  <c r="AF140584" i="1"/>
  <c r="AF140585" i="1"/>
  <c r="AF140586" i="1"/>
  <c r="AF140587" i="1"/>
  <c r="AF140588" i="1"/>
  <c r="AF140589" i="1"/>
  <c r="AF140590" i="1"/>
  <c r="AF140591" i="1"/>
  <c r="AF140592" i="1"/>
  <c r="AF140593" i="1"/>
  <c r="AF140594" i="1"/>
  <c r="AF140595" i="1"/>
  <c r="AF140596" i="1"/>
  <c r="AF140597" i="1"/>
  <c r="AF140598" i="1"/>
  <c r="AF140599" i="1"/>
  <c r="AF140600" i="1"/>
  <c r="AF140601" i="1"/>
  <c r="AF140602" i="1"/>
  <c r="AF140603" i="1"/>
  <c r="AF140604" i="1"/>
  <c r="AF140605" i="1"/>
  <c r="AF140606" i="1"/>
  <c r="AF140607" i="1"/>
  <c r="AF140608" i="1"/>
  <c r="AF140609" i="1"/>
  <c r="AF140610" i="1"/>
  <c r="AF140611" i="1"/>
  <c r="AF140612" i="1"/>
  <c r="AF140613" i="1"/>
  <c r="AF140614" i="1"/>
  <c r="AF140615" i="1"/>
  <c r="AF140616" i="1"/>
  <c r="AF140617" i="1"/>
  <c r="AF140618" i="1"/>
  <c r="AF140619" i="1"/>
  <c r="AF140620" i="1"/>
  <c r="AF140621" i="1"/>
  <c r="AF140622" i="1"/>
  <c r="AF140623" i="1"/>
  <c r="AF140624" i="1"/>
  <c r="AF140625" i="1"/>
  <c r="AF140626" i="1"/>
  <c r="AF140627" i="1"/>
  <c r="AF140628" i="1"/>
  <c r="AF140629" i="1"/>
  <c r="AF140630" i="1"/>
  <c r="AF140631" i="1"/>
  <c r="AF140632" i="1"/>
  <c r="AF140633" i="1"/>
  <c r="AF140634" i="1"/>
  <c r="AF140635" i="1"/>
  <c r="AF140636" i="1"/>
  <c r="AF140637" i="1"/>
  <c r="AF140638" i="1"/>
  <c r="AF140639" i="1"/>
  <c r="AF140640" i="1"/>
  <c r="AF140641" i="1"/>
  <c r="AF140642" i="1"/>
  <c r="AF140643" i="1"/>
  <c r="AF140644" i="1"/>
  <c r="AF140645" i="1"/>
  <c r="AF140646" i="1"/>
  <c r="AF140647" i="1"/>
  <c r="AF140648" i="1"/>
  <c r="AF140649" i="1"/>
  <c r="AF140650" i="1"/>
  <c r="AF140651" i="1"/>
  <c r="AF140652" i="1"/>
  <c r="AF140653" i="1"/>
  <c r="AF140654" i="1"/>
  <c r="AF140655" i="1"/>
  <c r="AF140656" i="1"/>
  <c r="AF140657" i="1"/>
  <c r="AF140658" i="1"/>
  <c r="AF140659" i="1"/>
  <c r="AF140660" i="1"/>
  <c r="AF140661" i="1"/>
  <c r="AF140662" i="1"/>
  <c r="AF140663" i="1"/>
  <c r="AF140664" i="1"/>
  <c r="AF140665" i="1"/>
  <c r="AF140666" i="1"/>
  <c r="AF140667" i="1"/>
  <c r="AF140668" i="1"/>
  <c r="AF140669" i="1"/>
  <c r="AF140670" i="1"/>
  <c r="AF140671" i="1"/>
  <c r="AF140672" i="1"/>
  <c r="AF140673" i="1"/>
  <c r="AF140674" i="1"/>
  <c r="AF140675" i="1"/>
  <c r="AF140676" i="1"/>
  <c r="AF140677" i="1"/>
  <c r="AF140678" i="1"/>
  <c r="AF140679" i="1"/>
  <c r="AF140680" i="1"/>
  <c r="AF140681" i="1"/>
  <c r="AF140682" i="1"/>
  <c r="AF140683" i="1"/>
  <c r="AF140684" i="1"/>
  <c r="AF140685" i="1"/>
  <c r="AF140686" i="1"/>
  <c r="AF140687" i="1"/>
  <c r="AF140688" i="1"/>
  <c r="AF140689" i="1"/>
  <c r="AF140690" i="1"/>
  <c r="AF140691" i="1"/>
  <c r="AF140692" i="1"/>
  <c r="AF140693" i="1"/>
  <c r="AF140694" i="1"/>
  <c r="AF140695" i="1"/>
  <c r="AF140696" i="1"/>
  <c r="AF140697" i="1"/>
  <c r="AF140698" i="1"/>
  <c r="AF140699" i="1"/>
  <c r="AF140700" i="1"/>
  <c r="AF140701" i="1"/>
  <c r="AF140702" i="1"/>
  <c r="AF140703" i="1"/>
  <c r="AF140704" i="1"/>
  <c r="AF140705" i="1"/>
  <c r="AF140706" i="1"/>
  <c r="AF140707" i="1"/>
  <c r="AF140708" i="1"/>
  <c r="AF140709" i="1"/>
  <c r="AF140710" i="1"/>
  <c r="AF140711" i="1"/>
  <c r="AF140712" i="1"/>
  <c r="AF140713" i="1"/>
  <c r="AF140714" i="1"/>
  <c r="AF140715" i="1"/>
  <c r="AF140716" i="1"/>
  <c r="AF140717" i="1"/>
  <c r="AF140718" i="1"/>
  <c r="AF140719" i="1"/>
  <c r="AF140720" i="1"/>
  <c r="AF140721" i="1"/>
  <c r="AF140722" i="1"/>
  <c r="AF140723" i="1"/>
  <c r="AF140724" i="1"/>
  <c r="AF140725" i="1"/>
  <c r="AF140726" i="1"/>
  <c r="AF140727" i="1"/>
  <c r="AF140728" i="1"/>
  <c r="AF140729" i="1"/>
  <c r="AF140730" i="1"/>
  <c r="AF140731" i="1"/>
  <c r="AF140732" i="1"/>
  <c r="AF140733" i="1"/>
  <c r="AF140734" i="1"/>
  <c r="AF140735" i="1"/>
  <c r="AF140736" i="1"/>
  <c r="AF140737" i="1"/>
  <c r="AF140738" i="1"/>
  <c r="AF140739" i="1"/>
  <c r="AF140740" i="1"/>
  <c r="AF140741" i="1"/>
  <c r="AF140742" i="1"/>
  <c r="AF140743" i="1"/>
  <c r="AF140744" i="1"/>
  <c r="AF140745" i="1"/>
  <c r="AF140746" i="1"/>
  <c r="AF140747" i="1"/>
  <c r="AF140748" i="1"/>
  <c r="AF140749" i="1"/>
  <c r="AF140750" i="1"/>
  <c r="AF140751" i="1"/>
  <c r="AF140752" i="1"/>
  <c r="AF140753" i="1"/>
  <c r="AF140754" i="1"/>
  <c r="AF140755" i="1"/>
  <c r="AF140756" i="1"/>
  <c r="AF140757" i="1"/>
  <c r="AF140758" i="1"/>
  <c r="AF140759" i="1"/>
  <c r="AF140760" i="1"/>
  <c r="AF140761" i="1"/>
  <c r="AF140762" i="1"/>
  <c r="AF140763" i="1"/>
  <c r="AF140764" i="1"/>
  <c r="AF140765" i="1"/>
  <c r="AF140766" i="1"/>
  <c r="AF140767" i="1"/>
  <c r="AF140768" i="1"/>
  <c r="AF140769" i="1"/>
  <c r="AF140770" i="1"/>
  <c r="AF140771" i="1"/>
  <c r="AF140772" i="1"/>
  <c r="AF140773" i="1"/>
  <c r="AF140774" i="1"/>
  <c r="AF140775" i="1"/>
  <c r="AF140776" i="1"/>
  <c r="AF140777" i="1"/>
  <c r="AF140778" i="1"/>
  <c r="AF140779" i="1"/>
  <c r="AF140780" i="1"/>
  <c r="AF140781" i="1"/>
  <c r="AF140782" i="1"/>
  <c r="AF140783" i="1"/>
  <c r="AF140784" i="1"/>
  <c r="AF140785" i="1"/>
  <c r="AF140786" i="1"/>
  <c r="AF140787" i="1"/>
  <c r="AF140788" i="1"/>
  <c r="AF140789" i="1"/>
  <c r="AF140790" i="1"/>
  <c r="AF140791" i="1"/>
  <c r="AF140792" i="1"/>
  <c r="AF140793" i="1"/>
  <c r="AF140794" i="1"/>
  <c r="AF140795" i="1"/>
  <c r="AF140796" i="1"/>
  <c r="AF140797" i="1"/>
  <c r="AF140798" i="1"/>
  <c r="AF140799" i="1"/>
  <c r="AF140800" i="1"/>
  <c r="AF140801" i="1"/>
  <c r="AF140802" i="1"/>
  <c r="AF140803" i="1"/>
  <c r="AF140804" i="1"/>
  <c r="AF140805" i="1"/>
  <c r="AF140806" i="1"/>
  <c r="AF140807" i="1"/>
  <c r="AF140808" i="1"/>
  <c r="AF140809" i="1"/>
  <c r="AF140810" i="1"/>
  <c r="AF140811" i="1"/>
  <c r="AF140812" i="1"/>
  <c r="AF140813" i="1"/>
  <c r="AF140814" i="1"/>
  <c r="AF140815" i="1"/>
  <c r="AF140816" i="1"/>
  <c r="AF140817" i="1"/>
  <c r="AF140818" i="1"/>
  <c r="AF140819" i="1"/>
  <c r="AF140820" i="1"/>
  <c r="AF140821" i="1"/>
  <c r="AF140822" i="1"/>
  <c r="AF140823" i="1"/>
  <c r="AF140824" i="1"/>
  <c r="AF140825" i="1"/>
  <c r="AF140826" i="1"/>
  <c r="AF140827" i="1"/>
  <c r="AF140828" i="1"/>
  <c r="AF140829" i="1"/>
  <c r="AF140830" i="1"/>
  <c r="AF140831" i="1"/>
  <c r="AF140832" i="1"/>
  <c r="AF140833" i="1"/>
  <c r="AF140834" i="1"/>
  <c r="AF140835" i="1"/>
  <c r="AF140836" i="1"/>
  <c r="AF140837" i="1"/>
  <c r="AF140838" i="1"/>
  <c r="AF140839" i="1"/>
  <c r="AF140840" i="1"/>
  <c r="AF140841" i="1"/>
  <c r="AF140842" i="1"/>
  <c r="AF140843" i="1"/>
  <c r="AF140844" i="1"/>
  <c r="AF140845" i="1"/>
  <c r="AF140846" i="1"/>
  <c r="AF140847" i="1"/>
  <c r="AF140848" i="1"/>
  <c r="AF140849" i="1"/>
  <c r="AF140850" i="1"/>
  <c r="AF140851" i="1"/>
  <c r="AF140852" i="1"/>
  <c r="AF140853" i="1"/>
  <c r="AF140854" i="1"/>
  <c r="AF140855" i="1"/>
  <c r="AF140856" i="1"/>
  <c r="AF140857" i="1"/>
  <c r="AF140858" i="1"/>
  <c r="AF140859" i="1"/>
  <c r="AF140860" i="1"/>
  <c r="AF140861" i="1"/>
  <c r="AF140862" i="1"/>
  <c r="AF140863" i="1"/>
  <c r="AF140864" i="1"/>
  <c r="AF140865" i="1"/>
  <c r="AF140866" i="1"/>
  <c r="AF140867" i="1"/>
  <c r="AF140868" i="1"/>
  <c r="AF140869" i="1"/>
  <c r="AF140870" i="1"/>
  <c r="AF140871" i="1"/>
  <c r="AF140872" i="1"/>
  <c r="AF140873" i="1"/>
  <c r="AF140874" i="1"/>
  <c r="AF140875" i="1"/>
  <c r="AF140876" i="1"/>
  <c r="AF140877" i="1"/>
  <c r="AF140878" i="1"/>
  <c r="AF140879" i="1"/>
  <c r="AF140880" i="1"/>
  <c r="AF140881" i="1"/>
  <c r="AF140882" i="1"/>
  <c r="AF140883" i="1"/>
  <c r="AF140884" i="1"/>
  <c r="AF140885" i="1"/>
  <c r="AF140886" i="1"/>
  <c r="AF140887" i="1"/>
  <c r="AF140888" i="1"/>
  <c r="AF140889" i="1"/>
  <c r="AF140890" i="1"/>
  <c r="AF140891" i="1"/>
  <c r="AF140892" i="1"/>
  <c r="AF140893" i="1"/>
  <c r="AF140894" i="1"/>
  <c r="AF140895" i="1"/>
  <c r="AF140896" i="1"/>
  <c r="AF140897" i="1"/>
  <c r="AF140898" i="1"/>
  <c r="AF140899" i="1"/>
  <c r="AF140900" i="1"/>
  <c r="AF140901" i="1"/>
  <c r="AF140902" i="1"/>
  <c r="AF140903" i="1"/>
  <c r="AF140904" i="1"/>
  <c r="AF140905" i="1"/>
  <c r="AF140906" i="1"/>
  <c r="AF140907" i="1"/>
  <c r="AF140908" i="1"/>
  <c r="AF140909" i="1"/>
  <c r="AF140910" i="1"/>
  <c r="AF140911" i="1"/>
  <c r="AF140912" i="1"/>
  <c r="AF140913" i="1"/>
  <c r="AF140914" i="1"/>
  <c r="AF140915" i="1"/>
  <c r="AF140916" i="1"/>
  <c r="AF140917" i="1"/>
  <c r="AF140918" i="1"/>
  <c r="AF140919" i="1"/>
  <c r="AF140920" i="1"/>
  <c r="AF140921" i="1"/>
  <c r="AF140922" i="1"/>
  <c r="AF140923" i="1"/>
  <c r="AF140924" i="1"/>
  <c r="AF140925" i="1"/>
  <c r="AF140926" i="1"/>
  <c r="AF140927" i="1"/>
  <c r="AF140928" i="1"/>
  <c r="AF140929" i="1"/>
  <c r="AF140930" i="1"/>
  <c r="AF140931" i="1"/>
  <c r="AF140932" i="1"/>
  <c r="AF140933" i="1"/>
  <c r="AF140934" i="1"/>
  <c r="AF140935" i="1"/>
  <c r="AF140936" i="1"/>
  <c r="AF140937" i="1"/>
  <c r="AF140938" i="1"/>
  <c r="AF140939" i="1"/>
  <c r="AF140940" i="1"/>
  <c r="AF140941" i="1"/>
  <c r="AF140942" i="1"/>
  <c r="AF140943" i="1"/>
  <c r="AF140944" i="1"/>
  <c r="AF140945" i="1"/>
  <c r="AF140946" i="1"/>
  <c r="AF140947" i="1"/>
  <c r="AF140948" i="1"/>
  <c r="AF140949" i="1"/>
  <c r="AF140950" i="1"/>
  <c r="AF140951" i="1"/>
  <c r="AF140952" i="1"/>
  <c r="AF140953" i="1"/>
  <c r="AF140954" i="1"/>
  <c r="AF140955" i="1"/>
  <c r="AF140956" i="1"/>
  <c r="AF140957" i="1"/>
  <c r="AF140958" i="1"/>
  <c r="AF140959" i="1"/>
  <c r="AF140960" i="1"/>
  <c r="AF140961" i="1"/>
  <c r="AF140962" i="1"/>
  <c r="AF140963" i="1"/>
  <c r="AF140964" i="1"/>
  <c r="AF140965" i="1"/>
  <c r="AF140966" i="1"/>
  <c r="AF140967" i="1"/>
  <c r="AF140968" i="1"/>
  <c r="AF140969" i="1"/>
  <c r="AF140970" i="1"/>
  <c r="AF140971" i="1"/>
  <c r="AF140972" i="1"/>
  <c r="AF140973" i="1"/>
  <c r="AF140974" i="1"/>
  <c r="AF140975" i="1"/>
  <c r="AF140976" i="1"/>
  <c r="AF140977" i="1"/>
  <c r="AF140978" i="1"/>
  <c r="AF140979" i="1"/>
  <c r="AF140980" i="1"/>
  <c r="AF140981" i="1"/>
  <c r="AF140982" i="1"/>
  <c r="AF140983" i="1"/>
  <c r="AF140984" i="1"/>
  <c r="AF140985" i="1"/>
  <c r="AF140986" i="1"/>
  <c r="AF140987" i="1"/>
  <c r="AF140988" i="1"/>
  <c r="AF140989" i="1"/>
  <c r="AF140990" i="1"/>
  <c r="AF140991" i="1"/>
  <c r="AF140992" i="1"/>
  <c r="AF140993" i="1"/>
  <c r="AF140994" i="1"/>
  <c r="AF140995" i="1"/>
  <c r="AF140996" i="1"/>
  <c r="AF140997" i="1"/>
  <c r="AF140998" i="1"/>
  <c r="AF140999" i="1"/>
  <c r="AF141000" i="1"/>
  <c r="AF141001" i="1"/>
  <c r="AF141002" i="1"/>
  <c r="AF141003" i="1"/>
  <c r="AF141004" i="1"/>
  <c r="AF141005" i="1"/>
  <c r="AF141006" i="1"/>
  <c r="AF141007" i="1"/>
  <c r="AF141008" i="1"/>
  <c r="AF141009" i="1"/>
  <c r="AF141010" i="1"/>
  <c r="AF141011" i="1"/>
  <c r="AF141012" i="1"/>
  <c r="AF141013" i="1"/>
  <c r="AF141014" i="1"/>
  <c r="AF141015" i="1"/>
  <c r="AF141016" i="1"/>
  <c r="AF141017" i="1"/>
  <c r="AF141018" i="1"/>
  <c r="AF141019" i="1"/>
  <c r="AF141020" i="1"/>
  <c r="AF141021" i="1"/>
  <c r="AF141022" i="1"/>
  <c r="AF141023" i="1"/>
  <c r="AF141024" i="1"/>
  <c r="AF141025" i="1"/>
  <c r="AF141026" i="1"/>
  <c r="AF141027" i="1"/>
  <c r="AF141028" i="1"/>
  <c r="AF141029" i="1"/>
  <c r="AF141030" i="1"/>
  <c r="AF141031" i="1"/>
  <c r="AF141032" i="1"/>
  <c r="AF141033" i="1"/>
  <c r="AF141034" i="1"/>
  <c r="AF141035" i="1"/>
  <c r="AF141036" i="1"/>
  <c r="AF141037" i="1"/>
  <c r="AF141038" i="1"/>
  <c r="AF141039" i="1"/>
  <c r="AF141040" i="1"/>
  <c r="AF141041" i="1"/>
  <c r="AF141042" i="1"/>
  <c r="AF141043" i="1"/>
  <c r="AF141044" i="1"/>
  <c r="AF141045" i="1"/>
  <c r="AF141046" i="1"/>
  <c r="AF141047" i="1"/>
  <c r="AF141048" i="1"/>
  <c r="AF141049" i="1"/>
  <c r="AF141050" i="1"/>
  <c r="AF141051" i="1"/>
  <c r="AF141052" i="1"/>
  <c r="AF141053" i="1"/>
  <c r="AF141054" i="1"/>
  <c r="AF141055" i="1"/>
  <c r="AF141056" i="1"/>
  <c r="AF141057" i="1"/>
  <c r="AF141058" i="1"/>
  <c r="AF141059" i="1"/>
  <c r="AF141060" i="1"/>
  <c r="AF141061" i="1"/>
  <c r="AF141062" i="1"/>
  <c r="AF141063" i="1"/>
  <c r="AF141064" i="1"/>
  <c r="AF141065" i="1"/>
  <c r="AF141066" i="1"/>
  <c r="AF141067" i="1"/>
  <c r="AF141068" i="1"/>
  <c r="AF141069" i="1"/>
  <c r="AF141070" i="1"/>
  <c r="AF141071" i="1"/>
  <c r="AF141072" i="1"/>
  <c r="AF141073" i="1"/>
  <c r="AF141074" i="1"/>
  <c r="AF141075" i="1"/>
  <c r="AF141076" i="1"/>
  <c r="AF141077" i="1"/>
  <c r="AF141078" i="1"/>
  <c r="AF141079" i="1"/>
  <c r="AF141080" i="1"/>
  <c r="AF141081" i="1"/>
  <c r="AF141082" i="1"/>
  <c r="AF141083" i="1"/>
  <c r="AF141084" i="1"/>
  <c r="AF141085" i="1"/>
  <c r="AF141086" i="1"/>
  <c r="AF141087" i="1"/>
  <c r="AF141088" i="1"/>
  <c r="AF141089" i="1"/>
  <c r="AF141090" i="1"/>
  <c r="AF141091" i="1"/>
  <c r="AF141092" i="1"/>
  <c r="AF141093" i="1"/>
  <c r="AF141094" i="1"/>
  <c r="AF141095" i="1"/>
  <c r="AF141096" i="1"/>
  <c r="AF141097" i="1"/>
  <c r="AF141098" i="1"/>
  <c r="AF141099" i="1"/>
  <c r="AF141100" i="1"/>
  <c r="AF141101" i="1"/>
  <c r="AF141102" i="1"/>
  <c r="AF141103" i="1"/>
  <c r="AF141104" i="1"/>
  <c r="AF141105" i="1"/>
  <c r="AF141106" i="1"/>
  <c r="AF141107" i="1"/>
  <c r="AF141108" i="1"/>
  <c r="AF141109" i="1"/>
  <c r="AF141110" i="1"/>
  <c r="AF141111" i="1"/>
  <c r="AF141112" i="1"/>
  <c r="AF141113" i="1"/>
  <c r="AF141114" i="1"/>
  <c r="AF141115" i="1"/>
  <c r="AF141116" i="1"/>
  <c r="AF141117" i="1"/>
  <c r="AF141118" i="1"/>
  <c r="AF141119" i="1"/>
  <c r="AF141120" i="1"/>
  <c r="AF141121" i="1"/>
  <c r="AF141122" i="1"/>
  <c r="AF141123" i="1"/>
  <c r="AF141124" i="1"/>
  <c r="AF141125" i="1"/>
  <c r="AF141126" i="1"/>
  <c r="AF141127" i="1"/>
  <c r="AF141128" i="1"/>
  <c r="AF141129" i="1"/>
  <c r="AF141130" i="1"/>
  <c r="AF141131" i="1"/>
  <c r="AF141132" i="1"/>
  <c r="AF141133" i="1"/>
  <c r="AF141134" i="1"/>
  <c r="AF141135" i="1"/>
  <c r="AF141136" i="1"/>
  <c r="AF141137" i="1"/>
  <c r="AF141138" i="1"/>
  <c r="AF141139" i="1"/>
  <c r="AF141140" i="1"/>
  <c r="AF141141" i="1"/>
  <c r="AF141142" i="1"/>
  <c r="AF141143" i="1"/>
  <c r="AF141144" i="1"/>
  <c r="AF141145" i="1"/>
  <c r="AF141146" i="1"/>
  <c r="AF141147" i="1"/>
  <c r="AF141148" i="1"/>
  <c r="AF141149" i="1"/>
  <c r="AF141150" i="1"/>
  <c r="AF141151" i="1"/>
  <c r="AF141152" i="1"/>
  <c r="AF141153" i="1"/>
  <c r="AF141154" i="1"/>
  <c r="AF141155" i="1"/>
  <c r="AF141156" i="1"/>
  <c r="AF141157" i="1"/>
  <c r="AF141158" i="1"/>
  <c r="AF141159" i="1"/>
  <c r="AF141160" i="1"/>
  <c r="AF141161" i="1"/>
  <c r="AF141162" i="1"/>
  <c r="AF141163" i="1"/>
  <c r="AF141164" i="1"/>
  <c r="AF141165" i="1"/>
  <c r="AF141166" i="1"/>
  <c r="AF141167" i="1"/>
  <c r="AF141168" i="1"/>
  <c r="AF141169" i="1"/>
  <c r="AF141170" i="1"/>
  <c r="AF141171" i="1"/>
  <c r="AF141172" i="1"/>
  <c r="AF141173" i="1"/>
  <c r="AF141174" i="1"/>
  <c r="AF141175" i="1"/>
  <c r="AF141176" i="1"/>
  <c r="AF141177" i="1"/>
  <c r="AF141178" i="1"/>
  <c r="AF141179" i="1"/>
  <c r="AF141180" i="1"/>
  <c r="AF141181" i="1"/>
  <c r="AF141182" i="1"/>
  <c r="AF141183" i="1"/>
  <c r="AF141184" i="1"/>
  <c r="AF141185" i="1"/>
  <c r="AF141186" i="1"/>
  <c r="AF141187" i="1"/>
  <c r="AF141188" i="1"/>
  <c r="AF141189" i="1"/>
  <c r="AF141190" i="1"/>
  <c r="AF141191" i="1"/>
  <c r="AF141192" i="1"/>
  <c r="AF141193" i="1"/>
  <c r="AF141194" i="1"/>
  <c r="AF141195" i="1"/>
  <c r="AF141196" i="1"/>
  <c r="AF141197" i="1"/>
  <c r="AF141198" i="1"/>
  <c r="AF141199" i="1"/>
  <c r="AF141200" i="1"/>
  <c r="AF141201" i="1"/>
  <c r="AF141202" i="1"/>
  <c r="AF141203" i="1"/>
  <c r="AF141204" i="1"/>
  <c r="AF141205" i="1"/>
  <c r="AF141206" i="1"/>
  <c r="AF141207" i="1"/>
  <c r="AF141208" i="1"/>
  <c r="AF141209" i="1"/>
  <c r="AF141210" i="1"/>
  <c r="AF141211" i="1"/>
  <c r="AF141212" i="1"/>
  <c r="AF141213" i="1"/>
  <c r="AF141214" i="1"/>
  <c r="AF141215" i="1"/>
  <c r="AF141216" i="1"/>
  <c r="AF141217" i="1"/>
  <c r="AF141218" i="1"/>
  <c r="AF141219" i="1"/>
  <c r="AF141220" i="1"/>
  <c r="AF141221" i="1"/>
  <c r="AF141222" i="1"/>
  <c r="AF141223" i="1"/>
  <c r="AF141224" i="1"/>
  <c r="AF141225" i="1"/>
  <c r="AF141226" i="1"/>
  <c r="AF141227" i="1"/>
  <c r="AF141228" i="1"/>
  <c r="AF141229" i="1"/>
  <c r="AF141230" i="1"/>
  <c r="AF141231" i="1"/>
  <c r="AF141232" i="1"/>
  <c r="AF141233" i="1"/>
  <c r="AF141234" i="1"/>
  <c r="AF141235" i="1"/>
  <c r="AF141236" i="1"/>
  <c r="AF141237" i="1"/>
  <c r="AF141238" i="1"/>
  <c r="AF141239" i="1"/>
  <c r="AF141240" i="1"/>
  <c r="AF141241" i="1"/>
  <c r="AF141242" i="1"/>
  <c r="AF141243" i="1"/>
  <c r="AF141244" i="1"/>
  <c r="AF141245" i="1"/>
  <c r="AF141246" i="1"/>
  <c r="AF141247" i="1"/>
  <c r="AF141248" i="1"/>
  <c r="AF141249" i="1"/>
  <c r="AF141250" i="1"/>
  <c r="AF141251" i="1"/>
  <c r="AF141252" i="1"/>
  <c r="AF141253" i="1"/>
  <c r="AF141254" i="1"/>
  <c r="AF141255" i="1"/>
  <c r="AF141256" i="1"/>
  <c r="AF141257" i="1"/>
  <c r="AF141258" i="1"/>
  <c r="AF141259" i="1"/>
  <c r="AF141260" i="1"/>
  <c r="AF141261" i="1"/>
  <c r="AF141262" i="1"/>
  <c r="AF141263" i="1"/>
  <c r="AF141264" i="1"/>
  <c r="AF141265" i="1"/>
  <c r="AF141266" i="1"/>
  <c r="AF141267" i="1"/>
  <c r="AF141268" i="1"/>
  <c r="AF141269" i="1"/>
  <c r="AF141270" i="1"/>
  <c r="AF141271" i="1"/>
  <c r="AF141272" i="1"/>
  <c r="AF141273" i="1"/>
  <c r="AF141274" i="1"/>
  <c r="AF141275" i="1"/>
  <c r="AF141276" i="1"/>
  <c r="AF141277" i="1"/>
  <c r="AF141278" i="1"/>
  <c r="AF141279" i="1"/>
  <c r="AF141280" i="1"/>
  <c r="AF141281" i="1"/>
  <c r="AF141282" i="1"/>
  <c r="AF141283" i="1"/>
  <c r="AF141284" i="1"/>
  <c r="AF141285" i="1"/>
  <c r="AF141286" i="1"/>
  <c r="AF141287" i="1"/>
  <c r="AF141288" i="1"/>
  <c r="AF141289" i="1"/>
  <c r="AF141290" i="1"/>
  <c r="AF141291" i="1"/>
  <c r="AF141292" i="1"/>
  <c r="AF141293" i="1"/>
  <c r="AF141294" i="1"/>
  <c r="AF141295" i="1"/>
  <c r="AF141296" i="1"/>
  <c r="AF141297" i="1"/>
  <c r="AF141298" i="1"/>
  <c r="AF141299" i="1"/>
  <c r="AF141300" i="1"/>
  <c r="AF141301" i="1"/>
  <c r="AF141302" i="1"/>
  <c r="AF141303" i="1"/>
  <c r="AF141304" i="1"/>
  <c r="AF141305" i="1"/>
  <c r="AF141306" i="1"/>
  <c r="AF141307" i="1"/>
  <c r="AF141308" i="1"/>
  <c r="AF141309" i="1"/>
  <c r="AF141310" i="1"/>
  <c r="AF141311" i="1"/>
  <c r="AF141312" i="1"/>
  <c r="AF141313" i="1"/>
  <c r="AF141314" i="1"/>
  <c r="AF141315" i="1"/>
  <c r="AF141316" i="1"/>
  <c r="AF141317" i="1"/>
  <c r="AF141318" i="1"/>
  <c r="AF141319" i="1"/>
  <c r="AF141320" i="1"/>
  <c r="AF141321" i="1"/>
  <c r="AF141322" i="1"/>
  <c r="AF141323" i="1"/>
  <c r="AF141324" i="1"/>
  <c r="AF141325" i="1"/>
  <c r="AF141326" i="1"/>
  <c r="AF141327" i="1"/>
  <c r="AF141328" i="1"/>
  <c r="AF141329" i="1"/>
  <c r="AF141330" i="1"/>
  <c r="AF141331" i="1"/>
  <c r="AF141332" i="1"/>
  <c r="AF141333" i="1"/>
  <c r="AF141334" i="1"/>
  <c r="AF141335" i="1"/>
  <c r="AF141336" i="1"/>
  <c r="AF141337" i="1"/>
  <c r="AF141338" i="1"/>
  <c r="AF141339" i="1"/>
  <c r="AF141340" i="1"/>
  <c r="AF141341" i="1"/>
  <c r="AF141342" i="1"/>
  <c r="AF141343" i="1"/>
  <c r="AF141344" i="1"/>
  <c r="AF141345" i="1"/>
  <c r="AF141346" i="1"/>
  <c r="AF141347" i="1"/>
  <c r="AF141348" i="1"/>
  <c r="AF141349" i="1"/>
  <c r="AF141350" i="1"/>
  <c r="AF141351" i="1"/>
  <c r="AF141352" i="1"/>
  <c r="AF141353" i="1"/>
  <c r="AF141354" i="1"/>
  <c r="AF141355" i="1"/>
  <c r="AF141356" i="1"/>
  <c r="AF141357" i="1"/>
  <c r="AF141358" i="1"/>
  <c r="AF141359" i="1"/>
  <c r="AF141360" i="1"/>
  <c r="AF141361" i="1"/>
  <c r="AF141362" i="1"/>
  <c r="AF141363" i="1"/>
  <c r="AF141364" i="1"/>
  <c r="AF141365" i="1"/>
  <c r="AF141366" i="1"/>
  <c r="AF141367" i="1"/>
  <c r="AF141368" i="1"/>
  <c r="AF141369" i="1"/>
  <c r="AF141370" i="1"/>
  <c r="AF141371" i="1"/>
  <c r="AF141372" i="1"/>
  <c r="AF141373" i="1"/>
  <c r="AF141374" i="1"/>
  <c r="AF141375" i="1"/>
  <c r="AF141376" i="1"/>
  <c r="AF141377" i="1"/>
  <c r="AF141378" i="1"/>
  <c r="AF141379" i="1"/>
  <c r="AF141380" i="1"/>
  <c r="AF141381" i="1"/>
  <c r="AF141382" i="1"/>
  <c r="AF141383" i="1"/>
  <c r="AF141384" i="1"/>
  <c r="AF141385" i="1"/>
  <c r="AF141386" i="1"/>
  <c r="AF141387" i="1"/>
  <c r="AF141388" i="1"/>
  <c r="AF141389" i="1"/>
  <c r="AF141390" i="1"/>
  <c r="AF141391" i="1"/>
  <c r="AF141392" i="1"/>
  <c r="AF141393" i="1"/>
  <c r="AF141394" i="1"/>
  <c r="AF141395" i="1"/>
  <c r="AF141396" i="1"/>
  <c r="AF141397" i="1"/>
  <c r="AF141398" i="1"/>
  <c r="AF141399" i="1"/>
  <c r="AF141400" i="1"/>
  <c r="AF141401" i="1"/>
  <c r="AF141402" i="1"/>
  <c r="AF141403" i="1"/>
  <c r="AF141404" i="1"/>
  <c r="AF141405" i="1"/>
  <c r="AF141406" i="1"/>
  <c r="AF141407" i="1"/>
  <c r="AF141408" i="1"/>
  <c r="AF141409" i="1"/>
  <c r="AF141410" i="1"/>
  <c r="AF141411" i="1"/>
  <c r="AF141412" i="1"/>
  <c r="AF141413" i="1"/>
  <c r="AF141414" i="1"/>
  <c r="AF141415" i="1"/>
  <c r="AF141416" i="1"/>
  <c r="AF141417" i="1"/>
  <c r="AF141418" i="1"/>
  <c r="AF141419" i="1"/>
  <c r="AF141420" i="1"/>
  <c r="AF141421" i="1"/>
  <c r="AF141422" i="1"/>
  <c r="AF141423" i="1"/>
  <c r="AF141424" i="1"/>
  <c r="AF141425" i="1"/>
  <c r="AF141426" i="1"/>
  <c r="AF141427" i="1"/>
  <c r="AF141428" i="1"/>
  <c r="AF141429" i="1"/>
  <c r="AF141430" i="1"/>
  <c r="AF141431" i="1"/>
  <c r="AF141432" i="1"/>
  <c r="AF141433" i="1"/>
  <c r="AF141434" i="1"/>
  <c r="AF141435" i="1"/>
  <c r="AF141436" i="1"/>
  <c r="AF141437" i="1"/>
  <c r="AF141438" i="1"/>
  <c r="AF141439" i="1"/>
  <c r="AF141440" i="1"/>
  <c r="AF141441" i="1"/>
  <c r="AF141442" i="1"/>
  <c r="AF141443" i="1"/>
  <c r="AF141444" i="1"/>
  <c r="AF141445" i="1"/>
  <c r="AF141446" i="1"/>
  <c r="AF141447" i="1"/>
  <c r="AF141448" i="1"/>
  <c r="AF141449" i="1"/>
  <c r="AF141450" i="1"/>
  <c r="AF141451" i="1"/>
  <c r="AF141452" i="1"/>
  <c r="AF141453" i="1"/>
  <c r="AF141454" i="1"/>
  <c r="AF141455" i="1"/>
  <c r="AF141456" i="1"/>
  <c r="AF141457" i="1"/>
  <c r="AF141458" i="1"/>
  <c r="AF141459" i="1"/>
  <c r="AF141460" i="1"/>
  <c r="AF141461" i="1"/>
  <c r="AF141462" i="1"/>
  <c r="AF141463" i="1"/>
  <c r="AF141464" i="1"/>
  <c r="AF141465" i="1"/>
  <c r="AF141466" i="1"/>
  <c r="AF141467" i="1"/>
  <c r="AF141468" i="1"/>
  <c r="AF141469" i="1"/>
  <c r="AF141470" i="1"/>
  <c r="AF141471" i="1"/>
  <c r="AF141472" i="1"/>
  <c r="AF141473" i="1"/>
  <c r="AF141474" i="1"/>
  <c r="AF141475" i="1"/>
  <c r="AF141476" i="1"/>
  <c r="AF141477" i="1"/>
  <c r="AF141478" i="1"/>
  <c r="AF141479" i="1"/>
  <c r="AF141480" i="1"/>
  <c r="AF141481" i="1"/>
  <c r="AF141482" i="1"/>
  <c r="AF141483" i="1"/>
  <c r="AF141484" i="1"/>
  <c r="AF141485" i="1"/>
  <c r="AF141486" i="1"/>
  <c r="AF141487" i="1"/>
  <c r="AF141488" i="1"/>
  <c r="AF141489" i="1"/>
  <c r="AF141490" i="1"/>
  <c r="AF141491" i="1"/>
  <c r="AF141492" i="1"/>
  <c r="AF141493" i="1"/>
  <c r="AF141494" i="1"/>
  <c r="AF141495" i="1"/>
  <c r="AF141496" i="1"/>
  <c r="AF141497" i="1"/>
  <c r="AF141498" i="1"/>
  <c r="AF141499" i="1"/>
  <c r="AF141500" i="1"/>
  <c r="AF141501" i="1"/>
  <c r="AF141502" i="1"/>
  <c r="AF141503" i="1"/>
  <c r="AF141504" i="1"/>
  <c r="AF141505" i="1"/>
  <c r="AF141506" i="1"/>
  <c r="AF141507" i="1"/>
  <c r="AF141508" i="1"/>
  <c r="AF141509" i="1"/>
  <c r="AF141510" i="1"/>
  <c r="AF141511" i="1"/>
  <c r="AF141512" i="1"/>
  <c r="AF141513" i="1"/>
  <c r="AF141514" i="1"/>
  <c r="AF141515" i="1"/>
  <c r="AF141516" i="1"/>
  <c r="AF141517" i="1"/>
  <c r="AF141518" i="1"/>
  <c r="AF141519" i="1"/>
  <c r="AF141520" i="1"/>
  <c r="AF141521" i="1"/>
  <c r="AF141522" i="1"/>
  <c r="AF141523" i="1"/>
  <c r="AF141524" i="1"/>
  <c r="AF141525" i="1"/>
  <c r="AF141526" i="1"/>
  <c r="AF141527" i="1"/>
  <c r="AF141528" i="1"/>
  <c r="AF141529" i="1"/>
  <c r="AF141530" i="1"/>
  <c r="AF141531" i="1"/>
  <c r="AF141532" i="1"/>
  <c r="AF141533" i="1"/>
  <c r="AF141534" i="1"/>
  <c r="AF141535" i="1"/>
  <c r="AF141536" i="1"/>
  <c r="AF141537" i="1"/>
  <c r="AF141538" i="1"/>
  <c r="AF141539" i="1"/>
  <c r="AF141540" i="1"/>
  <c r="AF141541" i="1"/>
  <c r="AF141542" i="1"/>
  <c r="AF141543" i="1"/>
  <c r="AF141544" i="1"/>
  <c r="AF141545" i="1"/>
  <c r="AF141546" i="1"/>
  <c r="AF141547" i="1"/>
  <c r="AF141548" i="1"/>
  <c r="AF141549" i="1"/>
  <c r="AF141550" i="1"/>
  <c r="AF141551" i="1"/>
  <c r="AF141552" i="1"/>
  <c r="AF141553" i="1"/>
  <c r="AF141554" i="1"/>
  <c r="AF141555" i="1"/>
  <c r="AF141556" i="1"/>
  <c r="AF141557" i="1"/>
  <c r="AF141558" i="1"/>
  <c r="AF141559" i="1"/>
  <c r="AF141560" i="1"/>
  <c r="AF141561" i="1"/>
  <c r="AF141562" i="1"/>
  <c r="AF141563" i="1"/>
  <c r="AF141564" i="1"/>
  <c r="AF141565" i="1"/>
  <c r="AF141566" i="1"/>
  <c r="AF141567" i="1"/>
  <c r="AF141568" i="1"/>
  <c r="AF141569" i="1"/>
  <c r="AF141570" i="1"/>
  <c r="AF141571" i="1"/>
  <c r="AF141572" i="1"/>
  <c r="AF141573" i="1"/>
  <c r="AF141574" i="1"/>
  <c r="AF141575" i="1"/>
  <c r="AF141576" i="1"/>
  <c r="AF141577" i="1"/>
  <c r="AF141578" i="1"/>
  <c r="AF141579" i="1"/>
  <c r="AF141580" i="1"/>
  <c r="AF141581" i="1"/>
  <c r="AF141582" i="1"/>
  <c r="AF141583" i="1"/>
  <c r="AF141584" i="1"/>
  <c r="AF141585" i="1"/>
  <c r="AF141586" i="1"/>
  <c r="AF141587" i="1"/>
  <c r="AF141588" i="1"/>
  <c r="AF141589" i="1"/>
  <c r="AF141590" i="1"/>
  <c r="AF141591" i="1"/>
  <c r="AF141592" i="1"/>
  <c r="AF141593" i="1"/>
  <c r="AF141594" i="1"/>
  <c r="AF141595" i="1"/>
  <c r="AF141596" i="1"/>
  <c r="AF141597" i="1"/>
  <c r="AF141598" i="1"/>
  <c r="AF141599" i="1"/>
  <c r="AF141600" i="1"/>
  <c r="AF141601" i="1"/>
  <c r="AF141602" i="1"/>
  <c r="AF141603" i="1"/>
  <c r="AF141604" i="1"/>
  <c r="AF141605" i="1"/>
  <c r="AF141606" i="1"/>
  <c r="AF141607" i="1"/>
  <c r="AF141608" i="1"/>
  <c r="AF141609" i="1"/>
  <c r="AF141610" i="1"/>
  <c r="AF141611" i="1"/>
  <c r="AF141612" i="1"/>
  <c r="AF141613" i="1"/>
  <c r="AF141614" i="1"/>
  <c r="AF141615" i="1"/>
  <c r="AF141616" i="1"/>
  <c r="AF141617" i="1"/>
  <c r="AF141618" i="1"/>
  <c r="AF141619" i="1"/>
  <c r="AF141620" i="1"/>
  <c r="AF141621" i="1"/>
  <c r="AF141622" i="1"/>
  <c r="AF141623" i="1"/>
  <c r="AF141624" i="1"/>
  <c r="AF141625" i="1"/>
  <c r="AF141626" i="1"/>
  <c r="AF141627" i="1"/>
  <c r="AF141628" i="1"/>
  <c r="AF141629" i="1"/>
  <c r="AF141630" i="1"/>
  <c r="AF141631" i="1"/>
  <c r="AF141632" i="1"/>
  <c r="AF141633" i="1"/>
  <c r="AF141634" i="1"/>
  <c r="AF141635" i="1"/>
  <c r="AF141636" i="1"/>
  <c r="AF141637" i="1"/>
  <c r="AF141638" i="1"/>
  <c r="AF141639" i="1"/>
  <c r="AF141640" i="1"/>
  <c r="AF141641" i="1"/>
  <c r="AF141642" i="1"/>
  <c r="AF141643" i="1"/>
  <c r="AF141644" i="1"/>
  <c r="AF141645" i="1"/>
  <c r="AF141646" i="1"/>
  <c r="AF141647" i="1"/>
  <c r="AF141648" i="1"/>
  <c r="AF141649" i="1"/>
  <c r="AF141650" i="1"/>
  <c r="AF141651" i="1"/>
  <c r="AF141652" i="1"/>
  <c r="AF141653" i="1"/>
  <c r="AF141654" i="1"/>
  <c r="AF141655" i="1"/>
  <c r="AF141656" i="1"/>
  <c r="AF141657" i="1"/>
  <c r="AF141658" i="1"/>
  <c r="AF141659" i="1"/>
  <c r="AF141660" i="1"/>
  <c r="AF141661" i="1"/>
  <c r="AF141662" i="1"/>
  <c r="AF141663" i="1"/>
  <c r="AF141664" i="1"/>
  <c r="AF141665" i="1"/>
  <c r="AF141666" i="1"/>
  <c r="AF141667" i="1"/>
  <c r="AF141668" i="1"/>
  <c r="AF141669" i="1"/>
  <c r="AF141670" i="1"/>
  <c r="AF141671" i="1"/>
  <c r="AF141672" i="1"/>
  <c r="AF141673" i="1"/>
  <c r="AF141674" i="1"/>
  <c r="AF141675" i="1"/>
  <c r="AF141676" i="1"/>
  <c r="AF141677" i="1"/>
  <c r="AF141678" i="1"/>
  <c r="AF141679" i="1"/>
  <c r="AF141680" i="1"/>
  <c r="AF141681" i="1"/>
  <c r="AF141682" i="1"/>
  <c r="AF141683" i="1"/>
  <c r="AF141684" i="1"/>
  <c r="AF141685" i="1"/>
  <c r="AF141686" i="1"/>
  <c r="AF141687" i="1"/>
  <c r="AF141688" i="1"/>
  <c r="AF141689" i="1"/>
  <c r="AF141690" i="1"/>
  <c r="AF141691" i="1"/>
  <c r="AF141692" i="1"/>
  <c r="AF141693" i="1"/>
  <c r="AF141694" i="1"/>
  <c r="AF141695" i="1"/>
  <c r="AF141696" i="1"/>
  <c r="AF141697" i="1"/>
  <c r="AF141698" i="1"/>
  <c r="AF141699" i="1"/>
  <c r="AF141700" i="1"/>
  <c r="AF141701" i="1"/>
  <c r="AF141702" i="1"/>
  <c r="AF141703" i="1"/>
  <c r="AF141704" i="1"/>
  <c r="AF141705" i="1"/>
  <c r="AF141706" i="1"/>
  <c r="AF141707" i="1"/>
  <c r="AF141708" i="1"/>
  <c r="AF141709" i="1"/>
  <c r="AF141710" i="1"/>
  <c r="AF141711" i="1"/>
  <c r="AF141712" i="1"/>
  <c r="AF141713" i="1"/>
  <c r="AF141714" i="1"/>
  <c r="AF141715" i="1"/>
  <c r="AF141716" i="1"/>
  <c r="AF141717" i="1"/>
  <c r="AF141718" i="1"/>
  <c r="AF141719" i="1"/>
  <c r="AF141720" i="1"/>
  <c r="AF141721" i="1"/>
  <c r="AF141722" i="1"/>
  <c r="AF141723" i="1"/>
  <c r="AF141724" i="1"/>
  <c r="AF141725" i="1"/>
  <c r="AF141726" i="1"/>
  <c r="AF141727" i="1"/>
  <c r="AF141728" i="1"/>
  <c r="AF141729" i="1"/>
  <c r="AF141730" i="1"/>
  <c r="AF141731" i="1"/>
  <c r="AF141732" i="1"/>
  <c r="AF141733" i="1"/>
  <c r="AF141734" i="1"/>
  <c r="AF141735" i="1"/>
  <c r="AF141736" i="1"/>
  <c r="AF141737" i="1"/>
  <c r="AF141738" i="1"/>
  <c r="AF141739" i="1"/>
  <c r="AF141740" i="1"/>
  <c r="AF141741" i="1"/>
  <c r="AF141742" i="1"/>
  <c r="AF141743" i="1"/>
  <c r="AF141744" i="1"/>
  <c r="AF141745" i="1"/>
  <c r="AF141746" i="1"/>
  <c r="AF141747" i="1"/>
  <c r="AF141748" i="1"/>
  <c r="AF141749" i="1"/>
  <c r="AF141750" i="1"/>
  <c r="AF141751" i="1"/>
  <c r="AF141752" i="1"/>
  <c r="AF141753" i="1"/>
  <c r="AF141754" i="1"/>
  <c r="AF141755" i="1"/>
  <c r="AF141756" i="1"/>
  <c r="AF141757" i="1"/>
  <c r="AF141758" i="1"/>
  <c r="AF141759" i="1"/>
  <c r="AF141760" i="1"/>
  <c r="AF141761" i="1"/>
  <c r="AF141762" i="1"/>
  <c r="AF141763" i="1"/>
  <c r="AF141764" i="1"/>
  <c r="AF141765" i="1"/>
  <c r="AF141766" i="1"/>
  <c r="AF141767" i="1"/>
  <c r="AF141768" i="1"/>
  <c r="AF141769" i="1"/>
  <c r="AF141770" i="1"/>
  <c r="AF141771" i="1"/>
  <c r="AF141772" i="1"/>
  <c r="AF141773" i="1"/>
  <c r="AF141774" i="1"/>
  <c r="AF141775" i="1"/>
  <c r="AF141776" i="1"/>
  <c r="AF141777" i="1"/>
  <c r="AF141778" i="1"/>
  <c r="AF141779" i="1"/>
  <c r="AF141780" i="1"/>
  <c r="AF141781" i="1"/>
  <c r="AF141782" i="1"/>
  <c r="AF141783" i="1"/>
  <c r="AF141784" i="1"/>
  <c r="AF141785" i="1"/>
  <c r="AF141786" i="1"/>
  <c r="AF141787" i="1"/>
  <c r="AF141788" i="1"/>
  <c r="AF141789" i="1"/>
  <c r="AF141790" i="1"/>
  <c r="AF141791" i="1"/>
  <c r="AF141792" i="1"/>
  <c r="AF141793" i="1"/>
  <c r="AF141794" i="1"/>
  <c r="AF141795" i="1"/>
  <c r="AF141796" i="1"/>
  <c r="AF141797" i="1"/>
  <c r="AF141798" i="1"/>
  <c r="AF141799" i="1"/>
  <c r="AF141800" i="1"/>
  <c r="AF141801" i="1"/>
  <c r="AF141802" i="1"/>
  <c r="AF141803" i="1"/>
  <c r="AF141804" i="1"/>
  <c r="AF141805" i="1"/>
  <c r="AF141806" i="1"/>
  <c r="AF141807" i="1"/>
  <c r="AF141808" i="1"/>
  <c r="AF141809" i="1"/>
  <c r="AF141810" i="1"/>
  <c r="AF141811" i="1"/>
  <c r="AF141812" i="1"/>
  <c r="AF141813" i="1"/>
  <c r="AF141814" i="1"/>
  <c r="AF141815" i="1"/>
  <c r="AF141816" i="1"/>
  <c r="AF141817" i="1"/>
  <c r="AF141818" i="1"/>
  <c r="AF141819" i="1"/>
  <c r="AF141820" i="1"/>
  <c r="AF141821" i="1"/>
  <c r="AF141822" i="1"/>
  <c r="AF141823" i="1"/>
  <c r="AF141824" i="1"/>
  <c r="AF141825" i="1"/>
  <c r="AF141826" i="1"/>
  <c r="AF141827" i="1"/>
  <c r="AF141828" i="1"/>
  <c r="AF141829" i="1"/>
  <c r="AF141830" i="1"/>
  <c r="AF141831" i="1"/>
  <c r="AF141832" i="1"/>
  <c r="AF141833" i="1"/>
  <c r="AF141834" i="1"/>
  <c r="AF141835" i="1"/>
  <c r="AF141836" i="1"/>
  <c r="AF141837" i="1"/>
  <c r="AF141838" i="1"/>
  <c r="AF141839" i="1"/>
  <c r="AF141840" i="1"/>
  <c r="AF141841" i="1"/>
  <c r="AF141842" i="1"/>
  <c r="AF141843" i="1"/>
  <c r="AF141844" i="1"/>
  <c r="AF141845" i="1"/>
  <c r="AF141846" i="1"/>
  <c r="AF141847" i="1"/>
  <c r="AF141848" i="1"/>
  <c r="AF141849" i="1"/>
  <c r="AF141850" i="1"/>
  <c r="AF141851" i="1"/>
  <c r="AF141852" i="1"/>
  <c r="AF141853" i="1"/>
  <c r="AF141854" i="1"/>
  <c r="AF141855" i="1"/>
  <c r="AF141856" i="1"/>
  <c r="AF141857" i="1"/>
  <c r="AF141858" i="1"/>
  <c r="AF141859" i="1"/>
  <c r="AF141860" i="1"/>
  <c r="AF141861" i="1"/>
  <c r="AF141862" i="1"/>
  <c r="AF141863" i="1"/>
  <c r="AF141864" i="1"/>
  <c r="AF141865" i="1"/>
  <c r="AF141866" i="1"/>
  <c r="AF141867" i="1"/>
  <c r="AF141868" i="1"/>
  <c r="AF141869" i="1"/>
  <c r="AF141870" i="1"/>
  <c r="AF141871" i="1"/>
  <c r="AF141872" i="1"/>
  <c r="AF141873" i="1"/>
  <c r="AF141874" i="1"/>
  <c r="AF141875" i="1"/>
  <c r="AF141876" i="1"/>
  <c r="AF141877" i="1"/>
  <c r="AF141878" i="1"/>
  <c r="AF141879" i="1"/>
  <c r="AF141880" i="1"/>
  <c r="AF141881" i="1"/>
  <c r="AF141882" i="1"/>
  <c r="AF141883" i="1"/>
  <c r="AF141884" i="1"/>
  <c r="AF141885" i="1"/>
  <c r="AF141886" i="1"/>
  <c r="AF141887" i="1"/>
  <c r="AF141888" i="1"/>
  <c r="AF141889" i="1"/>
  <c r="AF141890" i="1"/>
  <c r="AF141891" i="1"/>
  <c r="AF141892" i="1"/>
  <c r="AF141893" i="1"/>
  <c r="AF141894" i="1"/>
  <c r="AF141895" i="1"/>
  <c r="AF141896" i="1"/>
  <c r="AF141897" i="1"/>
  <c r="AF141898" i="1"/>
  <c r="AF141899" i="1"/>
  <c r="AF141900" i="1"/>
  <c r="AF141901" i="1"/>
  <c r="AF141902" i="1"/>
  <c r="AF141903" i="1"/>
  <c r="AF141904" i="1"/>
  <c r="AF141905" i="1"/>
  <c r="AF141906" i="1"/>
  <c r="AF141907" i="1"/>
  <c r="AF141908" i="1"/>
  <c r="AF141909" i="1"/>
  <c r="AF141910" i="1"/>
  <c r="AF141911" i="1"/>
  <c r="AF141912" i="1"/>
  <c r="AF141913" i="1"/>
  <c r="AF141914" i="1"/>
  <c r="AF141915" i="1"/>
  <c r="AF141916" i="1"/>
  <c r="AF141917" i="1"/>
  <c r="AF141918" i="1"/>
  <c r="AF141919" i="1"/>
  <c r="AF141920" i="1"/>
  <c r="AF141921" i="1"/>
  <c r="AF141922" i="1"/>
  <c r="AF141923" i="1"/>
  <c r="AF141924" i="1"/>
  <c r="AF141925" i="1"/>
  <c r="AF141926" i="1"/>
  <c r="AF141927" i="1"/>
  <c r="AF141928" i="1"/>
  <c r="AF141929" i="1"/>
  <c r="AF141930" i="1"/>
  <c r="AF141931" i="1"/>
  <c r="AF141932" i="1"/>
  <c r="AF141933" i="1"/>
  <c r="AF141934" i="1"/>
  <c r="AF141935" i="1"/>
  <c r="AF141936" i="1"/>
  <c r="AF141937" i="1"/>
  <c r="AF141938" i="1"/>
  <c r="AF141939" i="1"/>
  <c r="AF141940" i="1"/>
  <c r="AF141941" i="1"/>
  <c r="AF141942" i="1"/>
  <c r="AF141943" i="1"/>
  <c r="AF141944" i="1"/>
  <c r="AF141945" i="1"/>
  <c r="AF141946" i="1"/>
  <c r="AF141947" i="1"/>
  <c r="AF141948" i="1"/>
  <c r="AF141949" i="1"/>
  <c r="AF141950" i="1"/>
  <c r="AF141951" i="1"/>
  <c r="AF141952" i="1"/>
  <c r="AF141953" i="1"/>
  <c r="AF141954" i="1"/>
  <c r="AF141955" i="1"/>
  <c r="AF141956" i="1"/>
  <c r="AF141957" i="1"/>
  <c r="AF141958" i="1"/>
  <c r="AF141959" i="1"/>
  <c r="AF141960" i="1"/>
  <c r="AF141961" i="1"/>
  <c r="AF141962" i="1"/>
  <c r="AF141963" i="1"/>
  <c r="AF141964" i="1"/>
  <c r="AF141965" i="1"/>
  <c r="AF141966" i="1"/>
  <c r="AF141967" i="1"/>
  <c r="AF141968" i="1"/>
  <c r="AF141969" i="1"/>
  <c r="AF141970" i="1"/>
  <c r="AF141971" i="1"/>
  <c r="AF141972" i="1"/>
  <c r="AF141973" i="1"/>
  <c r="AF141974" i="1"/>
  <c r="AF141975" i="1"/>
  <c r="AF141976" i="1"/>
  <c r="AF141977" i="1"/>
  <c r="AF141978" i="1"/>
  <c r="AF141979" i="1"/>
  <c r="AF141980" i="1"/>
  <c r="AF141981" i="1"/>
  <c r="AF141982" i="1"/>
  <c r="AF141983" i="1"/>
  <c r="AF141984" i="1"/>
  <c r="AF141985" i="1"/>
  <c r="AF141986" i="1"/>
  <c r="AF141987" i="1"/>
  <c r="AF141988" i="1"/>
  <c r="AF141989" i="1"/>
  <c r="AF141990" i="1"/>
  <c r="AF141991" i="1"/>
  <c r="AF141992" i="1"/>
  <c r="AF141993" i="1"/>
  <c r="AF141994" i="1"/>
  <c r="AF141995" i="1"/>
  <c r="AF141996" i="1"/>
  <c r="AF141997" i="1"/>
  <c r="AF141998" i="1"/>
  <c r="AF141999" i="1"/>
  <c r="AF142000" i="1"/>
  <c r="AF142001" i="1"/>
  <c r="AF142002" i="1"/>
  <c r="AF142003" i="1"/>
  <c r="AF142004" i="1"/>
  <c r="AF142005" i="1"/>
  <c r="AF142006" i="1"/>
  <c r="AF142007" i="1"/>
  <c r="AF142008" i="1"/>
  <c r="AF142009" i="1"/>
  <c r="AF142010" i="1"/>
  <c r="AF142011" i="1"/>
  <c r="AF142012" i="1"/>
  <c r="AF142013" i="1"/>
  <c r="AF142014" i="1"/>
  <c r="AF142015" i="1"/>
  <c r="AF142016" i="1"/>
  <c r="AF142017" i="1"/>
  <c r="AF142018" i="1"/>
  <c r="AF142019" i="1"/>
  <c r="AF142020" i="1"/>
  <c r="AF142021" i="1"/>
  <c r="AF142022" i="1"/>
  <c r="AF142023" i="1"/>
  <c r="AF142024" i="1"/>
  <c r="AF142025" i="1"/>
  <c r="AF142026" i="1"/>
  <c r="AF142027" i="1"/>
  <c r="AF142028" i="1"/>
  <c r="AF142029" i="1"/>
  <c r="AF142030" i="1"/>
  <c r="AF142031" i="1"/>
  <c r="AF142032" i="1"/>
  <c r="AF142033" i="1"/>
  <c r="AF142034" i="1"/>
  <c r="AF142035" i="1"/>
  <c r="AF142036" i="1"/>
  <c r="AF142037" i="1"/>
  <c r="AF142038" i="1"/>
  <c r="AF142039" i="1"/>
  <c r="AF142040" i="1"/>
  <c r="AF142041" i="1"/>
  <c r="AF142042" i="1"/>
  <c r="AF142043" i="1"/>
  <c r="AF142044" i="1"/>
  <c r="AF142045" i="1"/>
  <c r="AF142046" i="1"/>
  <c r="AF142047" i="1"/>
  <c r="AF142048" i="1"/>
  <c r="AF142049" i="1"/>
  <c r="AF142050" i="1"/>
  <c r="AF142051" i="1"/>
  <c r="AF142052" i="1"/>
  <c r="AF142053" i="1"/>
  <c r="AF142054" i="1"/>
  <c r="AF142055" i="1"/>
  <c r="AF142056" i="1"/>
  <c r="AF142057" i="1"/>
  <c r="AF142058" i="1"/>
  <c r="AF142059" i="1"/>
  <c r="AF142060" i="1"/>
  <c r="AF142061" i="1"/>
  <c r="AF142062" i="1"/>
  <c r="AF142063" i="1"/>
  <c r="AF142064" i="1"/>
  <c r="AF142065" i="1"/>
  <c r="AF142066" i="1"/>
  <c r="AF142067" i="1"/>
  <c r="AF142068" i="1"/>
  <c r="AF142069" i="1"/>
  <c r="AF142070" i="1"/>
  <c r="AF142071" i="1"/>
  <c r="AF142072" i="1"/>
  <c r="AF142073" i="1"/>
  <c r="AF142074" i="1"/>
  <c r="AF142075" i="1"/>
  <c r="AF142076" i="1"/>
  <c r="AF142077" i="1"/>
  <c r="AF142078" i="1"/>
  <c r="AF142079" i="1"/>
  <c r="AF142080" i="1"/>
  <c r="AF142081" i="1"/>
  <c r="AF142082" i="1"/>
  <c r="AF142083" i="1"/>
  <c r="AF142084" i="1"/>
  <c r="AF142085" i="1"/>
  <c r="AF142086" i="1"/>
  <c r="AF142087" i="1"/>
  <c r="AF142088" i="1"/>
  <c r="AF142089" i="1"/>
  <c r="AF142090" i="1"/>
  <c r="AF142091" i="1"/>
  <c r="AF142092" i="1"/>
  <c r="AF142093" i="1"/>
  <c r="AF142094" i="1"/>
  <c r="AF142095" i="1"/>
  <c r="AF142096" i="1"/>
  <c r="AF142097" i="1"/>
  <c r="AF142098" i="1"/>
  <c r="AF142099" i="1"/>
  <c r="AF142100" i="1"/>
  <c r="AF142101" i="1"/>
  <c r="AF142102" i="1"/>
  <c r="AF142103" i="1"/>
  <c r="AF142104" i="1"/>
  <c r="AF142105" i="1"/>
  <c r="AF142106" i="1"/>
  <c r="AF142107" i="1"/>
  <c r="AF142108" i="1"/>
  <c r="AF142109" i="1"/>
  <c r="AF142110" i="1"/>
  <c r="AF142111" i="1"/>
  <c r="AF142112" i="1"/>
  <c r="AF142113" i="1"/>
  <c r="AF142114" i="1"/>
  <c r="AF142115" i="1"/>
  <c r="AF142116" i="1"/>
  <c r="AF142117" i="1"/>
  <c r="AF142118" i="1"/>
  <c r="AF142119" i="1"/>
  <c r="AF142120" i="1"/>
  <c r="AF142121" i="1"/>
  <c r="AF142122" i="1"/>
  <c r="AF142123" i="1"/>
  <c r="AF142124" i="1"/>
  <c r="AF142125" i="1"/>
  <c r="AF142126" i="1"/>
  <c r="AF142127" i="1"/>
  <c r="AF142128" i="1"/>
  <c r="AF142129" i="1"/>
  <c r="AF142130" i="1"/>
  <c r="AF142131" i="1"/>
  <c r="AF142132" i="1"/>
  <c r="AF142133" i="1"/>
  <c r="AF142134" i="1"/>
  <c r="AF142135" i="1"/>
  <c r="AF142136" i="1"/>
  <c r="AF142137" i="1"/>
  <c r="AF142138" i="1"/>
  <c r="AF142139" i="1"/>
  <c r="AF142140" i="1"/>
  <c r="AF142141" i="1"/>
  <c r="AF142142" i="1"/>
  <c r="AF142143" i="1"/>
  <c r="AF142144" i="1"/>
  <c r="AF142145" i="1"/>
  <c r="AF142146" i="1"/>
  <c r="AF142147" i="1"/>
  <c r="AF142148" i="1"/>
  <c r="AF142149" i="1"/>
  <c r="AF142150" i="1"/>
  <c r="AF142151" i="1"/>
  <c r="AF142152" i="1"/>
  <c r="AF142153" i="1"/>
  <c r="AF142154" i="1"/>
  <c r="AF142155" i="1"/>
  <c r="AF142156" i="1"/>
  <c r="AF142157" i="1"/>
  <c r="AF142158" i="1"/>
  <c r="AF142159" i="1"/>
  <c r="AF142160" i="1"/>
  <c r="AF142161" i="1"/>
  <c r="AF142162" i="1"/>
  <c r="AF142163" i="1"/>
  <c r="AF142164" i="1"/>
  <c r="AF142165" i="1"/>
  <c r="AF142166" i="1"/>
  <c r="AF142167" i="1"/>
  <c r="AF142168" i="1"/>
  <c r="AF142169" i="1"/>
  <c r="AF142170" i="1"/>
  <c r="AF142171" i="1"/>
  <c r="AF142172" i="1"/>
  <c r="AF142173" i="1"/>
  <c r="AF142174" i="1"/>
  <c r="AF142175" i="1"/>
  <c r="AF142176" i="1"/>
  <c r="AF142177" i="1"/>
  <c r="AF142178" i="1"/>
  <c r="AF142179" i="1"/>
  <c r="AF142180" i="1"/>
  <c r="AF142181" i="1"/>
  <c r="AF142182" i="1"/>
  <c r="AF142183" i="1"/>
  <c r="AF142184" i="1"/>
  <c r="AF142185" i="1"/>
  <c r="AF142186" i="1"/>
  <c r="AF142187" i="1"/>
  <c r="AF142188" i="1"/>
  <c r="AF142189" i="1"/>
  <c r="AF142190" i="1"/>
  <c r="AF142191" i="1"/>
  <c r="AF142192" i="1"/>
  <c r="AF142193" i="1"/>
  <c r="AF142194" i="1"/>
  <c r="AF142195" i="1"/>
  <c r="AF142196" i="1"/>
  <c r="AF142197" i="1"/>
  <c r="AF142198" i="1"/>
  <c r="AF142199" i="1"/>
  <c r="AF142200" i="1"/>
  <c r="AF142201" i="1"/>
  <c r="AF142202" i="1"/>
  <c r="AF142203" i="1"/>
  <c r="AF142204" i="1"/>
  <c r="AF142205" i="1"/>
  <c r="AF142206" i="1"/>
  <c r="AF142207" i="1"/>
  <c r="AF142208" i="1"/>
  <c r="AF142209" i="1"/>
  <c r="AF142210" i="1"/>
  <c r="AF142211" i="1"/>
  <c r="AF142212" i="1"/>
  <c r="AF142213" i="1"/>
  <c r="AF142214" i="1"/>
  <c r="AF142215" i="1"/>
  <c r="AF142216" i="1"/>
  <c r="AF142217" i="1"/>
  <c r="AF142218" i="1"/>
  <c r="AF142219" i="1"/>
  <c r="AF142220" i="1"/>
  <c r="AF142221" i="1"/>
  <c r="AF142222" i="1"/>
  <c r="AF142223" i="1"/>
  <c r="AF142224" i="1"/>
  <c r="AF142225" i="1"/>
  <c r="AF142226" i="1"/>
  <c r="AF142227" i="1"/>
  <c r="AF142228" i="1"/>
  <c r="AF142229" i="1"/>
  <c r="AF142230" i="1"/>
  <c r="AF142231" i="1"/>
  <c r="AF142232" i="1"/>
  <c r="AF142233" i="1"/>
  <c r="AF142234" i="1"/>
  <c r="AF142235" i="1"/>
  <c r="AF142236" i="1"/>
  <c r="AF142237" i="1"/>
  <c r="AF142238" i="1"/>
  <c r="AF142239" i="1"/>
  <c r="AF142240" i="1"/>
  <c r="AF142241" i="1"/>
  <c r="AF142242" i="1"/>
  <c r="AF142243" i="1"/>
  <c r="AF142244" i="1"/>
  <c r="AF142245" i="1"/>
  <c r="AF142246" i="1"/>
  <c r="AF142247" i="1"/>
  <c r="AF142248" i="1"/>
  <c r="AF142249" i="1"/>
  <c r="AF142250" i="1"/>
  <c r="AF142251" i="1"/>
  <c r="AF142252" i="1"/>
  <c r="AF142253" i="1"/>
  <c r="AF142254" i="1"/>
  <c r="AF142255" i="1"/>
  <c r="AF142256" i="1"/>
  <c r="AF142257" i="1"/>
  <c r="AF142258" i="1"/>
  <c r="AF142259" i="1"/>
  <c r="AF142260" i="1"/>
  <c r="AF142261" i="1"/>
  <c r="AF142262" i="1"/>
  <c r="AF142263" i="1"/>
  <c r="AF142264" i="1"/>
  <c r="AF142265" i="1"/>
  <c r="AF142266" i="1"/>
  <c r="AF142267" i="1"/>
  <c r="AF142268" i="1"/>
  <c r="AF142269" i="1"/>
  <c r="AF142270" i="1"/>
  <c r="AF142271" i="1"/>
  <c r="AF142272" i="1"/>
  <c r="AF142273" i="1"/>
  <c r="AF142274" i="1"/>
  <c r="AF142275" i="1"/>
  <c r="AF142276" i="1"/>
  <c r="AF142277" i="1"/>
  <c r="AF142278" i="1"/>
  <c r="AF142279" i="1"/>
  <c r="AF142280" i="1"/>
  <c r="AF142281" i="1"/>
  <c r="AF142282" i="1"/>
  <c r="AF142283" i="1"/>
  <c r="AF142284" i="1"/>
  <c r="AF142285" i="1"/>
  <c r="AF142286" i="1"/>
  <c r="AF142287" i="1"/>
  <c r="AF142288" i="1"/>
  <c r="AF142289" i="1"/>
  <c r="AF142290" i="1"/>
  <c r="AF142291" i="1"/>
  <c r="AF142292" i="1"/>
  <c r="AF142293" i="1"/>
  <c r="AF142294" i="1"/>
  <c r="AF142295" i="1"/>
  <c r="AF142296" i="1"/>
  <c r="AF142297" i="1"/>
  <c r="AF142298" i="1"/>
  <c r="AF142299" i="1"/>
  <c r="AF142300" i="1"/>
  <c r="AF142301" i="1"/>
  <c r="AF142302" i="1"/>
  <c r="AF142303" i="1"/>
  <c r="AF142304" i="1"/>
  <c r="AF142305" i="1"/>
  <c r="AF142306" i="1"/>
  <c r="AF142307" i="1"/>
  <c r="AF142308" i="1"/>
  <c r="AF142309" i="1"/>
  <c r="AF142310" i="1"/>
  <c r="AF142311" i="1"/>
  <c r="AF142312" i="1"/>
  <c r="AF142313" i="1"/>
  <c r="AF142314" i="1"/>
  <c r="AF142315" i="1"/>
  <c r="AF142316" i="1"/>
  <c r="AF142317" i="1"/>
  <c r="AF142318" i="1"/>
  <c r="AF142319" i="1"/>
  <c r="AF142320" i="1"/>
  <c r="AF142321" i="1"/>
  <c r="AF142322" i="1"/>
  <c r="AF142323" i="1"/>
  <c r="AF142324" i="1"/>
  <c r="AF142325" i="1"/>
  <c r="AF142326" i="1"/>
  <c r="AF142327" i="1"/>
  <c r="AF142328" i="1"/>
  <c r="AF142329" i="1"/>
  <c r="AF142330" i="1"/>
  <c r="AF142331" i="1"/>
  <c r="AF142332" i="1"/>
  <c r="AF142333" i="1"/>
  <c r="AF142334" i="1"/>
  <c r="AF142335" i="1"/>
  <c r="AF142336" i="1"/>
  <c r="AF142337" i="1"/>
  <c r="AF142338" i="1"/>
  <c r="AF142339" i="1"/>
  <c r="AF142340" i="1"/>
  <c r="AF142341" i="1"/>
  <c r="AF142342" i="1"/>
  <c r="AF142343" i="1"/>
  <c r="AF142344" i="1"/>
  <c r="AF142345" i="1"/>
  <c r="AF142346" i="1"/>
  <c r="AF142347" i="1"/>
  <c r="AF142348" i="1"/>
  <c r="AF142349" i="1"/>
  <c r="AF142350" i="1"/>
  <c r="AF142351" i="1"/>
  <c r="AF142352" i="1"/>
  <c r="AF142353" i="1"/>
  <c r="AF142354" i="1"/>
  <c r="AF142355" i="1"/>
  <c r="AF142356" i="1"/>
  <c r="AF142357" i="1"/>
  <c r="AF142358" i="1"/>
  <c r="AF142359" i="1"/>
  <c r="AF142360" i="1"/>
  <c r="AF142361" i="1"/>
  <c r="AF142362" i="1"/>
  <c r="AF142363" i="1"/>
  <c r="AF142364" i="1"/>
  <c r="AF142365" i="1"/>
  <c r="AF142366" i="1"/>
  <c r="AF142367" i="1"/>
  <c r="AF142368" i="1"/>
  <c r="AF142369" i="1"/>
  <c r="AF142370" i="1"/>
  <c r="AF142371" i="1"/>
  <c r="AF142372" i="1"/>
  <c r="AF142373" i="1"/>
  <c r="AF142374" i="1"/>
  <c r="AF142375" i="1"/>
  <c r="AF142376" i="1"/>
  <c r="AF142377" i="1"/>
  <c r="AF142378" i="1"/>
  <c r="AF142379" i="1"/>
  <c r="AF142380" i="1"/>
  <c r="AF142381" i="1"/>
  <c r="AF142382" i="1"/>
  <c r="AF142383" i="1"/>
  <c r="AF142384" i="1"/>
  <c r="AF142385" i="1"/>
  <c r="AF142386" i="1"/>
  <c r="AF142387" i="1"/>
  <c r="AF142388" i="1"/>
  <c r="AF142389" i="1"/>
  <c r="AF142390" i="1"/>
  <c r="AF142391" i="1"/>
  <c r="AF142392" i="1"/>
  <c r="AF142393" i="1"/>
  <c r="AF142394" i="1"/>
  <c r="AF142395" i="1"/>
  <c r="AF142396" i="1"/>
  <c r="AF142397" i="1"/>
  <c r="AF142398" i="1"/>
  <c r="AF142399" i="1"/>
  <c r="AF142400" i="1"/>
  <c r="AF142401" i="1"/>
  <c r="AF142402" i="1"/>
  <c r="AF142403" i="1"/>
  <c r="AF142404" i="1"/>
  <c r="AF142405" i="1"/>
  <c r="AF142406" i="1"/>
  <c r="AF142407" i="1"/>
  <c r="AF142408" i="1"/>
  <c r="AF142409" i="1"/>
  <c r="AF142410" i="1"/>
  <c r="AF142411" i="1"/>
  <c r="AF142412" i="1"/>
  <c r="AF142413" i="1"/>
  <c r="AF142414" i="1"/>
  <c r="AF142415" i="1"/>
  <c r="AF142416" i="1"/>
  <c r="AF142417" i="1"/>
  <c r="AF142418" i="1"/>
  <c r="AF142419" i="1"/>
  <c r="AF142420" i="1"/>
  <c r="AF142421" i="1"/>
  <c r="AF142422" i="1"/>
  <c r="AF142423" i="1"/>
  <c r="AF142424" i="1"/>
  <c r="AF142425" i="1"/>
  <c r="AF142426" i="1"/>
  <c r="AF142427" i="1"/>
  <c r="AF142428" i="1"/>
  <c r="AF142429" i="1"/>
  <c r="AF142430" i="1"/>
  <c r="AF142431" i="1"/>
  <c r="AF142432" i="1"/>
  <c r="AF142433" i="1"/>
  <c r="AF142434" i="1"/>
  <c r="AF142435" i="1"/>
  <c r="AF142436" i="1"/>
  <c r="AF142437" i="1"/>
  <c r="AF142438" i="1"/>
  <c r="AF142439" i="1"/>
  <c r="AF142440" i="1"/>
  <c r="AF142441" i="1"/>
  <c r="AF142442" i="1"/>
  <c r="AF142443" i="1"/>
  <c r="AF142444" i="1"/>
  <c r="AF142445" i="1"/>
  <c r="AF142446" i="1"/>
  <c r="AF142447" i="1"/>
  <c r="AF142448" i="1"/>
  <c r="AF142449" i="1"/>
  <c r="AF142450" i="1"/>
  <c r="AF142451" i="1"/>
  <c r="AF142452" i="1"/>
  <c r="AF142453" i="1"/>
  <c r="AF142454" i="1"/>
  <c r="AF142455" i="1"/>
  <c r="AF142456" i="1"/>
  <c r="AF142457" i="1"/>
  <c r="AF142458" i="1"/>
  <c r="AF142459" i="1"/>
  <c r="AF142460" i="1"/>
  <c r="AF142461" i="1"/>
  <c r="AF142462" i="1"/>
  <c r="AF142463" i="1"/>
  <c r="AF142464" i="1"/>
  <c r="AF142465" i="1"/>
  <c r="AF142466" i="1"/>
  <c r="AF142467" i="1"/>
  <c r="AF142468" i="1"/>
  <c r="AF142469" i="1"/>
  <c r="AF142470" i="1"/>
  <c r="AF142471" i="1"/>
  <c r="AF142472" i="1"/>
  <c r="AF142473" i="1"/>
  <c r="AF142474" i="1"/>
  <c r="AF142475" i="1"/>
  <c r="AF142476" i="1"/>
  <c r="AF142477" i="1"/>
  <c r="AF142478" i="1"/>
  <c r="AF142479" i="1"/>
  <c r="AF142480" i="1"/>
  <c r="AF142481" i="1"/>
  <c r="AF142482" i="1"/>
  <c r="AF142483" i="1"/>
  <c r="AF142484" i="1"/>
  <c r="AF142485" i="1"/>
  <c r="AF142486" i="1"/>
  <c r="AF142487" i="1"/>
  <c r="AF142488" i="1"/>
  <c r="AF142489" i="1"/>
  <c r="AF142490" i="1"/>
  <c r="AF142491" i="1"/>
  <c r="AF142492" i="1"/>
  <c r="AF142493" i="1"/>
  <c r="AF142494" i="1"/>
  <c r="AF142495" i="1"/>
  <c r="AF142496" i="1"/>
  <c r="AF142497" i="1"/>
  <c r="AF142498" i="1"/>
  <c r="AF142499" i="1"/>
  <c r="AF142500" i="1"/>
  <c r="AF142501" i="1"/>
  <c r="AF142502" i="1"/>
  <c r="AF142503" i="1"/>
  <c r="AF142504" i="1"/>
  <c r="AF142505" i="1"/>
  <c r="AF142506" i="1"/>
  <c r="AF142507" i="1"/>
  <c r="AF142508" i="1"/>
  <c r="AF142509" i="1"/>
  <c r="AF142510" i="1"/>
  <c r="AF142511" i="1"/>
  <c r="AF142512" i="1"/>
  <c r="AF142513" i="1"/>
  <c r="AF142514" i="1"/>
  <c r="AF142515" i="1"/>
  <c r="AF142516" i="1"/>
  <c r="AF142517" i="1"/>
  <c r="AF142518" i="1"/>
  <c r="AF142519" i="1"/>
  <c r="AF142520" i="1"/>
  <c r="AF142521" i="1"/>
  <c r="AF142522" i="1"/>
  <c r="AF142523" i="1"/>
  <c r="AF142524" i="1"/>
  <c r="AF142525" i="1"/>
  <c r="AF142526" i="1"/>
  <c r="AF142527" i="1"/>
  <c r="AF142528" i="1"/>
  <c r="AF142529" i="1"/>
  <c r="AF142530" i="1"/>
  <c r="AF142531" i="1"/>
  <c r="AF142532" i="1"/>
  <c r="AF142533" i="1"/>
  <c r="AF142534" i="1"/>
  <c r="AF142535" i="1"/>
  <c r="AF142536" i="1"/>
  <c r="AF142537" i="1"/>
  <c r="AF142538" i="1"/>
  <c r="AF142539" i="1"/>
  <c r="AF142540" i="1"/>
  <c r="AF142541" i="1"/>
  <c r="AF142542" i="1"/>
  <c r="AF142543" i="1"/>
  <c r="AF142544" i="1"/>
  <c r="AF142545" i="1"/>
  <c r="AF142546" i="1"/>
  <c r="AF142547" i="1"/>
  <c r="AF142548" i="1"/>
  <c r="AF142549" i="1"/>
  <c r="AF142550" i="1"/>
  <c r="AF142551" i="1"/>
  <c r="AF142552" i="1"/>
  <c r="AF142553" i="1"/>
  <c r="AF142554" i="1"/>
  <c r="AF142555" i="1"/>
  <c r="AF142556" i="1"/>
  <c r="AF142557" i="1"/>
  <c r="AF142558" i="1"/>
  <c r="AF142559" i="1"/>
  <c r="AF142560" i="1"/>
  <c r="AF142561" i="1"/>
  <c r="AF142562" i="1"/>
  <c r="AF142563" i="1"/>
  <c r="AF142564" i="1"/>
  <c r="AF142565" i="1"/>
  <c r="AF142566" i="1"/>
  <c r="AF142567" i="1"/>
  <c r="AF142568" i="1"/>
  <c r="AF142569" i="1"/>
  <c r="AF142570" i="1"/>
  <c r="AF142571" i="1"/>
  <c r="AF142572" i="1"/>
  <c r="AF142573" i="1"/>
  <c r="AF142574" i="1"/>
  <c r="AF142575" i="1"/>
  <c r="AF142576" i="1"/>
  <c r="AF142577" i="1"/>
  <c r="AF142578" i="1"/>
  <c r="AF142579" i="1"/>
  <c r="AF142580" i="1"/>
  <c r="AF142581" i="1"/>
  <c r="AF142582" i="1"/>
  <c r="AF142583" i="1"/>
  <c r="AF142584" i="1"/>
  <c r="AF142585" i="1"/>
  <c r="AF142586" i="1"/>
  <c r="AF142587" i="1"/>
  <c r="AF142588" i="1"/>
  <c r="AF142589" i="1"/>
  <c r="AF142590" i="1"/>
  <c r="AF142591" i="1"/>
  <c r="AF142592" i="1"/>
  <c r="AF142593" i="1"/>
  <c r="AF142594" i="1"/>
  <c r="AF142595" i="1"/>
  <c r="AF142596" i="1"/>
  <c r="AF142597" i="1"/>
  <c r="AF142598" i="1"/>
  <c r="AF142599" i="1"/>
  <c r="AF142600" i="1"/>
  <c r="AF142601" i="1"/>
  <c r="AF142602" i="1"/>
  <c r="AF142603" i="1"/>
  <c r="AF142604" i="1"/>
  <c r="AF142605" i="1"/>
  <c r="AF142606" i="1"/>
  <c r="AF142607" i="1"/>
  <c r="AF142608" i="1"/>
  <c r="AF142609" i="1"/>
  <c r="AF142610" i="1"/>
  <c r="AF142611" i="1"/>
  <c r="AF142612" i="1"/>
  <c r="AF142613" i="1"/>
  <c r="AF142614" i="1"/>
  <c r="AF142615" i="1"/>
  <c r="AF142616" i="1"/>
  <c r="AF142617" i="1"/>
  <c r="AF142618" i="1"/>
  <c r="AF142619" i="1"/>
  <c r="AF142620" i="1"/>
  <c r="AF142621" i="1"/>
  <c r="AF142622" i="1"/>
  <c r="AF142623" i="1"/>
  <c r="AF142624" i="1"/>
  <c r="AF142625" i="1"/>
  <c r="AF142626" i="1"/>
  <c r="AF142627" i="1"/>
  <c r="AF142628" i="1"/>
  <c r="AF142629" i="1"/>
  <c r="AF142630" i="1"/>
  <c r="AF142631" i="1"/>
  <c r="AF142632" i="1"/>
  <c r="AF142633" i="1"/>
  <c r="AF142634" i="1"/>
  <c r="AF142635" i="1"/>
  <c r="AF142636" i="1"/>
  <c r="AF142637" i="1"/>
  <c r="AF142638" i="1"/>
  <c r="AF142639" i="1"/>
  <c r="AF142640" i="1"/>
  <c r="AF142641" i="1"/>
  <c r="AF142642" i="1"/>
  <c r="AF142643" i="1"/>
  <c r="AF142644" i="1"/>
  <c r="AF142645" i="1"/>
  <c r="AF142646" i="1"/>
  <c r="AF142647" i="1"/>
  <c r="AF142648" i="1"/>
  <c r="AF142649" i="1"/>
  <c r="AF142650" i="1"/>
  <c r="AF142651" i="1"/>
  <c r="AF142652" i="1"/>
  <c r="AF142653" i="1"/>
  <c r="AF142654" i="1"/>
  <c r="AF142655" i="1"/>
  <c r="AF142656" i="1"/>
  <c r="AF142657" i="1"/>
  <c r="AF142658" i="1"/>
  <c r="AF142659" i="1"/>
  <c r="AF142660" i="1"/>
  <c r="AF142661" i="1"/>
  <c r="AF142662" i="1"/>
  <c r="AF142663" i="1"/>
  <c r="AF142664" i="1"/>
  <c r="AF142665" i="1"/>
  <c r="AF142666" i="1"/>
  <c r="AF142667" i="1"/>
  <c r="AF142668" i="1"/>
  <c r="AF142669" i="1"/>
  <c r="AF142670" i="1"/>
  <c r="AF142671" i="1"/>
  <c r="AF142672" i="1"/>
  <c r="AF142673" i="1"/>
  <c r="AF142674" i="1"/>
  <c r="AF142675" i="1"/>
  <c r="AF142676" i="1"/>
  <c r="AF142677" i="1"/>
  <c r="AF142678" i="1"/>
  <c r="AF142679" i="1"/>
  <c r="AF142680" i="1"/>
  <c r="AF142681" i="1"/>
  <c r="AF142682" i="1"/>
  <c r="AF142683" i="1"/>
  <c r="AF142684" i="1"/>
  <c r="AF142685" i="1"/>
  <c r="AF142686" i="1"/>
  <c r="AF142687" i="1"/>
  <c r="AF142688" i="1"/>
  <c r="AF142689" i="1"/>
  <c r="AF142690" i="1"/>
  <c r="AF142691" i="1"/>
  <c r="AF142692" i="1"/>
  <c r="AF142693" i="1"/>
  <c r="AF142694" i="1"/>
  <c r="AF142695" i="1"/>
  <c r="AF142696" i="1"/>
  <c r="AF142697" i="1"/>
  <c r="AF142698" i="1"/>
  <c r="AF142699" i="1"/>
  <c r="AF142700" i="1"/>
  <c r="AF142701" i="1"/>
  <c r="AF142702" i="1"/>
  <c r="AF142703" i="1"/>
  <c r="AF142704" i="1"/>
  <c r="AF142705" i="1"/>
  <c r="AF142706" i="1"/>
  <c r="AF142707" i="1"/>
  <c r="AF142708" i="1"/>
  <c r="AF142709" i="1"/>
  <c r="AF142710" i="1"/>
  <c r="AF142711" i="1"/>
  <c r="AF142712" i="1"/>
  <c r="AF142713" i="1"/>
  <c r="AF142714" i="1"/>
  <c r="AF142715" i="1"/>
  <c r="AF142716" i="1"/>
  <c r="AF142717" i="1"/>
  <c r="AF142718" i="1"/>
  <c r="AF142719" i="1"/>
  <c r="AF142720" i="1"/>
  <c r="AF142721" i="1"/>
  <c r="AF142722" i="1"/>
  <c r="AF142723" i="1"/>
  <c r="AF142724" i="1"/>
  <c r="AF142725" i="1"/>
  <c r="AF142726" i="1"/>
  <c r="AF142727" i="1"/>
  <c r="AF142728" i="1"/>
  <c r="AF142729" i="1"/>
  <c r="AF142730" i="1"/>
  <c r="AF142731" i="1"/>
  <c r="AF142732" i="1"/>
  <c r="AF142733" i="1"/>
  <c r="AF142734" i="1"/>
  <c r="AF142735" i="1"/>
  <c r="AF142736" i="1"/>
  <c r="AF142737" i="1"/>
  <c r="AF142738" i="1"/>
  <c r="AF142739" i="1"/>
  <c r="AF142740" i="1"/>
  <c r="AF142741" i="1"/>
  <c r="AF142742" i="1"/>
  <c r="AF142743" i="1"/>
  <c r="AF142744" i="1"/>
  <c r="AF142745" i="1"/>
  <c r="AF142746" i="1"/>
  <c r="AF142747" i="1"/>
  <c r="AF142748" i="1"/>
  <c r="AF142749" i="1"/>
  <c r="AF142750" i="1"/>
  <c r="AF142751" i="1"/>
  <c r="AF142752" i="1"/>
  <c r="AF142753" i="1"/>
  <c r="AF142754" i="1"/>
  <c r="AF142755" i="1"/>
  <c r="AF142756" i="1"/>
  <c r="AF142757" i="1"/>
  <c r="AF142758" i="1"/>
  <c r="AF142759" i="1"/>
  <c r="AF142760" i="1"/>
  <c r="AF142761" i="1"/>
  <c r="AF142762" i="1"/>
  <c r="AF142763" i="1"/>
  <c r="AF142764" i="1"/>
  <c r="AF142765" i="1"/>
  <c r="AF142766" i="1"/>
  <c r="AF142767" i="1"/>
  <c r="AF142768" i="1"/>
  <c r="AF142769" i="1"/>
  <c r="AF142770" i="1"/>
  <c r="AF142771" i="1"/>
  <c r="AF142772" i="1"/>
  <c r="AF142773" i="1"/>
  <c r="AF142774" i="1"/>
  <c r="AF142775" i="1"/>
  <c r="AF142776" i="1"/>
  <c r="AF142777" i="1"/>
  <c r="AF142778" i="1"/>
  <c r="AF142779" i="1"/>
  <c r="AF142780" i="1"/>
  <c r="AF142781" i="1"/>
  <c r="AF142782" i="1"/>
  <c r="AF142783" i="1"/>
  <c r="AF142784" i="1"/>
  <c r="AF142785" i="1"/>
  <c r="AF142786" i="1"/>
  <c r="AF142787" i="1"/>
  <c r="AF142788" i="1"/>
  <c r="AF142789" i="1"/>
  <c r="AF142790" i="1"/>
  <c r="AF142791" i="1"/>
  <c r="AF142792" i="1"/>
  <c r="AF142793" i="1"/>
  <c r="AF142794" i="1"/>
  <c r="AF142795" i="1"/>
  <c r="AF142796" i="1"/>
  <c r="AF142797" i="1"/>
  <c r="AF142798" i="1"/>
  <c r="AF142799" i="1"/>
  <c r="AF142800" i="1"/>
  <c r="AF142801" i="1"/>
  <c r="AF142802" i="1"/>
  <c r="AF142803" i="1"/>
  <c r="AF142804" i="1"/>
  <c r="AF142805" i="1"/>
  <c r="AF142806" i="1"/>
  <c r="AF142807" i="1"/>
  <c r="AF142808" i="1"/>
  <c r="AF142809" i="1"/>
  <c r="AF142810" i="1"/>
  <c r="AF142811" i="1"/>
  <c r="AF142812" i="1"/>
  <c r="AF142813" i="1"/>
  <c r="AF142814" i="1"/>
  <c r="AF142815" i="1"/>
  <c r="AF142816" i="1"/>
  <c r="AF142817" i="1"/>
  <c r="AF142818" i="1"/>
  <c r="AF142819" i="1"/>
  <c r="AF142820" i="1"/>
  <c r="AF142821" i="1"/>
  <c r="AF142822" i="1"/>
  <c r="AF142823" i="1"/>
  <c r="AF142824" i="1"/>
  <c r="AF142825" i="1"/>
  <c r="AF142826" i="1"/>
  <c r="AF142827" i="1"/>
  <c r="AF142828" i="1"/>
  <c r="AF142829" i="1"/>
  <c r="AF142830" i="1"/>
  <c r="AF142831" i="1"/>
  <c r="AF142832" i="1"/>
  <c r="AF142833" i="1"/>
  <c r="AF142834" i="1"/>
  <c r="AF142835" i="1"/>
  <c r="AF142836" i="1"/>
  <c r="AF142837" i="1"/>
  <c r="AF142838" i="1"/>
  <c r="AF142839" i="1"/>
  <c r="AF142840" i="1"/>
  <c r="AF142841" i="1"/>
  <c r="AF142842" i="1"/>
  <c r="AF142843" i="1"/>
  <c r="AF142844" i="1"/>
  <c r="AF142845" i="1"/>
  <c r="AF142846" i="1"/>
  <c r="AF142847" i="1"/>
  <c r="AF142848" i="1"/>
  <c r="AF142849" i="1"/>
  <c r="AF142850" i="1"/>
  <c r="AF142851" i="1"/>
  <c r="AF142852" i="1"/>
  <c r="AF142853" i="1"/>
  <c r="AF142854" i="1"/>
  <c r="AF142855" i="1"/>
  <c r="AF142856" i="1"/>
  <c r="AF142857" i="1"/>
  <c r="AF142858" i="1"/>
  <c r="AF142859" i="1"/>
  <c r="AF142860" i="1"/>
  <c r="AF142861" i="1"/>
  <c r="AF142862" i="1"/>
  <c r="AF142863" i="1"/>
  <c r="AF142864" i="1"/>
  <c r="AF142865" i="1"/>
  <c r="AF142866" i="1"/>
  <c r="AF142867" i="1"/>
  <c r="AF142868" i="1"/>
  <c r="AF142869" i="1"/>
  <c r="AF142870" i="1"/>
  <c r="AF142871" i="1"/>
  <c r="AF142872" i="1"/>
  <c r="AF142873" i="1"/>
  <c r="AF142874" i="1"/>
  <c r="AF142875" i="1"/>
  <c r="AF142876" i="1"/>
  <c r="AF142877" i="1"/>
  <c r="AF142878" i="1"/>
  <c r="AF142879" i="1"/>
  <c r="AF142880" i="1"/>
  <c r="AF142881" i="1"/>
  <c r="AF142882" i="1"/>
  <c r="AF142883" i="1"/>
  <c r="AF142884" i="1"/>
  <c r="AF142885" i="1"/>
  <c r="AF142886" i="1"/>
  <c r="AF142887" i="1"/>
  <c r="AF142888" i="1"/>
  <c r="AF142889" i="1"/>
  <c r="AF142890" i="1"/>
  <c r="AF142891" i="1"/>
  <c r="AF142892" i="1"/>
  <c r="AF142893" i="1"/>
  <c r="AF142894" i="1"/>
  <c r="AF142895" i="1"/>
  <c r="AF142896" i="1"/>
  <c r="AF142897" i="1"/>
  <c r="AF142898" i="1"/>
  <c r="AF142899" i="1"/>
  <c r="AF142900" i="1"/>
  <c r="AF142901" i="1"/>
  <c r="AF142902" i="1"/>
  <c r="AF142903" i="1"/>
  <c r="AF142904" i="1"/>
  <c r="AF142905" i="1"/>
  <c r="AF142906" i="1"/>
  <c r="AF142907" i="1"/>
  <c r="AF142908" i="1"/>
  <c r="AF142909" i="1"/>
  <c r="AF142910" i="1"/>
  <c r="AF142911" i="1"/>
  <c r="AF142912" i="1"/>
  <c r="AF142913" i="1"/>
  <c r="AF142914" i="1"/>
  <c r="AF142915" i="1"/>
  <c r="AF142916" i="1"/>
  <c r="AF142917" i="1"/>
  <c r="AF142918" i="1"/>
  <c r="AF142919" i="1"/>
  <c r="AF142920" i="1"/>
  <c r="AF142921" i="1"/>
  <c r="AF142922" i="1"/>
  <c r="AF142923" i="1"/>
  <c r="AF142924" i="1"/>
  <c r="AF142925" i="1"/>
  <c r="AF142926" i="1"/>
  <c r="AF142927" i="1"/>
  <c r="AF142928" i="1"/>
  <c r="AF142929" i="1"/>
  <c r="AF142930" i="1"/>
  <c r="AF142931" i="1"/>
  <c r="AF142932" i="1"/>
  <c r="AF142933" i="1"/>
  <c r="AF142934" i="1"/>
  <c r="AF142935" i="1"/>
  <c r="AF142936" i="1"/>
  <c r="AF142937" i="1"/>
  <c r="AF142938" i="1"/>
  <c r="AF142939" i="1"/>
  <c r="AF142940" i="1"/>
  <c r="AF142941" i="1"/>
  <c r="AF142942" i="1"/>
  <c r="AF142943" i="1"/>
  <c r="AF142944" i="1"/>
  <c r="AF142945" i="1"/>
  <c r="AF142946" i="1"/>
  <c r="AF142947" i="1"/>
  <c r="AF142948" i="1"/>
  <c r="AF142949" i="1"/>
  <c r="AF142950" i="1"/>
  <c r="AF142951" i="1"/>
  <c r="AF142952" i="1"/>
  <c r="AF142953" i="1"/>
  <c r="AF142954" i="1"/>
  <c r="AF142955" i="1"/>
  <c r="AF142956" i="1"/>
  <c r="AF142957" i="1"/>
  <c r="AF142958" i="1"/>
  <c r="AF142959" i="1"/>
  <c r="AF142960" i="1"/>
  <c r="AF142961" i="1"/>
  <c r="AF142962" i="1"/>
  <c r="AF142963" i="1"/>
  <c r="AF142964" i="1"/>
  <c r="AF142965" i="1"/>
  <c r="AF142966" i="1"/>
  <c r="AF142967" i="1"/>
  <c r="AF142968" i="1"/>
  <c r="AF142969" i="1"/>
  <c r="AF142970" i="1"/>
  <c r="AF142971" i="1"/>
  <c r="AF142972" i="1"/>
  <c r="AF142973" i="1"/>
  <c r="AF142974" i="1"/>
  <c r="AF142975" i="1"/>
  <c r="AF142976" i="1"/>
  <c r="AF142977" i="1"/>
  <c r="AF142978" i="1"/>
  <c r="AF142979" i="1"/>
  <c r="AF142980" i="1"/>
  <c r="AF142981" i="1"/>
  <c r="AF142982" i="1"/>
  <c r="AF142983" i="1"/>
  <c r="AF142984" i="1"/>
  <c r="AF142985" i="1"/>
  <c r="AF142986" i="1"/>
  <c r="AF142987" i="1"/>
  <c r="AF142988" i="1"/>
  <c r="AF142989" i="1"/>
  <c r="AF142990" i="1"/>
  <c r="AF142991" i="1"/>
  <c r="AF142992" i="1"/>
  <c r="AF142993" i="1"/>
  <c r="AF142994" i="1"/>
  <c r="AF142995" i="1"/>
  <c r="AF142996" i="1"/>
  <c r="AF142997" i="1"/>
  <c r="AF142998" i="1"/>
  <c r="AF142999" i="1"/>
  <c r="AF143000" i="1"/>
  <c r="AF143001" i="1"/>
  <c r="AF143002" i="1"/>
  <c r="AF143003" i="1"/>
  <c r="AF143004" i="1"/>
  <c r="AF143005" i="1"/>
  <c r="AF143006" i="1"/>
  <c r="AF143007" i="1"/>
  <c r="AF143008" i="1"/>
  <c r="AF143009" i="1"/>
  <c r="AF143010" i="1"/>
  <c r="AF143011" i="1"/>
  <c r="AF143012" i="1"/>
  <c r="AF143013" i="1"/>
  <c r="AF143014" i="1"/>
  <c r="AF143015" i="1"/>
  <c r="AF143016" i="1"/>
  <c r="AF143017" i="1"/>
  <c r="AF143018" i="1"/>
  <c r="AF143019" i="1"/>
  <c r="AF143020" i="1"/>
  <c r="AF143021" i="1"/>
  <c r="AF143022" i="1"/>
  <c r="AF143023" i="1"/>
  <c r="AF143024" i="1"/>
  <c r="AF143025" i="1"/>
  <c r="AF143026" i="1"/>
  <c r="AF143027" i="1"/>
  <c r="AF143028" i="1"/>
  <c r="AF143029" i="1"/>
  <c r="AF143030" i="1"/>
  <c r="AF143031" i="1"/>
  <c r="AF143032" i="1"/>
  <c r="AF143033" i="1"/>
  <c r="AF143034" i="1"/>
  <c r="AF143035" i="1"/>
  <c r="AF143036" i="1"/>
  <c r="AF143037" i="1"/>
  <c r="AF143038" i="1"/>
  <c r="AF143039" i="1"/>
  <c r="AF143040" i="1"/>
  <c r="AF143041" i="1"/>
  <c r="AF143042" i="1"/>
  <c r="AF143043" i="1"/>
  <c r="AF143044" i="1"/>
  <c r="AF143045" i="1"/>
  <c r="AF143046" i="1"/>
  <c r="AF143047" i="1"/>
  <c r="AF143048" i="1"/>
  <c r="AF143049" i="1"/>
  <c r="AF143050" i="1"/>
  <c r="AF143051" i="1"/>
  <c r="AF143052" i="1"/>
  <c r="AF143053" i="1"/>
  <c r="AF143054" i="1"/>
  <c r="AF143055" i="1"/>
  <c r="AF143056" i="1"/>
  <c r="AF143057" i="1"/>
  <c r="AF143058" i="1"/>
  <c r="AF143059" i="1"/>
  <c r="AF143060" i="1"/>
  <c r="AF143061" i="1"/>
  <c r="AF143062" i="1"/>
  <c r="AF143063" i="1"/>
  <c r="AF143064" i="1"/>
  <c r="AF143065" i="1"/>
  <c r="AF143066" i="1"/>
  <c r="AF143067" i="1"/>
  <c r="AF143068" i="1"/>
  <c r="AF143069" i="1"/>
  <c r="AF143070" i="1"/>
  <c r="AF143071" i="1"/>
  <c r="AF143072" i="1"/>
  <c r="AF143073" i="1"/>
  <c r="AF143074" i="1"/>
  <c r="AF143075" i="1"/>
  <c r="AF143076" i="1"/>
  <c r="AF143077" i="1"/>
  <c r="AF143078" i="1"/>
  <c r="AF143079" i="1"/>
  <c r="AF143080" i="1"/>
  <c r="AF143081" i="1"/>
  <c r="AF143082" i="1"/>
  <c r="AF143083" i="1"/>
  <c r="AF143084" i="1"/>
  <c r="AF143085" i="1"/>
  <c r="AF143086" i="1"/>
  <c r="AF143087" i="1"/>
  <c r="AF143088" i="1"/>
  <c r="AF143089" i="1"/>
  <c r="AF143090" i="1"/>
  <c r="AF143091" i="1"/>
  <c r="AF143092" i="1"/>
  <c r="AF143093" i="1"/>
  <c r="AF143094" i="1"/>
  <c r="AF143095" i="1"/>
  <c r="AF143096" i="1"/>
  <c r="AF143097" i="1"/>
  <c r="AF143098" i="1"/>
  <c r="AF143099" i="1"/>
  <c r="AF143100" i="1"/>
  <c r="AF143101" i="1"/>
  <c r="AF143102" i="1"/>
  <c r="AF143103" i="1"/>
  <c r="AF143104" i="1"/>
  <c r="AF143105" i="1"/>
  <c r="AF143106" i="1"/>
  <c r="AF143107" i="1"/>
  <c r="AF143108" i="1"/>
  <c r="AF143109" i="1"/>
  <c r="AF143110" i="1"/>
  <c r="AF143111" i="1"/>
  <c r="AF143112" i="1"/>
  <c r="AF143113" i="1"/>
  <c r="AF143114" i="1"/>
  <c r="AF143115" i="1"/>
  <c r="AF143116" i="1"/>
  <c r="AF143117" i="1"/>
  <c r="AF143118" i="1"/>
  <c r="AF143119" i="1"/>
  <c r="AF143120" i="1"/>
  <c r="AF143121" i="1"/>
  <c r="AF143122" i="1"/>
  <c r="AF143123" i="1"/>
  <c r="AF143124" i="1"/>
  <c r="AF143125" i="1"/>
  <c r="AF143126" i="1"/>
  <c r="AF143127" i="1"/>
  <c r="AF143128" i="1"/>
  <c r="AF143129" i="1"/>
  <c r="AF143130" i="1"/>
  <c r="AF143131" i="1"/>
  <c r="AF143132" i="1"/>
  <c r="AF143133" i="1"/>
  <c r="AF143134" i="1"/>
  <c r="AF143135" i="1"/>
  <c r="AF143136" i="1"/>
  <c r="AF143137" i="1"/>
  <c r="AF143138" i="1"/>
  <c r="AF143139" i="1"/>
  <c r="AF143140" i="1"/>
  <c r="AF143141" i="1"/>
  <c r="AF143142" i="1"/>
  <c r="AF143143" i="1"/>
  <c r="AF143144" i="1"/>
  <c r="AF143145" i="1"/>
  <c r="AF143146" i="1"/>
  <c r="AF143147" i="1"/>
  <c r="AF143148" i="1"/>
  <c r="AF143149" i="1"/>
  <c r="AF143150" i="1"/>
  <c r="AF143151" i="1"/>
  <c r="AF143152" i="1"/>
  <c r="AF143153" i="1"/>
  <c r="AF143154" i="1"/>
  <c r="AF143155" i="1"/>
  <c r="AF143156" i="1"/>
  <c r="AF143157" i="1"/>
  <c r="AF143158" i="1"/>
  <c r="AF143159" i="1"/>
  <c r="AF143160" i="1"/>
  <c r="AF143161" i="1"/>
  <c r="AF143162" i="1"/>
  <c r="AF143163" i="1"/>
  <c r="AF143164" i="1"/>
  <c r="AF143165" i="1"/>
  <c r="AF143166" i="1"/>
  <c r="AF143167" i="1"/>
  <c r="AF143168" i="1"/>
  <c r="AF143169" i="1"/>
  <c r="AF143170" i="1"/>
  <c r="AF143171" i="1"/>
  <c r="AF143172" i="1"/>
  <c r="AF143173" i="1"/>
  <c r="AF143174" i="1"/>
  <c r="AF143175" i="1"/>
  <c r="AF143176" i="1"/>
  <c r="AF143177" i="1"/>
  <c r="AF143178" i="1"/>
  <c r="AF143179" i="1"/>
  <c r="AF143180" i="1"/>
  <c r="AF143181" i="1"/>
  <c r="AF143182" i="1"/>
  <c r="AF143183" i="1"/>
  <c r="AF143184" i="1"/>
  <c r="AF143185" i="1"/>
  <c r="AF143186" i="1"/>
  <c r="AF143187" i="1"/>
  <c r="AF143188" i="1"/>
  <c r="AF143189" i="1"/>
  <c r="AF143190" i="1"/>
  <c r="AF143191" i="1"/>
  <c r="AF143192" i="1"/>
  <c r="AF143193" i="1"/>
  <c r="AF143194" i="1"/>
  <c r="AF143195" i="1"/>
  <c r="AF143196" i="1"/>
  <c r="AF143197" i="1"/>
  <c r="AF143198" i="1"/>
  <c r="AF143199" i="1"/>
  <c r="AF143200" i="1"/>
  <c r="AF143201" i="1"/>
  <c r="AF143202" i="1"/>
  <c r="AF143203" i="1"/>
  <c r="AF143204" i="1"/>
  <c r="AF143205" i="1"/>
  <c r="AF143206" i="1"/>
  <c r="AF143207" i="1"/>
  <c r="AF143208" i="1"/>
  <c r="AF143209" i="1"/>
  <c r="AF143210" i="1"/>
  <c r="AF143211" i="1"/>
  <c r="AF143212" i="1"/>
  <c r="AF143213" i="1"/>
  <c r="AF143214" i="1"/>
  <c r="AF143215" i="1"/>
  <c r="AF143216" i="1"/>
  <c r="AF143217" i="1"/>
  <c r="AF143218" i="1"/>
  <c r="AF143219" i="1"/>
  <c r="AF143220" i="1"/>
  <c r="AF143221" i="1"/>
  <c r="AF143222" i="1"/>
  <c r="AF143223" i="1"/>
  <c r="AF143224" i="1"/>
  <c r="AF143225" i="1"/>
  <c r="AF143226" i="1"/>
  <c r="AF143227" i="1"/>
  <c r="AF143228" i="1"/>
  <c r="AF143229" i="1"/>
  <c r="AF143230" i="1"/>
  <c r="AF143231" i="1"/>
  <c r="AF143232" i="1"/>
  <c r="AF143233" i="1"/>
  <c r="AF143234" i="1"/>
  <c r="AF143235" i="1"/>
  <c r="AF143236" i="1"/>
  <c r="AF143237" i="1"/>
  <c r="AF143238" i="1"/>
  <c r="AF143239" i="1"/>
  <c r="AF143240" i="1"/>
  <c r="AF143241" i="1"/>
  <c r="AF143242" i="1"/>
  <c r="AF143243" i="1"/>
  <c r="AF143244" i="1"/>
  <c r="AF143245" i="1"/>
  <c r="AF143246" i="1"/>
  <c r="AF143247" i="1"/>
  <c r="AF143248" i="1"/>
  <c r="AF143249" i="1"/>
  <c r="AF143250" i="1"/>
  <c r="AF143251" i="1"/>
  <c r="AF143252" i="1"/>
  <c r="AF143253" i="1"/>
  <c r="AF143254" i="1"/>
  <c r="AF143255" i="1"/>
  <c r="AF143256" i="1"/>
  <c r="AF143257" i="1"/>
  <c r="AF143258" i="1"/>
  <c r="AF143259" i="1"/>
  <c r="AF143260" i="1"/>
  <c r="AF143261" i="1"/>
  <c r="AF143262" i="1"/>
  <c r="AF143263" i="1"/>
  <c r="AF143264" i="1"/>
  <c r="AF143265" i="1"/>
  <c r="AF143266" i="1"/>
  <c r="AF143267" i="1"/>
  <c r="AF143268" i="1"/>
  <c r="AF143269" i="1"/>
  <c r="AF143270" i="1"/>
  <c r="AF143271" i="1"/>
  <c r="AF143272" i="1"/>
  <c r="AF143273" i="1"/>
  <c r="AF143274" i="1"/>
  <c r="AF143275" i="1"/>
  <c r="AF143276" i="1"/>
  <c r="AF143277" i="1"/>
  <c r="AF143278" i="1"/>
  <c r="AF143279" i="1"/>
  <c r="AF143280" i="1"/>
  <c r="AF143281" i="1"/>
  <c r="AF143282" i="1"/>
  <c r="AF143283" i="1"/>
  <c r="AF143284" i="1"/>
  <c r="AF143285" i="1"/>
  <c r="AF143286" i="1"/>
  <c r="AF143287" i="1"/>
  <c r="AF143288" i="1"/>
  <c r="AF143289" i="1"/>
  <c r="AF143290" i="1"/>
  <c r="AF143291" i="1"/>
  <c r="AF143292" i="1"/>
  <c r="AF143293" i="1"/>
  <c r="AF143294" i="1"/>
  <c r="AF143295" i="1"/>
  <c r="AF143296" i="1"/>
  <c r="AF143297" i="1"/>
  <c r="AF143298" i="1"/>
  <c r="AF143299" i="1"/>
  <c r="AF143300" i="1"/>
  <c r="AF143301" i="1"/>
  <c r="AF143302" i="1"/>
  <c r="AF143303" i="1"/>
  <c r="AF143304" i="1"/>
  <c r="AF143305" i="1"/>
  <c r="AF143306" i="1"/>
  <c r="AF143307" i="1"/>
  <c r="AF143308" i="1"/>
  <c r="AF143309" i="1"/>
  <c r="AF143310" i="1"/>
  <c r="AF143311" i="1"/>
  <c r="AF143312" i="1"/>
  <c r="AF143313" i="1"/>
  <c r="AF143314" i="1"/>
  <c r="AF143315" i="1"/>
  <c r="AF143316" i="1"/>
  <c r="AF143317" i="1"/>
  <c r="AF143318" i="1"/>
  <c r="AF143319" i="1"/>
  <c r="AF143320" i="1"/>
  <c r="AF143321" i="1"/>
  <c r="AF143322" i="1"/>
  <c r="AF143323" i="1"/>
  <c r="AF143324" i="1"/>
  <c r="AF143325" i="1"/>
  <c r="AF143326" i="1"/>
  <c r="AF143327" i="1"/>
  <c r="AF143328" i="1"/>
  <c r="AF143329" i="1"/>
  <c r="AF143330" i="1"/>
  <c r="AF143331" i="1"/>
  <c r="AF143332" i="1"/>
  <c r="AF143333" i="1"/>
  <c r="AF143334" i="1"/>
  <c r="AF143335" i="1"/>
  <c r="AF143336" i="1"/>
  <c r="AF143337" i="1"/>
  <c r="AF143338" i="1"/>
  <c r="AF143339" i="1"/>
  <c r="AF143340" i="1"/>
  <c r="AF143341" i="1"/>
  <c r="AF143342" i="1"/>
  <c r="AF143343" i="1"/>
  <c r="AF143344" i="1"/>
  <c r="AF143345" i="1"/>
  <c r="AF143346" i="1"/>
  <c r="AF143347" i="1"/>
  <c r="AF143348" i="1"/>
  <c r="AF143349" i="1"/>
  <c r="AF143350" i="1"/>
  <c r="AF143351" i="1"/>
  <c r="AF143352" i="1"/>
  <c r="AF143353" i="1"/>
  <c r="AF143354" i="1"/>
  <c r="AF143355" i="1"/>
  <c r="AF143356" i="1"/>
  <c r="AF143357" i="1"/>
  <c r="AF143358" i="1"/>
  <c r="AF143359" i="1"/>
  <c r="AF143360" i="1"/>
  <c r="AF143361" i="1"/>
  <c r="AF143362" i="1"/>
  <c r="AF143363" i="1"/>
  <c r="AF143364" i="1"/>
  <c r="AF143365" i="1"/>
  <c r="AF143366" i="1"/>
  <c r="AF143367" i="1"/>
  <c r="AF143368" i="1"/>
  <c r="AF143369" i="1"/>
  <c r="AF143370" i="1"/>
  <c r="AF143371" i="1"/>
  <c r="AF143372" i="1"/>
  <c r="AF143373" i="1"/>
  <c r="AF143374" i="1"/>
  <c r="AF143375" i="1"/>
  <c r="AF143376" i="1"/>
  <c r="AF143377" i="1"/>
  <c r="AF143378" i="1"/>
  <c r="AF143379" i="1"/>
  <c r="AF143380" i="1"/>
  <c r="AF143381" i="1"/>
  <c r="AF143382" i="1"/>
  <c r="AF143383" i="1"/>
  <c r="AF143384" i="1"/>
  <c r="AF143385" i="1"/>
  <c r="AF143386" i="1"/>
  <c r="AF143387" i="1"/>
  <c r="AF143388" i="1"/>
  <c r="AF143389" i="1"/>
  <c r="AF143390" i="1"/>
  <c r="AF143391" i="1"/>
  <c r="AF143392" i="1"/>
  <c r="AF143393" i="1"/>
  <c r="AF143394" i="1"/>
  <c r="AF143395" i="1"/>
  <c r="AF143396" i="1"/>
  <c r="AF143397" i="1"/>
  <c r="AF143398" i="1"/>
  <c r="AF143399" i="1"/>
  <c r="AF143400" i="1"/>
  <c r="AF143401" i="1"/>
  <c r="AF143402" i="1"/>
  <c r="AF143403" i="1"/>
  <c r="AF143404" i="1"/>
  <c r="AF143405" i="1"/>
  <c r="AF143406" i="1"/>
  <c r="AF143407" i="1"/>
  <c r="AF143408" i="1"/>
  <c r="AF143409" i="1"/>
  <c r="AF143410" i="1"/>
  <c r="AF143411" i="1"/>
  <c r="AF143412" i="1"/>
  <c r="AF143413" i="1"/>
  <c r="AF143414" i="1"/>
  <c r="AF143415" i="1"/>
  <c r="AF143416" i="1"/>
  <c r="AF143417" i="1"/>
  <c r="AF143418" i="1"/>
  <c r="AF143419" i="1"/>
  <c r="AF143420" i="1"/>
  <c r="AF143421" i="1"/>
  <c r="AF143422" i="1"/>
  <c r="AF143423" i="1"/>
  <c r="AF143424" i="1"/>
  <c r="AF143425" i="1"/>
  <c r="AF143426" i="1"/>
  <c r="AF143427" i="1"/>
  <c r="AF143428" i="1"/>
  <c r="AF143429" i="1"/>
  <c r="AF143430" i="1"/>
  <c r="AF143431" i="1"/>
  <c r="AF143432" i="1"/>
  <c r="AF143433" i="1"/>
  <c r="AF143434" i="1"/>
  <c r="AF143435" i="1"/>
  <c r="AF143436" i="1"/>
  <c r="AF143437" i="1"/>
  <c r="AF143438" i="1"/>
  <c r="AF143439" i="1"/>
  <c r="AF143440" i="1"/>
  <c r="AF143441" i="1"/>
  <c r="AF143442" i="1"/>
  <c r="AF143443" i="1"/>
  <c r="AF143444" i="1"/>
  <c r="AF143445" i="1"/>
  <c r="AF143446" i="1"/>
  <c r="AF143447" i="1"/>
  <c r="AF143448" i="1"/>
  <c r="AF143449" i="1"/>
  <c r="AF143450" i="1"/>
  <c r="AF143451" i="1"/>
  <c r="AF143452" i="1"/>
  <c r="AF143453" i="1"/>
  <c r="AF143454" i="1"/>
  <c r="AF143455" i="1"/>
  <c r="AF143456" i="1"/>
  <c r="AF143457" i="1"/>
  <c r="AF143458" i="1"/>
  <c r="AF143459" i="1"/>
  <c r="AF143460" i="1"/>
  <c r="AF143461" i="1"/>
  <c r="AF143462" i="1"/>
  <c r="AF143463" i="1"/>
  <c r="AF143464" i="1"/>
  <c r="AF143465" i="1"/>
  <c r="AF143466" i="1"/>
  <c r="AF143467" i="1"/>
  <c r="AF143468" i="1"/>
  <c r="AF143469" i="1"/>
  <c r="AF143470" i="1"/>
  <c r="AF143471" i="1"/>
  <c r="AF143472" i="1"/>
  <c r="AF143473" i="1"/>
  <c r="AF143474" i="1"/>
  <c r="AF143475" i="1"/>
  <c r="AF143476" i="1"/>
  <c r="AF143477" i="1"/>
  <c r="AF143478" i="1"/>
  <c r="AF143479" i="1"/>
  <c r="AF143480" i="1"/>
  <c r="AF143481" i="1"/>
  <c r="AF143482" i="1"/>
  <c r="AF143483" i="1"/>
  <c r="AF143484" i="1"/>
  <c r="AF143485" i="1"/>
  <c r="AF143486" i="1"/>
  <c r="AF143487" i="1"/>
  <c r="AF143488" i="1"/>
  <c r="AF143489" i="1"/>
  <c r="AF143490" i="1"/>
  <c r="AF143491" i="1"/>
  <c r="AF143492" i="1"/>
  <c r="AF143493" i="1"/>
  <c r="AF143494" i="1"/>
  <c r="AF143495" i="1"/>
  <c r="AF143496" i="1"/>
  <c r="AF143497" i="1"/>
  <c r="AF143498" i="1"/>
  <c r="AF143499" i="1"/>
  <c r="AF143500" i="1"/>
  <c r="AF143501" i="1"/>
  <c r="AF143502" i="1"/>
  <c r="AF143503" i="1"/>
  <c r="AF143504" i="1"/>
  <c r="AF143505" i="1"/>
  <c r="AF143506" i="1"/>
  <c r="AF143507" i="1"/>
  <c r="AF143508" i="1"/>
  <c r="AF143509" i="1"/>
  <c r="AF143510" i="1"/>
  <c r="AF143511" i="1"/>
  <c r="AF143512" i="1"/>
  <c r="AF143513" i="1"/>
  <c r="AF143514" i="1"/>
  <c r="AF143515" i="1"/>
  <c r="AF143516" i="1"/>
  <c r="AF143517" i="1"/>
  <c r="AF143518" i="1"/>
  <c r="AF143519" i="1"/>
  <c r="AF143520" i="1"/>
  <c r="AF143521" i="1"/>
  <c r="AF143522" i="1"/>
  <c r="AF143523" i="1"/>
  <c r="AF143524" i="1"/>
  <c r="AF143525" i="1"/>
  <c r="AF143526" i="1"/>
  <c r="AF143527" i="1"/>
  <c r="AF143528" i="1"/>
  <c r="AF143529" i="1"/>
  <c r="AF143530" i="1"/>
  <c r="AF143531" i="1"/>
  <c r="AF143532" i="1"/>
  <c r="AF143533" i="1"/>
  <c r="AF143534" i="1"/>
  <c r="AF143535" i="1"/>
  <c r="AF143536" i="1"/>
  <c r="AF143537" i="1"/>
  <c r="AF143538" i="1"/>
  <c r="AF143539" i="1"/>
  <c r="AF143540" i="1"/>
  <c r="AF143541" i="1"/>
  <c r="AF143542" i="1"/>
  <c r="AF143543" i="1"/>
  <c r="AF143544" i="1"/>
  <c r="AF143545" i="1"/>
  <c r="AF143546" i="1"/>
  <c r="AF143547" i="1"/>
  <c r="AF143548" i="1"/>
  <c r="AF143549" i="1"/>
  <c r="AF143550" i="1"/>
  <c r="AF143551" i="1"/>
  <c r="AF143552" i="1"/>
  <c r="AF143553" i="1"/>
  <c r="AF143554" i="1"/>
  <c r="AF143555" i="1"/>
  <c r="AF143556" i="1"/>
  <c r="AF143557" i="1"/>
  <c r="AF143558" i="1"/>
  <c r="AF143559" i="1"/>
  <c r="AF143560" i="1"/>
  <c r="AF143561" i="1"/>
  <c r="AF143562" i="1"/>
  <c r="AF143563" i="1"/>
  <c r="AF143564" i="1"/>
  <c r="AF143565" i="1"/>
  <c r="AF143566" i="1"/>
  <c r="AF143567" i="1"/>
  <c r="AF143568" i="1"/>
  <c r="AF143569" i="1"/>
  <c r="AF143570" i="1"/>
  <c r="AF143571" i="1"/>
  <c r="AF143572" i="1"/>
  <c r="AF143573" i="1"/>
  <c r="AF143574" i="1"/>
  <c r="AF143575" i="1"/>
  <c r="AF143576" i="1"/>
  <c r="AF143577" i="1"/>
  <c r="AF143578" i="1"/>
  <c r="AF143579" i="1"/>
  <c r="AF143580" i="1"/>
  <c r="AF143581" i="1"/>
  <c r="AF143582" i="1"/>
  <c r="AF143583" i="1"/>
  <c r="AF143584" i="1"/>
  <c r="AF143585" i="1"/>
  <c r="AF143586" i="1"/>
  <c r="AF143587" i="1"/>
  <c r="AF143588" i="1"/>
  <c r="AF143589" i="1"/>
  <c r="AF143590" i="1"/>
  <c r="AF143591" i="1"/>
  <c r="AF143592" i="1"/>
  <c r="AF143593" i="1"/>
  <c r="AF143594" i="1"/>
  <c r="AF143595" i="1"/>
  <c r="AF143596" i="1"/>
  <c r="AF143597" i="1"/>
  <c r="AF143598" i="1"/>
  <c r="AF143599" i="1"/>
  <c r="AF143600" i="1"/>
  <c r="AF143601" i="1"/>
  <c r="AF143602" i="1"/>
  <c r="AF143603" i="1"/>
  <c r="AF143604" i="1"/>
  <c r="AF143605" i="1"/>
  <c r="AF143606" i="1"/>
  <c r="AF143607" i="1"/>
  <c r="AF143608" i="1"/>
  <c r="AF143609" i="1"/>
  <c r="AF143610" i="1"/>
  <c r="AF143611" i="1"/>
  <c r="AF143612" i="1"/>
  <c r="AF143613" i="1"/>
  <c r="AF143614" i="1"/>
  <c r="AF143615" i="1"/>
  <c r="AF143616" i="1"/>
  <c r="AF143617" i="1"/>
  <c r="AF143618" i="1"/>
  <c r="AF143619" i="1"/>
  <c r="AF143620" i="1"/>
  <c r="AF143621" i="1"/>
  <c r="AF143622" i="1"/>
  <c r="AF143623" i="1"/>
  <c r="AF143624" i="1"/>
  <c r="AF143625" i="1"/>
  <c r="AF143626" i="1"/>
  <c r="AF143627" i="1"/>
  <c r="AF143628" i="1"/>
  <c r="AF143629" i="1"/>
  <c r="AF143630" i="1"/>
  <c r="AF143631" i="1"/>
  <c r="AF143632" i="1"/>
  <c r="AF143633" i="1"/>
  <c r="AF143634" i="1"/>
  <c r="AF143635" i="1"/>
  <c r="AF143636" i="1"/>
  <c r="AF143637" i="1"/>
  <c r="AF143638" i="1"/>
  <c r="AF143639" i="1"/>
  <c r="AF143640" i="1"/>
  <c r="AF143641" i="1"/>
  <c r="AF143642" i="1"/>
  <c r="AF143643" i="1"/>
  <c r="AF143644" i="1"/>
  <c r="AF143645" i="1"/>
  <c r="AF143646" i="1"/>
  <c r="AF143647" i="1"/>
  <c r="AF143648" i="1"/>
  <c r="AF143649" i="1"/>
  <c r="AF143650" i="1"/>
  <c r="AF143651" i="1"/>
  <c r="AF143652" i="1"/>
  <c r="AF143653" i="1"/>
  <c r="AF143654" i="1"/>
  <c r="AF143655" i="1"/>
  <c r="AF143656" i="1"/>
  <c r="AF143657" i="1"/>
  <c r="AF143658" i="1"/>
  <c r="AF143659" i="1"/>
  <c r="AF143660" i="1"/>
  <c r="AF143661" i="1"/>
  <c r="AF143662" i="1"/>
  <c r="AF143663" i="1"/>
  <c r="AF143664" i="1"/>
  <c r="AF143665" i="1"/>
  <c r="AF143666" i="1"/>
  <c r="AF143667" i="1"/>
  <c r="AF143668" i="1"/>
  <c r="AF143669" i="1"/>
  <c r="AF143670" i="1"/>
  <c r="AF143671" i="1"/>
  <c r="AF143672" i="1"/>
  <c r="AF143673" i="1"/>
  <c r="AF143674" i="1"/>
  <c r="AF143675" i="1"/>
  <c r="AF143676" i="1"/>
  <c r="AF143677" i="1"/>
  <c r="AF143678" i="1"/>
  <c r="AF143679" i="1"/>
  <c r="AF143680" i="1"/>
  <c r="AF143681" i="1"/>
  <c r="AF143682" i="1"/>
  <c r="AF143683" i="1"/>
  <c r="AF143684" i="1"/>
  <c r="AF143685" i="1"/>
  <c r="AF143686" i="1"/>
  <c r="AF143687" i="1"/>
  <c r="AF143688" i="1"/>
  <c r="AF143689" i="1"/>
  <c r="AF143690" i="1"/>
  <c r="AF143691" i="1"/>
  <c r="AF143692" i="1"/>
  <c r="AF143693" i="1"/>
  <c r="AF143694" i="1"/>
  <c r="AF143695" i="1"/>
  <c r="AF143696" i="1"/>
  <c r="AF143697" i="1"/>
  <c r="AF143698" i="1"/>
  <c r="AF143699" i="1"/>
  <c r="AF143700" i="1"/>
  <c r="AF143701" i="1"/>
  <c r="AF143702" i="1"/>
  <c r="AF143703" i="1"/>
  <c r="AF143704" i="1"/>
  <c r="AF143705" i="1"/>
  <c r="AF143706" i="1"/>
  <c r="AF143707" i="1"/>
  <c r="AF143708" i="1"/>
  <c r="AF143709" i="1"/>
  <c r="AF143710" i="1"/>
  <c r="AF143711" i="1"/>
  <c r="AF143712" i="1"/>
  <c r="AF143713" i="1"/>
  <c r="AF143714" i="1"/>
  <c r="AF143715" i="1"/>
  <c r="AF143716" i="1"/>
  <c r="AF143717" i="1"/>
  <c r="AF143718" i="1"/>
  <c r="AF143719" i="1"/>
  <c r="AF143720" i="1"/>
  <c r="AF143721" i="1"/>
  <c r="AF143722" i="1"/>
  <c r="AF143723" i="1"/>
  <c r="AF143724" i="1"/>
  <c r="AF143725" i="1"/>
  <c r="AF143726" i="1"/>
  <c r="AF143727" i="1"/>
  <c r="AF143728" i="1"/>
  <c r="AF143729" i="1"/>
  <c r="AF143730" i="1"/>
  <c r="AF143731" i="1"/>
  <c r="AF143732" i="1"/>
  <c r="AF143733" i="1"/>
  <c r="AF143734" i="1"/>
  <c r="AF143735" i="1"/>
  <c r="AF143736" i="1"/>
  <c r="AF143737" i="1"/>
  <c r="AF143738" i="1"/>
  <c r="AF143739" i="1"/>
  <c r="AF143740" i="1"/>
  <c r="AF143741" i="1"/>
  <c r="AF143742" i="1"/>
  <c r="AF143743" i="1"/>
  <c r="AF143744" i="1"/>
  <c r="AF143745" i="1"/>
  <c r="AF143746" i="1"/>
  <c r="AF143747" i="1"/>
  <c r="AF143748" i="1"/>
  <c r="AF143749" i="1"/>
  <c r="AF143750" i="1"/>
  <c r="AF143751" i="1"/>
  <c r="AF143752" i="1"/>
  <c r="AF143753" i="1"/>
  <c r="AF143754" i="1"/>
  <c r="AF143755" i="1"/>
  <c r="AF143756" i="1"/>
  <c r="AF143757" i="1"/>
  <c r="AF143758" i="1"/>
  <c r="AF143759" i="1"/>
  <c r="AF143760" i="1"/>
  <c r="AF143761" i="1"/>
  <c r="AF143762" i="1"/>
  <c r="AF143763" i="1"/>
  <c r="AF143764" i="1"/>
  <c r="AF143765" i="1"/>
  <c r="AF143766" i="1"/>
  <c r="AF143767" i="1"/>
  <c r="AF143768" i="1"/>
  <c r="AF143769" i="1"/>
  <c r="AF143770" i="1"/>
  <c r="AF143771" i="1"/>
  <c r="AF143772" i="1"/>
  <c r="AF143773" i="1"/>
  <c r="AF143774" i="1"/>
  <c r="AF143775" i="1"/>
  <c r="AF143776" i="1"/>
  <c r="AF143777" i="1"/>
  <c r="AF143778" i="1"/>
  <c r="AF143779" i="1"/>
  <c r="AF143780" i="1"/>
  <c r="AF143781" i="1"/>
  <c r="AF143782" i="1"/>
  <c r="AF143783" i="1"/>
  <c r="AF143784" i="1"/>
  <c r="AF143785" i="1"/>
  <c r="AF143786" i="1"/>
  <c r="AF143787" i="1"/>
  <c r="AF143788" i="1"/>
  <c r="AF143789" i="1"/>
  <c r="AF143790" i="1"/>
  <c r="AF143791" i="1"/>
  <c r="AF143792" i="1"/>
  <c r="AF143793" i="1"/>
  <c r="AF143794" i="1"/>
  <c r="AF143795" i="1"/>
  <c r="AF143796" i="1"/>
  <c r="AF143797" i="1"/>
  <c r="AF143798" i="1"/>
  <c r="AF143799" i="1"/>
  <c r="AF143800" i="1"/>
  <c r="AF143801" i="1"/>
  <c r="AF143802" i="1"/>
  <c r="AF143803" i="1"/>
  <c r="AF143804" i="1"/>
  <c r="AF143805" i="1"/>
  <c r="AF143806" i="1"/>
  <c r="AF143807" i="1"/>
  <c r="AF143808" i="1"/>
  <c r="AF143809" i="1"/>
  <c r="AF143810" i="1"/>
  <c r="AF143811" i="1"/>
  <c r="AF143812" i="1"/>
  <c r="AF143813" i="1"/>
  <c r="AF143814" i="1"/>
  <c r="AF143815" i="1"/>
  <c r="AF143816" i="1"/>
  <c r="AF143817" i="1"/>
  <c r="AF143818" i="1"/>
  <c r="AF143819" i="1"/>
  <c r="AF143820" i="1"/>
  <c r="AF143821" i="1"/>
  <c r="AF143822" i="1"/>
  <c r="AF143823" i="1"/>
  <c r="AF143824" i="1"/>
  <c r="AF143825" i="1"/>
  <c r="AF143826" i="1"/>
  <c r="AF143827" i="1"/>
  <c r="AF143828" i="1"/>
  <c r="AF143829" i="1"/>
  <c r="AF143830" i="1"/>
  <c r="AF143831" i="1"/>
  <c r="AF143832" i="1"/>
  <c r="AF143833" i="1"/>
  <c r="AF143834" i="1"/>
  <c r="AF143835" i="1"/>
  <c r="AF143836" i="1"/>
  <c r="AF143837" i="1"/>
  <c r="AF143838" i="1"/>
  <c r="AF143839" i="1"/>
  <c r="AF143840" i="1"/>
  <c r="AF143841" i="1"/>
  <c r="AF143842" i="1"/>
  <c r="AF143843" i="1"/>
  <c r="AF143844" i="1"/>
  <c r="AF143845" i="1"/>
  <c r="AF143846" i="1"/>
  <c r="AF143847" i="1"/>
  <c r="AF143848" i="1"/>
  <c r="AF143849" i="1"/>
  <c r="AF143850" i="1"/>
  <c r="AF143851" i="1"/>
  <c r="AF143852" i="1"/>
  <c r="AF143853" i="1"/>
  <c r="AF143854" i="1"/>
  <c r="AF143855" i="1"/>
  <c r="AF143856" i="1"/>
  <c r="AF143857" i="1"/>
  <c r="AF143858" i="1"/>
  <c r="AF143859" i="1"/>
  <c r="AF143860" i="1"/>
  <c r="AF143861" i="1"/>
  <c r="AF143862" i="1"/>
  <c r="AF143863" i="1"/>
  <c r="AF143864" i="1"/>
  <c r="AF143865" i="1"/>
  <c r="AF143866" i="1"/>
  <c r="AF143867" i="1"/>
  <c r="AF143868" i="1"/>
  <c r="AF143869" i="1"/>
  <c r="AF143870" i="1"/>
  <c r="AF143871" i="1"/>
  <c r="AF143872" i="1"/>
  <c r="AF143873" i="1"/>
  <c r="AF143874" i="1"/>
  <c r="AF143875" i="1"/>
  <c r="AF143876" i="1"/>
  <c r="AF143877" i="1"/>
  <c r="AF143878" i="1"/>
  <c r="AF143879" i="1"/>
  <c r="AF143880" i="1"/>
  <c r="AF143881" i="1"/>
  <c r="AF143882" i="1"/>
  <c r="AF143883" i="1"/>
  <c r="AF143884" i="1"/>
  <c r="AF143885" i="1"/>
  <c r="AF143886" i="1"/>
  <c r="AF143887" i="1"/>
  <c r="AF143888" i="1"/>
  <c r="AF143889" i="1"/>
  <c r="AF143890" i="1"/>
  <c r="AF143891" i="1"/>
  <c r="AF143892" i="1"/>
  <c r="AF143893" i="1"/>
  <c r="AF143894" i="1"/>
  <c r="AF143895" i="1"/>
  <c r="AF143896" i="1"/>
  <c r="AF143897" i="1"/>
  <c r="AF143898" i="1"/>
  <c r="AF143899" i="1"/>
  <c r="AF143900" i="1"/>
  <c r="AF143901" i="1"/>
  <c r="AF143902" i="1"/>
  <c r="AF143903" i="1"/>
  <c r="AF143904" i="1"/>
  <c r="AF143905" i="1"/>
  <c r="AF143906" i="1"/>
  <c r="AF143907" i="1"/>
  <c r="AF143908" i="1"/>
  <c r="AF143909" i="1"/>
  <c r="AF143910" i="1"/>
  <c r="AF143911" i="1"/>
  <c r="AF143912" i="1"/>
  <c r="AF143913" i="1"/>
  <c r="AF143914" i="1"/>
  <c r="AF143915" i="1"/>
  <c r="AF143916" i="1"/>
  <c r="AF143917" i="1"/>
  <c r="AF143918" i="1"/>
  <c r="AF143919" i="1"/>
  <c r="AF143920" i="1"/>
  <c r="AF143921" i="1"/>
  <c r="AF143922" i="1"/>
  <c r="AF143923" i="1"/>
  <c r="AF143924" i="1"/>
  <c r="AF143925" i="1"/>
  <c r="AF143926" i="1"/>
  <c r="AF143927" i="1"/>
  <c r="AF143928" i="1"/>
  <c r="AF143929" i="1"/>
  <c r="AF143930" i="1"/>
  <c r="AF143931" i="1"/>
  <c r="AF143932" i="1"/>
  <c r="AF143933" i="1"/>
  <c r="AF143934" i="1"/>
  <c r="AF143935" i="1"/>
  <c r="AF143936" i="1"/>
  <c r="AF143937" i="1"/>
  <c r="AF143938" i="1"/>
  <c r="AF143939" i="1"/>
  <c r="AF143940" i="1"/>
  <c r="AF143941" i="1"/>
  <c r="AF143942" i="1"/>
  <c r="AF143943" i="1"/>
  <c r="AF143944" i="1"/>
  <c r="AF143945" i="1"/>
  <c r="AF143946" i="1"/>
  <c r="AF143947" i="1"/>
  <c r="AF143948" i="1"/>
  <c r="AF143949" i="1"/>
  <c r="AF143950" i="1"/>
  <c r="AF143951" i="1"/>
  <c r="AF143952" i="1"/>
  <c r="AF143953" i="1"/>
  <c r="AF143954" i="1"/>
  <c r="AF143955" i="1"/>
  <c r="AF143956" i="1"/>
  <c r="AF143957" i="1"/>
  <c r="AF143958" i="1"/>
  <c r="AF143959" i="1"/>
  <c r="AF143960" i="1"/>
  <c r="AF143961" i="1"/>
  <c r="AF143962" i="1"/>
  <c r="AF143963" i="1"/>
  <c r="AF143964" i="1"/>
  <c r="AF143965" i="1"/>
  <c r="AF143966" i="1"/>
  <c r="AF143967" i="1"/>
  <c r="AF143968" i="1"/>
  <c r="AF143969" i="1"/>
  <c r="AF143970" i="1"/>
  <c r="AF143971" i="1"/>
  <c r="AF143972" i="1"/>
  <c r="AF143973" i="1"/>
  <c r="AF143974" i="1"/>
  <c r="AF143975" i="1"/>
  <c r="AF143976" i="1"/>
  <c r="AF143977" i="1"/>
  <c r="AF143978" i="1"/>
  <c r="AF143979" i="1"/>
  <c r="AF143980" i="1"/>
  <c r="AF143981" i="1"/>
  <c r="AF143982" i="1"/>
  <c r="AF143983" i="1"/>
  <c r="AF143984" i="1"/>
  <c r="AF143985" i="1"/>
  <c r="AF143986" i="1"/>
  <c r="AF143987" i="1"/>
  <c r="AF143988" i="1"/>
  <c r="AF143989" i="1"/>
  <c r="AF143990" i="1"/>
  <c r="AF143991" i="1"/>
  <c r="AF143992" i="1"/>
  <c r="AF143993" i="1"/>
  <c r="AF143994" i="1"/>
  <c r="AF143995" i="1"/>
  <c r="AF143996" i="1"/>
  <c r="AF143997" i="1"/>
  <c r="AF143998" i="1"/>
  <c r="AF143999" i="1"/>
  <c r="AF144000" i="1"/>
  <c r="AF144001" i="1"/>
  <c r="AF144002" i="1"/>
  <c r="AF144003" i="1"/>
  <c r="AF144004" i="1"/>
  <c r="AF144005" i="1"/>
  <c r="AF144006" i="1"/>
  <c r="AF144007" i="1"/>
  <c r="AF144008" i="1"/>
  <c r="AF144009" i="1"/>
  <c r="AF144010" i="1"/>
  <c r="AF144011" i="1"/>
  <c r="AF144012" i="1"/>
  <c r="AF144013" i="1"/>
  <c r="AF144014" i="1"/>
  <c r="AF144015" i="1"/>
  <c r="AF144016" i="1"/>
  <c r="AF144017" i="1"/>
  <c r="AF144018" i="1"/>
  <c r="AF144019" i="1"/>
  <c r="AF144020" i="1"/>
  <c r="AF144021" i="1"/>
  <c r="AF144022" i="1"/>
  <c r="AF144023" i="1"/>
  <c r="AF144024" i="1"/>
  <c r="AF144025" i="1"/>
  <c r="AF144026" i="1"/>
  <c r="AF144027" i="1"/>
  <c r="AF144028" i="1"/>
  <c r="AF144029" i="1"/>
  <c r="AF144030" i="1"/>
  <c r="AF144031" i="1"/>
  <c r="AF144032" i="1"/>
  <c r="AF144033" i="1"/>
  <c r="AF144034" i="1"/>
  <c r="AF144035" i="1"/>
  <c r="AF144036" i="1"/>
  <c r="AF144037" i="1"/>
  <c r="AF144038" i="1"/>
  <c r="AF144039" i="1"/>
  <c r="AF144040" i="1"/>
  <c r="AF144041" i="1"/>
  <c r="AF144042" i="1"/>
  <c r="AF144043" i="1"/>
  <c r="AF144044" i="1"/>
  <c r="AF144045" i="1"/>
  <c r="AF144046" i="1"/>
  <c r="AF144047" i="1"/>
  <c r="AF144048" i="1"/>
  <c r="AF144049" i="1"/>
  <c r="AF144050" i="1"/>
  <c r="AF144051" i="1"/>
  <c r="AF144052" i="1"/>
  <c r="AF144053" i="1"/>
  <c r="AF144054" i="1"/>
  <c r="AF144055" i="1"/>
  <c r="AF144056" i="1"/>
  <c r="AF144057" i="1"/>
  <c r="AF144058" i="1"/>
  <c r="AF144059" i="1"/>
  <c r="AF144060" i="1"/>
  <c r="AF144061" i="1"/>
  <c r="AF144062" i="1"/>
  <c r="AF144063" i="1"/>
  <c r="AF144064" i="1"/>
  <c r="AF144065" i="1"/>
  <c r="AF144066" i="1"/>
  <c r="AF144067" i="1"/>
  <c r="AF144068" i="1"/>
  <c r="AF144069" i="1"/>
  <c r="AF144070" i="1"/>
  <c r="AF144071" i="1"/>
  <c r="AF144072" i="1"/>
  <c r="AF144073" i="1"/>
  <c r="AF144074" i="1"/>
  <c r="AF144075" i="1"/>
  <c r="AF144076" i="1"/>
  <c r="AF144077" i="1"/>
  <c r="AF144078" i="1"/>
  <c r="AF144079" i="1"/>
  <c r="AF144080" i="1"/>
  <c r="AF144081" i="1"/>
  <c r="AF144082" i="1"/>
  <c r="AF144083" i="1"/>
  <c r="AF144084" i="1"/>
  <c r="AF144085" i="1"/>
  <c r="AF144086" i="1"/>
  <c r="AF144087" i="1"/>
  <c r="AF144088" i="1"/>
  <c r="AF144089" i="1"/>
  <c r="AF144090" i="1"/>
  <c r="AF144091" i="1"/>
  <c r="AF144092" i="1"/>
  <c r="AF144093" i="1"/>
  <c r="AF144094" i="1"/>
  <c r="AF144095" i="1"/>
  <c r="AF144096" i="1"/>
  <c r="AF144097" i="1"/>
  <c r="AF144098" i="1"/>
  <c r="AF144099" i="1"/>
  <c r="AF144100" i="1"/>
  <c r="AF144101" i="1"/>
  <c r="AF144102" i="1"/>
  <c r="AF144103" i="1"/>
  <c r="AF144104" i="1"/>
  <c r="AF144105" i="1"/>
  <c r="AF144106" i="1"/>
  <c r="AF144107" i="1"/>
  <c r="AF144108" i="1"/>
  <c r="AF144109" i="1"/>
  <c r="AF144110" i="1"/>
  <c r="AF144111" i="1"/>
  <c r="AF144112" i="1"/>
  <c r="AF144113" i="1"/>
  <c r="AF144114" i="1"/>
  <c r="AF144115" i="1"/>
  <c r="AF144116" i="1"/>
  <c r="AF144117" i="1"/>
  <c r="AF144118" i="1"/>
  <c r="AF144119" i="1"/>
  <c r="AF144120" i="1"/>
  <c r="AF144121" i="1"/>
  <c r="AF144122" i="1"/>
  <c r="AF144123" i="1"/>
  <c r="AF144124" i="1"/>
  <c r="AF144125" i="1"/>
  <c r="AF144126" i="1"/>
  <c r="AF144127" i="1"/>
  <c r="AF144128" i="1"/>
  <c r="AF144129" i="1"/>
  <c r="AF144130" i="1"/>
  <c r="AF144131" i="1"/>
  <c r="AF144132" i="1"/>
  <c r="AF144133" i="1"/>
  <c r="AF144134" i="1"/>
  <c r="AF144135" i="1"/>
  <c r="AF144136" i="1"/>
  <c r="AF144137" i="1"/>
  <c r="AF144138" i="1"/>
  <c r="AF144139" i="1"/>
  <c r="AF144140" i="1"/>
  <c r="AF144141" i="1"/>
  <c r="AF144142" i="1"/>
  <c r="AF144143" i="1"/>
  <c r="AF144144" i="1"/>
  <c r="AF144145" i="1"/>
  <c r="AF144146" i="1"/>
  <c r="AF144147" i="1"/>
  <c r="AF144148" i="1"/>
  <c r="AF144149" i="1"/>
  <c r="AF144150" i="1"/>
  <c r="AF144151" i="1"/>
  <c r="AF144152" i="1"/>
  <c r="AF144153" i="1"/>
  <c r="AF144154" i="1"/>
  <c r="AF144155" i="1"/>
  <c r="AF144156" i="1"/>
  <c r="AF144157" i="1"/>
  <c r="AF144158" i="1"/>
  <c r="AF144159" i="1"/>
  <c r="AF144160" i="1"/>
  <c r="AF144161" i="1"/>
  <c r="AF144162" i="1"/>
  <c r="AF144163" i="1"/>
  <c r="AF144164" i="1"/>
  <c r="AF144165" i="1"/>
  <c r="AF144166" i="1"/>
  <c r="AF144167" i="1"/>
  <c r="AF144168" i="1"/>
  <c r="AF144169" i="1"/>
  <c r="AF144170" i="1"/>
  <c r="AF144171" i="1"/>
  <c r="AF144172" i="1"/>
  <c r="AF144173" i="1"/>
  <c r="AF144174" i="1"/>
  <c r="AF144175" i="1"/>
  <c r="AF144176" i="1"/>
  <c r="AF144177" i="1"/>
  <c r="AF144178" i="1"/>
  <c r="AF144179" i="1"/>
  <c r="AF144180" i="1"/>
  <c r="AF144181" i="1"/>
  <c r="AF144182" i="1"/>
  <c r="AF144183" i="1"/>
  <c r="AF144184" i="1"/>
  <c r="AF144185" i="1"/>
  <c r="AF144186" i="1"/>
  <c r="AF144187" i="1"/>
  <c r="AF144188" i="1"/>
  <c r="AF144189" i="1"/>
  <c r="AF144190" i="1"/>
  <c r="AF144191" i="1"/>
  <c r="AF144192" i="1"/>
  <c r="AF144193" i="1"/>
  <c r="AF144194" i="1"/>
  <c r="AF144195" i="1"/>
  <c r="AF144196" i="1"/>
  <c r="AF144197" i="1"/>
  <c r="AF144198" i="1"/>
  <c r="AF144199" i="1"/>
  <c r="AF144200" i="1"/>
  <c r="AF144201" i="1"/>
  <c r="AF144202" i="1"/>
  <c r="AF144203" i="1"/>
  <c r="AF144204" i="1"/>
  <c r="AF144205" i="1"/>
  <c r="AF144206" i="1"/>
  <c r="AF144207" i="1"/>
  <c r="AF144208" i="1"/>
  <c r="AF144209" i="1"/>
  <c r="AF144210" i="1"/>
  <c r="AF144211" i="1"/>
  <c r="AF144212" i="1"/>
  <c r="AF144213" i="1"/>
  <c r="AF144214" i="1"/>
  <c r="AF144215" i="1"/>
  <c r="AF144216" i="1"/>
  <c r="AF144217" i="1"/>
  <c r="AF144218" i="1"/>
  <c r="AF144219" i="1"/>
  <c r="AF144220" i="1"/>
  <c r="AF144221" i="1"/>
  <c r="AF144222" i="1"/>
  <c r="AF144223" i="1"/>
  <c r="AF144224" i="1"/>
  <c r="AF144225" i="1"/>
  <c r="AF144226" i="1"/>
  <c r="AF144227" i="1"/>
  <c r="AF144228" i="1"/>
  <c r="AF144229" i="1"/>
  <c r="AF144230" i="1"/>
  <c r="AF144231" i="1"/>
  <c r="AF144232" i="1"/>
  <c r="AF144233" i="1"/>
  <c r="AF144234" i="1"/>
  <c r="AF144235" i="1"/>
  <c r="AF144236" i="1"/>
  <c r="AF144237" i="1"/>
  <c r="AF144238" i="1"/>
  <c r="AF144239" i="1"/>
  <c r="AF144240" i="1"/>
  <c r="AF144241" i="1"/>
  <c r="AF144242" i="1"/>
  <c r="AF144243" i="1"/>
  <c r="AF144244" i="1"/>
  <c r="AF144245" i="1"/>
  <c r="AF144246" i="1"/>
  <c r="AF144247" i="1"/>
  <c r="AF144248" i="1"/>
  <c r="AF144249" i="1"/>
  <c r="AF144250" i="1"/>
  <c r="AF144251" i="1"/>
  <c r="AF144252" i="1"/>
  <c r="AF144253" i="1"/>
  <c r="AF144254" i="1"/>
  <c r="AF144255" i="1"/>
  <c r="AF144256" i="1"/>
  <c r="AF144257" i="1"/>
  <c r="AF144258" i="1"/>
  <c r="AF144259" i="1"/>
  <c r="AF144260" i="1"/>
  <c r="AF144261" i="1"/>
  <c r="AF144262" i="1"/>
  <c r="AF144263" i="1"/>
  <c r="AF144264" i="1"/>
  <c r="AF144265" i="1"/>
  <c r="AF144266" i="1"/>
  <c r="AF144267" i="1"/>
  <c r="AF144268" i="1"/>
  <c r="AF144269" i="1"/>
  <c r="AF144270" i="1"/>
  <c r="AF144271" i="1"/>
  <c r="AF144272" i="1"/>
  <c r="AF144273" i="1"/>
  <c r="AF144274" i="1"/>
  <c r="AF144275" i="1"/>
  <c r="AF144276" i="1"/>
  <c r="AF144277" i="1"/>
  <c r="AF144278" i="1"/>
  <c r="AF144279" i="1"/>
  <c r="AF144280" i="1"/>
  <c r="AF144281" i="1"/>
  <c r="AF144282" i="1"/>
  <c r="AF144283" i="1"/>
  <c r="AF144284" i="1"/>
  <c r="AF144285" i="1"/>
  <c r="AF144286" i="1"/>
  <c r="AF144287" i="1"/>
  <c r="AF144288" i="1"/>
  <c r="AF144289" i="1"/>
  <c r="AF144290" i="1"/>
  <c r="AF144291" i="1"/>
  <c r="AF144292" i="1"/>
  <c r="AF144293" i="1"/>
  <c r="AF144294" i="1"/>
  <c r="AF144295" i="1"/>
  <c r="AF144296" i="1"/>
  <c r="AF144297" i="1"/>
  <c r="AF144298" i="1"/>
  <c r="AF144299" i="1"/>
  <c r="AF144300" i="1"/>
  <c r="AF144301" i="1"/>
  <c r="AF144302" i="1"/>
  <c r="AF144303" i="1"/>
  <c r="AF144304" i="1"/>
  <c r="AF144305" i="1"/>
  <c r="AF144306" i="1"/>
  <c r="AF144307" i="1"/>
  <c r="AF144308" i="1"/>
  <c r="AF144309" i="1"/>
  <c r="AF144310" i="1"/>
  <c r="AF144311" i="1"/>
  <c r="AF144312" i="1"/>
  <c r="AF144313" i="1"/>
  <c r="AF144314" i="1"/>
  <c r="AF144315" i="1"/>
  <c r="AF144316" i="1"/>
  <c r="AF144317" i="1"/>
  <c r="AF144318" i="1"/>
  <c r="AF144319" i="1"/>
  <c r="AF144320" i="1"/>
  <c r="AF144321" i="1"/>
  <c r="AF144322" i="1"/>
  <c r="AF144323" i="1"/>
  <c r="AF144324" i="1"/>
  <c r="AF144325" i="1"/>
  <c r="AF144326" i="1"/>
  <c r="AF144327" i="1"/>
  <c r="AF144328" i="1"/>
  <c r="AF144329" i="1"/>
  <c r="AF144330" i="1"/>
  <c r="AF144331" i="1"/>
  <c r="AF144332" i="1"/>
  <c r="AF144333" i="1"/>
  <c r="AF144334" i="1"/>
  <c r="AF144335" i="1"/>
  <c r="AF144336" i="1"/>
  <c r="AF144337" i="1"/>
  <c r="AF144338" i="1"/>
  <c r="AF144339" i="1"/>
  <c r="AF144340" i="1"/>
  <c r="AF144341" i="1"/>
  <c r="AF144342" i="1"/>
  <c r="AF144343" i="1"/>
  <c r="AF144344" i="1"/>
  <c r="AF144345" i="1"/>
  <c r="AF144346" i="1"/>
  <c r="AF144347" i="1"/>
  <c r="AF144348" i="1"/>
  <c r="AF144349" i="1"/>
  <c r="AF144350" i="1"/>
  <c r="AF144351" i="1"/>
  <c r="AF144352" i="1"/>
  <c r="AF144353" i="1"/>
  <c r="AF144354" i="1"/>
  <c r="AF144355" i="1"/>
  <c r="AF144356" i="1"/>
  <c r="AF144357" i="1"/>
  <c r="AF144358" i="1"/>
  <c r="AF144359" i="1"/>
  <c r="AF144360" i="1"/>
  <c r="AF144361" i="1"/>
  <c r="AF144362" i="1"/>
  <c r="AF144363" i="1"/>
  <c r="AF144364" i="1"/>
  <c r="AF144365" i="1"/>
  <c r="AF144366" i="1"/>
  <c r="AF144367" i="1"/>
  <c r="AF144368" i="1"/>
  <c r="AF144369" i="1"/>
  <c r="AF144370" i="1"/>
  <c r="AF144371" i="1"/>
  <c r="AF144372" i="1"/>
  <c r="AF144373" i="1"/>
  <c r="AF144374" i="1"/>
  <c r="AF144375" i="1"/>
  <c r="AF144376" i="1"/>
  <c r="AF144377" i="1"/>
  <c r="AF144378" i="1"/>
  <c r="AF144379" i="1"/>
  <c r="AF144380" i="1"/>
  <c r="AF144381" i="1"/>
  <c r="AF144382" i="1"/>
  <c r="AF144383" i="1"/>
  <c r="AF144384" i="1"/>
  <c r="AF144385" i="1"/>
  <c r="AF144386" i="1"/>
  <c r="AF144387" i="1"/>
  <c r="AF144388" i="1"/>
  <c r="AF144389" i="1"/>
  <c r="AF144390" i="1"/>
  <c r="AF144391" i="1"/>
  <c r="AF144392" i="1"/>
  <c r="AF144393" i="1"/>
  <c r="AF144394" i="1"/>
  <c r="AF144395" i="1"/>
  <c r="AF144396" i="1"/>
  <c r="AF144397" i="1"/>
  <c r="AF144398" i="1"/>
  <c r="AF144399" i="1"/>
  <c r="AF144400" i="1"/>
  <c r="AF144401" i="1"/>
  <c r="AF144402" i="1"/>
  <c r="AF144403" i="1"/>
  <c r="AF144404" i="1"/>
  <c r="AF144405" i="1"/>
  <c r="AF144406" i="1"/>
  <c r="AF144407" i="1"/>
  <c r="AF144408" i="1"/>
  <c r="AF144409" i="1"/>
  <c r="AF144410" i="1"/>
  <c r="AF144411" i="1"/>
  <c r="AF144412" i="1"/>
  <c r="AF144413" i="1"/>
  <c r="AF144414" i="1"/>
  <c r="AF144415" i="1"/>
  <c r="AF144416" i="1"/>
  <c r="AF144417" i="1"/>
  <c r="AF144418" i="1"/>
  <c r="AF144419" i="1"/>
  <c r="AF144420" i="1"/>
  <c r="AF144421" i="1"/>
  <c r="AF144422" i="1"/>
  <c r="AF144423" i="1"/>
  <c r="AF144424" i="1"/>
  <c r="AF144425" i="1"/>
  <c r="AF144426" i="1"/>
  <c r="AF144427" i="1"/>
  <c r="AF144428" i="1"/>
  <c r="AF144429" i="1"/>
  <c r="AF144430" i="1"/>
  <c r="AF144431" i="1"/>
  <c r="AF144432" i="1"/>
  <c r="AF144433" i="1"/>
  <c r="AF144434" i="1"/>
  <c r="AF144435" i="1"/>
  <c r="AF144436" i="1"/>
  <c r="AF144437" i="1"/>
  <c r="AF144438" i="1"/>
  <c r="AF144439" i="1"/>
  <c r="AF144440" i="1"/>
  <c r="AF144441" i="1"/>
  <c r="AF144442" i="1"/>
  <c r="AF144443" i="1"/>
  <c r="AF144444" i="1"/>
  <c r="AF144445" i="1"/>
  <c r="AF144446" i="1"/>
  <c r="AF144447" i="1"/>
  <c r="AF144448" i="1"/>
  <c r="AF144449" i="1"/>
  <c r="AF144450" i="1"/>
  <c r="AF144451" i="1"/>
  <c r="AF144452" i="1"/>
  <c r="AF144453" i="1"/>
  <c r="AF144454" i="1"/>
  <c r="AF144455" i="1"/>
  <c r="AF144456" i="1"/>
  <c r="AF144457" i="1"/>
  <c r="AF144458" i="1"/>
  <c r="AF144459" i="1"/>
  <c r="AF144460" i="1"/>
  <c r="AF144461" i="1"/>
  <c r="AF144462" i="1"/>
  <c r="AF144463" i="1"/>
  <c r="AF144464" i="1"/>
  <c r="AF144465" i="1"/>
  <c r="AF144466" i="1"/>
  <c r="AF144467" i="1"/>
  <c r="AF144468" i="1"/>
  <c r="AF144469" i="1"/>
  <c r="AF144470" i="1"/>
  <c r="AF144471" i="1"/>
  <c r="AF144472" i="1"/>
  <c r="AF144473" i="1"/>
  <c r="AF144474" i="1"/>
  <c r="AF144475" i="1"/>
  <c r="AF144476" i="1"/>
  <c r="AF144477" i="1"/>
  <c r="AF144478" i="1"/>
  <c r="AF144479" i="1"/>
  <c r="AF144480" i="1"/>
  <c r="AF144481" i="1"/>
  <c r="AF144482" i="1"/>
  <c r="AF144483" i="1"/>
  <c r="AF144484" i="1"/>
  <c r="AF144485" i="1"/>
  <c r="AF144486" i="1"/>
  <c r="AF144487" i="1"/>
  <c r="AF144488" i="1"/>
  <c r="AF144489" i="1"/>
  <c r="AF144490" i="1"/>
  <c r="AF144491" i="1"/>
  <c r="AF144492" i="1"/>
  <c r="AF144493" i="1"/>
  <c r="AF144494" i="1"/>
  <c r="AF144495" i="1"/>
  <c r="AF144496" i="1"/>
  <c r="AF144497" i="1"/>
  <c r="AF144498" i="1"/>
  <c r="AF144499" i="1"/>
  <c r="AF144500" i="1"/>
  <c r="AF144501" i="1"/>
  <c r="AF144502" i="1"/>
  <c r="AF144503" i="1"/>
  <c r="AF144504" i="1"/>
  <c r="AF144505" i="1"/>
  <c r="AF144506" i="1"/>
  <c r="AF144507" i="1"/>
  <c r="AF144508" i="1"/>
  <c r="AF144509" i="1"/>
  <c r="AF144510" i="1"/>
  <c r="AF144511" i="1"/>
  <c r="AF144512" i="1"/>
  <c r="AF144513" i="1"/>
  <c r="AF144514" i="1"/>
  <c r="AF144515" i="1"/>
  <c r="AF144516" i="1"/>
  <c r="AF144517" i="1"/>
  <c r="AF144518" i="1"/>
  <c r="AF144519" i="1"/>
  <c r="AF144520" i="1"/>
  <c r="AF144521" i="1"/>
  <c r="AF144522" i="1"/>
  <c r="AF144523" i="1"/>
  <c r="AF144524" i="1"/>
  <c r="AF144525" i="1"/>
  <c r="AF144526" i="1"/>
  <c r="AF144527" i="1"/>
  <c r="AF144528" i="1"/>
  <c r="AF144529" i="1"/>
  <c r="AF144530" i="1"/>
  <c r="AF144531" i="1"/>
  <c r="AF144532" i="1"/>
  <c r="AF144533" i="1"/>
  <c r="AF144534" i="1"/>
  <c r="AF144535" i="1"/>
  <c r="AF144536" i="1"/>
  <c r="AF144537" i="1"/>
  <c r="AF144538" i="1"/>
  <c r="AF144539" i="1"/>
  <c r="AF144540" i="1"/>
  <c r="AF144541" i="1"/>
  <c r="AF144542" i="1"/>
  <c r="AF144543" i="1"/>
  <c r="AF144544" i="1"/>
  <c r="AF144545" i="1"/>
  <c r="AF144546" i="1"/>
  <c r="AF144547" i="1"/>
  <c r="AF144548" i="1"/>
  <c r="AF144549" i="1"/>
  <c r="AF144550" i="1"/>
  <c r="AF144551" i="1"/>
  <c r="AF144552" i="1"/>
  <c r="AF144553" i="1"/>
  <c r="AF144554" i="1"/>
  <c r="AF144555" i="1"/>
  <c r="AF144556" i="1"/>
  <c r="AF144557" i="1"/>
  <c r="AF144558" i="1"/>
  <c r="AF144559" i="1"/>
  <c r="AF144560" i="1"/>
  <c r="AF144561" i="1"/>
  <c r="AF144562" i="1"/>
  <c r="AF144563" i="1"/>
  <c r="AF144564" i="1"/>
  <c r="AF144565" i="1"/>
  <c r="AF144566" i="1"/>
  <c r="AF144567" i="1"/>
  <c r="AF144568" i="1"/>
  <c r="AF144569" i="1"/>
  <c r="AF144570" i="1"/>
  <c r="AF144571" i="1"/>
  <c r="AF144572" i="1"/>
  <c r="AF144573" i="1"/>
  <c r="AF144574" i="1"/>
  <c r="AF144575" i="1"/>
  <c r="AF144576" i="1"/>
  <c r="AF144577" i="1"/>
  <c r="AF144578" i="1"/>
  <c r="AF144579" i="1"/>
  <c r="AF144580" i="1"/>
  <c r="AF144581" i="1"/>
  <c r="AF144582" i="1"/>
  <c r="AF144583" i="1"/>
  <c r="AF144584" i="1"/>
  <c r="AF144585" i="1"/>
  <c r="AF144586" i="1"/>
  <c r="AF144587" i="1"/>
  <c r="AF144588" i="1"/>
  <c r="AF144589" i="1"/>
  <c r="AF144590" i="1"/>
  <c r="AF144591" i="1"/>
  <c r="AF144592" i="1"/>
  <c r="AF144593" i="1"/>
  <c r="AF144594" i="1"/>
  <c r="AF144595" i="1"/>
  <c r="AF144596" i="1"/>
  <c r="AF144597" i="1"/>
  <c r="AF144598" i="1"/>
  <c r="AF144599" i="1"/>
  <c r="AF144600" i="1"/>
  <c r="AF144601" i="1"/>
  <c r="AF144602" i="1"/>
  <c r="AF144603" i="1"/>
  <c r="AF144604" i="1"/>
  <c r="AF144605" i="1"/>
  <c r="AF144606" i="1"/>
  <c r="AF144607" i="1"/>
  <c r="AF144608" i="1"/>
  <c r="AF144609" i="1"/>
  <c r="AF144610" i="1"/>
  <c r="AF144611" i="1"/>
  <c r="AF144612" i="1"/>
  <c r="AF144613" i="1"/>
  <c r="AF144614" i="1"/>
  <c r="AF144615" i="1"/>
  <c r="AF144616" i="1"/>
  <c r="AF144617" i="1"/>
  <c r="AF144618" i="1"/>
  <c r="AF144619" i="1"/>
  <c r="AF144620" i="1"/>
  <c r="AF144621" i="1"/>
  <c r="AF144622" i="1"/>
  <c r="AF144623" i="1"/>
  <c r="AF144624" i="1"/>
  <c r="AF144625" i="1"/>
  <c r="AF144626" i="1"/>
  <c r="AF144627" i="1"/>
  <c r="AF144628" i="1"/>
  <c r="AF144629" i="1"/>
  <c r="AF144630" i="1"/>
  <c r="AF144631" i="1"/>
  <c r="AF144632" i="1"/>
  <c r="AF144633" i="1"/>
  <c r="AF144634" i="1"/>
  <c r="AF144635" i="1"/>
  <c r="AF144636" i="1"/>
  <c r="AF144637" i="1"/>
  <c r="AF144638" i="1"/>
  <c r="AF144639" i="1"/>
  <c r="AF144640" i="1"/>
  <c r="AF144641" i="1"/>
  <c r="AF144642" i="1"/>
  <c r="AF144643" i="1"/>
  <c r="AF144644" i="1"/>
  <c r="AF144645" i="1"/>
  <c r="AF144646" i="1"/>
  <c r="AF144647" i="1"/>
  <c r="AF144648" i="1"/>
  <c r="AF144649" i="1"/>
  <c r="AF144650" i="1"/>
  <c r="AF144651" i="1"/>
  <c r="AF144652" i="1"/>
  <c r="AF144653" i="1"/>
  <c r="AF144654" i="1"/>
  <c r="AF144655" i="1"/>
  <c r="AF144656" i="1"/>
  <c r="AF144657" i="1"/>
  <c r="AF144658" i="1"/>
  <c r="AF144659" i="1"/>
  <c r="AF144660" i="1"/>
  <c r="AF144661" i="1"/>
  <c r="AF144662" i="1"/>
  <c r="AF144663" i="1"/>
  <c r="AF144664" i="1"/>
  <c r="AF144665" i="1"/>
  <c r="AF144666" i="1"/>
  <c r="AF144667" i="1"/>
  <c r="AF144668" i="1"/>
  <c r="AF144669" i="1"/>
  <c r="AF144670" i="1"/>
  <c r="AF144671" i="1"/>
  <c r="AF144672" i="1"/>
  <c r="AF144673" i="1"/>
  <c r="AF144674" i="1"/>
  <c r="AF144675" i="1"/>
  <c r="AF144676" i="1"/>
  <c r="AF144677" i="1"/>
  <c r="AF144678" i="1"/>
  <c r="AF144679" i="1"/>
  <c r="AF144680" i="1"/>
  <c r="AF144681" i="1"/>
  <c r="AF144682" i="1"/>
  <c r="AF144683" i="1"/>
  <c r="AF144684" i="1"/>
  <c r="AF144685" i="1"/>
  <c r="AF144686" i="1"/>
  <c r="AF144687" i="1"/>
  <c r="AF144688" i="1"/>
  <c r="AF144689" i="1"/>
  <c r="AF144690" i="1"/>
  <c r="AF144691" i="1"/>
  <c r="AF144692" i="1"/>
  <c r="AF144693" i="1"/>
  <c r="AF144694" i="1"/>
  <c r="AF144695" i="1"/>
  <c r="AF144696" i="1"/>
  <c r="AF144697" i="1"/>
  <c r="AF144698" i="1"/>
  <c r="AF144699" i="1"/>
  <c r="AF144700" i="1"/>
  <c r="AF144701" i="1"/>
  <c r="AF144702" i="1"/>
  <c r="AF144703" i="1"/>
  <c r="AF144704" i="1"/>
  <c r="AF144705" i="1"/>
  <c r="AF144706" i="1"/>
  <c r="AF144707" i="1"/>
  <c r="AF144708" i="1"/>
  <c r="AF144709" i="1"/>
  <c r="AF144710" i="1"/>
  <c r="AF144711" i="1"/>
  <c r="AF144712" i="1"/>
  <c r="AF144713" i="1"/>
  <c r="AF144714" i="1"/>
  <c r="AF144715" i="1"/>
  <c r="AF144716" i="1"/>
  <c r="AF144717" i="1"/>
  <c r="AF144718" i="1"/>
  <c r="AF144719" i="1"/>
  <c r="AF144720" i="1"/>
  <c r="AF144721" i="1"/>
  <c r="AF144722" i="1"/>
  <c r="AF144723" i="1"/>
  <c r="AF144724" i="1"/>
  <c r="AF144725" i="1"/>
  <c r="AF144726" i="1"/>
  <c r="AF144727" i="1"/>
  <c r="AF144728" i="1"/>
  <c r="AF144729" i="1"/>
  <c r="AF144730" i="1"/>
  <c r="AF144731" i="1"/>
  <c r="AF144732" i="1"/>
  <c r="AF144733" i="1"/>
  <c r="AF144734" i="1"/>
  <c r="AF144735" i="1"/>
  <c r="AF144736" i="1"/>
  <c r="AF144737" i="1"/>
  <c r="AF144738" i="1"/>
  <c r="AF144739" i="1"/>
  <c r="AF144740" i="1"/>
  <c r="AF144741" i="1"/>
  <c r="AF144742" i="1"/>
  <c r="AF144743" i="1"/>
  <c r="AF144744" i="1"/>
  <c r="AF144745" i="1"/>
  <c r="AF144746" i="1"/>
  <c r="AF144747" i="1"/>
  <c r="AF144748" i="1"/>
  <c r="AF144749" i="1"/>
  <c r="AF144750" i="1"/>
  <c r="AF144751" i="1"/>
  <c r="AF144752" i="1"/>
  <c r="AF144753" i="1"/>
  <c r="AF144754" i="1"/>
  <c r="AF144755" i="1"/>
  <c r="AF144756" i="1"/>
  <c r="AF144757" i="1"/>
  <c r="AF144758" i="1"/>
  <c r="AF144759" i="1"/>
  <c r="AF144760" i="1"/>
  <c r="AF144761" i="1"/>
  <c r="AF144762" i="1"/>
  <c r="AF144763" i="1"/>
  <c r="AF144764" i="1"/>
  <c r="AF144765" i="1"/>
  <c r="AF144766" i="1"/>
  <c r="AF144767" i="1"/>
  <c r="AF144768" i="1"/>
  <c r="AF144769" i="1"/>
  <c r="AF144770" i="1"/>
  <c r="AF144771" i="1"/>
  <c r="AF144772" i="1"/>
  <c r="AF144773" i="1"/>
  <c r="AF144774" i="1"/>
  <c r="AF144775" i="1"/>
  <c r="AF144776" i="1"/>
  <c r="AF144777" i="1"/>
  <c r="AF144778" i="1"/>
  <c r="AF144779" i="1"/>
  <c r="AF144780" i="1"/>
  <c r="AF144781" i="1"/>
  <c r="AF144782" i="1"/>
  <c r="AF144783" i="1"/>
  <c r="AF144784" i="1"/>
  <c r="AF144785" i="1"/>
  <c r="AF144786" i="1"/>
  <c r="AF144787" i="1"/>
  <c r="AF144788" i="1"/>
  <c r="AF144789" i="1"/>
  <c r="AF144790" i="1"/>
  <c r="AF144791" i="1"/>
  <c r="AF144792" i="1"/>
  <c r="AF144793" i="1"/>
  <c r="AF144794" i="1"/>
  <c r="AF144795" i="1"/>
  <c r="AF144796" i="1"/>
  <c r="AF144797" i="1"/>
  <c r="AF144798" i="1"/>
  <c r="AF144799" i="1"/>
  <c r="AF144800" i="1"/>
  <c r="AF144801" i="1"/>
  <c r="AF144802" i="1"/>
  <c r="AF144803" i="1"/>
  <c r="AF144804" i="1"/>
  <c r="AF144805" i="1"/>
  <c r="AF144806" i="1"/>
  <c r="AF144807" i="1"/>
  <c r="AF144808" i="1"/>
  <c r="AF144809" i="1"/>
  <c r="AF144810" i="1"/>
  <c r="AF144811" i="1"/>
  <c r="AF144812" i="1"/>
  <c r="AF144813" i="1"/>
  <c r="AF144814" i="1"/>
  <c r="AF144815" i="1"/>
  <c r="AF144816" i="1"/>
  <c r="AF144817" i="1"/>
  <c r="AF144818" i="1"/>
  <c r="AF144819" i="1"/>
  <c r="AF144820" i="1"/>
  <c r="AF144821" i="1"/>
  <c r="AF144822" i="1"/>
  <c r="AF144823" i="1"/>
  <c r="AF144824" i="1"/>
  <c r="AF144825" i="1"/>
  <c r="AF144826" i="1"/>
  <c r="AF144827" i="1"/>
  <c r="AF144828" i="1"/>
  <c r="AF144829" i="1"/>
  <c r="AF144830" i="1"/>
  <c r="AF144831" i="1"/>
  <c r="AF144832" i="1"/>
  <c r="AF144833" i="1"/>
  <c r="AF144834" i="1"/>
  <c r="AF144835" i="1"/>
  <c r="AF144836" i="1"/>
  <c r="AF144837" i="1"/>
  <c r="AF144838" i="1"/>
  <c r="AF144839" i="1"/>
  <c r="AF144840" i="1"/>
  <c r="AF144841" i="1"/>
  <c r="AF144842" i="1"/>
  <c r="AF144843" i="1"/>
  <c r="AF144844" i="1"/>
  <c r="AF144845" i="1"/>
  <c r="AF144846" i="1"/>
  <c r="AF144847" i="1"/>
  <c r="AF144848" i="1"/>
  <c r="AF144849" i="1"/>
  <c r="AF144850" i="1"/>
  <c r="AF144851" i="1"/>
  <c r="AF144852" i="1"/>
  <c r="AF144853" i="1"/>
  <c r="AF144854" i="1"/>
  <c r="AF144855" i="1"/>
  <c r="AF144856" i="1"/>
  <c r="AF144857" i="1"/>
  <c r="AF144858" i="1"/>
  <c r="AF144859" i="1"/>
  <c r="AF144860" i="1"/>
  <c r="AF144861" i="1"/>
  <c r="AF144862" i="1"/>
  <c r="AF144863" i="1"/>
  <c r="AF144864" i="1"/>
  <c r="AF144865" i="1"/>
  <c r="AF144866" i="1"/>
  <c r="AF144867" i="1"/>
  <c r="AF144868" i="1"/>
  <c r="AF144869" i="1"/>
  <c r="AF144870" i="1"/>
  <c r="AF144871" i="1"/>
  <c r="AF144872" i="1"/>
  <c r="AF144873" i="1"/>
  <c r="AF144874" i="1"/>
  <c r="AF144875" i="1"/>
  <c r="AF144876" i="1"/>
  <c r="AF144877" i="1"/>
  <c r="AF144878" i="1"/>
  <c r="AF144879" i="1"/>
  <c r="AF144880" i="1"/>
  <c r="AF144881" i="1"/>
  <c r="AF144882" i="1"/>
  <c r="AF144883" i="1"/>
  <c r="AF144884" i="1"/>
  <c r="AF144885" i="1"/>
  <c r="AF144886" i="1"/>
  <c r="AF144887" i="1"/>
  <c r="AF144888" i="1"/>
  <c r="AF144889" i="1"/>
  <c r="AF144890" i="1"/>
  <c r="AF144891" i="1"/>
  <c r="AF144892" i="1"/>
  <c r="AF144893" i="1"/>
  <c r="AF144894" i="1"/>
  <c r="AF144895" i="1"/>
  <c r="AF144896" i="1"/>
  <c r="AF144897" i="1"/>
  <c r="AF144898" i="1"/>
  <c r="AF144899" i="1"/>
  <c r="AF144900" i="1"/>
  <c r="AF144901" i="1"/>
  <c r="AF144902" i="1"/>
  <c r="AF144903" i="1"/>
  <c r="AF144904" i="1"/>
  <c r="AF144905" i="1"/>
  <c r="AF144906" i="1"/>
  <c r="AF144907" i="1"/>
  <c r="AF144908" i="1"/>
  <c r="AF144909" i="1"/>
  <c r="AF144910" i="1"/>
  <c r="AF144911" i="1"/>
  <c r="AF144912" i="1"/>
  <c r="AF144913" i="1"/>
  <c r="AF144914" i="1"/>
  <c r="AF144915" i="1"/>
  <c r="AF144916" i="1"/>
  <c r="AF144917" i="1"/>
  <c r="AF144918" i="1"/>
  <c r="AF144919" i="1"/>
  <c r="AF144920" i="1"/>
  <c r="AF144921" i="1"/>
  <c r="AF144922" i="1"/>
  <c r="AF144923" i="1"/>
  <c r="AF144924" i="1"/>
  <c r="AF144925" i="1"/>
  <c r="AF144926" i="1"/>
  <c r="AF144927" i="1"/>
  <c r="AF144928" i="1"/>
  <c r="AF144929" i="1"/>
  <c r="AF144930" i="1"/>
  <c r="AF144931" i="1"/>
  <c r="AF144932" i="1"/>
  <c r="AF144933" i="1"/>
  <c r="AF144934" i="1"/>
  <c r="AF144935" i="1"/>
  <c r="AF144936" i="1"/>
  <c r="AF144937" i="1"/>
  <c r="AF144938" i="1"/>
  <c r="AF144939" i="1"/>
  <c r="AF144940" i="1"/>
  <c r="AF144941" i="1"/>
  <c r="AF144942" i="1"/>
  <c r="AF144943" i="1"/>
  <c r="AF144944" i="1"/>
  <c r="AF144945" i="1"/>
  <c r="AF144946" i="1"/>
  <c r="AF144947" i="1"/>
  <c r="AF144948" i="1"/>
  <c r="AF144949" i="1"/>
  <c r="AF144950" i="1"/>
  <c r="AF144951" i="1"/>
  <c r="AF144952" i="1"/>
  <c r="AF144953" i="1"/>
  <c r="AF144954" i="1"/>
  <c r="AF144955" i="1"/>
  <c r="AF144956" i="1"/>
  <c r="AF144957" i="1"/>
  <c r="AF144958" i="1"/>
  <c r="AF144959" i="1"/>
  <c r="AF144960" i="1"/>
  <c r="AF144961" i="1"/>
  <c r="AF144962" i="1"/>
  <c r="AF144963" i="1"/>
  <c r="AF144964" i="1"/>
  <c r="AF144965" i="1"/>
  <c r="AF144966" i="1"/>
  <c r="AF144967" i="1"/>
  <c r="AF144968" i="1"/>
  <c r="AF144969" i="1"/>
  <c r="AF144970" i="1"/>
  <c r="AF144971" i="1"/>
  <c r="AF144972" i="1"/>
  <c r="AF144973" i="1"/>
  <c r="AF144974" i="1"/>
  <c r="AF144975" i="1"/>
  <c r="AF144976" i="1"/>
  <c r="AF144977" i="1"/>
  <c r="AF144978" i="1"/>
  <c r="AF144979" i="1"/>
  <c r="AF144980" i="1"/>
  <c r="AF144981" i="1"/>
  <c r="AF144982" i="1"/>
  <c r="AF144983" i="1"/>
  <c r="AF144984" i="1"/>
  <c r="AF144985" i="1"/>
  <c r="AF144986" i="1"/>
  <c r="AF144987" i="1"/>
  <c r="AF144988" i="1"/>
  <c r="AF144989" i="1"/>
  <c r="AF144990" i="1"/>
  <c r="AF144991" i="1"/>
  <c r="AF144992" i="1"/>
  <c r="AF144993" i="1"/>
  <c r="AF144994" i="1"/>
  <c r="AF144995" i="1"/>
  <c r="AF144996" i="1"/>
  <c r="AF144997" i="1"/>
  <c r="AF144998" i="1"/>
  <c r="AF144999" i="1"/>
  <c r="AF145000" i="1"/>
  <c r="AF145001" i="1"/>
  <c r="AF145002" i="1"/>
  <c r="AF145003" i="1"/>
  <c r="AF145004" i="1"/>
  <c r="AF145005" i="1"/>
  <c r="AF145006" i="1"/>
  <c r="AF145007" i="1"/>
  <c r="AF145008" i="1"/>
  <c r="AF145009" i="1"/>
  <c r="AF145010" i="1"/>
  <c r="AF145011" i="1"/>
  <c r="AF145012" i="1"/>
  <c r="AF145013" i="1"/>
  <c r="AF145014" i="1"/>
  <c r="AF145015" i="1"/>
  <c r="AF145016" i="1"/>
  <c r="AF145017" i="1"/>
  <c r="AF145018" i="1"/>
  <c r="AF145019" i="1"/>
  <c r="AF145020" i="1"/>
  <c r="AF145021" i="1"/>
  <c r="AF145022" i="1"/>
  <c r="AF145023" i="1"/>
  <c r="AF145024" i="1"/>
  <c r="AF145025" i="1"/>
  <c r="AF145026" i="1"/>
  <c r="AF145027" i="1"/>
  <c r="AF145028" i="1"/>
  <c r="AF145029" i="1"/>
  <c r="AF145030" i="1"/>
  <c r="AF145031" i="1"/>
  <c r="AF145032" i="1"/>
  <c r="AF145033" i="1"/>
  <c r="AF145034" i="1"/>
  <c r="AF145035" i="1"/>
  <c r="AF145036" i="1"/>
  <c r="AF145037" i="1"/>
  <c r="AF145038" i="1"/>
  <c r="AF145039" i="1"/>
  <c r="AF145040" i="1"/>
  <c r="AF145041" i="1"/>
  <c r="AF145042" i="1"/>
  <c r="AF145043" i="1"/>
  <c r="AF145044" i="1"/>
  <c r="AF145045" i="1"/>
  <c r="AF145046" i="1"/>
  <c r="AF145047" i="1"/>
  <c r="AF145048" i="1"/>
  <c r="AF145049" i="1"/>
  <c r="AF145050" i="1"/>
  <c r="AF145051" i="1"/>
  <c r="AF145052" i="1"/>
  <c r="AF145053" i="1"/>
  <c r="AF145054" i="1"/>
  <c r="AF145055" i="1"/>
  <c r="AF145056" i="1"/>
  <c r="AF145057" i="1"/>
  <c r="AF145058" i="1"/>
  <c r="AF145059" i="1"/>
  <c r="AF145060" i="1"/>
  <c r="AF145061" i="1"/>
  <c r="AF145062" i="1"/>
  <c r="AF145063" i="1"/>
  <c r="AF145064" i="1"/>
  <c r="AF145065" i="1"/>
  <c r="AF145066" i="1"/>
  <c r="AF145067" i="1"/>
  <c r="AF145068" i="1"/>
  <c r="AF145069" i="1"/>
  <c r="AF145070" i="1"/>
  <c r="AF145071" i="1"/>
  <c r="AF145072" i="1"/>
  <c r="AF145073" i="1"/>
  <c r="AF145074" i="1"/>
  <c r="AF145075" i="1"/>
  <c r="AF145076" i="1"/>
  <c r="AF145077" i="1"/>
  <c r="AF145078" i="1"/>
  <c r="AF145079" i="1"/>
  <c r="AF145080" i="1"/>
  <c r="AF145081" i="1"/>
  <c r="AF145082" i="1"/>
  <c r="AF145083" i="1"/>
  <c r="AF145084" i="1"/>
  <c r="AF145085" i="1"/>
  <c r="AF145086" i="1"/>
  <c r="AF145087" i="1"/>
  <c r="AF145088" i="1"/>
  <c r="AF145089" i="1"/>
  <c r="AF145090" i="1"/>
  <c r="AF145091" i="1"/>
  <c r="AF145092" i="1"/>
  <c r="AF145093" i="1"/>
  <c r="AF145094" i="1"/>
  <c r="AF145095" i="1"/>
  <c r="AF145096" i="1"/>
  <c r="AF145097" i="1"/>
  <c r="AF145098" i="1"/>
  <c r="AF145099" i="1"/>
  <c r="AF145100" i="1"/>
  <c r="AF145101" i="1"/>
  <c r="AF145102" i="1"/>
  <c r="AF145103" i="1"/>
  <c r="AF145104" i="1"/>
  <c r="AF145105" i="1"/>
  <c r="AF145106" i="1"/>
  <c r="AF145107" i="1"/>
  <c r="AF145108" i="1"/>
  <c r="AF145109" i="1"/>
  <c r="AF145110" i="1"/>
  <c r="AF145111" i="1"/>
  <c r="AF145112" i="1"/>
  <c r="AF145113" i="1"/>
  <c r="AF145114" i="1"/>
  <c r="AF145115" i="1"/>
  <c r="AF145116" i="1"/>
  <c r="AF145117" i="1"/>
  <c r="AF145118" i="1"/>
  <c r="AF145119" i="1"/>
  <c r="AF145120" i="1"/>
  <c r="AF145121" i="1"/>
  <c r="AF145122" i="1"/>
  <c r="AF145123" i="1"/>
  <c r="AF145124" i="1"/>
  <c r="AF145125" i="1"/>
  <c r="AF145126" i="1"/>
  <c r="AF145127" i="1"/>
  <c r="AF145128" i="1"/>
  <c r="AF145129" i="1"/>
  <c r="AF145130" i="1"/>
  <c r="AF145131" i="1"/>
  <c r="AF145132" i="1"/>
  <c r="AF145133" i="1"/>
  <c r="AF145134" i="1"/>
  <c r="AF145135" i="1"/>
  <c r="AF145136" i="1"/>
  <c r="AF145137" i="1"/>
  <c r="AF145138" i="1"/>
  <c r="AF145139" i="1"/>
  <c r="AF145140" i="1"/>
  <c r="AF145141" i="1"/>
  <c r="AF145142" i="1"/>
  <c r="AF145143" i="1"/>
  <c r="AF145144" i="1"/>
  <c r="AF145145" i="1"/>
  <c r="AF145146" i="1"/>
  <c r="AF145147" i="1"/>
  <c r="AF145148" i="1"/>
  <c r="AF145149" i="1"/>
  <c r="AF145150" i="1"/>
  <c r="AF145151" i="1"/>
  <c r="AF145152" i="1"/>
  <c r="AF145153" i="1"/>
  <c r="AF145154" i="1"/>
  <c r="AF145155" i="1"/>
  <c r="AF145156" i="1"/>
  <c r="AF145157" i="1"/>
  <c r="AF145158" i="1"/>
  <c r="AF145159" i="1"/>
  <c r="AF145160" i="1"/>
  <c r="AF145161" i="1"/>
  <c r="AF145162" i="1"/>
  <c r="AF145163" i="1"/>
  <c r="AF145164" i="1"/>
  <c r="AF145165" i="1"/>
  <c r="AF145166" i="1"/>
  <c r="AF145167" i="1"/>
  <c r="AF145168" i="1"/>
  <c r="AF145169" i="1"/>
  <c r="AF145170" i="1"/>
  <c r="AF145171" i="1"/>
  <c r="AF145172" i="1"/>
  <c r="AF145173" i="1"/>
  <c r="AF145174" i="1"/>
  <c r="AF145175" i="1"/>
  <c r="AF145176" i="1"/>
  <c r="AF145177" i="1"/>
  <c r="AF145178" i="1"/>
  <c r="AF145179" i="1"/>
  <c r="AF145180" i="1"/>
  <c r="AF145181" i="1"/>
  <c r="AF145182" i="1"/>
  <c r="AF145183" i="1"/>
  <c r="AF145184" i="1"/>
  <c r="AF145185" i="1"/>
  <c r="AF145186" i="1"/>
  <c r="AF145187" i="1"/>
  <c r="AF145188" i="1"/>
  <c r="AF145189" i="1"/>
  <c r="AF145190" i="1"/>
  <c r="AF145191" i="1"/>
  <c r="AF145192" i="1"/>
  <c r="AF145193" i="1"/>
  <c r="AF145194" i="1"/>
  <c r="AF145195" i="1"/>
  <c r="AF145196" i="1"/>
  <c r="AF145197" i="1"/>
  <c r="AF145198" i="1"/>
  <c r="AF145199" i="1"/>
  <c r="AF145200" i="1"/>
  <c r="AF145201" i="1"/>
  <c r="AF145202" i="1"/>
  <c r="AF145203" i="1"/>
  <c r="AF145204" i="1"/>
  <c r="AF145205" i="1"/>
  <c r="AF145206" i="1"/>
  <c r="AF145207" i="1"/>
  <c r="AF145208" i="1"/>
  <c r="AF145209" i="1"/>
  <c r="AF145210" i="1"/>
  <c r="AF145211" i="1"/>
  <c r="AF145212" i="1"/>
  <c r="AF145213" i="1"/>
  <c r="AF145214" i="1"/>
  <c r="AF145215" i="1"/>
  <c r="AF145216" i="1"/>
  <c r="AF145217" i="1"/>
  <c r="AF145218" i="1"/>
  <c r="AF145219" i="1"/>
  <c r="AF145220" i="1"/>
  <c r="AF145221" i="1"/>
  <c r="AF145222" i="1"/>
  <c r="AF145223" i="1"/>
  <c r="AF145224" i="1"/>
  <c r="AF145225" i="1"/>
  <c r="AF145226" i="1"/>
  <c r="AF145227" i="1"/>
  <c r="AF145228" i="1"/>
  <c r="AF145229" i="1"/>
  <c r="AF145230" i="1"/>
  <c r="AF145231" i="1"/>
  <c r="AF145232" i="1"/>
  <c r="AF145233" i="1"/>
  <c r="AF145234" i="1"/>
  <c r="AF145235" i="1"/>
  <c r="AF145236" i="1"/>
  <c r="AF145237" i="1"/>
  <c r="AF145238" i="1"/>
  <c r="AF145239" i="1"/>
  <c r="AF145240" i="1"/>
  <c r="AF145241" i="1"/>
  <c r="AF145242" i="1"/>
  <c r="AF145243" i="1"/>
  <c r="AF145244" i="1"/>
  <c r="AF145245" i="1"/>
  <c r="AF145246" i="1"/>
  <c r="AF145247" i="1"/>
  <c r="AF145248" i="1"/>
  <c r="AF145249" i="1"/>
  <c r="AF145250" i="1"/>
  <c r="AF145251" i="1"/>
  <c r="AF145252" i="1"/>
  <c r="AF145253" i="1"/>
  <c r="AF145254" i="1"/>
  <c r="AF145255" i="1"/>
  <c r="AF145256" i="1"/>
  <c r="AF145257" i="1"/>
  <c r="AF145258" i="1"/>
  <c r="AF145259" i="1"/>
  <c r="AF145260" i="1"/>
  <c r="AF145261" i="1"/>
  <c r="AF145262" i="1"/>
  <c r="AF145263" i="1"/>
  <c r="AF145264" i="1"/>
  <c r="AF145265" i="1"/>
  <c r="AF145266" i="1"/>
  <c r="AF145267" i="1"/>
  <c r="AF145268" i="1"/>
  <c r="AF145269" i="1"/>
  <c r="AF145270" i="1"/>
  <c r="AF145271" i="1"/>
  <c r="AF145272" i="1"/>
  <c r="AF145273" i="1"/>
  <c r="AF145274" i="1"/>
  <c r="AF145275" i="1"/>
  <c r="AF145276" i="1"/>
  <c r="AF145277" i="1"/>
  <c r="AF145278" i="1"/>
  <c r="AF145279" i="1"/>
  <c r="AF145280" i="1"/>
  <c r="AF145281" i="1"/>
  <c r="AF145282" i="1"/>
  <c r="AF145283" i="1"/>
  <c r="AF145284" i="1"/>
  <c r="AF145285" i="1"/>
  <c r="AF145286" i="1"/>
  <c r="AF145287" i="1"/>
  <c r="AF145288" i="1"/>
  <c r="AF145289" i="1"/>
  <c r="AF145290" i="1"/>
  <c r="AF145291" i="1"/>
  <c r="AF145292" i="1"/>
  <c r="AF145293" i="1"/>
  <c r="AF145294" i="1"/>
  <c r="AF145295" i="1"/>
  <c r="AF145296" i="1"/>
  <c r="AF145297" i="1"/>
  <c r="AF145298" i="1"/>
  <c r="AF145299" i="1"/>
  <c r="AF145300" i="1"/>
  <c r="AF145301" i="1"/>
  <c r="AF145302" i="1"/>
  <c r="AF145303" i="1"/>
  <c r="AF145304" i="1"/>
  <c r="AF145305" i="1"/>
  <c r="AF145306" i="1"/>
  <c r="AF145307" i="1"/>
  <c r="AF145308" i="1"/>
  <c r="AF145309" i="1"/>
  <c r="AF145310" i="1"/>
  <c r="AF145311" i="1"/>
  <c r="AF145312" i="1"/>
  <c r="AF145313" i="1"/>
  <c r="AF145314" i="1"/>
  <c r="AF145315" i="1"/>
  <c r="AF145316" i="1"/>
  <c r="AF145317" i="1"/>
  <c r="AF145318" i="1"/>
  <c r="AF145319" i="1"/>
  <c r="AF145320" i="1"/>
  <c r="AF145321" i="1"/>
  <c r="AF145322" i="1"/>
  <c r="AF145323" i="1"/>
  <c r="AF145324" i="1"/>
  <c r="AF145325" i="1"/>
  <c r="AF145326" i="1"/>
  <c r="AF145327" i="1"/>
  <c r="AF145328" i="1"/>
  <c r="AF145329" i="1"/>
  <c r="AF145330" i="1"/>
  <c r="AF145331" i="1"/>
  <c r="AF145332" i="1"/>
  <c r="AF145333" i="1"/>
  <c r="AF145334" i="1"/>
  <c r="AF145335" i="1"/>
  <c r="AF145336" i="1"/>
  <c r="AF145337" i="1"/>
  <c r="AF145338" i="1"/>
  <c r="AF145339" i="1"/>
  <c r="AF145340" i="1"/>
  <c r="AF145341" i="1"/>
  <c r="AF145342" i="1"/>
  <c r="AF145343" i="1"/>
  <c r="AF145344" i="1"/>
  <c r="AF145345" i="1"/>
  <c r="AF145346" i="1"/>
  <c r="AF145347" i="1"/>
  <c r="AF145348" i="1"/>
  <c r="AF145349" i="1"/>
  <c r="AF145350" i="1"/>
  <c r="AF145351" i="1"/>
  <c r="AF145352" i="1"/>
  <c r="AF145353" i="1"/>
  <c r="AF145354" i="1"/>
  <c r="AF145355" i="1"/>
  <c r="AF145356" i="1"/>
  <c r="AF145357" i="1"/>
  <c r="AF145358" i="1"/>
  <c r="AF145359" i="1"/>
  <c r="AF145360" i="1"/>
  <c r="AF145361" i="1"/>
  <c r="AF145362" i="1"/>
  <c r="AF145363" i="1"/>
  <c r="AF145364" i="1"/>
  <c r="AF145365" i="1"/>
  <c r="AF145366" i="1"/>
  <c r="AF145367" i="1"/>
  <c r="AF145368" i="1"/>
  <c r="AF145369" i="1"/>
  <c r="AF145370" i="1"/>
  <c r="AF145371" i="1"/>
  <c r="AF145372" i="1"/>
  <c r="AF145373" i="1"/>
  <c r="AF145374" i="1"/>
  <c r="AF145375" i="1"/>
  <c r="AF145376" i="1"/>
  <c r="AF145377" i="1"/>
  <c r="AF145378" i="1"/>
  <c r="AF145379" i="1"/>
  <c r="AF145380" i="1"/>
  <c r="AF145381" i="1"/>
  <c r="AF145382" i="1"/>
  <c r="AF145383" i="1"/>
  <c r="AF145384" i="1"/>
  <c r="AF145385" i="1"/>
  <c r="AF145386" i="1"/>
  <c r="AF145387" i="1"/>
  <c r="AF145388" i="1"/>
  <c r="AF145389" i="1"/>
  <c r="AF145390" i="1"/>
  <c r="AF145391" i="1"/>
  <c r="AF145392" i="1"/>
  <c r="AF145393" i="1"/>
  <c r="AF145394" i="1"/>
  <c r="AF145395" i="1"/>
  <c r="AF145396" i="1"/>
  <c r="AF145397" i="1"/>
  <c r="AF145398" i="1"/>
  <c r="AF145399" i="1"/>
  <c r="AF145400" i="1"/>
  <c r="AF145401" i="1"/>
  <c r="AF145402" i="1"/>
  <c r="AF145403" i="1"/>
  <c r="AF145404" i="1"/>
  <c r="AF145405" i="1"/>
  <c r="AF145406" i="1"/>
  <c r="AF145407" i="1"/>
  <c r="AF145408" i="1"/>
  <c r="AF145409" i="1"/>
  <c r="AF145410" i="1"/>
  <c r="AF145411" i="1"/>
  <c r="AF145412" i="1"/>
  <c r="AF145413" i="1"/>
  <c r="AF145414" i="1"/>
  <c r="AF145415" i="1"/>
  <c r="AF145416" i="1"/>
  <c r="AF145417" i="1"/>
  <c r="AF145418" i="1"/>
  <c r="AF145419" i="1"/>
  <c r="AF145420" i="1"/>
  <c r="AF145421" i="1"/>
  <c r="AF145422" i="1"/>
  <c r="AF145423" i="1"/>
  <c r="AF145424" i="1"/>
  <c r="AF145425" i="1"/>
  <c r="AF145426" i="1"/>
  <c r="AF145427" i="1"/>
  <c r="AF145428" i="1"/>
  <c r="AF145429" i="1"/>
  <c r="AF145430" i="1"/>
  <c r="AF145431" i="1"/>
  <c r="AF145432" i="1"/>
  <c r="AF145433" i="1"/>
  <c r="AF145434" i="1"/>
  <c r="AF145435" i="1"/>
  <c r="AF145436" i="1"/>
  <c r="AF145437" i="1"/>
  <c r="AF145438" i="1"/>
  <c r="AF145439" i="1"/>
  <c r="AF145440" i="1"/>
  <c r="AF145441" i="1"/>
  <c r="AF145442" i="1"/>
  <c r="AF145443" i="1"/>
  <c r="AF145444" i="1"/>
  <c r="AF145445" i="1"/>
  <c r="AF145446" i="1"/>
  <c r="AF145447" i="1"/>
  <c r="AF145448" i="1"/>
  <c r="AF145449" i="1"/>
  <c r="AF145450" i="1"/>
  <c r="AF145451" i="1"/>
  <c r="AF145452" i="1"/>
  <c r="AF145453" i="1"/>
  <c r="AF145454" i="1"/>
  <c r="AF145455" i="1"/>
  <c r="AF145456" i="1"/>
  <c r="AF145457" i="1"/>
  <c r="AF145458" i="1"/>
  <c r="AF145459" i="1"/>
  <c r="AF145460" i="1"/>
  <c r="AF145461" i="1"/>
  <c r="AF145462" i="1"/>
  <c r="AF145463" i="1"/>
  <c r="AF145464" i="1"/>
  <c r="AF145465" i="1"/>
  <c r="AF145466" i="1"/>
  <c r="AF145467" i="1"/>
  <c r="AF145468" i="1"/>
  <c r="AF145469" i="1"/>
  <c r="AF145470" i="1"/>
  <c r="AF145471" i="1"/>
  <c r="AF145472" i="1"/>
  <c r="AF145473" i="1"/>
  <c r="AF145474" i="1"/>
  <c r="AF145475" i="1"/>
  <c r="AF145476" i="1"/>
  <c r="AF145477" i="1"/>
  <c r="AF145478" i="1"/>
  <c r="AF145479" i="1"/>
  <c r="AF145480" i="1"/>
  <c r="AF145481" i="1"/>
  <c r="AF145482" i="1"/>
  <c r="AF145483" i="1"/>
  <c r="AF145484" i="1"/>
  <c r="AF145485" i="1"/>
  <c r="AF145486" i="1"/>
  <c r="AF145487" i="1"/>
  <c r="AF145488" i="1"/>
  <c r="AF145489" i="1"/>
  <c r="AF145490" i="1"/>
  <c r="AF145491" i="1"/>
  <c r="AF145492" i="1"/>
  <c r="AF145493" i="1"/>
  <c r="AF145494" i="1"/>
  <c r="AF145495" i="1"/>
  <c r="AF145496" i="1"/>
  <c r="AF145497" i="1"/>
  <c r="AF145498" i="1"/>
  <c r="AF145499" i="1"/>
  <c r="AF145500" i="1"/>
  <c r="AF145501" i="1"/>
  <c r="AF145502" i="1"/>
  <c r="AF145503" i="1"/>
  <c r="AF145504" i="1"/>
  <c r="AF145505" i="1"/>
  <c r="AF145506" i="1"/>
  <c r="AF145507" i="1"/>
  <c r="AF145508" i="1"/>
  <c r="AF145509" i="1"/>
  <c r="AF145510" i="1"/>
  <c r="AF145511" i="1"/>
  <c r="AF145512" i="1"/>
  <c r="AF145513" i="1"/>
  <c r="AF145514" i="1"/>
  <c r="AF145515" i="1"/>
  <c r="AF145516" i="1"/>
  <c r="AF145517" i="1"/>
  <c r="AF145518" i="1"/>
  <c r="AF145519" i="1"/>
  <c r="AF145520" i="1"/>
  <c r="AF145521" i="1"/>
  <c r="AF145522" i="1"/>
  <c r="AF145523" i="1"/>
  <c r="AF145524" i="1"/>
  <c r="AF145525" i="1"/>
  <c r="AF145526" i="1"/>
  <c r="AF145527" i="1"/>
  <c r="AF145528" i="1"/>
  <c r="AF145529" i="1"/>
  <c r="AF145530" i="1"/>
  <c r="AF145531" i="1"/>
  <c r="AF145532" i="1"/>
  <c r="AF145533" i="1"/>
  <c r="AF145534" i="1"/>
  <c r="AF145535" i="1"/>
  <c r="AF145536" i="1"/>
  <c r="AF145537" i="1"/>
  <c r="AF145538" i="1"/>
  <c r="AF145539" i="1"/>
  <c r="AF145540" i="1"/>
  <c r="AF145541" i="1"/>
  <c r="AF145542" i="1"/>
  <c r="AF145543" i="1"/>
  <c r="AF145544" i="1"/>
  <c r="AF145545" i="1"/>
  <c r="AF145546" i="1"/>
  <c r="AF145547" i="1"/>
  <c r="AF145548" i="1"/>
  <c r="AF145549" i="1"/>
  <c r="AF145550" i="1"/>
  <c r="AF145551" i="1"/>
  <c r="AF145552" i="1"/>
  <c r="AF145553" i="1"/>
  <c r="AF145554" i="1"/>
  <c r="AF145555" i="1"/>
  <c r="AF145556" i="1"/>
  <c r="AF145557" i="1"/>
  <c r="AF145558" i="1"/>
  <c r="AF145559" i="1"/>
  <c r="AF145560" i="1"/>
  <c r="AF145561" i="1"/>
  <c r="AF145562" i="1"/>
  <c r="AF145563" i="1"/>
  <c r="AF145564" i="1"/>
  <c r="AF145565" i="1"/>
  <c r="AF145566" i="1"/>
  <c r="AF145567" i="1"/>
  <c r="AF145568" i="1"/>
  <c r="AF145569" i="1"/>
  <c r="AF145570" i="1"/>
  <c r="AF145571" i="1"/>
  <c r="AF145572" i="1"/>
  <c r="AF145573" i="1"/>
  <c r="AF145574" i="1"/>
  <c r="AF145575" i="1"/>
  <c r="AF145576" i="1"/>
  <c r="AF145577" i="1"/>
  <c r="AF145578" i="1"/>
  <c r="AF145579" i="1"/>
  <c r="AF145580" i="1"/>
  <c r="AF145581" i="1"/>
  <c r="AF145582" i="1"/>
  <c r="AF145583" i="1"/>
  <c r="AF145584" i="1"/>
  <c r="AF145585" i="1"/>
  <c r="AF145586" i="1"/>
  <c r="AF145587" i="1"/>
  <c r="AF145588" i="1"/>
  <c r="AF145589" i="1"/>
  <c r="AF145590" i="1"/>
  <c r="AF145591" i="1"/>
  <c r="AF145592" i="1"/>
  <c r="AF145593" i="1"/>
  <c r="AF145594" i="1"/>
  <c r="AF145595" i="1"/>
  <c r="AF145596" i="1"/>
  <c r="AF145597" i="1"/>
  <c r="AF145598" i="1"/>
  <c r="AF145599" i="1"/>
  <c r="AF145600" i="1"/>
  <c r="AF145601" i="1"/>
  <c r="AF145602" i="1"/>
  <c r="AF145603" i="1"/>
  <c r="AF145604" i="1"/>
  <c r="AF145605" i="1"/>
  <c r="AF145606" i="1"/>
  <c r="AF145607" i="1"/>
  <c r="AF145608" i="1"/>
  <c r="AF145609" i="1"/>
  <c r="AF145610" i="1"/>
  <c r="AF145611" i="1"/>
  <c r="AF145612" i="1"/>
  <c r="AF145613" i="1"/>
  <c r="AF145614" i="1"/>
  <c r="AF145615" i="1"/>
  <c r="AF145616" i="1"/>
  <c r="AF145617" i="1"/>
  <c r="AF145618" i="1"/>
  <c r="AF145619" i="1"/>
  <c r="AF145620" i="1"/>
  <c r="AF145621" i="1"/>
  <c r="AF145622" i="1"/>
  <c r="AF145623" i="1"/>
  <c r="AF145624" i="1"/>
  <c r="AF145625" i="1"/>
  <c r="AF145626" i="1"/>
  <c r="AF145627" i="1"/>
  <c r="AF145628" i="1"/>
  <c r="AF145629" i="1"/>
  <c r="AF145630" i="1"/>
  <c r="AF145631" i="1"/>
  <c r="AF145632" i="1"/>
  <c r="AF145633" i="1"/>
  <c r="AF145634" i="1"/>
  <c r="AF145635" i="1"/>
  <c r="AF145636" i="1"/>
  <c r="AF145637" i="1"/>
  <c r="AF145638" i="1"/>
  <c r="AF145639" i="1"/>
  <c r="AF145640" i="1"/>
  <c r="AF145641" i="1"/>
  <c r="AF145642" i="1"/>
  <c r="AF145643" i="1"/>
  <c r="AF145644" i="1"/>
  <c r="AF145645" i="1"/>
  <c r="AF145646" i="1"/>
  <c r="AF145647" i="1"/>
  <c r="AF145648" i="1"/>
  <c r="AF145649" i="1"/>
  <c r="AF145650" i="1"/>
  <c r="AF145651" i="1"/>
  <c r="AF145652" i="1"/>
  <c r="AF145653" i="1"/>
  <c r="AF145654" i="1"/>
  <c r="AF145655" i="1"/>
  <c r="AF145656" i="1"/>
  <c r="AF145657" i="1"/>
  <c r="AF145658" i="1"/>
  <c r="AF145659" i="1"/>
  <c r="AF145660" i="1"/>
  <c r="AF145661" i="1"/>
  <c r="AF145662" i="1"/>
  <c r="AF145663" i="1"/>
  <c r="AF145664" i="1"/>
  <c r="AF145665" i="1"/>
  <c r="AF145666" i="1"/>
  <c r="AF145667" i="1"/>
  <c r="AF145668" i="1"/>
  <c r="AF145669" i="1"/>
  <c r="AF145670" i="1"/>
  <c r="AF145671" i="1"/>
  <c r="AF145672" i="1"/>
  <c r="AF145673" i="1"/>
  <c r="AF145674" i="1"/>
  <c r="AF145675" i="1"/>
  <c r="AF145676" i="1"/>
  <c r="AF145677" i="1"/>
  <c r="AF145678" i="1"/>
  <c r="AF145679" i="1"/>
  <c r="AF145680" i="1"/>
  <c r="AF145681" i="1"/>
  <c r="AF145682" i="1"/>
  <c r="AF145683" i="1"/>
  <c r="AF145684" i="1"/>
  <c r="AF145685" i="1"/>
  <c r="AF145686" i="1"/>
  <c r="AF145687" i="1"/>
  <c r="AF145688" i="1"/>
  <c r="AF145689" i="1"/>
  <c r="AF145690" i="1"/>
  <c r="AF145691" i="1"/>
  <c r="AF145692" i="1"/>
  <c r="AF145693" i="1"/>
  <c r="AF145694" i="1"/>
  <c r="AF145695" i="1"/>
  <c r="AF145696" i="1"/>
  <c r="AF145697" i="1"/>
  <c r="AF145698" i="1"/>
  <c r="AF145699" i="1"/>
  <c r="AF145700" i="1"/>
  <c r="AF145701" i="1"/>
  <c r="AF145702" i="1"/>
  <c r="AF145703" i="1"/>
  <c r="AF145704" i="1"/>
  <c r="AF145705" i="1"/>
  <c r="AF145706" i="1"/>
  <c r="AF145707" i="1"/>
  <c r="AF145708" i="1"/>
  <c r="AF145709" i="1"/>
  <c r="AF145710" i="1"/>
  <c r="AF145711" i="1"/>
  <c r="AF145712" i="1"/>
  <c r="AF145713" i="1"/>
  <c r="AF145714" i="1"/>
  <c r="AF145715" i="1"/>
  <c r="AF145716" i="1"/>
  <c r="AF145717" i="1"/>
  <c r="AF145718" i="1"/>
  <c r="AF145719" i="1"/>
  <c r="AF145720" i="1"/>
  <c r="AF145721" i="1"/>
  <c r="AF145722" i="1"/>
  <c r="AF145723" i="1"/>
  <c r="AF145724" i="1"/>
  <c r="AF145725" i="1"/>
  <c r="AF145726" i="1"/>
  <c r="AF145727" i="1"/>
  <c r="AF145728" i="1"/>
  <c r="AF145729" i="1"/>
  <c r="AF145730" i="1"/>
  <c r="AF145731" i="1"/>
  <c r="AF145732" i="1"/>
  <c r="AF145733" i="1"/>
  <c r="AF145734" i="1"/>
  <c r="AF145735" i="1"/>
  <c r="AF145736" i="1"/>
  <c r="AF145737" i="1"/>
  <c r="AF145738" i="1"/>
  <c r="AF145739" i="1"/>
  <c r="AF145740" i="1"/>
  <c r="AF145741" i="1"/>
  <c r="AF145742" i="1"/>
  <c r="AF145743" i="1"/>
  <c r="AF145744" i="1"/>
  <c r="AF145745" i="1"/>
  <c r="AF145746" i="1"/>
  <c r="AF145747" i="1"/>
  <c r="AF145748" i="1"/>
  <c r="AF145749" i="1"/>
  <c r="AF145750" i="1"/>
  <c r="AF145751" i="1"/>
  <c r="AF145752" i="1"/>
  <c r="AF145753" i="1"/>
  <c r="AF145754" i="1"/>
  <c r="AF145755" i="1"/>
  <c r="AF145756" i="1"/>
  <c r="AF145757" i="1"/>
  <c r="AF145758" i="1"/>
  <c r="AF145759" i="1"/>
  <c r="AF145760" i="1"/>
  <c r="AF145761" i="1"/>
  <c r="AF145762" i="1"/>
  <c r="AF145763" i="1"/>
  <c r="AF145764" i="1"/>
  <c r="AF145765" i="1"/>
  <c r="AF145766" i="1"/>
  <c r="AF145767" i="1"/>
  <c r="AF145768" i="1"/>
  <c r="AF145769" i="1"/>
  <c r="AF145770" i="1"/>
  <c r="AF145771" i="1"/>
  <c r="AF145772" i="1"/>
  <c r="AF145773" i="1"/>
  <c r="AF145774" i="1"/>
  <c r="AF145775" i="1"/>
  <c r="AF145776" i="1"/>
  <c r="AF145777" i="1"/>
  <c r="AF145778" i="1"/>
  <c r="AF145779" i="1"/>
  <c r="AF145780" i="1"/>
  <c r="AF145781" i="1"/>
  <c r="AF145782" i="1"/>
  <c r="AF145783" i="1"/>
  <c r="AF145784" i="1"/>
  <c r="AF145785" i="1"/>
  <c r="AF145786" i="1"/>
  <c r="AF145787" i="1"/>
  <c r="AF145788" i="1"/>
  <c r="AF145789" i="1"/>
  <c r="AF145790" i="1"/>
  <c r="AF145791" i="1"/>
  <c r="AF145792" i="1"/>
  <c r="AF145793" i="1"/>
  <c r="AF145794" i="1"/>
  <c r="AF145795" i="1"/>
  <c r="AF145796" i="1"/>
  <c r="AF145797" i="1"/>
  <c r="AF145798" i="1"/>
  <c r="AF145799" i="1"/>
  <c r="AF145800" i="1"/>
  <c r="AF145801" i="1"/>
  <c r="AF145802" i="1"/>
  <c r="AF145803" i="1"/>
  <c r="AF145804" i="1"/>
  <c r="AF145805" i="1"/>
  <c r="AF145806" i="1"/>
  <c r="AF145807" i="1"/>
  <c r="AF145808" i="1"/>
  <c r="AF145809" i="1"/>
  <c r="AF145810" i="1"/>
  <c r="AF145811" i="1"/>
  <c r="AF145812" i="1"/>
  <c r="AF145813" i="1"/>
  <c r="AF145814" i="1"/>
  <c r="AF145815" i="1"/>
  <c r="AF145816" i="1"/>
  <c r="AF145817" i="1"/>
  <c r="AF145818" i="1"/>
  <c r="AF145819" i="1"/>
  <c r="AF145820" i="1"/>
  <c r="AF145821" i="1"/>
  <c r="AF145822" i="1"/>
  <c r="AF145823" i="1"/>
  <c r="AF145824" i="1"/>
  <c r="AF145825" i="1"/>
  <c r="AF145826" i="1"/>
  <c r="AF145827" i="1"/>
  <c r="AF145828" i="1"/>
  <c r="AF145829" i="1"/>
  <c r="AF145830" i="1"/>
  <c r="AF145831" i="1"/>
  <c r="AF145832" i="1"/>
  <c r="AF145833" i="1"/>
  <c r="AF145834" i="1"/>
  <c r="AF145835" i="1"/>
  <c r="AF145836" i="1"/>
  <c r="AF145837" i="1"/>
  <c r="AF145838" i="1"/>
  <c r="AF145839" i="1"/>
  <c r="AF145840" i="1"/>
  <c r="AF145841" i="1"/>
  <c r="AF145842" i="1"/>
  <c r="AF145843" i="1"/>
  <c r="AF145844" i="1"/>
  <c r="AF145845" i="1"/>
  <c r="AF145846" i="1"/>
  <c r="AF145847" i="1"/>
  <c r="AF145848" i="1"/>
  <c r="AF145849" i="1"/>
  <c r="AF145850" i="1"/>
  <c r="AF145851" i="1"/>
  <c r="AF145852" i="1"/>
  <c r="AF145853" i="1"/>
  <c r="AF145854" i="1"/>
  <c r="AF145855" i="1"/>
  <c r="AF145856" i="1"/>
  <c r="AF145857" i="1"/>
  <c r="AF145858" i="1"/>
  <c r="AF145859" i="1"/>
  <c r="AF145860" i="1"/>
  <c r="AF145861" i="1"/>
  <c r="AF145862" i="1"/>
  <c r="AF145863" i="1"/>
  <c r="AF145864" i="1"/>
  <c r="AF145865" i="1"/>
  <c r="AF145866" i="1"/>
  <c r="AF145867" i="1"/>
  <c r="AF145868" i="1"/>
  <c r="AF145869" i="1"/>
  <c r="AF145870" i="1"/>
  <c r="AF145871" i="1"/>
  <c r="AF145872" i="1"/>
  <c r="AF145873" i="1"/>
  <c r="AF145874" i="1"/>
  <c r="AF145875" i="1"/>
  <c r="AF145876" i="1"/>
  <c r="AF145877" i="1"/>
  <c r="AF145878" i="1"/>
  <c r="AF145879" i="1"/>
  <c r="AF145880" i="1"/>
  <c r="AF145881" i="1"/>
  <c r="AF145882" i="1"/>
  <c r="AF145883" i="1"/>
  <c r="AF145884" i="1"/>
  <c r="AF145885" i="1"/>
  <c r="AF145886" i="1"/>
  <c r="AF145887" i="1"/>
  <c r="AF145888" i="1"/>
  <c r="AF145889" i="1"/>
  <c r="AF145890" i="1"/>
  <c r="AF145891" i="1"/>
  <c r="AF145892" i="1"/>
  <c r="AF145893" i="1"/>
  <c r="AF145894" i="1"/>
  <c r="AF145895" i="1"/>
  <c r="AF145896" i="1"/>
  <c r="AF145897" i="1"/>
  <c r="AF145898" i="1"/>
  <c r="AF145899" i="1"/>
  <c r="AF145900" i="1"/>
  <c r="AF145901" i="1"/>
  <c r="AF145902" i="1"/>
  <c r="AF145903" i="1"/>
  <c r="AF145904" i="1"/>
  <c r="AF145905" i="1"/>
  <c r="AF145906" i="1"/>
  <c r="AF145907" i="1"/>
  <c r="AF145908" i="1"/>
  <c r="AF145909" i="1"/>
  <c r="AF145910" i="1"/>
  <c r="AF145911" i="1"/>
  <c r="AF145912" i="1"/>
  <c r="AF145913" i="1"/>
  <c r="AF145914" i="1"/>
  <c r="AF145915" i="1"/>
  <c r="AF145916" i="1"/>
  <c r="AF145917" i="1"/>
  <c r="AF145918" i="1"/>
  <c r="AF145919" i="1"/>
  <c r="AF145920" i="1"/>
  <c r="AF145921" i="1"/>
  <c r="AF145922" i="1"/>
  <c r="AF145923" i="1"/>
  <c r="AF145924" i="1"/>
  <c r="AF145925" i="1"/>
  <c r="AF145926" i="1"/>
  <c r="AF145927" i="1"/>
  <c r="AF145928" i="1"/>
  <c r="AF145929" i="1"/>
  <c r="AF145930" i="1"/>
  <c r="AF145931" i="1"/>
  <c r="AF145932" i="1"/>
  <c r="AF145933" i="1"/>
  <c r="AF145934" i="1"/>
  <c r="AF145935" i="1"/>
  <c r="AF145936" i="1"/>
  <c r="AF145937" i="1"/>
  <c r="AF145938" i="1"/>
  <c r="AF145939" i="1"/>
  <c r="AF145940" i="1"/>
  <c r="AF145941" i="1"/>
  <c r="AF145942" i="1"/>
  <c r="AF145943" i="1"/>
  <c r="AF145944" i="1"/>
  <c r="AF145945" i="1"/>
  <c r="AF145946" i="1"/>
  <c r="AF145947" i="1"/>
  <c r="AF145948" i="1"/>
  <c r="AF145949" i="1"/>
  <c r="AF145950" i="1"/>
  <c r="AF145951" i="1"/>
  <c r="AF145952" i="1"/>
  <c r="AF145953" i="1"/>
  <c r="AF145954" i="1"/>
  <c r="AF145955" i="1"/>
  <c r="AF145956" i="1"/>
  <c r="AF145957" i="1"/>
  <c r="AF145958" i="1"/>
  <c r="AF145959" i="1"/>
  <c r="AF145960" i="1"/>
  <c r="AF145961" i="1"/>
  <c r="AF145962" i="1"/>
  <c r="AF145963" i="1"/>
  <c r="AF145964" i="1"/>
  <c r="AF145965" i="1"/>
  <c r="AF145966" i="1"/>
  <c r="AF145967" i="1"/>
  <c r="AF145968" i="1"/>
  <c r="AF145969" i="1"/>
  <c r="AF145970" i="1"/>
  <c r="AF145971" i="1"/>
  <c r="AF145972" i="1"/>
  <c r="AF145973" i="1"/>
  <c r="AF145974" i="1"/>
  <c r="AF145975" i="1"/>
  <c r="AF145976" i="1"/>
  <c r="AF145977" i="1"/>
  <c r="AF145978" i="1"/>
  <c r="AF145979" i="1"/>
  <c r="AF145980" i="1"/>
  <c r="AF145981" i="1"/>
  <c r="AF145982" i="1"/>
  <c r="AF145983" i="1"/>
  <c r="AF145984" i="1"/>
  <c r="AF145985" i="1"/>
  <c r="AF145986" i="1"/>
  <c r="AF145987" i="1"/>
  <c r="AF145988" i="1"/>
  <c r="AF145989" i="1"/>
  <c r="AF145990" i="1"/>
  <c r="AF145991" i="1"/>
  <c r="AF145992" i="1"/>
  <c r="AF145993" i="1"/>
  <c r="AF145994" i="1"/>
  <c r="AF145995" i="1"/>
  <c r="AF145996" i="1"/>
  <c r="AF145997" i="1"/>
  <c r="AF145998" i="1"/>
  <c r="AF145999" i="1"/>
  <c r="AF146000" i="1"/>
  <c r="AF146001" i="1"/>
  <c r="AF146002" i="1"/>
  <c r="AF146003" i="1"/>
  <c r="AF146004" i="1"/>
  <c r="AF146005" i="1"/>
  <c r="AF146006" i="1"/>
  <c r="AF146007" i="1"/>
  <c r="AF146008" i="1"/>
  <c r="AF146009" i="1"/>
  <c r="AF146010" i="1"/>
  <c r="AF146011" i="1"/>
  <c r="AF146012" i="1"/>
  <c r="AF146013" i="1"/>
  <c r="AF146014" i="1"/>
  <c r="AF146015" i="1"/>
  <c r="AF146016" i="1"/>
  <c r="AF146017" i="1"/>
  <c r="AF146018" i="1"/>
  <c r="AF146019" i="1"/>
  <c r="AF146020" i="1"/>
  <c r="AF146021" i="1"/>
  <c r="AF146022" i="1"/>
  <c r="AF146023" i="1"/>
  <c r="AF146024" i="1"/>
  <c r="AF146025" i="1"/>
  <c r="AF146026" i="1"/>
  <c r="AF146027" i="1"/>
  <c r="AF146028" i="1"/>
  <c r="AF146029" i="1"/>
  <c r="AF146030" i="1"/>
  <c r="AF146031" i="1"/>
  <c r="AF146032" i="1"/>
  <c r="AF146033" i="1"/>
  <c r="AF146034" i="1"/>
  <c r="AF146035" i="1"/>
  <c r="AF146036" i="1"/>
  <c r="AF146037" i="1"/>
  <c r="AF146038" i="1"/>
  <c r="AF146039" i="1"/>
  <c r="AF146040" i="1"/>
  <c r="AF146041" i="1"/>
  <c r="AF146042" i="1"/>
  <c r="AF146043" i="1"/>
  <c r="AF146044" i="1"/>
  <c r="AF146045" i="1"/>
  <c r="AF146046" i="1"/>
  <c r="AF146047" i="1"/>
  <c r="AF146048" i="1"/>
  <c r="AF146049" i="1"/>
  <c r="AF146050" i="1"/>
  <c r="AF146051" i="1"/>
  <c r="AF146052" i="1"/>
  <c r="AF146053" i="1"/>
  <c r="AF146054" i="1"/>
  <c r="AF146055" i="1"/>
  <c r="AF146056" i="1"/>
  <c r="AF146057" i="1"/>
  <c r="AF146058" i="1"/>
  <c r="AF146059" i="1"/>
  <c r="AF146060" i="1"/>
  <c r="AF146061" i="1"/>
  <c r="AF146062" i="1"/>
  <c r="AF146063" i="1"/>
  <c r="AF146064" i="1"/>
  <c r="AF146065" i="1"/>
  <c r="AF146066" i="1"/>
  <c r="AF146067" i="1"/>
  <c r="AF146068" i="1"/>
  <c r="AF146069" i="1"/>
  <c r="AF146070" i="1"/>
  <c r="AF146071" i="1"/>
  <c r="AF146072" i="1"/>
  <c r="AF146073" i="1"/>
  <c r="AF146074" i="1"/>
  <c r="AF146075" i="1"/>
  <c r="AF146076" i="1"/>
  <c r="AF146077" i="1"/>
  <c r="AF146078" i="1"/>
  <c r="AF146079" i="1"/>
  <c r="AF146080" i="1"/>
  <c r="AF146081" i="1"/>
  <c r="AF146082" i="1"/>
  <c r="AF146083" i="1"/>
  <c r="AF146084" i="1"/>
  <c r="AF146085" i="1"/>
  <c r="AF146086" i="1"/>
  <c r="AF146087" i="1"/>
  <c r="AF146088" i="1"/>
  <c r="AF146089" i="1"/>
  <c r="AF146090" i="1"/>
  <c r="AF146091" i="1"/>
  <c r="AF146092" i="1"/>
  <c r="AF146093" i="1"/>
  <c r="AF146094" i="1"/>
  <c r="AF146095" i="1"/>
  <c r="AF146096" i="1"/>
  <c r="AF146097" i="1"/>
  <c r="AF146098" i="1"/>
  <c r="AF146099" i="1"/>
  <c r="AF146100" i="1"/>
  <c r="AF146101" i="1"/>
  <c r="AF146102" i="1"/>
  <c r="AF146103" i="1"/>
  <c r="AF146104" i="1"/>
  <c r="AF146105" i="1"/>
  <c r="AF146106" i="1"/>
  <c r="AF146107" i="1"/>
  <c r="AF146108" i="1"/>
  <c r="AF146109" i="1"/>
  <c r="AF146110" i="1"/>
  <c r="AF146111" i="1"/>
  <c r="AF146112" i="1"/>
  <c r="AF146113" i="1"/>
  <c r="AF146114" i="1"/>
  <c r="AF146115" i="1"/>
  <c r="AF146116" i="1"/>
  <c r="AF146117" i="1"/>
  <c r="AF146118" i="1"/>
  <c r="AF146119" i="1"/>
  <c r="AF146120" i="1"/>
  <c r="AF146121" i="1"/>
  <c r="AF146122" i="1"/>
  <c r="AF146123" i="1"/>
  <c r="AF146124" i="1"/>
  <c r="AF146125" i="1"/>
  <c r="AF146126" i="1"/>
  <c r="AF146127" i="1"/>
  <c r="AF146128" i="1"/>
  <c r="AF146129" i="1"/>
  <c r="AF146130" i="1"/>
  <c r="AF146131" i="1"/>
  <c r="AF146132" i="1"/>
  <c r="AF146133" i="1"/>
  <c r="AF146134" i="1"/>
  <c r="AF146135" i="1"/>
  <c r="AF146136" i="1"/>
  <c r="AF146137" i="1"/>
  <c r="AF146138" i="1"/>
  <c r="AF146139" i="1"/>
  <c r="AF146140" i="1"/>
  <c r="AF146141" i="1"/>
  <c r="AF146142" i="1"/>
  <c r="AF146143" i="1"/>
  <c r="AF146144" i="1"/>
  <c r="AF146145" i="1"/>
  <c r="AF146146" i="1"/>
  <c r="AF146147" i="1"/>
  <c r="AF146148" i="1"/>
  <c r="AF146149" i="1"/>
  <c r="AF146150" i="1"/>
  <c r="AF146151" i="1"/>
  <c r="AF146152" i="1"/>
  <c r="AF146153" i="1"/>
  <c r="AF146154" i="1"/>
  <c r="AF146155" i="1"/>
  <c r="AF146156" i="1"/>
  <c r="AF146157" i="1"/>
  <c r="AF146158" i="1"/>
  <c r="AF146159" i="1"/>
  <c r="AF146160" i="1"/>
  <c r="AF146161" i="1"/>
  <c r="AF146162" i="1"/>
  <c r="AF146163" i="1"/>
  <c r="AF146164" i="1"/>
  <c r="AF146165" i="1"/>
  <c r="AF146166" i="1"/>
  <c r="AF146167" i="1"/>
  <c r="AF146168" i="1"/>
  <c r="AF146169" i="1"/>
  <c r="AF146170" i="1"/>
  <c r="AF146171" i="1"/>
  <c r="AF146172" i="1"/>
  <c r="AF146173" i="1"/>
  <c r="AF146174" i="1"/>
  <c r="AF146175" i="1"/>
  <c r="AF146176" i="1"/>
  <c r="AF146177" i="1"/>
  <c r="AF146178" i="1"/>
  <c r="AF146179" i="1"/>
  <c r="AF146180" i="1"/>
  <c r="AF146181" i="1"/>
  <c r="AF146182" i="1"/>
  <c r="AF146183" i="1"/>
  <c r="AF146184" i="1"/>
  <c r="AF146185" i="1"/>
  <c r="AF146186" i="1"/>
  <c r="AF146187" i="1"/>
  <c r="AF146188" i="1"/>
  <c r="AF146189" i="1"/>
  <c r="AF146190" i="1"/>
  <c r="AF146191" i="1"/>
  <c r="AF146192" i="1"/>
  <c r="AF146193" i="1"/>
  <c r="AF146194" i="1"/>
  <c r="AF146195" i="1"/>
  <c r="AF146196" i="1"/>
  <c r="AF146197" i="1"/>
  <c r="AF146198" i="1"/>
  <c r="AF146199" i="1"/>
  <c r="AF146200" i="1"/>
  <c r="AF146201" i="1"/>
  <c r="AF146202" i="1"/>
  <c r="AF146203" i="1"/>
  <c r="AF146204" i="1"/>
  <c r="AF146205" i="1"/>
  <c r="AF146206" i="1"/>
  <c r="AF146207" i="1"/>
  <c r="AF146208" i="1"/>
  <c r="AF146209" i="1"/>
  <c r="AF146210" i="1"/>
  <c r="AF146211" i="1"/>
  <c r="AF146212" i="1"/>
  <c r="AF146213" i="1"/>
  <c r="AF146214" i="1"/>
  <c r="AF146215" i="1"/>
  <c r="AF146216" i="1"/>
  <c r="AF146217" i="1"/>
  <c r="AF146218" i="1"/>
  <c r="AF146219" i="1"/>
  <c r="AF146220" i="1"/>
  <c r="AF146221" i="1"/>
  <c r="AF146222" i="1"/>
  <c r="AF146223" i="1"/>
  <c r="AF146224" i="1"/>
  <c r="AF146225" i="1"/>
  <c r="AF146226" i="1"/>
  <c r="AF146227" i="1"/>
  <c r="AF146228" i="1"/>
  <c r="AF146229" i="1"/>
  <c r="AF146230" i="1"/>
  <c r="AF146231" i="1"/>
  <c r="AF146232" i="1"/>
  <c r="AF146233" i="1"/>
  <c r="AF146234" i="1"/>
  <c r="AF146235" i="1"/>
  <c r="AF146236" i="1"/>
  <c r="AF146237" i="1"/>
  <c r="AF146238" i="1"/>
  <c r="AF146239" i="1"/>
  <c r="AF146240" i="1"/>
  <c r="AF146241" i="1"/>
  <c r="AF146242" i="1"/>
  <c r="AF146243" i="1"/>
  <c r="AF146244" i="1"/>
  <c r="AF146245" i="1"/>
  <c r="AF146246" i="1"/>
  <c r="AF146247" i="1"/>
  <c r="AF146248" i="1"/>
  <c r="AF146249" i="1"/>
  <c r="AF146250" i="1"/>
  <c r="AF146251" i="1"/>
  <c r="AF146252" i="1"/>
  <c r="AF146253" i="1"/>
  <c r="AF146254" i="1"/>
  <c r="AF146255" i="1"/>
  <c r="AF146256" i="1"/>
  <c r="AF146257" i="1"/>
  <c r="AF146258" i="1"/>
  <c r="AF146259" i="1"/>
  <c r="AF146260" i="1"/>
  <c r="AF146261" i="1"/>
  <c r="AF146262" i="1"/>
  <c r="AF146263" i="1"/>
  <c r="AF146264" i="1"/>
  <c r="AF146265" i="1"/>
  <c r="AF146266" i="1"/>
  <c r="AF146267" i="1"/>
  <c r="AF146268" i="1"/>
  <c r="AF146269" i="1"/>
  <c r="AF146270" i="1"/>
  <c r="AF146271" i="1"/>
  <c r="AF146272" i="1"/>
  <c r="AF146273" i="1"/>
  <c r="AF146274" i="1"/>
  <c r="AF146275" i="1"/>
  <c r="AF146276" i="1"/>
  <c r="AF146277" i="1"/>
  <c r="AF146278" i="1"/>
  <c r="AF146279" i="1"/>
  <c r="AF146280" i="1"/>
  <c r="AF146281" i="1"/>
  <c r="AF146282" i="1"/>
  <c r="AF146283" i="1"/>
  <c r="AF146284" i="1"/>
  <c r="AF146285" i="1"/>
  <c r="AF146286" i="1"/>
  <c r="AF146287" i="1"/>
  <c r="AF146288" i="1"/>
  <c r="AF146289" i="1"/>
  <c r="AF146290" i="1"/>
  <c r="AF146291" i="1"/>
  <c r="AF146292" i="1"/>
  <c r="AF146293" i="1"/>
  <c r="AF146294" i="1"/>
  <c r="AF146295" i="1"/>
  <c r="AF146296" i="1"/>
  <c r="AF146297" i="1"/>
  <c r="AF146298" i="1"/>
  <c r="AF146299" i="1"/>
  <c r="AF146300" i="1"/>
  <c r="AF146301" i="1"/>
  <c r="AF146302" i="1"/>
  <c r="AF146303" i="1"/>
  <c r="AF146304" i="1"/>
  <c r="AF146305" i="1"/>
  <c r="AF146306" i="1"/>
  <c r="AF146307" i="1"/>
  <c r="AF146308" i="1"/>
  <c r="AF146309" i="1"/>
  <c r="AF146310" i="1"/>
  <c r="AF146311" i="1"/>
  <c r="AF146312" i="1"/>
  <c r="AF146313" i="1"/>
  <c r="AF146314" i="1"/>
  <c r="AF146315" i="1"/>
  <c r="AF146316" i="1"/>
  <c r="AF146317" i="1"/>
  <c r="AF146318" i="1"/>
  <c r="AF146319" i="1"/>
  <c r="AF146320" i="1"/>
  <c r="AF146321" i="1"/>
  <c r="AF146322" i="1"/>
  <c r="AF146323" i="1"/>
  <c r="AF146324" i="1"/>
  <c r="AF146325" i="1"/>
  <c r="AF146326" i="1"/>
  <c r="AF146327" i="1"/>
  <c r="AF146328" i="1"/>
  <c r="AF146329" i="1"/>
  <c r="AF146330" i="1"/>
  <c r="AF146331" i="1"/>
  <c r="AF146332" i="1"/>
  <c r="AF146333" i="1"/>
  <c r="AF146334" i="1"/>
  <c r="AF146335" i="1"/>
  <c r="AF146336" i="1"/>
  <c r="AF146337" i="1"/>
  <c r="AF146338" i="1"/>
  <c r="AF146339" i="1"/>
  <c r="AF146340" i="1"/>
  <c r="AF146341" i="1"/>
  <c r="AF146342" i="1"/>
  <c r="AF146343" i="1"/>
  <c r="AF146344" i="1"/>
  <c r="AF146345" i="1"/>
  <c r="AF146346" i="1"/>
  <c r="AF146347" i="1"/>
  <c r="AF146348" i="1"/>
  <c r="AF146349" i="1"/>
  <c r="AF146350" i="1"/>
  <c r="AF146351" i="1"/>
  <c r="AF146352" i="1"/>
  <c r="AF146353" i="1"/>
  <c r="AF146354" i="1"/>
  <c r="AF146355" i="1"/>
  <c r="AF146356" i="1"/>
  <c r="AF146357" i="1"/>
  <c r="AF146358" i="1"/>
  <c r="AF146359" i="1"/>
  <c r="AF146360" i="1"/>
  <c r="AF146361" i="1"/>
  <c r="AF146362" i="1"/>
  <c r="AF146363" i="1"/>
  <c r="AF146364" i="1"/>
  <c r="AF146365" i="1"/>
  <c r="AF146366" i="1"/>
  <c r="AF146367" i="1"/>
  <c r="AF146368" i="1"/>
  <c r="AF146369" i="1"/>
  <c r="AF146370" i="1"/>
  <c r="AF146371" i="1"/>
  <c r="AF146372" i="1"/>
  <c r="AF146373" i="1"/>
  <c r="AF146374" i="1"/>
  <c r="AF146375" i="1"/>
  <c r="AF146376" i="1"/>
  <c r="AF146377" i="1"/>
  <c r="AF146378" i="1"/>
  <c r="AF146379" i="1"/>
  <c r="AF146380" i="1"/>
  <c r="AF146381" i="1"/>
  <c r="AF146382" i="1"/>
  <c r="AF146383" i="1"/>
  <c r="AF146384" i="1"/>
  <c r="AF146385" i="1"/>
  <c r="AF146386" i="1"/>
  <c r="AF146387" i="1"/>
  <c r="AF146388" i="1"/>
  <c r="AF146389" i="1"/>
  <c r="AF146390" i="1"/>
  <c r="AF146391" i="1"/>
  <c r="AF146392" i="1"/>
  <c r="AF146393" i="1"/>
  <c r="AF146394" i="1"/>
  <c r="AF146395" i="1"/>
  <c r="AF146396" i="1"/>
  <c r="AF146397" i="1"/>
  <c r="AF146398" i="1"/>
  <c r="AF146399" i="1"/>
  <c r="AF146400" i="1"/>
  <c r="AF146401" i="1"/>
  <c r="AF146402" i="1"/>
  <c r="AF146403" i="1"/>
  <c r="AF146404" i="1"/>
  <c r="AF146405" i="1"/>
  <c r="AF146406" i="1"/>
  <c r="AF146407" i="1"/>
  <c r="AF146408" i="1"/>
  <c r="AF146409" i="1"/>
  <c r="AF146410" i="1"/>
  <c r="AF146411" i="1"/>
  <c r="AF146412" i="1"/>
  <c r="AF146413" i="1"/>
  <c r="AF146414" i="1"/>
  <c r="AF146415" i="1"/>
  <c r="AF146416" i="1"/>
  <c r="AF146417" i="1"/>
  <c r="AF146418" i="1"/>
  <c r="AF146419" i="1"/>
  <c r="AF146420" i="1"/>
  <c r="AF146421" i="1"/>
  <c r="AF146422" i="1"/>
  <c r="AF146423" i="1"/>
  <c r="AF146424" i="1"/>
  <c r="AF146425" i="1"/>
  <c r="AF146426" i="1"/>
  <c r="AF146427" i="1"/>
  <c r="AF146428" i="1"/>
  <c r="AF146429" i="1"/>
  <c r="AF146430" i="1"/>
  <c r="AF146431" i="1"/>
  <c r="AF146432" i="1"/>
  <c r="AF146433" i="1"/>
  <c r="AF146434" i="1"/>
  <c r="AF146435" i="1"/>
  <c r="AF146436" i="1"/>
  <c r="AF146437" i="1"/>
  <c r="AF146438" i="1"/>
  <c r="AF146439" i="1"/>
  <c r="AF146440" i="1"/>
  <c r="AF146441" i="1"/>
  <c r="AF146442" i="1"/>
  <c r="AF146443" i="1"/>
  <c r="AF146444" i="1"/>
  <c r="AF146445" i="1"/>
  <c r="AF146446" i="1"/>
  <c r="AF146447" i="1"/>
  <c r="AF146448" i="1"/>
  <c r="AF146449" i="1"/>
  <c r="AF146450" i="1"/>
  <c r="AF146451" i="1"/>
  <c r="AF146452" i="1"/>
  <c r="AF146453" i="1"/>
  <c r="AF146454" i="1"/>
  <c r="AF146455" i="1"/>
  <c r="AF146456" i="1"/>
  <c r="AF146457" i="1"/>
  <c r="AF146458" i="1"/>
  <c r="AF146459" i="1"/>
  <c r="AF146460" i="1"/>
  <c r="AF146461" i="1"/>
  <c r="AF146462" i="1"/>
  <c r="AF146463" i="1"/>
  <c r="AF146464" i="1"/>
  <c r="AF146465" i="1"/>
  <c r="AF146466" i="1"/>
  <c r="AF146467" i="1"/>
  <c r="AF146468" i="1"/>
  <c r="AF146469" i="1"/>
  <c r="AF146470" i="1"/>
  <c r="AF146471" i="1"/>
  <c r="AF146472" i="1"/>
  <c r="AF146473" i="1"/>
  <c r="AF146474" i="1"/>
  <c r="AF146475" i="1"/>
  <c r="AF146476" i="1"/>
  <c r="AF146477" i="1"/>
  <c r="AF146478" i="1"/>
  <c r="AF146479" i="1"/>
  <c r="AF146480" i="1"/>
  <c r="AF146481" i="1"/>
  <c r="AF146482" i="1"/>
  <c r="AF146483" i="1"/>
  <c r="AF146484" i="1"/>
  <c r="AF146485" i="1"/>
  <c r="AF146486" i="1"/>
  <c r="AF146487" i="1"/>
  <c r="AF146488" i="1"/>
  <c r="AF146489" i="1"/>
  <c r="AF146490" i="1"/>
  <c r="AF146491" i="1"/>
  <c r="AF146492" i="1"/>
  <c r="AF146493" i="1"/>
  <c r="AF146494" i="1"/>
  <c r="AF146495" i="1"/>
  <c r="AF146496" i="1"/>
  <c r="AF146497" i="1"/>
  <c r="AF146498" i="1"/>
  <c r="AF146499" i="1"/>
  <c r="AF146500" i="1"/>
  <c r="AF146501" i="1"/>
  <c r="AF146502" i="1"/>
  <c r="AF146503" i="1"/>
  <c r="AF146504" i="1"/>
  <c r="AF146505" i="1"/>
  <c r="AF146506" i="1"/>
  <c r="AF146507" i="1"/>
  <c r="AF146508" i="1"/>
  <c r="AF146509" i="1"/>
  <c r="AF146510" i="1"/>
  <c r="AF146511" i="1"/>
  <c r="AF146512" i="1"/>
  <c r="AF146513" i="1"/>
  <c r="AF146514" i="1"/>
  <c r="AF146515" i="1"/>
  <c r="AF146516" i="1"/>
  <c r="AF146517" i="1"/>
  <c r="AF146518" i="1"/>
  <c r="AF146519" i="1"/>
  <c r="AF146520" i="1"/>
  <c r="AF146521" i="1"/>
  <c r="AF146522" i="1"/>
  <c r="AF146523" i="1"/>
  <c r="AF146524" i="1"/>
  <c r="AF146525" i="1"/>
  <c r="AF146526" i="1"/>
  <c r="AF146527" i="1"/>
  <c r="AF146528" i="1"/>
  <c r="AF146529" i="1"/>
  <c r="AF146530" i="1"/>
  <c r="AF146531" i="1"/>
  <c r="AF146532" i="1"/>
  <c r="AF146533" i="1"/>
  <c r="AF146534" i="1"/>
  <c r="AF146535" i="1"/>
  <c r="AF146536" i="1"/>
  <c r="AF146537" i="1"/>
  <c r="AF146538" i="1"/>
  <c r="AF146539" i="1"/>
  <c r="AF146540" i="1"/>
  <c r="AF146541" i="1"/>
  <c r="AF146542" i="1"/>
  <c r="AF146543" i="1"/>
  <c r="AF146544" i="1"/>
  <c r="AF146545" i="1"/>
  <c r="AF146546" i="1"/>
  <c r="AF146547" i="1"/>
  <c r="AF146548" i="1"/>
  <c r="AF146549" i="1"/>
  <c r="AF146550" i="1"/>
  <c r="AF146551" i="1"/>
  <c r="AF146552" i="1"/>
  <c r="AF146553" i="1"/>
  <c r="AF146554" i="1"/>
  <c r="AF146555" i="1"/>
  <c r="AF146556" i="1"/>
  <c r="AF146557" i="1"/>
  <c r="AF146558" i="1"/>
  <c r="AF146559" i="1"/>
  <c r="AF146560" i="1"/>
  <c r="AF146561" i="1"/>
  <c r="AF146562" i="1"/>
  <c r="AF146563" i="1"/>
  <c r="AF146564" i="1"/>
  <c r="AF146565" i="1"/>
  <c r="AF146566" i="1"/>
  <c r="AF146567" i="1"/>
  <c r="AF146568" i="1"/>
  <c r="AF146569" i="1"/>
  <c r="AF146570" i="1"/>
  <c r="AF146571" i="1"/>
  <c r="AF146572" i="1"/>
  <c r="AF146573" i="1"/>
  <c r="AF146574" i="1"/>
  <c r="AF146575" i="1"/>
  <c r="AF146576" i="1"/>
  <c r="AF146577" i="1"/>
  <c r="AF146578" i="1"/>
  <c r="AF146579" i="1"/>
  <c r="AF146580" i="1"/>
  <c r="AF146581" i="1"/>
  <c r="AF146582" i="1"/>
  <c r="AF146583" i="1"/>
  <c r="AF146584" i="1"/>
  <c r="AF146585" i="1"/>
  <c r="AF146586" i="1"/>
  <c r="AF146587" i="1"/>
  <c r="AF146588" i="1"/>
  <c r="AF146589" i="1"/>
  <c r="AF146590" i="1"/>
  <c r="AF146591" i="1"/>
  <c r="AF146592" i="1"/>
  <c r="AF146593" i="1"/>
  <c r="AF146594" i="1"/>
  <c r="AF146595" i="1"/>
  <c r="AF146596" i="1"/>
  <c r="AF146597" i="1"/>
  <c r="AF146598" i="1"/>
  <c r="AF146599" i="1"/>
  <c r="AF146600" i="1"/>
  <c r="AF146601" i="1"/>
  <c r="AF146602" i="1"/>
  <c r="AF146603" i="1"/>
  <c r="AF146604" i="1"/>
  <c r="AF146605" i="1"/>
  <c r="AF146606" i="1"/>
  <c r="AF146607" i="1"/>
  <c r="AF146608" i="1"/>
  <c r="AF146609" i="1"/>
  <c r="AF146610" i="1"/>
  <c r="AF146611" i="1"/>
  <c r="AF146612" i="1"/>
  <c r="AF146613" i="1"/>
  <c r="AF146614" i="1"/>
  <c r="AF146615" i="1"/>
  <c r="AF146616" i="1"/>
  <c r="AF146617" i="1"/>
  <c r="AF146618" i="1"/>
  <c r="AF146619" i="1"/>
  <c r="AF146620" i="1"/>
  <c r="AF146621" i="1"/>
  <c r="AF146622" i="1"/>
  <c r="AF146623" i="1"/>
  <c r="AF146624" i="1"/>
  <c r="AF146625" i="1"/>
  <c r="AF146626" i="1"/>
  <c r="AF146627" i="1"/>
  <c r="AF146628" i="1"/>
  <c r="AF146629" i="1"/>
  <c r="AF146630" i="1"/>
  <c r="AF146631" i="1"/>
  <c r="AF146632" i="1"/>
  <c r="AF146633" i="1"/>
  <c r="AF146634" i="1"/>
  <c r="AF146635" i="1"/>
  <c r="AF146636" i="1"/>
  <c r="AF146637" i="1"/>
  <c r="AF146638" i="1"/>
  <c r="AF146639" i="1"/>
  <c r="AF146640" i="1"/>
  <c r="AF146641" i="1"/>
  <c r="AF146642" i="1"/>
  <c r="AF146643" i="1"/>
  <c r="AF146644" i="1"/>
  <c r="AF146645" i="1"/>
  <c r="AF146646" i="1"/>
  <c r="AF146647" i="1"/>
  <c r="AF146648" i="1"/>
  <c r="AF146649" i="1"/>
  <c r="AF146650" i="1"/>
  <c r="AF146651" i="1"/>
  <c r="AF146652" i="1"/>
  <c r="AF146653" i="1"/>
  <c r="AF146654" i="1"/>
  <c r="AF146655" i="1"/>
  <c r="AF146656" i="1"/>
  <c r="AF146657" i="1"/>
  <c r="AF146658" i="1"/>
  <c r="AF146659" i="1"/>
  <c r="AF146660" i="1"/>
  <c r="AF146661" i="1"/>
  <c r="AF146662" i="1"/>
  <c r="AF146663" i="1"/>
  <c r="AF146664" i="1"/>
  <c r="AF146665" i="1"/>
  <c r="AF146666" i="1"/>
  <c r="AF146667" i="1"/>
  <c r="AF146668" i="1"/>
  <c r="AF146669" i="1"/>
  <c r="AF146670" i="1"/>
  <c r="AF146671" i="1"/>
  <c r="AF146672" i="1"/>
  <c r="AF146673" i="1"/>
  <c r="AF146674" i="1"/>
  <c r="AF146675" i="1"/>
  <c r="AF146676" i="1"/>
  <c r="AF146677" i="1"/>
  <c r="AF146678" i="1"/>
  <c r="AF146679" i="1"/>
  <c r="AF146680" i="1"/>
  <c r="AF146681" i="1"/>
  <c r="AF146682" i="1"/>
  <c r="AF146683" i="1"/>
  <c r="AF146684" i="1"/>
  <c r="AF146685" i="1"/>
  <c r="AF146686" i="1"/>
  <c r="AF146687" i="1"/>
  <c r="AF146688" i="1"/>
  <c r="AF146689" i="1"/>
  <c r="AF146690" i="1"/>
  <c r="AF146691" i="1"/>
  <c r="AF146692" i="1"/>
  <c r="AF146693" i="1"/>
  <c r="AF146694" i="1"/>
  <c r="AF146695" i="1"/>
  <c r="AF146696" i="1"/>
  <c r="AF146697" i="1"/>
  <c r="AF146698" i="1"/>
  <c r="AF146699" i="1"/>
  <c r="AF146700" i="1"/>
  <c r="AF146701" i="1"/>
  <c r="AF146702" i="1"/>
  <c r="AF146703" i="1"/>
  <c r="AF146704" i="1"/>
  <c r="AF146705" i="1"/>
  <c r="AF146706" i="1"/>
  <c r="AF146707" i="1"/>
  <c r="AF146708" i="1"/>
  <c r="AF146709" i="1"/>
  <c r="AF146710" i="1"/>
  <c r="AF146711" i="1"/>
  <c r="AF146712" i="1"/>
  <c r="AF146713" i="1"/>
  <c r="AF146714" i="1"/>
  <c r="AF146715" i="1"/>
  <c r="AF146716" i="1"/>
  <c r="AF146717" i="1"/>
  <c r="AF146718" i="1"/>
  <c r="AF146719" i="1"/>
  <c r="AF146720" i="1"/>
  <c r="AF146721" i="1"/>
  <c r="AF146722" i="1"/>
  <c r="AF146723" i="1"/>
  <c r="AF146724" i="1"/>
  <c r="AF146725" i="1"/>
  <c r="AF146726" i="1"/>
  <c r="AF146727" i="1"/>
  <c r="AF146728" i="1"/>
  <c r="AF146729" i="1"/>
  <c r="AF146730" i="1"/>
  <c r="AF146731" i="1"/>
  <c r="AF146732" i="1"/>
  <c r="AF146733" i="1"/>
  <c r="AF146734" i="1"/>
  <c r="AF146735" i="1"/>
  <c r="AF146736" i="1"/>
  <c r="AF146737" i="1"/>
  <c r="AF146738" i="1"/>
  <c r="AF146739" i="1"/>
  <c r="AF146740" i="1"/>
  <c r="AF146741" i="1"/>
  <c r="AF146742" i="1"/>
  <c r="AF146743" i="1"/>
  <c r="AF146744" i="1"/>
  <c r="AF146745" i="1"/>
  <c r="AF146746" i="1"/>
  <c r="AF146747" i="1"/>
  <c r="AF146748" i="1"/>
  <c r="AF146749" i="1"/>
  <c r="AF146750" i="1"/>
  <c r="AF146751" i="1"/>
  <c r="AF146752" i="1"/>
  <c r="AF146753" i="1"/>
  <c r="AF146754" i="1"/>
  <c r="AF146755" i="1"/>
  <c r="AF146756" i="1"/>
  <c r="AF146757" i="1"/>
  <c r="AF146758" i="1"/>
  <c r="AF146759" i="1"/>
  <c r="AF146760" i="1"/>
  <c r="AF146761" i="1"/>
  <c r="AF146762" i="1"/>
  <c r="AF146763" i="1"/>
  <c r="AF146764" i="1"/>
  <c r="AF146765" i="1"/>
  <c r="AF146766" i="1"/>
  <c r="AF146767" i="1"/>
  <c r="AF146768" i="1"/>
  <c r="AF146769" i="1"/>
  <c r="AF146770" i="1"/>
  <c r="AF146771" i="1"/>
  <c r="AF146772" i="1"/>
  <c r="AF146773" i="1"/>
  <c r="AF146774" i="1"/>
  <c r="AF146775" i="1"/>
  <c r="AF146776" i="1"/>
  <c r="AF146777" i="1"/>
  <c r="AF146778" i="1"/>
  <c r="AF146779" i="1"/>
  <c r="AF146780" i="1"/>
  <c r="AF146781" i="1"/>
  <c r="AF146782" i="1"/>
  <c r="AF146783" i="1"/>
  <c r="AF146784" i="1"/>
  <c r="AF146785" i="1"/>
  <c r="AF146786" i="1"/>
  <c r="AF146787" i="1"/>
  <c r="AF146788" i="1"/>
  <c r="AF146789" i="1"/>
  <c r="AF146790" i="1"/>
  <c r="AF146791" i="1"/>
  <c r="AF146792" i="1"/>
  <c r="AF146793" i="1"/>
  <c r="AF146794" i="1"/>
  <c r="AF146795" i="1"/>
  <c r="AF146796" i="1"/>
  <c r="AF146797" i="1"/>
  <c r="AF146798" i="1"/>
  <c r="AF146799" i="1"/>
  <c r="AF146800" i="1"/>
  <c r="AF146801" i="1"/>
  <c r="AF146802" i="1"/>
  <c r="AF146803" i="1"/>
  <c r="AF146804" i="1"/>
  <c r="AF146805" i="1"/>
  <c r="AF146806" i="1"/>
  <c r="AF146807" i="1"/>
  <c r="AF146808" i="1"/>
  <c r="AF146809" i="1"/>
  <c r="AF146810" i="1"/>
  <c r="AF146811" i="1"/>
  <c r="AF146812" i="1"/>
  <c r="AF146813" i="1"/>
  <c r="AF146814" i="1"/>
  <c r="AF146815" i="1"/>
  <c r="AF146816" i="1"/>
  <c r="AF146817" i="1"/>
  <c r="AF146818" i="1"/>
  <c r="AF146819" i="1"/>
  <c r="AF146820" i="1"/>
  <c r="AF146821" i="1"/>
  <c r="AF146822" i="1"/>
  <c r="AF146823" i="1"/>
  <c r="AF146824" i="1"/>
  <c r="AF146825" i="1"/>
  <c r="AF146826" i="1"/>
  <c r="AF146827" i="1"/>
  <c r="AF146828" i="1"/>
  <c r="AF146829" i="1"/>
  <c r="AF146830" i="1"/>
  <c r="AF146831" i="1"/>
  <c r="AF146832" i="1"/>
  <c r="AF146833" i="1"/>
  <c r="AF146834" i="1"/>
  <c r="AF146835" i="1"/>
  <c r="AF146836" i="1"/>
  <c r="AF146837" i="1"/>
  <c r="AF146838" i="1"/>
  <c r="AF146839" i="1"/>
  <c r="AF146840" i="1"/>
  <c r="AF146841" i="1"/>
  <c r="AF146842" i="1"/>
  <c r="AF146843" i="1"/>
  <c r="AF146844" i="1"/>
  <c r="AF146845" i="1"/>
  <c r="AF146846" i="1"/>
  <c r="AF146847" i="1"/>
  <c r="AF146848" i="1"/>
  <c r="AF146849" i="1"/>
  <c r="AF146850" i="1"/>
  <c r="AF146851" i="1"/>
  <c r="AF146852" i="1"/>
  <c r="AF146853" i="1"/>
  <c r="AF146854" i="1"/>
  <c r="AF146855" i="1"/>
  <c r="AF146856" i="1"/>
  <c r="AF146857" i="1"/>
  <c r="AF146858" i="1"/>
  <c r="AF146859" i="1"/>
  <c r="AF146860" i="1"/>
  <c r="AF146861" i="1"/>
  <c r="AF146862" i="1"/>
  <c r="AF146863" i="1"/>
  <c r="AF146864" i="1"/>
  <c r="AF146865" i="1"/>
  <c r="AF146866" i="1"/>
  <c r="AF146867" i="1"/>
  <c r="AF146868" i="1"/>
  <c r="AF146869" i="1"/>
  <c r="AF146870" i="1"/>
  <c r="AF146871" i="1"/>
  <c r="AF146872" i="1"/>
  <c r="AF146873" i="1"/>
  <c r="AF146874" i="1"/>
  <c r="AF146875" i="1"/>
  <c r="AF146876" i="1"/>
  <c r="AF146877" i="1"/>
  <c r="AF146878" i="1"/>
  <c r="AF146879" i="1"/>
  <c r="AF146880" i="1"/>
  <c r="AF146881" i="1"/>
  <c r="AF146882" i="1"/>
  <c r="AF146883" i="1"/>
  <c r="AF146884" i="1"/>
  <c r="AF146885" i="1"/>
  <c r="AF146886" i="1"/>
  <c r="AF146887" i="1"/>
  <c r="AF146888" i="1"/>
  <c r="AF146889" i="1"/>
  <c r="AF146890" i="1"/>
  <c r="AF146891" i="1"/>
  <c r="AF146892" i="1"/>
  <c r="AF146893" i="1"/>
  <c r="AF146894" i="1"/>
  <c r="AF146895" i="1"/>
  <c r="AF146896" i="1"/>
  <c r="AF146897" i="1"/>
  <c r="AF146898" i="1"/>
  <c r="AF146899" i="1"/>
  <c r="AF146900" i="1"/>
  <c r="AF146901" i="1"/>
  <c r="AF146902" i="1"/>
  <c r="AF146903" i="1"/>
  <c r="AF146904" i="1"/>
  <c r="AF146905" i="1"/>
  <c r="AF146906" i="1"/>
  <c r="AF146907" i="1"/>
  <c r="AF146908" i="1"/>
  <c r="AF146909" i="1"/>
  <c r="AF146910" i="1"/>
  <c r="AF146911" i="1"/>
  <c r="AF146912" i="1"/>
  <c r="AF146913" i="1"/>
  <c r="AF146914" i="1"/>
  <c r="AF146915" i="1"/>
  <c r="AF146916" i="1"/>
  <c r="AF146917" i="1"/>
  <c r="AF146918" i="1"/>
  <c r="AF146919" i="1"/>
  <c r="AF146920" i="1"/>
  <c r="AF146921" i="1"/>
  <c r="AF146922" i="1"/>
  <c r="AF146923" i="1"/>
  <c r="AF146924" i="1"/>
  <c r="AF146925" i="1"/>
  <c r="AF146926" i="1"/>
  <c r="AF146927" i="1"/>
  <c r="AF146928" i="1"/>
  <c r="AF146929" i="1"/>
  <c r="AF146930" i="1"/>
  <c r="AF146931" i="1"/>
  <c r="AF146932" i="1"/>
  <c r="AF146933" i="1"/>
  <c r="AF146934" i="1"/>
  <c r="AF146935" i="1"/>
  <c r="AF146936" i="1"/>
  <c r="AF146937" i="1"/>
  <c r="AF146938" i="1"/>
  <c r="AF146939" i="1"/>
  <c r="AF146940" i="1"/>
  <c r="AF146941" i="1"/>
  <c r="AF146942" i="1"/>
  <c r="AF146943" i="1"/>
  <c r="AF146944" i="1"/>
  <c r="AF146945" i="1"/>
  <c r="AF146946" i="1"/>
  <c r="AF146947" i="1"/>
  <c r="AF146948" i="1"/>
  <c r="AF146949" i="1"/>
  <c r="AF146950" i="1"/>
  <c r="AF146951" i="1"/>
  <c r="AF146952" i="1"/>
  <c r="AF146953" i="1"/>
  <c r="AF146954" i="1"/>
  <c r="AF146955" i="1"/>
  <c r="AF146956" i="1"/>
  <c r="AF146957" i="1"/>
  <c r="AF146958" i="1"/>
  <c r="AF146959" i="1"/>
  <c r="AF146960" i="1"/>
  <c r="AF146961" i="1"/>
  <c r="AF146962" i="1"/>
  <c r="AF146963" i="1"/>
  <c r="AF146964" i="1"/>
  <c r="AF146965" i="1"/>
  <c r="AF146966" i="1"/>
  <c r="AF146967" i="1"/>
  <c r="AF146968" i="1"/>
  <c r="AF146969" i="1"/>
  <c r="AF146970" i="1"/>
  <c r="AF146971" i="1"/>
  <c r="AF146972" i="1"/>
  <c r="AF146973" i="1"/>
  <c r="AF146974" i="1"/>
  <c r="AF146975" i="1"/>
  <c r="AF146976" i="1"/>
  <c r="AF146977" i="1"/>
  <c r="AF146978" i="1"/>
  <c r="AF146979" i="1"/>
  <c r="AF146980" i="1"/>
  <c r="AF146981" i="1"/>
  <c r="AF146982" i="1"/>
  <c r="AF146983" i="1"/>
  <c r="AF146984" i="1"/>
  <c r="AF146985" i="1"/>
  <c r="AF146986" i="1"/>
  <c r="AF146987" i="1"/>
  <c r="AF146988" i="1"/>
  <c r="AF146989" i="1"/>
  <c r="AF146990" i="1"/>
  <c r="AF146991" i="1"/>
  <c r="AF146992" i="1"/>
  <c r="AF146993" i="1"/>
  <c r="AF146994" i="1"/>
  <c r="AF146995" i="1"/>
  <c r="AF146996" i="1"/>
  <c r="AF146997" i="1"/>
  <c r="AF146998" i="1"/>
  <c r="AF146999" i="1"/>
  <c r="AF147000" i="1"/>
  <c r="AF147001" i="1"/>
  <c r="AF147002" i="1"/>
  <c r="AF147003" i="1"/>
  <c r="AF147004" i="1"/>
  <c r="AF147005" i="1"/>
  <c r="AF147006" i="1"/>
  <c r="AF147007" i="1"/>
  <c r="AF147008" i="1"/>
  <c r="AF147009" i="1"/>
  <c r="AF147010" i="1"/>
  <c r="AF147011" i="1"/>
  <c r="AF147012" i="1"/>
  <c r="AF147013" i="1"/>
  <c r="AF147014" i="1"/>
  <c r="AF147015" i="1"/>
  <c r="AF147016" i="1"/>
  <c r="AF147017" i="1"/>
  <c r="AF147018" i="1"/>
  <c r="AF147019" i="1"/>
  <c r="AF147020" i="1"/>
  <c r="AF147021" i="1"/>
  <c r="AF147022" i="1"/>
  <c r="AF147023" i="1"/>
  <c r="AF147024" i="1"/>
  <c r="AF147025" i="1"/>
  <c r="AF147026" i="1"/>
  <c r="AF147027" i="1"/>
  <c r="AF147028" i="1"/>
  <c r="AF147029" i="1"/>
  <c r="AF147030" i="1"/>
  <c r="AF147031" i="1"/>
  <c r="AF147032" i="1"/>
  <c r="AF147033" i="1"/>
  <c r="AF147034" i="1"/>
  <c r="AF147035" i="1"/>
  <c r="AF147036" i="1"/>
  <c r="AF147037" i="1"/>
  <c r="AF147038" i="1"/>
  <c r="AF147039" i="1"/>
  <c r="AF147040" i="1"/>
  <c r="AF147041" i="1"/>
  <c r="AF147042" i="1"/>
  <c r="AF147043" i="1"/>
  <c r="AF147044" i="1"/>
  <c r="AF147045" i="1"/>
  <c r="AF147046" i="1"/>
  <c r="AF147047" i="1"/>
  <c r="AF147048" i="1"/>
  <c r="AF147049" i="1"/>
  <c r="AF147050" i="1"/>
  <c r="AF147051" i="1"/>
  <c r="AF147052" i="1"/>
  <c r="AF147053" i="1"/>
  <c r="AF147054" i="1"/>
  <c r="AF147055" i="1"/>
  <c r="AF147056" i="1"/>
  <c r="AF147057" i="1"/>
  <c r="AF147058" i="1"/>
  <c r="AF147059" i="1"/>
  <c r="AF147060" i="1"/>
  <c r="AF147061" i="1"/>
  <c r="AF147062" i="1"/>
  <c r="AF147063" i="1"/>
  <c r="AF147064" i="1"/>
  <c r="AF147065" i="1"/>
  <c r="AF147066" i="1"/>
  <c r="AF147067" i="1"/>
  <c r="AF147068" i="1"/>
  <c r="AF147069" i="1"/>
  <c r="AF147070" i="1"/>
  <c r="AF147071" i="1"/>
  <c r="AF147072" i="1"/>
  <c r="AF147073" i="1"/>
  <c r="AF147074" i="1"/>
  <c r="AF147075" i="1"/>
  <c r="AF147076" i="1"/>
  <c r="AF147077" i="1"/>
  <c r="AF147078" i="1"/>
  <c r="AF147079" i="1"/>
  <c r="AF147080" i="1"/>
  <c r="AF147081" i="1"/>
  <c r="AF147082" i="1"/>
  <c r="AF147083" i="1"/>
  <c r="AF147084" i="1"/>
  <c r="AF147085" i="1"/>
  <c r="AF147086" i="1"/>
  <c r="AF147087" i="1"/>
  <c r="AF147088" i="1"/>
  <c r="AF147089" i="1"/>
  <c r="AF147090" i="1"/>
  <c r="AF147091" i="1"/>
  <c r="AF147092" i="1"/>
  <c r="AF147093" i="1"/>
  <c r="AF147094" i="1"/>
  <c r="AF147095" i="1"/>
  <c r="AF147096" i="1"/>
  <c r="AF147097" i="1"/>
  <c r="AF147098" i="1"/>
  <c r="AF147099" i="1"/>
  <c r="AF147100" i="1"/>
  <c r="AF147101" i="1"/>
  <c r="AF147102" i="1"/>
  <c r="AF147103" i="1"/>
  <c r="AF147104" i="1"/>
  <c r="AF147105" i="1"/>
  <c r="AF147106" i="1"/>
  <c r="AF147107" i="1"/>
  <c r="AF147108" i="1"/>
  <c r="AF147109" i="1"/>
  <c r="AF147110" i="1"/>
  <c r="AF147111" i="1"/>
  <c r="AF147112" i="1"/>
  <c r="AF147113" i="1"/>
  <c r="AF147114" i="1"/>
  <c r="AF147115" i="1"/>
  <c r="AF147116" i="1"/>
  <c r="AF147117" i="1"/>
  <c r="AF147118" i="1"/>
  <c r="AF147119" i="1"/>
  <c r="AF147120" i="1"/>
  <c r="AF147121" i="1"/>
  <c r="AF147122" i="1"/>
  <c r="AF147123" i="1"/>
  <c r="AF147124" i="1"/>
  <c r="AF147125" i="1"/>
  <c r="AF147126" i="1"/>
  <c r="AF147127" i="1"/>
  <c r="AF147128" i="1"/>
  <c r="AF147129" i="1"/>
  <c r="AF147130" i="1"/>
  <c r="AF147131" i="1"/>
  <c r="AF147132" i="1"/>
  <c r="AF147133" i="1"/>
  <c r="AF147134" i="1"/>
  <c r="AF147135" i="1"/>
  <c r="AF147136" i="1"/>
  <c r="AF147137" i="1"/>
  <c r="AF147138" i="1"/>
  <c r="AF147139" i="1"/>
  <c r="AF147140" i="1"/>
  <c r="AF147141" i="1"/>
  <c r="AF147142" i="1"/>
  <c r="AF147143" i="1"/>
  <c r="AF147144" i="1"/>
  <c r="AF147145" i="1"/>
  <c r="AF147146" i="1"/>
  <c r="AF147147" i="1"/>
  <c r="AF147148" i="1"/>
  <c r="AF147149" i="1"/>
  <c r="AF147150" i="1"/>
  <c r="AF147151" i="1"/>
  <c r="AF147152" i="1"/>
  <c r="AF147153" i="1"/>
  <c r="AF147154" i="1"/>
  <c r="AF147155" i="1"/>
  <c r="AF147156" i="1"/>
  <c r="AF147157" i="1"/>
  <c r="AF147158" i="1"/>
  <c r="AF147159" i="1"/>
  <c r="AF147160" i="1"/>
  <c r="AF147161" i="1"/>
  <c r="AF147162" i="1"/>
  <c r="AF147163" i="1"/>
  <c r="AF147164" i="1"/>
  <c r="AF147165" i="1"/>
  <c r="AF147166" i="1"/>
  <c r="AF147167" i="1"/>
  <c r="AF147168" i="1"/>
  <c r="AF147169" i="1"/>
  <c r="AF147170" i="1"/>
  <c r="AF147171" i="1"/>
  <c r="AF147172" i="1"/>
  <c r="AF147173" i="1"/>
  <c r="AF147174" i="1"/>
  <c r="AF147175" i="1"/>
  <c r="AF147176" i="1"/>
  <c r="AF147177" i="1"/>
  <c r="AF147178" i="1"/>
  <c r="AF147179" i="1"/>
  <c r="AF147180" i="1"/>
  <c r="AF147181" i="1"/>
  <c r="AF147182" i="1"/>
  <c r="AF147183" i="1"/>
  <c r="AF147184" i="1"/>
  <c r="AF147185" i="1"/>
  <c r="AF147186" i="1"/>
  <c r="AF147187" i="1"/>
  <c r="AF147188" i="1"/>
  <c r="AF147189" i="1"/>
  <c r="AF147190" i="1"/>
  <c r="AF147191" i="1"/>
  <c r="AF147192" i="1"/>
  <c r="AF147193" i="1"/>
  <c r="AF147194" i="1"/>
  <c r="AF147195" i="1"/>
  <c r="AF147196" i="1"/>
  <c r="AF147197" i="1"/>
  <c r="AF147198" i="1"/>
  <c r="AF147199" i="1"/>
  <c r="AF147200" i="1"/>
  <c r="AF147201" i="1"/>
  <c r="AF147202" i="1"/>
  <c r="AF147203" i="1"/>
  <c r="AF147204" i="1"/>
  <c r="AF147205" i="1"/>
  <c r="AF147206" i="1"/>
  <c r="AF147207" i="1"/>
  <c r="AF147208" i="1"/>
  <c r="AF147209" i="1"/>
  <c r="AF147210" i="1"/>
  <c r="AF147211" i="1"/>
  <c r="AF147212" i="1"/>
  <c r="AF147213" i="1"/>
  <c r="AF147214" i="1"/>
  <c r="AF147215" i="1"/>
  <c r="AF147216" i="1"/>
  <c r="AF147217" i="1"/>
  <c r="AF147218" i="1"/>
  <c r="AF147219" i="1"/>
  <c r="AF147220" i="1"/>
  <c r="AF147221" i="1"/>
  <c r="AF147222" i="1"/>
  <c r="AF147223" i="1"/>
  <c r="AF147224" i="1"/>
  <c r="AF147225" i="1"/>
  <c r="AF147226" i="1"/>
  <c r="AF147227" i="1"/>
  <c r="AF147228" i="1"/>
  <c r="AF147229" i="1"/>
  <c r="AF147230" i="1"/>
  <c r="AF147231" i="1"/>
  <c r="AF147232" i="1"/>
  <c r="AF147233" i="1"/>
  <c r="AF147234" i="1"/>
  <c r="AF147235" i="1"/>
  <c r="AF147236" i="1"/>
  <c r="AF147237" i="1"/>
  <c r="AF147238" i="1"/>
  <c r="AF147239" i="1"/>
  <c r="AF147240" i="1"/>
  <c r="AF147241" i="1"/>
  <c r="AF147242" i="1"/>
  <c r="AF147243" i="1"/>
  <c r="AF147244" i="1"/>
  <c r="AF147245" i="1"/>
  <c r="AF147246" i="1"/>
  <c r="AF147247" i="1"/>
  <c r="AF147248" i="1"/>
  <c r="AF147249" i="1"/>
  <c r="AF147250" i="1"/>
  <c r="AF147251" i="1"/>
  <c r="AF147252" i="1"/>
  <c r="AF147253" i="1"/>
  <c r="AF147254" i="1"/>
  <c r="AF147255" i="1"/>
  <c r="AF147256" i="1"/>
  <c r="AF147257" i="1"/>
  <c r="AF147258" i="1"/>
  <c r="AF147259" i="1"/>
  <c r="AF147260" i="1"/>
  <c r="AF147261" i="1"/>
  <c r="AF147262" i="1"/>
  <c r="AF147263" i="1"/>
  <c r="AF147264" i="1"/>
  <c r="AF147265" i="1"/>
  <c r="AF147266" i="1"/>
  <c r="AF147267" i="1"/>
  <c r="AF147268" i="1"/>
  <c r="AF147269" i="1"/>
  <c r="AF147270" i="1"/>
  <c r="AF147271" i="1"/>
  <c r="AF147272" i="1"/>
  <c r="AF147273" i="1"/>
  <c r="AF147274" i="1"/>
  <c r="AF147275" i="1"/>
  <c r="AF147276" i="1"/>
  <c r="AF147277" i="1"/>
  <c r="AF147278" i="1"/>
  <c r="AF147279" i="1"/>
  <c r="AF147280" i="1"/>
  <c r="AF147281" i="1"/>
  <c r="AF147282" i="1"/>
  <c r="AF147283" i="1"/>
  <c r="AF147284" i="1"/>
  <c r="AF147285" i="1"/>
  <c r="AF147286" i="1"/>
  <c r="AF147287" i="1"/>
  <c r="AF147288" i="1"/>
  <c r="AF147289" i="1"/>
  <c r="AF147290" i="1"/>
  <c r="AF147291" i="1"/>
  <c r="AF147292" i="1"/>
  <c r="AF147293" i="1"/>
  <c r="AF147294" i="1"/>
  <c r="AF147295" i="1"/>
  <c r="AF147296" i="1"/>
  <c r="AF147297" i="1"/>
  <c r="AF147298" i="1"/>
  <c r="AF147299" i="1"/>
  <c r="AF147300" i="1"/>
  <c r="AF147301" i="1"/>
  <c r="AF147302" i="1"/>
  <c r="AF147303" i="1"/>
  <c r="AF147304" i="1"/>
  <c r="AF147305" i="1"/>
  <c r="AF147306" i="1"/>
  <c r="AF147307" i="1"/>
  <c r="AF147308" i="1"/>
  <c r="AF147309" i="1"/>
  <c r="AF147310" i="1"/>
  <c r="AF147311" i="1"/>
  <c r="AF147312" i="1"/>
  <c r="AF147313" i="1"/>
  <c r="AF147314" i="1"/>
  <c r="AF147315" i="1"/>
  <c r="AF147316" i="1"/>
  <c r="AF147317" i="1"/>
  <c r="AF147318" i="1"/>
  <c r="AF147319" i="1"/>
  <c r="AF147320" i="1"/>
  <c r="AF147321" i="1"/>
  <c r="AF147322" i="1"/>
  <c r="AF147323" i="1"/>
  <c r="AF147324" i="1"/>
  <c r="AF147325" i="1"/>
  <c r="AF147326" i="1"/>
  <c r="AF147327" i="1"/>
  <c r="AF147328" i="1"/>
  <c r="AF147329" i="1"/>
  <c r="AF147330" i="1"/>
  <c r="AF147331" i="1"/>
  <c r="AF147332" i="1"/>
  <c r="AF147333" i="1"/>
  <c r="AF147334" i="1"/>
  <c r="AF147335" i="1"/>
  <c r="AF147336" i="1"/>
  <c r="AF147337" i="1"/>
  <c r="AF147338" i="1"/>
  <c r="AF147339" i="1"/>
  <c r="AF147340" i="1"/>
  <c r="AF147341" i="1"/>
  <c r="AF147342" i="1"/>
  <c r="AF147343" i="1"/>
  <c r="AF147344" i="1"/>
  <c r="AF147345" i="1"/>
  <c r="AF147346" i="1"/>
  <c r="AF147347" i="1"/>
  <c r="AF147348" i="1"/>
  <c r="AF147349" i="1"/>
  <c r="AF147350" i="1"/>
  <c r="AF147351" i="1"/>
  <c r="AF147352" i="1"/>
  <c r="AF147353" i="1"/>
  <c r="AF147354" i="1"/>
  <c r="AF147355" i="1"/>
  <c r="AF147356" i="1"/>
  <c r="AF147357" i="1"/>
  <c r="AF147358" i="1"/>
  <c r="AF147359" i="1"/>
  <c r="AF147360" i="1"/>
  <c r="AF147361" i="1"/>
  <c r="AF147362" i="1"/>
  <c r="AF147363" i="1"/>
  <c r="AF147364" i="1"/>
  <c r="AF147365" i="1"/>
  <c r="AF147366" i="1"/>
  <c r="AF147367" i="1"/>
  <c r="AF147368" i="1"/>
  <c r="AF147369" i="1"/>
  <c r="AF147370" i="1"/>
  <c r="AF147371" i="1"/>
  <c r="AF147372" i="1"/>
  <c r="AF147373" i="1"/>
  <c r="AF147374" i="1"/>
  <c r="AF147375" i="1"/>
  <c r="AF147376" i="1"/>
  <c r="AF147377" i="1"/>
  <c r="AF147378" i="1"/>
  <c r="AF147379" i="1"/>
  <c r="AF147380" i="1"/>
  <c r="AF147381" i="1"/>
  <c r="AF147382" i="1"/>
  <c r="AF147383" i="1"/>
  <c r="AF147384" i="1"/>
  <c r="AF147385" i="1"/>
  <c r="AF147386" i="1"/>
  <c r="AF147387" i="1"/>
  <c r="AF147388" i="1"/>
  <c r="AF147389" i="1"/>
  <c r="AF147390" i="1"/>
  <c r="AF147391" i="1"/>
  <c r="AF147392" i="1"/>
  <c r="AF147393" i="1"/>
  <c r="AF147394" i="1"/>
  <c r="AF147395" i="1"/>
  <c r="AF147396" i="1"/>
  <c r="AF147397" i="1"/>
  <c r="AF147398" i="1"/>
  <c r="AF147399" i="1"/>
  <c r="AF147400" i="1"/>
  <c r="AF147401" i="1"/>
  <c r="AF147402" i="1"/>
  <c r="AF147403" i="1"/>
  <c r="AF147404" i="1"/>
  <c r="AF147405" i="1"/>
  <c r="AF147406" i="1"/>
  <c r="AF147407" i="1"/>
  <c r="AF147408" i="1"/>
  <c r="AF147409" i="1"/>
  <c r="AF147410" i="1"/>
  <c r="AF147411" i="1"/>
  <c r="AF147412" i="1"/>
  <c r="AF147413" i="1"/>
  <c r="AF147414" i="1"/>
  <c r="AF147415" i="1"/>
  <c r="AF147416" i="1"/>
  <c r="AF147417" i="1"/>
  <c r="AF147418" i="1"/>
  <c r="AF147419" i="1"/>
  <c r="AF147420" i="1"/>
  <c r="AF147421" i="1"/>
  <c r="AF147422" i="1"/>
  <c r="AF147423" i="1"/>
  <c r="AF147424" i="1"/>
  <c r="AF147425" i="1"/>
  <c r="AF147426" i="1"/>
  <c r="AF147427" i="1"/>
  <c r="AF147428" i="1"/>
  <c r="AF147429" i="1"/>
  <c r="AF147430" i="1"/>
  <c r="AF147431" i="1"/>
  <c r="AF147432" i="1"/>
  <c r="AF147433" i="1"/>
  <c r="AF147434" i="1"/>
  <c r="AF147435" i="1"/>
  <c r="AF147436" i="1"/>
  <c r="AF147437" i="1"/>
  <c r="AF147438" i="1"/>
  <c r="AF147439" i="1"/>
  <c r="AF147440" i="1"/>
  <c r="AF147441" i="1"/>
  <c r="AF147442" i="1"/>
  <c r="AF147443" i="1"/>
  <c r="AF147444" i="1"/>
  <c r="AF147445" i="1"/>
  <c r="AF147446" i="1"/>
  <c r="AF147447" i="1"/>
  <c r="AF147448" i="1"/>
  <c r="AF147449" i="1"/>
  <c r="AF147450" i="1"/>
  <c r="AF147451" i="1"/>
  <c r="AF147452" i="1"/>
  <c r="AF147453" i="1"/>
  <c r="AF147454" i="1"/>
  <c r="AF147455" i="1"/>
  <c r="AF147456" i="1"/>
  <c r="AF147457" i="1"/>
  <c r="AF147458" i="1"/>
  <c r="AF147459" i="1"/>
  <c r="AF147460" i="1"/>
  <c r="AF147461" i="1"/>
  <c r="AF147462" i="1"/>
  <c r="AF147463" i="1"/>
  <c r="AF147464" i="1"/>
  <c r="AF147465" i="1"/>
  <c r="AF147466" i="1"/>
  <c r="AF147467" i="1"/>
  <c r="AF147468" i="1"/>
  <c r="AF147469" i="1"/>
  <c r="AF147470" i="1"/>
  <c r="AF147471" i="1"/>
  <c r="AF147472" i="1"/>
  <c r="AF147473" i="1"/>
  <c r="AF147474" i="1"/>
  <c r="AF147475" i="1"/>
  <c r="AF147476" i="1"/>
  <c r="AF147477" i="1"/>
  <c r="AF147478" i="1"/>
  <c r="AF147479" i="1"/>
  <c r="AF147480" i="1"/>
  <c r="AF147481" i="1"/>
  <c r="AF147482" i="1"/>
  <c r="AF147483" i="1"/>
  <c r="AF147484" i="1"/>
  <c r="AF147485" i="1"/>
  <c r="AF147486" i="1"/>
  <c r="AF147487" i="1"/>
  <c r="AF147488" i="1"/>
  <c r="AF147489" i="1"/>
  <c r="AF147490" i="1"/>
  <c r="AF147491" i="1"/>
  <c r="AF147492" i="1"/>
  <c r="AF147493" i="1"/>
  <c r="AF147494" i="1"/>
  <c r="AF147495" i="1"/>
  <c r="AF147496" i="1"/>
  <c r="AF147497" i="1"/>
  <c r="AF147498" i="1"/>
  <c r="AF147499" i="1"/>
  <c r="AF147500" i="1"/>
  <c r="AF147501" i="1"/>
  <c r="AF147502" i="1"/>
  <c r="AF147503" i="1"/>
  <c r="AF147504" i="1"/>
  <c r="AF147505" i="1"/>
  <c r="AF147506" i="1"/>
  <c r="AF147507" i="1"/>
  <c r="AF147508" i="1"/>
  <c r="AF147509" i="1"/>
  <c r="AF147510" i="1"/>
  <c r="AF147511" i="1"/>
  <c r="AF147512" i="1"/>
  <c r="AF147513" i="1"/>
  <c r="AF147514" i="1"/>
  <c r="AF147515" i="1"/>
  <c r="AF147516" i="1"/>
  <c r="AF147517" i="1"/>
  <c r="AF147518" i="1"/>
  <c r="AF147519" i="1"/>
  <c r="AF147520" i="1"/>
  <c r="AF147521" i="1"/>
  <c r="AF147522" i="1"/>
  <c r="AF147523" i="1"/>
  <c r="AF147524" i="1"/>
  <c r="AF147525" i="1"/>
  <c r="AF147526" i="1"/>
  <c r="AF147527" i="1"/>
  <c r="AF147528" i="1"/>
  <c r="AF147529" i="1"/>
  <c r="AF147530" i="1"/>
  <c r="AF147531" i="1"/>
  <c r="AF147532" i="1"/>
  <c r="AF147533" i="1"/>
  <c r="AF147534" i="1"/>
  <c r="AF147535" i="1"/>
  <c r="AF147536" i="1"/>
  <c r="AF147537" i="1"/>
  <c r="AF147538" i="1"/>
  <c r="AF147539" i="1"/>
  <c r="AF147540" i="1"/>
  <c r="AF147541" i="1"/>
  <c r="AF147542" i="1"/>
  <c r="AF147543" i="1"/>
  <c r="AF147544" i="1"/>
  <c r="AF147545" i="1"/>
  <c r="AF147546" i="1"/>
  <c r="AF147547" i="1"/>
  <c r="AF147548" i="1"/>
  <c r="AF147549" i="1"/>
  <c r="AF147550" i="1"/>
  <c r="AF147551" i="1"/>
  <c r="AF147552" i="1"/>
  <c r="AF147553" i="1"/>
  <c r="AF147554" i="1"/>
  <c r="AF147555" i="1"/>
  <c r="AF147556" i="1"/>
  <c r="AF147557" i="1"/>
  <c r="AF147558" i="1"/>
  <c r="AF147559" i="1"/>
  <c r="AF147560" i="1"/>
  <c r="AF147561" i="1"/>
  <c r="AF147562" i="1"/>
  <c r="AF147563" i="1"/>
  <c r="AF147564" i="1"/>
  <c r="AF147565" i="1"/>
  <c r="AF147566" i="1"/>
  <c r="AF147567" i="1"/>
  <c r="AF147568" i="1"/>
  <c r="AF147569" i="1"/>
  <c r="AF147570" i="1"/>
  <c r="AF147571" i="1"/>
  <c r="AF147572" i="1"/>
  <c r="AF147573" i="1"/>
  <c r="AF147574" i="1"/>
  <c r="AF147575" i="1"/>
  <c r="AF147576" i="1"/>
  <c r="AF147577" i="1"/>
  <c r="AF147578" i="1"/>
  <c r="AF147579" i="1"/>
  <c r="AF147580" i="1"/>
  <c r="AF147581" i="1"/>
  <c r="AF147582" i="1"/>
  <c r="AF147583" i="1"/>
  <c r="AF147584" i="1"/>
  <c r="AF147585" i="1"/>
  <c r="AF147586" i="1"/>
  <c r="AF147587" i="1"/>
  <c r="AF147588" i="1"/>
  <c r="AF147589" i="1"/>
  <c r="AF147590" i="1"/>
  <c r="AF147591" i="1"/>
  <c r="AF147592" i="1"/>
  <c r="AF147593" i="1"/>
  <c r="AF147594" i="1"/>
  <c r="AF147595" i="1"/>
  <c r="AF147596" i="1"/>
  <c r="AF147597" i="1"/>
  <c r="AF147598" i="1"/>
  <c r="AF147599" i="1"/>
  <c r="AF147600" i="1"/>
  <c r="AF147601" i="1"/>
  <c r="AF147602" i="1"/>
  <c r="AF147603" i="1"/>
  <c r="AF147604" i="1"/>
  <c r="AF147605" i="1"/>
  <c r="AF147606" i="1"/>
  <c r="AF147607" i="1"/>
  <c r="AF147608" i="1"/>
  <c r="AF147609" i="1"/>
  <c r="AF147610" i="1"/>
  <c r="AF147611" i="1"/>
  <c r="AF147612" i="1"/>
  <c r="AF147613" i="1"/>
  <c r="AF147614" i="1"/>
  <c r="AF147615" i="1"/>
  <c r="AF147616" i="1"/>
  <c r="AF147617" i="1"/>
  <c r="AF147618" i="1"/>
  <c r="AF147619" i="1"/>
  <c r="AF147620" i="1"/>
  <c r="AF147621" i="1"/>
  <c r="AF147622" i="1"/>
  <c r="AF147623" i="1"/>
  <c r="AF147624" i="1"/>
  <c r="AF147625" i="1"/>
  <c r="AF147626" i="1"/>
  <c r="AF147627" i="1"/>
  <c r="AF147628" i="1"/>
  <c r="AF147629" i="1"/>
  <c r="AF147630" i="1"/>
  <c r="AF147631" i="1"/>
  <c r="AF147632" i="1"/>
  <c r="AF147633" i="1"/>
  <c r="AF147634" i="1"/>
  <c r="AF147635" i="1"/>
  <c r="AF147636" i="1"/>
  <c r="AF147637" i="1"/>
  <c r="AF147638" i="1"/>
  <c r="AF147639" i="1"/>
  <c r="AF147640" i="1"/>
  <c r="AF147641" i="1"/>
  <c r="AF147642" i="1"/>
  <c r="AF147643" i="1"/>
  <c r="AF147644" i="1"/>
  <c r="AF147645" i="1"/>
  <c r="AF147646" i="1"/>
  <c r="AF147647" i="1"/>
  <c r="AF147648" i="1"/>
  <c r="AF147649" i="1"/>
  <c r="AF147650" i="1"/>
  <c r="AF147651" i="1"/>
  <c r="AF147652" i="1"/>
  <c r="AF147653" i="1"/>
  <c r="AF147654" i="1"/>
  <c r="AF147655" i="1"/>
  <c r="AF147656" i="1"/>
  <c r="AF147657" i="1"/>
  <c r="AF147658" i="1"/>
  <c r="AF147659" i="1"/>
  <c r="AF147660" i="1"/>
  <c r="AF147661" i="1"/>
  <c r="AF147662" i="1"/>
  <c r="AF147663" i="1"/>
  <c r="AF147664" i="1"/>
  <c r="AF147665" i="1"/>
  <c r="AF147666" i="1"/>
  <c r="AF147667" i="1"/>
  <c r="AF147668" i="1"/>
  <c r="AF147669" i="1"/>
  <c r="AF147670" i="1"/>
  <c r="AF147671" i="1"/>
  <c r="AF147672" i="1"/>
  <c r="AF147673" i="1"/>
  <c r="AF147674" i="1"/>
  <c r="AF147675" i="1"/>
  <c r="AF147676" i="1"/>
  <c r="AF147677" i="1"/>
  <c r="AF147678" i="1"/>
  <c r="AF147679" i="1"/>
  <c r="AF147680" i="1"/>
  <c r="AF147681" i="1"/>
  <c r="AF147682" i="1"/>
  <c r="AF147683" i="1"/>
  <c r="AF147684" i="1"/>
  <c r="AF147685" i="1"/>
  <c r="AF147686" i="1"/>
  <c r="AF147687" i="1"/>
  <c r="AF147688" i="1"/>
  <c r="AF147689" i="1"/>
  <c r="AF147690" i="1"/>
  <c r="AF147691" i="1"/>
  <c r="AF147692" i="1"/>
  <c r="AF147693" i="1"/>
  <c r="AF147694" i="1"/>
  <c r="AF147695" i="1"/>
  <c r="AF147696" i="1"/>
  <c r="AF147697" i="1"/>
  <c r="AF147698" i="1"/>
  <c r="AF147699" i="1"/>
  <c r="AF147700" i="1"/>
  <c r="AF147701" i="1"/>
  <c r="AF147702" i="1"/>
  <c r="AF147703" i="1"/>
  <c r="AF147704" i="1"/>
  <c r="AF147705" i="1"/>
  <c r="AF147706" i="1"/>
  <c r="AF147707" i="1"/>
  <c r="AF147708" i="1"/>
  <c r="AF147709" i="1"/>
  <c r="AF147710" i="1"/>
  <c r="AF147711" i="1"/>
  <c r="AF147712" i="1"/>
  <c r="AF147713" i="1"/>
  <c r="AF147714" i="1"/>
  <c r="AF147715" i="1"/>
  <c r="AF147716" i="1"/>
  <c r="AF147717" i="1"/>
  <c r="AF147718" i="1"/>
  <c r="AF147719" i="1"/>
  <c r="AF147720" i="1"/>
  <c r="AF147721" i="1"/>
  <c r="AF147722" i="1"/>
  <c r="AF147723" i="1"/>
  <c r="AF147724" i="1"/>
  <c r="AF147725" i="1"/>
  <c r="AF147726" i="1"/>
  <c r="AF147727" i="1"/>
  <c r="AF147728" i="1"/>
  <c r="AF147729" i="1"/>
  <c r="AF147730" i="1"/>
  <c r="AF147731" i="1"/>
  <c r="AF147732" i="1"/>
  <c r="AF147733" i="1"/>
  <c r="AF147734" i="1"/>
  <c r="AF147735" i="1"/>
  <c r="AF147736" i="1"/>
  <c r="AF147737" i="1"/>
  <c r="AF147738" i="1"/>
  <c r="AF147739" i="1"/>
  <c r="AF147740" i="1"/>
  <c r="AF147741" i="1"/>
  <c r="AF147742" i="1"/>
  <c r="AF147743" i="1"/>
  <c r="AF147744" i="1"/>
  <c r="AF147745" i="1"/>
  <c r="AF147746" i="1"/>
  <c r="AF147747" i="1"/>
  <c r="AF147748" i="1"/>
  <c r="AF147749" i="1"/>
  <c r="AF147750" i="1"/>
  <c r="AF147751" i="1"/>
  <c r="AF147752" i="1"/>
  <c r="AF147753" i="1"/>
  <c r="AF147754" i="1"/>
  <c r="AF147755" i="1"/>
  <c r="AF147756" i="1"/>
  <c r="AF147757" i="1"/>
  <c r="AF147758" i="1"/>
  <c r="AF147759" i="1"/>
  <c r="AF147760" i="1"/>
  <c r="AF147761" i="1"/>
  <c r="AF147762" i="1"/>
  <c r="AF147763" i="1"/>
  <c r="AF147764" i="1"/>
  <c r="AF147765" i="1"/>
  <c r="AF147766" i="1"/>
  <c r="AF147767" i="1"/>
  <c r="AF147768" i="1"/>
  <c r="AF147769" i="1"/>
  <c r="AF147770" i="1"/>
  <c r="AF147771" i="1"/>
  <c r="AF147772" i="1"/>
  <c r="AF147773" i="1"/>
  <c r="AF147774" i="1"/>
  <c r="AF147775" i="1"/>
  <c r="AF147776" i="1"/>
  <c r="AF147777" i="1"/>
  <c r="AF147778" i="1"/>
  <c r="AF147779" i="1"/>
  <c r="AF147780" i="1"/>
  <c r="AF147781" i="1"/>
  <c r="AF147782" i="1"/>
  <c r="AF147783" i="1"/>
  <c r="AF147784" i="1"/>
  <c r="AF147785" i="1"/>
  <c r="AF147786" i="1"/>
  <c r="AF147787" i="1"/>
  <c r="AF147788" i="1"/>
  <c r="AF147789" i="1"/>
  <c r="AF147790" i="1"/>
  <c r="AF147791" i="1"/>
  <c r="AF147792" i="1"/>
  <c r="AF147793" i="1"/>
  <c r="AF147794" i="1"/>
  <c r="AF147795" i="1"/>
  <c r="AF147796" i="1"/>
  <c r="AF147797" i="1"/>
  <c r="AF147798" i="1"/>
  <c r="AF147799" i="1"/>
  <c r="AF147800" i="1"/>
  <c r="AF147801" i="1"/>
  <c r="AF147802" i="1"/>
  <c r="AF147803" i="1"/>
  <c r="AF147804" i="1"/>
  <c r="AF147805" i="1"/>
  <c r="AF147806" i="1"/>
  <c r="AF147807" i="1"/>
  <c r="AF147808" i="1"/>
  <c r="AF147809" i="1"/>
  <c r="AF147810" i="1"/>
  <c r="AF147811" i="1"/>
  <c r="AF147812" i="1"/>
  <c r="AF147813" i="1"/>
  <c r="AF147814" i="1"/>
  <c r="AF147815" i="1"/>
  <c r="AF147816" i="1"/>
  <c r="AF147817" i="1"/>
  <c r="AF147818" i="1"/>
  <c r="AF147819" i="1"/>
  <c r="AF147820" i="1"/>
  <c r="AF147821" i="1"/>
  <c r="AF147822" i="1"/>
  <c r="AF147823" i="1"/>
  <c r="AF147824" i="1"/>
  <c r="AF147825" i="1"/>
  <c r="AF147826" i="1"/>
  <c r="AF147827" i="1"/>
  <c r="AF147828" i="1"/>
  <c r="AF147829" i="1"/>
  <c r="AF147830" i="1"/>
  <c r="AF147831" i="1"/>
  <c r="AF147832" i="1"/>
  <c r="AF147833" i="1"/>
  <c r="AF147834" i="1"/>
  <c r="AF147835" i="1"/>
  <c r="AF147836" i="1"/>
  <c r="AF147837" i="1"/>
  <c r="AF147838" i="1"/>
  <c r="AF147839" i="1"/>
  <c r="AF147840" i="1"/>
  <c r="AF147841" i="1"/>
  <c r="AF147842" i="1"/>
  <c r="AF147843" i="1"/>
  <c r="AF147844" i="1"/>
  <c r="AF147845" i="1"/>
  <c r="AF147846" i="1"/>
  <c r="AF147847" i="1"/>
  <c r="AF147848" i="1"/>
  <c r="AF147849" i="1"/>
  <c r="AF147850" i="1"/>
  <c r="AF147851" i="1"/>
  <c r="AF147852" i="1"/>
  <c r="AF147853" i="1"/>
  <c r="AF147854" i="1"/>
  <c r="AF147855" i="1"/>
  <c r="AF147856" i="1"/>
  <c r="AF147857" i="1"/>
  <c r="AF147858" i="1"/>
  <c r="AF147859" i="1"/>
  <c r="AF147860" i="1"/>
  <c r="AF147861" i="1"/>
  <c r="AF147862" i="1"/>
  <c r="AF147863" i="1"/>
  <c r="AF147864" i="1"/>
  <c r="AF147865" i="1"/>
  <c r="AF147866" i="1"/>
  <c r="AF147867" i="1"/>
  <c r="AF147868" i="1"/>
  <c r="AF147869" i="1"/>
  <c r="AF147870" i="1"/>
  <c r="AF147871" i="1"/>
  <c r="AF147872" i="1"/>
  <c r="AF147873" i="1"/>
  <c r="AF147874" i="1"/>
  <c r="AF147875" i="1"/>
  <c r="AF147876" i="1"/>
  <c r="AF147877" i="1"/>
  <c r="AF147878" i="1"/>
  <c r="AF147879" i="1"/>
  <c r="AF147880" i="1"/>
  <c r="AF147881" i="1"/>
  <c r="AF147882" i="1"/>
  <c r="AF147883" i="1"/>
  <c r="AF147884" i="1"/>
  <c r="AF147885" i="1"/>
  <c r="AF147886" i="1"/>
  <c r="AF147887" i="1"/>
  <c r="AF147888" i="1"/>
  <c r="AF147889" i="1"/>
  <c r="AF147890" i="1"/>
  <c r="AF147891" i="1"/>
  <c r="AF147892" i="1"/>
  <c r="AF147893" i="1"/>
  <c r="AF147894" i="1"/>
  <c r="AF147895" i="1"/>
  <c r="AF147896" i="1"/>
  <c r="AF147897" i="1"/>
  <c r="AF147898" i="1"/>
  <c r="AF147899" i="1"/>
  <c r="AF147900" i="1"/>
  <c r="AF147901" i="1"/>
  <c r="AF147902" i="1"/>
  <c r="AF147903" i="1"/>
  <c r="AF147904" i="1"/>
  <c r="AF147905" i="1"/>
  <c r="AF147906" i="1"/>
  <c r="AF147907" i="1"/>
  <c r="AF147908" i="1"/>
  <c r="AF147909" i="1"/>
  <c r="AF147910" i="1"/>
  <c r="AF147911" i="1"/>
  <c r="AF147912" i="1"/>
  <c r="AF147913" i="1"/>
  <c r="AF147914" i="1"/>
  <c r="AF147915" i="1"/>
  <c r="AF147916" i="1"/>
  <c r="AF147917" i="1"/>
  <c r="AF147918" i="1"/>
  <c r="AF147919" i="1"/>
  <c r="AF147920" i="1"/>
  <c r="AF147921" i="1"/>
  <c r="AF147922" i="1"/>
  <c r="AF147923" i="1"/>
  <c r="AF147924" i="1"/>
  <c r="AF147925" i="1"/>
  <c r="AF147926" i="1"/>
  <c r="AF147927" i="1"/>
  <c r="AF147928" i="1"/>
  <c r="AF147929" i="1"/>
  <c r="AF147930" i="1"/>
  <c r="AF147931" i="1"/>
  <c r="AF147932" i="1"/>
  <c r="AF147933" i="1"/>
  <c r="AF147934" i="1"/>
  <c r="AF147935" i="1"/>
  <c r="AF147936" i="1"/>
  <c r="AF147937" i="1"/>
  <c r="AF147938" i="1"/>
  <c r="AF147939" i="1"/>
  <c r="AF147940" i="1"/>
  <c r="AF147941" i="1"/>
  <c r="AF147942" i="1"/>
  <c r="AF147943" i="1"/>
  <c r="AF147944" i="1"/>
  <c r="AF147945" i="1"/>
  <c r="AF147946" i="1"/>
  <c r="AF147947" i="1"/>
  <c r="AF147948" i="1"/>
  <c r="AF147949" i="1"/>
  <c r="AF147950" i="1"/>
  <c r="AF147951" i="1"/>
  <c r="AF147952" i="1"/>
  <c r="AF147953" i="1"/>
  <c r="AF147954" i="1"/>
  <c r="AF147955" i="1"/>
  <c r="AF147956" i="1"/>
  <c r="AF147957" i="1"/>
  <c r="AF147958" i="1"/>
  <c r="AF147959" i="1"/>
  <c r="AF147960" i="1"/>
  <c r="AF147961" i="1"/>
  <c r="AF147962" i="1"/>
  <c r="AF147963" i="1"/>
  <c r="AF147964" i="1"/>
  <c r="AF147965" i="1"/>
  <c r="AF147966" i="1"/>
  <c r="AF147967" i="1"/>
  <c r="AF147968" i="1"/>
  <c r="AF147969" i="1"/>
  <c r="AF147970" i="1"/>
  <c r="AF147971" i="1"/>
  <c r="AF147972" i="1"/>
  <c r="AF147973" i="1"/>
  <c r="AF147974" i="1"/>
  <c r="AF147975" i="1"/>
  <c r="AF147976" i="1"/>
  <c r="AF147977" i="1"/>
  <c r="AF147978" i="1"/>
  <c r="AF147979" i="1"/>
  <c r="AF147980" i="1"/>
  <c r="AF147981" i="1"/>
  <c r="AF147982" i="1"/>
  <c r="AF147983" i="1"/>
  <c r="AF147984" i="1"/>
  <c r="AF147985" i="1"/>
  <c r="AF147986" i="1"/>
  <c r="AF147987" i="1"/>
  <c r="AF147988" i="1"/>
  <c r="AF147989" i="1"/>
  <c r="AF147990" i="1"/>
  <c r="AF147991" i="1"/>
  <c r="AF147992" i="1"/>
  <c r="AF147993" i="1"/>
  <c r="AF147994" i="1"/>
  <c r="AF147995" i="1"/>
  <c r="AF147996" i="1"/>
  <c r="AF147997" i="1"/>
  <c r="AF147998" i="1"/>
  <c r="AF147999" i="1"/>
  <c r="AF148000" i="1"/>
  <c r="AF148001" i="1"/>
  <c r="AF148002" i="1"/>
  <c r="AF148003" i="1"/>
  <c r="AF148004" i="1"/>
  <c r="AF148005" i="1"/>
  <c r="AF148006" i="1"/>
  <c r="AF148007" i="1"/>
  <c r="AF148008" i="1"/>
  <c r="AF148009" i="1"/>
  <c r="AF148010" i="1"/>
  <c r="AF148011" i="1"/>
  <c r="AF148012" i="1"/>
  <c r="AF148013" i="1"/>
  <c r="AF148014" i="1"/>
  <c r="AF148015" i="1"/>
  <c r="AF148016" i="1"/>
  <c r="AF148017" i="1"/>
  <c r="AF148018" i="1"/>
  <c r="AF148019" i="1"/>
  <c r="AF148020" i="1"/>
  <c r="AF148021" i="1"/>
  <c r="AF148022" i="1"/>
  <c r="AF148023" i="1"/>
  <c r="AF148024" i="1"/>
  <c r="AF148025" i="1"/>
  <c r="AF148026" i="1"/>
  <c r="AF148027" i="1"/>
  <c r="AF148028" i="1"/>
  <c r="AF148029" i="1"/>
  <c r="AF148030" i="1"/>
  <c r="AF148031" i="1"/>
  <c r="AF148032" i="1"/>
  <c r="AF148033" i="1"/>
  <c r="AF148034" i="1"/>
  <c r="AF148035" i="1"/>
  <c r="AF148036" i="1"/>
  <c r="AF148037" i="1"/>
  <c r="AF148038" i="1"/>
  <c r="AF148039" i="1"/>
  <c r="AF148040" i="1"/>
  <c r="AF148041" i="1"/>
  <c r="AF148042" i="1"/>
  <c r="AF148043" i="1"/>
  <c r="AF148044" i="1"/>
  <c r="AF148045" i="1"/>
  <c r="AF148046" i="1"/>
  <c r="AF148047" i="1"/>
  <c r="AF148048" i="1"/>
  <c r="AF148049" i="1"/>
  <c r="AF148050" i="1"/>
  <c r="AF148051" i="1"/>
  <c r="AF148052" i="1"/>
  <c r="AF148053" i="1"/>
  <c r="AF148054" i="1"/>
  <c r="AF148055" i="1"/>
  <c r="AF148056" i="1"/>
  <c r="AF148057" i="1"/>
  <c r="AF148058" i="1"/>
  <c r="AF148059" i="1"/>
  <c r="AF148060" i="1"/>
  <c r="AF148061" i="1"/>
  <c r="AF148062" i="1"/>
  <c r="AF148063" i="1"/>
  <c r="AF148064" i="1"/>
  <c r="AF148065" i="1"/>
  <c r="AF148066" i="1"/>
  <c r="AF148067" i="1"/>
  <c r="AF148068" i="1"/>
  <c r="AF148069" i="1"/>
  <c r="AF148070" i="1"/>
  <c r="AF148071" i="1"/>
  <c r="AF148072" i="1"/>
  <c r="AF148073" i="1"/>
  <c r="AF148074" i="1"/>
  <c r="AF148075" i="1"/>
  <c r="AF148076" i="1"/>
  <c r="AF148077" i="1"/>
  <c r="AF148078" i="1"/>
  <c r="AF148079" i="1"/>
  <c r="AF148080" i="1"/>
  <c r="AF148081" i="1"/>
  <c r="AF148082" i="1"/>
  <c r="AF148083" i="1"/>
  <c r="AF148084" i="1"/>
  <c r="AF148085" i="1"/>
  <c r="AF148086" i="1"/>
  <c r="AF148087" i="1"/>
  <c r="AF148088" i="1"/>
  <c r="AF148089" i="1"/>
  <c r="AF148090" i="1"/>
  <c r="AF148091" i="1"/>
  <c r="AF148092" i="1"/>
  <c r="AF148093" i="1"/>
  <c r="AF148094" i="1"/>
  <c r="AF148095" i="1"/>
  <c r="AF148096" i="1"/>
  <c r="AF148097" i="1"/>
  <c r="AF148098" i="1"/>
  <c r="AF148099" i="1"/>
  <c r="AF148100" i="1"/>
  <c r="AF148101" i="1"/>
  <c r="AF148102" i="1"/>
  <c r="AF148103" i="1"/>
  <c r="AF148104" i="1"/>
  <c r="AF148105" i="1"/>
  <c r="AF148106" i="1"/>
  <c r="AF148107" i="1"/>
  <c r="AF148108" i="1"/>
  <c r="AF148109" i="1"/>
  <c r="AF148110" i="1"/>
  <c r="AF148111" i="1"/>
  <c r="AF148112" i="1"/>
  <c r="AF148113" i="1"/>
  <c r="AF148114" i="1"/>
  <c r="AF148115" i="1"/>
  <c r="AF148116" i="1"/>
  <c r="AF148117" i="1"/>
  <c r="AF148118" i="1"/>
  <c r="AF148119" i="1"/>
  <c r="AF148120" i="1"/>
  <c r="AF148121" i="1"/>
  <c r="AF148122" i="1"/>
  <c r="AF148123" i="1"/>
  <c r="AF148124" i="1"/>
  <c r="AF148125" i="1"/>
  <c r="AF148126" i="1"/>
  <c r="AF148127" i="1"/>
  <c r="AF148128" i="1"/>
  <c r="AF148129" i="1"/>
  <c r="AF148130" i="1"/>
  <c r="AF148131" i="1"/>
  <c r="AF148132" i="1"/>
  <c r="AF148133" i="1"/>
  <c r="AF148134" i="1"/>
  <c r="AF148135" i="1"/>
  <c r="AF148136" i="1"/>
  <c r="AF148137" i="1"/>
  <c r="AF148138" i="1"/>
  <c r="AF148139" i="1"/>
  <c r="AF148140" i="1"/>
  <c r="AF148141" i="1"/>
  <c r="AF148142" i="1"/>
  <c r="AF148143" i="1"/>
  <c r="AF148144" i="1"/>
  <c r="AF148145" i="1"/>
  <c r="AF148146" i="1"/>
  <c r="AF148147" i="1"/>
  <c r="AF148148" i="1"/>
  <c r="AF148149" i="1"/>
  <c r="AF148150" i="1"/>
  <c r="AF148151" i="1"/>
  <c r="AF148152" i="1"/>
  <c r="AF148153" i="1"/>
  <c r="AF148154" i="1"/>
  <c r="AF148155" i="1"/>
  <c r="AF148156" i="1"/>
  <c r="AF148157" i="1"/>
  <c r="AF148158" i="1"/>
  <c r="AF148159" i="1"/>
  <c r="AF148160" i="1"/>
  <c r="AF148161" i="1"/>
  <c r="AF148162" i="1"/>
  <c r="AF148163" i="1"/>
  <c r="AF148164" i="1"/>
  <c r="AF148165" i="1"/>
  <c r="AF148166" i="1"/>
  <c r="AF148167" i="1"/>
  <c r="AF148168" i="1"/>
  <c r="AF148169" i="1"/>
  <c r="AF148170" i="1"/>
  <c r="AF148171" i="1"/>
  <c r="AF148172" i="1"/>
  <c r="AF148173" i="1"/>
  <c r="AF148174" i="1"/>
  <c r="AF148175" i="1"/>
  <c r="AF148176" i="1"/>
  <c r="AF148177" i="1"/>
  <c r="AF148178" i="1"/>
  <c r="AF148179" i="1"/>
  <c r="AF148180" i="1"/>
  <c r="AF148181" i="1"/>
  <c r="AF148182" i="1"/>
  <c r="AF148183" i="1"/>
  <c r="AF148184" i="1"/>
  <c r="AF148185" i="1"/>
  <c r="AF148186" i="1"/>
  <c r="AF148187" i="1"/>
  <c r="AF148188" i="1"/>
  <c r="AF148189" i="1"/>
  <c r="AF148190" i="1"/>
  <c r="AF148191" i="1"/>
  <c r="AF148192" i="1"/>
  <c r="AF148193" i="1"/>
  <c r="AF148194" i="1"/>
  <c r="AF148195" i="1"/>
  <c r="AF148196" i="1"/>
  <c r="AF148197" i="1"/>
  <c r="AF148198" i="1"/>
  <c r="AF148199" i="1"/>
  <c r="AF148200" i="1"/>
  <c r="AF148201" i="1"/>
  <c r="AF148202" i="1"/>
  <c r="AF148203" i="1"/>
  <c r="AF148204" i="1"/>
  <c r="AF148205" i="1"/>
  <c r="AF148206" i="1"/>
  <c r="AF148207" i="1"/>
  <c r="AF148208" i="1"/>
  <c r="AF148209" i="1"/>
  <c r="AF148210" i="1"/>
  <c r="AF148211" i="1"/>
  <c r="AF148212" i="1"/>
  <c r="AF148213" i="1"/>
  <c r="AF148214" i="1"/>
  <c r="AF148215" i="1"/>
  <c r="AF148216" i="1"/>
  <c r="AF148217" i="1"/>
  <c r="AF148218" i="1"/>
  <c r="AF148219" i="1"/>
  <c r="AF148220" i="1"/>
  <c r="AF148221" i="1"/>
  <c r="AF148222" i="1"/>
  <c r="AF148223" i="1"/>
  <c r="AF148224" i="1"/>
  <c r="AF148225" i="1"/>
  <c r="AF148226" i="1"/>
  <c r="AF148227" i="1"/>
  <c r="AF148228" i="1"/>
  <c r="AF148229" i="1"/>
  <c r="AF148230" i="1"/>
  <c r="AF148231" i="1"/>
  <c r="AF148232" i="1"/>
  <c r="AF148233" i="1"/>
  <c r="AF148234" i="1"/>
  <c r="AF148235" i="1"/>
  <c r="AF148236" i="1"/>
  <c r="AF148237" i="1"/>
  <c r="AF148238" i="1"/>
  <c r="AF148239" i="1"/>
  <c r="AF148240" i="1"/>
  <c r="AF148241" i="1"/>
  <c r="AF148242" i="1"/>
  <c r="AF148243" i="1"/>
  <c r="AF148244" i="1"/>
  <c r="AF148245" i="1"/>
  <c r="AF148246" i="1"/>
  <c r="AF148247" i="1"/>
  <c r="AF148248" i="1"/>
  <c r="AF148249" i="1"/>
  <c r="AF148250" i="1"/>
  <c r="AF148251" i="1"/>
  <c r="AF148252" i="1"/>
  <c r="AF148253" i="1"/>
  <c r="AF148254" i="1"/>
  <c r="AF148255" i="1"/>
  <c r="AF148256" i="1"/>
  <c r="AF148257" i="1"/>
  <c r="AF148258" i="1"/>
  <c r="AF148259" i="1"/>
  <c r="AF148260" i="1"/>
  <c r="AF148261" i="1"/>
  <c r="AF148262" i="1"/>
  <c r="AF148263" i="1"/>
  <c r="AF148264" i="1"/>
  <c r="AF148265" i="1"/>
  <c r="AF148266" i="1"/>
  <c r="AF148267" i="1"/>
  <c r="AF148268" i="1"/>
  <c r="AF148269" i="1"/>
  <c r="AF148270" i="1"/>
  <c r="AF148271" i="1"/>
  <c r="AF148272" i="1"/>
  <c r="AF148273" i="1"/>
  <c r="AF148274" i="1"/>
  <c r="AF148275" i="1"/>
  <c r="AF148276" i="1"/>
  <c r="AF148277" i="1"/>
  <c r="AF148278" i="1"/>
  <c r="AF148279" i="1"/>
  <c r="AF148280" i="1"/>
  <c r="AF148281" i="1"/>
  <c r="AF148282" i="1"/>
  <c r="AF148283" i="1"/>
  <c r="AF148284" i="1"/>
  <c r="AF148285" i="1"/>
  <c r="AF148286" i="1"/>
  <c r="AF148287" i="1"/>
  <c r="AF148288" i="1"/>
  <c r="AF148289" i="1"/>
  <c r="AF148290" i="1"/>
  <c r="AF148291" i="1"/>
  <c r="AF148292" i="1"/>
  <c r="AF148293" i="1"/>
  <c r="AF148294" i="1"/>
  <c r="AF148295" i="1"/>
  <c r="AF148296" i="1"/>
  <c r="AF148297" i="1"/>
  <c r="AF148298" i="1"/>
  <c r="AF148299" i="1"/>
  <c r="AF148300" i="1"/>
  <c r="AF148301" i="1"/>
  <c r="AF148302" i="1"/>
  <c r="AF148303" i="1"/>
  <c r="AF148304" i="1"/>
  <c r="AF148305" i="1"/>
  <c r="AF148306" i="1"/>
  <c r="AF148307" i="1"/>
  <c r="AF148308" i="1"/>
  <c r="AF148309" i="1"/>
  <c r="AF148310" i="1"/>
  <c r="AF148311" i="1"/>
  <c r="AF148312" i="1"/>
  <c r="AF148313" i="1"/>
  <c r="AF148314" i="1"/>
  <c r="AF148315" i="1"/>
  <c r="AF148316" i="1"/>
  <c r="AF148317" i="1"/>
  <c r="AF148318" i="1"/>
  <c r="AF148319" i="1"/>
  <c r="AF148320" i="1"/>
  <c r="AF148321" i="1"/>
  <c r="AF148322" i="1"/>
  <c r="AF148323" i="1"/>
  <c r="AF148324" i="1"/>
  <c r="AF148325" i="1"/>
  <c r="AF148326" i="1"/>
  <c r="AF148327" i="1"/>
  <c r="AF148328" i="1"/>
  <c r="AF148329" i="1"/>
  <c r="AF148330" i="1"/>
  <c r="AF148331" i="1"/>
  <c r="AF148332" i="1"/>
  <c r="AF148333" i="1"/>
  <c r="AF148334" i="1"/>
  <c r="AF148335" i="1"/>
  <c r="AF148336" i="1"/>
  <c r="AF148337" i="1"/>
  <c r="AF148338" i="1"/>
  <c r="AF148339" i="1"/>
  <c r="AF148340" i="1"/>
  <c r="AF148341" i="1"/>
  <c r="AF148342" i="1"/>
  <c r="AF148343" i="1"/>
  <c r="AF148344" i="1"/>
  <c r="AF148345" i="1"/>
  <c r="AF148346" i="1"/>
  <c r="AF148347" i="1"/>
  <c r="AF148348" i="1"/>
  <c r="AF148349" i="1"/>
  <c r="AF148350" i="1"/>
  <c r="AF148351" i="1"/>
  <c r="AF148352" i="1"/>
  <c r="AF148353" i="1"/>
  <c r="AF148354" i="1"/>
  <c r="AF148355" i="1"/>
  <c r="AF148356" i="1"/>
  <c r="AF148357" i="1"/>
  <c r="AF148358" i="1"/>
  <c r="AF148359" i="1"/>
  <c r="AF148360" i="1"/>
  <c r="AF148361" i="1"/>
  <c r="AF148362" i="1"/>
  <c r="AF148363" i="1"/>
  <c r="AF148364" i="1"/>
  <c r="AF148365" i="1"/>
  <c r="AF148366" i="1"/>
  <c r="AF148367" i="1"/>
  <c r="AF148368" i="1"/>
  <c r="AF148369" i="1"/>
  <c r="AF148370" i="1"/>
  <c r="AF148371" i="1"/>
  <c r="AF148372" i="1"/>
  <c r="AF148373" i="1"/>
  <c r="AF148374" i="1"/>
  <c r="AF148375" i="1"/>
  <c r="AF148376" i="1"/>
  <c r="AF148377" i="1"/>
  <c r="AF148378" i="1"/>
  <c r="AF148379" i="1"/>
  <c r="AF148380" i="1"/>
  <c r="AF148381" i="1"/>
  <c r="AF148382" i="1"/>
  <c r="AF148383" i="1"/>
  <c r="AF148384" i="1"/>
  <c r="AF148385" i="1"/>
  <c r="AF148386" i="1"/>
  <c r="AF148387" i="1"/>
  <c r="AF148388" i="1"/>
  <c r="AF148389" i="1"/>
  <c r="AF148390" i="1"/>
  <c r="AF148391" i="1"/>
  <c r="AF148392" i="1"/>
  <c r="AF148393" i="1"/>
  <c r="AF148394" i="1"/>
  <c r="AF148395" i="1"/>
  <c r="AF148396" i="1"/>
  <c r="AF148397" i="1"/>
  <c r="AF148398" i="1"/>
  <c r="AF148399" i="1"/>
  <c r="AF148400" i="1"/>
  <c r="AF148401" i="1"/>
  <c r="AF148402" i="1"/>
  <c r="AF148403" i="1"/>
  <c r="AF148404" i="1"/>
  <c r="AF148405" i="1"/>
  <c r="AF148406" i="1"/>
  <c r="AF148407" i="1"/>
  <c r="AF148408" i="1"/>
  <c r="AF148409" i="1"/>
  <c r="AF148410" i="1"/>
  <c r="AF148411" i="1"/>
  <c r="AF148412" i="1"/>
  <c r="AF148413" i="1"/>
  <c r="AF148414" i="1"/>
  <c r="AF148415" i="1"/>
  <c r="AF148416" i="1"/>
  <c r="AF148417" i="1"/>
  <c r="AF148418" i="1"/>
  <c r="AF148419" i="1"/>
  <c r="AF148420" i="1"/>
  <c r="AF148421" i="1"/>
  <c r="AF148422" i="1"/>
  <c r="AF148423" i="1"/>
  <c r="AF148424" i="1"/>
  <c r="AF148425" i="1"/>
  <c r="AF148426" i="1"/>
  <c r="AF148427" i="1"/>
  <c r="AF148428" i="1"/>
  <c r="AF148429" i="1"/>
  <c r="AF148430" i="1"/>
  <c r="AF148431" i="1"/>
  <c r="AF148432" i="1"/>
  <c r="AF148433" i="1"/>
  <c r="AF148434" i="1"/>
  <c r="AF148435" i="1"/>
  <c r="AF148436" i="1"/>
  <c r="AF148437" i="1"/>
  <c r="AF148438" i="1"/>
  <c r="AF148439" i="1"/>
  <c r="AF148440" i="1"/>
  <c r="AF148441" i="1"/>
  <c r="AF148442" i="1"/>
  <c r="AF148443" i="1"/>
  <c r="AF148444" i="1"/>
  <c r="AF148445" i="1"/>
  <c r="AF148446" i="1"/>
  <c r="AF148447" i="1"/>
  <c r="AF148448" i="1"/>
  <c r="AF148449" i="1"/>
  <c r="AF148450" i="1"/>
  <c r="AF148451" i="1"/>
  <c r="AF148452" i="1"/>
  <c r="AF148453" i="1"/>
  <c r="AF148454" i="1"/>
  <c r="AF148455" i="1"/>
  <c r="AF148456" i="1"/>
  <c r="AF148457" i="1"/>
  <c r="AF148458" i="1"/>
  <c r="AF148459" i="1"/>
  <c r="AF148460" i="1"/>
  <c r="AF148461" i="1"/>
  <c r="AF148462" i="1"/>
  <c r="AF148463" i="1"/>
  <c r="AF148464" i="1"/>
  <c r="AF148465" i="1"/>
  <c r="AF148466" i="1"/>
  <c r="AF148467" i="1"/>
  <c r="AF148468" i="1"/>
  <c r="AF148469" i="1"/>
  <c r="AF148470" i="1"/>
  <c r="AF148471" i="1"/>
  <c r="AF148472" i="1"/>
  <c r="AF148473" i="1"/>
  <c r="AF148474" i="1"/>
  <c r="AF148475" i="1"/>
  <c r="AF148476" i="1"/>
  <c r="AF148477" i="1"/>
  <c r="AF148478" i="1"/>
  <c r="AF148479" i="1"/>
  <c r="AF148480" i="1"/>
  <c r="AF148481" i="1"/>
  <c r="AF148482" i="1"/>
  <c r="AF148483" i="1"/>
  <c r="AF148484" i="1"/>
  <c r="AF148485" i="1"/>
  <c r="AF148486" i="1"/>
  <c r="AF148487" i="1"/>
  <c r="AF148488" i="1"/>
  <c r="AF148489" i="1"/>
  <c r="AF148490" i="1"/>
  <c r="AF148491" i="1"/>
  <c r="AF148492" i="1"/>
  <c r="AF148493" i="1"/>
  <c r="AF148494" i="1"/>
  <c r="AF148495" i="1"/>
  <c r="AF148496" i="1"/>
  <c r="AF148497" i="1"/>
  <c r="AF148498" i="1"/>
  <c r="AF148499" i="1"/>
  <c r="AF148500" i="1"/>
  <c r="AF148501" i="1"/>
  <c r="AF148502" i="1"/>
  <c r="AF148503" i="1"/>
  <c r="AF148504" i="1"/>
  <c r="AF148505" i="1"/>
  <c r="AF148506" i="1"/>
  <c r="AF148507" i="1"/>
  <c r="AF148508" i="1"/>
  <c r="AF148509" i="1"/>
  <c r="AF148510" i="1"/>
  <c r="AF148511" i="1"/>
  <c r="AF148512" i="1"/>
  <c r="AF148513" i="1"/>
  <c r="AF148514" i="1"/>
  <c r="AF148515" i="1"/>
  <c r="AF148516" i="1"/>
  <c r="AF148517" i="1"/>
  <c r="AF148518" i="1"/>
  <c r="AF148519" i="1"/>
  <c r="AF148520" i="1"/>
  <c r="AF148521" i="1"/>
  <c r="AF148522" i="1"/>
  <c r="AF148523" i="1"/>
  <c r="AF148524" i="1"/>
  <c r="AF148525" i="1"/>
  <c r="AF148526" i="1"/>
  <c r="AF148527" i="1"/>
  <c r="AF148528" i="1"/>
  <c r="AF148529" i="1"/>
  <c r="AF148530" i="1"/>
  <c r="AF148531" i="1"/>
  <c r="AF148532" i="1"/>
  <c r="AF148533" i="1"/>
  <c r="AF148534" i="1"/>
  <c r="AF148535" i="1"/>
  <c r="AF148536" i="1"/>
  <c r="AF148537" i="1"/>
  <c r="AF148538" i="1"/>
  <c r="AF148539" i="1"/>
  <c r="AF148540" i="1"/>
  <c r="AF148541" i="1"/>
  <c r="AF148542" i="1"/>
  <c r="AF148543" i="1"/>
  <c r="AF148544" i="1"/>
  <c r="AF148545" i="1"/>
  <c r="AF148546" i="1"/>
  <c r="AF148547" i="1"/>
  <c r="AF148548" i="1"/>
  <c r="AF148549" i="1"/>
  <c r="AF148550" i="1"/>
  <c r="AF148551" i="1"/>
  <c r="AF148552" i="1"/>
  <c r="AF148553" i="1"/>
  <c r="AF148554" i="1"/>
  <c r="AF148555" i="1"/>
  <c r="AF148556" i="1"/>
  <c r="AF148557" i="1"/>
  <c r="AF148558" i="1"/>
  <c r="AF148559" i="1"/>
  <c r="AF148560" i="1"/>
  <c r="AF148561" i="1"/>
  <c r="AF148562" i="1"/>
  <c r="AF148563" i="1"/>
  <c r="AF148564" i="1"/>
  <c r="AF148565" i="1"/>
  <c r="AF148566" i="1"/>
  <c r="AF148567" i="1"/>
  <c r="AF148568" i="1"/>
  <c r="AF148569" i="1"/>
  <c r="AF148570" i="1"/>
  <c r="AF148571" i="1"/>
  <c r="AF148572" i="1"/>
  <c r="AF148573" i="1"/>
  <c r="AF148574" i="1"/>
  <c r="AF148575" i="1"/>
  <c r="AF148576" i="1"/>
  <c r="AF148577" i="1"/>
  <c r="AF148578" i="1"/>
  <c r="AF148579" i="1"/>
  <c r="AF148580" i="1"/>
  <c r="AF148581" i="1"/>
  <c r="AF148582" i="1"/>
  <c r="AF148583" i="1"/>
  <c r="AF148584" i="1"/>
  <c r="AF148585" i="1"/>
  <c r="AF148586" i="1"/>
  <c r="AF148587" i="1"/>
  <c r="AF148588" i="1"/>
  <c r="AF148589" i="1"/>
  <c r="AF148590" i="1"/>
  <c r="AF148591" i="1"/>
  <c r="AF148592" i="1"/>
  <c r="AF148593" i="1"/>
  <c r="AF148594" i="1"/>
  <c r="AF148595" i="1"/>
  <c r="AF148596" i="1"/>
  <c r="AF148597" i="1"/>
  <c r="AF148598" i="1"/>
  <c r="AF148599" i="1"/>
  <c r="AF148600" i="1"/>
  <c r="AF148601" i="1"/>
  <c r="AF148602" i="1"/>
  <c r="AF148603" i="1"/>
  <c r="AF148604" i="1"/>
  <c r="AF148605" i="1"/>
  <c r="AF148606" i="1"/>
  <c r="AF148607" i="1"/>
  <c r="AF148608" i="1"/>
  <c r="AF148609" i="1"/>
  <c r="AF148610" i="1"/>
  <c r="AF148611" i="1"/>
  <c r="AF148612" i="1"/>
  <c r="AF148613" i="1"/>
  <c r="AF148614" i="1"/>
  <c r="AF148615" i="1"/>
  <c r="AF148616" i="1"/>
  <c r="AF148617" i="1"/>
  <c r="AF148618" i="1"/>
  <c r="AF148619" i="1"/>
  <c r="AF148620" i="1"/>
  <c r="AF148621" i="1"/>
  <c r="AF148622" i="1"/>
  <c r="AF148623" i="1"/>
  <c r="AF148624" i="1"/>
  <c r="AF148625" i="1"/>
  <c r="AF148626" i="1"/>
  <c r="AF148627" i="1"/>
  <c r="AF148628" i="1"/>
  <c r="AF148629" i="1"/>
  <c r="AF148630" i="1"/>
  <c r="AF148631" i="1"/>
  <c r="AF148632" i="1"/>
  <c r="AF148633" i="1"/>
  <c r="AF148634" i="1"/>
  <c r="AF148635" i="1"/>
  <c r="AF148636" i="1"/>
  <c r="AF148637" i="1"/>
  <c r="AF148638" i="1"/>
  <c r="AF148639" i="1"/>
  <c r="AF148640" i="1"/>
  <c r="AF148641" i="1"/>
  <c r="AF148642" i="1"/>
  <c r="AF148643" i="1"/>
  <c r="AF148644" i="1"/>
  <c r="AF148645" i="1"/>
  <c r="AF148646" i="1"/>
  <c r="AF148647" i="1"/>
  <c r="AF148648" i="1"/>
  <c r="AF148649" i="1"/>
  <c r="AF148650" i="1"/>
  <c r="AF148651" i="1"/>
  <c r="AF148652" i="1"/>
  <c r="AF148653" i="1"/>
  <c r="AF148654" i="1"/>
  <c r="AF148655" i="1"/>
  <c r="AF148656" i="1"/>
  <c r="AF148657" i="1"/>
  <c r="AF148658" i="1"/>
  <c r="AF148659" i="1"/>
  <c r="AF148660" i="1"/>
  <c r="AF148661" i="1"/>
  <c r="AF148662" i="1"/>
  <c r="AF148663" i="1"/>
  <c r="AF148664" i="1"/>
  <c r="AF148665" i="1"/>
  <c r="AF148666" i="1"/>
  <c r="AF148667" i="1"/>
  <c r="AF148668" i="1"/>
  <c r="AF148669" i="1"/>
  <c r="AF148670" i="1"/>
  <c r="AF148671" i="1"/>
  <c r="AF148672" i="1"/>
  <c r="AF148673" i="1"/>
  <c r="AF148674" i="1"/>
  <c r="AF148675" i="1"/>
  <c r="AF148676" i="1"/>
  <c r="AF148677" i="1"/>
  <c r="AF148678" i="1"/>
  <c r="AF148679" i="1"/>
  <c r="AF148680" i="1"/>
  <c r="AF148681" i="1"/>
  <c r="AF148682" i="1"/>
  <c r="AF148683" i="1"/>
  <c r="AF148684" i="1"/>
  <c r="AF148685" i="1"/>
  <c r="AF148686" i="1"/>
  <c r="AF148687" i="1"/>
  <c r="AF148688" i="1"/>
  <c r="AF148689" i="1"/>
  <c r="AF148690" i="1"/>
  <c r="AF148691" i="1"/>
  <c r="AF148692" i="1"/>
  <c r="AF148693" i="1"/>
  <c r="AF148694" i="1"/>
  <c r="AF148695" i="1"/>
  <c r="AF148696" i="1"/>
  <c r="AF148697" i="1"/>
  <c r="AF148698" i="1"/>
  <c r="AF148699" i="1"/>
  <c r="AF148700" i="1"/>
  <c r="AF148701" i="1"/>
  <c r="AF148702" i="1"/>
  <c r="AF148703" i="1"/>
  <c r="AF148704" i="1"/>
  <c r="AF148705" i="1"/>
  <c r="AF148706" i="1"/>
  <c r="AF148707" i="1"/>
  <c r="AF148708" i="1"/>
  <c r="AF148709" i="1"/>
  <c r="AF148710" i="1"/>
  <c r="AF148711" i="1"/>
  <c r="AF148712" i="1"/>
  <c r="AF148713" i="1"/>
  <c r="AF148714" i="1"/>
  <c r="AF148715" i="1"/>
  <c r="AF148716" i="1"/>
  <c r="AF148717" i="1"/>
  <c r="AF148718" i="1"/>
  <c r="AF148719" i="1"/>
  <c r="AF148720" i="1"/>
  <c r="AF148721" i="1"/>
  <c r="AF148722" i="1"/>
  <c r="AF148723" i="1"/>
  <c r="AF148724" i="1"/>
  <c r="AF148725" i="1"/>
  <c r="AF148726" i="1"/>
  <c r="AF148727" i="1"/>
  <c r="AF148728" i="1"/>
  <c r="AF148729" i="1"/>
  <c r="AF148730" i="1"/>
  <c r="AF148731" i="1"/>
  <c r="AF148732" i="1"/>
  <c r="AF148733" i="1"/>
  <c r="AF148734" i="1"/>
  <c r="AF148735" i="1"/>
  <c r="AF148736" i="1"/>
  <c r="AF148737" i="1"/>
  <c r="AF148738" i="1"/>
  <c r="AF148739" i="1"/>
  <c r="AF148740" i="1"/>
  <c r="AF148741" i="1"/>
  <c r="AF148742" i="1"/>
  <c r="AF148743" i="1"/>
  <c r="AF148744" i="1"/>
  <c r="AF148745" i="1"/>
  <c r="AF148746" i="1"/>
  <c r="AF148747" i="1"/>
  <c r="AF148748" i="1"/>
  <c r="AF148749" i="1"/>
  <c r="AF148750" i="1"/>
  <c r="AF148751" i="1"/>
  <c r="AF148752" i="1"/>
  <c r="AF148753" i="1"/>
  <c r="AF148754" i="1"/>
  <c r="AF148755" i="1"/>
  <c r="AF148756" i="1"/>
  <c r="AF148757" i="1"/>
  <c r="AF148758" i="1"/>
  <c r="AF148759" i="1"/>
  <c r="AF148760" i="1"/>
  <c r="AF148761" i="1"/>
  <c r="AF148762" i="1"/>
  <c r="AF148763" i="1"/>
  <c r="AF148764" i="1"/>
  <c r="AF148765" i="1"/>
  <c r="AF148766" i="1"/>
  <c r="AF148767" i="1"/>
  <c r="AF148768" i="1"/>
  <c r="AF148769" i="1"/>
  <c r="AF148770" i="1"/>
  <c r="AF148771" i="1"/>
  <c r="AF148772" i="1"/>
  <c r="AF148773" i="1"/>
  <c r="AF148774" i="1"/>
  <c r="AF148775" i="1"/>
  <c r="AF148776" i="1"/>
  <c r="AF148777" i="1"/>
  <c r="AF148778" i="1"/>
  <c r="AF148779" i="1"/>
  <c r="AF148780" i="1"/>
  <c r="AF148781" i="1"/>
  <c r="AF148782" i="1"/>
  <c r="AF148783" i="1"/>
  <c r="AF148784" i="1"/>
  <c r="AF148785" i="1"/>
  <c r="AF148786" i="1"/>
  <c r="AF148787" i="1"/>
  <c r="AF148788" i="1"/>
  <c r="AF148789" i="1"/>
  <c r="AF148790" i="1"/>
  <c r="AF148791" i="1"/>
  <c r="AF148792" i="1"/>
  <c r="AF148793" i="1"/>
  <c r="AF148794" i="1"/>
  <c r="AF148795" i="1"/>
  <c r="AF148796" i="1"/>
  <c r="AF148797" i="1"/>
  <c r="AF148798" i="1"/>
  <c r="AF148799" i="1"/>
  <c r="AF148800" i="1"/>
  <c r="AF148801" i="1"/>
  <c r="AF148802" i="1"/>
  <c r="AF148803" i="1"/>
  <c r="AF148804" i="1"/>
  <c r="AF148805" i="1"/>
  <c r="AF148806" i="1"/>
  <c r="AF148807" i="1"/>
  <c r="AF148808" i="1"/>
  <c r="AF148809" i="1"/>
  <c r="AF148810" i="1"/>
  <c r="AF148811" i="1"/>
  <c r="AF148812" i="1"/>
  <c r="AF148813" i="1"/>
  <c r="AF148814" i="1"/>
  <c r="AF148815" i="1"/>
  <c r="AF148816" i="1"/>
  <c r="AF148817" i="1"/>
  <c r="AF148818" i="1"/>
  <c r="AF148819" i="1"/>
  <c r="AF148820" i="1"/>
  <c r="AF148821" i="1"/>
  <c r="AF148822" i="1"/>
  <c r="AF148823" i="1"/>
  <c r="AF148824" i="1"/>
  <c r="AF148825" i="1"/>
  <c r="AF148826" i="1"/>
  <c r="AF148827" i="1"/>
  <c r="AF148828" i="1"/>
  <c r="AF148829" i="1"/>
  <c r="AF148830" i="1"/>
  <c r="AF148831" i="1"/>
  <c r="AF148832" i="1"/>
  <c r="AF148833" i="1"/>
  <c r="AF148834" i="1"/>
  <c r="AF148835" i="1"/>
  <c r="AF148836" i="1"/>
  <c r="AF148837" i="1"/>
  <c r="AF148838" i="1"/>
  <c r="AF148839" i="1"/>
  <c r="AF148840" i="1"/>
  <c r="AF148841" i="1"/>
  <c r="AF148842" i="1"/>
  <c r="AF148843" i="1"/>
  <c r="AF148844" i="1"/>
  <c r="AF148845" i="1"/>
  <c r="AF148846" i="1"/>
  <c r="AF148847" i="1"/>
  <c r="AF148848" i="1"/>
  <c r="AF148849" i="1"/>
  <c r="AF148850" i="1"/>
  <c r="AF148851" i="1"/>
  <c r="AF148852" i="1"/>
  <c r="AF148853" i="1"/>
  <c r="AF148854" i="1"/>
  <c r="AF148855" i="1"/>
  <c r="AF148856" i="1"/>
  <c r="AF148857" i="1"/>
  <c r="AF148858" i="1"/>
  <c r="AF148859" i="1"/>
  <c r="AF148860" i="1"/>
  <c r="AF148861" i="1"/>
  <c r="AF148862" i="1"/>
  <c r="AF148863" i="1"/>
  <c r="AF148864" i="1"/>
  <c r="AF148865" i="1"/>
  <c r="AF148866" i="1"/>
  <c r="AF148867" i="1"/>
  <c r="AF148868" i="1"/>
  <c r="AF148869" i="1"/>
  <c r="AF148870" i="1"/>
  <c r="AF148871" i="1"/>
  <c r="AF148872" i="1"/>
  <c r="AF148873" i="1"/>
  <c r="AF148874" i="1"/>
  <c r="AF148875" i="1"/>
  <c r="AF148876" i="1"/>
  <c r="AF148877" i="1"/>
  <c r="AF148878" i="1"/>
  <c r="AF148879" i="1"/>
  <c r="AF148880" i="1"/>
  <c r="AF148881" i="1"/>
  <c r="AF148882" i="1"/>
  <c r="AF148883" i="1"/>
  <c r="AF148884" i="1"/>
  <c r="AF148885" i="1"/>
  <c r="AF148886" i="1"/>
  <c r="AF148887" i="1"/>
  <c r="AF148888" i="1"/>
  <c r="AF148889" i="1"/>
  <c r="AF148890" i="1"/>
  <c r="AF148891" i="1"/>
  <c r="AF148892" i="1"/>
  <c r="AF148893" i="1"/>
  <c r="AF148894" i="1"/>
  <c r="AF148895" i="1"/>
  <c r="AF148896" i="1"/>
  <c r="AF148897" i="1"/>
  <c r="AF148898" i="1"/>
  <c r="AF148899" i="1"/>
  <c r="AF148900" i="1"/>
  <c r="AF148901" i="1"/>
  <c r="AF148902" i="1"/>
  <c r="AF148903" i="1"/>
  <c r="AF148904" i="1"/>
  <c r="AF148905" i="1"/>
  <c r="AF148906" i="1"/>
  <c r="AF148907" i="1"/>
  <c r="AF148908" i="1"/>
  <c r="AF148909" i="1"/>
  <c r="AF148910" i="1"/>
  <c r="AF148911" i="1"/>
  <c r="AF148912" i="1"/>
  <c r="AF148913" i="1"/>
  <c r="AF148914" i="1"/>
  <c r="AF148915" i="1"/>
  <c r="AF148916" i="1"/>
  <c r="AF148917" i="1"/>
  <c r="AF148918" i="1"/>
  <c r="AF148919" i="1"/>
  <c r="AF148920" i="1"/>
  <c r="AF148921" i="1"/>
  <c r="AF148922" i="1"/>
  <c r="AF148923" i="1"/>
  <c r="AF148924" i="1"/>
  <c r="AF148925" i="1"/>
  <c r="AF148926" i="1"/>
  <c r="AF148927" i="1"/>
  <c r="AF148928" i="1"/>
  <c r="AF148929" i="1"/>
  <c r="AF148930" i="1"/>
  <c r="AF148931" i="1"/>
  <c r="AF148932" i="1"/>
  <c r="AF148933" i="1"/>
  <c r="AF148934" i="1"/>
  <c r="AF148935" i="1"/>
  <c r="AF148936" i="1"/>
  <c r="AF148937" i="1"/>
  <c r="AF148938" i="1"/>
  <c r="AF148939" i="1"/>
  <c r="AF148940" i="1"/>
  <c r="AF148941" i="1"/>
  <c r="AF148942" i="1"/>
  <c r="AF148943" i="1"/>
  <c r="AF148944" i="1"/>
  <c r="AF148945" i="1"/>
  <c r="AF148946" i="1"/>
  <c r="AF148947" i="1"/>
  <c r="AF148948" i="1"/>
  <c r="AF148949" i="1"/>
  <c r="AF148950" i="1"/>
  <c r="AF148951" i="1"/>
  <c r="AF148952" i="1"/>
  <c r="AF148953" i="1"/>
  <c r="AF148954" i="1"/>
  <c r="AF148955" i="1"/>
  <c r="AF148956" i="1"/>
  <c r="AF148957" i="1"/>
  <c r="AF148958" i="1"/>
  <c r="AF148959" i="1"/>
  <c r="AF148960" i="1"/>
  <c r="AF148961" i="1"/>
  <c r="AF148962" i="1"/>
  <c r="AF148963" i="1"/>
  <c r="AF148964" i="1"/>
  <c r="AF148965" i="1"/>
  <c r="AF148966" i="1"/>
  <c r="AF148967" i="1"/>
  <c r="AF148968" i="1"/>
  <c r="AF148969" i="1"/>
  <c r="AF148970" i="1"/>
  <c r="AF148971" i="1"/>
  <c r="AF148972" i="1"/>
  <c r="AF148973" i="1"/>
  <c r="AF148974" i="1"/>
  <c r="AF148975" i="1"/>
  <c r="AF148976" i="1"/>
  <c r="AF148977" i="1"/>
  <c r="AF148978" i="1"/>
  <c r="AF148979" i="1"/>
  <c r="AF148980" i="1"/>
  <c r="AF148981" i="1"/>
  <c r="AF148982" i="1"/>
  <c r="AF148983" i="1"/>
  <c r="AF148984" i="1"/>
  <c r="AF148985" i="1"/>
  <c r="AF148986" i="1"/>
  <c r="AF148987" i="1"/>
  <c r="AF148988" i="1"/>
  <c r="AF148989" i="1"/>
  <c r="AF148990" i="1"/>
  <c r="AF148991" i="1"/>
  <c r="AF148992" i="1"/>
  <c r="AF148993" i="1"/>
  <c r="AF148994" i="1"/>
  <c r="AF148995" i="1"/>
  <c r="AF148996" i="1"/>
  <c r="AF148997" i="1"/>
  <c r="AF148998" i="1"/>
  <c r="AF148999" i="1"/>
  <c r="AF149000" i="1"/>
  <c r="AF149001" i="1"/>
  <c r="AF149002" i="1"/>
  <c r="AF149003" i="1"/>
  <c r="AF149004" i="1"/>
  <c r="AF149005" i="1"/>
  <c r="AF149006" i="1"/>
  <c r="AF149007" i="1"/>
  <c r="AF149008" i="1"/>
  <c r="AF149009" i="1"/>
  <c r="AF149010" i="1"/>
  <c r="AF149011" i="1"/>
  <c r="AF149012" i="1"/>
  <c r="AF149013" i="1"/>
  <c r="AF149014" i="1"/>
  <c r="AF149015" i="1"/>
  <c r="AF149016" i="1"/>
  <c r="AF149017" i="1"/>
  <c r="AF149018" i="1"/>
  <c r="AF149019" i="1"/>
  <c r="AF149020" i="1"/>
  <c r="AF149021" i="1"/>
  <c r="AF149022" i="1"/>
  <c r="AF149023" i="1"/>
  <c r="AF149024" i="1"/>
  <c r="AF149025" i="1"/>
  <c r="AF149026" i="1"/>
  <c r="AF149027" i="1"/>
  <c r="AF149028" i="1"/>
  <c r="AF149029" i="1"/>
  <c r="AF149030" i="1"/>
  <c r="AF149031" i="1"/>
  <c r="AF149032" i="1"/>
  <c r="AF149033" i="1"/>
  <c r="AF149034" i="1"/>
  <c r="AF149035" i="1"/>
  <c r="AF149036" i="1"/>
  <c r="AF149037" i="1"/>
  <c r="AF149038" i="1"/>
  <c r="AF149039" i="1"/>
  <c r="AF149040" i="1"/>
  <c r="AF149041" i="1"/>
  <c r="AF149042" i="1"/>
  <c r="AF149043" i="1"/>
  <c r="AF149044" i="1"/>
  <c r="AF149045" i="1"/>
  <c r="AF149046" i="1"/>
  <c r="AF149047" i="1"/>
  <c r="AF149048" i="1"/>
  <c r="AF149049" i="1"/>
  <c r="AF149050" i="1"/>
  <c r="AF149051" i="1"/>
  <c r="AF149052" i="1"/>
  <c r="AF149053" i="1"/>
  <c r="AF149054" i="1"/>
  <c r="AF149055" i="1"/>
  <c r="AF149056" i="1"/>
  <c r="AF149057" i="1"/>
  <c r="AF149058" i="1"/>
  <c r="AF149059" i="1"/>
  <c r="AF149060" i="1"/>
  <c r="AF149061" i="1"/>
  <c r="AF149062" i="1"/>
  <c r="AF149063" i="1"/>
  <c r="AF149064" i="1"/>
  <c r="AF149065" i="1"/>
  <c r="AF149066" i="1"/>
  <c r="AF149067" i="1"/>
  <c r="AF149068" i="1"/>
  <c r="AF149069" i="1"/>
  <c r="AF149070" i="1"/>
  <c r="AF149071" i="1"/>
  <c r="AF149072" i="1"/>
  <c r="AF149073" i="1"/>
  <c r="AF149074" i="1"/>
  <c r="AF149075" i="1"/>
  <c r="AF149076" i="1"/>
  <c r="AF149077" i="1"/>
  <c r="AF149078" i="1"/>
  <c r="AF149079" i="1"/>
  <c r="AF149080" i="1"/>
  <c r="AF149081" i="1"/>
  <c r="AF149082" i="1"/>
  <c r="AF149083" i="1"/>
  <c r="AF149084" i="1"/>
  <c r="AF149085" i="1"/>
  <c r="AF149086" i="1"/>
  <c r="AF149087" i="1"/>
  <c r="AF149088" i="1"/>
  <c r="AF149089" i="1"/>
  <c r="AF149090" i="1"/>
  <c r="AF149091" i="1"/>
  <c r="AF149092" i="1"/>
  <c r="AF149093" i="1"/>
  <c r="AF149094" i="1"/>
  <c r="AF149095" i="1"/>
  <c r="AF149096" i="1"/>
  <c r="AF149097" i="1"/>
  <c r="AF149098" i="1"/>
  <c r="AF149099" i="1"/>
  <c r="AF149100" i="1"/>
  <c r="AF149101" i="1"/>
  <c r="AF149102" i="1"/>
  <c r="AF149103" i="1"/>
  <c r="AF149104" i="1"/>
  <c r="AF149105" i="1"/>
  <c r="AF149106" i="1"/>
  <c r="AF149107" i="1"/>
  <c r="AF149108" i="1"/>
  <c r="AF149109" i="1"/>
  <c r="AF149110" i="1"/>
  <c r="AF149111" i="1"/>
  <c r="AF149112" i="1"/>
  <c r="AF149113" i="1"/>
  <c r="AF149114" i="1"/>
  <c r="AF149115" i="1"/>
  <c r="AF149116" i="1"/>
  <c r="AF149117" i="1"/>
  <c r="AF149118" i="1"/>
  <c r="AF149119" i="1"/>
  <c r="AF149120" i="1"/>
  <c r="AF149121" i="1"/>
  <c r="AF149122" i="1"/>
  <c r="AF149123" i="1"/>
  <c r="AF149124" i="1"/>
  <c r="AF149125" i="1"/>
  <c r="AF149126" i="1"/>
  <c r="AF149127" i="1"/>
  <c r="AF149128" i="1"/>
  <c r="AF149129" i="1"/>
  <c r="AF149130" i="1"/>
  <c r="AF149131" i="1"/>
  <c r="AF149132" i="1"/>
  <c r="AF149133" i="1"/>
  <c r="AF149134" i="1"/>
  <c r="AF149135" i="1"/>
  <c r="AF149136" i="1"/>
  <c r="AF149137" i="1"/>
  <c r="AF149138" i="1"/>
  <c r="AF149139" i="1"/>
  <c r="AF149140" i="1"/>
  <c r="AF149141" i="1"/>
  <c r="AF149142" i="1"/>
  <c r="AF149143" i="1"/>
  <c r="AF149144" i="1"/>
  <c r="AF149145" i="1"/>
  <c r="AF149146" i="1"/>
  <c r="AF149147" i="1"/>
  <c r="AF149148" i="1"/>
  <c r="AF149149" i="1"/>
  <c r="AF149150" i="1"/>
  <c r="AF149151" i="1"/>
  <c r="AF149152" i="1"/>
  <c r="AF149153" i="1"/>
  <c r="AF149154" i="1"/>
  <c r="AF149155" i="1"/>
  <c r="AF149156" i="1"/>
  <c r="AF149157" i="1"/>
  <c r="AF149158" i="1"/>
  <c r="AF149159" i="1"/>
  <c r="AF149160" i="1"/>
  <c r="AF149161" i="1"/>
  <c r="AF149162" i="1"/>
  <c r="AF149163" i="1"/>
  <c r="AF149164" i="1"/>
  <c r="AF149165" i="1"/>
  <c r="AF149166" i="1"/>
  <c r="AF149167" i="1"/>
  <c r="AF149168" i="1"/>
  <c r="AF149169" i="1"/>
  <c r="AF149170" i="1"/>
  <c r="AF149171" i="1"/>
  <c r="AF149172" i="1"/>
  <c r="AF149173" i="1"/>
  <c r="AF149174" i="1"/>
  <c r="AF149175" i="1"/>
  <c r="AF149176" i="1"/>
  <c r="AF149177" i="1"/>
  <c r="AF149178" i="1"/>
  <c r="AF149179" i="1"/>
  <c r="AF149180" i="1"/>
  <c r="AF149181" i="1"/>
  <c r="AF149182" i="1"/>
  <c r="AF149183" i="1"/>
  <c r="AF149184" i="1"/>
  <c r="AF149185" i="1"/>
  <c r="AF149186" i="1"/>
  <c r="AF149187" i="1"/>
  <c r="AF149188" i="1"/>
  <c r="AF149189" i="1"/>
  <c r="AF149190" i="1"/>
  <c r="AF149191" i="1"/>
  <c r="AF149192" i="1"/>
  <c r="AF149193" i="1"/>
  <c r="AF149194" i="1"/>
  <c r="AF149195" i="1"/>
  <c r="AF149196" i="1"/>
  <c r="AF149197" i="1"/>
  <c r="AF149198" i="1"/>
  <c r="AF149199" i="1"/>
  <c r="AF149200" i="1"/>
  <c r="AF149201" i="1"/>
  <c r="AF149202" i="1"/>
  <c r="AF149203" i="1"/>
  <c r="AF149204" i="1"/>
  <c r="AF149205" i="1"/>
  <c r="AF149206" i="1"/>
  <c r="AF149207" i="1"/>
  <c r="AF149208" i="1"/>
  <c r="AF149209" i="1"/>
  <c r="AF149210" i="1"/>
  <c r="AF149211" i="1"/>
  <c r="AF149212" i="1"/>
  <c r="AF149213" i="1"/>
  <c r="AF149214" i="1"/>
  <c r="AF149215" i="1"/>
  <c r="AF149216" i="1"/>
  <c r="AF149217" i="1"/>
  <c r="AF149218" i="1"/>
  <c r="AF149219" i="1"/>
  <c r="AF149220" i="1"/>
  <c r="AF149221" i="1"/>
  <c r="AF149222" i="1"/>
  <c r="AF149223" i="1"/>
  <c r="AF149224" i="1"/>
  <c r="AF149225" i="1"/>
  <c r="AF149226" i="1"/>
  <c r="AF149227" i="1"/>
  <c r="AF149228" i="1"/>
  <c r="AF149229" i="1"/>
  <c r="AF149230" i="1"/>
  <c r="AF149231" i="1"/>
  <c r="AF149232" i="1"/>
  <c r="AF149233" i="1"/>
  <c r="AF149234" i="1"/>
  <c r="AF149235" i="1"/>
  <c r="AF149236" i="1"/>
  <c r="AF149237" i="1"/>
  <c r="AF149238" i="1"/>
  <c r="AF149239" i="1"/>
  <c r="AF149240" i="1"/>
  <c r="AF149241" i="1"/>
  <c r="AF149242" i="1"/>
  <c r="AF149243" i="1"/>
  <c r="AF149244" i="1"/>
  <c r="AF149245" i="1"/>
  <c r="AF149246" i="1"/>
  <c r="AF149247" i="1"/>
  <c r="AF149248" i="1"/>
  <c r="AF149249" i="1"/>
  <c r="AF149250" i="1"/>
  <c r="AF149251" i="1"/>
  <c r="AF149252" i="1"/>
  <c r="AF149253" i="1"/>
  <c r="AF149254" i="1"/>
  <c r="AF149255" i="1"/>
  <c r="AF149256" i="1"/>
  <c r="AF149257" i="1"/>
  <c r="AF149258" i="1"/>
  <c r="AF149259" i="1"/>
  <c r="AF149260" i="1"/>
  <c r="AF149261" i="1"/>
  <c r="AF149262" i="1"/>
  <c r="AF149263" i="1"/>
  <c r="AF149264" i="1"/>
  <c r="AF149265" i="1"/>
  <c r="AF149266" i="1"/>
  <c r="AF149267" i="1"/>
  <c r="AF149268" i="1"/>
  <c r="AF149269" i="1"/>
  <c r="AF149270" i="1"/>
  <c r="AF149271" i="1"/>
  <c r="AF149272" i="1"/>
  <c r="AF149273" i="1"/>
  <c r="AF149274" i="1"/>
  <c r="AF149275" i="1"/>
  <c r="AF149276" i="1"/>
  <c r="AF149277" i="1"/>
  <c r="AF149278" i="1"/>
  <c r="AF149279" i="1"/>
  <c r="AF149280" i="1"/>
  <c r="AF149281" i="1"/>
  <c r="AF149282" i="1"/>
  <c r="AF149283" i="1"/>
  <c r="AF149284" i="1"/>
  <c r="AF149285" i="1"/>
  <c r="AF149286" i="1"/>
  <c r="AF149287" i="1"/>
  <c r="AF149288" i="1"/>
  <c r="AF149289" i="1"/>
  <c r="AF149290" i="1"/>
  <c r="AF149291" i="1"/>
  <c r="AF149292" i="1"/>
  <c r="AF149293" i="1"/>
  <c r="AF149294" i="1"/>
  <c r="AF149295" i="1"/>
  <c r="AF149296" i="1"/>
  <c r="AF149297" i="1"/>
  <c r="AF149298" i="1"/>
  <c r="AF149299" i="1"/>
  <c r="AF149300" i="1"/>
  <c r="AF149301" i="1"/>
  <c r="AF149302" i="1"/>
  <c r="AF149303" i="1"/>
  <c r="AF149304" i="1"/>
  <c r="AF149305" i="1"/>
  <c r="AF149306" i="1"/>
  <c r="AF149307" i="1"/>
  <c r="AF149308" i="1"/>
  <c r="AF149309" i="1"/>
  <c r="AF149310" i="1"/>
  <c r="AF149311" i="1"/>
  <c r="AF149312" i="1"/>
  <c r="AF149313" i="1"/>
  <c r="AF149314" i="1"/>
  <c r="AF149315" i="1"/>
  <c r="AF149316" i="1"/>
  <c r="AF149317" i="1"/>
  <c r="AF149318" i="1"/>
  <c r="AF149319" i="1"/>
  <c r="AF149320" i="1"/>
  <c r="AF149321" i="1"/>
  <c r="AF149322" i="1"/>
  <c r="AF149323" i="1"/>
  <c r="AF149324" i="1"/>
  <c r="AF149325" i="1"/>
  <c r="AF149326" i="1"/>
  <c r="AF149327" i="1"/>
  <c r="AF149328" i="1"/>
  <c r="AF149329" i="1"/>
  <c r="AF149330" i="1"/>
  <c r="AF149331" i="1"/>
  <c r="AF149332" i="1"/>
  <c r="AF149333" i="1"/>
  <c r="AF149334" i="1"/>
  <c r="AF149335" i="1"/>
  <c r="AF149336" i="1"/>
  <c r="AF149337" i="1"/>
  <c r="AF149338" i="1"/>
  <c r="AF149339" i="1"/>
  <c r="AF149340" i="1"/>
  <c r="AF149341" i="1"/>
  <c r="AF149342" i="1"/>
  <c r="AF149343" i="1"/>
  <c r="AF149344" i="1"/>
  <c r="AF149345" i="1"/>
  <c r="AF149346" i="1"/>
  <c r="AF149347" i="1"/>
  <c r="AF149348" i="1"/>
  <c r="AF149349" i="1"/>
  <c r="AF149350" i="1"/>
  <c r="AF149351" i="1"/>
  <c r="AF149352" i="1"/>
  <c r="AF149353" i="1"/>
  <c r="AF149354" i="1"/>
  <c r="AF149355" i="1"/>
  <c r="AF149356" i="1"/>
  <c r="AF149357" i="1"/>
  <c r="AF149358" i="1"/>
  <c r="AF149359" i="1"/>
  <c r="AF149360" i="1"/>
  <c r="AF149361" i="1"/>
  <c r="AF149362" i="1"/>
  <c r="AF149363" i="1"/>
  <c r="AF149364" i="1"/>
  <c r="AF149365" i="1"/>
  <c r="AF149366" i="1"/>
  <c r="AF149367" i="1"/>
  <c r="AF149368" i="1"/>
  <c r="AF149369" i="1"/>
  <c r="AF149370" i="1"/>
  <c r="AF149371" i="1"/>
  <c r="AF149372" i="1"/>
  <c r="AF149373" i="1"/>
  <c r="AF149374" i="1"/>
  <c r="AF149375" i="1"/>
  <c r="AF149376" i="1"/>
  <c r="AF149377" i="1"/>
  <c r="AF149378" i="1"/>
  <c r="AF149379" i="1"/>
  <c r="AF149380" i="1"/>
  <c r="AF149381" i="1"/>
  <c r="AF149382" i="1"/>
  <c r="AF149383" i="1"/>
  <c r="AF149384" i="1"/>
  <c r="AF149385" i="1"/>
  <c r="AF149386" i="1"/>
  <c r="AF149387" i="1"/>
  <c r="AF149388" i="1"/>
  <c r="AF149389" i="1"/>
  <c r="AF149390" i="1"/>
  <c r="AF149391" i="1"/>
  <c r="AF149392" i="1"/>
  <c r="AF149393" i="1"/>
  <c r="AF149394" i="1"/>
  <c r="AF149395" i="1"/>
  <c r="AF149396" i="1"/>
  <c r="AF149397" i="1"/>
  <c r="AF149398" i="1"/>
  <c r="AF149399" i="1"/>
  <c r="AF149400" i="1"/>
  <c r="AF149401" i="1"/>
  <c r="AF149402" i="1"/>
  <c r="AF149403" i="1"/>
  <c r="AF149404" i="1"/>
  <c r="AF149405" i="1"/>
  <c r="AF149406" i="1"/>
  <c r="AF149407" i="1"/>
  <c r="AF149408" i="1"/>
  <c r="AF149409" i="1"/>
  <c r="AF149410" i="1"/>
  <c r="AF149411" i="1"/>
  <c r="AF149412" i="1"/>
  <c r="AF149413" i="1"/>
  <c r="AF149414" i="1"/>
  <c r="AF149415" i="1"/>
  <c r="AF149416" i="1"/>
  <c r="AF149417" i="1"/>
  <c r="AF149418" i="1"/>
  <c r="AF149419" i="1"/>
  <c r="AF149420" i="1"/>
  <c r="AF149421" i="1"/>
  <c r="AF149422" i="1"/>
  <c r="AF149423" i="1"/>
  <c r="AF149424" i="1"/>
  <c r="AF149425" i="1"/>
  <c r="AF149426" i="1"/>
  <c r="AF149427" i="1"/>
  <c r="AF149428" i="1"/>
  <c r="AF149429" i="1"/>
  <c r="AF149430" i="1"/>
  <c r="AF149431" i="1"/>
  <c r="AF149432" i="1"/>
  <c r="AF149433" i="1"/>
  <c r="AF149434" i="1"/>
  <c r="AF149435" i="1"/>
  <c r="AF149436" i="1"/>
  <c r="AF149437" i="1"/>
  <c r="AF149438" i="1"/>
  <c r="AF149439" i="1"/>
  <c r="AF149440" i="1"/>
  <c r="AF149441" i="1"/>
  <c r="AF149442" i="1"/>
  <c r="AF149443" i="1"/>
  <c r="AF149444" i="1"/>
  <c r="AF149445" i="1"/>
  <c r="AF149446" i="1"/>
  <c r="AF149447" i="1"/>
  <c r="AF149448" i="1"/>
  <c r="AF149449" i="1"/>
  <c r="AF149450" i="1"/>
  <c r="AF149451" i="1"/>
  <c r="AF149452" i="1"/>
  <c r="AF149453" i="1"/>
  <c r="AF149454" i="1"/>
  <c r="AF149455" i="1"/>
  <c r="AF149456" i="1"/>
  <c r="AF149457" i="1"/>
  <c r="AF149458" i="1"/>
  <c r="AF149459" i="1"/>
  <c r="AF149460" i="1"/>
  <c r="AF149461" i="1"/>
  <c r="AF149462" i="1"/>
  <c r="AF149463" i="1"/>
  <c r="AF149464" i="1"/>
  <c r="AF149465" i="1"/>
  <c r="AF149466" i="1"/>
  <c r="AF149467" i="1"/>
  <c r="AF149468" i="1"/>
  <c r="AF149469" i="1"/>
  <c r="AF149470" i="1"/>
  <c r="AF149471" i="1"/>
  <c r="AF149472" i="1"/>
  <c r="AF149473" i="1"/>
  <c r="AF149474" i="1"/>
  <c r="AF149475" i="1"/>
  <c r="AF149476" i="1"/>
  <c r="AF149477" i="1"/>
  <c r="AF149478" i="1"/>
  <c r="AF149479" i="1"/>
  <c r="AF149480" i="1"/>
  <c r="AF149481" i="1"/>
  <c r="AF149482" i="1"/>
  <c r="AF149483" i="1"/>
  <c r="AF149484" i="1"/>
  <c r="AF149485" i="1"/>
  <c r="AF149486" i="1"/>
  <c r="AF149487" i="1"/>
  <c r="AF149488" i="1"/>
  <c r="AF149489" i="1"/>
  <c r="AF149490" i="1"/>
  <c r="AF149491" i="1"/>
  <c r="AF149492" i="1"/>
  <c r="AF149493" i="1"/>
  <c r="AF149494" i="1"/>
  <c r="AF149495" i="1"/>
  <c r="AF149496" i="1"/>
  <c r="AF149497" i="1"/>
  <c r="AF149498" i="1"/>
  <c r="AF149499" i="1"/>
  <c r="AF149500" i="1"/>
  <c r="AF149501" i="1"/>
  <c r="AF149502" i="1"/>
  <c r="AF149503" i="1"/>
  <c r="AF149504" i="1"/>
  <c r="AF149505" i="1"/>
  <c r="AF149506" i="1"/>
  <c r="AF149507" i="1"/>
  <c r="AF149508" i="1"/>
  <c r="AF149509" i="1"/>
  <c r="AF149510" i="1"/>
  <c r="AF149511" i="1"/>
  <c r="AF149512" i="1"/>
  <c r="AF149513" i="1"/>
  <c r="AF149514" i="1"/>
  <c r="AF149515" i="1"/>
  <c r="AF149516" i="1"/>
  <c r="AF149517" i="1"/>
  <c r="AF149518" i="1"/>
  <c r="AF149519" i="1"/>
  <c r="AF149520" i="1"/>
  <c r="AF149521" i="1"/>
  <c r="AF149522" i="1"/>
  <c r="AF149523" i="1"/>
  <c r="AF149524" i="1"/>
  <c r="AF149525" i="1"/>
  <c r="AF149526" i="1"/>
  <c r="AF149527" i="1"/>
  <c r="AF149528" i="1"/>
  <c r="AF149529" i="1"/>
  <c r="AF149530" i="1"/>
  <c r="AF149531" i="1"/>
  <c r="AF149532" i="1"/>
  <c r="AF149533" i="1"/>
  <c r="AF149534" i="1"/>
  <c r="AF149535" i="1"/>
  <c r="AF149536" i="1"/>
  <c r="AF149537" i="1"/>
  <c r="AF149538" i="1"/>
  <c r="AF149539" i="1"/>
  <c r="AF149540" i="1"/>
  <c r="AF149541" i="1"/>
  <c r="AF149542" i="1"/>
  <c r="AF149543" i="1"/>
  <c r="AF149544" i="1"/>
  <c r="AF149545" i="1"/>
  <c r="AF149546" i="1"/>
  <c r="AF149547" i="1"/>
  <c r="AF149548" i="1"/>
  <c r="AF149549" i="1"/>
  <c r="AF149550" i="1"/>
  <c r="AF149551" i="1"/>
  <c r="AF149552" i="1"/>
  <c r="AF149553" i="1"/>
  <c r="AF149554" i="1"/>
  <c r="AF149555" i="1"/>
  <c r="AF149556" i="1"/>
  <c r="AF149557" i="1"/>
  <c r="AF149558" i="1"/>
  <c r="AF149559" i="1"/>
  <c r="AF149560" i="1"/>
  <c r="AF149561" i="1"/>
  <c r="AF149562" i="1"/>
  <c r="AF149563" i="1"/>
  <c r="AF149564" i="1"/>
  <c r="AF149565" i="1"/>
  <c r="AF149566" i="1"/>
  <c r="AF149567" i="1"/>
  <c r="AF149568" i="1"/>
  <c r="AF149569" i="1"/>
  <c r="AF149570" i="1"/>
  <c r="AF149571" i="1"/>
  <c r="AF149572" i="1"/>
  <c r="AF149573" i="1"/>
  <c r="AF149574" i="1"/>
  <c r="AF149575" i="1"/>
  <c r="AF149576" i="1"/>
  <c r="AF149577" i="1"/>
  <c r="AF149578" i="1"/>
  <c r="AF149579" i="1"/>
  <c r="AF149580" i="1"/>
  <c r="AF149581" i="1"/>
  <c r="AF149582" i="1"/>
  <c r="AF149583" i="1"/>
  <c r="AF149584" i="1"/>
  <c r="AF149585" i="1"/>
  <c r="AF149586" i="1"/>
  <c r="AF149587" i="1"/>
  <c r="AF149588" i="1"/>
  <c r="AF149589" i="1"/>
  <c r="AF149590" i="1"/>
  <c r="AF149591" i="1"/>
  <c r="AF149592" i="1"/>
  <c r="AF149593" i="1"/>
  <c r="AF149594" i="1"/>
  <c r="AF149595" i="1"/>
  <c r="AF149596" i="1"/>
  <c r="AF149597" i="1"/>
  <c r="AF149598" i="1"/>
  <c r="AF149599" i="1"/>
  <c r="AF149600" i="1"/>
  <c r="AF149601" i="1"/>
  <c r="AF149602" i="1"/>
  <c r="AF149603" i="1"/>
  <c r="AF149604" i="1"/>
  <c r="AF149605" i="1"/>
  <c r="AF149606" i="1"/>
  <c r="AF149607" i="1"/>
  <c r="AF149608" i="1"/>
  <c r="AF149609" i="1"/>
  <c r="AF149610" i="1"/>
  <c r="AF149611" i="1"/>
  <c r="AF149612" i="1"/>
  <c r="AF149613" i="1"/>
  <c r="AF149614" i="1"/>
  <c r="AF149615" i="1"/>
  <c r="AF149616" i="1"/>
  <c r="AF149617" i="1"/>
  <c r="AF149618" i="1"/>
  <c r="AF149619" i="1"/>
  <c r="AF149620" i="1"/>
  <c r="AF149621" i="1"/>
  <c r="AF149622" i="1"/>
  <c r="AF149623" i="1"/>
  <c r="AF149624" i="1"/>
  <c r="AF149625" i="1"/>
  <c r="AF149626" i="1"/>
  <c r="AF149627" i="1"/>
  <c r="AF149628" i="1"/>
  <c r="AF149629" i="1"/>
  <c r="AF149630" i="1"/>
  <c r="AF149631" i="1"/>
  <c r="AF149632" i="1"/>
  <c r="AF149633" i="1"/>
  <c r="AF149634" i="1"/>
  <c r="AF149635" i="1"/>
  <c r="AF149636" i="1"/>
  <c r="AF149637" i="1"/>
  <c r="AF149638" i="1"/>
  <c r="AF149639" i="1"/>
  <c r="AF149640" i="1"/>
  <c r="AF149641" i="1"/>
  <c r="AF149642" i="1"/>
  <c r="AF149643" i="1"/>
  <c r="AF149644" i="1"/>
  <c r="AF149645" i="1"/>
  <c r="AF149646" i="1"/>
  <c r="AF149647" i="1"/>
  <c r="AF149648" i="1"/>
  <c r="AF149649" i="1"/>
  <c r="AF149650" i="1"/>
  <c r="AF149651" i="1"/>
  <c r="AF149652" i="1"/>
  <c r="AF149653" i="1"/>
  <c r="AF149654" i="1"/>
  <c r="AF149655" i="1"/>
  <c r="AF149656" i="1"/>
  <c r="AF149657" i="1"/>
  <c r="AF149658" i="1"/>
  <c r="AF149659" i="1"/>
  <c r="AF149660" i="1"/>
  <c r="AF149661" i="1"/>
  <c r="AF149662" i="1"/>
  <c r="AF149663" i="1"/>
  <c r="AF149664" i="1"/>
  <c r="AF149665" i="1"/>
  <c r="AF149666" i="1"/>
  <c r="AF149667" i="1"/>
  <c r="AF149668" i="1"/>
  <c r="AF149669" i="1"/>
  <c r="AF149670" i="1"/>
  <c r="AF149671" i="1"/>
  <c r="AF149672" i="1"/>
  <c r="AF149673" i="1"/>
  <c r="AF149674" i="1"/>
  <c r="AF149675" i="1"/>
  <c r="AF149676" i="1"/>
  <c r="AF149677" i="1"/>
  <c r="AF149678" i="1"/>
  <c r="AF149679" i="1"/>
  <c r="AF149680" i="1"/>
  <c r="AF149681" i="1"/>
  <c r="AF149682" i="1"/>
  <c r="AF149683" i="1"/>
  <c r="AF149684" i="1"/>
  <c r="AF149685" i="1"/>
  <c r="AF149686" i="1"/>
  <c r="AF149687" i="1"/>
  <c r="AF149688" i="1"/>
  <c r="AF149689" i="1"/>
  <c r="AF149690" i="1"/>
  <c r="AF149691" i="1"/>
  <c r="AF149692" i="1"/>
  <c r="AF149693" i="1"/>
  <c r="AF149694" i="1"/>
  <c r="AF149695" i="1"/>
  <c r="AF149696" i="1"/>
  <c r="AF149697" i="1"/>
  <c r="AF149698" i="1"/>
  <c r="AF149699" i="1"/>
  <c r="AF149700" i="1"/>
  <c r="AF149701" i="1"/>
  <c r="AF149702" i="1"/>
  <c r="AF149703" i="1"/>
  <c r="AF149704" i="1"/>
  <c r="AF149705" i="1"/>
  <c r="AF149706" i="1"/>
  <c r="AF149707" i="1"/>
  <c r="AF149708" i="1"/>
  <c r="AF149709" i="1"/>
  <c r="AF149710" i="1"/>
  <c r="AF149711" i="1"/>
  <c r="AF149712" i="1"/>
  <c r="AF149713" i="1"/>
  <c r="AF149714" i="1"/>
  <c r="AF149715" i="1"/>
  <c r="AF149716" i="1"/>
  <c r="AF149717" i="1"/>
  <c r="AF149718" i="1"/>
  <c r="AF149719" i="1"/>
  <c r="AF149720" i="1"/>
  <c r="AF149721" i="1"/>
  <c r="AF149722" i="1"/>
  <c r="AF149723" i="1"/>
  <c r="AF149724" i="1"/>
  <c r="AF149725" i="1"/>
  <c r="AF149726" i="1"/>
  <c r="AF149727" i="1"/>
  <c r="AF149728" i="1"/>
  <c r="AF149729" i="1"/>
  <c r="AF149730" i="1"/>
  <c r="AF149731" i="1"/>
  <c r="AF149732" i="1"/>
  <c r="AF149733" i="1"/>
  <c r="AF149734" i="1"/>
  <c r="AF149735" i="1"/>
  <c r="AF149736" i="1"/>
  <c r="AF149737" i="1"/>
  <c r="AF149738" i="1"/>
  <c r="AF149739" i="1"/>
  <c r="AF149740" i="1"/>
  <c r="AF149741" i="1"/>
  <c r="AF149742" i="1"/>
  <c r="AF149743" i="1"/>
  <c r="AF149744" i="1"/>
  <c r="AF149745" i="1"/>
  <c r="AF149746" i="1"/>
  <c r="AF149747" i="1"/>
  <c r="AF149748" i="1"/>
  <c r="AF149749" i="1"/>
  <c r="AF149750" i="1"/>
  <c r="AF149751" i="1"/>
  <c r="AF149752" i="1"/>
  <c r="AF149753" i="1"/>
  <c r="AF149754" i="1"/>
  <c r="AF149755" i="1"/>
  <c r="AF149756" i="1"/>
  <c r="AF149757" i="1"/>
  <c r="AF149758" i="1"/>
  <c r="AF149759" i="1"/>
  <c r="AF149760" i="1"/>
  <c r="AF149761" i="1"/>
  <c r="AF149762" i="1"/>
  <c r="AF149763" i="1"/>
  <c r="AF149764" i="1"/>
  <c r="AF149765" i="1"/>
  <c r="AF149766" i="1"/>
  <c r="AF149767" i="1"/>
  <c r="AF149768" i="1"/>
  <c r="AF149769" i="1"/>
  <c r="AF149770" i="1"/>
  <c r="AF149771" i="1"/>
  <c r="AF149772" i="1"/>
  <c r="AF149773" i="1"/>
  <c r="AF149774" i="1"/>
  <c r="AF149775" i="1"/>
  <c r="AF149776" i="1"/>
  <c r="AF149777" i="1"/>
  <c r="AF149778" i="1"/>
  <c r="AF149779" i="1"/>
  <c r="AF149780" i="1"/>
  <c r="AF149781" i="1"/>
  <c r="AF149782" i="1"/>
  <c r="AF149783" i="1"/>
  <c r="AF149784" i="1"/>
  <c r="AF149785" i="1"/>
  <c r="AF149786" i="1"/>
  <c r="AF149787" i="1"/>
  <c r="AF149788" i="1"/>
  <c r="AF149789" i="1"/>
  <c r="AF149790" i="1"/>
  <c r="AF149791" i="1"/>
  <c r="AF149792" i="1"/>
  <c r="AF149793" i="1"/>
  <c r="AF149794" i="1"/>
  <c r="AF149795" i="1"/>
  <c r="AF149796" i="1"/>
  <c r="AF149797" i="1"/>
  <c r="AF149798" i="1"/>
  <c r="AF149799" i="1"/>
  <c r="AF149800" i="1"/>
  <c r="AF149801" i="1"/>
  <c r="AF149802" i="1"/>
  <c r="AF149803" i="1"/>
  <c r="AF149804" i="1"/>
  <c r="AF149805" i="1"/>
  <c r="AF149806" i="1"/>
  <c r="AF149807" i="1"/>
  <c r="AF149808" i="1"/>
  <c r="AF149809" i="1"/>
  <c r="AF149810" i="1"/>
  <c r="AF149811" i="1"/>
  <c r="AF149812" i="1"/>
  <c r="AF149813" i="1"/>
  <c r="AF149814" i="1"/>
  <c r="AF149815" i="1"/>
  <c r="AF149816" i="1"/>
  <c r="AF149817" i="1"/>
  <c r="AF149818" i="1"/>
  <c r="AF149819" i="1"/>
  <c r="AF149820" i="1"/>
  <c r="AF149821" i="1"/>
  <c r="AF149822" i="1"/>
  <c r="AF149823" i="1"/>
  <c r="AF149824" i="1"/>
  <c r="AF149825" i="1"/>
  <c r="AF149826" i="1"/>
  <c r="AF149827" i="1"/>
  <c r="AF149828" i="1"/>
  <c r="AF149829" i="1"/>
  <c r="AF149830" i="1"/>
  <c r="AF149831" i="1"/>
  <c r="AF149832" i="1"/>
  <c r="AF149833" i="1"/>
  <c r="AF149834" i="1"/>
  <c r="AF149835" i="1"/>
  <c r="AF149836" i="1"/>
  <c r="AF149837" i="1"/>
  <c r="AF149838" i="1"/>
  <c r="AF149839" i="1"/>
  <c r="AF149840" i="1"/>
  <c r="AF149841" i="1"/>
  <c r="AF149842" i="1"/>
  <c r="AF149843" i="1"/>
  <c r="AF149844" i="1"/>
  <c r="AF149845" i="1"/>
  <c r="AF149846" i="1"/>
  <c r="AF149847" i="1"/>
  <c r="AF149848" i="1"/>
  <c r="AF149849" i="1"/>
  <c r="AF149850" i="1"/>
  <c r="AF149851" i="1"/>
  <c r="AF149852" i="1"/>
  <c r="AF149853" i="1"/>
  <c r="AF149854" i="1"/>
  <c r="AF149855" i="1"/>
  <c r="AF149856" i="1"/>
  <c r="AF149857" i="1"/>
  <c r="AF149858" i="1"/>
  <c r="AF149859" i="1"/>
  <c r="AF149860" i="1"/>
  <c r="AF149861" i="1"/>
  <c r="AF149862" i="1"/>
  <c r="AF149863" i="1"/>
  <c r="AF149864" i="1"/>
  <c r="AF149865" i="1"/>
  <c r="AF149866" i="1"/>
  <c r="AF149867" i="1"/>
  <c r="AF149868" i="1"/>
  <c r="AF149869" i="1"/>
  <c r="AF149870" i="1"/>
  <c r="AF149871" i="1"/>
  <c r="AF149872" i="1"/>
  <c r="AF149873" i="1"/>
  <c r="AF149874" i="1"/>
  <c r="AF149875" i="1"/>
  <c r="AF149876" i="1"/>
  <c r="AF149877" i="1"/>
  <c r="AF149878" i="1"/>
  <c r="AF149879" i="1"/>
  <c r="AF149880" i="1"/>
  <c r="AF149881" i="1"/>
  <c r="AF149882" i="1"/>
  <c r="AF149883" i="1"/>
  <c r="AF149884" i="1"/>
  <c r="AF149885" i="1"/>
  <c r="AF149886" i="1"/>
  <c r="AF149887" i="1"/>
  <c r="AF149888" i="1"/>
  <c r="AF149889" i="1"/>
  <c r="AF149890" i="1"/>
  <c r="AF149891" i="1"/>
  <c r="AF149892" i="1"/>
  <c r="AF149893" i="1"/>
  <c r="AF149894" i="1"/>
  <c r="AF149895" i="1"/>
  <c r="AF149896" i="1"/>
  <c r="AF149897" i="1"/>
  <c r="AF149898" i="1"/>
  <c r="AF149899" i="1"/>
  <c r="AF149900" i="1"/>
  <c r="AF149901" i="1"/>
  <c r="AF149902" i="1"/>
  <c r="AF149903" i="1"/>
  <c r="AF149904" i="1"/>
  <c r="AF149905" i="1"/>
  <c r="AF149906" i="1"/>
  <c r="AF149907" i="1"/>
  <c r="AF149908" i="1"/>
  <c r="AF149909" i="1"/>
  <c r="AF149910" i="1"/>
  <c r="AF149911" i="1"/>
  <c r="AF149912" i="1"/>
  <c r="AF149913" i="1"/>
  <c r="AF149914" i="1"/>
  <c r="AF149915" i="1"/>
  <c r="AF149916" i="1"/>
  <c r="AF149917" i="1"/>
  <c r="AF149918" i="1"/>
  <c r="AF149919" i="1"/>
  <c r="AF149920" i="1"/>
  <c r="AF149921" i="1"/>
  <c r="AF149922" i="1"/>
  <c r="AF149923" i="1"/>
  <c r="AF149924" i="1"/>
  <c r="AF149925" i="1"/>
  <c r="AF149926" i="1"/>
  <c r="AF149927" i="1"/>
  <c r="AF149928" i="1"/>
  <c r="AF149929" i="1"/>
  <c r="AF149930" i="1"/>
  <c r="AF149931" i="1"/>
  <c r="AF149932" i="1"/>
  <c r="AF149933" i="1"/>
  <c r="AF149934" i="1"/>
  <c r="AF149935" i="1"/>
  <c r="AF149936" i="1"/>
  <c r="AF149937" i="1"/>
  <c r="AF149938" i="1"/>
  <c r="AF149939" i="1"/>
  <c r="AF149940" i="1"/>
  <c r="AF149941" i="1"/>
  <c r="AF149942" i="1"/>
  <c r="AF149943" i="1"/>
  <c r="AF149944" i="1"/>
  <c r="AF149945" i="1"/>
  <c r="AF149946" i="1"/>
  <c r="AF149947" i="1"/>
  <c r="AF149948" i="1"/>
  <c r="AF149949" i="1"/>
  <c r="AF149950" i="1"/>
  <c r="AF149951" i="1"/>
  <c r="AF149952" i="1"/>
  <c r="AF149953" i="1"/>
  <c r="AF149954" i="1"/>
  <c r="AF149955" i="1"/>
  <c r="AF149956" i="1"/>
  <c r="AF149957" i="1"/>
  <c r="AF149958" i="1"/>
  <c r="AF149959" i="1"/>
  <c r="AF149960" i="1"/>
  <c r="AF149961" i="1"/>
  <c r="AF149962" i="1"/>
  <c r="AF149963" i="1"/>
  <c r="AF149964" i="1"/>
  <c r="AF149965" i="1"/>
  <c r="AF149966" i="1"/>
  <c r="AF149967" i="1"/>
  <c r="AF149968" i="1"/>
  <c r="AF149969" i="1"/>
  <c r="AF149970" i="1"/>
  <c r="AF149971" i="1"/>
  <c r="AF149972" i="1"/>
  <c r="AF149973" i="1"/>
  <c r="AF149974" i="1"/>
  <c r="AF149975" i="1"/>
  <c r="AF149976" i="1"/>
  <c r="AF149977" i="1"/>
  <c r="AF149978" i="1"/>
  <c r="AF149979" i="1"/>
  <c r="AF149980" i="1"/>
  <c r="AF149981" i="1"/>
  <c r="AF149982" i="1"/>
  <c r="AF149983" i="1"/>
  <c r="AF149984" i="1"/>
  <c r="AF149985" i="1"/>
  <c r="AF149986" i="1"/>
  <c r="AF149987" i="1"/>
  <c r="AF149988" i="1"/>
  <c r="AF149989" i="1"/>
  <c r="AF149990" i="1"/>
  <c r="AF149991" i="1"/>
  <c r="AF149992" i="1"/>
  <c r="AF149993" i="1"/>
  <c r="AF149994" i="1"/>
  <c r="AF149995" i="1"/>
  <c r="AF149996" i="1"/>
  <c r="AF149997" i="1"/>
  <c r="AF149998" i="1"/>
  <c r="AF149999" i="1"/>
  <c r="AF150000" i="1"/>
  <c r="AF150001" i="1"/>
  <c r="AF150002" i="1"/>
  <c r="AF150003" i="1"/>
  <c r="AF150004" i="1"/>
  <c r="AF150005" i="1"/>
  <c r="AF150006" i="1"/>
  <c r="AF150007" i="1"/>
  <c r="AF150008" i="1"/>
  <c r="AF150009" i="1"/>
  <c r="AF150010" i="1"/>
  <c r="AF150011" i="1"/>
  <c r="AF150012" i="1"/>
  <c r="AF150013" i="1"/>
  <c r="AF150014" i="1"/>
  <c r="AF150015" i="1"/>
  <c r="AF150016" i="1"/>
  <c r="AF150017" i="1"/>
  <c r="AF150018" i="1"/>
  <c r="AF150019" i="1"/>
  <c r="AF150020" i="1"/>
  <c r="AF150021" i="1"/>
  <c r="AF150022" i="1"/>
  <c r="AF150023" i="1"/>
  <c r="AF150024" i="1"/>
  <c r="AF150025" i="1"/>
  <c r="AF150026" i="1"/>
  <c r="AF150027" i="1"/>
  <c r="AF150028" i="1"/>
  <c r="AF150029" i="1"/>
  <c r="AF150030" i="1"/>
  <c r="AF150031" i="1"/>
  <c r="AF150032" i="1"/>
  <c r="AF150033" i="1"/>
  <c r="AF150034" i="1"/>
  <c r="AF150035" i="1"/>
  <c r="AF150036" i="1"/>
  <c r="AF150037" i="1"/>
  <c r="AF150038" i="1"/>
  <c r="AF150039" i="1"/>
  <c r="AF150040" i="1"/>
  <c r="AF150041" i="1"/>
  <c r="AF150042" i="1"/>
  <c r="AF150043" i="1"/>
  <c r="AF150044" i="1"/>
  <c r="AF150045" i="1"/>
  <c r="AF150046" i="1"/>
  <c r="AF150047" i="1"/>
  <c r="AF150048" i="1"/>
  <c r="AF150049" i="1"/>
  <c r="AF150050" i="1"/>
  <c r="AF150051" i="1"/>
  <c r="AF150052" i="1"/>
  <c r="AF150053" i="1"/>
  <c r="AF150054" i="1"/>
  <c r="AF150055" i="1"/>
  <c r="AF150056" i="1"/>
  <c r="AF150057" i="1"/>
  <c r="AF150058" i="1"/>
  <c r="AF150059" i="1"/>
  <c r="AF150060" i="1"/>
  <c r="AF150061" i="1"/>
  <c r="AF150062" i="1"/>
  <c r="AF150063" i="1"/>
  <c r="AF150064" i="1"/>
  <c r="AF150065" i="1"/>
  <c r="AF150066" i="1"/>
  <c r="AF150067" i="1"/>
  <c r="AF150068" i="1"/>
  <c r="AF150069" i="1"/>
  <c r="AF150070" i="1"/>
  <c r="AF150071" i="1"/>
  <c r="AF150072" i="1"/>
  <c r="AF150073" i="1"/>
  <c r="AF150074" i="1"/>
  <c r="AF150075" i="1"/>
  <c r="AF150076" i="1"/>
  <c r="AF150077" i="1"/>
  <c r="AF150078" i="1"/>
  <c r="AF150079" i="1"/>
  <c r="AF150080" i="1"/>
  <c r="AF150081" i="1"/>
  <c r="AF150082" i="1"/>
  <c r="AF150083" i="1"/>
  <c r="AF150084" i="1"/>
  <c r="AF150085" i="1"/>
  <c r="AF150086" i="1"/>
  <c r="AF150087" i="1"/>
  <c r="AF150088" i="1"/>
  <c r="AF150089" i="1"/>
  <c r="AF150090" i="1"/>
  <c r="AF150091" i="1"/>
  <c r="AF150092" i="1"/>
  <c r="AF150093" i="1"/>
  <c r="AF150094" i="1"/>
  <c r="AF150095" i="1"/>
  <c r="AF150096" i="1"/>
  <c r="AF150097" i="1"/>
  <c r="AF150098" i="1"/>
  <c r="AF150099" i="1"/>
  <c r="AF150100" i="1"/>
  <c r="AF150101" i="1"/>
  <c r="AF150102" i="1"/>
  <c r="AF150103" i="1"/>
  <c r="AF150104" i="1"/>
  <c r="AF150105" i="1"/>
  <c r="AF150106" i="1"/>
  <c r="AF150107" i="1"/>
  <c r="AF150108" i="1"/>
  <c r="AF150109" i="1"/>
  <c r="AF150110" i="1"/>
  <c r="AF150111" i="1"/>
  <c r="AF150112" i="1"/>
  <c r="AF150113" i="1"/>
  <c r="AF150114" i="1"/>
  <c r="AF150115" i="1"/>
  <c r="AF150116" i="1"/>
  <c r="AF150117" i="1"/>
  <c r="AF150118" i="1"/>
  <c r="AF150119" i="1"/>
  <c r="AF150120" i="1"/>
  <c r="AF150121" i="1"/>
  <c r="AF150122" i="1"/>
  <c r="AF150123" i="1"/>
  <c r="AF150124" i="1"/>
  <c r="AF150125" i="1"/>
  <c r="AF150126" i="1"/>
  <c r="AF150127" i="1"/>
  <c r="AF150128" i="1"/>
  <c r="AF150129" i="1"/>
  <c r="AF150130" i="1"/>
  <c r="AF150131" i="1"/>
  <c r="AF150132" i="1"/>
  <c r="AF150133" i="1"/>
  <c r="AF150134" i="1"/>
  <c r="AF150135" i="1"/>
  <c r="AF150136" i="1"/>
  <c r="AF150137" i="1"/>
  <c r="AF150138" i="1"/>
  <c r="AF150139" i="1"/>
  <c r="AF150140" i="1"/>
  <c r="AF150141" i="1"/>
  <c r="AF150142" i="1"/>
  <c r="AF150143" i="1"/>
  <c r="AF150144" i="1"/>
  <c r="AF150145" i="1"/>
  <c r="AF150146" i="1"/>
  <c r="AF150147" i="1"/>
  <c r="AF150148" i="1"/>
  <c r="AF150149" i="1"/>
  <c r="AF150150" i="1"/>
  <c r="AF150151" i="1"/>
  <c r="AF150152" i="1"/>
  <c r="AF150153" i="1"/>
  <c r="AF150154" i="1"/>
  <c r="AF150155" i="1"/>
  <c r="AF150156" i="1"/>
  <c r="AF150157" i="1"/>
  <c r="AF150158" i="1"/>
  <c r="AF150159" i="1"/>
  <c r="AF150160" i="1"/>
  <c r="AF150161" i="1"/>
  <c r="AF150162" i="1"/>
  <c r="AF150163" i="1"/>
  <c r="AF150164" i="1"/>
  <c r="AF150165" i="1"/>
  <c r="AF150166" i="1"/>
  <c r="AF150167" i="1"/>
  <c r="AF150168" i="1"/>
  <c r="AF150169" i="1"/>
  <c r="AF150170" i="1"/>
  <c r="AF150171" i="1"/>
  <c r="AF150172" i="1"/>
  <c r="AF150173" i="1"/>
  <c r="AF150174" i="1"/>
  <c r="AF150175" i="1"/>
  <c r="AF150176" i="1"/>
  <c r="AF150177" i="1"/>
  <c r="AF150178" i="1"/>
  <c r="AF150179" i="1"/>
  <c r="AF150180" i="1"/>
  <c r="AF150181" i="1"/>
  <c r="AF150182" i="1"/>
  <c r="AF150183" i="1"/>
  <c r="AF150184" i="1"/>
  <c r="AF150185" i="1"/>
  <c r="AF150186" i="1"/>
  <c r="AF150187" i="1"/>
  <c r="AF150188" i="1"/>
  <c r="AF150189" i="1"/>
  <c r="AF150190" i="1"/>
  <c r="AF150191" i="1"/>
  <c r="AF150192" i="1"/>
  <c r="AF150193" i="1"/>
  <c r="AF150194" i="1"/>
  <c r="AF150195" i="1"/>
  <c r="AF150196" i="1"/>
  <c r="AF150197" i="1"/>
  <c r="AF150198" i="1"/>
  <c r="AF150199" i="1"/>
  <c r="AF150200" i="1"/>
  <c r="AF150201" i="1"/>
  <c r="AF150202" i="1"/>
  <c r="AF150203" i="1"/>
  <c r="AF150204" i="1"/>
  <c r="AF150205" i="1"/>
  <c r="AF150206" i="1"/>
  <c r="AF150207" i="1"/>
  <c r="AF150208" i="1"/>
  <c r="AF150209" i="1"/>
  <c r="AF150210" i="1"/>
  <c r="AF150211" i="1"/>
  <c r="AF150212" i="1"/>
  <c r="AF150213" i="1"/>
  <c r="AF150214" i="1"/>
  <c r="AF150215" i="1"/>
  <c r="AF150216" i="1"/>
  <c r="AF150217" i="1"/>
  <c r="AF150218" i="1"/>
  <c r="AF150219" i="1"/>
  <c r="AF150220" i="1"/>
  <c r="AF150221" i="1"/>
  <c r="AF150222" i="1"/>
  <c r="AF150223" i="1"/>
  <c r="AF150224" i="1"/>
  <c r="AF150225" i="1"/>
  <c r="AF150226" i="1"/>
  <c r="AF150227" i="1"/>
  <c r="AF150228" i="1"/>
  <c r="AF150229" i="1"/>
  <c r="AF150230" i="1"/>
  <c r="AF150231" i="1"/>
  <c r="AF150232" i="1"/>
  <c r="AF150233" i="1"/>
  <c r="AF150234" i="1"/>
  <c r="AF150235" i="1"/>
  <c r="AF150236" i="1"/>
  <c r="AF150237" i="1"/>
  <c r="AF150238" i="1"/>
  <c r="AF150239" i="1"/>
  <c r="AF150240" i="1"/>
  <c r="AF150241" i="1"/>
  <c r="AF150242" i="1"/>
  <c r="AF150243" i="1"/>
  <c r="AF150244" i="1"/>
  <c r="AF150245" i="1"/>
  <c r="AF150246" i="1"/>
  <c r="AF150247" i="1"/>
  <c r="AF150248" i="1"/>
  <c r="AF150249" i="1"/>
  <c r="AF150250" i="1"/>
  <c r="AF150251" i="1"/>
  <c r="AF150252" i="1"/>
  <c r="AF150253" i="1"/>
  <c r="AF150254" i="1"/>
  <c r="AF150255" i="1"/>
  <c r="AF150256" i="1"/>
  <c r="AF150257" i="1"/>
  <c r="AF150258" i="1"/>
  <c r="AF150259" i="1"/>
  <c r="AF150260" i="1"/>
  <c r="AF150261" i="1"/>
  <c r="AF150262" i="1"/>
  <c r="AF150263" i="1"/>
  <c r="AF150264" i="1"/>
  <c r="AF150265" i="1"/>
  <c r="AF150266" i="1"/>
  <c r="AF150267" i="1"/>
  <c r="AF150268" i="1"/>
  <c r="AF150269" i="1"/>
  <c r="AF150270" i="1"/>
  <c r="AF150271" i="1"/>
  <c r="AF150272" i="1"/>
  <c r="AF150273" i="1"/>
  <c r="AF150274" i="1"/>
  <c r="AF150275" i="1"/>
  <c r="AF150276" i="1"/>
  <c r="AF150277" i="1"/>
  <c r="AF150278" i="1"/>
  <c r="AF150279" i="1"/>
  <c r="AF150280" i="1"/>
  <c r="AF150281" i="1"/>
  <c r="AF150282" i="1"/>
  <c r="AF150283" i="1"/>
  <c r="AF150284" i="1"/>
  <c r="AF150285" i="1"/>
  <c r="AF150286" i="1"/>
  <c r="AF150287" i="1"/>
  <c r="AF150288" i="1"/>
  <c r="AF150289" i="1"/>
  <c r="AF150290" i="1"/>
  <c r="AF150291" i="1"/>
  <c r="AF150292" i="1"/>
  <c r="AF150293" i="1"/>
  <c r="AF150294" i="1"/>
  <c r="AF150295" i="1"/>
  <c r="AF150296" i="1"/>
  <c r="AF150297" i="1"/>
  <c r="AF150298" i="1"/>
  <c r="AF150299" i="1"/>
  <c r="AF150300" i="1"/>
  <c r="AF150301" i="1"/>
  <c r="AF150302" i="1"/>
  <c r="AF150303" i="1"/>
  <c r="AF150304" i="1"/>
  <c r="AF150305" i="1"/>
  <c r="AF150306" i="1"/>
  <c r="AF150307" i="1"/>
  <c r="AF150308" i="1"/>
  <c r="AF150309" i="1"/>
  <c r="AF150310" i="1"/>
  <c r="AF150311" i="1"/>
  <c r="AF150312" i="1"/>
  <c r="AF150313" i="1"/>
  <c r="AF150314" i="1"/>
  <c r="AF150315" i="1"/>
  <c r="AF150316" i="1"/>
  <c r="AF150317" i="1"/>
  <c r="AF150318" i="1"/>
  <c r="AF150319" i="1"/>
  <c r="AF150320" i="1"/>
  <c r="AF150321" i="1"/>
  <c r="AF150322" i="1"/>
  <c r="AF150323" i="1"/>
  <c r="AF150324" i="1"/>
  <c r="AF150325" i="1"/>
  <c r="AF150326" i="1"/>
  <c r="AF150327" i="1"/>
  <c r="AF150328" i="1"/>
  <c r="AF150329" i="1"/>
  <c r="AF150330" i="1"/>
  <c r="AF150331" i="1"/>
  <c r="AF150332" i="1"/>
  <c r="AF150333" i="1"/>
  <c r="AF150334" i="1"/>
  <c r="AF150335" i="1"/>
  <c r="AF150336" i="1"/>
  <c r="AF150337" i="1"/>
  <c r="AF150338" i="1"/>
  <c r="AF150339" i="1"/>
  <c r="AF150340" i="1"/>
  <c r="AF150341" i="1"/>
  <c r="AF150342" i="1"/>
  <c r="AF150343" i="1"/>
  <c r="AF150344" i="1"/>
  <c r="AF150345" i="1"/>
  <c r="AF150346" i="1"/>
  <c r="AF150347" i="1"/>
  <c r="AF150348" i="1"/>
  <c r="AF150349" i="1"/>
  <c r="AF150350" i="1"/>
  <c r="AF150351" i="1"/>
  <c r="AF150352" i="1"/>
  <c r="AF150353" i="1"/>
  <c r="AF150354" i="1"/>
  <c r="AF150355" i="1"/>
  <c r="AF150356" i="1"/>
  <c r="AF150357" i="1"/>
  <c r="AF150358" i="1"/>
  <c r="AF150359" i="1"/>
  <c r="AF150360" i="1"/>
  <c r="AF150361" i="1"/>
  <c r="AF150362" i="1"/>
  <c r="AF150363" i="1"/>
  <c r="AF150364" i="1"/>
  <c r="AF150365" i="1"/>
  <c r="AF150366" i="1"/>
  <c r="AF150367" i="1"/>
  <c r="AF150368" i="1"/>
  <c r="AF150369" i="1"/>
  <c r="AF150370" i="1"/>
  <c r="AF150371" i="1"/>
  <c r="AF150372" i="1"/>
  <c r="AF150373" i="1"/>
  <c r="AF150374" i="1"/>
  <c r="AF150375" i="1"/>
  <c r="AF150376" i="1"/>
  <c r="AF150377" i="1"/>
  <c r="AF150378" i="1"/>
  <c r="AF150379" i="1"/>
  <c r="AF150380" i="1"/>
  <c r="AF150381" i="1"/>
  <c r="AF150382" i="1"/>
  <c r="AF150383" i="1"/>
  <c r="AF150384" i="1"/>
  <c r="AF150385" i="1"/>
  <c r="AF150386" i="1"/>
  <c r="AF150387" i="1"/>
  <c r="AF150388" i="1"/>
  <c r="AF150389" i="1"/>
  <c r="AF150390" i="1"/>
  <c r="AF150391" i="1"/>
  <c r="AF150392" i="1"/>
  <c r="AF150393" i="1"/>
  <c r="AF150394" i="1"/>
  <c r="AF150395" i="1"/>
  <c r="AF150396" i="1"/>
  <c r="AF150397" i="1"/>
  <c r="AF150398" i="1"/>
  <c r="AF150399" i="1"/>
  <c r="AF150400" i="1"/>
  <c r="AF150401" i="1"/>
  <c r="AF150402" i="1"/>
  <c r="AF150403" i="1"/>
  <c r="AF150404" i="1"/>
  <c r="AF150405" i="1"/>
  <c r="AF150406" i="1"/>
  <c r="AF150407" i="1"/>
  <c r="AF150408" i="1"/>
  <c r="AF150409" i="1"/>
  <c r="AF150410" i="1"/>
  <c r="AF150411" i="1"/>
  <c r="AF150412" i="1"/>
  <c r="AF150413" i="1"/>
  <c r="AF150414" i="1"/>
  <c r="AF150415" i="1"/>
  <c r="AF150416" i="1"/>
  <c r="AF150417" i="1"/>
  <c r="AF150418" i="1"/>
  <c r="AF150419" i="1"/>
  <c r="AF150420" i="1"/>
  <c r="AF150421" i="1"/>
  <c r="AF150422" i="1"/>
  <c r="AF150423" i="1"/>
  <c r="AF150424" i="1"/>
  <c r="AF150425" i="1"/>
  <c r="AF150426" i="1"/>
  <c r="AF150427" i="1"/>
  <c r="AF150428" i="1"/>
  <c r="AF150429" i="1"/>
  <c r="AF150430" i="1"/>
  <c r="AF150431" i="1"/>
  <c r="AF150432" i="1"/>
  <c r="AF150433" i="1"/>
  <c r="AF150434" i="1"/>
  <c r="AF150435" i="1"/>
  <c r="AF150436" i="1"/>
  <c r="AF150437" i="1"/>
  <c r="AF150438" i="1"/>
  <c r="AF150439" i="1"/>
  <c r="AF150440" i="1"/>
  <c r="AF150441" i="1"/>
  <c r="AF150442" i="1"/>
  <c r="AF150443" i="1"/>
  <c r="AF150444" i="1"/>
  <c r="AF150445" i="1"/>
  <c r="AF150446" i="1"/>
  <c r="AF150447" i="1"/>
  <c r="AF150448" i="1"/>
  <c r="AF150449" i="1"/>
  <c r="AF150450" i="1"/>
  <c r="AF150451" i="1"/>
  <c r="AF150452" i="1"/>
  <c r="AF150453" i="1"/>
  <c r="AF150454" i="1"/>
  <c r="AF150455" i="1"/>
  <c r="AF150456" i="1"/>
  <c r="AF150457" i="1"/>
  <c r="AF150458" i="1"/>
  <c r="AF150459" i="1"/>
  <c r="AF150460" i="1"/>
  <c r="AF150461" i="1"/>
  <c r="AF150462" i="1"/>
  <c r="AF150463" i="1"/>
  <c r="AF150464" i="1"/>
  <c r="AF150465" i="1"/>
  <c r="AF150466" i="1"/>
  <c r="AF150467" i="1"/>
  <c r="AF150468" i="1"/>
  <c r="AF150469" i="1"/>
  <c r="AF150470" i="1"/>
  <c r="AF150471" i="1"/>
  <c r="AF150472" i="1"/>
  <c r="AF150473" i="1"/>
  <c r="AF150474" i="1"/>
  <c r="AF150475" i="1"/>
  <c r="AF150476" i="1"/>
  <c r="AF150477" i="1"/>
  <c r="AF150478" i="1"/>
  <c r="AF150479" i="1"/>
  <c r="AF150480" i="1"/>
  <c r="AF150481" i="1"/>
  <c r="AF150482" i="1"/>
  <c r="AF150483" i="1"/>
  <c r="AF150484" i="1"/>
  <c r="AF150485" i="1"/>
  <c r="AF150486" i="1"/>
  <c r="AF150487" i="1"/>
  <c r="AF150488" i="1"/>
  <c r="AF150489" i="1"/>
  <c r="AF150490" i="1"/>
  <c r="AF150491" i="1"/>
  <c r="AF150492" i="1"/>
  <c r="AF150493" i="1"/>
  <c r="AF150494" i="1"/>
  <c r="AF150495" i="1"/>
  <c r="AF150496" i="1"/>
  <c r="AF150497" i="1"/>
  <c r="AF150498" i="1"/>
  <c r="AF150499" i="1"/>
  <c r="AF150500" i="1"/>
  <c r="AF150501" i="1"/>
  <c r="AF150502" i="1"/>
  <c r="AF150503" i="1"/>
  <c r="AF150504" i="1"/>
  <c r="AF150505" i="1"/>
  <c r="AF150506" i="1"/>
  <c r="AF150507" i="1"/>
  <c r="AF150508" i="1"/>
  <c r="AF150509" i="1"/>
  <c r="AF150510" i="1"/>
  <c r="AF150511" i="1"/>
  <c r="AF150512" i="1"/>
  <c r="AF150513" i="1"/>
  <c r="AF150514" i="1"/>
  <c r="AF150515" i="1"/>
  <c r="AF150516" i="1"/>
  <c r="AF150517" i="1"/>
  <c r="AF150518" i="1"/>
  <c r="AF150519" i="1"/>
  <c r="AF150520" i="1"/>
  <c r="AF150521" i="1"/>
  <c r="AF150522" i="1"/>
  <c r="AF150523" i="1"/>
  <c r="AF150524" i="1"/>
  <c r="AF150525" i="1"/>
  <c r="AF150526" i="1"/>
  <c r="AF150527" i="1"/>
  <c r="AF150528" i="1"/>
  <c r="AF150529" i="1"/>
  <c r="AF150530" i="1"/>
  <c r="AF150531" i="1"/>
  <c r="AF150532" i="1"/>
  <c r="AF150533" i="1"/>
  <c r="AF150534" i="1"/>
  <c r="AF150535" i="1"/>
  <c r="AF150536" i="1"/>
  <c r="AF150537" i="1"/>
  <c r="AF150538" i="1"/>
  <c r="AF150539" i="1"/>
  <c r="AF150540" i="1"/>
  <c r="AF150541" i="1"/>
  <c r="AF150542" i="1"/>
  <c r="AF150543" i="1"/>
  <c r="AF150544" i="1"/>
  <c r="AF150545" i="1"/>
  <c r="AF150546" i="1"/>
  <c r="AF150547" i="1"/>
  <c r="AF150548" i="1"/>
  <c r="AF150549" i="1"/>
  <c r="AF150550" i="1"/>
  <c r="AF150551" i="1"/>
  <c r="AF150552" i="1"/>
  <c r="AF150553" i="1"/>
  <c r="AF150554" i="1"/>
  <c r="AF150555" i="1"/>
  <c r="AF150556" i="1"/>
  <c r="AF150557" i="1"/>
  <c r="AF150558" i="1"/>
  <c r="AF150559" i="1"/>
  <c r="AF150560" i="1"/>
  <c r="AF150561" i="1"/>
  <c r="AF150562" i="1"/>
  <c r="AF150563" i="1"/>
  <c r="AF150564" i="1"/>
  <c r="AF150565" i="1"/>
  <c r="AF150566" i="1"/>
  <c r="AF150567" i="1"/>
  <c r="AF150568" i="1"/>
  <c r="AF150569" i="1"/>
  <c r="AF150570" i="1"/>
  <c r="AF150571" i="1"/>
  <c r="AF150572" i="1"/>
  <c r="AF150573" i="1"/>
  <c r="AF150574" i="1"/>
  <c r="AF150575" i="1"/>
  <c r="AF150576" i="1"/>
  <c r="AF150577" i="1"/>
  <c r="AF150578" i="1"/>
  <c r="AF150579" i="1"/>
  <c r="AF150580" i="1"/>
  <c r="AF150581" i="1"/>
  <c r="AF150582" i="1"/>
  <c r="AF150583" i="1"/>
  <c r="AF150584" i="1"/>
  <c r="AF150585" i="1"/>
  <c r="AF150586" i="1"/>
  <c r="AF150587" i="1"/>
  <c r="AF150588" i="1"/>
  <c r="AF150589" i="1"/>
  <c r="AF150590" i="1"/>
  <c r="AF150591" i="1"/>
  <c r="AF150592" i="1"/>
  <c r="AF150593" i="1"/>
  <c r="AF150594" i="1"/>
  <c r="AF150595" i="1"/>
  <c r="AF150596" i="1"/>
  <c r="AF150597" i="1"/>
  <c r="AF150598" i="1"/>
  <c r="AF150599" i="1"/>
  <c r="AF150600" i="1"/>
  <c r="AF150601" i="1"/>
  <c r="AF150602" i="1"/>
  <c r="AF150603" i="1"/>
  <c r="AF150604" i="1"/>
  <c r="AF150605" i="1"/>
  <c r="AF150606" i="1"/>
  <c r="AF150607" i="1"/>
  <c r="AF150608" i="1"/>
  <c r="AF150609" i="1"/>
  <c r="AF150610" i="1"/>
  <c r="AF150611" i="1"/>
  <c r="AF150612" i="1"/>
  <c r="AF150613" i="1"/>
  <c r="AF150614" i="1"/>
  <c r="AF150615" i="1"/>
  <c r="AF150616" i="1"/>
  <c r="AF150617" i="1"/>
  <c r="AF150618" i="1"/>
  <c r="AF150619" i="1"/>
  <c r="AF150620" i="1"/>
  <c r="AF150621" i="1"/>
  <c r="AF150622" i="1"/>
  <c r="AF150623" i="1"/>
  <c r="AF150624" i="1"/>
  <c r="AF150625" i="1"/>
  <c r="AF150626" i="1"/>
  <c r="AF150627" i="1"/>
  <c r="AF150628" i="1"/>
  <c r="AF150629" i="1"/>
  <c r="AF150630" i="1"/>
  <c r="AF150631" i="1"/>
  <c r="AF150632" i="1"/>
  <c r="AF150633" i="1"/>
  <c r="AF150634" i="1"/>
  <c r="AF150635" i="1"/>
  <c r="AF150636" i="1"/>
  <c r="AF150637" i="1"/>
  <c r="AF150638" i="1"/>
  <c r="AF150639" i="1"/>
  <c r="AF150640" i="1"/>
  <c r="AF150641" i="1"/>
  <c r="AF150642" i="1"/>
  <c r="AF150643" i="1"/>
  <c r="AF150644" i="1"/>
  <c r="AF150645" i="1"/>
  <c r="AF150646" i="1"/>
  <c r="AF150647" i="1"/>
  <c r="AF150648" i="1"/>
  <c r="AF150649" i="1"/>
  <c r="AF150650" i="1"/>
  <c r="AF150651" i="1"/>
  <c r="AF150652" i="1"/>
  <c r="AF150653" i="1"/>
  <c r="AF150654" i="1"/>
  <c r="AF150655" i="1"/>
  <c r="AF150656" i="1"/>
  <c r="AF150657" i="1"/>
  <c r="AF150658" i="1"/>
  <c r="AF150659" i="1"/>
  <c r="AF150660" i="1"/>
  <c r="AF150661" i="1"/>
  <c r="AF150662" i="1"/>
  <c r="AF150663" i="1"/>
  <c r="AF150664" i="1"/>
  <c r="AF150665" i="1"/>
  <c r="AF150666" i="1"/>
  <c r="AF150667" i="1"/>
  <c r="AF150668" i="1"/>
  <c r="AF150669" i="1"/>
  <c r="AF150670" i="1"/>
  <c r="AF150671" i="1"/>
  <c r="AF150672" i="1"/>
  <c r="AF150673" i="1"/>
  <c r="AF150674" i="1"/>
  <c r="AF150675" i="1"/>
  <c r="AF150676" i="1"/>
  <c r="AF150677" i="1"/>
  <c r="AF150678" i="1"/>
  <c r="AF150679" i="1"/>
  <c r="AF150680" i="1"/>
  <c r="AF150681" i="1"/>
  <c r="AF150682" i="1"/>
  <c r="AF150683" i="1"/>
  <c r="AF150684" i="1"/>
  <c r="AF150685" i="1"/>
  <c r="AF150686" i="1"/>
  <c r="AF150687" i="1"/>
  <c r="AF150688" i="1"/>
  <c r="AF150689" i="1"/>
  <c r="AF150690" i="1"/>
  <c r="AF150691" i="1"/>
  <c r="AF150692" i="1"/>
  <c r="AF150693" i="1"/>
  <c r="AF150694" i="1"/>
  <c r="AF150695" i="1"/>
  <c r="AF150696" i="1"/>
  <c r="AF150697" i="1"/>
  <c r="AF150698" i="1"/>
  <c r="AF150699" i="1"/>
  <c r="AF150700" i="1"/>
  <c r="AF150701" i="1"/>
  <c r="AF150702" i="1"/>
  <c r="AF150703" i="1"/>
  <c r="AF150704" i="1"/>
  <c r="AF150705" i="1"/>
  <c r="AF150706" i="1"/>
  <c r="AF150707" i="1"/>
  <c r="AF150708" i="1"/>
  <c r="AF150709" i="1"/>
  <c r="AF150710" i="1"/>
  <c r="AF150711" i="1"/>
  <c r="AF150712" i="1"/>
  <c r="AF150713" i="1"/>
  <c r="AF150714" i="1"/>
  <c r="AF150715" i="1"/>
  <c r="AF150716" i="1"/>
  <c r="AF150717" i="1"/>
  <c r="AF150718" i="1"/>
  <c r="AF150719" i="1"/>
  <c r="AF150720" i="1"/>
  <c r="AF150721" i="1"/>
  <c r="AF150722" i="1"/>
  <c r="AF150723" i="1"/>
  <c r="AF150724" i="1"/>
  <c r="AF150725" i="1"/>
  <c r="AF150726" i="1"/>
  <c r="AF150727" i="1"/>
  <c r="AF150728" i="1"/>
  <c r="AF150729" i="1"/>
  <c r="AF150730" i="1"/>
  <c r="AF150731" i="1"/>
  <c r="AF150732" i="1"/>
  <c r="AF150733" i="1"/>
  <c r="AF150734" i="1"/>
  <c r="AF150735" i="1"/>
  <c r="AF150736" i="1"/>
  <c r="AF150737" i="1"/>
  <c r="AF150738" i="1"/>
  <c r="AF150739" i="1"/>
  <c r="AF150740" i="1"/>
  <c r="AF150741" i="1"/>
  <c r="AF150742" i="1"/>
  <c r="AF150743" i="1"/>
  <c r="AF150744" i="1"/>
  <c r="AF150745" i="1"/>
  <c r="AF150746" i="1"/>
  <c r="AF150747" i="1"/>
  <c r="AF150748" i="1"/>
  <c r="AF150749" i="1"/>
  <c r="AF150750" i="1"/>
  <c r="AF150751" i="1"/>
  <c r="AF150752" i="1"/>
  <c r="AF150753" i="1"/>
  <c r="AF150754" i="1"/>
  <c r="AF150755" i="1"/>
  <c r="AF150756" i="1"/>
  <c r="AF150757" i="1"/>
  <c r="AF150758" i="1"/>
  <c r="AF150759" i="1"/>
  <c r="AF150760" i="1"/>
  <c r="AF150761" i="1"/>
  <c r="AF150762" i="1"/>
  <c r="AF150763" i="1"/>
  <c r="AF150764" i="1"/>
  <c r="AF150765" i="1"/>
  <c r="AF150766" i="1"/>
  <c r="AF150767" i="1"/>
  <c r="AF150768" i="1"/>
  <c r="AF150769" i="1"/>
  <c r="AF150770" i="1"/>
  <c r="AF150771" i="1"/>
  <c r="AF150772" i="1"/>
  <c r="AF150773" i="1"/>
  <c r="AF150774" i="1"/>
  <c r="AF150775" i="1"/>
  <c r="AF150776" i="1"/>
  <c r="AF150777" i="1"/>
  <c r="AF150778" i="1"/>
  <c r="AF150779" i="1"/>
  <c r="AF150780" i="1"/>
  <c r="AF150781" i="1"/>
  <c r="AF150782" i="1"/>
  <c r="AF150783" i="1"/>
  <c r="AF150784" i="1"/>
  <c r="AF150785" i="1"/>
  <c r="AF150786" i="1"/>
  <c r="AF150787" i="1"/>
  <c r="AF150788" i="1"/>
  <c r="AF150789" i="1"/>
  <c r="AF150790" i="1"/>
  <c r="AF150791" i="1"/>
  <c r="AF150792" i="1"/>
  <c r="AF150793" i="1"/>
  <c r="AF150794" i="1"/>
  <c r="AF150795" i="1"/>
  <c r="AF150796" i="1"/>
  <c r="AF150797" i="1"/>
  <c r="AF150798" i="1"/>
  <c r="AF150799" i="1"/>
  <c r="AF150800" i="1"/>
  <c r="AF150801" i="1"/>
  <c r="AF150802" i="1"/>
  <c r="AF150803" i="1"/>
  <c r="AF150804" i="1"/>
  <c r="AF150805" i="1"/>
  <c r="AF150806" i="1"/>
  <c r="AF150807" i="1"/>
  <c r="AF150808" i="1"/>
  <c r="AF150809" i="1"/>
  <c r="AF150810" i="1"/>
  <c r="AF150811" i="1"/>
  <c r="AF150812" i="1"/>
  <c r="AF150813" i="1"/>
  <c r="AF150814" i="1"/>
  <c r="AF150815" i="1"/>
  <c r="AF150816" i="1"/>
  <c r="AF150817" i="1"/>
  <c r="AF150818" i="1"/>
  <c r="AF150819" i="1"/>
  <c r="AF150820" i="1"/>
  <c r="AF150821" i="1"/>
  <c r="AF150822" i="1"/>
  <c r="AF150823" i="1"/>
  <c r="AF150824" i="1"/>
  <c r="AF150825" i="1"/>
  <c r="AF150826" i="1"/>
  <c r="AF150827" i="1"/>
  <c r="AF150828" i="1"/>
  <c r="AF150829" i="1"/>
  <c r="AF150830" i="1"/>
  <c r="AF150831" i="1"/>
  <c r="AF150832" i="1"/>
  <c r="AF150833" i="1"/>
  <c r="AF150834" i="1"/>
  <c r="AF150835" i="1"/>
  <c r="AF150836" i="1"/>
  <c r="AF150837" i="1"/>
  <c r="AF150838" i="1"/>
  <c r="AF150839" i="1"/>
  <c r="AF150840" i="1"/>
  <c r="AF150841" i="1"/>
  <c r="AF150842" i="1"/>
  <c r="AF150843" i="1"/>
  <c r="AF150844" i="1"/>
  <c r="AF150845" i="1"/>
  <c r="AF150846" i="1"/>
  <c r="AF150847" i="1"/>
  <c r="AF150848" i="1"/>
  <c r="AF150849" i="1"/>
  <c r="AF150850" i="1"/>
  <c r="AF150851" i="1"/>
  <c r="AF150852" i="1"/>
  <c r="AF150853" i="1"/>
  <c r="AF150854" i="1"/>
  <c r="AF150855" i="1"/>
  <c r="AF150856" i="1"/>
  <c r="AF150857" i="1"/>
  <c r="AF150858" i="1"/>
  <c r="AF150859" i="1"/>
  <c r="AF150860" i="1"/>
  <c r="AF150861" i="1"/>
  <c r="AF150862" i="1"/>
  <c r="AF150863" i="1"/>
  <c r="AF150864" i="1"/>
  <c r="AF150865" i="1"/>
  <c r="AF150866" i="1"/>
  <c r="AF150867" i="1"/>
  <c r="AF150868" i="1"/>
  <c r="AF150869" i="1"/>
  <c r="AF150870" i="1"/>
  <c r="AF150871" i="1"/>
  <c r="AF150872" i="1"/>
  <c r="AF150873" i="1"/>
  <c r="AF150874" i="1"/>
  <c r="AF150875" i="1"/>
  <c r="AF150876" i="1"/>
  <c r="AF150877" i="1"/>
  <c r="AF150878" i="1"/>
  <c r="AF150879" i="1"/>
  <c r="AF150880" i="1"/>
  <c r="AF150881" i="1"/>
  <c r="AF150882" i="1"/>
  <c r="AF150883" i="1"/>
  <c r="AF150884" i="1"/>
  <c r="AF150885" i="1"/>
  <c r="AF150886" i="1"/>
  <c r="AF150887" i="1"/>
  <c r="AF150888" i="1"/>
  <c r="AF150889" i="1"/>
  <c r="AF150890" i="1"/>
  <c r="AF150891" i="1"/>
  <c r="AF150892" i="1"/>
  <c r="AF150893" i="1"/>
  <c r="AF150894" i="1"/>
  <c r="AF150895" i="1"/>
  <c r="AF150896" i="1"/>
  <c r="AF150897" i="1"/>
  <c r="AF150898" i="1"/>
  <c r="AF150899" i="1"/>
  <c r="AF150900" i="1"/>
  <c r="AF150901" i="1"/>
  <c r="AF150902" i="1"/>
  <c r="AF150903" i="1"/>
  <c r="AF150904" i="1"/>
  <c r="AF150905" i="1"/>
  <c r="AF150906" i="1"/>
  <c r="AF150907" i="1"/>
  <c r="AF150908" i="1"/>
  <c r="AF150909" i="1"/>
  <c r="AF150910" i="1"/>
  <c r="AF150911" i="1"/>
  <c r="AF150912" i="1"/>
  <c r="AF150913" i="1"/>
  <c r="AF150914" i="1"/>
  <c r="AF150915" i="1"/>
  <c r="AF150916" i="1"/>
  <c r="AF150917" i="1"/>
  <c r="AF150918" i="1"/>
  <c r="AF150919" i="1"/>
  <c r="AF150920" i="1"/>
  <c r="AF150921" i="1"/>
  <c r="AF150922" i="1"/>
  <c r="AF150923" i="1"/>
  <c r="AF150924" i="1"/>
  <c r="AF150925" i="1"/>
  <c r="AF150926" i="1"/>
  <c r="AF150927" i="1"/>
  <c r="AF150928" i="1"/>
  <c r="AF150929" i="1"/>
  <c r="AF150930" i="1"/>
  <c r="AF150931" i="1"/>
  <c r="AF150932" i="1"/>
  <c r="AF150933" i="1"/>
  <c r="AF150934" i="1"/>
  <c r="AF150935" i="1"/>
  <c r="AF150936" i="1"/>
  <c r="AF150937" i="1"/>
  <c r="AF150938" i="1"/>
  <c r="AF150939" i="1"/>
  <c r="AF150940" i="1"/>
  <c r="AF150941" i="1"/>
  <c r="AF150942" i="1"/>
  <c r="AF150943" i="1"/>
  <c r="AF150944" i="1"/>
  <c r="AF150945" i="1"/>
  <c r="AF150946" i="1"/>
  <c r="AF150947" i="1"/>
  <c r="AF150948" i="1"/>
  <c r="AF150949" i="1"/>
  <c r="AF150950" i="1"/>
  <c r="AF150951" i="1"/>
  <c r="AF150952" i="1"/>
  <c r="AF150953" i="1"/>
  <c r="AF150954" i="1"/>
  <c r="AF150955" i="1"/>
  <c r="AF150956" i="1"/>
  <c r="AF150957" i="1"/>
  <c r="AF150958" i="1"/>
  <c r="AF150959" i="1"/>
  <c r="AF150960" i="1"/>
  <c r="AF150961" i="1"/>
  <c r="AF150962" i="1"/>
  <c r="AF150963" i="1"/>
  <c r="AF150964" i="1"/>
  <c r="AF150965" i="1"/>
  <c r="AF150966" i="1"/>
  <c r="AF150967" i="1"/>
  <c r="AF150968" i="1"/>
  <c r="AF150969" i="1"/>
  <c r="AF150970" i="1"/>
  <c r="AF150971" i="1"/>
  <c r="AF150972" i="1"/>
  <c r="AF150973" i="1"/>
  <c r="AF150974" i="1"/>
  <c r="AF150975" i="1"/>
  <c r="AF150976" i="1"/>
  <c r="AF150977" i="1"/>
  <c r="AF150978" i="1"/>
  <c r="AF150979" i="1"/>
  <c r="AF150980" i="1"/>
  <c r="AF150981" i="1"/>
  <c r="AF150982" i="1"/>
  <c r="AF150983" i="1"/>
  <c r="AF150984" i="1"/>
  <c r="AF150985" i="1"/>
  <c r="AF150986" i="1"/>
  <c r="AF150987" i="1"/>
  <c r="AF150988" i="1"/>
  <c r="AF150989" i="1"/>
  <c r="AF150990" i="1"/>
  <c r="AF150991" i="1"/>
  <c r="AF150992" i="1"/>
  <c r="AF150993" i="1"/>
  <c r="AF150994" i="1"/>
  <c r="AF150995" i="1"/>
  <c r="AF150996" i="1"/>
  <c r="AF150997" i="1"/>
  <c r="AF150998" i="1"/>
  <c r="AF150999" i="1"/>
  <c r="AF151000" i="1"/>
  <c r="AF151001" i="1"/>
  <c r="AF151002" i="1"/>
  <c r="AF151003" i="1"/>
  <c r="AF151004" i="1"/>
  <c r="AF151005" i="1"/>
  <c r="AF151006" i="1"/>
  <c r="AF151007" i="1"/>
  <c r="AF151008" i="1"/>
  <c r="AF151009" i="1"/>
  <c r="AF151010" i="1"/>
  <c r="AF151011" i="1"/>
  <c r="AF151012" i="1"/>
  <c r="AF151013" i="1"/>
  <c r="AF151014" i="1"/>
  <c r="AF151015" i="1"/>
  <c r="AF151016" i="1"/>
  <c r="AF151017" i="1"/>
  <c r="AF151018" i="1"/>
  <c r="AF151019" i="1"/>
  <c r="AF151020" i="1"/>
  <c r="AF151021" i="1"/>
  <c r="AF151022" i="1"/>
  <c r="AF151023" i="1"/>
  <c r="AF151024" i="1"/>
  <c r="AF151025" i="1"/>
  <c r="AF151026" i="1"/>
  <c r="AF151027" i="1"/>
  <c r="AF151028" i="1"/>
  <c r="AF151029" i="1"/>
  <c r="AF151030" i="1"/>
  <c r="AF151031" i="1"/>
  <c r="AF151032" i="1"/>
  <c r="AF151033" i="1"/>
  <c r="AF151034" i="1"/>
  <c r="AF151035" i="1"/>
  <c r="AF151036" i="1"/>
  <c r="AF151037" i="1"/>
  <c r="AF151038" i="1"/>
  <c r="AF151039" i="1"/>
  <c r="AF151040" i="1"/>
  <c r="AF151041" i="1"/>
  <c r="AF151042" i="1"/>
  <c r="AF151043" i="1"/>
  <c r="AF151044" i="1"/>
  <c r="AF151045" i="1"/>
  <c r="AF151046" i="1"/>
  <c r="AF151047" i="1"/>
  <c r="AF151048" i="1"/>
  <c r="AF151049" i="1"/>
  <c r="AF151050" i="1"/>
  <c r="AF151051" i="1"/>
  <c r="AF151052" i="1"/>
  <c r="AF151053" i="1"/>
  <c r="AF151054" i="1"/>
  <c r="AF151055" i="1"/>
  <c r="AF151056" i="1"/>
  <c r="AF151057" i="1"/>
  <c r="AF151058" i="1"/>
  <c r="AF151059" i="1"/>
  <c r="AF151060" i="1"/>
  <c r="AF151061" i="1"/>
  <c r="AF151062" i="1"/>
  <c r="AF151063" i="1"/>
  <c r="AF151064" i="1"/>
  <c r="AF151065" i="1"/>
  <c r="AF151066" i="1"/>
  <c r="AF151067" i="1"/>
  <c r="AF151068" i="1"/>
  <c r="AF151069" i="1"/>
  <c r="AF151070" i="1"/>
  <c r="AF151071" i="1"/>
  <c r="AF151072" i="1"/>
  <c r="AF151073" i="1"/>
  <c r="AF151074" i="1"/>
  <c r="AF151075" i="1"/>
  <c r="AF151076" i="1"/>
  <c r="AF151077" i="1"/>
  <c r="AF151078" i="1"/>
  <c r="AF151079" i="1"/>
  <c r="AF151080" i="1"/>
  <c r="AF151081" i="1"/>
  <c r="AF151082" i="1"/>
  <c r="AF151083" i="1"/>
  <c r="AF151084" i="1"/>
  <c r="AF151085" i="1"/>
  <c r="AF151086" i="1"/>
  <c r="AF151087" i="1"/>
  <c r="AF151088" i="1"/>
  <c r="AF151089" i="1"/>
  <c r="AF151090" i="1"/>
  <c r="AF151091" i="1"/>
  <c r="AF151092" i="1"/>
  <c r="AF151093" i="1"/>
  <c r="AF151094" i="1"/>
  <c r="AF151095" i="1"/>
  <c r="AF151096" i="1"/>
  <c r="AF151097" i="1"/>
  <c r="AF151098" i="1"/>
  <c r="AF151099" i="1"/>
  <c r="AF151100" i="1"/>
  <c r="AF151101" i="1"/>
  <c r="AF151102" i="1"/>
  <c r="AF151103" i="1"/>
  <c r="AF151104" i="1"/>
  <c r="AF151105" i="1"/>
  <c r="AF151106" i="1"/>
  <c r="AF151107" i="1"/>
  <c r="AF151108" i="1"/>
  <c r="AF151109" i="1"/>
  <c r="AF151110" i="1"/>
  <c r="AF151111" i="1"/>
  <c r="AF151112" i="1"/>
  <c r="AF151113" i="1"/>
  <c r="AF151114" i="1"/>
  <c r="AF151115" i="1"/>
  <c r="AF151116" i="1"/>
  <c r="AF151117" i="1"/>
  <c r="AF151118" i="1"/>
  <c r="AF151119" i="1"/>
  <c r="AF151120" i="1"/>
  <c r="AF151121" i="1"/>
  <c r="AF151122" i="1"/>
  <c r="AF151123" i="1"/>
  <c r="AF151124" i="1"/>
  <c r="AF151125" i="1"/>
  <c r="AF151126" i="1"/>
  <c r="AF151127" i="1"/>
  <c r="AF151128" i="1"/>
  <c r="AF151129" i="1"/>
  <c r="AF151130" i="1"/>
  <c r="AF151131" i="1"/>
  <c r="AF151132" i="1"/>
  <c r="AF151133" i="1"/>
  <c r="AF151134" i="1"/>
  <c r="AF151135" i="1"/>
  <c r="AF151136" i="1"/>
  <c r="AF151137" i="1"/>
  <c r="AF151138" i="1"/>
  <c r="AF151139" i="1"/>
  <c r="AF151140" i="1"/>
  <c r="AF151141" i="1"/>
  <c r="AF151142" i="1"/>
  <c r="AF151143" i="1"/>
  <c r="AF151144" i="1"/>
  <c r="AF151145" i="1"/>
  <c r="AF151146" i="1"/>
  <c r="AF151147" i="1"/>
  <c r="AF151148" i="1"/>
  <c r="AF151149" i="1"/>
  <c r="AF151150" i="1"/>
  <c r="AF151151" i="1"/>
  <c r="AF151152" i="1"/>
  <c r="AF151153" i="1"/>
  <c r="AF151154" i="1"/>
  <c r="AF151155" i="1"/>
  <c r="AF151156" i="1"/>
  <c r="AF151157" i="1"/>
  <c r="AF151158" i="1"/>
  <c r="AF151159" i="1"/>
  <c r="AF151160" i="1"/>
  <c r="AF151161" i="1"/>
  <c r="AF151162" i="1"/>
  <c r="AF151163" i="1"/>
  <c r="AF151164" i="1"/>
  <c r="AF151165" i="1"/>
  <c r="AF151166" i="1"/>
  <c r="AF151167" i="1"/>
  <c r="AF151168" i="1"/>
  <c r="AF151169" i="1"/>
  <c r="AF151170" i="1"/>
  <c r="AF151171" i="1"/>
  <c r="AF151172" i="1"/>
  <c r="AF151173" i="1"/>
  <c r="AF151174" i="1"/>
  <c r="AF151175" i="1"/>
  <c r="AF151176" i="1"/>
  <c r="AF151177" i="1"/>
  <c r="AF151178" i="1"/>
  <c r="AF151179" i="1"/>
  <c r="AF151180" i="1"/>
  <c r="AF151181" i="1"/>
  <c r="AF151182" i="1"/>
  <c r="AF151183" i="1"/>
  <c r="AF151184" i="1"/>
  <c r="AF151185" i="1"/>
  <c r="AF151186" i="1"/>
  <c r="AF151187" i="1"/>
  <c r="AF151188" i="1"/>
  <c r="AF151189" i="1"/>
  <c r="AF151190" i="1"/>
  <c r="AF151191" i="1"/>
  <c r="AF151192" i="1"/>
  <c r="AF151193" i="1"/>
  <c r="AF151194" i="1"/>
  <c r="AF151195" i="1"/>
  <c r="AF151196" i="1"/>
  <c r="AF151197" i="1"/>
  <c r="AF151198" i="1"/>
  <c r="AF151199" i="1"/>
  <c r="AF151200" i="1"/>
  <c r="AF151201" i="1"/>
  <c r="AF151202" i="1"/>
  <c r="AF151203" i="1"/>
  <c r="AF151204" i="1"/>
  <c r="AF151205" i="1"/>
  <c r="AF151206" i="1"/>
  <c r="AF151207" i="1"/>
  <c r="AF151208" i="1"/>
  <c r="AF151209" i="1"/>
  <c r="AF151210" i="1"/>
  <c r="AF151211" i="1"/>
  <c r="AF151212" i="1"/>
  <c r="AF151213" i="1"/>
  <c r="AF151214" i="1"/>
  <c r="AF151215" i="1"/>
  <c r="AF151216" i="1"/>
  <c r="AF151217" i="1"/>
  <c r="AF151218" i="1"/>
  <c r="AF151219" i="1"/>
  <c r="AF151220" i="1"/>
  <c r="AF151221" i="1"/>
  <c r="AF151222" i="1"/>
  <c r="AF151223" i="1"/>
  <c r="AF151224" i="1"/>
  <c r="AF151225" i="1"/>
  <c r="AF151226" i="1"/>
  <c r="AF151227" i="1"/>
  <c r="AF151228" i="1"/>
  <c r="AF151229" i="1"/>
  <c r="AF151230" i="1"/>
  <c r="AF151231" i="1"/>
  <c r="AF151232" i="1"/>
  <c r="AF151233" i="1"/>
  <c r="AF151234" i="1"/>
  <c r="AF151235" i="1"/>
  <c r="AF151236" i="1"/>
  <c r="AF151237" i="1"/>
  <c r="AF151238" i="1"/>
  <c r="AF151239" i="1"/>
  <c r="AF151240" i="1"/>
  <c r="AF151241" i="1"/>
  <c r="AF151242" i="1"/>
  <c r="AF151243" i="1"/>
  <c r="AF151244" i="1"/>
  <c r="AF151245" i="1"/>
  <c r="AF151246" i="1"/>
  <c r="AF151247" i="1"/>
  <c r="AF151248" i="1"/>
  <c r="AF151249" i="1"/>
  <c r="AF151250" i="1"/>
  <c r="AF151251" i="1"/>
  <c r="AF151252" i="1"/>
  <c r="AF151253" i="1"/>
  <c r="AF151254" i="1"/>
  <c r="AF151255" i="1"/>
  <c r="AF151256" i="1"/>
  <c r="AF151257" i="1"/>
  <c r="AF151258" i="1"/>
  <c r="AF151259" i="1"/>
  <c r="AF151260" i="1"/>
  <c r="AF151261" i="1"/>
  <c r="AF151262" i="1"/>
  <c r="AF151263" i="1"/>
  <c r="AF151264" i="1"/>
  <c r="AF151265" i="1"/>
  <c r="AF151266" i="1"/>
  <c r="AF151267" i="1"/>
  <c r="AF151268" i="1"/>
  <c r="AF151269" i="1"/>
  <c r="AF151270" i="1"/>
  <c r="AF151271" i="1"/>
  <c r="AF151272" i="1"/>
  <c r="AF151273" i="1"/>
  <c r="AF151274" i="1"/>
  <c r="AF151275" i="1"/>
  <c r="AF151276" i="1"/>
  <c r="AF151277" i="1"/>
  <c r="AF151278" i="1"/>
  <c r="AF151279" i="1"/>
  <c r="AF151280" i="1"/>
  <c r="AF151281" i="1"/>
  <c r="AF151282" i="1"/>
  <c r="AF151283" i="1"/>
  <c r="AF151284" i="1"/>
  <c r="AF151285" i="1"/>
  <c r="AF151286" i="1"/>
  <c r="AF151287" i="1"/>
  <c r="AF151288" i="1"/>
  <c r="AF151289" i="1"/>
  <c r="AF151290" i="1"/>
  <c r="AF151291" i="1"/>
  <c r="AF151292" i="1"/>
  <c r="AF151293" i="1"/>
  <c r="AF151294" i="1"/>
  <c r="AF151295" i="1"/>
  <c r="AF151296" i="1"/>
  <c r="AF151297" i="1"/>
  <c r="AF151298" i="1"/>
  <c r="AF151299" i="1"/>
  <c r="AF151300" i="1"/>
  <c r="AF151301" i="1"/>
  <c r="AF151302" i="1"/>
  <c r="AF151303" i="1"/>
  <c r="AF151304" i="1"/>
  <c r="AF151305" i="1"/>
  <c r="AF151306" i="1"/>
  <c r="AF151307" i="1"/>
  <c r="AF151308" i="1"/>
  <c r="AF151309" i="1"/>
  <c r="AF151310" i="1"/>
  <c r="AF151311" i="1"/>
  <c r="AF151312" i="1"/>
  <c r="AF151313" i="1"/>
  <c r="AF151314" i="1"/>
  <c r="AF151315" i="1"/>
  <c r="AF151316" i="1"/>
  <c r="AF151317" i="1"/>
  <c r="AF151318" i="1"/>
  <c r="AF151319" i="1"/>
  <c r="AF151320" i="1"/>
  <c r="AF151321" i="1"/>
  <c r="AF151322" i="1"/>
  <c r="AF151323" i="1"/>
  <c r="AF151324" i="1"/>
  <c r="AF151325" i="1"/>
  <c r="AF151326" i="1"/>
  <c r="AF151327" i="1"/>
  <c r="AF151328" i="1"/>
  <c r="AF151329" i="1"/>
  <c r="AF151330" i="1"/>
  <c r="AF151331" i="1"/>
  <c r="AF151332" i="1"/>
  <c r="AF151333" i="1"/>
  <c r="AF151334" i="1"/>
  <c r="AF151335" i="1"/>
  <c r="AF151336" i="1"/>
  <c r="AF151337" i="1"/>
  <c r="AF151338" i="1"/>
  <c r="AF151339" i="1"/>
  <c r="AF151340" i="1"/>
  <c r="AF151341" i="1"/>
  <c r="AF151342" i="1"/>
  <c r="AF151343" i="1"/>
  <c r="AF151344" i="1"/>
  <c r="AF151345" i="1"/>
  <c r="AF151346" i="1"/>
  <c r="AF151347" i="1"/>
  <c r="AF151348" i="1"/>
  <c r="AF151349" i="1"/>
  <c r="AF151350" i="1"/>
  <c r="AF151351" i="1"/>
  <c r="AF151352" i="1"/>
  <c r="AF151353" i="1"/>
  <c r="AF151354" i="1"/>
  <c r="AF151355" i="1"/>
  <c r="AF151356" i="1"/>
  <c r="AF151357" i="1"/>
  <c r="AF151358" i="1"/>
  <c r="AF151359" i="1"/>
  <c r="AF151360" i="1"/>
  <c r="AF151361" i="1"/>
  <c r="AF151362" i="1"/>
  <c r="AF151363" i="1"/>
  <c r="AF151364" i="1"/>
  <c r="AF151365" i="1"/>
  <c r="AF151366" i="1"/>
  <c r="AF151367" i="1"/>
  <c r="AF151368" i="1"/>
  <c r="AF151369" i="1"/>
  <c r="AF151370" i="1"/>
  <c r="AF151371" i="1"/>
  <c r="AF151372" i="1"/>
  <c r="AF151373" i="1"/>
  <c r="AF151374" i="1"/>
  <c r="AF151375" i="1"/>
  <c r="AF151376" i="1"/>
  <c r="AF151377" i="1"/>
  <c r="AF151378" i="1"/>
  <c r="AF151379" i="1"/>
  <c r="AF151380" i="1"/>
  <c r="AF151381" i="1"/>
  <c r="AF151382" i="1"/>
  <c r="AF151383" i="1"/>
  <c r="AF151384" i="1"/>
  <c r="AF151385" i="1"/>
  <c r="AF151386" i="1"/>
  <c r="AF151387" i="1"/>
  <c r="AF151388" i="1"/>
  <c r="AF151389" i="1"/>
  <c r="AF151390" i="1"/>
  <c r="AF151391" i="1"/>
  <c r="AF151392" i="1"/>
  <c r="AF151393" i="1"/>
  <c r="AF151394" i="1"/>
  <c r="AF151395" i="1"/>
  <c r="AF151396" i="1"/>
  <c r="AF151397" i="1"/>
  <c r="AF151398" i="1"/>
  <c r="AF151399" i="1"/>
  <c r="AF151400" i="1"/>
  <c r="AF151401" i="1"/>
  <c r="AF151402" i="1"/>
  <c r="AF151403" i="1"/>
  <c r="AF151404" i="1"/>
  <c r="AF151405" i="1"/>
  <c r="AF151406" i="1"/>
  <c r="AF151407" i="1"/>
  <c r="AF151408" i="1"/>
  <c r="AF151409" i="1"/>
  <c r="AF151410" i="1"/>
  <c r="AF151411" i="1"/>
  <c r="AF151412" i="1"/>
  <c r="AF151413" i="1"/>
  <c r="AF151414" i="1"/>
  <c r="AF151415" i="1"/>
  <c r="AF151416" i="1"/>
  <c r="AF151417" i="1"/>
  <c r="AF151418" i="1"/>
  <c r="AF151419" i="1"/>
  <c r="AF151420" i="1"/>
  <c r="AF151421" i="1"/>
  <c r="AF151422" i="1"/>
  <c r="AF151423" i="1"/>
  <c r="AF151424" i="1"/>
  <c r="AF151425" i="1"/>
  <c r="AF151426" i="1"/>
  <c r="AF151427" i="1"/>
  <c r="AF151428" i="1"/>
  <c r="AF151429" i="1"/>
  <c r="AF151430" i="1"/>
  <c r="AF151431" i="1"/>
  <c r="AF151432" i="1"/>
  <c r="AF151433" i="1"/>
  <c r="AF151434" i="1"/>
  <c r="AF151435" i="1"/>
  <c r="AF151436" i="1"/>
  <c r="AF151437" i="1"/>
  <c r="AF151438" i="1"/>
  <c r="AF151439" i="1"/>
  <c r="AF151440" i="1"/>
  <c r="AF151441" i="1"/>
  <c r="AF151442" i="1"/>
  <c r="AF151443" i="1"/>
  <c r="AF151444" i="1"/>
  <c r="AF151445" i="1"/>
  <c r="AF151446" i="1"/>
  <c r="AF151447" i="1"/>
  <c r="AF151448" i="1"/>
  <c r="AF151449" i="1"/>
  <c r="AF151450" i="1"/>
  <c r="AF151451" i="1"/>
  <c r="AF151452" i="1"/>
  <c r="AF151453" i="1"/>
  <c r="AF151454" i="1"/>
  <c r="AF151455" i="1"/>
  <c r="AF151456" i="1"/>
  <c r="AF151457" i="1"/>
  <c r="AF151458" i="1"/>
  <c r="AF151459" i="1"/>
  <c r="AF151460" i="1"/>
  <c r="AF151461" i="1"/>
  <c r="AF151462" i="1"/>
  <c r="AF151463" i="1"/>
  <c r="AF151464" i="1"/>
  <c r="AF151465" i="1"/>
  <c r="AF151466" i="1"/>
  <c r="AF151467" i="1"/>
  <c r="AF151468" i="1"/>
  <c r="AF151469" i="1"/>
  <c r="AF151470" i="1"/>
  <c r="AF151471" i="1"/>
  <c r="AF151472" i="1"/>
  <c r="AF151473" i="1"/>
  <c r="AF151474" i="1"/>
  <c r="AF151475" i="1"/>
  <c r="AF151476" i="1"/>
  <c r="AF151477" i="1"/>
  <c r="AF151478" i="1"/>
  <c r="AF151479" i="1"/>
  <c r="AF151480" i="1"/>
  <c r="AF151481" i="1"/>
  <c r="AF151482" i="1"/>
  <c r="AF151483" i="1"/>
  <c r="AF151484" i="1"/>
  <c r="AF151485" i="1"/>
  <c r="AF151486" i="1"/>
  <c r="AF151487" i="1"/>
  <c r="AF151488" i="1"/>
  <c r="AF151489" i="1"/>
  <c r="AF151490" i="1"/>
  <c r="AF151491" i="1"/>
  <c r="AF151492" i="1"/>
  <c r="AF151493" i="1"/>
  <c r="AF151494" i="1"/>
  <c r="AF151495" i="1"/>
  <c r="AF151496" i="1"/>
  <c r="AF151497" i="1"/>
  <c r="AF151498" i="1"/>
  <c r="AF151499" i="1"/>
  <c r="AF151500" i="1"/>
  <c r="AF151501" i="1"/>
  <c r="AF151502" i="1"/>
  <c r="AF151503" i="1"/>
  <c r="AF151504" i="1"/>
  <c r="AF151505" i="1"/>
  <c r="AF151506" i="1"/>
  <c r="AF151507" i="1"/>
  <c r="AF151508" i="1"/>
  <c r="AF151509" i="1"/>
  <c r="AF151510" i="1"/>
  <c r="AF151511" i="1"/>
  <c r="AF151512" i="1"/>
  <c r="AF151513" i="1"/>
  <c r="AF151514" i="1"/>
  <c r="AF151515" i="1"/>
  <c r="AF151516" i="1"/>
  <c r="AF151517" i="1"/>
  <c r="AF151518" i="1"/>
  <c r="AF151519" i="1"/>
  <c r="AF151520" i="1"/>
  <c r="AF151521" i="1"/>
  <c r="AF151522" i="1"/>
  <c r="AF151523" i="1"/>
  <c r="AF151524" i="1"/>
  <c r="AF151525" i="1"/>
  <c r="AF151526" i="1"/>
  <c r="AF151527" i="1"/>
  <c r="AF151528" i="1"/>
  <c r="AF151529" i="1"/>
  <c r="AF151530" i="1"/>
  <c r="AF151531" i="1"/>
  <c r="AF151532" i="1"/>
  <c r="AF151533" i="1"/>
  <c r="AF151534" i="1"/>
  <c r="AF151535" i="1"/>
  <c r="AF151536" i="1"/>
  <c r="AF151537" i="1"/>
  <c r="AF151538" i="1"/>
  <c r="AF151539" i="1"/>
  <c r="AF151540" i="1"/>
  <c r="AF151541" i="1"/>
  <c r="AF151542" i="1"/>
  <c r="AF151543" i="1"/>
  <c r="AF151544" i="1"/>
  <c r="AF151545" i="1"/>
  <c r="AF151546" i="1"/>
  <c r="AF151547" i="1"/>
  <c r="AF151548" i="1"/>
  <c r="AF151549" i="1"/>
  <c r="AF151550" i="1"/>
  <c r="AF151551" i="1"/>
  <c r="AF151552" i="1"/>
  <c r="AF151553" i="1"/>
  <c r="AF151554" i="1"/>
  <c r="AF151555" i="1"/>
  <c r="AF151556" i="1"/>
  <c r="AF151557" i="1"/>
  <c r="AF151558" i="1"/>
  <c r="AF151559" i="1"/>
  <c r="AF151560" i="1"/>
  <c r="AF151561" i="1"/>
  <c r="AF151562" i="1"/>
  <c r="AF151563" i="1"/>
  <c r="AF151564" i="1"/>
  <c r="AF151565" i="1"/>
  <c r="AF151566" i="1"/>
  <c r="AF151567" i="1"/>
  <c r="AF151568" i="1"/>
  <c r="AF151569" i="1"/>
  <c r="AF151570" i="1"/>
  <c r="AF151571" i="1"/>
  <c r="AF151572" i="1"/>
  <c r="AF151573" i="1"/>
  <c r="AF151574" i="1"/>
  <c r="AF151575" i="1"/>
  <c r="AF151576" i="1"/>
  <c r="AF151577" i="1"/>
  <c r="AF151578" i="1"/>
  <c r="AF151579" i="1"/>
  <c r="AF151580" i="1"/>
  <c r="AF151581" i="1"/>
  <c r="AF151582" i="1"/>
  <c r="AF151583" i="1"/>
  <c r="AF151584" i="1"/>
  <c r="AF151585" i="1"/>
  <c r="AF151586" i="1"/>
  <c r="AF151587" i="1"/>
  <c r="AF151588" i="1"/>
  <c r="AF151589" i="1"/>
  <c r="AF151590" i="1"/>
  <c r="AF151591" i="1"/>
  <c r="AF151592" i="1"/>
  <c r="AF151593" i="1"/>
  <c r="AF151594" i="1"/>
  <c r="AF151595" i="1"/>
  <c r="AF151596" i="1"/>
  <c r="AF151597" i="1"/>
  <c r="AF151598" i="1"/>
  <c r="AF151599" i="1"/>
  <c r="AF151600" i="1"/>
  <c r="AF151601" i="1"/>
  <c r="AF151602" i="1"/>
  <c r="AF151603" i="1"/>
  <c r="AF151604" i="1"/>
  <c r="AF151605" i="1"/>
  <c r="AF151606" i="1"/>
  <c r="AF151607" i="1"/>
  <c r="AF151608" i="1"/>
  <c r="AF151609" i="1"/>
  <c r="AF151610" i="1"/>
  <c r="AF151611" i="1"/>
  <c r="AF151612" i="1"/>
  <c r="AF151613" i="1"/>
  <c r="AF151614" i="1"/>
  <c r="AF151615" i="1"/>
  <c r="AF151616" i="1"/>
  <c r="AF151617" i="1"/>
  <c r="AF151618" i="1"/>
  <c r="AF151619" i="1"/>
  <c r="AF151620" i="1"/>
  <c r="AF151621" i="1"/>
  <c r="AF151622" i="1"/>
  <c r="AF151623" i="1"/>
  <c r="AF151624" i="1"/>
  <c r="AF151625" i="1"/>
  <c r="AF151626" i="1"/>
  <c r="AF151627" i="1"/>
  <c r="AF151628" i="1"/>
  <c r="AF151629" i="1"/>
  <c r="AF151630" i="1"/>
  <c r="AF151631" i="1"/>
  <c r="AF151632" i="1"/>
  <c r="AF151633" i="1"/>
  <c r="AF151634" i="1"/>
  <c r="AF151635" i="1"/>
  <c r="AF151636" i="1"/>
  <c r="AF151637" i="1"/>
  <c r="AF151638" i="1"/>
  <c r="AF151639" i="1"/>
  <c r="AF151640" i="1"/>
  <c r="AF151641" i="1"/>
  <c r="AF151642" i="1"/>
  <c r="AF151643" i="1"/>
  <c r="AF151644" i="1"/>
  <c r="AF151645" i="1"/>
  <c r="AF151646" i="1"/>
  <c r="AF151647" i="1"/>
  <c r="AF151648" i="1"/>
  <c r="AF151649" i="1"/>
  <c r="AF151650" i="1"/>
  <c r="AF151651" i="1"/>
  <c r="AF151652" i="1"/>
  <c r="AF151653" i="1"/>
  <c r="AF151654" i="1"/>
  <c r="AF151655" i="1"/>
  <c r="AF151656" i="1"/>
  <c r="AF151657" i="1"/>
  <c r="AF151658" i="1"/>
  <c r="AF151659" i="1"/>
  <c r="AF151660" i="1"/>
  <c r="AF151661" i="1"/>
  <c r="AF151662" i="1"/>
  <c r="AF151663" i="1"/>
  <c r="AF151664" i="1"/>
  <c r="AF151665" i="1"/>
  <c r="AF151666" i="1"/>
  <c r="AF151667" i="1"/>
  <c r="AF151668" i="1"/>
  <c r="AF151669" i="1"/>
  <c r="AF151670" i="1"/>
  <c r="AF151671" i="1"/>
  <c r="AF151672" i="1"/>
  <c r="AF151673" i="1"/>
  <c r="AF151674" i="1"/>
  <c r="AF151675" i="1"/>
  <c r="AF151676" i="1"/>
  <c r="AF151677" i="1"/>
  <c r="AF151678" i="1"/>
  <c r="AF151679" i="1"/>
  <c r="AF151680" i="1"/>
  <c r="AF151681" i="1"/>
  <c r="AF151682" i="1"/>
  <c r="AF151683" i="1"/>
  <c r="AF151684" i="1"/>
  <c r="AF151685" i="1"/>
  <c r="AF151686" i="1"/>
  <c r="AF151687" i="1"/>
  <c r="AF151688" i="1"/>
  <c r="AF151689" i="1"/>
  <c r="AF151690" i="1"/>
  <c r="AF151691" i="1"/>
  <c r="AF151692" i="1"/>
  <c r="AF151693" i="1"/>
  <c r="AF151694" i="1"/>
  <c r="AF151695" i="1"/>
  <c r="AF151696" i="1"/>
  <c r="AF151697" i="1"/>
  <c r="AF151698" i="1"/>
  <c r="AF151699" i="1"/>
  <c r="AF151700" i="1"/>
  <c r="AF151701" i="1"/>
  <c r="AF151702" i="1"/>
  <c r="AF151703" i="1"/>
  <c r="AF151704" i="1"/>
  <c r="AF151705" i="1"/>
  <c r="AF151706" i="1"/>
  <c r="AF151707" i="1"/>
  <c r="AF151708" i="1"/>
  <c r="AF151709" i="1"/>
  <c r="AF151710" i="1"/>
  <c r="AF151711" i="1"/>
  <c r="AF151712" i="1"/>
  <c r="AF151713" i="1"/>
  <c r="AF151714" i="1"/>
  <c r="AF151715" i="1"/>
  <c r="AF151716" i="1"/>
  <c r="AF151717" i="1"/>
  <c r="AF151718" i="1"/>
  <c r="AF151719" i="1"/>
  <c r="AF151720" i="1"/>
  <c r="AF151721" i="1"/>
  <c r="AF151722" i="1"/>
  <c r="AF151723" i="1"/>
  <c r="AF151724" i="1"/>
  <c r="AF151725" i="1"/>
  <c r="AF151726" i="1"/>
  <c r="AF151727" i="1"/>
  <c r="AF151728" i="1"/>
  <c r="AF151729" i="1"/>
  <c r="AF151730" i="1"/>
  <c r="AF151731" i="1"/>
  <c r="AF151732" i="1"/>
  <c r="AF151733" i="1"/>
  <c r="AF151734" i="1"/>
  <c r="AF151735" i="1"/>
  <c r="AF151736" i="1"/>
  <c r="AF151737" i="1"/>
  <c r="AF151738" i="1"/>
  <c r="AF151739" i="1"/>
  <c r="AF151740" i="1"/>
  <c r="AF151741" i="1"/>
  <c r="AF151742" i="1"/>
  <c r="AF151743" i="1"/>
  <c r="AF151744" i="1"/>
  <c r="AF151745" i="1"/>
  <c r="AF151746" i="1"/>
  <c r="AF151747" i="1"/>
  <c r="AF151748" i="1"/>
  <c r="AF151749" i="1"/>
  <c r="AF151750" i="1"/>
  <c r="AF151751" i="1"/>
  <c r="AF151752" i="1"/>
  <c r="AF151753" i="1"/>
  <c r="AF151754" i="1"/>
  <c r="AF151755" i="1"/>
  <c r="AF151756" i="1"/>
  <c r="AF151757" i="1"/>
  <c r="AF151758" i="1"/>
  <c r="AF151759" i="1"/>
  <c r="AF151760" i="1"/>
  <c r="AF151761" i="1"/>
  <c r="AF151762" i="1"/>
  <c r="AF151763" i="1"/>
  <c r="AF151764" i="1"/>
  <c r="AF151765" i="1"/>
  <c r="AF151766" i="1"/>
  <c r="AF151767" i="1"/>
  <c r="AF151768" i="1"/>
  <c r="AF151769" i="1"/>
  <c r="AF151770" i="1"/>
  <c r="AF151771" i="1"/>
  <c r="AF151772" i="1"/>
  <c r="AF151773" i="1"/>
  <c r="AF151774" i="1"/>
  <c r="AF151775" i="1"/>
  <c r="AF151776" i="1"/>
  <c r="AF151777" i="1"/>
  <c r="AF151778" i="1"/>
  <c r="AF151779" i="1"/>
  <c r="AF151780" i="1"/>
  <c r="AF151781" i="1"/>
  <c r="AF151782" i="1"/>
  <c r="AF151783" i="1"/>
  <c r="AF151784" i="1"/>
  <c r="AF151785" i="1"/>
  <c r="AF151786" i="1"/>
  <c r="AF151787" i="1"/>
  <c r="AF151788" i="1"/>
  <c r="AF151789" i="1"/>
  <c r="AF151790" i="1"/>
  <c r="AF151791" i="1"/>
  <c r="AF151792" i="1"/>
  <c r="AF151793" i="1"/>
  <c r="AF151794" i="1"/>
  <c r="AF151795" i="1"/>
  <c r="AF151796" i="1"/>
  <c r="AF151797" i="1"/>
  <c r="AF151798" i="1"/>
  <c r="AF151799" i="1"/>
  <c r="AF151800" i="1"/>
  <c r="AF151801" i="1"/>
  <c r="AF151802" i="1"/>
  <c r="AF151803" i="1"/>
  <c r="AF151804" i="1"/>
  <c r="AF151805" i="1"/>
  <c r="AF151806" i="1"/>
  <c r="AF151807" i="1"/>
  <c r="AF151808" i="1"/>
  <c r="AF151809" i="1"/>
  <c r="AF151810" i="1"/>
  <c r="AF151811" i="1"/>
  <c r="AF151812" i="1"/>
  <c r="AF151813" i="1"/>
  <c r="AF151814" i="1"/>
  <c r="AF151815" i="1"/>
  <c r="AF151816" i="1"/>
  <c r="AF151817" i="1"/>
  <c r="AF151818" i="1"/>
  <c r="AF151819" i="1"/>
  <c r="AF151820" i="1"/>
  <c r="AF151821" i="1"/>
  <c r="AF151822" i="1"/>
  <c r="AF151823" i="1"/>
  <c r="AF151824" i="1"/>
  <c r="AF151825" i="1"/>
  <c r="AF151826" i="1"/>
  <c r="AF151827" i="1"/>
  <c r="AF151828" i="1"/>
  <c r="AF151829" i="1"/>
  <c r="AF151830" i="1"/>
  <c r="AF151831" i="1"/>
  <c r="AF151832" i="1"/>
  <c r="AF151833" i="1"/>
  <c r="AF151834" i="1"/>
  <c r="AF151835" i="1"/>
  <c r="AF151836" i="1"/>
  <c r="AF151837" i="1"/>
  <c r="AF151838" i="1"/>
  <c r="AF151839" i="1"/>
  <c r="AF151840" i="1"/>
  <c r="AF151841" i="1"/>
  <c r="AF151842" i="1"/>
  <c r="AF151843" i="1"/>
  <c r="AF151844" i="1"/>
  <c r="AF151845" i="1"/>
  <c r="AF151846" i="1"/>
  <c r="AF151847" i="1"/>
  <c r="AF151848" i="1"/>
  <c r="AF151849" i="1"/>
  <c r="AF151850" i="1"/>
  <c r="AF151851" i="1"/>
  <c r="AF151852" i="1"/>
  <c r="AF151853" i="1"/>
  <c r="AF151854" i="1"/>
  <c r="AF151855" i="1"/>
  <c r="AF151856" i="1"/>
  <c r="AF151857" i="1"/>
  <c r="AF151858" i="1"/>
  <c r="AF151859" i="1"/>
  <c r="AF151860" i="1"/>
  <c r="AF151861" i="1"/>
  <c r="AF151862" i="1"/>
  <c r="AF151863" i="1"/>
  <c r="AF151864" i="1"/>
  <c r="AF151865" i="1"/>
  <c r="AF151866" i="1"/>
  <c r="AF151867" i="1"/>
  <c r="AF151868" i="1"/>
  <c r="AF151869" i="1"/>
  <c r="AF151870" i="1"/>
  <c r="AF151871" i="1"/>
  <c r="AF151872" i="1"/>
  <c r="AF151873" i="1"/>
  <c r="AF151874" i="1"/>
  <c r="AF151875" i="1"/>
  <c r="AF151876" i="1"/>
  <c r="AF151877" i="1"/>
  <c r="AF151878" i="1"/>
  <c r="AF151879" i="1"/>
  <c r="AF151880" i="1"/>
  <c r="AF151881" i="1"/>
  <c r="AF151882" i="1"/>
  <c r="AF151883" i="1"/>
  <c r="AF151884" i="1"/>
  <c r="AF151885" i="1"/>
  <c r="AF151886" i="1"/>
  <c r="AF151887" i="1"/>
  <c r="AF151888" i="1"/>
  <c r="AF151889" i="1"/>
  <c r="AF151890" i="1"/>
  <c r="AF151891" i="1"/>
  <c r="AF151892" i="1"/>
  <c r="AF151893" i="1"/>
  <c r="AF151894" i="1"/>
  <c r="AF151895" i="1"/>
  <c r="AF151896" i="1"/>
  <c r="AF151897" i="1"/>
  <c r="AF151898" i="1"/>
  <c r="AF151899" i="1"/>
  <c r="AF151900" i="1"/>
  <c r="AF151901" i="1"/>
  <c r="AF151902" i="1"/>
  <c r="AF151903" i="1"/>
  <c r="AF151904" i="1"/>
  <c r="AF151905" i="1"/>
  <c r="AF151906" i="1"/>
  <c r="AF151907" i="1"/>
  <c r="AF151908" i="1"/>
  <c r="AF151909" i="1"/>
  <c r="AF151910" i="1"/>
  <c r="AF151911" i="1"/>
  <c r="AF151912" i="1"/>
  <c r="AF151913" i="1"/>
  <c r="AF151914" i="1"/>
  <c r="AF151915" i="1"/>
  <c r="AF151916" i="1"/>
  <c r="AF151917" i="1"/>
  <c r="AF151918" i="1"/>
  <c r="AF151919" i="1"/>
  <c r="AF151920" i="1"/>
  <c r="AF151921" i="1"/>
  <c r="AF151922" i="1"/>
  <c r="AF151923" i="1"/>
  <c r="AF151924" i="1"/>
  <c r="AF151925" i="1"/>
  <c r="AF151926" i="1"/>
  <c r="AF151927" i="1"/>
  <c r="AF151928" i="1"/>
  <c r="AF151929" i="1"/>
  <c r="AF151930" i="1"/>
  <c r="AF151931" i="1"/>
  <c r="AF151932" i="1"/>
  <c r="AF151933" i="1"/>
  <c r="AF151934" i="1"/>
  <c r="AF151935" i="1"/>
  <c r="AF151936" i="1"/>
  <c r="AF151937" i="1"/>
  <c r="AF151938" i="1"/>
  <c r="AF151939" i="1"/>
  <c r="AF151940" i="1"/>
  <c r="AF151941" i="1"/>
  <c r="AF151942" i="1"/>
  <c r="AF151943" i="1"/>
  <c r="AF151944" i="1"/>
  <c r="AF151945" i="1"/>
  <c r="AF151946" i="1"/>
  <c r="AF151947" i="1"/>
  <c r="AF151948" i="1"/>
  <c r="AF151949" i="1"/>
  <c r="AF151950" i="1"/>
  <c r="AF151951" i="1"/>
  <c r="AF151952" i="1"/>
  <c r="AF151953" i="1"/>
  <c r="AF151954" i="1"/>
  <c r="AF151955" i="1"/>
  <c r="AF151956" i="1"/>
  <c r="AF151957" i="1"/>
  <c r="AF151958" i="1"/>
  <c r="AF151959" i="1"/>
  <c r="AF151960" i="1"/>
  <c r="AF151961" i="1"/>
  <c r="AF151962" i="1"/>
  <c r="AF151963" i="1"/>
  <c r="AF151964" i="1"/>
  <c r="AF2" i="1"/>
  <c r="AE13" i="1"/>
  <c r="AE14" i="1"/>
  <c r="AE15" i="1"/>
  <c r="AE16" i="1"/>
  <c r="AE17" i="1"/>
  <c r="AE18" i="1"/>
  <c r="AE19" i="1"/>
  <c r="AE20" i="1"/>
  <c r="AE21" i="1"/>
  <c r="AE22" i="1"/>
  <c r="AE23" i="1"/>
  <c r="AE24" i="1"/>
  <c r="AE25" i="1"/>
  <c r="AE26" i="1"/>
  <c r="AE27" i="1"/>
  <c r="AE28" i="1"/>
  <c r="AE29" i="1"/>
  <c r="AE30" i="1"/>
  <c r="AE31" i="1"/>
  <c r="AE32" i="1"/>
  <c r="AE33" i="1"/>
  <c r="AE34" i="1"/>
  <c r="AE35" i="1"/>
  <c r="AE36" i="1"/>
  <c r="AE37" i="1"/>
  <c r="AE38" i="1"/>
  <c r="AE39" i="1"/>
  <c r="AE40" i="1"/>
  <c r="AE41" i="1"/>
  <c r="AE42" i="1"/>
  <c r="AE43" i="1"/>
  <c r="AE44" i="1"/>
  <c r="AE45" i="1"/>
  <c r="AE46" i="1"/>
  <c r="AE47" i="1"/>
  <c r="AE48" i="1"/>
  <c r="AE49" i="1"/>
  <c r="AE50" i="1"/>
  <c r="AE51" i="1"/>
  <c r="AE52" i="1"/>
  <c r="AE53" i="1"/>
  <c r="AE54" i="1"/>
  <c r="AE55" i="1"/>
  <c r="AE56" i="1"/>
  <c r="AE57" i="1"/>
  <c r="AE58" i="1"/>
  <c r="AE59" i="1"/>
  <c r="AE60" i="1"/>
  <c r="AE61" i="1"/>
  <c r="AE62" i="1"/>
  <c r="AE63" i="1"/>
  <c r="AE64" i="1"/>
  <c r="AE65" i="1"/>
  <c r="AE66" i="1"/>
  <c r="AE67" i="1"/>
  <c r="AE68" i="1"/>
  <c r="AE69" i="1"/>
  <c r="AE70" i="1"/>
  <c r="AE71" i="1"/>
  <c r="AE72" i="1"/>
  <c r="AE73" i="1"/>
  <c r="AE74" i="1"/>
  <c r="AE75" i="1"/>
  <c r="AE76" i="1"/>
  <c r="AE77" i="1"/>
  <c r="AE78" i="1"/>
  <c r="AE79" i="1"/>
  <c r="AE80" i="1"/>
  <c r="AE81" i="1"/>
  <c r="AE82" i="1"/>
  <c r="AE83" i="1"/>
  <c r="AE84" i="1"/>
  <c r="AE85" i="1"/>
  <c r="AE86" i="1"/>
  <c r="AE87" i="1"/>
  <c r="AE88" i="1"/>
  <c r="AE89" i="1"/>
  <c r="AE90" i="1"/>
  <c r="AE91" i="1"/>
  <c r="AE92" i="1"/>
  <c r="AE93" i="1"/>
  <c r="AE94" i="1"/>
  <c r="AE95" i="1"/>
  <c r="AE96" i="1"/>
  <c r="AE97" i="1"/>
  <c r="AE98" i="1"/>
  <c r="AE99" i="1"/>
  <c r="AE100" i="1"/>
  <c r="AE101" i="1"/>
  <c r="AE102" i="1"/>
  <c r="AE103" i="1"/>
  <c r="AE104" i="1"/>
  <c r="AE105" i="1"/>
  <c r="AE106" i="1"/>
  <c r="AE107" i="1"/>
  <c r="AE108" i="1"/>
  <c r="AE109" i="1"/>
  <c r="AE110" i="1"/>
  <c r="AE111" i="1"/>
  <c r="AE112" i="1"/>
  <c r="AE113" i="1"/>
  <c r="AE114" i="1"/>
  <c r="AE115" i="1"/>
  <c r="AE116" i="1"/>
  <c r="AE117" i="1"/>
  <c r="AE118" i="1"/>
  <c r="AE119" i="1"/>
  <c r="AE120" i="1"/>
  <c r="AE121" i="1"/>
  <c r="AE122" i="1"/>
  <c r="AE123" i="1"/>
  <c r="AE124" i="1"/>
  <c r="AE125" i="1"/>
  <c r="AE126" i="1"/>
  <c r="AE127" i="1"/>
  <c r="AE128" i="1"/>
  <c r="AE129" i="1"/>
  <c r="AE130" i="1"/>
  <c r="AE131" i="1"/>
  <c r="AE132" i="1"/>
  <c r="AE133" i="1"/>
  <c r="AE134" i="1"/>
  <c r="AE135" i="1"/>
  <c r="AE136" i="1"/>
  <c r="AE137" i="1"/>
  <c r="AE138" i="1"/>
  <c r="AE139" i="1"/>
  <c r="AE140" i="1"/>
  <c r="AE141" i="1"/>
  <c r="AE142" i="1"/>
  <c r="AE143" i="1"/>
  <c r="AE144" i="1"/>
  <c r="AE145" i="1"/>
  <c r="AE146" i="1"/>
  <c r="AE147" i="1"/>
  <c r="AE148" i="1"/>
  <c r="AE149" i="1"/>
  <c r="AE150" i="1"/>
  <c r="AE151" i="1"/>
  <c r="AE152" i="1"/>
  <c r="AE153" i="1"/>
  <c r="AE154" i="1"/>
  <c r="AE155" i="1"/>
  <c r="AE156" i="1"/>
  <c r="AE157" i="1"/>
  <c r="AE158" i="1"/>
  <c r="AE159" i="1"/>
  <c r="AE160" i="1"/>
  <c r="AE161" i="1"/>
  <c r="AE162" i="1"/>
  <c r="AE163" i="1"/>
  <c r="AE164" i="1"/>
  <c r="AE165" i="1"/>
  <c r="AE166" i="1"/>
  <c r="AE167" i="1"/>
  <c r="AE168" i="1"/>
  <c r="AE169" i="1"/>
  <c r="AE170" i="1"/>
  <c r="AE171" i="1"/>
  <c r="AE172" i="1"/>
  <c r="AE173" i="1"/>
  <c r="AE174" i="1"/>
  <c r="AE175" i="1"/>
  <c r="AE176" i="1"/>
  <c r="AE177" i="1"/>
  <c r="AE178" i="1"/>
  <c r="AE179" i="1"/>
  <c r="AE180" i="1"/>
  <c r="AE181" i="1"/>
  <c r="AE182" i="1"/>
  <c r="AE183" i="1"/>
  <c r="AE184" i="1"/>
  <c r="AE185" i="1"/>
  <c r="AE186" i="1"/>
  <c r="AE187" i="1"/>
  <c r="AE188" i="1"/>
  <c r="AE189" i="1"/>
  <c r="AE190" i="1"/>
  <c r="AE191" i="1"/>
  <c r="AE192" i="1"/>
  <c r="AE193" i="1"/>
  <c r="AE194" i="1"/>
  <c r="AE195" i="1"/>
  <c r="AE196" i="1"/>
  <c r="AE197" i="1"/>
  <c r="AE198" i="1"/>
  <c r="AE199" i="1"/>
  <c r="AE200" i="1"/>
  <c r="AE201" i="1"/>
  <c r="AE202" i="1"/>
  <c r="AE203" i="1"/>
  <c r="AE204" i="1"/>
  <c r="AE205" i="1"/>
  <c r="AE206" i="1"/>
  <c r="AE207" i="1"/>
  <c r="AE208" i="1"/>
  <c r="AE209" i="1"/>
  <c r="AE210" i="1"/>
  <c r="AE211" i="1"/>
  <c r="AE212" i="1"/>
  <c r="AE213" i="1"/>
  <c r="AE214" i="1"/>
  <c r="AE215" i="1"/>
  <c r="AE216" i="1"/>
  <c r="AE217" i="1"/>
  <c r="AE218" i="1"/>
  <c r="AE219" i="1"/>
  <c r="AE220" i="1"/>
  <c r="AE221" i="1"/>
  <c r="AE222" i="1"/>
  <c r="AE223" i="1"/>
  <c r="AE224" i="1"/>
  <c r="AE225" i="1"/>
  <c r="AE226" i="1"/>
  <c r="AE227" i="1"/>
  <c r="AE228" i="1"/>
  <c r="AE229" i="1"/>
  <c r="AE230" i="1"/>
  <c r="AE231" i="1"/>
  <c r="AE232" i="1"/>
  <c r="AE233" i="1"/>
  <c r="AE234" i="1"/>
  <c r="AE235" i="1"/>
  <c r="AE236" i="1"/>
  <c r="AE237" i="1"/>
  <c r="AE238" i="1"/>
  <c r="AE239" i="1"/>
  <c r="AE240" i="1"/>
  <c r="AE241" i="1"/>
  <c r="AE242" i="1"/>
  <c r="AE243" i="1"/>
  <c r="AE244" i="1"/>
  <c r="AE245" i="1"/>
  <c r="AE246" i="1"/>
  <c r="AE247" i="1"/>
  <c r="AE248" i="1"/>
  <c r="AE249" i="1"/>
  <c r="AE250" i="1"/>
  <c r="AE251" i="1"/>
  <c r="AE252" i="1"/>
  <c r="AE253" i="1"/>
  <c r="AE254" i="1"/>
  <c r="AE255" i="1"/>
  <c r="AE256" i="1"/>
  <c r="AE257" i="1"/>
  <c r="AE258" i="1"/>
  <c r="AE259" i="1"/>
  <c r="AE260" i="1"/>
  <c r="AE261" i="1"/>
  <c r="AE262" i="1"/>
  <c r="AE263" i="1"/>
  <c r="AE264" i="1"/>
  <c r="AE265" i="1"/>
  <c r="AE266" i="1"/>
  <c r="AE267" i="1"/>
  <c r="AE268" i="1"/>
  <c r="AE269" i="1"/>
  <c r="AE270" i="1"/>
  <c r="AE271" i="1"/>
  <c r="AE272" i="1"/>
  <c r="AE273" i="1"/>
  <c r="AE274" i="1"/>
  <c r="AE275" i="1"/>
  <c r="AE276" i="1"/>
  <c r="AE277" i="1"/>
  <c r="AE278" i="1"/>
  <c r="AE279" i="1"/>
  <c r="AE280" i="1"/>
  <c r="AE281" i="1"/>
  <c r="AE282" i="1"/>
  <c r="AE283" i="1"/>
  <c r="AE284" i="1"/>
  <c r="AE285" i="1"/>
  <c r="AE286" i="1"/>
  <c r="AE287" i="1"/>
  <c r="AE288" i="1"/>
  <c r="AE289" i="1"/>
  <c r="AE290" i="1"/>
  <c r="AE291" i="1"/>
  <c r="AE292" i="1"/>
  <c r="AE293" i="1"/>
  <c r="AE294" i="1"/>
  <c r="AE295" i="1"/>
  <c r="AE296" i="1"/>
  <c r="AE297" i="1"/>
  <c r="AE298" i="1"/>
  <c r="AE299" i="1"/>
  <c r="AE300" i="1"/>
  <c r="AE301" i="1"/>
  <c r="AE302" i="1"/>
  <c r="AE303" i="1"/>
  <c r="AE304" i="1"/>
  <c r="AE305" i="1"/>
  <c r="AE306" i="1"/>
  <c r="AE307" i="1"/>
  <c r="AE308" i="1"/>
  <c r="AE309" i="1"/>
  <c r="AE310" i="1"/>
  <c r="AE311" i="1"/>
  <c r="AE312" i="1"/>
  <c r="AE313" i="1"/>
  <c r="AE314" i="1"/>
  <c r="AE315" i="1"/>
  <c r="AE316" i="1"/>
  <c r="AE317" i="1"/>
  <c r="AE318" i="1"/>
  <c r="AE319" i="1"/>
  <c r="AE320" i="1"/>
  <c r="AE321" i="1"/>
  <c r="AE322" i="1"/>
  <c r="AE323" i="1"/>
  <c r="AE324" i="1"/>
  <c r="AE325" i="1"/>
  <c r="AE326" i="1"/>
  <c r="AE327" i="1"/>
  <c r="AE328" i="1"/>
  <c r="AE329" i="1"/>
  <c r="AE330" i="1"/>
  <c r="AE331" i="1"/>
  <c r="AE332" i="1"/>
  <c r="AE333" i="1"/>
  <c r="AE334" i="1"/>
  <c r="AE335" i="1"/>
  <c r="AE336" i="1"/>
  <c r="AE337" i="1"/>
  <c r="AE338" i="1"/>
  <c r="AE339" i="1"/>
  <c r="AE340" i="1"/>
  <c r="AE341" i="1"/>
  <c r="AE342" i="1"/>
  <c r="AE343" i="1"/>
  <c r="AE344" i="1"/>
  <c r="AE345" i="1"/>
  <c r="AE346" i="1"/>
  <c r="AE347" i="1"/>
  <c r="AE348" i="1"/>
  <c r="AE349" i="1"/>
  <c r="AE350" i="1"/>
  <c r="AE351" i="1"/>
  <c r="AE352" i="1"/>
  <c r="AE353" i="1"/>
  <c r="AE354" i="1"/>
  <c r="AE355" i="1"/>
  <c r="AE356" i="1"/>
  <c r="AE357" i="1"/>
  <c r="AE358" i="1"/>
  <c r="AE359" i="1"/>
  <c r="AE360" i="1"/>
  <c r="AE361" i="1"/>
  <c r="AE362" i="1"/>
  <c r="AE363" i="1"/>
  <c r="AE364" i="1"/>
  <c r="AE365" i="1"/>
  <c r="AE366" i="1"/>
  <c r="AE367" i="1"/>
  <c r="AE368" i="1"/>
  <c r="AE369" i="1"/>
  <c r="AE370" i="1"/>
  <c r="AE371" i="1"/>
  <c r="AE372" i="1"/>
  <c r="AE373" i="1"/>
  <c r="AE374" i="1"/>
  <c r="AE375" i="1"/>
  <c r="AE376" i="1"/>
  <c r="AE377" i="1"/>
  <c r="AE378" i="1"/>
  <c r="AE379" i="1"/>
  <c r="AE380" i="1"/>
  <c r="AE381" i="1"/>
  <c r="AE382" i="1"/>
  <c r="AE383" i="1"/>
  <c r="AE384" i="1"/>
  <c r="AE385" i="1"/>
  <c r="AE386" i="1"/>
  <c r="AE387" i="1"/>
  <c r="AE388" i="1"/>
  <c r="AE389" i="1"/>
  <c r="AE390" i="1"/>
  <c r="AE391" i="1"/>
  <c r="AE392" i="1"/>
  <c r="AE393" i="1"/>
  <c r="AE394" i="1"/>
  <c r="AE395" i="1"/>
  <c r="AE396" i="1"/>
  <c r="AE397" i="1"/>
  <c r="AE398" i="1"/>
  <c r="AE399" i="1"/>
  <c r="AE400" i="1"/>
  <c r="AE401" i="1"/>
  <c r="AE402" i="1"/>
  <c r="AE403" i="1"/>
  <c r="AE404" i="1"/>
  <c r="AE405" i="1"/>
  <c r="AE406" i="1"/>
  <c r="AE407" i="1"/>
  <c r="AE408" i="1"/>
  <c r="AE409" i="1"/>
  <c r="AE410" i="1"/>
  <c r="AE411" i="1"/>
  <c r="AE412" i="1"/>
  <c r="AE413" i="1"/>
  <c r="AE414" i="1"/>
  <c r="AE415" i="1"/>
  <c r="AE416" i="1"/>
  <c r="AE417" i="1"/>
  <c r="AE418" i="1"/>
  <c r="AE419" i="1"/>
  <c r="AE420" i="1"/>
  <c r="AE421" i="1"/>
  <c r="AE422" i="1"/>
  <c r="AE423" i="1"/>
  <c r="AE424" i="1"/>
  <c r="AE425" i="1"/>
  <c r="AE426" i="1"/>
  <c r="AE427" i="1"/>
  <c r="AE428" i="1"/>
  <c r="AE429" i="1"/>
  <c r="AE430" i="1"/>
  <c r="AE431" i="1"/>
  <c r="AE432" i="1"/>
  <c r="AE433" i="1"/>
  <c r="AE434" i="1"/>
  <c r="AE435" i="1"/>
  <c r="AE436" i="1"/>
  <c r="AE437" i="1"/>
  <c r="AE438" i="1"/>
  <c r="AE439" i="1"/>
  <c r="AE440" i="1"/>
  <c r="AE441" i="1"/>
  <c r="AE442" i="1"/>
  <c r="AE443" i="1"/>
  <c r="AE444" i="1"/>
  <c r="AE445" i="1"/>
  <c r="AE446" i="1"/>
  <c r="AE447" i="1"/>
  <c r="AE448" i="1"/>
  <c r="AE449" i="1"/>
  <c r="AE450" i="1"/>
  <c r="AE451" i="1"/>
  <c r="AE452" i="1"/>
  <c r="AE453" i="1"/>
  <c r="AE454" i="1"/>
  <c r="AE455" i="1"/>
  <c r="AE456" i="1"/>
  <c r="AE457" i="1"/>
  <c r="AE458" i="1"/>
  <c r="AE459" i="1"/>
  <c r="AE460" i="1"/>
  <c r="AE461" i="1"/>
  <c r="AE462" i="1"/>
  <c r="AE463" i="1"/>
  <c r="AE464" i="1"/>
  <c r="AE465" i="1"/>
  <c r="AE466" i="1"/>
  <c r="AE467" i="1"/>
  <c r="AE468" i="1"/>
  <c r="AE469" i="1"/>
  <c r="AE470" i="1"/>
  <c r="AE471" i="1"/>
  <c r="AE472" i="1"/>
  <c r="AE473" i="1"/>
  <c r="AE474" i="1"/>
  <c r="AE475" i="1"/>
  <c r="AE476" i="1"/>
  <c r="AE477" i="1"/>
  <c r="AE478" i="1"/>
  <c r="AE479" i="1"/>
  <c r="AE480" i="1"/>
  <c r="AE481" i="1"/>
  <c r="AE482" i="1"/>
  <c r="AE483" i="1"/>
  <c r="AE484" i="1"/>
  <c r="AE485" i="1"/>
  <c r="AE486" i="1"/>
  <c r="AE487" i="1"/>
  <c r="AE488" i="1"/>
  <c r="AE489" i="1"/>
  <c r="AE490" i="1"/>
  <c r="AE491" i="1"/>
  <c r="AE492" i="1"/>
  <c r="AE493" i="1"/>
  <c r="AE494" i="1"/>
  <c r="AE495" i="1"/>
  <c r="AE496" i="1"/>
  <c r="AE497" i="1"/>
  <c r="AE498" i="1"/>
  <c r="AE499" i="1"/>
  <c r="AE500" i="1"/>
  <c r="AE501" i="1"/>
  <c r="AE502" i="1"/>
  <c r="AE503" i="1"/>
  <c r="AE504" i="1"/>
  <c r="AE505" i="1"/>
  <c r="AE506" i="1"/>
  <c r="AE507" i="1"/>
  <c r="AE508" i="1"/>
  <c r="AE509" i="1"/>
  <c r="AE510" i="1"/>
  <c r="AE511" i="1"/>
  <c r="AE512" i="1"/>
  <c r="AE513" i="1"/>
  <c r="AE514" i="1"/>
  <c r="AE515" i="1"/>
  <c r="AE516" i="1"/>
  <c r="AE517" i="1"/>
  <c r="AE518" i="1"/>
  <c r="AE519" i="1"/>
  <c r="AE520" i="1"/>
  <c r="AE521" i="1"/>
  <c r="AE522" i="1"/>
  <c r="AE523" i="1"/>
  <c r="AE524" i="1"/>
  <c r="AE525" i="1"/>
  <c r="AE526" i="1"/>
  <c r="AE527" i="1"/>
  <c r="AE528" i="1"/>
  <c r="AE529" i="1"/>
  <c r="AE530" i="1"/>
  <c r="AE531" i="1"/>
  <c r="AE532" i="1"/>
  <c r="AE533" i="1"/>
  <c r="AE534" i="1"/>
  <c r="AE535" i="1"/>
  <c r="AE536" i="1"/>
  <c r="AE537" i="1"/>
  <c r="AE538" i="1"/>
  <c r="AE539" i="1"/>
  <c r="AE540" i="1"/>
  <c r="AE541" i="1"/>
  <c r="AE542" i="1"/>
  <c r="AE543" i="1"/>
  <c r="AE544" i="1"/>
  <c r="AE545" i="1"/>
  <c r="AE546" i="1"/>
  <c r="AE547" i="1"/>
  <c r="AE548" i="1"/>
  <c r="AE549" i="1"/>
  <c r="AE550" i="1"/>
  <c r="AE551" i="1"/>
  <c r="AE552" i="1"/>
  <c r="AE553" i="1"/>
  <c r="AE554" i="1"/>
  <c r="AE555" i="1"/>
  <c r="AE556" i="1"/>
  <c r="AE557" i="1"/>
  <c r="AE558" i="1"/>
  <c r="AE559" i="1"/>
  <c r="AE560" i="1"/>
  <c r="AE561" i="1"/>
  <c r="AE562" i="1"/>
  <c r="AE563" i="1"/>
  <c r="AE564" i="1"/>
  <c r="AE565" i="1"/>
  <c r="AE566" i="1"/>
  <c r="AE567" i="1"/>
  <c r="AE568" i="1"/>
  <c r="AE569" i="1"/>
  <c r="AE570" i="1"/>
  <c r="AE571" i="1"/>
  <c r="AE572" i="1"/>
  <c r="AE573" i="1"/>
  <c r="AE574" i="1"/>
  <c r="AE575" i="1"/>
  <c r="AE576" i="1"/>
  <c r="AE577" i="1"/>
  <c r="AE578" i="1"/>
  <c r="AE579" i="1"/>
  <c r="AE580" i="1"/>
  <c r="AE581" i="1"/>
  <c r="AE582" i="1"/>
  <c r="AE583" i="1"/>
  <c r="AE584" i="1"/>
  <c r="AE585" i="1"/>
  <c r="AE586" i="1"/>
  <c r="AE587" i="1"/>
  <c r="AE588" i="1"/>
  <c r="AE589" i="1"/>
  <c r="AE590" i="1"/>
  <c r="AE591" i="1"/>
  <c r="AE592" i="1"/>
  <c r="AE593" i="1"/>
  <c r="AE594" i="1"/>
  <c r="AE595" i="1"/>
  <c r="AE596" i="1"/>
  <c r="AE597" i="1"/>
  <c r="AE598" i="1"/>
  <c r="AE599" i="1"/>
  <c r="AE600" i="1"/>
  <c r="AE601" i="1"/>
  <c r="AE602" i="1"/>
  <c r="AE603" i="1"/>
  <c r="AE604" i="1"/>
  <c r="AE605" i="1"/>
  <c r="AE606" i="1"/>
  <c r="AE607" i="1"/>
  <c r="AE608" i="1"/>
  <c r="AE609" i="1"/>
  <c r="AE610" i="1"/>
  <c r="AE611" i="1"/>
  <c r="AE612" i="1"/>
  <c r="AE613" i="1"/>
  <c r="AE614" i="1"/>
  <c r="AE615" i="1"/>
  <c r="AE616" i="1"/>
  <c r="AE617" i="1"/>
  <c r="AE618" i="1"/>
  <c r="AE619" i="1"/>
  <c r="AE620" i="1"/>
  <c r="AE621" i="1"/>
  <c r="AE622" i="1"/>
  <c r="AE623" i="1"/>
  <c r="AE624" i="1"/>
  <c r="AE625" i="1"/>
  <c r="AE626" i="1"/>
  <c r="AE627" i="1"/>
  <c r="AE628" i="1"/>
  <c r="AE629" i="1"/>
  <c r="AE630" i="1"/>
  <c r="AE631" i="1"/>
  <c r="AE632" i="1"/>
  <c r="AE633" i="1"/>
  <c r="AE634" i="1"/>
  <c r="AE635" i="1"/>
  <c r="AE636" i="1"/>
  <c r="AE637" i="1"/>
  <c r="AE638" i="1"/>
  <c r="AE639" i="1"/>
  <c r="AE640" i="1"/>
  <c r="AE641" i="1"/>
  <c r="AE642" i="1"/>
  <c r="AE643" i="1"/>
  <c r="AE644" i="1"/>
  <c r="AE645" i="1"/>
  <c r="AE646" i="1"/>
  <c r="AE647" i="1"/>
  <c r="AE648" i="1"/>
  <c r="AE649" i="1"/>
  <c r="AE650" i="1"/>
  <c r="AE651" i="1"/>
  <c r="AE652" i="1"/>
  <c r="AE653" i="1"/>
  <c r="AE654" i="1"/>
  <c r="AE655" i="1"/>
  <c r="AE656" i="1"/>
  <c r="AE657" i="1"/>
  <c r="AE658" i="1"/>
  <c r="AE659" i="1"/>
  <c r="AE660" i="1"/>
  <c r="AE661" i="1"/>
  <c r="AE662" i="1"/>
  <c r="AE663" i="1"/>
  <c r="AE664" i="1"/>
  <c r="AE665" i="1"/>
  <c r="AE666" i="1"/>
  <c r="AE667" i="1"/>
  <c r="AE668" i="1"/>
  <c r="AE669" i="1"/>
  <c r="AE670" i="1"/>
  <c r="AE671" i="1"/>
  <c r="AE672" i="1"/>
  <c r="AE673" i="1"/>
  <c r="AE674" i="1"/>
  <c r="AE675" i="1"/>
  <c r="AE676" i="1"/>
  <c r="AE677" i="1"/>
  <c r="AE678" i="1"/>
  <c r="AE679" i="1"/>
  <c r="AE680" i="1"/>
  <c r="AE681" i="1"/>
  <c r="AE682" i="1"/>
  <c r="AE683" i="1"/>
  <c r="AE684" i="1"/>
  <c r="AE685" i="1"/>
  <c r="AE686" i="1"/>
  <c r="AE687" i="1"/>
  <c r="AE688" i="1"/>
  <c r="AE689" i="1"/>
  <c r="AE690" i="1"/>
  <c r="AE691" i="1"/>
  <c r="AE692" i="1"/>
  <c r="AE693" i="1"/>
  <c r="AE694" i="1"/>
  <c r="AE695" i="1"/>
  <c r="AE696" i="1"/>
  <c r="AE697" i="1"/>
  <c r="AE698" i="1"/>
  <c r="AE699" i="1"/>
  <c r="AE700" i="1"/>
  <c r="AE701" i="1"/>
  <c r="AE702" i="1"/>
  <c r="AE703" i="1"/>
  <c r="AE704" i="1"/>
  <c r="AE705" i="1"/>
  <c r="AE706" i="1"/>
  <c r="AE707" i="1"/>
  <c r="AE708" i="1"/>
  <c r="AE709" i="1"/>
  <c r="AE710" i="1"/>
  <c r="AE711" i="1"/>
  <c r="AE712" i="1"/>
  <c r="AE713" i="1"/>
  <c r="AE714" i="1"/>
  <c r="AE715" i="1"/>
  <c r="AE716" i="1"/>
  <c r="AE717" i="1"/>
  <c r="AE718" i="1"/>
  <c r="AE719" i="1"/>
  <c r="AE720" i="1"/>
  <c r="AE721" i="1"/>
  <c r="AE722" i="1"/>
  <c r="AE723" i="1"/>
  <c r="AE724" i="1"/>
  <c r="AE725" i="1"/>
  <c r="AE726" i="1"/>
  <c r="AE727" i="1"/>
  <c r="AE728" i="1"/>
  <c r="AE729" i="1"/>
  <c r="AE730" i="1"/>
  <c r="AE731" i="1"/>
  <c r="AE732" i="1"/>
  <c r="AE733" i="1"/>
  <c r="AE734" i="1"/>
  <c r="AE735" i="1"/>
  <c r="AE736" i="1"/>
  <c r="AE737" i="1"/>
  <c r="AE738" i="1"/>
  <c r="AE739" i="1"/>
  <c r="AE740" i="1"/>
  <c r="AE741" i="1"/>
  <c r="AE742" i="1"/>
  <c r="AE743" i="1"/>
  <c r="AE744" i="1"/>
  <c r="AE745" i="1"/>
  <c r="AE746" i="1"/>
  <c r="AE747" i="1"/>
  <c r="AE748" i="1"/>
  <c r="AE749" i="1"/>
  <c r="AE750" i="1"/>
  <c r="AE751" i="1"/>
  <c r="AE752" i="1"/>
  <c r="AE753" i="1"/>
  <c r="AE754" i="1"/>
  <c r="AE755" i="1"/>
  <c r="AE756" i="1"/>
  <c r="AE757" i="1"/>
  <c r="AE758" i="1"/>
  <c r="AE759" i="1"/>
  <c r="AE760" i="1"/>
  <c r="AE761" i="1"/>
  <c r="AE762" i="1"/>
  <c r="AE763" i="1"/>
  <c r="AE764" i="1"/>
  <c r="AE765" i="1"/>
  <c r="AE766" i="1"/>
  <c r="AE767" i="1"/>
  <c r="AE768" i="1"/>
  <c r="AE769" i="1"/>
  <c r="AE770" i="1"/>
  <c r="AE771" i="1"/>
  <c r="AE772" i="1"/>
  <c r="AE773" i="1"/>
  <c r="AE774" i="1"/>
  <c r="AE775" i="1"/>
  <c r="AE776" i="1"/>
  <c r="AE777" i="1"/>
  <c r="AE778" i="1"/>
  <c r="AE779" i="1"/>
  <c r="AE780" i="1"/>
  <c r="AE781" i="1"/>
  <c r="AE782" i="1"/>
  <c r="AE783" i="1"/>
  <c r="AE784" i="1"/>
  <c r="AE785" i="1"/>
  <c r="AE786" i="1"/>
  <c r="AE787" i="1"/>
  <c r="AE788" i="1"/>
  <c r="AE789" i="1"/>
  <c r="AE790" i="1"/>
  <c r="AE791" i="1"/>
  <c r="AE792" i="1"/>
  <c r="AE793" i="1"/>
  <c r="AE794" i="1"/>
  <c r="AE795" i="1"/>
  <c r="AE796" i="1"/>
  <c r="AE797" i="1"/>
  <c r="AE798" i="1"/>
  <c r="AE799" i="1"/>
  <c r="AE800" i="1"/>
  <c r="AE801" i="1"/>
  <c r="AE802" i="1"/>
  <c r="AE803" i="1"/>
  <c r="AE804" i="1"/>
  <c r="AE805" i="1"/>
  <c r="AE806" i="1"/>
  <c r="AE807" i="1"/>
  <c r="AE808" i="1"/>
  <c r="AE809" i="1"/>
  <c r="AE810" i="1"/>
  <c r="AE811" i="1"/>
  <c r="AE812" i="1"/>
  <c r="AE813" i="1"/>
  <c r="AE814" i="1"/>
  <c r="AE815" i="1"/>
  <c r="AE816" i="1"/>
  <c r="AE817" i="1"/>
  <c r="AE818" i="1"/>
  <c r="AE819" i="1"/>
  <c r="AE820" i="1"/>
  <c r="AE821" i="1"/>
  <c r="AE822" i="1"/>
  <c r="AE823" i="1"/>
  <c r="AE824" i="1"/>
  <c r="AE825" i="1"/>
  <c r="AE826" i="1"/>
  <c r="AE827" i="1"/>
  <c r="AE828" i="1"/>
  <c r="AE829" i="1"/>
  <c r="AE830" i="1"/>
  <c r="AE831" i="1"/>
  <c r="AE832" i="1"/>
  <c r="AE833" i="1"/>
  <c r="AE834" i="1"/>
  <c r="AE835" i="1"/>
  <c r="AE836" i="1"/>
  <c r="AE837" i="1"/>
  <c r="AE838" i="1"/>
  <c r="AE839" i="1"/>
  <c r="AE840" i="1"/>
  <c r="AE841" i="1"/>
  <c r="AE842" i="1"/>
  <c r="AE843" i="1"/>
  <c r="AE844" i="1"/>
  <c r="AE845" i="1"/>
  <c r="AE846" i="1"/>
  <c r="AE847" i="1"/>
  <c r="AE848" i="1"/>
  <c r="AE849" i="1"/>
  <c r="AE850" i="1"/>
  <c r="AE851" i="1"/>
  <c r="AE852" i="1"/>
  <c r="AE853" i="1"/>
  <c r="AE854" i="1"/>
  <c r="AE855" i="1"/>
  <c r="AE856" i="1"/>
  <c r="AE857" i="1"/>
  <c r="AE858" i="1"/>
  <c r="AE859" i="1"/>
  <c r="AE860" i="1"/>
  <c r="AE861" i="1"/>
  <c r="AE862" i="1"/>
  <c r="AE863" i="1"/>
  <c r="AE864" i="1"/>
  <c r="AE865" i="1"/>
  <c r="AE866" i="1"/>
  <c r="AE867" i="1"/>
  <c r="AE868" i="1"/>
  <c r="AE869" i="1"/>
  <c r="AE870" i="1"/>
  <c r="AE871" i="1"/>
  <c r="AE872" i="1"/>
  <c r="AE873" i="1"/>
  <c r="AE874" i="1"/>
  <c r="AE875" i="1"/>
  <c r="AE876" i="1"/>
  <c r="AE877" i="1"/>
  <c r="AE878" i="1"/>
  <c r="AE879" i="1"/>
  <c r="AE880" i="1"/>
  <c r="AE881" i="1"/>
  <c r="AE882" i="1"/>
  <c r="AE883" i="1"/>
  <c r="AE884" i="1"/>
  <c r="AE885" i="1"/>
  <c r="AE886" i="1"/>
  <c r="AE887" i="1"/>
  <c r="AE888" i="1"/>
  <c r="AE889" i="1"/>
  <c r="AE890" i="1"/>
  <c r="AE891" i="1"/>
  <c r="AE892" i="1"/>
  <c r="AE893" i="1"/>
  <c r="AE894" i="1"/>
  <c r="AE895" i="1"/>
  <c r="AE896" i="1"/>
  <c r="AE897" i="1"/>
  <c r="AE898" i="1"/>
  <c r="AE899" i="1"/>
  <c r="AE900" i="1"/>
  <c r="AE901" i="1"/>
  <c r="AE902" i="1"/>
  <c r="AE903" i="1"/>
  <c r="AE904" i="1"/>
  <c r="AE905" i="1"/>
  <c r="AE906" i="1"/>
  <c r="AE907" i="1"/>
  <c r="AE908" i="1"/>
  <c r="AE909" i="1"/>
  <c r="AE910" i="1"/>
  <c r="AE911" i="1"/>
  <c r="AE912" i="1"/>
  <c r="AE913" i="1"/>
  <c r="AE914" i="1"/>
  <c r="AE915" i="1"/>
  <c r="AE916" i="1"/>
  <c r="AE917" i="1"/>
  <c r="AE918" i="1"/>
  <c r="AE919" i="1"/>
  <c r="AE920" i="1"/>
  <c r="AE921" i="1"/>
  <c r="AE922" i="1"/>
  <c r="AE923" i="1"/>
  <c r="AE924" i="1"/>
  <c r="AE925" i="1"/>
  <c r="AE926" i="1"/>
  <c r="AE927" i="1"/>
  <c r="AE928" i="1"/>
  <c r="AE929" i="1"/>
  <c r="AE930" i="1"/>
  <c r="AE931" i="1"/>
  <c r="AE932" i="1"/>
  <c r="AE933" i="1"/>
  <c r="AE934" i="1"/>
  <c r="AE935" i="1"/>
  <c r="AE936" i="1"/>
  <c r="AE937" i="1"/>
  <c r="AE938" i="1"/>
  <c r="AE939" i="1"/>
  <c r="AE940" i="1"/>
  <c r="AE941" i="1"/>
  <c r="AE942" i="1"/>
  <c r="AE943" i="1"/>
  <c r="AE944" i="1"/>
  <c r="AE945" i="1"/>
  <c r="AE946" i="1"/>
  <c r="AE947" i="1"/>
  <c r="AE948" i="1"/>
  <c r="AE949" i="1"/>
  <c r="AE950" i="1"/>
  <c r="AE951" i="1"/>
  <c r="AE952" i="1"/>
  <c r="AE953" i="1"/>
  <c r="AE954" i="1"/>
  <c r="AE955" i="1"/>
  <c r="AE956" i="1"/>
  <c r="AE957" i="1"/>
  <c r="AE958" i="1"/>
  <c r="AE959" i="1"/>
  <c r="AE960" i="1"/>
  <c r="AE961" i="1"/>
  <c r="AE962" i="1"/>
  <c r="AE963" i="1"/>
  <c r="AE964" i="1"/>
  <c r="AE965" i="1"/>
  <c r="AE966" i="1"/>
  <c r="AE967" i="1"/>
  <c r="AE968" i="1"/>
  <c r="AE969" i="1"/>
  <c r="AE970" i="1"/>
  <c r="AE971" i="1"/>
  <c r="AE972" i="1"/>
  <c r="AE973" i="1"/>
  <c r="AE974" i="1"/>
  <c r="AE975" i="1"/>
  <c r="AE976" i="1"/>
  <c r="AE977" i="1"/>
  <c r="AE978" i="1"/>
  <c r="AE979" i="1"/>
  <c r="AE980" i="1"/>
  <c r="AE981" i="1"/>
  <c r="AE982" i="1"/>
  <c r="AE983" i="1"/>
  <c r="AE984" i="1"/>
  <c r="AE985" i="1"/>
  <c r="AE986" i="1"/>
  <c r="AE987" i="1"/>
  <c r="AE988" i="1"/>
  <c r="AE989" i="1"/>
  <c r="AE990" i="1"/>
  <c r="AE991" i="1"/>
  <c r="AE992" i="1"/>
  <c r="AE993" i="1"/>
  <c r="AE994" i="1"/>
  <c r="AE995" i="1"/>
  <c r="AE996" i="1"/>
  <c r="AE997" i="1"/>
  <c r="AE998" i="1"/>
  <c r="AE999" i="1"/>
  <c r="AE1000" i="1"/>
  <c r="AE1001" i="1"/>
  <c r="AE1002" i="1"/>
  <c r="AE1003" i="1"/>
  <c r="AE1004" i="1"/>
  <c r="AE1005" i="1"/>
  <c r="AE1006" i="1"/>
  <c r="AE1007" i="1"/>
  <c r="AE1008" i="1"/>
  <c r="AE1009" i="1"/>
  <c r="AE1010" i="1"/>
  <c r="AE1011" i="1"/>
  <c r="AE1012" i="1"/>
  <c r="AE1013" i="1"/>
  <c r="AE1014" i="1"/>
  <c r="AE1015" i="1"/>
  <c r="AE1016" i="1"/>
  <c r="AE1017" i="1"/>
  <c r="AE1018" i="1"/>
  <c r="AE1019" i="1"/>
  <c r="AE1020" i="1"/>
  <c r="AE1021" i="1"/>
  <c r="AE1022" i="1"/>
  <c r="AE1023" i="1"/>
  <c r="AE1024" i="1"/>
  <c r="AE1025" i="1"/>
  <c r="AE1026" i="1"/>
  <c r="AE1027" i="1"/>
  <c r="AE1028" i="1"/>
  <c r="AE1029" i="1"/>
  <c r="AE1030" i="1"/>
  <c r="AE1031" i="1"/>
  <c r="AE1032" i="1"/>
  <c r="AE1033" i="1"/>
  <c r="AE1034" i="1"/>
  <c r="AE1035" i="1"/>
  <c r="AE1036" i="1"/>
  <c r="AE1037" i="1"/>
  <c r="AE1038" i="1"/>
  <c r="AE1039" i="1"/>
  <c r="AE1040" i="1"/>
  <c r="AE1041" i="1"/>
  <c r="AE1042" i="1"/>
  <c r="AE1043" i="1"/>
  <c r="AE1044" i="1"/>
  <c r="AE1045" i="1"/>
  <c r="AE1046" i="1"/>
  <c r="AE1047" i="1"/>
  <c r="AE1048" i="1"/>
  <c r="AE1049" i="1"/>
  <c r="AE1050" i="1"/>
  <c r="AE1051" i="1"/>
  <c r="AE1052" i="1"/>
  <c r="AE1053" i="1"/>
  <c r="AE1054" i="1"/>
  <c r="AE1055" i="1"/>
  <c r="AE1056" i="1"/>
  <c r="AE1057" i="1"/>
  <c r="AE1058" i="1"/>
  <c r="AE1059" i="1"/>
  <c r="AE1060" i="1"/>
  <c r="AE1061" i="1"/>
  <c r="AE1062" i="1"/>
  <c r="AE1063" i="1"/>
  <c r="AE1064" i="1"/>
  <c r="AE1065" i="1"/>
  <c r="AE1066" i="1"/>
  <c r="AE1067" i="1"/>
  <c r="AE1068" i="1"/>
  <c r="AE1069" i="1"/>
  <c r="AE1070" i="1"/>
  <c r="AE1071" i="1"/>
  <c r="AE1072" i="1"/>
  <c r="AE1073" i="1"/>
  <c r="AE1074" i="1"/>
  <c r="AE1075" i="1"/>
  <c r="AE1076" i="1"/>
  <c r="AE1077" i="1"/>
  <c r="AE1078" i="1"/>
  <c r="AE1079" i="1"/>
  <c r="AE1080" i="1"/>
  <c r="AE1081" i="1"/>
  <c r="AE1082" i="1"/>
  <c r="AE1083" i="1"/>
  <c r="AE1084" i="1"/>
  <c r="AE1085" i="1"/>
  <c r="AE1086" i="1"/>
  <c r="AE1087" i="1"/>
  <c r="AE1088" i="1"/>
  <c r="AE1089" i="1"/>
  <c r="AE1090" i="1"/>
  <c r="AE1091" i="1"/>
  <c r="AE1092" i="1"/>
  <c r="AE1093" i="1"/>
  <c r="AE1094" i="1"/>
  <c r="AE1095" i="1"/>
  <c r="AE1096" i="1"/>
  <c r="AE1097" i="1"/>
  <c r="AE1098" i="1"/>
  <c r="AE1099" i="1"/>
  <c r="AE1100" i="1"/>
  <c r="AE1101" i="1"/>
  <c r="AE1102" i="1"/>
  <c r="AE1103" i="1"/>
  <c r="AE1104" i="1"/>
  <c r="AE1105" i="1"/>
  <c r="AE1106" i="1"/>
  <c r="AE1107" i="1"/>
  <c r="AE1108" i="1"/>
  <c r="AE1109" i="1"/>
  <c r="AE1110" i="1"/>
  <c r="AE1111" i="1"/>
  <c r="AE1112" i="1"/>
  <c r="AE1113" i="1"/>
  <c r="AE1114" i="1"/>
  <c r="AE1115" i="1"/>
  <c r="AE1116" i="1"/>
  <c r="AE1117" i="1"/>
  <c r="AE1118" i="1"/>
  <c r="AE1119" i="1"/>
  <c r="AE1120" i="1"/>
  <c r="AE1121" i="1"/>
  <c r="AE1122" i="1"/>
  <c r="AE1123" i="1"/>
  <c r="AE1124" i="1"/>
  <c r="AE1125" i="1"/>
  <c r="AE1126" i="1"/>
  <c r="AE1127" i="1"/>
  <c r="AE1128" i="1"/>
  <c r="AE1129" i="1"/>
  <c r="AE1130" i="1"/>
  <c r="AE1131" i="1"/>
  <c r="AE1132" i="1"/>
  <c r="AE1133" i="1"/>
  <c r="AE1134" i="1"/>
  <c r="AE1135" i="1"/>
  <c r="AE1136" i="1"/>
  <c r="AE1137" i="1"/>
  <c r="AE1138" i="1"/>
  <c r="AE1139" i="1"/>
  <c r="AE1140" i="1"/>
  <c r="AE1141" i="1"/>
  <c r="AE1142" i="1"/>
  <c r="AE1143" i="1"/>
  <c r="AE1144" i="1"/>
  <c r="AE1145" i="1"/>
  <c r="AE1146" i="1"/>
  <c r="AE1147" i="1"/>
  <c r="AE1148" i="1"/>
  <c r="AE1149" i="1"/>
  <c r="AE1150" i="1"/>
  <c r="AE1151" i="1"/>
  <c r="AE1152" i="1"/>
  <c r="AE1153" i="1"/>
  <c r="AE1154" i="1"/>
  <c r="AE1155" i="1"/>
  <c r="AE1156" i="1"/>
  <c r="AE1157" i="1"/>
  <c r="AE1158" i="1"/>
  <c r="AE1159" i="1"/>
  <c r="AE1160" i="1"/>
  <c r="AE1161" i="1"/>
  <c r="AE1162" i="1"/>
  <c r="AE1163" i="1"/>
  <c r="AE1164" i="1"/>
  <c r="AE1165" i="1"/>
  <c r="AE1166" i="1"/>
  <c r="AE1167" i="1"/>
  <c r="AE1168" i="1"/>
  <c r="AE1169" i="1"/>
  <c r="AE1170" i="1"/>
  <c r="AE1171" i="1"/>
  <c r="AE1172" i="1"/>
  <c r="AE1173" i="1"/>
  <c r="AE1174" i="1"/>
  <c r="AE1175" i="1"/>
  <c r="AE1176" i="1"/>
  <c r="AE1177" i="1"/>
  <c r="AE1178" i="1"/>
  <c r="AE1179" i="1"/>
  <c r="AE1180" i="1"/>
  <c r="AE1181" i="1"/>
  <c r="AE1182" i="1"/>
  <c r="AE1183" i="1"/>
  <c r="AE1184" i="1"/>
  <c r="AE1185" i="1"/>
  <c r="AE1186" i="1"/>
  <c r="AE1187" i="1"/>
  <c r="AE1188" i="1"/>
  <c r="AE1189" i="1"/>
  <c r="AE1190" i="1"/>
  <c r="AE1191" i="1"/>
  <c r="AE1192" i="1"/>
  <c r="AE1193" i="1"/>
  <c r="AE1194" i="1"/>
  <c r="AE1195" i="1"/>
  <c r="AE1196" i="1"/>
  <c r="AE1197" i="1"/>
  <c r="AE1198" i="1"/>
  <c r="AE1199" i="1"/>
  <c r="AE1200" i="1"/>
  <c r="AE1201" i="1"/>
  <c r="AE1202" i="1"/>
  <c r="AE1203" i="1"/>
  <c r="AE1204" i="1"/>
  <c r="AE1205" i="1"/>
  <c r="AE1206" i="1"/>
  <c r="AE1207" i="1"/>
  <c r="AE1208" i="1"/>
  <c r="AE1209" i="1"/>
  <c r="AE1210" i="1"/>
  <c r="AE1211" i="1"/>
  <c r="AE1212" i="1"/>
  <c r="AE1213" i="1"/>
  <c r="AE1214" i="1"/>
  <c r="AE1215" i="1"/>
  <c r="AE1216" i="1"/>
  <c r="AE1217" i="1"/>
  <c r="AE1218" i="1"/>
  <c r="AE1219" i="1"/>
  <c r="AE1220" i="1"/>
  <c r="AE1221" i="1"/>
  <c r="AE1222" i="1"/>
  <c r="AE1223" i="1"/>
  <c r="AE1224" i="1"/>
  <c r="AE1225" i="1"/>
  <c r="AE1226" i="1"/>
  <c r="AE1227" i="1"/>
  <c r="AE1228" i="1"/>
  <c r="AE1229" i="1"/>
  <c r="AE1230" i="1"/>
  <c r="AE1231" i="1"/>
  <c r="AE1232" i="1"/>
  <c r="AE1233" i="1"/>
  <c r="AE1234" i="1"/>
  <c r="AE1235" i="1"/>
  <c r="AE1236" i="1"/>
  <c r="AE1237" i="1"/>
  <c r="AE1238" i="1"/>
  <c r="AE1239" i="1"/>
  <c r="AE1240" i="1"/>
  <c r="AE1241" i="1"/>
  <c r="AE1242" i="1"/>
  <c r="AE1243" i="1"/>
  <c r="AE1244" i="1"/>
  <c r="AE1245" i="1"/>
  <c r="AE1246" i="1"/>
  <c r="AE1247" i="1"/>
  <c r="AE1248" i="1"/>
  <c r="AE1249" i="1"/>
  <c r="AE1250" i="1"/>
  <c r="AE1251" i="1"/>
  <c r="AE1252" i="1"/>
  <c r="AE1253" i="1"/>
  <c r="AE1254" i="1"/>
  <c r="AE1255" i="1"/>
  <c r="AE1256" i="1"/>
  <c r="AE1257" i="1"/>
  <c r="AE1258" i="1"/>
  <c r="AE1259" i="1"/>
  <c r="AE1260" i="1"/>
  <c r="AE1261" i="1"/>
  <c r="AE1262" i="1"/>
  <c r="AE1263" i="1"/>
  <c r="AE1264" i="1"/>
  <c r="AE1265" i="1"/>
  <c r="AE1266" i="1"/>
  <c r="AE1267" i="1"/>
  <c r="AE1268" i="1"/>
  <c r="AE1269" i="1"/>
  <c r="AE1270" i="1"/>
  <c r="AE1271" i="1"/>
  <c r="AE1272" i="1"/>
  <c r="AE1273" i="1"/>
  <c r="AE1274" i="1"/>
  <c r="AE1275" i="1"/>
  <c r="AE1276" i="1"/>
  <c r="AE1277" i="1"/>
  <c r="AE1278" i="1"/>
  <c r="AE1279" i="1"/>
  <c r="AE1280" i="1"/>
  <c r="AE1281" i="1"/>
  <c r="AE1282" i="1"/>
  <c r="AE1283" i="1"/>
  <c r="AE1284" i="1"/>
  <c r="AE1285" i="1"/>
  <c r="AE1286" i="1"/>
  <c r="AE1287" i="1"/>
  <c r="AE1288" i="1"/>
  <c r="AE1289" i="1"/>
  <c r="AE1290" i="1"/>
  <c r="AE1291" i="1"/>
  <c r="AE1292" i="1"/>
  <c r="AE1293" i="1"/>
  <c r="AE1294" i="1"/>
  <c r="AE1295" i="1"/>
  <c r="AE1296" i="1"/>
  <c r="AE1297" i="1"/>
  <c r="AE1298" i="1"/>
  <c r="AE1299" i="1"/>
  <c r="AE1300" i="1"/>
  <c r="AE1301" i="1"/>
  <c r="AE1302" i="1"/>
  <c r="AE1303" i="1"/>
  <c r="AE1304" i="1"/>
  <c r="AE1305" i="1"/>
  <c r="AE1306" i="1"/>
  <c r="AE1307" i="1"/>
  <c r="AE1308" i="1"/>
  <c r="AE1309" i="1"/>
  <c r="AE1310" i="1"/>
  <c r="AE1311" i="1"/>
  <c r="AE1312" i="1"/>
  <c r="AE1313" i="1"/>
  <c r="AE1314" i="1"/>
  <c r="AE1315" i="1"/>
  <c r="AE1316" i="1"/>
  <c r="AE1317" i="1"/>
  <c r="AE1318" i="1"/>
  <c r="AE1319" i="1"/>
  <c r="AE1320" i="1"/>
  <c r="AE1321" i="1"/>
  <c r="AE1322" i="1"/>
  <c r="AE1323" i="1"/>
  <c r="AE1324" i="1"/>
  <c r="AE1325" i="1"/>
  <c r="AE1326" i="1"/>
  <c r="AE1327" i="1"/>
  <c r="AE1328" i="1"/>
  <c r="AE1329" i="1"/>
  <c r="AE1330" i="1"/>
  <c r="AE1331" i="1"/>
  <c r="AE1332" i="1"/>
  <c r="AE1333" i="1"/>
  <c r="AE1334" i="1"/>
  <c r="AE1335" i="1"/>
  <c r="AE1336" i="1"/>
  <c r="AE1337" i="1"/>
  <c r="AE1338" i="1"/>
  <c r="AE1339" i="1"/>
  <c r="AE1340" i="1"/>
  <c r="AE1341" i="1"/>
  <c r="AE1342" i="1"/>
  <c r="AE1343" i="1"/>
  <c r="AE1344" i="1"/>
  <c r="AE1345" i="1"/>
  <c r="AE1346" i="1"/>
  <c r="AE1347" i="1"/>
  <c r="AE1348" i="1"/>
  <c r="AE1349" i="1"/>
  <c r="AE1350" i="1"/>
  <c r="AE1351" i="1"/>
  <c r="AE1352" i="1"/>
  <c r="AE1353" i="1"/>
  <c r="AE1354" i="1"/>
  <c r="AE1355" i="1"/>
  <c r="AE1356" i="1"/>
  <c r="AE1357" i="1"/>
  <c r="AE1358" i="1"/>
  <c r="AE1359" i="1"/>
  <c r="AE1360" i="1"/>
  <c r="AE1361" i="1"/>
  <c r="AE1362" i="1"/>
  <c r="AE1363" i="1"/>
  <c r="AE1364" i="1"/>
  <c r="AE1365" i="1"/>
  <c r="AE1366" i="1"/>
  <c r="AE1367" i="1"/>
  <c r="AE1368" i="1"/>
  <c r="AE1369" i="1"/>
  <c r="AE1370" i="1"/>
  <c r="AE1371" i="1"/>
  <c r="AE1372" i="1"/>
  <c r="AE1373" i="1"/>
  <c r="AE1374" i="1"/>
  <c r="AE1375" i="1"/>
  <c r="AE1376" i="1"/>
  <c r="AE1377" i="1"/>
  <c r="AE1378" i="1"/>
  <c r="AE1379" i="1"/>
  <c r="AE1380" i="1"/>
  <c r="AE1381" i="1"/>
  <c r="AE1382" i="1"/>
  <c r="AE1383" i="1"/>
  <c r="AE1384" i="1"/>
  <c r="AE1385" i="1"/>
  <c r="AE1386" i="1"/>
  <c r="AE1387" i="1"/>
  <c r="AE1388" i="1"/>
  <c r="AE1389" i="1"/>
  <c r="AE1390" i="1"/>
  <c r="AE1391" i="1"/>
  <c r="AE1392" i="1"/>
  <c r="AE1393" i="1"/>
  <c r="AE1394" i="1"/>
  <c r="AE1395" i="1"/>
  <c r="AE1396" i="1"/>
  <c r="AE1397" i="1"/>
  <c r="AE1398" i="1"/>
  <c r="AE1399" i="1"/>
  <c r="AE1400" i="1"/>
  <c r="AE1401" i="1"/>
  <c r="AE1402" i="1"/>
  <c r="AE1403" i="1"/>
  <c r="AE1404" i="1"/>
  <c r="AE1405" i="1"/>
  <c r="AE1406" i="1"/>
  <c r="AE1407" i="1"/>
  <c r="AE1408" i="1"/>
  <c r="AE1409" i="1"/>
  <c r="AE1410" i="1"/>
  <c r="AE1411" i="1"/>
  <c r="AE1412" i="1"/>
  <c r="AE1413" i="1"/>
  <c r="AE1414" i="1"/>
  <c r="AE1415" i="1"/>
  <c r="AE1416" i="1"/>
  <c r="AE1417" i="1"/>
  <c r="AE1418" i="1"/>
  <c r="AE1419" i="1"/>
  <c r="AE1420" i="1"/>
  <c r="AE1421" i="1"/>
  <c r="AE1422" i="1"/>
  <c r="AE1423" i="1"/>
  <c r="AE1424" i="1"/>
  <c r="AE1425" i="1"/>
  <c r="AE1426" i="1"/>
  <c r="AE1427" i="1"/>
  <c r="AE1428" i="1"/>
  <c r="AE1429" i="1"/>
  <c r="AE1430" i="1"/>
  <c r="AE1431" i="1"/>
  <c r="AE1432" i="1"/>
  <c r="AE1433" i="1"/>
  <c r="AE1434" i="1"/>
  <c r="AE1435" i="1"/>
  <c r="AE1436" i="1"/>
  <c r="AE1437" i="1"/>
  <c r="AE1438" i="1"/>
  <c r="AE1439" i="1"/>
  <c r="AE1440" i="1"/>
  <c r="AE1441" i="1"/>
  <c r="AE1442" i="1"/>
  <c r="AE1443" i="1"/>
  <c r="AE1444" i="1"/>
  <c r="AE1445" i="1"/>
  <c r="AE1446" i="1"/>
  <c r="AE1447" i="1"/>
  <c r="AE1448" i="1"/>
  <c r="AE1449" i="1"/>
  <c r="AE1450" i="1"/>
  <c r="AE1451" i="1"/>
  <c r="AE1452" i="1"/>
  <c r="AE1453" i="1"/>
  <c r="AE1454" i="1"/>
  <c r="AE1455" i="1"/>
  <c r="AE1456" i="1"/>
  <c r="AE1457" i="1"/>
  <c r="AE1458" i="1"/>
  <c r="AE1459" i="1"/>
  <c r="AE1460" i="1"/>
  <c r="AE1461" i="1"/>
  <c r="AE1462" i="1"/>
  <c r="AE1463" i="1"/>
  <c r="AE1464" i="1"/>
  <c r="AE1465" i="1"/>
  <c r="AE1466" i="1"/>
  <c r="AE1467" i="1"/>
  <c r="AE1468" i="1"/>
  <c r="AE1469" i="1"/>
  <c r="AE1470" i="1"/>
  <c r="AE1471" i="1"/>
  <c r="AE1472" i="1"/>
  <c r="AE1473" i="1"/>
  <c r="AE1474" i="1"/>
  <c r="AE1475" i="1"/>
  <c r="AE1476" i="1"/>
  <c r="AE1477" i="1"/>
  <c r="AE1478" i="1"/>
  <c r="AE1479" i="1"/>
  <c r="AE1480" i="1"/>
  <c r="AE1481" i="1"/>
  <c r="AE1482" i="1"/>
  <c r="AE1483" i="1"/>
  <c r="AE1484" i="1"/>
  <c r="AE1485" i="1"/>
  <c r="AE1486" i="1"/>
  <c r="AE1487" i="1"/>
  <c r="AE1488" i="1"/>
  <c r="AE1489" i="1"/>
  <c r="AE1490" i="1"/>
  <c r="AE1491" i="1"/>
  <c r="AE1492" i="1"/>
  <c r="AE1493" i="1"/>
  <c r="AE1494" i="1"/>
  <c r="AE1495" i="1"/>
  <c r="AE1496" i="1"/>
  <c r="AE1497" i="1"/>
  <c r="AE1498" i="1"/>
  <c r="AE1499" i="1"/>
  <c r="AE1500" i="1"/>
  <c r="AE1501" i="1"/>
  <c r="AE1502" i="1"/>
  <c r="AE1503" i="1"/>
  <c r="AE1504" i="1"/>
  <c r="AE1505" i="1"/>
  <c r="AE1506" i="1"/>
  <c r="AE1507" i="1"/>
  <c r="AE1508" i="1"/>
  <c r="AE1509" i="1"/>
  <c r="AE1510" i="1"/>
  <c r="AE1511" i="1"/>
  <c r="AE1512" i="1"/>
  <c r="AE1513" i="1"/>
  <c r="AE1514" i="1"/>
  <c r="AE1515" i="1"/>
  <c r="AE1516" i="1"/>
  <c r="AE1517" i="1"/>
  <c r="AE1518" i="1"/>
  <c r="AE1519" i="1"/>
  <c r="AE1520" i="1"/>
  <c r="AE1521" i="1"/>
  <c r="AE1522" i="1"/>
  <c r="AE1523" i="1"/>
  <c r="AE1524" i="1"/>
  <c r="AE1525" i="1"/>
  <c r="AE1526" i="1"/>
  <c r="AE1527" i="1"/>
  <c r="AE1528" i="1"/>
  <c r="AE1529" i="1"/>
  <c r="AE1530" i="1"/>
  <c r="AE1531" i="1"/>
  <c r="AE1532" i="1"/>
  <c r="AE1533" i="1"/>
  <c r="AE1534" i="1"/>
  <c r="AE1535" i="1"/>
  <c r="AE1536" i="1"/>
  <c r="AE1537" i="1"/>
  <c r="AE1538" i="1"/>
  <c r="AE1539" i="1"/>
  <c r="AE1540" i="1"/>
  <c r="AE1541" i="1"/>
  <c r="AE1542" i="1"/>
  <c r="AE1543" i="1"/>
  <c r="AE1544" i="1"/>
  <c r="AE1545" i="1"/>
  <c r="AE1546" i="1"/>
  <c r="AE1547" i="1"/>
  <c r="AE1548" i="1"/>
  <c r="AE1549" i="1"/>
  <c r="AE1550" i="1"/>
  <c r="AE1551" i="1"/>
  <c r="AE1552" i="1"/>
  <c r="AE1553" i="1"/>
  <c r="AE1554" i="1"/>
  <c r="AE1555" i="1"/>
  <c r="AE1556" i="1"/>
  <c r="AE1557" i="1"/>
  <c r="AE1558" i="1"/>
  <c r="AE1559" i="1"/>
  <c r="AE1560" i="1"/>
  <c r="AE1561" i="1"/>
  <c r="AE1562" i="1"/>
  <c r="AE1563" i="1"/>
  <c r="AE1564" i="1"/>
  <c r="AE1565" i="1"/>
  <c r="AE1566" i="1"/>
  <c r="AE1567" i="1"/>
  <c r="AE1568" i="1"/>
  <c r="AE1569" i="1"/>
  <c r="AE1570" i="1"/>
  <c r="AE1571" i="1"/>
  <c r="AE1572" i="1"/>
  <c r="AE1573" i="1"/>
  <c r="AE1574" i="1"/>
  <c r="AE1575" i="1"/>
  <c r="AE1576" i="1"/>
  <c r="AE1577" i="1"/>
  <c r="AE1578" i="1"/>
  <c r="AE1579" i="1"/>
  <c r="AE1580" i="1"/>
  <c r="AE1581" i="1"/>
  <c r="AE1582" i="1"/>
  <c r="AE1583" i="1"/>
  <c r="AE1584" i="1"/>
  <c r="AE1585" i="1"/>
  <c r="AE1586" i="1"/>
  <c r="AE1587" i="1"/>
  <c r="AE1588" i="1"/>
  <c r="AE1589" i="1"/>
  <c r="AE1590" i="1"/>
  <c r="AE1591" i="1"/>
  <c r="AE1592" i="1"/>
  <c r="AE1593" i="1"/>
  <c r="AE1594" i="1"/>
  <c r="AE1595" i="1"/>
  <c r="AE1596" i="1"/>
  <c r="AE1597" i="1"/>
  <c r="AE1598" i="1"/>
  <c r="AE1599" i="1"/>
  <c r="AE1600" i="1"/>
  <c r="AE1601" i="1"/>
  <c r="AE1602" i="1"/>
  <c r="AE1603" i="1"/>
  <c r="AE1604" i="1"/>
  <c r="AE1605" i="1"/>
  <c r="AE1606" i="1"/>
  <c r="AE1607" i="1"/>
  <c r="AE1608" i="1"/>
  <c r="AE1609" i="1"/>
  <c r="AE1610" i="1"/>
  <c r="AE1611" i="1"/>
  <c r="AE1612" i="1"/>
  <c r="AE1613" i="1"/>
  <c r="AE1614" i="1"/>
  <c r="AE1615" i="1"/>
  <c r="AE1616" i="1"/>
  <c r="AE1617" i="1"/>
  <c r="AE1618" i="1"/>
  <c r="AE1619" i="1"/>
  <c r="AE1620" i="1"/>
  <c r="AE1621" i="1"/>
  <c r="AE1622" i="1"/>
  <c r="AE1623" i="1"/>
  <c r="AE1624" i="1"/>
  <c r="AE1625" i="1"/>
  <c r="AE1626" i="1"/>
  <c r="AE1627" i="1"/>
  <c r="AE1628" i="1"/>
  <c r="AE1629" i="1"/>
  <c r="AE1630" i="1"/>
  <c r="AE1631" i="1"/>
  <c r="AE1632" i="1"/>
  <c r="AE1633" i="1"/>
  <c r="AE1634" i="1"/>
  <c r="AE1635" i="1"/>
  <c r="AE1636" i="1"/>
  <c r="AE1637" i="1"/>
  <c r="AE1638" i="1"/>
  <c r="AE1639" i="1"/>
  <c r="AE1640" i="1"/>
  <c r="AE1641" i="1"/>
  <c r="AE1642" i="1"/>
  <c r="AE1643" i="1"/>
  <c r="AE1644" i="1"/>
  <c r="AE1645" i="1"/>
  <c r="AE1646" i="1"/>
  <c r="AE1647" i="1"/>
  <c r="AE1648" i="1"/>
  <c r="AE1649" i="1"/>
  <c r="AE1650" i="1"/>
  <c r="AE1651" i="1"/>
  <c r="AE1652" i="1"/>
  <c r="AE1653" i="1"/>
  <c r="AE1654" i="1"/>
  <c r="AE1655" i="1"/>
  <c r="AE1656" i="1"/>
  <c r="AE1657" i="1"/>
  <c r="AE1658" i="1"/>
  <c r="AE1659" i="1"/>
  <c r="AE1660" i="1"/>
  <c r="AE1661" i="1"/>
  <c r="AE1662" i="1"/>
  <c r="AE1663" i="1"/>
  <c r="AE1664" i="1"/>
  <c r="AE1665" i="1"/>
  <c r="AE1666" i="1"/>
  <c r="AE1667" i="1"/>
  <c r="AE1668" i="1"/>
  <c r="AE1669" i="1"/>
  <c r="AE1670" i="1"/>
  <c r="AE1671" i="1"/>
  <c r="AE1672" i="1"/>
  <c r="AE1673" i="1"/>
  <c r="AE1674" i="1"/>
  <c r="AE1675" i="1"/>
  <c r="AE1676" i="1"/>
  <c r="AE1677" i="1"/>
  <c r="AE1678" i="1"/>
  <c r="AE1679" i="1"/>
  <c r="AE1680" i="1"/>
  <c r="AE1681" i="1"/>
  <c r="AE1682" i="1"/>
  <c r="AE1683" i="1"/>
  <c r="AE1684" i="1"/>
  <c r="AE1685" i="1"/>
  <c r="AE1686" i="1"/>
  <c r="AE1687" i="1"/>
  <c r="AE1688" i="1"/>
  <c r="AE1689" i="1"/>
  <c r="AE1690" i="1"/>
  <c r="AE1691" i="1"/>
  <c r="AE1692" i="1"/>
  <c r="AE1693" i="1"/>
  <c r="AE1694" i="1"/>
  <c r="AE1695" i="1"/>
  <c r="AE1696" i="1"/>
  <c r="AE1697" i="1"/>
  <c r="AE1698" i="1"/>
  <c r="AE1699" i="1"/>
  <c r="AE1700" i="1"/>
  <c r="AE1701" i="1"/>
  <c r="AE1702" i="1"/>
  <c r="AE1703" i="1"/>
  <c r="AE1704" i="1"/>
  <c r="AE1705" i="1"/>
  <c r="AE1706" i="1"/>
  <c r="AE1707" i="1"/>
  <c r="AE1708" i="1"/>
  <c r="AE1709" i="1"/>
  <c r="AE1710" i="1"/>
  <c r="AE1711" i="1"/>
  <c r="AE1712" i="1"/>
  <c r="AE1713" i="1"/>
  <c r="AE1714" i="1"/>
  <c r="AE1715" i="1"/>
  <c r="AE1716" i="1"/>
  <c r="AE1717" i="1"/>
  <c r="AE1718" i="1"/>
  <c r="AE1719" i="1"/>
  <c r="AE1720" i="1"/>
  <c r="AE1721" i="1"/>
  <c r="AE1722" i="1"/>
  <c r="AE1723" i="1"/>
  <c r="AE1724" i="1"/>
  <c r="AE1725" i="1"/>
  <c r="AE1726" i="1"/>
  <c r="AE1727" i="1"/>
  <c r="AE1728" i="1"/>
  <c r="AE1729" i="1"/>
  <c r="AE1730" i="1"/>
  <c r="AE1731" i="1"/>
  <c r="AE1732" i="1"/>
  <c r="AE1733" i="1"/>
  <c r="AE1734" i="1"/>
  <c r="AE1735" i="1"/>
  <c r="AE1736" i="1"/>
  <c r="AE1737" i="1"/>
  <c r="AE1738" i="1"/>
  <c r="AE1739" i="1"/>
  <c r="AE1740" i="1"/>
  <c r="AE1741" i="1"/>
  <c r="AE1742" i="1"/>
  <c r="AE1743" i="1"/>
  <c r="AE1744" i="1"/>
  <c r="AE1745" i="1"/>
  <c r="AE1746" i="1"/>
  <c r="AE1747" i="1"/>
  <c r="AE1748" i="1"/>
  <c r="AE1749" i="1"/>
  <c r="AE1750" i="1"/>
  <c r="AE1751" i="1"/>
  <c r="AE1752" i="1"/>
  <c r="AE1753" i="1"/>
  <c r="AE1754" i="1"/>
  <c r="AE1755" i="1"/>
  <c r="AE1756" i="1"/>
  <c r="AE1757" i="1"/>
  <c r="AE1758" i="1"/>
  <c r="AE1759" i="1"/>
  <c r="AE1760" i="1"/>
  <c r="AE1761" i="1"/>
  <c r="AE1762" i="1"/>
  <c r="AE1763" i="1"/>
  <c r="AE1764" i="1"/>
  <c r="AE1765" i="1"/>
  <c r="AE1766" i="1"/>
  <c r="AE1767" i="1"/>
  <c r="AE1768" i="1"/>
  <c r="AE1769" i="1"/>
  <c r="AE1770" i="1"/>
  <c r="AE1771" i="1"/>
  <c r="AE1772" i="1"/>
  <c r="AE1773" i="1"/>
  <c r="AE1774" i="1"/>
  <c r="AE1775" i="1"/>
  <c r="AE1776" i="1"/>
  <c r="AE1777" i="1"/>
  <c r="AE1778" i="1"/>
  <c r="AE1779" i="1"/>
  <c r="AE1780" i="1"/>
  <c r="AE1781" i="1"/>
  <c r="AE1782" i="1"/>
  <c r="AE1783" i="1"/>
  <c r="AE1784" i="1"/>
  <c r="AE1785" i="1"/>
  <c r="AE1786" i="1"/>
  <c r="AE1787" i="1"/>
  <c r="AE1788" i="1"/>
  <c r="AE1789" i="1"/>
  <c r="AE1790" i="1"/>
  <c r="AE1791" i="1"/>
  <c r="AE1792" i="1"/>
  <c r="AE1793" i="1"/>
  <c r="AE1794" i="1"/>
  <c r="AE1795" i="1"/>
  <c r="AE1796" i="1"/>
  <c r="AE1797" i="1"/>
  <c r="AE1798" i="1"/>
  <c r="AE1799" i="1"/>
  <c r="AE1800" i="1"/>
  <c r="AE1801" i="1"/>
  <c r="AE1802" i="1"/>
  <c r="AE1803" i="1"/>
  <c r="AE1804" i="1"/>
  <c r="AE1805" i="1"/>
  <c r="AE1806" i="1"/>
  <c r="AE1807" i="1"/>
  <c r="AE1808" i="1"/>
  <c r="AE1809" i="1"/>
  <c r="AE1810" i="1"/>
  <c r="AE1811" i="1"/>
  <c r="AE1812" i="1"/>
  <c r="AE1813" i="1"/>
  <c r="AE1814" i="1"/>
  <c r="AE1815" i="1"/>
  <c r="AE1816" i="1"/>
  <c r="AE1817" i="1"/>
  <c r="AE1818" i="1"/>
  <c r="AE1819" i="1"/>
  <c r="AE1820" i="1"/>
  <c r="AE1821" i="1"/>
  <c r="AE1822" i="1"/>
  <c r="AE1823" i="1"/>
  <c r="AE1824" i="1"/>
  <c r="AE1825" i="1"/>
  <c r="AE1826" i="1"/>
  <c r="AE1827" i="1"/>
  <c r="AE1828" i="1"/>
  <c r="AE1829" i="1"/>
  <c r="AE1830" i="1"/>
  <c r="AE1831" i="1"/>
  <c r="AE1832" i="1"/>
  <c r="AE1833" i="1"/>
  <c r="AE1834" i="1"/>
  <c r="AE1835" i="1"/>
  <c r="AE1836" i="1"/>
  <c r="AE1837" i="1"/>
  <c r="AE1838" i="1"/>
  <c r="AE1839" i="1"/>
  <c r="AE1840" i="1"/>
  <c r="AE1841" i="1"/>
  <c r="AE1842" i="1"/>
  <c r="AE1843" i="1"/>
  <c r="AE1844" i="1"/>
  <c r="AE1845" i="1"/>
  <c r="AE1846" i="1"/>
  <c r="AE1847" i="1"/>
  <c r="AE1848" i="1"/>
  <c r="AE1849" i="1"/>
  <c r="AE1850" i="1"/>
  <c r="AE1851" i="1"/>
  <c r="AE1852" i="1"/>
  <c r="AE1853" i="1"/>
  <c r="AE1854" i="1"/>
  <c r="AE1855" i="1"/>
  <c r="AE1856" i="1"/>
  <c r="AE1857" i="1"/>
  <c r="AE1858" i="1"/>
  <c r="AE1859" i="1"/>
  <c r="AE1860" i="1"/>
  <c r="AE1861" i="1"/>
  <c r="AE1862" i="1"/>
  <c r="AE1863" i="1"/>
  <c r="AE1864" i="1"/>
  <c r="AE1865" i="1"/>
  <c r="AE1866" i="1"/>
  <c r="AE1867" i="1"/>
  <c r="AE1868" i="1"/>
  <c r="AE1869" i="1"/>
  <c r="AE1870" i="1"/>
  <c r="AE1871" i="1"/>
  <c r="AE1872" i="1"/>
  <c r="AE1873" i="1"/>
  <c r="AE1874" i="1"/>
  <c r="AE1875" i="1"/>
  <c r="AE1876" i="1"/>
  <c r="AE1877" i="1"/>
  <c r="AE1878" i="1"/>
  <c r="AE1879" i="1"/>
  <c r="AE1880" i="1"/>
  <c r="AE1881" i="1"/>
  <c r="AE1882" i="1"/>
  <c r="AE1883" i="1"/>
  <c r="AE1884" i="1"/>
  <c r="AE1885" i="1"/>
  <c r="AE1886" i="1"/>
  <c r="AE1887" i="1"/>
  <c r="AE1888" i="1"/>
  <c r="AE1889" i="1"/>
  <c r="AE1890" i="1"/>
  <c r="AE1891" i="1"/>
  <c r="AE1892" i="1"/>
  <c r="AE1893" i="1"/>
  <c r="AE1894" i="1"/>
  <c r="AE1895" i="1"/>
  <c r="AE1896" i="1"/>
  <c r="AE1897" i="1"/>
  <c r="AE1898" i="1"/>
  <c r="AE1899" i="1"/>
  <c r="AE1900" i="1"/>
  <c r="AE1901" i="1"/>
  <c r="AE1902" i="1"/>
  <c r="AE1903" i="1"/>
  <c r="AE1904" i="1"/>
  <c r="AE1905" i="1"/>
  <c r="AE1906" i="1"/>
  <c r="AE1907" i="1"/>
  <c r="AE1908" i="1"/>
  <c r="AE1909" i="1"/>
  <c r="AE1910" i="1"/>
  <c r="AE1911" i="1"/>
  <c r="AE1912" i="1"/>
  <c r="AE1913" i="1"/>
  <c r="AE1914" i="1"/>
  <c r="AE1915" i="1"/>
  <c r="AE1916" i="1"/>
  <c r="AE1917" i="1"/>
  <c r="AE1918" i="1"/>
  <c r="AE1919" i="1"/>
  <c r="AE1920" i="1"/>
  <c r="AE1921" i="1"/>
  <c r="AE1922" i="1"/>
  <c r="AE1923" i="1"/>
  <c r="AE1924" i="1"/>
  <c r="AE1925" i="1"/>
  <c r="AE1926" i="1"/>
  <c r="AE1927" i="1"/>
  <c r="AE1928" i="1"/>
  <c r="AE1929" i="1"/>
  <c r="AE1930" i="1"/>
  <c r="AE1931" i="1"/>
  <c r="AE1932" i="1"/>
  <c r="AE1933" i="1"/>
  <c r="AE1934" i="1"/>
  <c r="AE1935" i="1"/>
  <c r="AE1936" i="1"/>
  <c r="AE1937" i="1"/>
  <c r="AE1938" i="1"/>
  <c r="AE1939" i="1"/>
  <c r="AE1940" i="1"/>
  <c r="AE1941" i="1"/>
  <c r="AE1942" i="1"/>
  <c r="AE1943" i="1"/>
  <c r="AE1944" i="1"/>
  <c r="AE1945" i="1"/>
  <c r="AE1946" i="1"/>
  <c r="AE1947" i="1"/>
  <c r="AE1948" i="1"/>
  <c r="AE1949" i="1"/>
  <c r="AE1950" i="1"/>
  <c r="AE1951" i="1"/>
  <c r="AE1952" i="1"/>
  <c r="AE1953" i="1"/>
  <c r="AE1954" i="1"/>
  <c r="AE1955" i="1"/>
  <c r="AE1956" i="1"/>
  <c r="AE1957" i="1"/>
  <c r="AE1958" i="1"/>
  <c r="AE1959" i="1"/>
  <c r="AE1960" i="1"/>
  <c r="AE1961" i="1"/>
  <c r="AE1962" i="1"/>
  <c r="AE1963" i="1"/>
  <c r="AE1964" i="1"/>
  <c r="AE1965" i="1"/>
  <c r="AE1966" i="1"/>
  <c r="AE1967" i="1"/>
  <c r="AE1968" i="1"/>
  <c r="AE1969" i="1"/>
  <c r="AE1970" i="1"/>
  <c r="AE1971" i="1"/>
  <c r="AE1972" i="1"/>
  <c r="AE1973" i="1"/>
  <c r="AE1974" i="1"/>
  <c r="AE1975" i="1"/>
  <c r="AE1976" i="1"/>
  <c r="AE1977" i="1"/>
  <c r="AE1978" i="1"/>
  <c r="AE1979" i="1"/>
  <c r="AE1980" i="1"/>
  <c r="AE1981" i="1"/>
  <c r="AE1982" i="1"/>
  <c r="AE1983" i="1"/>
  <c r="AE1984" i="1"/>
  <c r="AE1985" i="1"/>
  <c r="AE1986" i="1"/>
  <c r="AE1987" i="1"/>
  <c r="AE1988" i="1"/>
  <c r="AE1989" i="1"/>
  <c r="AE1990" i="1"/>
  <c r="AE1991" i="1"/>
  <c r="AE1992" i="1"/>
  <c r="AE1993" i="1"/>
  <c r="AE1994" i="1"/>
  <c r="AE1995" i="1"/>
  <c r="AE1996" i="1"/>
  <c r="AE1997" i="1"/>
  <c r="AE1998" i="1"/>
  <c r="AE1999" i="1"/>
  <c r="AE2000" i="1"/>
  <c r="AE2001" i="1"/>
  <c r="AE2002" i="1"/>
  <c r="AE2003" i="1"/>
  <c r="AE2004" i="1"/>
  <c r="AE2005" i="1"/>
  <c r="AE2006" i="1"/>
  <c r="AE2007" i="1"/>
  <c r="AE2008" i="1"/>
  <c r="AE2009" i="1"/>
  <c r="AE2010" i="1"/>
  <c r="AE2011" i="1"/>
  <c r="AE2012" i="1"/>
  <c r="AE2013" i="1"/>
  <c r="AE2014" i="1"/>
  <c r="AE2015" i="1"/>
  <c r="AE2016" i="1"/>
  <c r="AE2017" i="1"/>
  <c r="AE2018" i="1"/>
  <c r="AE2019" i="1"/>
  <c r="AE2020" i="1"/>
  <c r="AE2021" i="1"/>
  <c r="AE2022" i="1"/>
  <c r="AE2023" i="1"/>
  <c r="AE2024" i="1"/>
  <c r="AE2025" i="1"/>
  <c r="AE2026" i="1"/>
  <c r="AE2027" i="1"/>
  <c r="AE2028" i="1"/>
  <c r="AE2029" i="1"/>
  <c r="AE2030" i="1"/>
  <c r="AE2031" i="1"/>
  <c r="AE2032" i="1"/>
  <c r="AE2033" i="1"/>
  <c r="AE2034" i="1"/>
  <c r="AE2035" i="1"/>
  <c r="AE2036" i="1"/>
  <c r="AE2037" i="1"/>
  <c r="AE2038" i="1"/>
  <c r="AE2039" i="1"/>
  <c r="AE2040" i="1"/>
  <c r="AE2041" i="1"/>
  <c r="AE2042" i="1"/>
  <c r="AE2043" i="1"/>
  <c r="AE2044" i="1"/>
  <c r="AE2045" i="1"/>
  <c r="AE2046" i="1"/>
  <c r="AE2047" i="1"/>
  <c r="AE2048" i="1"/>
  <c r="AE2049" i="1"/>
  <c r="AE2050" i="1"/>
  <c r="AE2051" i="1"/>
  <c r="AE2052" i="1"/>
  <c r="AE2053" i="1"/>
  <c r="AE2054" i="1"/>
  <c r="AE2055" i="1"/>
  <c r="AE2056" i="1"/>
  <c r="AE2057" i="1"/>
  <c r="AE2058" i="1"/>
  <c r="AE2059" i="1"/>
  <c r="AE2060" i="1"/>
  <c r="AE2061" i="1"/>
  <c r="AE2062" i="1"/>
  <c r="AE2063" i="1"/>
  <c r="AE2064" i="1"/>
  <c r="AE2065" i="1"/>
  <c r="AE2066" i="1"/>
  <c r="AE2067" i="1"/>
  <c r="AE2068" i="1"/>
  <c r="AE2069" i="1"/>
  <c r="AE2070" i="1"/>
  <c r="AE2071" i="1"/>
  <c r="AE2072" i="1"/>
  <c r="AE2073" i="1"/>
  <c r="AE2074" i="1"/>
  <c r="AE2075" i="1"/>
  <c r="AE2076" i="1"/>
  <c r="AE2077" i="1"/>
  <c r="AE2078" i="1"/>
  <c r="AE2079" i="1"/>
  <c r="AE2080" i="1"/>
  <c r="AE2081" i="1"/>
  <c r="AE2082" i="1"/>
  <c r="AE2083" i="1"/>
  <c r="AE2084" i="1"/>
  <c r="AE2085" i="1"/>
  <c r="AE2086" i="1"/>
  <c r="AE2087" i="1"/>
  <c r="AE2088" i="1"/>
  <c r="AE2089" i="1"/>
  <c r="AE2090" i="1"/>
  <c r="AE2091" i="1"/>
  <c r="AE2092" i="1"/>
  <c r="AE2093" i="1"/>
  <c r="AE2094" i="1"/>
  <c r="AE2095" i="1"/>
  <c r="AE2096" i="1"/>
  <c r="AE2097" i="1"/>
  <c r="AE2098" i="1"/>
  <c r="AE2099" i="1"/>
  <c r="AE2100" i="1"/>
  <c r="AE2101" i="1"/>
  <c r="AE2102" i="1"/>
  <c r="AE2103" i="1"/>
  <c r="AE2104" i="1"/>
  <c r="AE2105" i="1"/>
  <c r="AE2106" i="1"/>
  <c r="AE2107" i="1"/>
  <c r="AE2108" i="1"/>
  <c r="AE2109" i="1"/>
  <c r="AE2110" i="1"/>
  <c r="AE2111" i="1"/>
  <c r="AE2112" i="1"/>
  <c r="AE2113" i="1"/>
  <c r="AE2114" i="1"/>
  <c r="AE2115" i="1"/>
  <c r="AE2116" i="1"/>
  <c r="AE2117" i="1"/>
  <c r="AE2118" i="1"/>
  <c r="AE2119" i="1"/>
  <c r="AE2120" i="1"/>
  <c r="AE2121" i="1"/>
  <c r="AE2122" i="1"/>
  <c r="AE2123" i="1"/>
  <c r="AE2124" i="1"/>
  <c r="AE2125" i="1"/>
  <c r="AE2126" i="1"/>
  <c r="AE2127" i="1"/>
  <c r="AE2128" i="1"/>
  <c r="AE2129" i="1"/>
  <c r="AE2130" i="1"/>
  <c r="AE2131" i="1"/>
  <c r="AE2132" i="1"/>
  <c r="AE2133" i="1"/>
  <c r="AE2134" i="1"/>
  <c r="AE2135" i="1"/>
  <c r="AE2136" i="1"/>
  <c r="AE2137" i="1"/>
  <c r="AE2138" i="1"/>
  <c r="AE2139" i="1"/>
  <c r="AE2140" i="1"/>
  <c r="AE2141" i="1"/>
  <c r="AE2142" i="1"/>
  <c r="AE2143" i="1"/>
  <c r="AE2144" i="1"/>
  <c r="AE2145" i="1"/>
  <c r="AE2146" i="1"/>
  <c r="AE2147" i="1"/>
  <c r="AE2148" i="1"/>
  <c r="AE2149" i="1"/>
  <c r="AE2150" i="1"/>
  <c r="AE2151" i="1"/>
  <c r="AE2152" i="1"/>
  <c r="AE2153" i="1"/>
  <c r="AE2154" i="1"/>
  <c r="AE2155" i="1"/>
  <c r="AE2156" i="1"/>
  <c r="AE2157" i="1"/>
  <c r="AE2158" i="1"/>
  <c r="AE2159" i="1"/>
  <c r="AE2160" i="1"/>
  <c r="AE2161" i="1"/>
  <c r="AE2162" i="1"/>
  <c r="AE2163" i="1"/>
  <c r="AE2164" i="1"/>
  <c r="AE2165" i="1"/>
  <c r="AE2166" i="1"/>
  <c r="AE2167" i="1"/>
  <c r="AE2168" i="1"/>
  <c r="AE2169" i="1"/>
  <c r="AE2170" i="1"/>
  <c r="AE2171" i="1"/>
  <c r="AE2172" i="1"/>
  <c r="AE2173" i="1"/>
  <c r="AE2174" i="1"/>
  <c r="AE2175" i="1"/>
  <c r="AE2176" i="1"/>
  <c r="AE2177" i="1"/>
  <c r="AE2178" i="1"/>
  <c r="AE2179" i="1"/>
  <c r="AE2180" i="1"/>
  <c r="AE2181" i="1"/>
  <c r="AE2182" i="1"/>
  <c r="AE2183" i="1"/>
  <c r="AE2184" i="1"/>
  <c r="AE2185" i="1"/>
  <c r="AE2186" i="1"/>
  <c r="AE2187" i="1"/>
  <c r="AE2188" i="1"/>
  <c r="AE2189" i="1"/>
  <c r="AE2190" i="1"/>
  <c r="AE2191" i="1"/>
  <c r="AE2192" i="1"/>
  <c r="AE2193" i="1"/>
  <c r="AE2194" i="1"/>
  <c r="AE2195" i="1"/>
  <c r="AE2196" i="1"/>
  <c r="AE2197" i="1"/>
  <c r="AE2198" i="1"/>
  <c r="AE2199" i="1"/>
  <c r="AE2200" i="1"/>
  <c r="AE2201" i="1"/>
  <c r="AE2202" i="1"/>
  <c r="AE2203" i="1"/>
  <c r="AE2204" i="1"/>
  <c r="AE2205" i="1"/>
  <c r="AE2206" i="1"/>
  <c r="AE2207" i="1"/>
  <c r="AE2208" i="1"/>
  <c r="AE2209" i="1"/>
  <c r="AE2210" i="1"/>
  <c r="AE2211" i="1"/>
  <c r="AE2212" i="1"/>
  <c r="AE2213" i="1"/>
  <c r="AE2214" i="1"/>
  <c r="AE2215" i="1"/>
  <c r="AE2216" i="1"/>
  <c r="AE2217" i="1"/>
  <c r="AE2218" i="1"/>
  <c r="AE2219" i="1"/>
  <c r="AE2220" i="1"/>
  <c r="AE2221" i="1"/>
  <c r="AE2222" i="1"/>
  <c r="AE2223" i="1"/>
  <c r="AE2224" i="1"/>
  <c r="AE2225" i="1"/>
  <c r="AE2226" i="1"/>
  <c r="AE2227" i="1"/>
  <c r="AE2228" i="1"/>
  <c r="AE2229" i="1"/>
  <c r="AE2230" i="1"/>
  <c r="AE2231" i="1"/>
  <c r="AE2232" i="1"/>
  <c r="AE2233" i="1"/>
  <c r="AE2234" i="1"/>
  <c r="AE2235" i="1"/>
  <c r="AE2236" i="1"/>
  <c r="AE2237" i="1"/>
  <c r="AE2238" i="1"/>
  <c r="AE2239" i="1"/>
  <c r="AE2240" i="1"/>
  <c r="AE2241" i="1"/>
  <c r="AE2242" i="1"/>
  <c r="AE2243" i="1"/>
  <c r="AE2244" i="1"/>
  <c r="AE2245" i="1"/>
  <c r="AE2246" i="1"/>
  <c r="AE2247" i="1"/>
  <c r="AE2248" i="1"/>
  <c r="AE2249" i="1"/>
  <c r="AE2250" i="1"/>
  <c r="AE2251" i="1"/>
  <c r="AE2252" i="1"/>
  <c r="AE2253" i="1"/>
  <c r="AE2254" i="1"/>
  <c r="AE2255" i="1"/>
  <c r="AE2256" i="1"/>
  <c r="AE2257" i="1"/>
  <c r="AE2258" i="1"/>
  <c r="AE2259" i="1"/>
  <c r="AE2260" i="1"/>
  <c r="AE2261" i="1"/>
  <c r="AE2262" i="1"/>
  <c r="AE2263" i="1"/>
  <c r="AE2264" i="1"/>
  <c r="AE2265" i="1"/>
  <c r="AE2266" i="1"/>
  <c r="AE2267" i="1"/>
  <c r="AE2268" i="1"/>
  <c r="AE2269" i="1"/>
  <c r="AE2270" i="1"/>
  <c r="AE2271" i="1"/>
  <c r="AE2272" i="1"/>
  <c r="AE2273" i="1"/>
  <c r="AE2274" i="1"/>
  <c r="AE2275" i="1"/>
  <c r="AE2276" i="1"/>
  <c r="AE2277" i="1"/>
  <c r="AE2278" i="1"/>
  <c r="AE2279" i="1"/>
  <c r="AE2280" i="1"/>
  <c r="AE2281" i="1"/>
  <c r="AE2282" i="1"/>
  <c r="AE2283" i="1"/>
  <c r="AE2284" i="1"/>
  <c r="AE2285" i="1"/>
  <c r="AE2286" i="1"/>
  <c r="AE2287" i="1"/>
  <c r="AE2288" i="1"/>
  <c r="AE2289" i="1"/>
  <c r="AE2290" i="1"/>
  <c r="AE2291" i="1"/>
  <c r="AE2292" i="1"/>
  <c r="AE2293" i="1"/>
  <c r="AE2294" i="1"/>
  <c r="AE2295" i="1"/>
  <c r="AE2296" i="1"/>
  <c r="AE2297" i="1"/>
  <c r="AE2298" i="1"/>
  <c r="AE2299" i="1"/>
  <c r="AE2300" i="1"/>
  <c r="AE2301" i="1"/>
  <c r="AE2302" i="1"/>
  <c r="AE2303" i="1"/>
  <c r="AE2304" i="1"/>
  <c r="AE2305" i="1"/>
  <c r="AE2306" i="1"/>
  <c r="AE2307" i="1"/>
  <c r="AE2308" i="1"/>
  <c r="AE2309" i="1"/>
  <c r="AE2310" i="1"/>
  <c r="AE2311" i="1"/>
  <c r="AE2312" i="1"/>
  <c r="AE2313" i="1"/>
  <c r="AE2314" i="1"/>
  <c r="AE2315" i="1"/>
  <c r="AE2316" i="1"/>
  <c r="AE2317" i="1"/>
  <c r="AE2318" i="1"/>
  <c r="AE2319" i="1"/>
  <c r="AE2320" i="1"/>
  <c r="AE2321" i="1"/>
  <c r="AE2322" i="1"/>
  <c r="AE2323" i="1"/>
  <c r="AE2324" i="1"/>
  <c r="AE2325" i="1"/>
  <c r="AE2326" i="1"/>
  <c r="AE2327" i="1"/>
  <c r="AE2328" i="1"/>
  <c r="AE2329" i="1"/>
  <c r="AE2330" i="1"/>
  <c r="AE2331" i="1"/>
  <c r="AE2332" i="1"/>
  <c r="AE2333" i="1"/>
  <c r="AE2334" i="1"/>
  <c r="AE2335" i="1"/>
  <c r="AE2336" i="1"/>
  <c r="AE2337" i="1"/>
  <c r="AE2338" i="1"/>
  <c r="AE2339" i="1"/>
  <c r="AE2340" i="1"/>
  <c r="AE2341" i="1"/>
  <c r="AE2342" i="1"/>
  <c r="AE2343" i="1"/>
  <c r="AE2344" i="1"/>
  <c r="AE2345" i="1"/>
  <c r="AE2346" i="1"/>
  <c r="AE2347" i="1"/>
  <c r="AE2348" i="1"/>
  <c r="AE2349" i="1"/>
  <c r="AE2350" i="1"/>
  <c r="AE2351" i="1"/>
  <c r="AE2352" i="1"/>
  <c r="AE2353" i="1"/>
  <c r="AE2354" i="1"/>
  <c r="AE2355" i="1"/>
  <c r="AE2356" i="1"/>
  <c r="AE2357" i="1"/>
  <c r="AE2358" i="1"/>
  <c r="AE2359" i="1"/>
  <c r="AE2360" i="1"/>
  <c r="AE2361" i="1"/>
  <c r="AE2362" i="1"/>
  <c r="AE2363" i="1"/>
  <c r="AE2364" i="1"/>
  <c r="AE2365" i="1"/>
  <c r="AE2366" i="1"/>
  <c r="AE2367" i="1"/>
  <c r="AE2368" i="1"/>
  <c r="AE2369" i="1"/>
  <c r="AE2370" i="1"/>
  <c r="AE2371" i="1"/>
  <c r="AE2372" i="1"/>
  <c r="AE2373" i="1"/>
  <c r="AE2374" i="1"/>
  <c r="AE2375" i="1"/>
  <c r="AE2376" i="1"/>
  <c r="AE2377" i="1"/>
  <c r="AE2378" i="1"/>
  <c r="AE2379" i="1"/>
  <c r="AE2380" i="1"/>
  <c r="AE2381" i="1"/>
  <c r="AE2382" i="1"/>
  <c r="AE2383" i="1"/>
  <c r="AE2384" i="1"/>
  <c r="AE2385" i="1"/>
  <c r="AE2386" i="1"/>
  <c r="AE2387" i="1"/>
  <c r="AE2388" i="1"/>
  <c r="AE2389" i="1"/>
  <c r="AE2390" i="1"/>
  <c r="AE2391" i="1"/>
  <c r="AE2392" i="1"/>
  <c r="AE2393" i="1"/>
  <c r="AE2394" i="1"/>
  <c r="AE2395" i="1"/>
  <c r="AE2396" i="1"/>
  <c r="AE2397" i="1"/>
  <c r="AE2398" i="1"/>
  <c r="AE2399" i="1"/>
  <c r="AE2400" i="1"/>
  <c r="AE2401" i="1"/>
  <c r="AE2402" i="1"/>
  <c r="AE2403" i="1"/>
  <c r="AE2404" i="1"/>
  <c r="AE2405" i="1"/>
  <c r="AE2406" i="1"/>
  <c r="AE2407" i="1"/>
  <c r="AE2408" i="1"/>
  <c r="AE2409" i="1"/>
  <c r="AE2410" i="1"/>
  <c r="AE2411" i="1"/>
  <c r="AE2412" i="1"/>
  <c r="AE2413" i="1"/>
  <c r="AE2414" i="1"/>
  <c r="AE2415" i="1"/>
  <c r="AE2416" i="1"/>
  <c r="AE2417" i="1"/>
  <c r="AE2418" i="1"/>
  <c r="AE2419" i="1"/>
  <c r="AE2420" i="1"/>
  <c r="AE2421" i="1"/>
  <c r="AE2422" i="1"/>
  <c r="AE2423" i="1"/>
  <c r="AE2424" i="1"/>
  <c r="AE2425" i="1"/>
  <c r="AE2426" i="1"/>
  <c r="AE2427" i="1"/>
  <c r="AE2428" i="1"/>
  <c r="AE2429" i="1"/>
  <c r="AE2430" i="1"/>
  <c r="AE2431" i="1"/>
  <c r="AE2432" i="1"/>
  <c r="AE2433" i="1"/>
  <c r="AE2434" i="1"/>
  <c r="AE2435" i="1"/>
  <c r="AE2436" i="1"/>
  <c r="AE2437" i="1"/>
  <c r="AE2438" i="1"/>
  <c r="AE2439" i="1"/>
  <c r="AE2440" i="1"/>
  <c r="AE2441" i="1"/>
  <c r="AE2442" i="1"/>
  <c r="AE2443" i="1"/>
  <c r="AE2444" i="1"/>
  <c r="AE2445" i="1"/>
  <c r="AE2446" i="1"/>
  <c r="AE2447" i="1"/>
  <c r="AE2448" i="1"/>
  <c r="AE2449" i="1"/>
  <c r="AE2450" i="1"/>
  <c r="AE2451" i="1"/>
  <c r="AE2452" i="1"/>
  <c r="AE2453" i="1"/>
  <c r="AE2454" i="1"/>
  <c r="AE2455" i="1"/>
  <c r="AE2456" i="1"/>
  <c r="AE2457" i="1"/>
  <c r="AE2458" i="1"/>
  <c r="AE2459" i="1"/>
  <c r="AE2460" i="1"/>
  <c r="AE2461" i="1"/>
  <c r="AE2462" i="1"/>
  <c r="AE2463" i="1"/>
  <c r="AE2464" i="1"/>
  <c r="AE2465" i="1"/>
  <c r="AE2466" i="1"/>
  <c r="AE2467" i="1"/>
  <c r="AE2468" i="1"/>
  <c r="AE2469" i="1"/>
  <c r="AE2470" i="1"/>
  <c r="AE2471" i="1"/>
  <c r="AE2472" i="1"/>
  <c r="AE2473" i="1"/>
  <c r="AE2474" i="1"/>
  <c r="AE2475" i="1"/>
  <c r="AE2476" i="1"/>
  <c r="AE2477" i="1"/>
  <c r="AE2478" i="1"/>
  <c r="AE2479" i="1"/>
  <c r="AE2480" i="1"/>
  <c r="AE2481" i="1"/>
  <c r="AE2482" i="1"/>
  <c r="AE2483" i="1"/>
  <c r="AE2484" i="1"/>
  <c r="AE2485" i="1"/>
  <c r="AE2486" i="1"/>
  <c r="AE2487" i="1"/>
  <c r="AE2488" i="1"/>
  <c r="AE2489" i="1"/>
  <c r="AE2490" i="1"/>
  <c r="AE2491" i="1"/>
  <c r="AE2492" i="1"/>
  <c r="AE2493" i="1"/>
  <c r="AE2494" i="1"/>
  <c r="AE2495" i="1"/>
  <c r="AE2496" i="1"/>
  <c r="AE2497" i="1"/>
  <c r="AE2498" i="1"/>
  <c r="AE2499" i="1"/>
  <c r="AE2500" i="1"/>
  <c r="AE2501" i="1"/>
  <c r="AE2502" i="1"/>
  <c r="AE2503" i="1"/>
  <c r="AE2504" i="1"/>
  <c r="AE2505" i="1"/>
  <c r="AE2506" i="1"/>
  <c r="AE2507" i="1"/>
  <c r="AE2508" i="1"/>
  <c r="AE2509" i="1"/>
  <c r="AE2510" i="1"/>
  <c r="AE2511" i="1"/>
  <c r="AE2512" i="1"/>
  <c r="AE2513" i="1"/>
  <c r="AE2514" i="1"/>
  <c r="AE2515" i="1"/>
  <c r="AE2516" i="1"/>
  <c r="AE2517" i="1"/>
  <c r="AE2518" i="1"/>
  <c r="AE2519" i="1"/>
  <c r="AE2520" i="1"/>
  <c r="AE2521" i="1"/>
  <c r="AE2522" i="1"/>
  <c r="AE2523" i="1"/>
  <c r="AE2524" i="1"/>
  <c r="AE2525" i="1"/>
  <c r="AE2526" i="1"/>
  <c r="AE2527" i="1"/>
  <c r="AE2528" i="1"/>
  <c r="AE2529" i="1"/>
  <c r="AE2530" i="1"/>
  <c r="AE2531" i="1"/>
  <c r="AE2532" i="1"/>
  <c r="AE2533" i="1"/>
  <c r="AE2534" i="1"/>
  <c r="AE2535" i="1"/>
  <c r="AE2536" i="1"/>
  <c r="AE2537" i="1"/>
  <c r="AE2538" i="1"/>
  <c r="AE2539" i="1"/>
  <c r="AE2540" i="1"/>
  <c r="AE2541" i="1"/>
  <c r="AE2542" i="1"/>
  <c r="AE2543" i="1"/>
  <c r="AE2544" i="1"/>
  <c r="AE2545" i="1"/>
  <c r="AE2546" i="1"/>
  <c r="AE2547" i="1"/>
  <c r="AE2548" i="1"/>
  <c r="AE2549" i="1"/>
  <c r="AE2550" i="1"/>
  <c r="AE2551" i="1"/>
  <c r="AE2552" i="1"/>
  <c r="AE2553" i="1"/>
  <c r="AE2554" i="1"/>
  <c r="AE2555" i="1"/>
  <c r="AE2556" i="1"/>
  <c r="AE2557" i="1"/>
  <c r="AE2558" i="1"/>
  <c r="AE2559" i="1"/>
  <c r="AE2560" i="1"/>
  <c r="AE2561" i="1"/>
  <c r="AE2562" i="1"/>
  <c r="AE2563" i="1"/>
  <c r="AE2564" i="1"/>
  <c r="AE2565" i="1"/>
  <c r="AE2566" i="1"/>
  <c r="AE2567" i="1"/>
  <c r="AE2568" i="1"/>
  <c r="AE2569" i="1"/>
  <c r="AE2570" i="1"/>
  <c r="AE2571" i="1"/>
  <c r="AE2572" i="1"/>
  <c r="AE2573" i="1"/>
  <c r="AE2574" i="1"/>
  <c r="AE2575" i="1"/>
  <c r="AE2576" i="1"/>
  <c r="AE2577" i="1"/>
  <c r="AE2578" i="1"/>
  <c r="AE2579" i="1"/>
  <c r="AE2580" i="1"/>
  <c r="AE2581" i="1"/>
  <c r="AE2582" i="1"/>
  <c r="AE2583" i="1"/>
  <c r="AE2584" i="1"/>
  <c r="AE2585" i="1"/>
  <c r="AE2586" i="1"/>
  <c r="AE2587" i="1"/>
  <c r="AE2588" i="1"/>
  <c r="AE2589" i="1"/>
  <c r="AE2590" i="1"/>
  <c r="AE2591" i="1"/>
  <c r="AE2592" i="1"/>
  <c r="AE2593" i="1"/>
  <c r="AE2594" i="1"/>
  <c r="AE2595" i="1"/>
  <c r="AE2596" i="1"/>
  <c r="AE2597" i="1"/>
  <c r="AE2598" i="1"/>
  <c r="AE2599" i="1"/>
  <c r="AE2600" i="1"/>
  <c r="AE2601" i="1"/>
  <c r="AE2602" i="1"/>
  <c r="AE2603" i="1"/>
  <c r="AE2604" i="1"/>
  <c r="AE2605" i="1"/>
  <c r="AE2606" i="1"/>
  <c r="AE2607" i="1"/>
  <c r="AE2608" i="1"/>
  <c r="AE2609" i="1"/>
  <c r="AE2610" i="1"/>
  <c r="AE2611" i="1"/>
  <c r="AE2612" i="1"/>
  <c r="AE2613" i="1"/>
  <c r="AE2614" i="1"/>
  <c r="AE2615" i="1"/>
  <c r="AE2616" i="1"/>
  <c r="AE2617" i="1"/>
  <c r="AE2618" i="1"/>
  <c r="AE2619" i="1"/>
  <c r="AE2620" i="1"/>
  <c r="AE2621" i="1"/>
  <c r="AE2622" i="1"/>
  <c r="AE2623" i="1"/>
  <c r="AE2624" i="1"/>
  <c r="AE2625" i="1"/>
  <c r="AE2626" i="1"/>
  <c r="AE2627" i="1"/>
  <c r="AE2628" i="1"/>
  <c r="AE2629" i="1"/>
  <c r="AE2630" i="1"/>
  <c r="AE2631" i="1"/>
  <c r="AE2632" i="1"/>
  <c r="AE2633" i="1"/>
  <c r="AE2634" i="1"/>
  <c r="AE2635" i="1"/>
  <c r="AE2636" i="1"/>
  <c r="AE2637" i="1"/>
  <c r="AE2638" i="1"/>
  <c r="AE2639" i="1"/>
  <c r="AE2640" i="1"/>
  <c r="AE2641" i="1"/>
  <c r="AE2642" i="1"/>
  <c r="AE2643" i="1"/>
  <c r="AE2644" i="1"/>
  <c r="AE2645" i="1"/>
  <c r="AE2646" i="1"/>
  <c r="AE2647" i="1"/>
  <c r="AE2648" i="1"/>
  <c r="AE2649" i="1"/>
  <c r="AE2650" i="1"/>
  <c r="AE2651" i="1"/>
  <c r="AE2652" i="1"/>
  <c r="AE2653" i="1"/>
  <c r="AE2654" i="1"/>
  <c r="AE2655" i="1"/>
  <c r="AE2656" i="1"/>
  <c r="AE2657" i="1"/>
  <c r="AE2658" i="1"/>
  <c r="AE2659" i="1"/>
  <c r="AE2660" i="1"/>
  <c r="AE2661" i="1"/>
  <c r="AE2662" i="1"/>
  <c r="AE2663" i="1"/>
  <c r="AE2664" i="1"/>
  <c r="AE2665" i="1"/>
  <c r="AE2666" i="1"/>
  <c r="AE2667" i="1"/>
  <c r="AE2668" i="1"/>
  <c r="AE2669" i="1"/>
  <c r="AE2670" i="1"/>
  <c r="AE2671" i="1"/>
  <c r="AE2672" i="1"/>
  <c r="AE2673" i="1"/>
  <c r="AE2674" i="1"/>
  <c r="AE2675" i="1"/>
  <c r="AE2676" i="1"/>
  <c r="AE2677" i="1"/>
  <c r="AE2678" i="1"/>
  <c r="AE2679" i="1"/>
  <c r="AE2680" i="1"/>
  <c r="AE2681" i="1"/>
  <c r="AE2682" i="1"/>
  <c r="AE2683" i="1"/>
  <c r="AE2684" i="1"/>
  <c r="AE2685" i="1"/>
  <c r="AE2686" i="1"/>
  <c r="AE2687" i="1"/>
  <c r="AE2688" i="1"/>
  <c r="AE2689" i="1"/>
  <c r="AE2690" i="1"/>
  <c r="AE2691" i="1"/>
  <c r="AE2692" i="1"/>
  <c r="AE2693" i="1"/>
  <c r="AE2694" i="1"/>
  <c r="AE2695" i="1"/>
  <c r="AE2696" i="1"/>
  <c r="AE2697" i="1"/>
  <c r="AE2698" i="1"/>
  <c r="AE2699" i="1"/>
  <c r="AE2700" i="1"/>
  <c r="AE2701" i="1"/>
  <c r="AE2702" i="1"/>
  <c r="AE2703" i="1"/>
  <c r="AE2704" i="1"/>
  <c r="AE2705" i="1"/>
  <c r="AE2706" i="1"/>
  <c r="AE2707" i="1"/>
  <c r="AE2708" i="1"/>
  <c r="AE2709" i="1"/>
  <c r="AE2710" i="1"/>
  <c r="AE2711" i="1"/>
  <c r="AE2712" i="1"/>
  <c r="AE2713" i="1"/>
  <c r="AE2714" i="1"/>
  <c r="AE2715" i="1"/>
  <c r="AE2716" i="1"/>
  <c r="AE2717" i="1"/>
  <c r="AE2718" i="1"/>
  <c r="AE2719" i="1"/>
  <c r="AE2720" i="1"/>
  <c r="AE2721" i="1"/>
  <c r="AE2722" i="1"/>
  <c r="AE2723" i="1"/>
  <c r="AE2724" i="1"/>
  <c r="AE2725" i="1"/>
  <c r="AE2726" i="1"/>
  <c r="AE2727" i="1"/>
  <c r="AE2728" i="1"/>
  <c r="AE2729" i="1"/>
  <c r="AE2730" i="1"/>
  <c r="AE2731" i="1"/>
  <c r="AE2732" i="1"/>
  <c r="AE2733" i="1"/>
  <c r="AE2734" i="1"/>
  <c r="AE2735" i="1"/>
  <c r="AE2736" i="1"/>
  <c r="AE2737" i="1"/>
  <c r="AE2738" i="1"/>
  <c r="AE2739" i="1"/>
  <c r="AE2740" i="1"/>
  <c r="AE2741" i="1"/>
  <c r="AE2742" i="1"/>
  <c r="AE2743" i="1"/>
  <c r="AE2744" i="1"/>
  <c r="AE2745" i="1"/>
  <c r="AE2746" i="1"/>
  <c r="AE2747" i="1"/>
  <c r="AE2748" i="1"/>
  <c r="AE2749" i="1"/>
  <c r="AE2750" i="1"/>
  <c r="AE2751" i="1"/>
  <c r="AE2752" i="1"/>
  <c r="AE2753" i="1"/>
  <c r="AE2754" i="1"/>
  <c r="AE2755" i="1"/>
  <c r="AE2756" i="1"/>
  <c r="AE2757" i="1"/>
  <c r="AE2758" i="1"/>
  <c r="AE2759" i="1"/>
  <c r="AE2760" i="1"/>
  <c r="AE2761" i="1"/>
  <c r="AE2762" i="1"/>
  <c r="AE2763" i="1"/>
  <c r="AE2764" i="1"/>
  <c r="AE2765" i="1"/>
  <c r="AE2766" i="1"/>
  <c r="AE2767" i="1"/>
  <c r="AE2768" i="1"/>
  <c r="AE2769" i="1"/>
  <c r="AE2770" i="1"/>
  <c r="AE2771" i="1"/>
  <c r="AE2772" i="1"/>
  <c r="AE2773" i="1"/>
  <c r="AE2774" i="1"/>
  <c r="AE2775" i="1"/>
  <c r="AE2776" i="1"/>
  <c r="AE2777" i="1"/>
  <c r="AE2778" i="1"/>
  <c r="AE2779" i="1"/>
  <c r="AE2780" i="1"/>
  <c r="AE2781" i="1"/>
  <c r="AE2782" i="1"/>
  <c r="AE2783" i="1"/>
  <c r="AE2784" i="1"/>
  <c r="AE2785" i="1"/>
  <c r="AE2786" i="1"/>
  <c r="AE2787" i="1"/>
  <c r="AE2788" i="1"/>
  <c r="AE2789" i="1"/>
  <c r="AE2790" i="1"/>
  <c r="AE2791" i="1"/>
  <c r="AE2792" i="1"/>
  <c r="AE2793" i="1"/>
  <c r="AE2794" i="1"/>
  <c r="AE2795" i="1"/>
  <c r="AE2796" i="1"/>
  <c r="AE2797" i="1"/>
  <c r="AE2798" i="1"/>
  <c r="AE2799" i="1"/>
  <c r="AE2800" i="1"/>
  <c r="AE2801" i="1"/>
  <c r="AE2802" i="1"/>
  <c r="AE2803" i="1"/>
  <c r="AE2804" i="1"/>
  <c r="AE2805" i="1"/>
  <c r="AE2806" i="1"/>
  <c r="AE2807" i="1"/>
  <c r="AE2808" i="1"/>
  <c r="AE2809" i="1"/>
  <c r="AE2810" i="1"/>
  <c r="AE2811" i="1"/>
  <c r="AE2812" i="1"/>
  <c r="AE2813" i="1"/>
  <c r="AE2814" i="1"/>
  <c r="AE2815" i="1"/>
  <c r="AE2816" i="1"/>
  <c r="AE2817" i="1"/>
  <c r="AE2818" i="1"/>
  <c r="AE2819" i="1"/>
  <c r="AE2820" i="1"/>
  <c r="AE2821" i="1"/>
  <c r="AE2822" i="1"/>
  <c r="AE2823" i="1"/>
  <c r="AE2824" i="1"/>
  <c r="AE2825" i="1"/>
  <c r="AE2826" i="1"/>
  <c r="AE2827" i="1"/>
  <c r="AE2828" i="1"/>
  <c r="AE2829" i="1"/>
  <c r="AE2830" i="1"/>
  <c r="AE2831" i="1"/>
  <c r="AE2832" i="1"/>
  <c r="AE2833" i="1"/>
  <c r="AE2834" i="1"/>
  <c r="AE2835" i="1"/>
  <c r="AE2836" i="1"/>
  <c r="AE2837" i="1"/>
  <c r="AE2838" i="1"/>
  <c r="AE2839" i="1"/>
  <c r="AE2840" i="1"/>
  <c r="AE2841" i="1"/>
  <c r="AE2842" i="1"/>
  <c r="AE2843" i="1"/>
  <c r="AE2844" i="1"/>
  <c r="AE2845" i="1"/>
  <c r="AE2846" i="1"/>
  <c r="AE2847" i="1"/>
  <c r="AE2848" i="1"/>
  <c r="AE2849" i="1"/>
  <c r="AE2850" i="1"/>
  <c r="AE2851" i="1"/>
  <c r="AE2852" i="1"/>
  <c r="AE2853" i="1"/>
  <c r="AE2854" i="1"/>
  <c r="AE2855" i="1"/>
  <c r="AE2856" i="1"/>
  <c r="AE2857" i="1"/>
  <c r="AE2858" i="1"/>
  <c r="AE2859" i="1"/>
  <c r="AE2860" i="1"/>
  <c r="AE2861" i="1"/>
  <c r="AE2862" i="1"/>
  <c r="AE2863" i="1"/>
  <c r="AE2864" i="1"/>
  <c r="AE2865" i="1"/>
  <c r="AE2866" i="1"/>
  <c r="AE2867" i="1"/>
  <c r="AE2868" i="1"/>
  <c r="AE2869" i="1"/>
  <c r="AE2870" i="1"/>
  <c r="AE2871" i="1"/>
  <c r="AE2872" i="1"/>
  <c r="AE2873" i="1"/>
  <c r="AE2874" i="1"/>
  <c r="AE2875" i="1"/>
  <c r="AE2876" i="1"/>
  <c r="AE2877" i="1"/>
  <c r="AE2878" i="1"/>
  <c r="AE2879" i="1"/>
  <c r="AE2880" i="1"/>
  <c r="AE2881" i="1"/>
  <c r="AE2882" i="1"/>
  <c r="AE2883" i="1"/>
  <c r="AE2884" i="1"/>
  <c r="AE2885" i="1"/>
  <c r="AE2886" i="1"/>
  <c r="AE2887" i="1"/>
  <c r="AE2888" i="1"/>
  <c r="AE2889" i="1"/>
  <c r="AE2890" i="1"/>
  <c r="AE2891" i="1"/>
  <c r="AE2892" i="1"/>
  <c r="AE2893" i="1"/>
  <c r="AE2894" i="1"/>
  <c r="AE2895" i="1"/>
  <c r="AE2896" i="1"/>
  <c r="AE2897" i="1"/>
  <c r="AE2898" i="1"/>
  <c r="AE2899" i="1"/>
  <c r="AE2900" i="1"/>
  <c r="AE2901" i="1"/>
  <c r="AE2902" i="1"/>
  <c r="AE2903" i="1"/>
  <c r="AE2904" i="1"/>
  <c r="AE2905" i="1"/>
  <c r="AE2906" i="1"/>
  <c r="AE2907" i="1"/>
  <c r="AE2908" i="1"/>
  <c r="AE2909" i="1"/>
  <c r="AE2910" i="1"/>
  <c r="AE2911" i="1"/>
  <c r="AE2912" i="1"/>
  <c r="AE2913" i="1"/>
  <c r="AE2914" i="1"/>
  <c r="AE2915" i="1"/>
  <c r="AE2916" i="1"/>
  <c r="AE2917" i="1"/>
  <c r="AE2918" i="1"/>
  <c r="AE2919" i="1"/>
  <c r="AE2920" i="1"/>
  <c r="AE2921" i="1"/>
  <c r="AE2922" i="1"/>
  <c r="AE2923" i="1"/>
  <c r="AE2924" i="1"/>
  <c r="AE2925" i="1"/>
  <c r="AE2926" i="1"/>
  <c r="AE2927" i="1"/>
  <c r="AE2928" i="1"/>
  <c r="AE2929" i="1"/>
  <c r="AE2930" i="1"/>
  <c r="AE2931" i="1"/>
  <c r="AE2932" i="1"/>
  <c r="AE2933" i="1"/>
  <c r="AE2934" i="1"/>
  <c r="AE2935" i="1"/>
  <c r="AE2936" i="1"/>
  <c r="AE2937" i="1"/>
  <c r="AE2938" i="1"/>
  <c r="AE2939" i="1"/>
  <c r="AE2940" i="1"/>
  <c r="AE2941" i="1"/>
  <c r="AE2942" i="1"/>
  <c r="AE2943" i="1"/>
  <c r="AE2944" i="1"/>
  <c r="AE2945" i="1"/>
  <c r="AE2946" i="1"/>
  <c r="AE2947" i="1"/>
  <c r="AE2948" i="1"/>
  <c r="AE2949" i="1"/>
  <c r="AE2950" i="1"/>
  <c r="AE2951" i="1"/>
  <c r="AE2952" i="1"/>
  <c r="AE2953" i="1"/>
  <c r="AE2954" i="1"/>
  <c r="AE2955" i="1"/>
  <c r="AE2956" i="1"/>
  <c r="AE2957" i="1"/>
  <c r="AE2958" i="1"/>
  <c r="AE2959" i="1"/>
  <c r="AE2960" i="1"/>
  <c r="AE2961" i="1"/>
  <c r="AE2962" i="1"/>
  <c r="AE2963" i="1"/>
  <c r="AE2964" i="1"/>
  <c r="AE2965" i="1"/>
  <c r="AE2966" i="1"/>
  <c r="AE2967" i="1"/>
  <c r="AE2968" i="1"/>
  <c r="AE2969" i="1"/>
  <c r="AE2970" i="1"/>
  <c r="AE2971" i="1"/>
  <c r="AE2972" i="1"/>
  <c r="AE2973" i="1"/>
  <c r="AE2974" i="1"/>
  <c r="AE2975" i="1"/>
  <c r="AE2976" i="1"/>
  <c r="AE2977" i="1"/>
  <c r="AE2978" i="1"/>
  <c r="AE2979" i="1"/>
  <c r="AE2980" i="1"/>
  <c r="AE2981" i="1"/>
  <c r="AE2982" i="1"/>
  <c r="AE2983" i="1"/>
  <c r="AE2984" i="1"/>
  <c r="AE2985" i="1"/>
  <c r="AE2986" i="1"/>
  <c r="AE2987" i="1"/>
  <c r="AE2988" i="1"/>
  <c r="AE2989" i="1"/>
  <c r="AE2990" i="1"/>
  <c r="AE2991" i="1"/>
  <c r="AE2992" i="1"/>
  <c r="AE2993" i="1"/>
  <c r="AE2994" i="1"/>
  <c r="AE2995" i="1"/>
  <c r="AE2996" i="1"/>
  <c r="AE2997" i="1"/>
  <c r="AE2998" i="1"/>
  <c r="AE2999" i="1"/>
  <c r="AE3000" i="1"/>
  <c r="AE3001" i="1"/>
  <c r="AE3002" i="1"/>
  <c r="AE3003" i="1"/>
  <c r="AE3004" i="1"/>
  <c r="AE3005" i="1"/>
  <c r="AE3006" i="1"/>
  <c r="AE3007" i="1"/>
  <c r="AE3008" i="1"/>
  <c r="AE3009" i="1"/>
  <c r="AE3010" i="1"/>
  <c r="AE3011" i="1"/>
  <c r="AE3012" i="1"/>
  <c r="AE3013" i="1"/>
  <c r="AE3014" i="1"/>
  <c r="AE3015" i="1"/>
  <c r="AE3016" i="1"/>
  <c r="AE3017" i="1"/>
  <c r="AE3018" i="1"/>
  <c r="AE3019" i="1"/>
  <c r="AE3020" i="1"/>
  <c r="AE3021" i="1"/>
  <c r="AE3022" i="1"/>
  <c r="AE3023" i="1"/>
  <c r="AE3024" i="1"/>
  <c r="AE3025" i="1"/>
  <c r="AE3026" i="1"/>
  <c r="AE3027" i="1"/>
  <c r="AE3028" i="1"/>
  <c r="AE3029" i="1"/>
  <c r="AE3030" i="1"/>
  <c r="AE3031" i="1"/>
  <c r="AE3032" i="1"/>
  <c r="AE3033" i="1"/>
  <c r="AE3034" i="1"/>
  <c r="AE3035" i="1"/>
  <c r="AE3036" i="1"/>
  <c r="AE3037" i="1"/>
  <c r="AE3038" i="1"/>
  <c r="AE3039" i="1"/>
  <c r="AE3040" i="1"/>
  <c r="AE3041" i="1"/>
  <c r="AE3042" i="1"/>
  <c r="AE3043" i="1"/>
  <c r="AE3044" i="1"/>
  <c r="AE3045" i="1"/>
  <c r="AE3046" i="1"/>
  <c r="AE3047" i="1"/>
  <c r="AE3048" i="1"/>
  <c r="AE3049" i="1"/>
  <c r="AE3050" i="1"/>
  <c r="AE3051" i="1"/>
  <c r="AE3052" i="1"/>
  <c r="AE3053" i="1"/>
  <c r="AE3054" i="1"/>
  <c r="AE3055" i="1"/>
  <c r="AE3056" i="1"/>
  <c r="AE3057" i="1"/>
  <c r="AE3058" i="1"/>
  <c r="AE3059" i="1"/>
  <c r="AE3060" i="1"/>
  <c r="AE3061" i="1"/>
  <c r="AE3062" i="1"/>
  <c r="AE3063" i="1"/>
  <c r="AE3064" i="1"/>
  <c r="AE3065" i="1"/>
  <c r="AE3066" i="1"/>
  <c r="AE3067" i="1"/>
  <c r="AE3068" i="1"/>
  <c r="AE3069" i="1"/>
  <c r="AE3070" i="1"/>
  <c r="AE3071" i="1"/>
  <c r="AE3072" i="1"/>
  <c r="AE3073" i="1"/>
  <c r="AE3074" i="1"/>
  <c r="AE3075" i="1"/>
  <c r="AE3076" i="1"/>
  <c r="AE3077" i="1"/>
  <c r="AE3078" i="1"/>
  <c r="AE3079" i="1"/>
  <c r="AE3080" i="1"/>
  <c r="AE3081" i="1"/>
  <c r="AE3082" i="1"/>
  <c r="AE3083" i="1"/>
  <c r="AE3084" i="1"/>
  <c r="AE3085" i="1"/>
  <c r="AE3086" i="1"/>
  <c r="AE3087" i="1"/>
  <c r="AE3088" i="1"/>
  <c r="AE3089" i="1"/>
  <c r="AE3090" i="1"/>
  <c r="AE3091" i="1"/>
  <c r="AE3092" i="1"/>
  <c r="AE3093" i="1"/>
  <c r="AE3094" i="1"/>
  <c r="AE3095" i="1"/>
  <c r="AE3096" i="1"/>
  <c r="AE3097" i="1"/>
  <c r="AE3098" i="1"/>
  <c r="AE3099" i="1"/>
  <c r="AE3100" i="1"/>
  <c r="AE3101" i="1"/>
  <c r="AE3102" i="1"/>
  <c r="AE3103" i="1"/>
  <c r="AE3104" i="1"/>
  <c r="AE3105" i="1"/>
  <c r="AE3106" i="1"/>
  <c r="AE3107" i="1"/>
  <c r="AE3108" i="1"/>
  <c r="AE3109" i="1"/>
  <c r="AE3110" i="1"/>
  <c r="AE3111" i="1"/>
  <c r="AE3112" i="1"/>
  <c r="AE3113" i="1"/>
  <c r="AE3114" i="1"/>
  <c r="AE3115" i="1"/>
  <c r="AE3116" i="1"/>
  <c r="AE3117" i="1"/>
  <c r="AE3118" i="1"/>
  <c r="AE3119" i="1"/>
  <c r="AE3120" i="1"/>
  <c r="AE3121" i="1"/>
  <c r="AE3122" i="1"/>
  <c r="AE3123" i="1"/>
  <c r="AE3124" i="1"/>
  <c r="AE3125" i="1"/>
  <c r="AE3126" i="1"/>
  <c r="AE3127" i="1"/>
  <c r="AE3128" i="1"/>
  <c r="AE3129" i="1"/>
  <c r="AE3130" i="1"/>
  <c r="AE3131" i="1"/>
  <c r="AE3132" i="1"/>
  <c r="AE3133" i="1"/>
  <c r="AE3134" i="1"/>
  <c r="AE3135" i="1"/>
  <c r="AE3136" i="1"/>
  <c r="AE3137" i="1"/>
  <c r="AE3138" i="1"/>
  <c r="AE3139" i="1"/>
  <c r="AE3140" i="1"/>
  <c r="AE3141" i="1"/>
  <c r="AE3142" i="1"/>
  <c r="AE3143" i="1"/>
  <c r="AE3144" i="1"/>
  <c r="AE3145" i="1"/>
  <c r="AE3146" i="1"/>
  <c r="AE3147" i="1"/>
  <c r="AE3148" i="1"/>
  <c r="AE3149" i="1"/>
  <c r="AE3150" i="1"/>
  <c r="AE3151" i="1"/>
  <c r="AE3152" i="1"/>
  <c r="AE3153" i="1"/>
  <c r="AE3154" i="1"/>
  <c r="AE3155" i="1"/>
  <c r="AE3156" i="1"/>
  <c r="AE3157" i="1"/>
  <c r="AE3158" i="1"/>
  <c r="AE3159" i="1"/>
  <c r="AE3160" i="1"/>
  <c r="AE3161" i="1"/>
  <c r="AE3162" i="1"/>
  <c r="AE3163" i="1"/>
  <c r="AE3164" i="1"/>
  <c r="AE3165" i="1"/>
  <c r="AE3166" i="1"/>
  <c r="AE3167" i="1"/>
  <c r="AE3168" i="1"/>
  <c r="AE3169" i="1"/>
  <c r="AE3170" i="1"/>
  <c r="AE3171" i="1"/>
  <c r="AE3172" i="1"/>
  <c r="AE3173" i="1"/>
  <c r="AE3174" i="1"/>
  <c r="AE3175" i="1"/>
  <c r="AE3176" i="1"/>
  <c r="AE3177" i="1"/>
  <c r="AE3178" i="1"/>
  <c r="AE3179" i="1"/>
  <c r="AE3180" i="1"/>
  <c r="AE3181" i="1"/>
  <c r="AE3182" i="1"/>
  <c r="AE3183" i="1"/>
  <c r="AE3184" i="1"/>
  <c r="AE3185" i="1"/>
  <c r="AE3186" i="1"/>
  <c r="AE3187" i="1"/>
  <c r="AE3188" i="1"/>
  <c r="AE3189" i="1"/>
  <c r="AE3190" i="1"/>
  <c r="AE3191" i="1"/>
  <c r="AE3192" i="1"/>
  <c r="AE3193" i="1"/>
  <c r="AE3194" i="1"/>
  <c r="AE3195" i="1"/>
  <c r="AE3196" i="1"/>
  <c r="AE3197" i="1"/>
  <c r="AE3198" i="1"/>
  <c r="AE3199" i="1"/>
  <c r="AE3200" i="1"/>
  <c r="AE3201" i="1"/>
  <c r="AE3202" i="1"/>
  <c r="AE3203" i="1"/>
  <c r="AE3204" i="1"/>
  <c r="AE3205" i="1"/>
  <c r="AE3206" i="1"/>
  <c r="AE3207" i="1"/>
  <c r="AE3208" i="1"/>
  <c r="AE3209" i="1"/>
  <c r="AE3210" i="1"/>
  <c r="AE3211" i="1"/>
  <c r="AE3212" i="1"/>
  <c r="AE3213" i="1"/>
  <c r="AE3214" i="1"/>
  <c r="AE3215" i="1"/>
  <c r="AE3216" i="1"/>
  <c r="AE3217" i="1"/>
  <c r="AE3218" i="1"/>
  <c r="AE3219" i="1"/>
  <c r="AE3220" i="1"/>
  <c r="AE3221" i="1"/>
  <c r="AE3222" i="1"/>
  <c r="AE3223" i="1"/>
  <c r="AE3224" i="1"/>
  <c r="AE3225" i="1"/>
  <c r="AE3226" i="1"/>
  <c r="AE3227" i="1"/>
  <c r="AE3228" i="1"/>
  <c r="AE3229" i="1"/>
  <c r="AE3230" i="1"/>
  <c r="AE3231" i="1"/>
  <c r="AE3232" i="1"/>
  <c r="AE3233" i="1"/>
  <c r="AE3234" i="1"/>
  <c r="AE3235" i="1"/>
  <c r="AE3236" i="1"/>
  <c r="AE3237" i="1"/>
  <c r="AE3238" i="1"/>
  <c r="AE3239" i="1"/>
  <c r="AE3240" i="1"/>
  <c r="AE3241" i="1"/>
  <c r="AE3242" i="1"/>
  <c r="AE3243" i="1"/>
  <c r="AE3244" i="1"/>
  <c r="AE3245" i="1"/>
  <c r="AE3246" i="1"/>
  <c r="AE3247" i="1"/>
  <c r="AE3248" i="1"/>
  <c r="AE3249" i="1"/>
  <c r="AE3250" i="1"/>
  <c r="AE3251" i="1"/>
  <c r="AE3252" i="1"/>
  <c r="AE3253" i="1"/>
  <c r="AE3254" i="1"/>
  <c r="AE3255" i="1"/>
  <c r="AE3256" i="1"/>
  <c r="AE3257" i="1"/>
  <c r="AE3258" i="1"/>
  <c r="AE3259" i="1"/>
  <c r="AE3260" i="1"/>
  <c r="AE3261" i="1"/>
  <c r="AE3262" i="1"/>
  <c r="AE3263" i="1"/>
  <c r="AE3264" i="1"/>
  <c r="AE3265" i="1"/>
  <c r="AE3266" i="1"/>
  <c r="AE3267" i="1"/>
  <c r="AE3268" i="1"/>
  <c r="AE3269" i="1"/>
  <c r="AE3270" i="1"/>
  <c r="AE3271" i="1"/>
  <c r="AE3272" i="1"/>
  <c r="AE3273" i="1"/>
  <c r="AE3274" i="1"/>
  <c r="AE3275" i="1"/>
  <c r="AE3276" i="1"/>
  <c r="AE3277" i="1"/>
  <c r="AE3278" i="1"/>
  <c r="AE3279" i="1"/>
  <c r="AE3280" i="1"/>
  <c r="AE3281" i="1"/>
  <c r="AE3282" i="1"/>
  <c r="AE3283" i="1"/>
  <c r="AE3284" i="1"/>
  <c r="AE3285" i="1"/>
  <c r="AE3286" i="1"/>
  <c r="AE3287" i="1"/>
  <c r="AE3288" i="1"/>
  <c r="AE3289" i="1"/>
  <c r="AE3290" i="1"/>
  <c r="AE3291" i="1"/>
  <c r="AE3292" i="1"/>
  <c r="AE3293" i="1"/>
  <c r="AE3294" i="1"/>
  <c r="AE3295" i="1"/>
  <c r="AE3296" i="1"/>
  <c r="AE3297" i="1"/>
  <c r="AE3298" i="1"/>
  <c r="AE3299" i="1"/>
  <c r="AE3300" i="1"/>
  <c r="AE3301" i="1"/>
  <c r="AE3302" i="1"/>
  <c r="AE3303" i="1"/>
  <c r="AE3304" i="1"/>
  <c r="AE3305" i="1"/>
  <c r="AE3306" i="1"/>
  <c r="AE3307" i="1"/>
  <c r="AE3308" i="1"/>
  <c r="AE3309" i="1"/>
  <c r="AE3310" i="1"/>
  <c r="AE3311" i="1"/>
  <c r="AE3312" i="1"/>
  <c r="AE3313" i="1"/>
  <c r="AE3314" i="1"/>
  <c r="AE3315" i="1"/>
  <c r="AE3316" i="1"/>
  <c r="AE3317" i="1"/>
  <c r="AE3318" i="1"/>
  <c r="AE3319" i="1"/>
  <c r="AE3320" i="1"/>
  <c r="AE3321" i="1"/>
  <c r="AE3322" i="1"/>
  <c r="AE3323" i="1"/>
  <c r="AE3324" i="1"/>
  <c r="AE3325" i="1"/>
  <c r="AE3326" i="1"/>
  <c r="AE3327" i="1"/>
  <c r="AE3328" i="1"/>
  <c r="AE3329" i="1"/>
  <c r="AE3330" i="1"/>
  <c r="AE3331" i="1"/>
  <c r="AE3332" i="1"/>
  <c r="AE3333" i="1"/>
  <c r="AE3334" i="1"/>
  <c r="AE3335" i="1"/>
  <c r="AE3336" i="1"/>
  <c r="AE3337" i="1"/>
  <c r="AE3338" i="1"/>
  <c r="AE3339" i="1"/>
  <c r="AE3340" i="1"/>
  <c r="AE3341" i="1"/>
  <c r="AE3342" i="1"/>
  <c r="AE3343" i="1"/>
  <c r="AE3344" i="1"/>
  <c r="AE3345" i="1"/>
  <c r="AE3346" i="1"/>
  <c r="AE3347" i="1"/>
  <c r="AE3348" i="1"/>
  <c r="AE3349" i="1"/>
  <c r="AE3350" i="1"/>
  <c r="AE3351" i="1"/>
  <c r="AE3352" i="1"/>
  <c r="AE3353" i="1"/>
  <c r="AE3354" i="1"/>
  <c r="AE3355" i="1"/>
  <c r="AE3356" i="1"/>
  <c r="AE3357" i="1"/>
  <c r="AE3358" i="1"/>
  <c r="AE3359" i="1"/>
  <c r="AE3360" i="1"/>
  <c r="AE3361" i="1"/>
  <c r="AE3362" i="1"/>
  <c r="AE3363" i="1"/>
  <c r="AE3364" i="1"/>
  <c r="AE3365" i="1"/>
  <c r="AE3366" i="1"/>
  <c r="AE3367" i="1"/>
  <c r="AE3368" i="1"/>
  <c r="AE3369" i="1"/>
  <c r="AE3370" i="1"/>
  <c r="AE3371" i="1"/>
  <c r="AE3372" i="1"/>
  <c r="AE3373" i="1"/>
  <c r="AE3374" i="1"/>
  <c r="AE3375" i="1"/>
  <c r="AE3376" i="1"/>
  <c r="AE3377" i="1"/>
  <c r="AE3378" i="1"/>
  <c r="AE3379" i="1"/>
  <c r="AE3380" i="1"/>
  <c r="AE3381" i="1"/>
  <c r="AE3382" i="1"/>
  <c r="AE3383" i="1"/>
  <c r="AE3384" i="1"/>
  <c r="AE3385" i="1"/>
  <c r="AE3386" i="1"/>
  <c r="AE3387" i="1"/>
  <c r="AE3388" i="1"/>
  <c r="AE3389" i="1"/>
  <c r="AE3390" i="1"/>
  <c r="AE3391" i="1"/>
  <c r="AE3392" i="1"/>
  <c r="AE3393" i="1"/>
  <c r="AE3394" i="1"/>
  <c r="AE3395" i="1"/>
  <c r="AE3396" i="1"/>
  <c r="AE3397" i="1"/>
  <c r="AE3398" i="1"/>
  <c r="AE3399" i="1"/>
  <c r="AE3400" i="1"/>
  <c r="AE3401" i="1"/>
  <c r="AE3402" i="1"/>
  <c r="AE3403" i="1"/>
  <c r="AE3404" i="1"/>
  <c r="AE3405" i="1"/>
  <c r="AE3406" i="1"/>
  <c r="AE3407" i="1"/>
  <c r="AE3408" i="1"/>
  <c r="AE3409" i="1"/>
  <c r="AE3410" i="1"/>
  <c r="AE3411" i="1"/>
  <c r="AE3412" i="1"/>
  <c r="AE3413" i="1"/>
  <c r="AE3414" i="1"/>
  <c r="AE3415" i="1"/>
  <c r="AE3416" i="1"/>
  <c r="AE3417" i="1"/>
  <c r="AE3418" i="1"/>
  <c r="AE3419" i="1"/>
  <c r="AE3420" i="1"/>
  <c r="AE3421" i="1"/>
  <c r="AE3422" i="1"/>
  <c r="AE3423" i="1"/>
  <c r="AE3424" i="1"/>
  <c r="AE3425" i="1"/>
  <c r="AE3426" i="1"/>
  <c r="AE3427" i="1"/>
  <c r="AE3428" i="1"/>
  <c r="AE3429" i="1"/>
  <c r="AE3430" i="1"/>
  <c r="AE3431" i="1"/>
  <c r="AE3432" i="1"/>
  <c r="AE3433" i="1"/>
  <c r="AE3434" i="1"/>
  <c r="AE3435" i="1"/>
  <c r="AE3436" i="1"/>
  <c r="AE3437" i="1"/>
  <c r="AE3438" i="1"/>
  <c r="AE3439" i="1"/>
  <c r="AE3440" i="1"/>
  <c r="AE3441" i="1"/>
  <c r="AE3442" i="1"/>
  <c r="AE3443" i="1"/>
  <c r="AE3444" i="1"/>
  <c r="AE3445" i="1"/>
  <c r="AE3446" i="1"/>
  <c r="AE3447" i="1"/>
  <c r="AE3448" i="1"/>
  <c r="AE3449" i="1"/>
  <c r="AE3450" i="1"/>
  <c r="AE3451" i="1"/>
  <c r="AE3452" i="1"/>
  <c r="AE3453" i="1"/>
  <c r="AE3454" i="1"/>
  <c r="AE3455" i="1"/>
  <c r="AE3456" i="1"/>
  <c r="AE3457" i="1"/>
  <c r="AE3458" i="1"/>
  <c r="AE3459" i="1"/>
  <c r="AE3460" i="1"/>
  <c r="AE3461" i="1"/>
  <c r="AE3462" i="1"/>
  <c r="AE3463" i="1"/>
  <c r="AE3464" i="1"/>
  <c r="AE3465" i="1"/>
  <c r="AE3466" i="1"/>
  <c r="AE3467" i="1"/>
  <c r="AE3468" i="1"/>
  <c r="AE3469" i="1"/>
  <c r="AE3470" i="1"/>
  <c r="AE3471" i="1"/>
  <c r="AE3472" i="1"/>
  <c r="AE3473" i="1"/>
  <c r="AE3474" i="1"/>
  <c r="AE3475" i="1"/>
  <c r="AE3476" i="1"/>
  <c r="AE3477" i="1"/>
  <c r="AE3478" i="1"/>
  <c r="AE3479" i="1"/>
  <c r="AE3480" i="1"/>
  <c r="AE3481" i="1"/>
  <c r="AE3482" i="1"/>
  <c r="AE3483" i="1"/>
  <c r="AE3484" i="1"/>
  <c r="AE3485" i="1"/>
  <c r="AE3486" i="1"/>
  <c r="AE3487" i="1"/>
  <c r="AE3488" i="1"/>
  <c r="AE3489" i="1"/>
  <c r="AE3490" i="1"/>
  <c r="AE3491" i="1"/>
  <c r="AE3492" i="1"/>
  <c r="AE3493" i="1"/>
  <c r="AE3494" i="1"/>
  <c r="AE3495" i="1"/>
  <c r="AE3496" i="1"/>
  <c r="AE3497" i="1"/>
  <c r="AE3498" i="1"/>
  <c r="AE3499" i="1"/>
  <c r="AE3500" i="1"/>
  <c r="AE3501" i="1"/>
  <c r="AE3502" i="1"/>
  <c r="AE3503" i="1"/>
  <c r="AE3504" i="1"/>
  <c r="AE3505" i="1"/>
  <c r="AE3506" i="1"/>
  <c r="AE3507" i="1"/>
  <c r="AE3508" i="1"/>
  <c r="AE3509" i="1"/>
  <c r="AE3510" i="1"/>
  <c r="AE3511" i="1"/>
  <c r="AE3512" i="1"/>
  <c r="AE3513" i="1"/>
  <c r="AE3514" i="1"/>
  <c r="AE3515" i="1"/>
  <c r="AE3516" i="1"/>
  <c r="AE3517" i="1"/>
  <c r="AE3518" i="1"/>
  <c r="AE3519" i="1"/>
  <c r="AE3520" i="1"/>
  <c r="AE3521" i="1"/>
  <c r="AE3522" i="1"/>
  <c r="AE3523" i="1"/>
  <c r="AE3524" i="1"/>
  <c r="AE3525" i="1"/>
  <c r="AE3526" i="1"/>
  <c r="AE3527" i="1"/>
  <c r="AE3528" i="1"/>
  <c r="AE3529" i="1"/>
  <c r="AE3530" i="1"/>
  <c r="AE3531" i="1"/>
  <c r="AE3532" i="1"/>
  <c r="AE3533" i="1"/>
  <c r="AE3534" i="1"/>
  <c r="AE3535" i="1"/>
  <c r="AE3536" i="1"/>
  <c r="AE3537" i="1"/>
  <c r="AE3538" i="1"/>
  <c r="AE3539" i="1"/>
  <c r="AE3540" i="1"/>
  <c r="AE3541" i="1"/>
  <c r="AE3542" i="1"/>
  <c r="AE3543" i="1"/>
  <c r="AE3544" i="1"/>
  <c r="AE3545" i="1"/>
  <c r="AE3546" i="1"/>
  <c r="AE3547" i="1"/>
  <c r="AE3548" i="1"/>
  <c r="AE3549" i="1"/>
  <c r="AE3550" i="1"/>
  <c r="AE3551" i="1"/>
  <c r="AE3552" i="1"/>
  <c r="AE3553" i="1"/>
  <c r="AE3554" i="1"/>
  <c r="AE3555" i="1"/>
  <c r="AE3556" i="1"/>
  <c r="AE3557" i="1"/>
  <c r="AE3558" i="1"/>
  <c r="AE3559" i="1"/>
  <c r="AE3560" i="1"/>
  <c r="AE3561" i="1"/>
  <c r="AE3562" i="1"/>
  <c r="AE3563" i="1"/>
  <c r="AE3564" i="1"/>
  <c r="AE3565" i="1"/>
  <c r="AE3566" i="1"/>
  <c r="AE3567" i="1"/>
  <c r="AE3568" i="1"/>
  <c r="AE3569" i="1"/>
  <c r="AE3570" i="1"/>
  <c r="AE3571" i="1"/>
  <c r="AE3572" i="1"/>
  <c r="AE3573" i="1"/>
  <c r="AE3574" i="1"/>
  <c r="AE3575" i="1"/>
  <c r="AE3576" i="1"/>
  <c r="AE3577" i="1"/>
  <c r="AE3578" i="1"/>
  <c r="AE3579" i="1"/>
  <c r="AE3580" i="1"/>
  <c r="AE3581" i="1"/>
  <c r="AE3582" i="1"/>
  <c r="AE3583" i="1"/>
  <c r="AE3584" i="1"/>
  <c r="AE3585" i="1"/>
  <c r="AE3586" i="1"/>
  <c r="AE3587" i="1"/>
  <c r="AE3588" i="1"/>
  <c r="AE3589" i="1"/>
  <c r="AE3590" i="1"/>
  <c r="AE3591" i="1"/>
  <c r="AE3592" i="1"/>
  <c r="AE3593" i="1"/>
  <c r="AE3594" i="1"/>
  <c r="AE3595" i="1"/>
  <c r="AE3596" i="1"/>
  <c r="AE3597" i="1"/>
  <c r="AE3598" i="1"/>
  <c r="AE3599" i="1"/>
  <c r="AE3600" i="1"/>
  <c r="AE3601" i="1"/>
  <c r="AE3602" i="1"/>
  <c r="AE3603" i="1"/>
  <c r="AE3604" i="1"/>
  <c r="AE3605" i="1"/>
  <c r="AE3606" i="1"/>
  <c r="AE3607" i="1"/>
  <c r="AE3608" i="1"/>
  <c r="AE3609" i="1"/>
  <c r="AE3610" i="1"/>
  <c r="AE3611" i="1"/>
  <c r="AE3612" i="1"/>
  <c r="AE3613" i="1"/>
  <c r="AE3614" i="1"/>
  <c r="AE3615" i="1"/>
  <c r="AE3616" i="1"/>
  <c r="AE3617" i="1"/>
  <c r="AE3618" i="1"/>
  <c r="AE3619" i="1"/>
  <c r="AE3620" i="1"/>
  <c r="AE3621" i="1"/>
  <c r="AE3622" i="1"/>
  <c r="AE3623" i="1"/>
  <c r="AE3624" i="1"/>
  <c r="AE3625" i="1"/>
  <c r="AE3626" i="1"/>
  <c r="AE3627" i="1"/>
  <c r="AE3628" i="1"/>
  <c r="AE3629" i="1"/>
  <c r="AE3630" i="1"/>
  <c r="AE3631" i="1"/>
  <c r="AE3632" i="1"/>
  <c r="AE3633" i="1"/>
  <c r="AE3634" i="1"/>
  <c r="AE3635" i="1"/>
  <c r="AE3636" i="1"/>
  <c r="AE3637" i="1"/>
  <c r="AE3638" i="1"/>
  <c r="AE3639" i="1"/>
  <c r="AE3640" i="1"/>
  <c r="AE3641" i="1"/>
  <c r="AE3642" i="1"/>
  <c r="AE3643" i="1"/>
  <c r="AE3644" i="1"/>
  <c r="AE3645" i="1"/>
  <c r="AE3646" i="1"/>
  <c r="AE3647" i="1"/>
  <c r="AE3648" i="1"/>
  <c r="AE3649" i="1"/>
  <c r="AE3650" i="1"/>
  <c r="AE3651" i="1"/>
  <c r="AE3652" i="1"/>
  <c r="AE3653" i="1"/>
  <c r="AE3654" i="1"/>
  <c r="AE3655" i="1"/>
  <c r="AE3656" i="1"/>
  <c r="AE3657" i="1"/>
  <c r="AE3658" i="1"/>
  <c r="AE3659" i="1"/>
  <c r="AE3660" i="1"/>
  <c r="AE3661" i="1"/>
  <c r="AE3662" i="1"/>
  <c r="AE3663" i="1"/>
  <c r="AE3664" i="1"/>
  <c r="AE3665" i="1"/>
  <c r="AE3666" i="1"/>
  <c r="AE3667" i="1"/>
  <c r="AE3668" i="1"/>
  <c r="AE3669" i="1"/>
  <c r="AE3670" i="1"/>
  <c r="AE3671" i="1"/>
  <c r="AE3672" i="1"/>
  <c r="AE3673" i="1"/>
  <c r="AE3674" i="1"/>
  <c r="AE3675" i="1"/>
  <c r="AE3676" i="1"/>
  <c r="AE3677" i="1"/>
  <c r="AE3678" i="1"/>
  <c r="AE3679" i="1"/>
  <c r="AE3680" i="1"/>
  <c r="AE3681" i="1"/>
  <c r="AE3682" i="1"/>
  <c r="AE3683" i="1"/>
  <c r="AE3684" i="1"/>
  <c r="AE3685" i="1"/>
  <c r="AE3686" i="1"/>
  <c r="AE3687" i="1"/>
  <c r="AE3688" i="1"/>
  <c r="AE3689" i="1"/>
  <c r="AE3690" i="1"/>
  <c r="AE3691" i="1"/>
  <c r="AE3692" i="1"/>
  <c r="AE3693" i="1"/>
  <c r="AE3694" i="1"/>
  <c r="AE3695" i="1"/>
  <c r="AE3696" i="1"/>
  <c r="AE3697" i="1"/>
  <c r="AE3698" i="1"/>
  <c r="AE3699" i="1"/>
  <c r="AE3700" i="1"/>
  <c r="AE3701" i="1"/>
  <c r="AE3702" i="1"/>
  <c r="AE3703" i="1"/>
  <c r="AE3704" i="1"/>
  <c r="AE3705" i="1"/>
  <c r="AE3706" i="1"/>
  <c r="AE3707" i="1"/>
  <c r="AE3708" i="1"/>
  <c r="AE3709" i="1"/>
  <c r="AE3710" i="1"/>
  <c r="AE3711" i="1"/>
  <c r="AE3712" i="1"/>
  <c r="AE3713" i="1"/>
  <c r="AE3714" i="1"/>
  <c r="AE3715" i="1"/>
  <c r="AE3716" i="1"/>
  <c r="AE3717" i="1"/>
  <c r="AE3718" i="1"/>
  <c r="AE3719" i="1"/>
  <c r="AE3720" i="1"/>
  <c r="AE3721" i="1"/>
  <c r="AE3722" i="1"/>
  <c r="AE3723" i="1"/>
  <c r="AE3724" i="1"/>
  <c r="AE3725" i="1"/>
  <c r="AE3726" i="1"/>
  <c r="AE3727" i="1"/>
  <c r="AE3728" i="1"/>
  <c r="AE3729" i="1"/>
  <c r="AE3730" i="1"/>
  <c r="AE3731" i="1"/>
  <c r="AE3732" i="1"/>
  <c r="AE3733" i="1"/>
  <c r="AE3734" i="1"/>
  <c r="AE3735" i="1"/>
  <c r="AE3736" i="1"/>
  <c r="AE3737" i="1"/>
  <c r="AE3738" i="1"/>
  <c r="AE3739" i="1"/>
  <c r="AE3740" i="1"/>
  <c r="AE3741" i="1"/>
  <c r="AE3742" i="1"/>
  <c r="AE3743" i="1"/>
  <c r="AE3744" i="1"/>
  <c r="AE3745" i="1"/>
  <c r="AE3746" i="1"/>
  <c r="AE3747" i="1"/>
  <c r="AE3748" i="1"/>
  <c r="AE3749" i="1"/>
  <c r="AE3750" i="1"/>
  <c r="AE3751" i="1"/>
  <c r="AE3752" i="1"/>
  <c r="AE3753" i="1"/>
  <c r="AE3754" i="1"/>
  <c r="AE3755" i="1"/>
  <c r="AE3756" i="1"/>
  <c r="AE3757" i="1"/>
  <c r="AE3758" i="1"/>
  <c r="AE3759" i="1"/>
  <c r="AE3760" i="1"/>
  <c r="AE3761" i="1"/>
  <c r="AE3762" i="1"/>
  <c r="AE3763" i="1"/>
  <c r="AE3764" i="1"/>
  <c r="AE3765" i="1"/>
  <c r="AE3766" i="1"/>
  <c r="AE3767" i="1"/>
  <c r="AE3768" i="1"/>
  <c r="AE3769" i="1"/>
  <c r="AE3770" i="1"/>
  <c r="AE3771" i="1"/>
  <c r="AE3772" i="1"/>
  <c r="AE3773" i="1"/>
  <c r="AE3774" i="1"/>
  <c r="AE3775" i="1"/>
  <c r="AE3776" i="1"/>
  <c r="AE3777" i="1"/>
  <c r="AE3778" i="1"/>
  <c r="AE3779" i="1"/>
  <c r="AE3780" i="1"/>
  <c r="AE3781" i="1"/>
  <c r="AE3782" i="1"/>
  <c r="AE3783" i="1"/>
  <c r="AE3784" i="1"/>
  <c r="AE3785" i="1"/>
  <c r="AE3786" i="1"/>
  <c r="AE3787" i="1"/>
  <c r="AE3788" i="1"/>
  <c r="AE3789" i="1"/>
  <c r="AE3790" i="1"/>
  <c r="AE3791" i="1"/>
  <c r="AE3792" i="1"/>
  <c r="AE3793" i="1"/>
  <c r="AE3794" i="1"/>
  <c r="AE3795" i="1"/>
  <c r="AE3796" i="1"/>
  <c r="AE3797" i="1"/>
  <c r="AE3798" i="1"/>
  <c r="AE3799" i="1"/>
  <c r="AE3800" i="1"/>
  <c r="AE3801" i="1"/>
  <c r="AE3802" i="1"/>
  <c r="AE3803" i="1"/>
  <c r="AE3804" i="1"/>
  <c r="AE3805" i="1"/>
  <c r="AE3806" i="1"/>
  <c r="AE3807" i="1"/>
  <c r="AE3808" i="1"/>
  <c r="AE3809" i="1"/>
  <c r="AE3810" i="1"/>
  <c r="AE3811" i="1"/>
  <c r="AE3812" i="1"/>
  <c r="AE3813" i="1"/>
  <c r="AE3814" i="1"/>
  <c r="AE3815" i="1"/>
  <c r="AE3816" i="1"/>
  <c r="AE3817" i="1"/>
  <c r="AE3818" i="1"/>
  <c r="AE3819" i="1"/>
  <c r="AE3820" i="1"/>
  <c r="AE3821" i="1"/>
  <c r="AE3822" i="1"/>
  <c r="AE3823" i="1"/>
  <c r="AE3824" i="1"/>
  <c r="AE3825" i="1"/>
  <c r="AE3826" i="1"/>
  <c r="AE3827" i="1"/>
  <c r="AE3828" i="1"/>
  <c r="AE3829" i="1"/>
  <c r="AE3830" i="1"/>
  <c r="AE3831" i="1"/>
  <c r="AE3832" i="1"/>
  <c r="AE3833" i="1"/>
  <c r="AE3834" i="1"/>
  <c r="AE3835" i="1"/>
  <c r="AE3836" i="1"/>
  <c r="AE3837" i="1"/>
  <c r="AE3838" i="1"/>
  <c r="AE3839" i="1"/>
  <c r="AE3840" i="1"/>
  <c r="AE3841" i="1"/>
  <c r="AE3842" i="1"/>
  <c r="AE3843" i="1"/>
  <c r="AE3844" i="1"/>
  <c r="AE3845" i="1"/>
  <c r="AE3846" i="1"/>
  <c r="AE3847" i="1"/>
  <c r="AE3848" i="1"/>
  <c r="AE3849" i="1"/>
  <c r="AE3850" i="1"/>
  <c r="AE3851" i="1"/>
  <c r="AE3852" i="1"/>
  <c r="AE3853" i="1"/>
  <c r="AE3854" i="1"/>
  <c r="AE3855" i="1"/>
  <c r="AE3856" i="1"/>
  <c r="AE3857" i="1"/>
  <c r="AE3858" i="1"/>
  <c r="AE3859" i="1"/>
  <c r="AE3860" i="1"/>
  <c r="AE3861" i="1"/>
  <c r="AE3862" i="1"/>
  <c r="AE3863" i="1"/>
  <c r="AE3864" i="1"/>
  <c r="AE3865" i="1"/>
  <c r="AE3866" i="1"/>
  <c r="AE3867" i="1"/>
  <c r="AE3868" i="1"/>
  <c r="AE3869" i="1"/>
  <c r="AE3870" i="1"/>
  <c r="AE3871" i="1"/>
  <c r="AE3872" i="1"/>
  <c r="AE3873" i="1"/>
  <c r="AE3874" i="1"/>
  <c r="AE3875" i="1"/>
  <c r="AE3876" i="1"/>
  <c r="AE3877" i="1"/>
  <c r="AE3878" i="1"/>
  <c r="AE3879" i="1"/>
  <c r="AE3880" i="1"/>
  <c r="AE3881" i="1"/>
  <c r="AE3882" i="1"/>
  <c r="AE3883" i="1"/>
  <c r="AE3884" i="1"/>
  <c r="AE3885" i="1"/>
  <c r="AE3886" i="1"/>
  <c r="AE3887" i="1"/>
  <c r="AE3888" i="1"/>
  <c r="AE3889" i="1"/>
  <c r="AE3890" i="1"/>
  <c r="AE3891" i="1"/>
  <c r="AE3892" i="1"/>
  <c r="AE3893" i="1"/>
  <c r="AE3894" i="1"/>
  <c r="AE3895" i="1"/>
  <c r="AE3896" i="1"/>
  <c r="AE3897" i="1"/>
  <c r="AE3898" i="1"/>
  <c r="AE3899" i="1"/>
  <c r="AE3900" i="1"/>
  <c r="AE3901" i="1"/>
  <c r="AE3902" i="1"/>
  <c r="AE3903" i="1"/>
  <c r="AE3904" i="1"/>
  <c r="AE3905" i="1"/>
  <c r="AE3906" i="1"/>
  <c r="AE3907" i="1"/>
  <c r="AE3908" i="1"/>
  <c r="AE3909" i="1"/>
  <c r="AE3910" i="1"/>
  <c r="AE3911" i="1"/>
  <c r="AE3912" i="1"/>
  <c r="AE3913" i="1"/>
  <c r="AE3914" i="1"/>
  <c r="AE3915" i="1"/>
  <c r="AE3916" i="1"/>
  <c r="AE3917" i="1"/>
  <c r="AE3918" i="1"/>
  <c r="AE3919" i="1"/>
  <c r="AE3920" i="1"/>
  <c r="AE3921" i="1"/>
  <c r="AE3922" i="1"/>
  <c r="AE3923" i="1"/>
  <c r="AE3924" i="1"/>
  <c r="AE3925" i="1"/>
  <c r="AE3926" i="1"/>
  <c r="AE3927" i="1"/>
  <c r="AE3928" i="1"/>
  <c r="AE3929" i="1"/>
  <c r="AE3930" i="1"/>
  <c r="AE3931" i="1"/>
  <c r="AE3932" i="1"/>
  <c r="AE3933" i="1"/>
  <c r="AE3934" i="1"/>
  <c r="AE3935" i="1"/>
  <c r="AE3936" i="1"/>
  <c r="AE3937" i="1"/>
  <c r="AE3938" i="1"/>
  <c r="AE3939" i="1"/>
  <c r="AE3940" i="1"/>
  <c r="AE3941" i="1"/>
  <c r="AE3942" i="1"/>
  <c r="AE3943" i="1"/>
  <c r="AE3944" i="1"/>
  <c r="AE3945" i="1"/>
  <c r="AE3946" i="1"/>
  <c r="AE3947" i="1"/>
  <c r="AE3948" i="1"/>
  <c r="AE3949" i="1"/>
  <c r="AE3950" i="1"/>
  <c r="AE3951" i="1"/>
  <c r="AE3952" i="1"/>
  <c r="AE3953" i="1"/>
  <c r="AE3954" i="1"/>
  <c r="AE3955" i="1"/>
  <c r="AE3956" i="1"/>
  <c r="AE3957" i="1"/>
  <c r="AE3958" i="1"/>
  <c r="AE3959" i="1"/>
  <c r="AE3960" i="1"/>
  <c r="AE3961" i="1"/>
  <c r="AE3962" i="1"/>
  <c r="AE3963" i="1"/>
  <c r="AE3964" i="1"/>
  <c r="AE3965" i="1"/>
  <c r="AE3966" i="1"/>
  <c r="AE3967" i="1"/>
  <c r="AE3968" i="1"/>
  <c r="AE3969" i="1"/>
  <c r="AE3970" i="1"/>
  <c r="AE3971" i="1"/>
  <c r="AE3972" i="1"/>
  <c r="AE3973" i="1"/>
  <c r="AE3974" i="1"/>
  <c r="AE3975" i="1"/>
  <c r="AE3976" i="1"/>
  <c r="AE3977" i="1"/>
  <c r="AE3978" i="1"/>
  <c r="AE3979" i="1"/>
  <c r="AE3980" i="1"/>
  <c r="AE3981" i="1"/>
  <c r="AE3982" i="1"/>
  <c r="AE3983" i="1"/>
  <c r="AE3984" i="1"/>
  <c r="AE3985" i="1"/>
  <c r="AE3986" i="1"/>
  <c r="AE3987" i="1"/>
  <c r="AE3988" i="1"/>
  <c r="AE3989" i="1"/>
  <c r="AE3990" i="1"/>
  <c r="AE3991" i="1"/>
  <c r="AE3992" i="1"/>
  <c r="AE3993" i="1"/>
  <c r="AE3994" i="1"/>
  <c r="AE3995" i="1"/>
  <c r="AE3996" i="1"/>
  <c r="AE3997" i="1"/>
  <c r="AE3998" i="1"/>
  <c r="AE3999" i="1"/>
  <c r="AE4000" i="1"/>
  <c r="AE4001" i="1"/>
  <c r="AE4002" i="1"/>
  <c r="AE4003" i="1"/>
  <c r="AE4004" i="1"/>
  <c r="AE4005" i="1"/>
  <c r="AE4006" i="1"/>
  <c r="AE4007" i="1"/>
  <c r="AE4008" i="1"/>
  <c r="AE4009" i="1"/>
  <c r="AE4010" i="1"/>
  <c r="AE4011" i="1"/>
  <c r="AE4012" i="1"/>
  <c r="AE4013" i="1"/>
  <c r="AE4014" i="1"/>
  <c r="AE4015" i="1"/>
  <c r="AE4016" i="1"/>
  <c r="AE4017" i="1"/>
  <c r="AE4018" i="1"/>
  <c r="AE4019" i="1"/>
  <c r="AE4020" i="1"/>
  <c r="AE4021" i="1"/>
  <c r="AE4022" i="1"/>
  <c r="AE4023" i="1"/>
  <c r="AE4024" i="1"/>
  <c r="AE4025" i="1"/>
  <c r="AE4026" i="1"/>
  <c r="AE4027" i="1"/>
  <c r="AE4028" i="1"/>
  <c r="AE4029" i="1"/>
  <c r="AE4030" i="1"/>
  <c r="AE4031" i="1"/>
  <c r="AE4032" i="1"/>
  <c r="AE4033" i="1"/>
  <c r="AE4034" i="1"/>
  <c r="AE4035" i="1"/>
  <c r="AE4036" i="1"/>
  <c r="AE4037" i="1"/>
  <c r="AE4038" i="1"/>
  <c r="AE4039" i="1"/>
  <c r="AE4040" i="1"/>
  <c r="AE4041" i="1"/>
  <c r="AE4042" i="1"/>
  <c r="AE4043" i="1"/>
  <c r="AE4044" i="1"/>
  <c r="AE4045" i="1"/>
  <c r="AE4046" i="1"/>
  <c r="AE4047" i="1"/>
  <c r="AE4048" i="1"/>
  <c r="AE4049" i="1"/>
  <c r="AE4050" i="1"/>
  <c r="AE4051" i="1"/>
  <c r="AE4052" i="1"/>
  <c r="AE4053" i="1"/>
  <c r="AE4054" i="1"/>
  <c r="AE4055" i="1"/>
  <c r="AE4056" i="1"/>
  <c r="AE4057" i="1"/>
  <c r="AE4058" i="1"/>
  <c r="AE4059" i="1"/>
  <c r="AE4060" i="1"/>
  <c r="AE4061" i="1"/>
  <c r="AE4062" i="1"/>
  <c r="AE4063" i="1"/>
  <c r="AE4064" i="1"/>
  <c r="AE4065" i="1"/>
  <c r="AE4066" i="1"/>
  <c r="AE4067" i="1"/>
  <c r="AE4068" i="1"/>
  <c r="AE4069" i="1"/>
  <c r="AE4070" i="1"/>
  <c r="AE4071" i="1"/>
  <c r="AE4072" i="1"/>
  <c r="AE4073" i="1"/>
  <c r="AE4074" i="1"/>
  <c r="AE4075" i="1"/>
  <c r="AE4076" i="1"/>
  <c r="AE4077" i="1"/>
  <c r="AE4078" i="1"/>
  <c r="AE4079" i="1"/>
  <c r="AE4080" i="1"/>
  <c r="AE4081" i="1"/>
  <c r="AE4082" i="1"/>
  <c r="AE4083" i="1"/>
  <c r="AE4084" i="1"/>
  <c r="AE4085" i="1"/>
  <c r="AE4086" i="1"/>
  <c r="AE4087" i="1"/>
  <c r="AE4088" i="1"/>
  <c r="AE4089" i="1"/>
  <c r="AE4090" i="1"/>
  <c r="AE4091" i="1"/>
  <c r="AE4092" i="1"/>
  <c r="AE4093" i="1"/>
  <c r="AE4094" i="1"/>
  <c r="AE4095" i="1"/>
  <c r="AE4096" i="1"/>
  <c r="AE4097" i="1"/>
  <c r="AE4098" i="1"/>
  <c r="AE4099" i="1"/>
  <c r="AE4100" i="1"/>
  <c r="AE4101" i="1"/>
  <c r="AE4102" i="1"/>
  <c r="AE4103" i="1"/>
  <c r="AE4104" i="1"/>
  <c r="AE4105" i="1"/>
  <c r="AE4106" i="1"/>
  <c r="AE4107" i="1"/>
  <c r="AE4108" i="1"/>
  <c r="AE4109" i="1"/>
  <c r="AE4110" i="1"/>
  <c r="AE4111" i="1"/>
  <c r="AE4112" i="1"/>
  <c r="AE4113" i="1"/>
  <c r="AE4114" i="1"/>
  <c r="AE4115" i="1"/>
  <c r="AE4116" i="1"/>
  <c r="AE4117" i="1"/>
  <c r="AE4118" i="1"/>
  <c r="AE4119" i="1"/>
  <c r="AE4120" i="1"/>
  <c r="AE4121" i="1"/>
  <c r="AE4122" i="1"/>
  <c r="AE4123" i="1"/>
  <c r="AE4124" i="1"/>
  <c r="AE4125" i="1"/>
  <c r="AE4126" i="1"/>
  <c r="AE4127" i="1"/>
  <c r="AE4128" i="1"/>
  <c r="AE4129" i="1"/>
  <c r="AE4130" i="1"/>
  <c r="AE4131" i="1"/>
  <c r="AE4132" i="1"/>
  <c r="AE4133" i="1"/>
  <c r="AE4134" i="1"/>
  <c r="AE4135" i="1"/>
  <c r="AE4136" i="1"/>
  <c r="AE4137" i="1"/>
  <c r="AE4138" i="1"/>
  <c r="AE4139" i="1"/>
  <c r="AE4140" i="1"/>
  <c r="AE4141" i="1"/>
  <c r="AE4142" i="1"/>
  <c r="AE4143" i="1"/>
  <c r="AE4144" i="1"/>
  <c r="AE4145" i="1"/>
  <c r="AE4146" i="1"/>
  <c r="AE4147" i="1"/>
  <c r="AE4148" i="1"/>
  <c r="AE4149" i="1"/>
  <c r="AE4150" i="1"/>
  <c r="AE4151" i="1"/>
  <c r="AE4152" i="1"/>
  <c r="AE4153" i="1"/>
  <c r="AE4154" i="1"/>
  <c r="AE4155" i="1"/>
  <c r="AE4156" i="1"/>
  <c r="AE4157" i="1"/>
  <c r="AE4158" i="1"/>
  <c r="AE4159" i="1"/>
  <c r="AE4160" i="1"/>
  <c r="AE4161" i="1"/>
  <c r="AE4162" i="1"/>
  <c r="AE4163" i="1"/>
  <c r="AE4164" i="1"/>
  <c r="AE4165" i="1"/>
  <c r="AE4166" i="1"/>
  <c r="AE4167" i="1"/>
  <c r="AE4168" i="1"/>
  <c r="AE4169" i="1"/>
  <c r="AE4170" i="1"/>
  <c r="AE4171" i="1"/>
  <c r="AE4172" i="1"/>
  <c r="AE4173" i="1"/>
  <c r="AE4174" i="1"/>
  <c r="AE4175" i="1"/>
  <c r="AE4176" i="1"/>
  <c r="AE4177" i="1"/>
  <c r="AE4178" i="1"/>
  <c r="AE4179" i="1"/>
  <c r="AE4180" i="1"/>
  <c r="AE4181" i="1"/>
  <c r="AE4182" i="1"/>
  <c r="AE4183" i="1"/>
  <c r="AE4184" i="1"/>
  <c r="AE4185" i="1"/>
  <c r="AE4186" i="1"/>
  <c r="AE4187" i="1"/>
  <c r="AE4188" i="1"/>
  <c r="AE4189" i="1"/>
  <c r="AE4190" i="1"/>
  <c r="AE4191" i="1"/>
  <c r="AE4192" i="1"/>
  <c r="AE4193" i="1"/>
  <c r="AE4194" i="1"/>
  <c r="AE4195" i="1"/>
  <c r="AE4196" i="1"/>
  <c r="AE4197" i="1"/>
  <c r="AE4198" i="1"/>
  <c r="AE4199" i="1"/>
  <c r="AE4200" i="1"/>
  <c r="AE4201" i="1"/>
  <c r="AE4202" i="1"/>
  <c r="AE4203" i="1"/>
  <c r="AE4204" i="1"/>
  <c r="AE4205" i="1"/>
  <c r="AE4206" i="1"/>
  <c r="AE4207" i="1"/>
  <c r="AE4208" i="1"/>
  <c r="AE4209" i="1"/>
  <c r="AE4210" i="1"/>
  <c r="AE4211" i="1"/>
  <c r="AE4212" i="1"/>
  <c r="AE4213" i="1"/>
  <c r="AE4214" i="1"/>
  <c r="AE4215" i="1"/>
  <c r="AE4216" i="1"/>
  <c r="AE4217" i="1"/>
  <c r="AE4218" i="1"/>
  <c r="AE4219" i="1"/>
  <c r="AE4220" i="1"/>
  <c r="AE4221" i="1"/>
  <c r="AE4222" i="1"/>
  <c r="AE4223" i="1"/>
  <c r="AE4224" i="1"/>
  <c r="AE4225" i="1"/>
  <c r="AE4226" i="1"/>
  <c r="AE4227" i="1"/>
  <c r="AE4228" i="1"/>
  <c r="AE4229" i="1"/>
  <c r="AE4230" i="1"/>
  <c r="AE4231" i="1"/>
  <c r="AE4232" i="1"/>
  <c r="AE4233" i="1"/>
  <c r="AE4234" i="1"/>
  <c r="AE4235" i="1"/>
  <c r="AE4236" i="1"/>
  <c r="AE4237" i="1"/>
  <c r="AE4238" i="1"/>
  <c r="AE4239" i="1"/>
  <c r="AE4240" i="1"/>
  <c r="AE4241" i="1"/>
  <c r="AE4242" i="1"/>
  <c r="AE4243" i="1"/>
  <c r="AE4244" i="1"/>
  <c r="AE4245" i="1"/>
  <c r="AE4246" i="1"/>
  <c r="AE4247" i="1"/>
  <c r="AE4248" i="1"/>
  <c r="AE4249" i="1"/>
  <c r="AE4250" i="1"/>
  <c r="AE4251" i="1"/>
  <c r="AE4252" i="1"/>
  <c r="AE4253" i="1"/>
  <c r="AE4254" i="1"/>
  <c r="AE4255" i="1"/>
  <c r="AE4256" i="1"/>
  <c r="AE4257" i="1"/>
  <c r="AE4258" i="1"/>
  <c r="AE4259" i="1"/>
  <c r="AE4260" i="1"/>
  <c r="AE4261" i="1"/>
  <c r="AE4262" i="1"/>
  <c r="AE4263" i="1"/>
  <c r="AE4264" i="1"/>
  <c r="AE4265" i="1"/>
  <c r="AE4266" i="1"/>
  <c r="AE4267" i="1"/>
  <c r="AE4268" i="1"/>
  <c r="AE4269" i="1"/>
  <c r="AE4270" i="1"/>
  <c r="AE4271" i="1"/>
  <c r="AE4272" i="1"/>
  <c r="AE4273" i="1"/>
  <c r="AE4274" i="1"/>
  <c r="AE4275" i="1"/>
  <c r="AE4276" i="1"/>
  <c r="AE4277" i="1"/>
  <c r="AE4278" i="1"/>
  <c r="AE4279" i="1"/>
  <c r="AE4280" i="1"/>
  <c r="AE4281" i="1"/>
  <c r="AE4282" i="1"/>
  <c r="AE4283" i="1"/>
  <c r="AE4284" i="1"/>
  <c r="AE4285" i="1"/>
  <c r="AE4286" i="1"/>
  <c r="AE4287" i="1"/>
  <c r="AE4288" i="1"/>
  <c r="AE4289" i="1"/>
  <c r="AE4290" i="1"/>
  <c r="AE4291" i="1"/>
  <c r="AE4292" i="1"/>
  <c r="AE4293" i="1"/>
  <c r="AE4294" i="1"/>
  <c r="AE4295" i="1"/>
  <c r="AE4296" i="1"/>
  <c r="AE4297" i="1"/>
  <c r="AE4298" i="1"/>
  <c r="AE4299" i="1"/>
  <c r="AE4300" i="1"/>
  <c r="AE4301" i="1"/>
  <c r="AE4302" i="1"/>
  <c r="AE4303" i="1"/>
  <c r="AE4304" i="1"/>
  <c r="AE4305" i="1"/>
  <c r="AE4306" i="1"/>
  <c r="AE4307" i="1"/>
  <c r="AE4308" i="1"/>
  <c r="AE4309" i="1"/>
  <c r="AE4310" i="1"/>
  <c r="AE4311" i="1"/>
  <c r="AE4312" i="1"/>
  <c r="AE4313" i="1"/>
  <c r="AE4314" i="1"/>
  <c r="AE4315" i="1"/>
  <c r="AE4316" i="1"/>
  <c r="AE4317" i="1"/>
  <c r="AE4318" i="1"/>
  <c r="AE4319" i="1"/>
  <c r="AE4320" i="1"/>
  <c r="AE4321" i="1"/>
  <c r="AE4322" i="1"/>
  <c r="AE4323" i="1"/>
  <c r="AE4324" i="1"/>
  <c r="AE4325" i="1"/>
  <c r="AE4326" i="1"/>
  <c r="AE4327" i="1"/>
  <c r="AE4328" i="1"/>
  <c r="AE4329" i="1"/>
  <c r="AE4330" i="1"/>
  <c r="AE4331" i="1"/>
  <c r="AE4332" i="1"/>
  <c r="AE4333" i="1"/>
  <c r="AE4334" i="1"/>
  <c r="AE4335" i="1"/>
  <c r="AE4336" i="1"/>
  <c r="AE4337" i="1"/>
  <c r="AE4338" i="1"/>
  <c r="AE4339" i="1"/>
  <c r="AE4340" i="1"/>
  <c r="AE4341" i="1"/>
  <c r="AE4342" i="1"/>
  <c r="AE4343" i="1"/>
  <c r="AE4344" i="1"/>
  <c r="AE4345" i="1"/>
  <c r="AE4346" i="1"/>
  <c r="AE4347" i="1"/>
  <c r="AE4348" i="1"/>
  <c r="AE4349" i="1"/>
  <c r="AE4350" i="1"/>
  <c r="AE4351" i="1"/>
  <c r="AE4352" i="1"/>
  <c r="AE4353" i="1"/>
  <c r="AE4354" i="1"/>
  <c r="AE4355" i="1"/>
  <c r="AE4356" i="1"/>
  <c r="AE4357" i="1"/>
  <c r="AE4358" i="1"/>
  <c r="AE4359" i="1"/>
  <c r="AE4360" i="1"/>
  <c r="AE4361" i="1"/>
  <c r="AE4362" i="1"/>
  <c r="AE4363" i="1"/>
  <c r="AE4364" i="1"/>
  <c r="AE4365" i="1"/>
  <c r="AE4366" i="1"/>
  <c r="AE4367" i="1"/>
  <c r="AE4368" i="1"/>
  <c r="AE4369" i="1"/>
  <c r="AE4370" i="1"/>
  <c r="AE4371" i="1"/>
  <c r="AE4372" i="1"/>
  <c r="AE4373" i="1"/>
  <c r="AE4374" i="1"/>
  <c r="AE4375" i="1"/>
  <c r="AE4376" i="1"/>
  <c r="AE4377" i="1"/>
  <c r="AE4378" i="1"/>
  <c r="AE4379" i="1"/>
  <c r="AE4380" i="1"/>
  <c r="AE4381" i="1"/>
  <c r="AE4382" i="1"/>
  <c r="AE4383" i="1"/>
  <c r="AE4384" i="1"/>
  <c r="AE4385" i="1"/>
  <c r="AE4386" i="1"/>
  <c r="AE4387" i="1"/>
  <c r="AE4388" i="1"/>
  <c r="AE4389" i="1"/>
  <c r="AE4390" i="1"/>
  <c r="AE4391" i="1"/>
  <c r="AE4392" i="1"/>
  <c r="AE4393" i="1"/>
  <c r="AE4394" i="1"/>
  <c r="AE4395" i="1"/>
  <c r="AE4396" i="1"/>
  <c r="AE4397" i="1"/>
  <c r="AE4398" i="1"/>
  <c r="AE4399" i="1"/>
  <c r="AE4400" i="1"/>
  <c r="AE4401" i="1"/>
  <c r="AE4402" i="1"/>
  <c r="AE4403" i="1"/>
  <c r="AE4404" i="1"/>
  <c r="AE4405" i="1"/>
  <c r="AE4406" i="1"/>
  <c r="AE4407" i="1"/>
  <c r="AE4408" i="1"/>
  <c r="AE4409" i="1"/>
  <c r="AE4410" i="1"/>
  <c r="AE4411" i="1"/>
  <c r="AE4412" i="1"/>
  <c r="AE4413" i="1"/>
  <c r="AE4414" i="1"/>
  <c r="AE4415" i="1"/>
  <c r="AE4416" i="1"/>
  <c r="AE4417" i="1"/>
  <c r="AE4418" i="1"/>
  <c r="AE4419" i="1"/>
  <c r="AE4420" i="1"/>
  <c r="AE4421" i="1"/>
  <c r="AE4422" i="1"/>
  <c r="AE4423" i="1"/>
  <c r="AE4424" i="1"/>
  <c r="AE4425" i="1"/>
  <c r="AE4426" i="1"/>
  <c r="AE4427" i="1"/>
  <c r="AE4428" i="1"/>
  <c r="AE4429" i="1"/>
  <c r="AE4430" i="1"/>
  <c r="AE4431" i="1"/>
  <c r="AE4432" i="1"/>
  <c r="AE4433" i="1"/>
  <c r="AE4434" i="1"/>
  <c r="AE4435" i="1"/>
  <c r="AE4436" i="1"/>
  <c r="AE4437" i="1"/>
  <c r="AE4438" i="1"/>
  <c r="AE4439" i="1"/>
  <c r="AE4440" i="1"/>
  <c r="AE4441" i="1"/>
  <c r="AE4442" i="1"/>
  <c r="AE4443" i="1"/>
  <c r="AE4444" i="1"/>
  <c r="AE4445" i="1"/>
  <c r="AE4446" i="1"/>
  <c r="AE4447" i="1"/>
  <c r="AE4448" i="1"/>
  <c r="AE4449" i="1"/>
  <c r="AE4450" i="1"/>
  <c r="AE4451" i="1"/>
  <c r="AE4452" i="1"/>
  <c r="AE4453" i="1"/>
  <c r="AE4454" i="1"/>
  <c r="AE4455" i="1"/>
  <c r="AE4456" i="1"/>
  <c r="AE4457" i="1"/>
  <c r="AE4458" i="1"/>
  <c r="AE4459" i="1"/>
  <c r="AE4460" i="1"/>
  <c r="AE4461" i="1"/>
  <c r="AE4462" i="1"/>
  <c r="AE4463" i="1"/>
  <c r="AE4464" i="1"/>
  <c r="AE4465" i="1"/>
  <c r="AE4466" i="1"/>
  <c r="AE4467" i="1"/>
  <c r="AE4468" i="1"/>
  <c r="AE4469" i="1"/>
  <c r="AE4470" i="1"/>
  <c r="AE4471" i="1"/>
  <c r="AE4472" i="1"/>
  <c r="AE4473" i="1"/>
  <c r="AE4474" i="1"/>
  <c r="AE4475" i="1"/>
  <c r="AE4476" i="1"/>
  <c r="AE4477" i="1"/>
  <c r="AE4478" i="1"/>
  <c r="AE4479" i="1"/>
  <c r="AE4480" i="1"/>
  <c r="AE4481" i="1"/>
  <c r="AE4482" i="1"/>
  <c r="AE4483" i="1"/>
  <c r="AE4484" i="1"/>
  <c r="AE4485" i="1"/>
  <c r="AE4486" i="1"/>
  <c r="AE4487" i="1"/>
  <c r="AE4488" i="1"/>
  <c r="AE4489" i="1"/>
  <c r="AE4490" i="1"/>
  <c r="AE4491" i="1"/>
  <c r="AE4492" i="1"/>
  <c r="AE4493" i="1"/>
  <c r="AE4494" i="1"/>
  <c r="AE4495" i="1"/>
  <c r="AE4496" i="1"/>
  <c r="AE4497" i="1"/>
  <c r="AE4498" i="1"/>
  <c r="AE4499" i="1"/>
  <c r="AE4500" i="1"/>
  <c r="AE4501" i="1"/>
  <c r="AE4502" i="1"/>
  <c r="AE4503" i="1"/>
  <c r="AE4504" i="1"/>
  <c r="AE4505" i="1"/>
  <c r="AE4506" i="1"/>
  <c r="AE4507" i="1"/>
  <c r="AE4508" i="1"/>
  <c r="AE4509" i="1"/>
  <c r="AE4510" i="1"/>
  <c r="AE4511" i="1"/>
  <c r="AE4512" i="1"/>
  <c r="AE4513" i="1"/>
  <c r="AE4514" i="1"/>
  <c r="AE4515" i="1"/>
  <c r="AE4516" i="1"/>
  <c r="AE4517" i="1"/>
  <c r="AE4518" i="1"/>
  <c r="AE4519" i="1"/>
  <c r="AE4520" i="1"/>
  <c r="AE4521" i="1"/>
  <c r="AE4522" i="1"/>
  <c r="AE4523" i="1"/>
  <c r="AE4524" i="1"/>
  <c r="AE4525" i="1"/>
  <c r="AE4526" i="1"/>
  <c r="AE4527" i="1"/>
  <c r="AE4528" i="1"/>
  <c r="AE4529" i="1"/>
  <c r="AE4530" i="1"/>
  <c r="AE4531" i="1"/>
  <c r="AE4532" i="1"/>
  <c r="AE4533" i="1"/>
  <c r="AE4534" i="1"/>
  <c r="AE4535" i="1"/>
  <c r="AE4536" i="1"/>
  <c r="AE4537" i="1"/>
  <c r="AE4538" i="1"/>
  <c r="AE4539" i="1"/>
  <c r="AE4540" i="1"/>
  <c r="AE4541" i="1"/>
  <c r="AE4542" i="1"/>
  <c r="AE4543" i="1"/>
  <c r="AE4544" i="1"/>
  <c r="AE4545" i="1"/>
  <c r="AE4546" i="1"/>
  <c r="AE4547" i="1"/>
  <c r="AE4548" i="1"/>
  <c r="AE4549" i="1"/>
  <c r="AE4550" i="1"/>
  <c r="AE4551" i="1"/>
  <c r="AE4552" i="1"/>
  <c r="AE4553" i="1"/>
  <c r="AE4554" i="1"/>
  <c r="AE4555" i="1"/>
  <c r="AE4556" i="1"/>
  <c r="AE4557" i="1"/>
  <c r="AE4558" i="1"/>
  <c r="AE4559" i="1"/>
  <c r="AE4560" i="1"/>
  <c r="AE4561" i="1"/>
  <c r="AE4562" i="1"/>
  <c r="AE4563" i="1"/>
  <c r="AE4564" i="1"/>
  <c r="AE4565" i="1"/>
  <c r="AE4566" i="1"/>
  <c r="AE4567" i="1"/>
  <c r="AE4568" i="1"/>
  <c r="AE4569" i="1"/>
  <c r="AE4570" i="1"/>
  <c r="AE4571" i="1"/>
  <c r="AE4572" i="1"/>
  <c r="AE4573" i="1"/>
  <c r="AE4574" i="1"/>
  <c r="AE4575" i="1"/>
  <c r="AE4576" i="1"/>
  <c r="AE4577" i="1"/>
  <c r="AE4578" i="1"/>
  <c r="AE4579" i="1"/>
  <c r="AE4580" i="1"/>
  <c r="AE4581" i="1"/>
  <c r="AE4582" i="1"/>
  <c r="AE4583" i="1"/>
  <c r="AE4584" i="1"/>
  <c r="AE4585" i="1"/>
  <c r="AE4586" i="1"/>
  <c r="AE4587" i="1"/>
  <c r="AE4588" i="1"/>
  <c r="AE4589" i="1"/>
  <c r="AE4590" i="1"/>
  <c r="AE4591" i="1"/>
  <c r="AE4592" i="1"/>
  <c r="AE4593" i="1"/>
  <c r="AE4594" i="1"/>
  <c r="AE4595" i="1"/>
  <c r="AE4596" i="1"/>
  <c r="AE4597" i="1"/>
  <c r="AE4598" i="1"/>
  <c r="AE4599" i="1"/>
  <c r="AE4600" i="1"/>
  <c r="AE4601" i="1"/>
  <c r="AE4602" i="1"/>
  <c r="AE4603" i="1"/>
  <c r="AE4604" i="1"/>
  <c r="AE4605" i="1"/>
  <c r="AE4606" i="1"/>
  <c r="AE4607" i="1"/>
  <c r="AE4608" i="1"/>
  <c r="AE4609" i="1"/>
  <c r="AE4610" i="1"/>
  <c r="AE4611" i="1"/>
  <c r="AE4612" i="1"/>
  <c r="AE4613" i="1"/>
  <c r="AE4614" i="1"/>
  <c r="AE4615" i="1"/>
  <c r="AE4616" i="1"/>
  <c r="AE4617" i="1"/>
  <c r="AE4618" i="1"/>
  <c r="AE4619" i="1"/>
  <c r="AE4620" i="1"/>
  <c r="AE4621" i="1"/>
  <c r="AE4622" i="1"/>
  <c r="AE4623" i="1"/>
  <c r="AE4624" i="1"/>
  <c r="AE4625" i="1"/>
  <c r="AE4626" i="1"/>
  <c r="AE4627" i="1"/>
  <c r="AE4628" i="1"/>
  <c r="AE4629" i="1"/>
  <c r="AE4630" i="1"/>
  <c r="AE4631" i="1"/>
  <c r="AE4632" i="1"/>
  <c r="AE4633" i="1"/>
  <c r="AE4634" i="1"/>
  <c r="AE4635" i="1"/>
  <c r="AE4636" i="1"/>
  <c r="AE4637" i="1"/>
  <c r="AE4638" i="1"/>
  <c r="AE4639" i="1"/>
  <c r="AE4640" i="1"/>
  <c r="AE4641" i="1"/>
  <c r="AE4642" i="1"/>
  <c r="AE4643" i="1"/>
  <c r="AE4644" i="1"/>
  <c r="AE4645" i="1"/>
  <c r="AE4646" i="1"/>
  <c r="AE4647" i="1"/>
  <c r="AE4648" i="1"/>
  <c r="AE4649" i="1"/>
  <c r="AE4650" i="1"/>
  <c r="AE4651" i="1"/>
  <c r="AE4652" i="1"/>
  <c r="AE4653" i="1"/>
  <c r="AE4654" i="1"/>
  <c r="AE4655" i="1"/>
  <c r="AE4656" i="1"/>
  <c r="AE4657" i="1"/>
  <c r="AE4658" i="1"/>
  <c r="AE4659" i="1"/>
  <c r="AE4660" i="1"/>
  <c r="AE4661" i="1"/>
  <c r="AE4662" i="1"/>
  <c r="AE4663" i="1"/>
  <c r="AE4664" i="1"/>
  <c r="AE4665" i="1"/>
  <c r="AE4666" i="1"/>
  <c r="AE4667" i="1"/>
  <c r="AE4668" i="1"/>
  <c r="AE4669" i="1"/>
  <c r="AE4670" i="1"/>
  <c r="AE4671" i="1"/>
  <c r="AE4672" i="1"/>
  <c r="AE4673" i="1"/>
  <c r="AE4674" i="1"/>
  <c r="AE4675" i="1"/>
  <c r="AE4676" i="1"/>
  <c r="AE4677" i="1"/>
  <c r="AE4678" i="1"/>
  <c r="AE4679" i="1"/>
  <c r="AE4680" i="1"/>
  <c r="AE4681" i="1"/>
  <c r="AE4682" i="1"/>
  <c r="AE4683" i="1"/>
  <c r="AE4684" i="1"/>
  <c r="AE4685" i="1"/>
  <c r="AE4686" i="1"/>
  <c r="AE4687" i="1"/>
  <c r="AE4688" i="1"/>
  <c r="AE4689" i="1"/>
  <c r="AE4690" i="1"/>
  <c r="AE4691" i="1"/>
  <c r="AE4692" i="1"/>
  <c r="AE4693" i="1"/>
  <c r="AE4694" i="1"/>
  <c r="AE4695" i="1"/>
  <c r="AE4696" i="1"/>
  <c r="AE4697" i="1"/>
  <c r="AE4698" i="1"/>
  <c r="AE4699" i="1"/>
  <c r="AE4700" i="1"/>
  <c r="AE4701" i="1"/>
  <c r="AE4702" i="1"/>
  <c r="AE4703" i="1"/>
  <c r="AE4704" i="1"/>
  <c r="AE4705" i="1"/>
  <c r="AE4706" i="1"/>
  <c r="AE4707" i="1"/>
  <c r="AE4708" i="1"/>
  <c r="AE4709" i="1"/>
  <c r="AE4710" i="1"/>
  <c r="AE4711" i="1"/>
  <c r="AE4712" i="1"/>
  <c r="AE4713" i="1"/>
  <c r="AE4714" i="1"/>
  <c r="AE4715" i="1"/>
  <c r="AE4716" i="1"/>
  <c r="AE4717" i="1"/>
  <c r="AE4718" i="1"/>
  <c r="AE4719" i="1"/>
  <c r="AE4720" i="1"/>
  <c r="AE4721" i="1"/>
  <c r="AE4722" i="1"/>
  <c r="AE4723" i="1"/>
  <c r="AE4724" i="1"/>
  <c r="AE4725" i="1"/>
  <c r="AE4726" i="1"/>
  <c r="AE4727" i="1"/>
  <c r="AE4728" i="1"/>
  <c r="AE4729" i="1"/>
  <c r="AE4730" i="1"/>
  <c r="AE4731" i="1"/>
  <c r="AE4732" i="1"/>
  <c r="AE4733" i="1"/>
  <c r="AE4734" i="1"/>
  <c r="AE4735" i="1"/>
  <c r="AE4736" i="1"/>
  <c r="AE4737" i="1"/>
  <c r="AE4738" i="1"/>
  <c r="AE4739" i="1"/>
  <c r="AE4740" i="1"/>
  <c r="AE4741" i="1"/>
  <c r="AE4742" i="1"/>
  <c r="AE4743" i="1"/>
  <c r="AE4744" i="1"/>
  <c r="AE4745" i="1"/>
  <c r="AE4746" i="1"/>
  <c r="AE4747" i="1"/>
  <c r="AE4748" i="1"/>
  <c r="AE4749" i="1"/>
  <c r="AE4750" i="1"/>
  <c r="AE4751" i="1"/>
  <c r="AE4752" i="1"/>
  <c r="AE4753" i="1"/>
  <c r="AE4754" i="1"/>
  <c r="AE4755" i="1"/>
  <c r="AE4756" i="1"/>
  <c r="AE4757" i="1"/>
  <c r="AE4758" i="1"/>
  <c r="AE4759" i="1"/>
  <c r="AE4760" i="1"/>
  <c r="AE4761" i="1"/>
  <c r="AE4762" i="1"/>
  <c r="AE4763" i="1"/>
  <c r="AE4764" i="1"/>
  <c r="AE4765" i="1"/>
  <c r="AE4766" i="1"/>
  <c r="AE4767" i="1"/>
  <c r="AE4768" i="1"/>
  <c r="AE4769" i="1"/>
  <c r="AE4770" i="1"/>
  <c r="AE4771" i="1"/>
  <c r="AE4772" i="1"/>
  <c r="AE4773" i="1"/>
  <c r="AE4774" i="1"/>
  <c r="AE4775" i="1"/>
  <c r="AE4776" i="1"/>
  <c r="AE4777" i="1"/>
  <c r="AE4778" i="1"/>
  <c r="AE4779" i="1"/>
  <c r="AE4780" i="1"/>
  <c r="AE4781" i="1"/>
  <c r="AE4782" i="1"/>
  <c r="AE4783" i="1"/>
  <c r="AE4784" i="1"/>
  <c r="AE4785" i="1"/>
  <c r="AE4786" i="1"/>
  <c r="AE4787" i="1"/>
  <c r="AE4788" i="1"/>
  <c r="AE4789" i="1"/>
  <c r="AE4790" i="1"/>
  <c r="AE4791" i="1"/>
  <c r="AE4792" i="1"/>
  <c r="AE4793" i="1"/>
  <c r="AE4794" i="1"/>
  <c r="AE4795" i="1"/>
  <c r="AE4796" i="1"/>
  <c r="AE4797" i="1"/>
  <c r="AE4798" i="1"/>
  <c r="AE4799" i="1"/>
  <c r="AE4800" i="1"/>
  <c r="AE4801" i="1"/>
  <c r="AE4802" i="1"/>
  <c r="AE4803" i="1"/>
  <c r="AE4804" i="1"/>
  <c r="AE4805" i="1"/>
  <c r="AE4806" i="1"/>
  <c r="AE4807" i="1"/>
  <c r="AE4808" i="1"/>
  <c r="AE4809" i="1"/>
  <c r="AE4810" i="1"/>
  <c r="AE4811" i="1"/>
  <c r="AE4812" i="1"/>
  <c r="AE4813" i="1"/>
  <c r="AE4814" i="1"/>
  <c r="AE4815" i="1"/>
  <c r="AE4816" i="1"/>
  <c r="AE4817" i="1"/>
  <c r="AE4818" i="1"/>
  <c r="AE4819" i="1"/>
  <c r="AE4820" i="1"/>
  <c r="AE4821" i="1"/>
  <c r="AE4822" i="1"/>
  <c r="AE4823" i="1"/>
  <c r="AE4824" i="1"/>
  <c r="AE4825" i="1"/>
  <c r="AE4826" i="1"/>
  <c r="AE4827" i="1"/>
  <c r="AE4828" i="1"/>
  <c r="AE4829" i="1"/>
  <c r="AE4830" i="1"/>
  <c r="AE4831" i="1"/>
  <c r="AE4832" i="1"/>
  <c r="AE4833" i="1"/>
  <c r="AE4834" i="1"/>
  <c r="AE4835" i="1"/>
  <c r="AE4836" i="1"/>
  <c r="AE4837" i="1"/>
  <c r="AE4838" i="1"/>
  <c r="AE4839" i="1"/>
  <c r="AE4840" i="1"/>
  <c r="AE4841" i="1"/>
  <c r="AE4842" i="1"/>
  <c r="AE4843" i="1"/>
  <c r="AE4844" i="1"/>
  <c r="AE4845" i="1"/>
  <c r="AE4846" i="1"/>
  <c r="AE4847" i="1"/>
  <c r="AE4848" i="1"/>
  <c r="AE4849" i="1"/>
  <c r="AE4850" i="1"/>
  <c r="AE4851" i="1"/>
  <c r="AE4852" i="1"/>
  <c r="AE4853" i="1"/>
  <c r="AE4854" i="1"/>
  <c r="AE4855" i="1"/>
  <c r="AE4856" i="1"/>
  <c r="AE4857" i="1"/>
  <c r="AE4858" i="1"/>
  <c r="AE4859" i="1"/>
  <c r="AE4860" i="1"/>
  <c r="AE4861" i="1"/>
  <c r="AE4862" i="1"/>
  <c r="AE4863" i="1"/>
  <c r="AE4864" i="1"/>
  <c r="AE4865" i="1"/>
  <c r="AE4866" i="1"/>
  <c r="AE4867" i="1"/>
  <c r="AE4868" i="1"/>
  <c r="AE4869" i="1"/>
  <c r="AE4870" i="1"/>
  <c r="AE4871" i="1"/>
  <c r="AE4872" i="1"/>
  <c r="AE4873" i="1"/>
  <c r="AE4874" i="1"/>
  <c r="AE4875" i="1"/>
  <c r="AE4876" i="1"/>
  <c r="AE4877" i="1"/>
  <c r="AE4878" i="1"/>
  <c r="AE4879" i="1"/>
  <c r="AE4880" i="1"/>
  <c r="AE4881" i="1"/>
  <c r="AE4882" i="1"/>
  <c r="AE4883" i="1"/>
  <c r="AE4884" i="1"/>
  <c r="AE4885" i="1"/>
  <c r="AE4886" i="1"/>
  <c r="AE4887" i="1"/>
  <c r="AE4888" i="1"/>
  <c r="AE4889" i="1"/>
  <c r="AE4890" i="1"/>
  <c r="AE4891" i="1"/>
  <c r="AE4892" i="1"/>
  <c r="AE4893" i="1"/>
  <c r="AE4894" i="1"/>
  <c r="AE4895" i="1"/>
  <c r="AE4896" i="1"/>
  <c r="AE4897" i="1"/>
  <c r="AE4898" i="1"/>
  <c r="AE4899" i="1"/>
  <c r="AE4900" i="1"/>
  <c r="AE4901" i="1"/>
  <c r="AE4902" i="1"/>
  <c r="AE4903" i="1"/>
  <c r="AE4904" i="1"/>
  <c r="AE4905" i="1"/>
  <c r="AE4906" i="1"/>
  <c r="AE4907" i="1"/>
  <c r="AE4908" i="1"/>
  <c r="AE4909" i="1"/>
  <c r="AE4910" i="1"/>
  <c r="AE4911" i="1"/>
  <c r="AE4912" i="1"/>
  <c r="AE4913" i="1"/>
  <c r="AE4914" i="1"/>
  <c r="AE4915" i="1"/>
  <c r="AE4916" i="1"/>
  <c r="AE4917" i="1"/>
  <c r="AE4918" i="1"/>
  <c r="AE4919" i="1"/>
  <c r="AE4920" i="1"/>
  <c r="AE4921" i="1"/>
  <c r="AE4922" i="1"/>
  <c r="AE4923" i="1"/>
  <c r="AE4924" i="1"/>
  <c r="AE4925" i="1"/>
  <c r="AE4926" i="1"/>
  <c r="AE4927" i="1"/>
  <c r="AE4928" i="1"/>
  <c r="AE4929" i="1"/>
  <c r="AE4930" i="1"/>
  <c r="AE4931" i="1"/>
  <c r="AE4932" i="1"/>
  <c r="AE4933" i="1"/>
  <c r="AE4934" i="1"/>
  <c r="AE4935" i="1"/>
  <c r="AE4936" i="1"/>
  <c r="AE4937" i="1"/>
  <c r="AE4938" i="1"/>
  <c r="AE4939" i="1"/>
  <c r="AE4940" i="1"/>
  <c r="AE4941" i="1"/>
  <c r="AE4942" i="1"/>
  <c r="AE4943" i="1"/>
  <c r="AE4944" i="1"/>
  <c r="AE4945" i="1"/>
  <c r="AE4946" i="1"/>
  <c r="AE4947" i="1"/>
  <c r="AE4948" i="1"/>
  <c r="AE4949" i="1"/>
  <c r="AE4950" i="1"/>
  <c r="AE4951" i="1"/>
  <c r="AE4952" i="1"/>
  <c r="AE4953" i="1"/>
  <c r="AE4954" i="1"/>
  <c r="AE4955" i="1"/>
  <c r="AE4956" i="1"/>
  <c r="AE4957" i="1"/>
  <c r="AE4958" i="1"/>
  <c r="AE4959" i="1"/>
  <c r="AE4960" i="1"/>
  <c r="AE4961" i="1"/>
  <c r="AE4962" i="1"/>
  <c r="AE4963" i="1"/>
  <c r="AE4964" i="1"/>
  <c r="AE4965" i="1"/>
  <c r="AE4966" i="1"/>
  <c r="AE4967" i="1"/>
  <c r="AE4968" i="1"/>
  <c r="AE4969" i="1"/>
  <c r="AE4970" i="1"/>
  <c r="AE4971" i="1"/>
  <c r="AE4972" i="1"/>
  <c r="AE4973" i="1"/>
  <c r="AE4974" i="1"/>
  <c r="AE4975" i="1"/>
  <c r="AE4976" i="1"/>
  <c r="AE4977" i="1"/>
  <c r="AE4978" i="1"/>
  <c r="AE4979" i="1"/>
  <c r="AE4980" i="1"/>
  <c r="AE4981" i="1"/>
  <c r="AE4982" i="1"/>
  <c r="AE4983" i="1"/>
  <c r="AE4984" i="1"/>
  <c r="AE4985" i="1"/>
  <c r="AE4986" i="1"/>
  <c r="AE4987" i="1"/>
  <c r="AE4988" i="1"/>
  <c r="AE4989" i="1"/>
  <c r="AE4990" i="1"/>
  <c r="AE4991" i="1"/>
  <c r="AE4992" i="1"/>
  <c r="AE4993" i="1"/>
  <c r="AE4994" i="1"/>
  <c r="AE4995" i="1"/>
  <c r="AE4996" i="1"/>
  <c r="AE4997" i="1"/>
  <c r="AE4998" i="1"/>
  <c r="AE4999" i="1"/>
  <c r="AE5000" i="1"/>
  <c r="AE5001" i="1"/>
  <c r="AE5002" i="1"/>
  <c r="AE5003" i="1"/>
  <c r="AE5004" i="1"/>
  <c r="AE5005" i="1"/>
  <c r="AE5006" i="1"/>
  <c r="AE5007" i="1"/>
  <c r="AE5008" i="1"/>
  <c r="AE5009" i="1"/>
  <c r="AE5010" i="1"/>
  <c r="AE5011" i="1"/>
  <c r="AE5012" i="1"/>
  <c r="AE5013" i="1"/>
  <c r="AE5014" i="1"/>
  <c r="AE5015" i="1"/>
  <c r="AE5016" i="1"/>
  <c r="AE5017" i="1"/>
  <c r="AE5018" i="1"/>
  <c r="AE5019" i="1"/>
  <c r="AE5020" i="1"/>
  <c r="AE5021" i="1"/>
  <c r="AE5022" i="1"/>
  <c r="AE5023" i="1"/>
  <c r="AE5024" i="1"/>
  <c r="AE5025" i="1"/>
  <c r="AE5026" i="1"/>
  <c r="AE5027" i="1"/>
  <c r="AE5028" i="1"/>
  <c r="AE5029" i="1"/>
  <c r="AE5030" i="1"/>
  <c r="AE5031" i="1"/>
  <c r="AE5032" i="1"/>
  <c r="AE5033" i="1"/>
  <c r="AE5034" i="1"/>
  <c r="AE5035" i="1"/>
  <c r="AE5036" i="1"/>
  <c r="AE5037" i="1"/>
  <c r="AE5038" i="1"/>
  <c r="AE5039" i="1"/>
  <c r="AE5040" i="1"/>
  <c r="AE5041" i="1"/>
  <c r="AE5042" i="1"/>
  <c r="AE5043" i="1"/>
  <c r="AE5044" i="1"/>
  <c r="AE5045" i="1"/>
  <c r="AE5046" i="1"/>
  <c r="AE5047" i="1"/>
  <c r="AE5048" i="1"/>
  <c r="AE5049" i="1"/>
  <c r="AE5050" i="1"/>
  <c r="AE5051" i="1"/>
  <c r="AE5052" i="1"/>
  <c r="AE5053" i="1"/>
  <c r="AE5054" i="1"/>
  <c r="AE5055" i="1"/>
  <c r="AE5056" i="1"/>
  <c r="AE5057" i="1"/>
  <c r="AE5058" i="1"/>
  <c r="AE5059" i="1"/>
  <c r="AE5060" i="1"/>
  <c r="AE5061" i="1"/>
  <c r="AE5062" i="1"/>
  <c r="AE5063" i="1"/>
  <c r="AE5064" i="1"/>
  <c r="AE5065" i="1"/>
  <c r="AE5066" i="1"/>
  <c r="AE5067" i="1"/>
  <c r="AE5068" i="1"/>
  <c r="AE5069" i="1"/>
  <c r="AE5070" i="1"/>
  <c r="AE5071" i="1"/>
  <c r="AE5072" i="1"/>
  <c r="AE5073" i="1"/>
  <c r="AE5074" i="1"/>
  <c r="AE5075" i="1"/>
  <c r="AE5076" i="1"/>
  <c r="AE5077" i="1"/>
  <c r="AE5078" i="1"/>
  <c r="AE5079" i="1"/>
  <c r="AE5080" i="1"/>
  <c r="AE5081" i="1"/>
  <c r="AE5082" i="1"/>
  <c r="AE5083" i="1"/>
  <c r="AE5084" i="1"/>
  <c r="AE5085" i="1"/>
  <c r="AE5086" i="1"/>
  <c r="AE5087" i="1"/>
  <c r="AE5088" i="1"/>
  <c r="AE5089" i="1"/>
  <c r="AE5090" i="1"/>
  <c r="AE5091" i="1"/>
  <c r="AE5092" i="1"/>
  <c r="AE5093" i="1"/>
  <c r="AE5094" i="1"/>
  <c r="AE5095" i="1"/>
  <c r="AE5096" i="1"/>
  <c r="AE5097" i="1"/>
  <c r="AE5098" i="1"/>
  <c r="AE5099" i="1"/>
  <c r="AE5100" i="1"/>
  <c r="AE5101" i="1"/>
  <c r="AE5102" i="1"/>
  <c r="AE5103" i="1"/>
  <c r="AE5104" i="1"/>
  <c r="AE5105" i="1"/>
  <c r="AE5106" i="1"/>
  <c r="AE5107" i="1"/>
  <c r="AE5108" i="1"/>
  <c r="AE5109" i="1"/>
  <c r="AE5110" i="1"/>
  <c r="AE5111" i="1"/>
  <c r="AE5112" i="1"/>
  <c r="AE5113" i="1"/>
  <c r="AE5114" i="1"/>
  <c r="AE5115" i="1"/>
  <c r="AE5116" i="1"/>
  <c r="AE5117" i="1"/>
  <c r="AE5118" i="1"/>
  <c r="AE5119" i="1"/>
  <c r="AE5120" i="1"/>
  <c r="AE5121" i="1"/>
  <c r="AE5122" i="1"/>
  <c r="AE5123" i="1"/>
  <c r="AE5124" i="1"/>
  <c r="AE5125" i="1"/>
  <c r="AE5126" i="1"/>
  <c r="AE5127" i="1"/>
  <c r="AE5128" i="1"/>
  <c r="AE5129" i="1"/>
  <c r="AE5130" i="1"/>
  <c r="AE5131" i="1"/>
  <c r="AE5132" i="1"/>
  <c r="AE5133" i="1"/>
  <c r="AE5134" i="1"/>
  <c r="AE5135" i="1"/>
  <c r="AE5136" i="1"/>
  <c r="AE5137" i="1"/>
  <c r="AE5138" i="1"/>
  <c r="AE5139" i="1"/>
  <c r="AE5140" i="1"/>
  <c r="AE5141" i="1"/>
  <c r="AE5142" i="1"/>
  <c r="AE5143" i="1"/>
  <c r="AE5144" i="1"/>
  <c r="AE5145" i="1"/>
  <c r="AE5146" i="1"/>
  <c r="AE5147" i="1"/>
  <c r="AE5148" i="1"/>
  <c r="AE5149" i="1"/>
  <c r="AE5150" i="1"/>
  <c r="AE5151" i="1"/>
  <c r="AE5152" i="1"/>
  <c r="AE5153" i="1"/>
  <c r="AE5154" i="1"/>
  <c r="AE5155" i="1"/>
  <c r="AE5156" i="1"/>
  <c r="AE5157" i="1"/>
  <c r="AE5158" i="1"/>
  <c r="AE5159" i="1"/>
  <c r="AE5160" i="1"/>
  <c r="AE5161" i="1"/>
  <c r="AE5162" i="1"/>
  <c r="AE5163" i="1"/>
  <c r="AE5164" i="1"/>
  <c r="AE5165" i="1"/>
  <c r="AE5166" i="1"/>
  <c r="AE5167" i="1"/>
  <c r="AE5168" i="1"/>
  <c r="AE5169" i="1"/>
  <c r="AE5170" i="1"/>
  <c r="AE5171" i="1"/>
  <c r="AE5172" i="1"/>
  <c r="AE5173" i="1"/>
  <c r="AE5174" i="1"/>
  <c r="AE5175" i="1"/>
  <c r="AE5176" i="1"/>
  <c r="AE5177" i="1"/>
  <c r="AE5178" i="1"/>
  <c r="AE5179" i="1"/>
  <c r="AE5180" i="1"/>
  <c r="AE5181" i="1"/>
  <c r="AE5182" i="1"/>
  <c r="AE5183" i="1"/>
  <c r="AE5184" i="1"/>
  <c r="AE5185" i="1"/>
  <c r="AE5186" i="1"/>
  <c r="AE5187" i="1"/>
  <c r="AE5188" i="1"/>
  <c r="AE5189" i="1"/>
  <c r="AE5190" i="1"/>
  <c r="AE5191" i="1"/>
  <c r="AE5192" i="1"/>
  <c r="AE5193" i="1"/>
  <c r="AE5194" i="1"/>
  <c r="AE5195" i="1"/>
  <c r="AE5196" i="1"/>
  <c r="AE5197" i="1"/>
  <c r="AE5198" i="1"/>
  <c r="AE5199" i="1"/>
  <c r="AE5200" i="1"/>
  <c r="AE5201" i="1"/>
  <c r="AE5202" i="1"/>
  <c r="AE5203" i="1"/>
  <c r="AE5204" i="1"/>
  <c r="AE5205" i="1"/>
  <c r="AE5206" i="1"/>
  <c r="AE5207" i="1"/>
  <c r="AE5208" i="1"/>
  <c r="AE5209" i="1"/>
  <c r="AE5210" i="1"/>
  <c r="AE5211" i="1"/>
  <c r="AE5212" i="1"/>
  <c r="AE5213" i="1"/>
  <c r="AE5214" i="1"/>
  <c r="AE5215" i="1"/>
  <c r="AE5216" i="1"/>
  <c r="AE5217" i="1"/>
  <c r="AE5218" i="1"/>
  <c r="AE5219" i="1"/>
  <c r="AE5220" i="1"/>
  <c r="AE5221" i="1"/>
  <c r="AE5222" i="1"/>
  <c r="AE5223" i="1"/>
  <c r="AE5224" i="1"/>
  <c r="AE5225" i="1"/>
  <c r="AE5226" i="1"/>
  <c r="AE5227" i="1"/>
  <c r="AE5228" i="1"/>
  <c r="AE5229" i="1"/>
  <c r="AE5230" i="1"/>
  <c r="AE5231" i="1"/>
  <c r="AE5232" i="1"/>
  <c r="AE5233" i="1"/>
  <c r="AE5234" i="1"/>
  <c r="AE5235" i="1"/>
  <c r="AE5236" i="1"/>
  <c r="AE5237" i="1"/>
  <c r="AE5238" i="1"/>
  <c r="AE5239" i="1"/>
  <c r="AE5240" i="1"/>
  <c r="AE5241" i="1"/>
  <c r="AE5242" i="1"/>
  <c r="AE5243" i="1"/>
  <c r="AE5244" i="1"/>
  <c r="AE5245" i="1"/>
  <c r="AE5246" i="1"/>
  <c r="AE5247" i="1"/>
  <c r="AE5248" i="1"/>
  <c r="AE5249" i="1"/>
  <c r="AE5250" i="1"/>
  <c r="AE5251" i="1"/>
  <c r="AE5252" i="1"/>
  <c r="AE5253" i="1"/>
  <c r="AE5254" i="1"/>
  <c r="AE5255" i="1"/>
  <c r="AE5256" i="1"/>
  <c r="AE5257" i="1"/>
  <c r="AE5258" i="1"/>
  <c r="AE5259" i="1"/>
  <c r="AE5260" i="1"/>
  <c r="AE5261" i="1"/>
  <c r="AE5262" i="1"/>
  <c r="AE5263" i="1"/>
  <c r="AE5264" i="1"/>
  <c r="AE5265" i="1"/>
  <c r="AE5266" i="1"/>
  <c r="AE5267" i="1"/>
  <c r="AE5268" i="1"/>
  <c r="AE5269" i="1"/>
  <c r="AE5270" i="1"/>
  <c r="AE5271" i="1"/>
  <c r="AE5272" i="1"/>
  <c r="AE5273" i="1"/>
  <c r="AE5274" i="1"/>
  <c r="AE5275" i="1"/>
  <c r="AE5276" i="1"/>
  <c r="AE5277" i="1"/>
  <c r="AE5278" i="1"/>
  <c r="AE5279" i="1"/>
  <c r="AE5280" i="1"/>
  <c r="AE5281" i="1"/>
  <c r="AE5282" i="1"/>
  <c r="AE5283" i="1"/>
  <c r="AE5284" i="1"/>
  <c r="AE5285" i="1"/>
  <c r="AE5286" i="1"/>
  <c r="AE5287" i="1"/>
  <c r="AE5288" i="1"/>
  <c r="AE5289" i="1"/>
  <c r="AE5290" i="1"/>
  <c r="AE5291" i="1"/>
  <c r="AE5292" i="1"/>
  <c r="AE5293" i="1"/>
  <c r="AE5294" i="1"/>
  <c r="AE5295" i="1"/>
  <c r="AE5296" i="1"/>
  <c r="AE5297" i="1"/>
  <c r="AE5298" i="1"/>
  <c r="AE5299" i="1"/>
  <c r="AE5300" i="1"/>
  <c r="AE5301" i="1"/>
  <c r="AE5302" i="1"/>
  <c r="AE5303" i="1"/>
  <c r="AE5304" i="1"/>
  <c r="AE5305" i="1"/>
  <c r="AE5306" i="1"/>
  <c r="AE5307" i="1"/>
  <c r="AE5308" i="1"/>
  <c r="AE5309" i="1"/>
  <c r="AE5310" i="1"/>
  <c r="AE5311" i="1"/>
  <c r="AE5312" i="1"/>
  <c r="AE5313" i="1"/>
  <c r="AE5314" i="1"/>
  <c r="AE5315" i="1"/>
  <c r="AE5316" i="1"/>
  <c r="AE5317" i="1"/>
  <c r="AE5318" i="1"/>
  <c r="AE5319" i="1"/>
  <c r="AE5320" i="1"/>
  <c r="AE5321" i="1"/>
  <c r="AE5322" i="1"/>
  <c r="AE5323" i="1"/>
  <c r="AE5324" i="1"/>
  <c r="AE5325" i="1"/>
  <c r="AE5326" i="1"/>
  <c r="AE5327" i="1"/>
  <c r="AE5328" i="1"/>
  <c r="AE5329" i="1"/>
  <c r="AE5330" i="1"/>
  <c r="AE5331" i="1"/>
  <c r="AE5332" i="1"/>
  <c r="AE5333" i="1"/>
  <c r="AE5334" i="1"/>
  <c r="AE5335" i="1"/>
  <c r="AE5336" i="1"/>
  <c r="AE5337" i="1"/>
  <c r="AE5338" i="1"/>
  <c r="AE5339" i="1"/>
  <c r="AE5340" i="1"/>
  <c r="AE5341" i="1"/>
  <c r="AE5342" i="1"/>
  <c r="AE5343" i="1"/>
  <c r="AE5344" i="1"/>
  <c r="AE5345" i="1"/>
  <c r="AE5346" i="1"/>
  <c r="AE5347" i="1"/>
  <c r="AE5348" i="1"/>
  <c r="AE5349" i="1"/>
  <c r="AE5350" i="1"/>
  <c r="AE5351" i="1"/>
  <c r="AE5352" i="1"/>
  <c r="AE5353" i="1"/>
  <c r="AE5354" i="1"/>
  <c r="AE5355" i="1"/>
  <c r="AE5356" i="1"/>
  <c r="AE5357" i="1"/>
  <c r="AE5358" i="1"/>
  <c r="AE5359" i="1"/>
  <c r="AE5360" i="1"/>
  <c r="AE5361" i="1"/>
  <c r="AE5362" i="1"/>
  <c r="AE5363" i="1"/>
  <c r="AE5364" i="1"/>
  <c r="AE5365" i="1"/>
  <c r="AE5366" i="1"/>
  <c r="AE5367" i="1"/>
  <c r="AE5368" i="1"/>
  <c r="AE5369" i="1"/>
  <c r="AE5370" i="1"/>
  <c r="AE5371" i="1"/>
  <c r="AE5372" i="1"/>
  <c r="AE5373" i="1"/>
  <c r="AE5374" i="1"/>
  <c r="AE5375" i="1"/>
  <c r="AE5376" i="1"/>
  <c r="AE5377" i="1"/>
  <c r="AE5378" i="1"/>
  <c r="AE5379" i="1"/>
  <c r="AE5380" i="1"/>
  <c r="AE5381" i="1"/>
  <c r="AE5382" i="1"/>
  <c r="AE5383" i="1"/>
  <c r="AE5384" i="1"/>
  <c r="AE5385" i="1"/>
  <c r="AE5386" i="1"/>
  <c r="AE5387" i="1"/>
  <c r="AE5388" i="1"/>
  <c r="AE5389" i="1"/>
  <c r="AE5390" i="1"/>
  <c r="AE5391" i="1"/>
  <c r="AE5392" i="1"/>
  <c r="AE5393" i="1"/>
  <c r="AE5394" i="1"/>
  <c r="AE5395" i="1"/>
  <c r="AE5396" i="1"/>
  <c r="AE5397" i="1"/>
  <c r="AE5398" i="1"/>
  <c r="AE5399" i="1"/>
  <c r="AE5400" i="1"/>
  <c r="AE5401" i="1"/>
  <c r="AE5402" i="1"/>
  <c r="AE5403" i="1"/>
  <c r="AE5404" i="1"/>
  <c r="AE5405" i="1"/>
  <c r="AE5406" i="1"/>
  <c r="AE5407" i="1"/>
  <c r="AE5408" i="1"/>
  <c r="AE5409" i="1"/>
  <c r="AE5410" i="1"/>
  <c r="AE5411" i="1"/>
  <c r="AE5412" i="1"/>
  <c r="AE5413" i="1"/>
  <c r="AE5414" i="1"/>
  <c r="AE5415" i="1"/>
  <c r="AE5416" i="1"/>
  <c r="AE5417" i="1"/>
  <c r="AE5418" i="1"/>
  <c r="AE5419" i="1"/>
  <c r="AE5420" i="1"/>
  <c r="AE5421" i="1"/>
  <c r="AE5422" i="1"/>
  <c r="AE5423" i="1"/>
  <c r="AE5424" i="1"/>
  <c r="AE5425" i="1"/>
  <c r="AE5426" i="1"/>
  <c r="AE5427" i="1"/>
  <c r="AE5428" i="1"/>
  <c r="AE5429" i="1"/>
  <c r="AE5430" i="1"/>
  <c r="AE5431" i="1"/>
  <c r="AE5432" i="1"/>
  <c r="AE5433" i="1"/>
  <c r="AE5434" i="1"/>
  <c r="AE5435" i="1"/>
  <c r="AE5436" i="1"/>
  <c r="AE5437" i="1"/>
  <c r="AE5438" i="1"/>
  <c r="AE5439" i="1"/>
  <c r="AE5440" i="1"/>
  <c r="AE5441" i="1"/>
  <c r="AE5442" i="1"/>
  <c r="AE5443" i="1"/>
  <c r="AE5444" i="1"/>
  <c r="AE5445" i="1"/>
  <c r="AE5446" i="1"/>
  <c r="AE5447" i="1"/>
  <c r="AE5448" i="1"/>
  <c r="AE5449" i="1"/>
  <c r="AE5450" i="1"/>
  <c r="AE5451" i="1"/>
  <c r="AE5452" i="1"/>
  <c r="AE5453" i="1"/>
  <c r="AE5454" i="1"/>
  <c r="AE5455" i="1"/>
  <c r="AE5456" i="1"/>
  <c r="AE5457" i="1"/>
  <c r="AE5458" i="1"/>
  <c r="AE5459" i="1"/>
  <c r="AE5460" i="1"/>
  <c r="AE5461" i="1"/>
  <c r="AE5462" i="1"/>
  <c r="AE5463" i="1"/>
  <c r="AE5464" i="1"/>
  <c r="AE5465" i="1"/>
  <c r="AE5466" i="1"/>
  <c r="AE5467" i="1"/>
  <c r="AE5468" i="1"/>
  <c r="AE5469" i="1"/>
  <c r="AE5470" i="1"/>
  <c r="AE5471" i="1"/>
  <c r="AE5472" i="1"/>
  <c r="AE5473" i="1"/>
  <c r="AE5474" i="1"/>
  <c r="AE5475" i="1"/>
  <c r="AE5476" i="1"/>
  <c r="AE5477" i="1"/>
  <c r="AE5478" i="1"/>
  <c r="AE5479" i="1"/>
  <c r="AE5480" i="1"/>
  <c r="AE5481" i="1"/>
  <c r="AE5482" i="1"/>
  <c r="AE5483" i="1"/>
  <c r="AE5484" i="1"/>
  <c r="AE5485" i="1"/>
  <c r="AE5486" i="1"/>
  <c r="AE5487" i="1"/>
  <c r="AE5488" i="1"/>
  <c r="AE5489" i="1"/>
  <c r="AE5490" i="1"/>
  <c r="AE5491" i="1"/>
  <c r="AE5492" i="1"/>
  <c r="AE5493" i="1"/>
  <c r="AE5494" i="1"/>
  <c r="AE5495" i="1"/>
  <c r="AE5496" i="1"/>
  <c r="AE5497" i="1"/>
  <c r="AE5498" i="1"/>
  <c r="AE5499" i="1"/>
  <c r="AE5500" i="1"/>
  <c r="AE5501" i="1"/>
  <c r="AE5502" i="1"/>
  <c r="AE5503" i="1"/>
  <c r="AE5504" i="1"/>
  <c r="AE5505" i="1"/>
  <c r="AE5506" i="1"/>
  <c r="AE5507" i="1"/>
  <c r="AE5508" i="1"/>
  <c r="AE5509" i="1"/>
  <c r="AE5510" i="1"/>
  <c r="AE5511" i="1"/>
  <c r="AE5512" i="1"/>
  <c r="AE5513" i="1"/>
  <c r="AE5514" i="1"/>
  <c r="AE5515" i="1"/>
  <c r="AE5516" i="1"/>
  <c r="AE5517" i="1"/>
  <c r="AE5518" i="1"/>
  <c r="AE5519" i="1"/>
  <c r="AE5520" i="1"/>
  <c r="AE5521" i="1"/>
  <c r="AE5522" i="1"/>
  <c r="AE5523" i="1"/>
  <c r="AE5524" i="1"/>
  <c r="AE5525" i="1"/>
  <c r="AE5526" i="1"/>
  <c r="AE5527" i="1"/>
  <c r="AE5528" i="1"/>
  <c r="AE5529" i="1"/>
  <c r="AE5530" i="1"/>
  <c r="AE5531" i="1"/>
  <c r="AE5532" i="1"/>
  <c r="AE5533" i="1"/>
  <c r="AE5534" i="1"/>
  <c r="AE5535" i="1"/>
  <c r="AE5536" i="1"/>
  <c r="AE5537" i="1"/>
  <c r="AE5538" i="1"/>
  <c r="AE5539" i="1"/>
  <c r="AE5540" i="1"/>
  <c r="AE5541" i="1"/>
  <c r="AE5542" i="1"/>
  <c r="AE5543" i="1"/>
  <c r="AE5544" i="1"/>
  <c r="AE5545" i="1"/>
  <c r="AE5546" i="1"/>
  <c r="AE5547" i="1"/>
  <c r="AE5548" i="1"/>
  <c r="AE5549" i="1"/>
  <c r="AE5550" i="1"/>
  <c r="AE5551" i="1"/>
  <c r="AE5552" i="1"/>
  <c r="AE5553" i="1"/>
  <c r="AE5554" i="1"/>
  <c r="AE5555" i="1"/>
  <c r="AE5556" i="1"/>
  <c r="AE5557" i="1"/>
  <c r="AE5558" i="1"/>
  <c r="AE5559" i="1"/>
  <c r="AE5560" i="1"/>
  <c r="AE5561" i="1"/>
  <c r="AE5562" i="1"/>
  <c r="AE5563" i="1"/>
  <c r="AE5564" i="1"/>
  <c r="AE5565" i="1"/>
  <c r="AE5566" i="1"/>
  <c r="AE5567" i="1"/>
  <c r="AE5568" i="1"/>
  <c r="AE5569" i="1"/>
  <c r="AE5570" i="1"/>
  <c r="AE5571" i="1"/>
  <c r="AE5572" i="1"/>
  <c r="AE5573" i="1"/>
  <c r="AE5574" i="1"/>
  <c r="AE5575" i="1"/>
  <c r="AE5576" i="1"/>
  <c r="AE5577" i="1"/>
  <c r="AE5578" i="1"/>
  <c r="AE5579" i="1"/>
  <c r="AE5580" i="1"/>
  <c r="AE5581" i="1"/>
  <c r="AE5582" i="1"/>
  <c r="AE5583" i="1"/>
  <c r="AE5584" i="1"/>
  <c r="AE5585" i="1"/>
  <c r="AE5586" i="1"/>
  <c r="AE5587" i="1"/>
  <c r="AE5588" i="1"/>
  <c r="AE5589" i="1"/>
  <c r="AE5590" i="1"/>
  <c r="AE5591" i="1"/>
  <c r="AE5592" i="1"/>
  <c r="AE5593" i="1"/>
  <c r="AE5594" i="1"/>
  <c r="AE5595" i="1"/>
  <c r="AE5596" i="1"/>
  <c r="AE5597" i="1"/>
  <c r="AE5598" i="1"/>
  <c r="AE5599" i="1"/>
  <c r="AE5600" i="1"/>
  <c r="AE5601" i="1"/>
  <c r="AE5602" i="1"/>
  <c r="AE5603" i="1"/>
  <c r="AE5604" i="1"/>
  <c r="AE5605" i="1"/>
  <c r="AE5606" i="1"/>
  <c r="AE5607" i="1"/>
  <c r="AE5608" i="1"/>
  <c r="AE5609" i="1"/>
  <c r="AE5610" i="1"/>
  <c r="AE5611" i="1"/>
  <c r="AE5612" i="1"/>
  <c r="AE5613" i="1"/>
  <c r="AE5614" i="1"/>
  <c r="AE5615" i="1"/>
  <c r="AE5616" i="1"/>
  <c r="AE5617" i="1"/>
  <c r="AE5618" i="1"/>
  <c r="AE5619" i="1"/>
  <c r="AE5620" i="1"/>
  <c r="AE5621" i="1"/>
  <c r="AE5622" i="1"/>
  <c r="AE5623" i="1"/>
  <c r="AE5624" i="1"/>
  <c r="AE5625" i="1"/>
  <c r="AE5626" i="1"/>
  <c r="AE5627" i="1"/>
  <c r="AE5628" i="1"/>
  <c r="AE5629" i="1"/>
  <c r="AE5630" i="1"/>
  <c r="AE5631" i="1"/>
  <c r="AE5632" i="1"/>
  <c r="AE5633" i="1"/>
  <c r="AE5634" i="1"/>
  <c r="AE5635" i="1"/>
  <c r="AE5636" i="1"/>
  <c r="AE5637" i="1"/>
  <c r="AE5638" i="1"/>
  <c r="AE5639" i="1"/>
  <c r="AE5640" i="1"/>
  <c r="AE5641" i="1"/>
  <c r="AE5642" i="1"/>
  <c r="AE5643" i="1"/>
  <c r="AE5644" i="1"/>
  <c r="AE5645" i="1"/>
  <c r="AE5646" i="1"/>
  <c r="AE5647" i="1"/>
  <c r="AE5648" i="1"/>
  <c r="AE5649" i="1"/>
  <c r="AE5650" i="1"/>
  <c r="AE5651" i="1"/>
  <c r="AE5652" i="1"/>
  <c r="AE5653" i="1"/>
  <c r="AE5654" i="1"/>
  <c r="AE5655" i="1"/>
  <c r="AE5656" i="1"/>
  <c r="AE5657" i="1"/>
  <c r="AE5658" i="1"/>
  <c r="AE5659" i="1"/>
  <c r="AE5660" i="1"/>
  <c r="AE5661" i="1"/>
  <c r="AE5662" i="1"/>
  <c r="AE5663" i="1"/>
  <c r="AE5664" i="1"/>
  <c r="AE5665" i="1"/>
  <c r="AE5666" i="1"/>
  <c r="AE5667" i="1"/>
  <c r="AE5668" i="1"/>
  <c r="AE5669" i="1"/>
  <c r="AE5670" i="1"/>
  <c r="AE5671" i="1"/>
  <c r="AE5672" i="1"/>
  <c r="AE5673" i="1"/>
  <c r="AE5674" i="1"/>
  <c r="AE5675" i="1"/>
  <c r="AE5676" i="1"/>
  <c r="AE5677" i="1"/>
  <c r="AE5678" i="1"/>
  <c r="AE5679" i="1"/>
  <c r="AE5680" i="1"/>
  <c r="AE5681" i="1"/>
  <c r="AE5682" i="1"/>
  <c r="AE5683" i="1"/>
  <c r="AE5684" i="1"/>
  <c r="AE5685" i="1"/>
  <c r="AE5686" i="1"/>
  <c r="AE5687" i="1"/>
  <c r="AE5688" i="1"/>
  <c r="AE5689" i="1"/>
  <c r="AE5690" i="1"/>
  <c r="AE5691" i="1"/>
  <c r="AE5692" i="1"/>
  <c r="AE5693" i="1"/>
  <c r="AE5694" i="1"/>
  <c r="AE5695" i="1"/>
  <c r="AE5696" i="1"/>
  <c r="AE5697" i="1"/>
  <c r="AE5698" i="1"/>
  <c r="AE5699" i="1"/>
  <c r="AE5700" i="1"/>
  <c r="AE5701" i="1"/>
  <c r="AE5702" i="1"/>
  <c r="AE5703" i="1"/>
  <c r="AE5704" i="1"/>
  <c r="AE5705" i="1"/>
  <c r="AE5706" i="1"/>
  <c r="AE5707" i="1"/>
  <c r="AE5708" i="1"/>
  <c r="AE5709" i="1"/>
  <c r="AE5710" i="1"/>
  <c r="AE5711" i="1"/>
  <c r="AE5712" i="1"/>
  <c r="AE5713" i="1"/>
  <c r="AE5714" i="1"/>
  <c r="AE5715" i="1"/>
  <c r="AE5716" i="1"/>
  <c r="AE5717" i="1"/>
  <c r="AE5718" i="1"/>
  <c r="AE5719" i="1"/>
  <c r="AE5720" i="1"/>
  <c r="AE5721" i="1"/>
  <c r="AE5722" i="1"/>
  <c r="AE5723" i="1"/>
  <c r="AE5724" i="1"/>
  <c r="AE5725" i="1"/>
  <c r="AE5726" i="1"/>
  <c r="AE5727" i="1"/>
  <c r="AE5728" i="1"/>
  <c r="AE5729" i="1"/>
  <c r="AE5730" i="1"/>
  <c r="AE5731" i="1"/>
  <c r="AE5732" i="1"/>
  <c r="AE5733" i="1"/>
  <c r="AE5734" i="1"/>
  <c r="AE5735" i="1"/>
  <c r="AE5736" i="1"/>
  <c r="AE5737" i="1"/>
  <c r="AE5738" i="1"/>
  <c r="AE5739" i="1"/>
  <c r="AE5740" i="1"/>
  <c r="AE5741" i="1"/>
  <c r="AE5742" i="1"/>
  <c r="AE5743" i="1"/>
  <c r="AE5744" i="1"/>
  <c r="AE5745" i="1"/>
  <c r="AE5746" i="1"/>
  <c r="AE5747" i="1"/>
  <c r="AE5748" i="1"/>
  <c r="AE5749" i="1"/>
  <c r="AE5750" i="1"/>
  <c r="AE5751" i="1"/>
  <c r="AE5752" i="1"/>
  <c r="AE5753" i="1"/>
  <c r="AE5754" i="1"/>
  <c r="AE5755" i="1"/>
  <c r="AE5756" i="1"/>
  <c r="AE5757" i="1"/>
  <c r="AE5758" i="1"/>
  <c r="AE5759" i="1"/>
  <c r="AE5760" i="1"/>
  <c r="AE5761" i="1"/>
  <c r="AE5762" i="1"/>
  <c r="AE5763" i="1"/>
  <c r="AE5764" i="1"/>
  <c r="AE5765" i="1"/>
  <c r="AE5766" i="1"/>
  <c r="AE5767" i="1"/>
  <c r="AE5768" i="1"/>
  <c r="AE5769" i="1"/>
  <c r="AE5770" i="1"/>
  <c r="AE5771" i="1"/>
  <c r="AE5772" i="1"/>
  <c r="AE5773" i="1"/>
  <c r="AE5774" i="1"/>
  <c r="AE5775" i="1"/>
  <c r="AE5776" i="1"/>
  <c r="AE5777" i="1"/>
  <c r="AE5778" i="1"/>
  <c r="AE5779" i="1"/>
  <c r="AE5780" i="1"/>
  <c r="AE5781" i="1"/>
  <c r="AE5782" i="1"/>
  <c r="AE5783" i="1"/>
  <c r="AE5784" i="1"/>
  <c r="AE5785" i="1"/>
  <c r="AE5786" i="1"/>
  <c r="AE5787" i="1"/>
  <c r="AE5788" i="1"/>
  <c r="AE5789" i="1"/>
  <c r="AE5790" i="1"/>
  <c r="AE5791" i="1"/>
  <c r="AE5792" i="1"/>
  <c r="AE5793" i="1"/>
  <c r="AE5794" i="1"/>
  <c r="AE5795" i="1"/>
  <c r="AE5796" i="1"/>
  <c r="AE5797" i="1"/>
  <c r="AE5798" i="1"/>
  <c r="AE5799" i="1"/>
  <c r="AE5800" i="1"/>
  <c r="AE5801" i="1"/>
  <c r="AE5802" i="1"/>
  <c r="AE5803" i="1"/>
  <c r="AE5804" i="1"/>
  <c r="AE5805" i="1"/>
  <c r="AE5806" i="1"/>
  <c r="AE5807" i="1"/>
  <c r="AE5808" i="1"/>
  <c r="AE5809" i="1"/>
  <c r="AE5810" i="1"/>
  <c r="AE5811" i="1"/>
  <c r="AE5812" i="1"/>
  <c r="AE5813" i="1"/>
  <c r="AE5814" i="1"/>
  <c r="AE5815" i="1"/>
  <c r="AE5816" i="1"/>
  <c r="AE5817" i="1"/>
  <c r="AE5818" i="1"/>
  <c r="AE5819" i="1"/>
  <c r="AE5820" i="1"/>
  <c r="AE5821" i="1"/>
  <c r="AE5822" i="1"/>
  <c r="AE5823" i="1"/>
  <c r="AE5824" i="1"/>
  <c r="AE5825" i="1"/>
  <c r="AE5826" i="1"/>
  <c r="AE5827" i="1"/>
  <c r="AE5828" i="1"/>
  <c r="AE5829" i="1"/>
  <c r="AE5830" i="1"/>
  <c r="AE5831" i="1"/>
  <c r="AE5832" i="1"/>
  <c r="AE5833" i="1"/>
  <c r="AE5834" i="1"/>
  <c r="AE5835" i="1"/>
  <c r="AE5836" i="1"/>
  <c r="AE5837" i="1"/>
  <c r="AE5838" i="1"/>
  <c r="AE5839" i="1"/>
  <c r="AE5840" i="1"/>
  <c r="AE5841" i="1"/>
  <c r="AE5842" i="1"/>
  <c r="AE5843" i="1"/>
  <c r="AE5844" i="1"/>
  <c r="AE5845" i="1"/>
  <c r="AE5846" i="1"/>
  <c r="AE5847" i="1"/>
  <c r="AE5848" i="1"/>
  <c r="AE5849" i="1"/>
  <c r="AE5850" i="1"/>
  <c r="AE5851" i="1"/>
  <c r="AE5852" i="1"/>
  <c r="AE5853" i="1"/>
  <c r="AE5854" i="1"/>
  <c r="AE5855" i="1"/>
  <c r="AE5856" i="1"/>
  <c r="AE5857" i="1"/>
  <c r="AE5858" i="1"/>
  <c r="AE5859" i="1"/>
  <c r="AE5860" i="1"/>
  <c r="AE5861" i="1"/>
  <c r="AE5862" i="1"/>
  <c r="AE5863" i="1"/>
  <c r="AE5864" i="1"/>
  <c r="AE5865" i="1"/>
  <c r="AE5866" i="1"/>
  <c r="AE5867" i="1"/>
  <c r="AE5868" i="1"/>
  <c r="AE5869" i="1"/>
  <c r="AE5870" i="1"/>
  <c r="AE5871" i="1"/>
  <c r="AE5872" i="1"/>
  <c r="AE5873" i="1"/>
  <c r="AE5874" i="1"/>
  <c r="AE5875" i="1"/>
  <c r="AE5876" i="1"/>
  <c r="AE5877" i="1"/>
  <c r="AE5878" i="1"/>
  <c r="AE5879" i="1"/>
  <c r="AE5880" i="1"/>
  <c r="AE5881" i="1"/>
  <c r="AE5882" i="1"/>
  <c r="AE5883" i="1"/>
  <c r="AE5884" i="1"/>
  <c r="AE5885" i="1"/>
  <c r="AE5886" i="1"/>
  <c r="AE5887" i="1"/>
  <c r="AE5888" i="1"/>
  <c r="AE5889" i="1"/>
  <c r="AE5890" i="1"/>
  <c r="AE5891" i="1"/>
  <c r="AE5892" i="1"/>
  <c r="AE5893" i="1"/>
  <c r="AE5894" i="1"/>
  <c r="AE5895" i="1"/>
  <c r="AE5896" i="1"/>
  <c r="AE5897" i="1"/>
  <c r="AE5898" i="1"/>
  <c r="AE5899" i="1"/>
  <c r="AE5900" i="1"/>
  <c r="AE5901" i="1"/>
  <c r="AE5902" i="1"/>
  <c r="AE5903" i="1"/>
  <c r="AE5904" i="1"/>
  <c r="AE5905" i="1"/>
  <c r="AE5906" i="1"/>
  <c r="AE5907" i="1"/>
  <c r="AE5908" i="1"/>
  <c r="AE5909" i="1"/>
  <c r="AE5910" i="1"/>
  <c r="AE5911" i="1"/>
  <c r="AE5912" i="1"/>
  <c r="AE5913" i="1"/>
  <c r="AE5914" i="1"/>
  <c r="AE5915" i="1"/>
  <c r="AE5916" i="1"/>
  <c r="AE5917" i="1"/>
  <c r="AE5918" i="1"/>
  <c r="AE5919" i="1"/>
  <c r="AE5920" i="1"/>
  <c r="AE5921" i="1"/>
  <c r="AE5922" i="1"/>
  <c r="AE5923" i="1"/>
  <c r="AE5924" i="1"/>
  <c r="AE5925" i="1"/>
  <c r="AE5926" i="1"/>
  <c r="AE5927" i="1"/>
  <c r="AE5928" i="1"/>
  <c r="AE5929" i="1"/>
  <c r="AE5930" i="1"/>
  <c r="AE5931" i="1"/>
  <c r="AE5932" i="1"/>
  <c r="AE5933" i="1"/>
  <c r="AE5934" i="1"/>
  <c r="AE5935" i="1"/>
  <c r="AE5936" i="1"/>
  <c r="AE5937" i="1"/>
  <c r="AE5938" i="1"/>
  <c r="AE5939" i="1"/>
  <c r="AE5940" i="1"/>
  <c r="AE5941" i="1"/>
  <c r="AE5942" i="1"/>
  <c r="AE5943" i="1"/>
  <c r="AE5944" i="1"/>
  <c r="AE5945" i="1"/>
  <c r="AE5946" i="1"/>
  <c r="AE5947" i="1"/>
  <c r="AE5948" i="1"/>
  <c r="AE5949" i="1"/>
  <c r="AE5950" i="1"/>
  <c r="AE5951" i="1"/>
  <c r="AE5952" i="1"/>
  <c r="AE5953" i="1"/>
  <c r="AE5954" i="1"/>
  <c r="AE5955" i="1"/>
  <c r="AE5956" i="1"/>
  <c r="AE5957" i="1"/>
  <c r="AE5958" i="1"/>
  <c r="AE5959" i="1"/>
  <c r="AE5960" i="1"/>
  <c r="AE5961" i="1"/>
  <c r="AE5962" i="1"/>
  <c r="AE5963" i="1"/>
  <c r="AE5964" i="1"/>
  <c r="AE5965" i="1"/>
  <c r="AE5966" i="1"/>
  <c r="AE5967" i="1"/>
  <c r="AE5968" i="1"/>
  <c r="AE5969" i="1"/>
  <c r="AE5970" i="1"/>
  <c r="AE5971" i="1"/>
  <c r="AE5972" i="1"/>
  <c r="AE5973" i="1"/>
  <c r="AE5974" i="1"/>
  <c r="AE5975" i="1"/>
  <c r="AE5976" i="1"/>
  <c r="AE5977" i="1"/>
  <c r="AE5978" i="1"/>
  <c r="AE5979" i="1"/>
  <c r="AE5980" i="1"/>
  <c r="AE5981" i="1"/>
  <c r="AE5982" i="1"/>
  <c r="AE5983" i="1"/>
  <c r="AE5984" i="1"/>
  <c r="AE5985" i="1"/>
  <c r="AE5986" i="1"/>
  <c r="AE5987" i="1"/>
  <c r="AE5988" i="1"/>
  <c r="AE5989" i="1"/>
  <c r="AE5990" i="1"/>
  <c r="AE5991" i="1"/>
  <c r="AE5992" i="1"/>
  <c r="AE5993" i="1"/>
  <c r="AE5994" i="1"/>
  <c r="AE5995" i="1"/>
  <c r="AE5996" i="1"/>
  <c r="AE5997" i="1"/>
  <c r="AE5998" i="1"/>
  <c r="AE5999" i="1"/>
  <c r="AE6000" i="1"/>
  <c r="AE6001" i="1"/>
  <c r="AE6002" i="1"/>
  <c r="AE6003" i="1"/>
  <c r="AE6004" i="1"/>
  <c r="AE6005" i="1"/>
  <c r="AE6006" i="1"/>
  <c r="AE6007" i="1"/>
  <c r="AE6008" i="1"/>
  <c r="AE6009" i="1"/>
  <c r="AE6010" i="1"/>
  <c r="AE6011" i="1"/>
  <c r="AE6012" i="1"/>
  <c r="AE6013" i="1"/>
  <c r="AE6014" i="1"/>
  <c r="AE6015" i="1"/>
  <c r="AE6016" i="1"/>
  <c r="AE6017" i="1"/>
  <c r="AE6018" i="1"/>
  <c r="AE6019" i="1"/>
  <c r="AE6020" i="1"/>
  <c r="AE6021" i="1"/>
  <c r="AE6022" i="1"/>
  <c r="AE6023" i="1"/>
  <c r="AE6024" i="1"/>
  <c r="AE6025" i="1"/>
  <c r="AE6026" i="1"/>
  <c r="AE6027" i="1"/>
  <c r="AE6028" i="1"/>
  <c r="AE6029" i="1"/>
  <c r="AE6030" i="1"/>
  <c r="AE6031" i="1"/>
  <c r="AE6032" i="1"/>
  <c r="AE6033" i="1"/>
  <c r="AE6034" i="1"/>
  <c r="AE6035" i="1"/>
  <c r="AE6036" i="1"/>
  <c r="AE6037" i="1"/>
  <c r="AE6038" i="1"/>
  <c r="AE6039" i="1"/>
  <c r="AE6040" i="1"/>
  <c r="AE6041" i="1"/>
  <c r="AE6042" i="1"/>
  <c r="AE6043" i="1"/>
  <c r="AE6044" i="1"/>
  <c r="AE6045" i="1"/>
  <c r="AE6046" i="1"/>
  <c r="AE6047" i="1"/>
  <c r="AE6048" i="1"/>
  <c r="AE6049" i="1"/>
  <c r="AE6050" i="1"/>
  <c r="AE6051" i="1"/>
  <c r="AE6052" i="1"/>
  <c r="AE6053" i="1"/>
  <c r="AE6054" i="1"/>
  <c r="AE6055" i="1"/>
  <c r="AE6056" i="1"/>
  <c r="AE6057" i="1"/>
  <c r="AE6058" i="1"/>
  <c r="AE6059" i="1"/>
  <c r="AE6060" i="1"/>
  <c r="AE6061" i="1"/>
  <c r="AE6062" i="1"/>
  <c r="AE6063" i="1"/>
  <c r="AE6064" i="1"/>
  <c r="AE6065" i="1"/>
  <c r="AE6066" i="1"/>
  <c r="AE6067" i="1"/>
  <c r="AE6068" i="1"/>
  <c r="AE6069" i="1"/>
  <c r="AE6070" i="1"/>
  <c r="AE6071" i="1"/>
  <c r="AE6072" i="1"/>
  <c r="AE6073" i="1"/>
  <c r="AE6074" i="1"/>
  <c r="AE6075" i="1"/>
  <c r="AE6076" i="1"/>
  <c r="AE6077" i="1"/>
  <c r="AE6078" i="1"/>
  <c r="AE6079" i="1"/>
  <c r="AE6080" i="1"/>
  <c r="AE6081" i="1"/>
  <c r="AE6082" i="1"/>
  <c r="AE6083" i="1"/>
  <c r="AE6084" i="1"/>
  <c r="AE6085" i="1"/>
  <c r="AE6086" i="1"/>
  <c r="AE6087" i="1"/>
  <c r="AE6088" i="1"/>
  <c r="AE6089" i="1"/>
  <c r="AE6090" i="1"/>
  <c r="AE6091" i="1"/>
  <c r="AE6092" i="1"/>
  <c r="AE6093" i="1"/>
  <c r="AE6094" i="1"/>
  <c r="AE6095" i="1"/>
  <c r="AE6096" i="1"/>
  <c r="AE6097" i="1"/>
  <c r="AE6098" i="1"/>
  <c r="AE6099" i="1"/>
  <c r="AE6100" i="1"/>
  <c r="AE6101" i="1"/>
  <c r="AE6102" i="1"/>
  <c r="AE6103" i="1"/>
  <c r="AE6104" i="1"/>
  <c r="AE6105" i="1"/>
  <c r="AE6106" i="1"/>
  <c r="AE6107" i="1"/>
  <c r="AE6108" i="1"/>
  <c r="AE6109" i="1"/>
  <c r="AE6110" i="1"/>
  <c r="AE6111" i="1"/>
  <c r="AE6112" i="1"/>
  <c r="AE6113" i="1"/>
  <c r="AE6114" i="1"/>
  <c r="AE6115" i="1"/>
  <c r="AE6116" i="1"/>
  <c r="AE6117" i="1"/>
  <c r="AE6118" i="1"/>
  <c r="AE6119" i="1"/>
  <c r="AE6120" i="1"/>
  <c r="AE6121" i="1"/>
  <c r="AE6122" i="1"/>
  <c r="AE6123" i="1"/>
  <c r="AE6124" i="1"/>
  <c r="AE6125" i="1"/>
  <c r="AE6126" i="1"/>
  <c r="AE6127" i="1"/>
  <c r="AE6128" i="1"/>
  <c r="AE6129" i="1"/>
  <c r="AE6130" i="1"/>
  <c r="AE6131" i="1"/>
  <c r="AE6132" i="1"/>
  <c r="AE6133" i="1"/>
  <c r="AE6134" i="1"/>
  <c r="AE6135" i="1"/>
  <c r="AE6136" i="1"/>
  <c r="AE6137" i="1"/>
  <c r="AE6138" i="1"/>
  <c r="AE6139" i="1"/>
  <c r="AE6140" i="1"/>
  <c r="AE6141" i="1"/>
  <c r="AE6142" i="1"/>
  <c r="AE6143" i="1"/>
  <c r="AE6144" i="1"/>
  <c r="AE6145" i="1"/>
  <c r="AE6146" i="1"/>
  <c r="AE6147" i="1"/>
  <c r="AE6148" i="1"/>
  <c r="AE6149" i="1"/>
  <c r="AE6150" i="1"/>
  <c r="AE6151" i="1"/>
  <c r="AE6152" i="1"/>
  <c r="AE6153" i="1"/>
  <c r="AE6154" i="1"/>
  <c r="AE6155" i="1"/>
  <c r="AE6156" i="1"/>
  <c r="AE6157" i="1"/>
  <c r="AE6158" i="1"/>
  <c r="AE6159" i="1"/>
  <c r="AE6160" i="1"/>
  <c r="AE6161" i="1"/>
  <c r="AE6162" i="1"/>
  <c r="AE6163" i="1"/>
  <c r="AE6164" i="1"/>
  <c r="AE6165" i="1"/>
  <c r="AE6166" i="1"/>
  <c r="AE6167" i="1"/>
  <c r="AE6168" i="1"/>
  <c r="AE6169" i="1"/>
  <c r="AE6170" i="1"/>
  <c r="AE6171" i="1"/>
  <c r="AE6172" i="1"/>
  <c r="AE6173" i="1"/>
  <c r="AE6174" i="1"/>
  <c r="AE6175" i="1"/>
  <c r="AE6176" i="1"/>
  <c r="AE6177" i="1"/>
  <c r="AE6178" i="1"/>
  <c r="AE6179" i="1"/>
  <c r="AE6180" i="1"/>
  <c r="AE6181" i="1"/>
  <c r="AE6182" i="1"/>
  <c r="AE6183" i="1"/>
  <c r="AE6184" i="1"/>
  <c r="AE6185" i="1"/>
  <c r="AE6186" i="1"/>
  <c r="AE6187" i="1"/>
  <c r="AE6188" i="1"/>
  <c r="AE6189" i="1"/>
  <c r="AE6190" i="1"/>
  <c r="AE6191" i="1"/>
  <c r="AE6192" i="1"/>
  <c r="AE6193" i="1"/>
  <c r="AE6194" i="1"/>
  <c r="AE6195" i="1"/>
  <c r="AE6196" i="1"/>
  <c r="AE6197" i="1"/>
  <c r="AE6198" i="1"/>
  <c r="AE6199" i="1"/>
  <c r="AE6200" i="1"/>
  <c r="AE6201" i="1"/>
  <c r="AE6202" i="1"/>
  <c r="AE6203" i="1"/>
  <c r="AE6204" i="1"/>
  <c r="AE6205" i="1"/>
  <c r="AE6206" i="1"/>
  <c r="AE6207" i="1"/>
  <c r="AE6208" i="1"/>
  <c r="AE6209" i="1"/>
  <c r="AE6210" i="1"/>
  <c r="AE6211" i="1"/>
  <c r="AE6212" i="1"/>
  <c r="AE6213" i="1"/>
  <c r="AE6214" i="1"/>
  <c r="AE6215" i="1"/>
  <c r="AE6216" i="1"/>
  <c r="AE6217" i="1"/>
  <c r="AE6218" i="1"/>
  <c r="AE6219" i="1"/>
  <c r="AE6220" i="1"/>
  <c r="AE6221" i="1"/>
  <c r="AE6222" i="1"/>
  <c r="AE6223" i="1"/>
  <c r="AE6224" i="1"/>
  <c r="AE6225" i="1"/>
  <c r="AE6226" i="1"/>
  <c r="AE6227" i="1"/>
  <c r="AE6228" i="1"/>
  <c r="AE6229" i="1"/>
  <c r="AE6230" i="1"/>
  <c r="AE6231" i="1"/>
  <c r="AE6232" i="1"/>
  <c r="AE6233" i="1"/>
  <c r="AE6234" i="1"/>
  <c r="AE6235" i="1"/>
  <c r="AE6236" i="1"/>
  <c r="AE6237" i="1"/>
  <c r="AE6238" i="1"/>
  <c r="AE6239" i="1"/>
  <c r="AE6240" i="1"/>
  <c r="AE6241" i="1"/>
  <c r="AE6242" i="1"/>
  <c r="AE6243" i="1"/>
  <c r="AE6244" i="1"/>
  <c r="AE6245" i="1"/>
  <c r="AE6246" i="1"/>
  <c r="AE6247" i="1"/>
  <c r="AE6248" i="1"/>
  <c r="AE6249" i="1"/>
  <c r="AE6250" i="1"/>
  <c r="AE6251" i="1"/>
  <c r="AE6252" i="1"/>
  <c r="AE6253" i="1"/>
  <c r="AE6254" i="1"/>
  <c r="AE6255" i="1"/>
  <c r="AE6256" i="1"/>
  <c r="AE6257" i="1"/>
  <c r="AE6258" i="1"/>
  <c r="AE6259" i="1"/>
  <c r="AE6260" i="1"/>
  <c r="AE6261" i="1"/>
  <c r="AE6262" i="1"/>
  <c r="AE6263" i="1"/>
  <c r="AE6264" i="1"/>
  <c r="AE6265" i="1"/>
  <c r="AE6266" i="1"/>
  <c r="AE6267" i="1"/>
  <c r="AE6268" i="1"/>
  <c r="AE6269" i="1"/>
  <c r="AE6270" i="1"/>
  <c r="AE6271" i="1"/>
  <c r="AE6272" i="1"/>
  <c r="AE6273" i="1"/>
  <c r="AE6274" i="1"/>
  <c r="AE6275" i="1"/>
  <c r="AE6276" i="1"/>
  <c r="AE6277" i="1"/>
  <c r="AE6278" i="1"/>
  <c r="AE6279" i="1"/>
  <c r="AE6280" i="1"/>
  <c r="AE6281" i="1"/>
  <c r="AE6282" i="1"/>
  <c r="AE6283" i="1"/>
  <c r="AE6284" i="1"/>
  <c r="AE6285" i="1"/>
  <c r="AE6286" i="1"/>
  <c r="AE6287" i="1"/>
  <c r="AE6288" i="1"/>
  <c r="AE6289" i="1"/>
  <c r="AE6290" i="1"/>
  <c r="AE6291" i="1"/>
  <c r="AE6292" i="1"/>
  <c r="AE6293" i="1"/>
  <c r="AE6294" i="1"/>
  <c r="AE6295" i="1"/>
  <c r="AE6296" i="1"/>
  <c r="AE6297" i="1"/>
  <c r="AE6298" i="1"/>
  <c r="AE6299" i="1"/>
  <c r="AE6300" i="1"/>
  <c r="AE6301" i="1"/>
  <c r="AE6302" i="1"/>
  <c r="AE6303" i="1"/>
  <c r="AE6304" i="1"/>
  <c r="AE6305" i="1"/>
  <c r="AE6306" i="1"/>
  <c r="AE6307" i="1"/>
  <c r="AE6308" i="1"/>
  <c r="AE6309" i="1"/>
  <c r="AE6310" i="1"/>
  <c r="AE6311" i="1"/>
  <c r="AE6312" i="1"/>
  <c r="AE6313" i="1"/>
  <c r="AE6314" i="1"/>
  <c r="AE6315" i="1"/>
  <c r="AE6316" i="1"/>
  <c r="AE6317" i="1"/>
  <c r="AE6318" i="1"/>
  <c r="AE6319" i="1"/>
  <c r="AE6320" i="1"/>
  <c r="AE6321" i="1"/>
  <c r="AE6322" i="1"/>
  <c r="AE6323" i="1"/>
  <c r="AE6324" i="1"/>
  <c r="AE6325" i="1"/>
  <c r="AE6326" i="1"/>
  <c r="AE6327" i="1"/>
  <c r="AE6328" i="1"/>
  <c r="AE6329" i="1"/>
  <c r="AE6330" i="1"/>
  <c r="AE6331" i="1"/>
  <c r="AE6332" i="1"/>
  <c r="AE6333" i="1"/>
  <c r="AE6334" i="1"/>
  <c r="AE6335" i="1"/>
  <c r="AE6336" i="1"/>
  <c r="AE6337" i="1"/>
  <c r="AE6338" i="1"/>
  <c r="AE6339" i="1"/>
  <c r="AE6340" i="1"/>
  <c r="AE6341" i="1"/>
  <c r="AE6342" i="1"/>
  <c r="AE6343" i="1"/>
  <c r="AE6344" i="1"/>
  <c r="AE6345" i="1"/>
  <c r="AE6346" i="1"/>
  <c r="AE6347" i="1"/>
  <c r="AE6348" i="1"/>
  <c r="AE6349" i="1"/>
  <c r="AE6350" i="1"/>
  <c r="AE6351" i="1"/>
  <c r="AE6352" i="1"/>
  <c r="AE6353" i="1"/>
  <c r="AE6354" i="1"/>
  <c r="AE6355" i="1"/>
  <c r="AE6356" i="1"/>
  <c r="AE6357" i="1"/>
  <c r="AE6358" i="1"/>
  <c r="AE6359" i="1"/>
  <c r="AE6360" i="1"/>
  <c r="AE6361" i="1"/>
  <c r="AE6362" i="1"/>
  <c r="AE6363" i="1"/>
  <c r="AE6364" i="1"/>
  <c r="AE6365" i="1"/>
  <c r="AE6366" i="1"/>
  <c r="AE6367" i="1"/>
  <c r="AE6368" i="1"/>
  <c r="AE6369" i="1"/>
  <c r="AE6370" i="1"/>
  <c r="AE6371" i="1"/>
  <c r="AE6372" i="1"/>
  <c r="AE6373" i="1"/>
  <c r="AE6374" i="1"/>
  <c r="AE6375" i="1"/>
  <c r="AE6376" i="1"/>
  <c r="AE6377" i="1"/>
  <c r="AE6378" i="1"/>
  <c r="AE6379" i="1"/>
  <c r="AE6380" i="1"/>
  <c r="AE6381" i="1"/>
  <c r="AE6382" i="1"/>
  <c r="AE6383" i="1"/>
  <c r="AE6384" i="1"/>
  <c r="AE6385" i="1"/>
  <c r="AE6386" i="1"/>
  <c r="AE6387" i="1"/>
  <c r="AE6388" i="1"/>
  <c r="AE6389" i="1"/>
  <c r="AE6390" i="1"/>
  <c r="AE6391" i="1"/>
  <c r="AE6392" i="1"/>
  <c r="AE6393" i="1"/>
  <c r="AE6394" i="1"/>
  <c r="AE6395" i="1"/>
  <c r="AE6396" i="1"/>
  <c r="AE6397" i="1"/>
  <c r="AE6398" i="1"/>
  <c r="AE6399" i="1"/>
  <c r="AE6400" i="1"/>
  <c r="AE6401" i="1"/>
  <c r="AE6402" i="1"/>
  <c r="AE6403" i="1"/>
  <c r="AE6404" i="1"/>
  <c r="AE6405" i="1"/>
  <c r="AE6406" i="1"/>
  <c r="AE6407" i="1"/>
  <c r="AE6408" i="1"/>
  <c r="AE6409" i="1"/>
  <c r="AE6410" i="1"/>
  <c r="AE6411" i="1"/>
  <c r="AE6412" i="1"/>
  <c r="AE6413" i="1"/>
  <c r="AE6414" i="1"/>
  <c r="AE6415" i="1"/>
  <c r="AE6416" i="1"/>
  <c r="AE6417" i="1"/>
  <c r="AE6418" i="1"/>
  <c r="AE6419" i="1"/>
  <c r="AE6420" i="1"/>
  <c r="AE6421" i="1"/>
  <c r="AE6422" i="1"/>
  <c r="AE6423" i="1"/>
  <c r="AE6424" i="1"/>
  <c r="AE6425" i="1"/>
  <c r="AE6426" i="1"/>
  <c r="AE6427" i="1"/>
  <c r="AE6428" i="1"/>
  <c r="AE6429" i="1"/>
  <c r="AE6430" i="1"/>
  <c r="AE6431" i="1"/>
  <c r="AE6432" i="1"/>
  <c r="AE6433" i="1"/>
  <c r="AE6434" i="1"/>
  <c r="AE6435" i="1"/>
  <c r="AE6436" i="1"/>
  <c r="AE6437" i="1"/>
  <c r="AE6438" i="1"/>
  <c r="AE6439" i="1"/>
  <c r="AE6440" i="1"/>
  <c r="AE6441" i="1"/>
  <c r="AE6442" i="1"/>
  <c r="AE6443" i="1"/>
  <c r="AE6444" i="1"/>
  <c r="AE6445" i="1"/>
  <c r="AE6446" i="1"/>
  <c r="AE6447" i="1"/>
  <c r="AE6448" i="1"/>
  <c r="AE6449" i="1"/>
  <c r="AE6450" i="1"/>
  <c r="AE6451" i="1"/>
  <c r="AE6452" i="1"/>
  <c r="AE6453" i="1"/>
  <c r="AE6454" i="1"/>
  <c r="AE6455" i="1"/>
  <c r="AE6456" i="1"/>
  <c r="AE6457" i="1"/>
  <c r="AE6458" i="1"/>
  <c r="AE6459" i="1"/>
  <c r="AE6460" i="1"/>
  <c r="AE6461" i="1"/>
  <c r="AE6462" i="1"/>
  <c r="AE6463" i="1"/>
  <c r="AE6464" i="1"/>
  <c r="AE6465" i="1"/>
  <c r="AE6466" i="1"/>
  <c r="AE6467" i="1"/>
  <c r="AE6468" i="1"/>
  <c r="AE6469" i="1"/>
  <c r="AE6470" i="1"/>
  <c r="AE6471" i="1"/>
  <c r="AE6472" i="1"/>
  <c r="AE6473" i="1"/>
  <c r="AE6474" i="1"/>
  <c r="AE6475" i="1"/>
  <c r="AE6476" i="1"/>
  <c r="AE6477" i="1"/>
  <c r="AE6478" i="1"/>
  <c r="AE6479" i="1"/>
  <c r="AE6480" i="1"/>
  <c r="AE6481" i="1"/>
  <c r="AE6482" i="1"/>
  <c r="AE6483" i="1"/>
  <c r="AE6484" i="1"/>
  <c r="AE6485" i="1"/>
  <c r="AE6486" i="1"/>
  <c r="AE6487" i="1"/>
  <c r="AE6488" i="1"/>
  <c r="AE6489" i="1"/>
  <c r="AE6490" i="1"/>
  <c r="AE6491" i="1"/>
  <c r="AE6492" i="1"/>
  <c r="AE6493" i="1"/>
  <c r="AE6494" i="1"/>
  <c r="AE6495" i="1"/>
  <c r="AE6496" i="1"/>
  <c r="AE6497" i="1"/>
  <c r="AE6498" i="1"/>
  <c r="AE6499" i="1"/>
  <c r="AE6500" i="1"/>
  <c r="AE6501" i="1"/>
  <c r="AE6502" i="1"/>
  <c r="AE6503" i="1"/>
  <c r="AE6504" i="1"/>
  <c r="AE6505" i="1"/>
  <c r="AE6506" i="1"/>
  <c r="AE6507" i="1"/>
  <c r="AE6508" i="1"/>
  <c r="AE6509" i="1"/>
  <c r="AE6510" i="1"/>
  <c r="AE6511" i="1"/>
  <c r="AE6512" i="1"/>
  <c r="AE6513" i="1"/>
  <c r="AE6514" i="1"/>
  <c r="AE6515" i="1"/>
  <c r="AE6516" i="1"/>
  <c r="AE6517" i="1"/>
  <c r="AE6518" i="1"/>
  <c r="AE6519" i="1"/>
  <c r="AE6520" i="1"/>
  <c r="AE6521" i="1"/>
  <c r="AE6522" i="1"/>
  <c r="AE6523" i="1"/>
  <c r="AE6524" i="1"/>
  <c r="AE6525" i="1"/>
  <c r="AE6526" i="1"/>
  <c r="AE6527" i="1"/>
  <c r="AE6528" i="1"/>
  <c r="AE6529" i="1"/>
  <c r="AE6530" i="1"/>
  <c r="AE6531" i="1"/>
  <c r="AE6532" i="1"/>
  <c r="AE6533" i="1"/>
  <c r="AE6534" i="1"/>
  <c r="AE6535" i="1"/>
  <c r="AE6536" i="1"/>
  <c r="AE6537" i="1"/>
  <c r="AE6538" i="1"/>
  <c r="AE6539" i="1"/>
  <c r="AE6540" i="1"/>
  <c r="AE6541" i="1"/>
  <c r="AE6542" i="1"/>
  <c r="AE6543" i="1"/>
  <c r="AE6544" i="1"/>
  <c r="AE6545" i="1"/>
  <c r="AE6546" i="1"/>
  <c r="AE6547" i="1"/>
  <c r="AE6548" i="1"/>
  <c r="AE6549" i="1"/>
  <c r="AE6550" i="1"/>
  <c r="AE6551" i="1"/>
  <c r="AE6552" i="1"/>
  <c r="AE6553" i="1"/>
  <c r="AE6554" i="1"/>
  <c r="AE6555" i="1"/>
  <c r="AE6556" i="1"/>
  <c r="AE6557" i="1"/>
  <c r="AE6558" i="1"/>
  <c r="AE6559" i="1"/>
  <c r="AE6560" i="1"/>
  <c r="AE6561" i="1"/>
  <c r="AE6562" i="1"/>
  <c r="AE6563" i="1"/>
  <c r="AE6564" i="1"/>
  <c r="AE6565" i="1"/>
  <c r="AE6566" i="1"/>
  <c r="AE6567" i="1"/>
  <c r="AE6568" i="1"/>
  <c r="AE6569" i="1"/>
  <c r="AE6570" i="1"/>
  <c r="AE6571" i="1"/>
  <c r="AE6572" i="1"/>
  <c r="AE6573" i="1"/>
  <c r="AE6574" i="1"/>
  <c r="AE6575" i="1"/>
  <c r="AE6576" i="1"/>
  <c r="AE6577" i="1"/>
  <c r="AE6578" i="1"/>
  <c r="AE6579" i="1"/>
  <c r="AE6580" i="1"/>
  <c r="AE6581" i="1"/>
  <c r="AE6582" i="1"/>
  <c r="AE6583" i="1"/>
  <c r="AE6584" i="1"/>
  <c r="AE6585" i="1"/>
  <c r="AE6586" i="1"/>
  <c r="AE6587" i="1"/>
  <c r="AE6588" i="1"/>
  <c r="AE6589" i="1"/>
  <c r="AE6590" i="1"/>
  <c r="AE6591" i="1"/>
  <c r="AE6592" i="1"/>
  <c r="AE6593" i="1"/>
  <c r="AE6594" i="1"/>
  <c r="AE6595" i="1"/>
  <c r="AE6596" i="1"/>
  <c r="AE6597" i="1"/>
  <c r="AE6598" i="1"/>
  <c r="AE6599" i="1"/>
  <c r="AE6600" i="1"/>
  <c r="AE6601" i="1"/>
  <c r="AE6602" i="1"/>
  <c r="AE6603" i="1"/>
  <c r="AE6604" i="1"/>
  <c r="AE6605" i="1"/>
  <c r="AE6606" i="1"/>
  <c r="AE6607" i="1"/>
  <c r="AE6608" i="1"/>
  <c r="AE6609" i="1"/>
  <c r="AE6610" i="1"/>
  <c r="AE6611" i="1"/>
  <c r="AE6612" i="1"/>
  <c r="AE6613" i="1"/>
  <c r="AE6614" i="1"/>
  <c r="AE6615" i="1"/>
  <c r="AE6616" i="1"/>
  <c r="AE6617" i="1"/>
  <c r="AE6618" i="1"/>
  <c r="AE6619" i="1"/>
  <c r="AE6620" i="1"/>
  <c r="AE6621" i="1"/>
  <c r="AE6622" i="1"/>
  <c r="AE6623" i="1"/>
  <c r="AE6624" i="1"/>
  <c r="AE6625" i="1"/>
  <c r="AE6626" i="1"/>
  <c r="AE6627" i="1"/>
  <c r="AE6628" i="1"/>
  <c r="AE6629" i="1"/>
  <c r="AE6630" i="1"/>
  <c r="AE6631" i="1"/>
  <c r="AE6632" i="1"/>
  <c r="AE6633" i="1"/>
  <c r="AE6634" i="1"/>
  <c r="AE6635" i="1"/>
  <c r="AE6636" i="1"/>
  <c r="AE6637" i="1"/>
  <c r="AE6638" i="1"/>
  <c r="AE6639" i="1"/>
  <c r="AE6640" i="1"/>
  <c r="AE6641" i="1"/>
  <c r="AE6642" i="1"/>
  <c r="AE6643" i="1"/>
  <c r="AE6644" i="1"/>
  <c r="AE6645" i="1"/>
  <c r="AE6646" i="1"/>
  <c r="AE6647" i="1"/>
  <c r="AE6648" i="1"/>
  <c r="AE6649" i="1"/>
  <c r="AE6650" i="1"/>
  <c r="AE6651" i="1"/>
  <c r="AE6652" i="1"/>
  <c r="AE6653" i="1"/>
  <c r="AE6654" i="1"/>
  <c r="AE6655" i="1"/>
  <c r="AE6656" i="1"/>
  <c r="AE6657" i="1"/>
  <c r="AE6658" i="1"/>
  <c r="AE6659" i="1"/>
  <c r="AE6660" i="1"/>
  <c r="AE6661" i="1"/>
  <c r="AE6662" i="1"/>
  <c r="AE6663" i="1"/>
  <c r="AE6664" i="1"/>
  <c r="AE6665" i="1"/>
  <c r="AE6666" i="1"/>
  <c r="AE6667" i="1"/>
  <c r="AE6668" i="1"/>
  <c r="AE6669" i="1"/>
  <c r="AE6670" i="1"/>
  <c r="AE6671" i="1"/>
  <c r="AE6672" i="1"/>
  <c r="AE6673" i="1"/>
  <c r="AE6674" i="1"/>
  <c r="AE6675" i="1"/>
  <c r="AE6676" i="1"/>
  <c r="AE6677" i="1"/>
  <c r="AE6678" i="1"/>
  <c r="AE6679" i="1"/>
  <c r="AE6680" i="1"/>
  <c r="AE6681" i="1"/>
  <c r="AE6682" i="1"/>
  <c r="AE6683" i="1"/>
  <c r="AE6684" i="1"/>
  <c r="AE6685" i="1"/>
  <c r="AE6686" i="1"/>
  <c r="AE6687" i="1"/>
  <c r="AE6688" i="1"/>
  <c r="AE6689" i="1"/>
  <c r="AE6690" i="1"/>
  <c r="AE6691" i="1"/>
  <c r="AE6692" i="1"/>
  <c r="AE6693" i="1"/>
  <c r="AE6694" i="1"/>
  <c r="AE6695" i="1"/>
  <c r="AE6696" i="1"/>
  <c r="AE6697" i="1"/>
  <c r="AE6698" i="1"/>
  <c r="AE6699" i="1"/>
  <c r="AE6700" i="1"/>
  <c r="AE6701" i="1"/>
  <c r="AE6702" i="1"/>
  <c r="AE6703" i="1"/>
  <c r="AE6704" i="1"/>
  <c r="AE6705" i="1"/>
  <c r="AE6706" i="1"/>
  <c r="AE6707" i="1"/>
  <c r="AE6708" i="1"/>
  <c r="AE6709" i="1"/>
  <c r="AE6710" i="1"/>
  <c r="AE6711" i="1"/>
  <c r="AE6712" i="1"/>
  <c r="AE6713" i="1"/>
  <c r="AE6714" i="1"/>
  <c r="AE6715" i="1"/>
  <c r="AE6716" i="1"/>
  <c r="AE6717" i="1"/>
  <c r="AE6718" i="1"/>
  <c r="AE6719" i="1"/>
  <c r="AE6720" i="1"/>
  <c r="AE6721" i="1"/>
  <c r="AE6722" i="1"/>
  <c r="AE6723" i="1"/>
  <c r="AE6724" i="1"/>
  <c r="AE6725" i="1"/>
  <c r="AE6726" i="1"/>
  <c r="AE6727" i="1"/>
  <c r="AE6728" i="1"/>
  <c r="AE6729" i="1"/>
  <c r="AE6730" i="1"/>
  <c r="AE6731" i="1"/>
  <c r="AE6732" i="1"/>
  <c r="AE6733" i="1"/>
  <c r="AE6734" i="1"/>
  <c r="AE6735" i="1"/>
  <c r="AE6736" i="1"/>
  <c r="AE6737" i="1"/>
  <c r="AE6738" i="1"/>
  <c r="AE6739" i="1"/>
  <c r="AE6740" i="1"/>
  <c r="AE6741" i="1"/>
  <c r="AE6742" i="1"/>
  <c r="AE6743" i="1"/>
  <c r="AE6744" i="1"/>
  <c r="AE6745" i="1"/>
  <c r="AE6746" i="1"/>
  <c r="AE6747" i="1"/>
  <c r="AE6748" i="1"/>
  <c r="AE6749" i="1"/>
  <c r="AE6750" i="1"/>
  <c r="AE6751" i="1"/>
  <c r="AE6752" i="1"/>
  <c r="AE6753" i="1"/>
  <c r="AE6754" i="1"/>
  <c r="AE6755" i="1"/>
  <c r="AE6756" i="1"/>
  <c r="AE6757" i="1"/>
  <c r="AE6758" i="1"/>
  <c r="AE6759" i="1"/>
  <c r="AE6760" i="1"/>
  <c r="AE6761" i="1"/>
  <c r="AE6762" i="1"/>
  <c r="AE6763" i="1"/>
  <c r="AE6764" i="1"/>
  <c r="AE6765" i="1"/>
  <c r="AE6766" i="1"/>
  <c r="AE6767" i="1"/>
  <c r="AE6768" i="1"/>
  <c r="AE6769" i="1"/>
  <c r="AE6770" i="1"/>
  <c r="AE6771" i="1"/>
  <c r="AE6772" i="1"/>
  <c r="AE6773" i="1"/>
  <c r="AE6774" i="1"/>
  <c r="AE6775" i="1"/>
  <c r="AE6776" i="1"/>
  <c r="AE6777" i="1"/>
  <c r="AE6778" i="1"/>
  <c r="AE6779" i="1"/>
  <c r="AE6780" i="1"/>
  <c r="AE6781" i="1"/>
  <c r="AE6782" i="1"/>
  <c r="AE6783" i="1"/>
  <c r="AE6784" i="1"/>
  <c r="AE6785" i="1"/>
  <c r="AE6786" i="1"/>
  <c r="AE6787" i="1"/>
  <c r="AE6788" i="1"/>
  <c r="AE6789" i="1"/>
  <c r="AE6790" i="1"/>
  <c r="AE6791" i="1"/>
  <c r="AE6792" i="1"/>
  <c r="AE6793" i="1"/>
  <c r="AE6794" i="1"/>
  <c r="AE6795" i="1"/>
  <c r="AE6796" i="1"/>
  <c r="AE6797" i="1"/>
  <c r="AE6798" i="1"/>
  <c r="AE6799" i="1"/>
  <c r="AE6800" i="1"/>
  <c r="AE6801" i="1"/>
  <c r="AE6802" i="1"/>
  <c r="AE6803" i="1"/>
  <c r="AE6804" i="1"/>
  <c r="AE6805" i="1"/>
  <c r="AE6806" i="1"/>
  <c r="AE6807" i="1"/>
  <c r="AE6808" i="1"/>
  <c r="AE6809" i="1"/>
  <c r="AE6810" i="1"/>
  <c r="AE6811" i="1"/>
  <c r="AE6812" i="1"/>
  <c r="AE6813" i="1"/>
  <c r="AE6814" i="1"/>
  <c r="AE6815" i="1"/>
  <c r="AE6816" i="1"/>
  <c r="AE6817" i="1"/>
  <c r="AE6818" i="1"/>
  <c r="AE6819" i="1"/>
  <c r="AE6820" i="1"/>
  <c r="AE6821" i="1"/>
  <c r="AE6822" i="1"/>
  <c r="AE6823" i="1"/>
  <c r="AE6824" i="1"/>
  <c r="AE6825" i="1"/>
  <c r="AE6826" i="1"/>
  <c r="AE6827" i="1"/>
  <c r="AE6828" i="1"/>
  <c r="AE6829" i="1"/>
  <c r="AE6830" i="1"/>
  <c r="AE6831" i="1"/>
  <c r="AE6832" i="1"/>
  <c r="AE6833" i="1"/>
  <c r="AE6834" i="1"/>
  <c r="AE6835" i="1"/>
  <c r="AE6836" i="1"/>
  <c r="AE6837" i="1"/>
  <c r="AE6838" i="1"/>
  <c r="AE6839" i="1"/>
  <c r="AE6840" i="1"/>
  <c r="AE6841" i="1"/>
  <c r="AE6842" i="1"/>
  <c r="AE6843" i="1"/>
  <c r="AE6844" i="1"/>
  <c r="AE6845" i="1"/>
  <c r="AE6846" i="1"/>
  <c r="AE6847" i="1"/>
  <c r="AE6848" i="1"/>
  <c r="AE6849" i="1"/>
  <c r="AE6850" i="1"/>
  <c r="AE6851" i="1"/>
  <c r="AE6852" i="1"/>
  <c r="AE6853" i="1"/>
  <c r="AE6854" i="1"/>
  <c r="AE6855" i="1"/>
  <c r="AE6856" i="1"/>
  <c r="AE6857" i="1"/>
  <c r="AE6858" i="1"/>
  <c r="AE6859" i="1"/>
  <c r="AE6860" i="1"/>
  <c r="AE6861" i="1"/>
  <c r="AE6862" i="1"/>
  <c r="AE6863" i="1"/>
  <c r="AE6864" i="1"/>
  <c r="AE6865" i="1"/>
  <c r="AE6866" i="1"/>
  <c r="AE6867" i="1"/>
  <c r="AE6868" i="1"/>
  <c r="AE6869" i="1"/>
  <c r="AE6870" i="1"/>
  <c r="AE6871" i="1"/>
  <c r="AE6872" i="1"/>
  <c r="AE6873" i="1"/>
  <c r="AE6874" i="1"/>
  <c r="AE6875" i="1"/>
  <c r="AE6876" i="1"/>
  <c r="AE6877" i="1"/>
  <c r="AE6878" i="1"/>
  <c r="AE6879" i="1"/>
  <c r="AE6880" i="1"/>
  <c r="AE6881" i="1"/>
  <c r="AE6882" i="1"/>
  <c r="AE6883" i="1"/>
  <c r="AE6884" i="1"/>
  <c r="AE6885" i="1"/>
  <c r="AE6886" i="1"/>
  <c r="AE6887" i="1"/>
  <c r="AE6888" i="1"/>
  <c r="AE6889" i="1"/>
  <c r="AE6890" i="1"/>
  <c r="AE6891" i="1"/>
  <c r="AE6892" i="1"/>
  <c r="AE6893" i="1"/>
  <c r="AE6894" i="1"/>
  <c r="AE6895" i="1"/>
  <c r="AE6896" i="1"/>
  <c r="AE6897" i="1"/>
  <c r="AE6898" i="1"/>
  <c r="AE6899" i="1"/>
  <c r="AE6900" i="1"/>
  <c r="AE6901" i="1"/>
  <c r="AE6902" i="1"/>
  <c r="AE6903" i="1"/>
  <c r="AE6904" i="1"/>
  <c r="AE6905" i="1"/>
  <c r="AE6906" i="1"/>
  <c r="AE6907" i="1"/>
  <c r="AE6908" i="1"/>
  <c r="AE6909" i="1"/>
  <c r="AE6910" i="1"/>
  <c r="AE6911" i="1"/>
  <c r="AE6912" i="1"/>
  <c r="AE6913" i="1"/>
  <c r="AE6914" i="1"/>
  <c r="AE6915" i="1"/>
  <c r="AE6916" i="1"/>
  <c r="AE6917" i="1"/>
  <c r="AE6918" i="1"/>
  <c r="AE6919" i="1"/>
  <c r="AE6920" i="1"/>
  <c r="AE6921" i="1"/>
  <c r="AE6922" i="1"/>
  <c r="AE6923" i="1"/>
  <c r="AE6924" i="1"/>
  <c r="AE6925" i="1"/>
  <c r="AE6926" i="1"/>
  <c r="AE6927" i="1"/>
  <c r="AE6928" i="1"/>
  <c r="AE6929" i="1"/>
  <c r="AE6930" i="1"/>
  <c r="AE6931" i="1"/>
  <c r="AE6932" i="1"/>
  <c r="AE6933" i="1"/>
  <c r="AE6934" i="1"/>
  <c r="AE6935" i="1"/>
  <c r="AE6936" i="1"/>
  <c r="AE6937" i="1"/>
  <c r="AE6938" i="1"/>
  <c r="AE6939" i="1"/>
  <c r="AE6940" i="1"/>
  <c r="AE6941" i="1"/>
  <c r="AE6942" i="1"/>
  <c r="AE6943" i="1"/>
  <c r="AE6944" i="1"/>
  <c r="AE6945" i="1"/>
  <c r="AE6946" i="1"/>
  <c r="AE6947" i="1"/>
  <c r="AE6948" i="1"/>
  <c r="AE6949" i="1"/>
  <c r="AE6950" i="1"/>
  <c r="AE6951" i="1"/>
  <c r="AE6952" i="1"/>
  <c r="AE6953" i="1"/>
  <c r="AE6954" i="1"/>
  <c r="AE6955" i="1"/>
  <c r="AE6956" i="1"/>
  <c r="AE6957" i="1"/>
  <c r="AE6958" i="1"/>
  <c r="AE6959" i="1"/>
  <c r="AE6960" i="1"/>
  <c r="AE6961" i="1"/>
  <c r="AE6962" i="1"/>
  <c r="AE6963" i="1"/>
  <c r="AE6964" i="1"/>
  <c r="AE6965" i="1"/>
  <c r="AE6966" i="1"/>
  <c r="AE6967" i="1"/>
  <c r="AE6968" i="1"/>
  <c r="AE6969" i="1"/>
  <c r="AE6970" i="1"/>
  <c r="AE6971" i="1"/>
  <c r="AE6972" i="1"/>
  <c r="AE6973" i="1"/>
  <c r="AE6974" i="1"/>
  <c r="AE6975" i="1"/>
  <c r="AE6976" i="1"/>
  <c r="AE6977" i="1"/>
  <c r="AE6978" i="1"/>
  <c r="AE6979" i="1"/>
  <c r="AE6980" i="1"/>
  <c r="AE6981" i="1"/>
  <c r="AE6982" i="1"/>
  <c r="AE6983" i="1"/>
  <c r="AE6984" i="1"/>
  <c r="AE6985" i="1"/>
  <c r="AE6986" i="1"/>
  <c r="AE6987" i="1"/>
  <c r="AE6988" i="1"/>
  <c r="AE6989" i="1"/>
  <c r="AE6990" i="1"/>
  <c r="AE6991" i="1"/>
  <c r="AE6992" i="1"/>
  <c r="AE6993" i="1"/>
  <c r="AE6994" i="1"/>
  <c r="AE6995" i="1"/>
  <c r="AE6996" i="1"/>
  <c r="AE6997" i="1"/>
  <c r="AE6998" i="1"/>
  <c r="AE6999" i="1"/>
  <c r="AE7000" i="1"/>
  <c r="AE7001" i="1"/>
  <c r="AE7002" i="1"/>
  <c r="AE7003" i="1"/>
  <c r="AE7004" i="1"/>
  <c r="AE7005" i="1"/>
  <c r="AE7006" i="1"/>
  <c r="AE7007" i="1"/>
  <c r="AE7008" i="1"/>
  <c r="AE7009" i="1"/>
  <c r="AE7010" i="1"/>
  <c r="AE7011" i="1"/>
  <c r="AE7012" i="1"/>
  <c r="AE7013" i="1"/>
  <c r="AE7014" i="1"/>
  <c r="AE7015" i="1"/>
  <c r="AE7016" i="1"/>
  <c r="AE7017" i="1"/>
  <c r="AE7018" i="1"/>
  <c r="AE7019" i="1"/>
  <c r="AE7020" i="1"/>
  <c r="AE7021" i="1"/>
  <c r="AE7022" i="1"/>
  <c r="AE7023" i="1"/>
  <c r="AE7024" i="1"/>
  <c r="AE7025" i="1"/>
  <c r="AE7026" i="1"/>
  <c r="AE7027" i="1"/>
  <c r="AE7028" i="1"/>
  <c r="AE7029" i="1"/>
  <c r="AE7030" i="1"/>
  <c r="AE7031" i="1"/>
  <c r="AE7032" i="1"/>
  <c r="AE7033" i="1"/>
  <c r="AE7034" i="1"/>
  <c r="AE7035" i="1"/>
  <c r="AE7036" i="1"/>
  <c r="AE7037" i="1"/>
  <c r="AE7038" i="1"/>
  <c r="AE7039" i="1"/>
  <c r="AE7040" i="1"/>
  <c r="AE7041" i="1"/>
  <c r="AE7042" i="1"/>
  <c r="AE7043" i="1"/>
  <c r="AE7044" i="1"/>
  <c r="AE7045" i="1"/>
  <c r="AE7046" i="1"/>
  <c r="AE7047" i="1"/>
  <c r="AE7048" i="1"/>
  <c r="AE7049" i="1"/>
  <c r="AE7050" i="1"/>
  <c r="AE7051" i="1"/>
  <c r="AE7052" i="1"/>
  <c r="AE7053" i="1"/>
  <c r="AE7054" i="1"/>
  <c r="AE7055" i="1"/>
  <c r="AE7056" i="1"/>
  <c r="AE7057" i="1"/>
  <c r="AE7058" i="1"/>
  <c r="AE7059" i="1"/>
  <c r="AE7060" i="1"/>
  <c r="AE7061" i="1"/>
  <c r="AE7062" i="1"/>
  <c r="AE7063" i="1"/>
  <c r="AE7064" i="1"/>
  <c r="AE7065" i="1"/>
  <c r="AE7066" i="1"/>
  <c r="AE7067" i="1"/>
  <c r="AE7068" i="1"/>
  <c r="AE7069" i="1"/>
  <c r="AE7070" i="1"/>
  <c r="AE7071" i="1"/>
  <c r="AE7072" i="1"/>
  <c r="AE7073" i="1"/>
  <c r="AE7074" i="1"/>
  <c r="AE7075" i="1"/>
  <c r="AE7076" i="1"/>
  <c r="AE7077" i="1"/>
  <c r="AE7078" i="1"/>
  <c r="AE7079" i="1"/>
  <c r="AE7080" i="1"/>
  <c r="AE7081" i="1"/>
  <c r="AE7082" i="1"/>
  <c r="AE7083" i="1"/>
  <c r="AE7084" i="1"/>
  <c r="AE7085" i="1"/>
  <c r="AE7086" i="1"/>
  <c r="AE7087" i="1"/>
  <c r="AE7088" i="1"/>
  <c r="AE7089" i="1"/>
  <c r="AE7090" i="1"/>
  <c r="AE7091" i="1"/>
  <c r="AE7092" i="1"/>
  <c r="AE7093" i="1"/>
  <c r="AE7094" i="1"/>
  <c r="AE7095" i="1"/>
  <c r="AE7096" i="1"/>
  <c r="AE7097" i="1"/>
  <c r="AE7098" i="1"/>
  <c r="AE7099" i="1"/>
  <c r="AE7100" i="1"/>
  <c r="AE7101" i="1"/>
  <c r="AE7102" i="1"/>
  <c r="AE7103" i="1"/>
  <c r="AE7104" i="1"/>
  <c r="AE7105" i="1"/>
  <c r="AE7106" i="1"/>
  <c r="AE7107" i="1"/>
  <c r="AE7108" i="1"/>
  <c r="AE7109" i="1"/>
  <c r="AE7110" i="1"/>
  <c r="AE7111" i="1"/>
  <c r="AE7112" i="1"/>
  <c r="AE7113" i="1"/>
  <c r="AE7114" i="1"/>
  <c r="AE7115" i="1"/>
  <c r="AE7116" i="1"/>
  <c r="AE7117" i="1"/>
  <c r="AE7118" i="1"/>
  <c r="AE7119" i="1"/>
  <c r="AE7120" i="1"/>
  <c r="AE7121" i="1"/>
  <c r="AE7122" i="1"/>
  <c r="AE7123" i="1"/>
  <c r="AE7124" i="1"/>
  <c r="AE7125" i="1"/>
  <c r="AE7126" i="1"/>
  <c r="AE7127" i="1"/>
  <c r="AE7128" i="1"/>
  <c r="AE7129" i="1"/>
  <c r="AE7130" i="1"/>
  <c r="AE7131" i="1"/>
  <c r="AE7132" i="1"/>
  <c r="AE7133" i="1"/>
  <c r="AE7134" i="1"/>
  <c r="AE7135" i="1"/>
  <c r="AE7136" i="1"/>
  <c r="AE7137" i="1"/>
  <c r="AE7138" i="1"/>
  <c r="AE7139" i="1"/>
  <c r="AE7140" i="1"/>
  <c r="AE7141" i="1"/>
  <c r="AE7142" i="1"/>
  <c r="AE7143" i="1"/>
  <c r="AE7144" i="1"/>
  <c r="AE7145" i="1"/>
  <c r="AE7146" i="1"/>
  <c r="AE7147" i="1"/>
  <c r="AE7148" i="1"/>
  <c r="AE7149" i="1"/>
  <c r="AE7150" i="1"/>
  <c r="AE7151" i="1"/>
  <c r="AE7152" i="1"/>
  <c r="AE7153" i="1"/>
  <c r="AE7154" i="1"/>
  <c r="AE7155" i="1"/>
  <c r="AE7156" i="1"/>
  <c r="AE7157" i="1"/>
  <c r="AE7158" i="1"/>
  <c r="AE7159" i="1"/>
  <c r="AE7160" i="1"/>
  <c r="AE7161" i="1"/>
  <c r="AE7162" i="1"/>
  <c r="AE7163" i="1"/>
  <c r="AE7164" i="1"/>
  <c r="AE7165" i="1"/>
  <c r="AE7166" i="1"/>
  <c r="AE7167" i="1"/>
  <c r="AE7168" i="1"/>
  <c r="AE7169" i="1"/>
  <c r="AE7170" i="1"/>
  <c r="AE7171" i="1"/>
  <c r="AE7172" i="1"/>
  <c r="AE7173" i="1"/>
  <c r="AE7174" i="1"/>
  <c r="AE7175" i="1"/>
  <c r="AE7176" i="1"/>
  <c r="AE7177" i="1"/>
  <c r="AE7178" i="1"/>
  <c r="AE7179" i="1"/>
  <c r="AE7180" i="1"/>
  <c r="AE7181" i="1"/>
  <c r="AE7182" i="1"/>
  <c r="AE7183" i="1"/>
  <c r="AE7184" i="1"/>
  <c r="AE7185" i="1"/>
  <c r="AE7186" i="1"/>
  <c r="AE7187" i="1"/>
  <c r="AE7188" i="1"/>
  <c r="AE7189" i="1"/>
  <c r="AE7190" i="1"/>
  <c r="AE7191" i="1"/>
  <c r="AE7192" i="1"/>
  <c r="AE7193" i="1"/>
  <c r="AE7194" i="1"/>
  <c r="AE7195" i="1"/>
  <c r="AE7196" i="1"/>
  <c r="AE7197" i="1"/>
  <c r="AE7198" i="1"/>
  <c r="AE7199" i="1"/>
  <c r="AE7200" i="1"/>
  <c r="AE7201" i="1"/>
  <c r="AE7202" i="1"/>
  <c r="AE7203" i="1"/>
  <c r="AE7204" i="1"/>
  <c r="AE7205" i="1"/>
  <c r="AE7206" i="1"/>
  <c r="AE7207" i="1"/>
  <c r="AE7208" i="1"/>
  <c r="AE7209" i="1"/>
  <c r="AE7210" i="1"/>
  <c r="AE7211" i="1"/>
  <c r="AE7212" i="1"/>
  <c r="AE7213" i="1"/>
  <c r="AE7214" i="1"/>
  <c r="AE7215" i="1"/>
  <c r="AE7216" i="1"/>
  <c r="AE7217" i="1"/>
  <c r="AE7218" i="1"/>
  <c r="AE7219" i="1"/>
  <c r="AE7220" i="1"/>
  <c r="AE7221" i="1"/>
  <c r="AE7222" i="1"/>
  <c r="AE7223" i="1"/>
  <c r="AE7224" i="1"/>
  <c r="AE7225" i="1"/>
  <c r="AE7226" i="1"/>
  <c r="AE7227" i="1"/>
  <c r="AE7228" i="1"/>
  <c r="AE7229" i="1"/>
  <c r="AE7230" i="1"/>
  <c r="AE7231" i="1"/>
  <c r="AE7232" i="1"/>
  <c r="AE7233" i="1"/>
  <c r="AE7234" i="1"/>
  <c r="AE7235" i="1"/>
  <c r="AE7236" i="1"/>
  <c r="AE7237" i="1"/>
  <c r="AE7238" i="1"/>
  <c r="AE7239" i="1"/>
  <c r="AE7240" i="1"/>
  <c r="AE7241" i="1"/>
  <c r="AE7242" i="1"/>
  <c r="AE7243" i="1"/>
  <c r="AE7244" i="1"/>
  <c r="AE7245" i="1"/>
  <c r="AE7246" i="1"/>
  <c r="AE7247" i="1"/>
  <c r="AE7248" i="1"/>
  <c r="AE7249" i="1"/>
  <c r="AE7250" i="1"/>
  <c r="AE7251" i="1"/>
  <c r="AE7252" i="1"/>
  <c r="AE7253" i="1"/>
  <c r="AE7254" i="1"/>
  <c r="AE7255" i="1"/>
  <c r="AE7256" i="1"/>
  <c r="AE7257" i="1"/>
  <c r="AE7258" i="1"/>
  <c r="AE7259" i="1"/>
  <c r="AE7260" i="1"/>
  <c r="AE7261" i="1"/>
  <c r="AE7262" i="1"/>
  <c r="AE7263" i="1"/>
  <c r="AE7264" i="1"/>
  <c r="AE7265" i="1"/>
  <c r="AE7266" i="1"/>
  <c r="AE7267" i="1"/>
  <c r="AE7268" i="1"/>
  <c r="AE7269" i="1"/>
  <c r="AE7270" i="1"/>
  <c r="AE7271" i="1"/>
  <c r="AE7272" i="1"/>
  <c r="AE7273" i="1"/>
  <c r="AE7274" i="1"/>
  <c r="AE7275" i="1"/>
  <c r="AE7276" i="1"/>
  <c r="AE7277" i="1"/>
  <c r="AE7278" i="1"/>
  <c r="AE7279" i="1"/>
  <c r="AE7280" i="1"/>
  <c r="AE7281" i="1"/>
  <c r="AE7282" i="1"/>
  <c r="AE7283" i="1"/>
  <c r="AE7284" i="1"/>
  <c r="AE7285" i="1"/>
  <c r="AE7286" i="1"/>
  <c r="AE7287" i="1"/>
  <c r="AE7288" i="1"/>
  <c r="AE7289" i="1"/>
  <c r="AE7290" i="1"/>
  <c r="AE7291" i="1"/>
  <c r="AE7292" i="1"/>
  <c r="AE7293" i="1"/>
  <c r="AE7294" i="1"/>
  <c r="AE7295" i="1"/>
  <c r="AE7296" i="1"/>
  <c r="AE7297" i="1"/>
  <c r="AE7298" i="1"/>
  <c r="AE7299" i="1"/>
  <c r="AE7300" i="1"/>
  <c r="AE7301" i="1"/>
  <c r="AE7302" i="1"/>
  <c r="AE7303" i="1"/>
  <c r="AE7304" i="1"/>
  <c r="AE7305" i="1"/>
  <c r="AE7306" i="1"/>
  <c r="AE7307" i="1"/>
  <c r="AE7308" i="1"/>
  <c r="AE7309" i="1"/>
  <c r="AE7310" i="1"/>
  <c r="AE7311" i="1"/>
  <c r="AE7312" i="1"/>
  <c r="AE7313" i="1"/>
  <c r="AE7314" i="1"/>
  <c r="AE7315" i="1"/>
  <c r="AE7316" i="1"/>
  <c r="AE7317" i="1"/>
  <c r="AE7318" i="1"/>
  <c r="AE7319" i="1"/>
  <c r="AE7320" i="1"/>
  <c r="AE7321" i="1"/>
  <c r="AE7322" i="1"/>
  <c r="AE7323" i="1"/>
  <c r="AE7324" i="1"/>
  <c r="AE7325" i="1"/>
  <c r="AE7326" i="1"/>
  <c r="AE7327" i="1"/>
  <c r="AE7328" i="1"/>
  <c r="AE7329" i="1"/>
  <c r="AE7330" i="1"/>
  <c r="AE7331" i="1"/>
  <c r="AE7332" i="1"/>
  <c r="AE7333" i="1"/>
  <c r="AE7334" i="1"/>
  <c r="AE7335" i="1"/>
  <c r="AE7336" i="1"/>
  <c r="AE7337" i="1"/>
  <c r="AE7338" i="1"/>
  <c r="AE7339" i="1"/>
  <c r="AE7340" i="1"/>
  <c r="AE7341" i="1"/>
  <c r="AE7342" i="1"/>
  <c r="AE7343" i="1"/>
  <c r="AE7344" i="1"/>
  <c r="AE7345" i="1"/>
  <c r="AE7346" i="1"/>
  <c r="AE7347" i="1"/>
  <c r="AE7348" i="1"/>
  <c r="AE7349" i="1"/>
  <c r="AE7350" i="1"/>
  <c r="AE7351" i="1"/>
  <c r="AE7352" i="1"/>
  <c r="AE7353" i="1"/>
  <c r="AE7354" i="1"/>
  <c r="AE7355" i="1"/>
  <c r="AE7356" i="1"/>
  <c r="AE7357" i="1"/>
  <c r="AE7358" i="1"/>
  <c r="AE7359" i="1"/>
  <c r="AE7360" i="1"/>
  <c r="AE7361" i="1"/>
  <c r="AE7362" i="1"/>
  <c r="AE7363" i="1"/>
  <c r="AE7364" i="1"/>
  <c r="AE7365" i="1"/>
  <c r="AE7366" i="1"/>
  <c r="AE7367" i="1"/>
  <c r="AE7368" i="1"/>
  <c r="AE7369" i="1"/>
  <c r="AE7370" i="1"/>
  <c r="AE7371" i="1"/>
  <c r="AE7372" i="1"/>
  <c r="AE7373" i="1"/>
  <c r="AE7374" i="1"/>
  <c r="AE7375" i="1"/>
  <c r="AE7376" i="1"/>
  <c r="AE7377" i="1"/>
  <c r="AE7378" i="1"/>
  <c r="AE7379" i="1"/>
  <c r="AE7380" i="1"/>
  <c r="AE7381" i="1"/>
  <c r="AE7382" i="1"/>
  <c r="AE7383" i="1"/>
  <c r="AE7384" i="1"/>
  <c r="AE7385" i="1"/>
  <c r="AE7386" i="1"/>
  <c r="AE7387" i="1"/>
  <c r="AE7388" i="1"/>
  <c r="AE7389" i="1"/>
  <c r="AE7390" i="1"/>
  <c r="AE7391" i="1"/>
  <c r="AE7392" i="1"/>
  <c r="AE7393" i="1"/>
  <c r="AE7394" i="1"/>
  <c r="AE7395" i="1"/>
  <c r="AE7396" i="1"/>
  <c r="AE7397" i="1"/>
  <c r="AE7398" i="1"/>
  <c r="AE7399" i="1"/>
  <c r="AE7400" i="1"/>
  <c r="AE7401" i="1"/>
  <c r="AE7402" i="1"/>
  <c r="AE7403" i="1"/>
  <c r="AE7404" i="1"/>
  <c r="AE7405" i="1"/>
  <c r="AE7406" i="1"/>
  <c r="AE7407" i="1"/>
  <c r="AE7408" i="1"/>
  <c r="AE7409" i="1"/>
  <c r="AE7410" i="1"/>
  <c r="AE7411" i="1"/>
  <c r="AE7412" i="1"/>
  <c r="AE7413" i="1"/>
  <c r="AE7414" i="1"/>
  <c r="AE7415" i="1"/>
  <c r="AE7416" i="1"/>
  <c r="AE7417" i="1"/>
  <c r="AE7418" i="1"/>
  <c r="AE7419" i="1"/>
  <c r="AE7420" i="1"/>
  <c r="AE7421" i="1"/>
  <c r="AE7422" i="1"/>
  <c r="AE7423" i="1"/>
  <c r="AE7424" i="1"/>
  <c r="AE7425" i="1"/>
  <c r="AE7426" i="1"/>
  <c r="AE7427" i="1"/>
  <c r="AE7428" i="1"/>
  <c r="AE7429" i="1"/>
  <c r="AE7430" i="1"/>
  <c r="AE7431" i="1"/>
  <c r="AE7432" i="1"/>
  <c r="AE7433" i="1"/>
  <c r="AE7434" i="1"/>
  <c r="AE7435" i="1"/>
  <c r="AE7436" i="1"/>
  <c r="AE7437" i="1"/>
  <c r="AE7438" i="1"/>
  <c r="AE7439" i="1"/>
  <c r="AE7440" i="1"/>
  <c r="AE7441" i="1"/>
  <c r="AE7442" i="1"/>
  <c r="AE7443" i="1"/>
  <c r="AE7444" i="1"/>
  <c r="AE7445" i="1"/>
  <c r="AE7446" i="1"/>
  <c r="AE7447" i="1"/>
  <c r="AE7448" i="1"/>
  <c r="AE7449" i="1"/>
  <c r="AE7450" i="1"/>
  <c r="AE7451" i="1"/>
  <c r="AE7452" i="1"/>
  <c r="AE7453" i="1"/>
  <c r="AE7454" i="1"/>
  <c r="AE7455" i="1"/>
  <c r="AE7456" i="1"/>
  <c r="AE7457" i="1"/>
  <c r="AE7458" i="1"/>
  <c r="AE7459" i="1"/>
  <c r="AE7460" i="1"/>
  <c r="AE7461" i="1"/>
  <c r="AE7462" i="1"/>
  <c r="AE7463" i="1"/>
  <c r="AE7464" i="1"/>
  <c r="AE7465" i="1"/>
  <c r="AE7466" i="1"/>
  <c r="AE7467" i="1"/>
  <c r="AE7468" i="1"/>
  <c r="AE7469" i="1"/>
  <c r="AE7470" i="1"/>
  <c r="AE7471" i="1"/>
  <c r="AE7472" i="1"/>
  <c r="AE7473" i="1"/>
  <c r="AE7474" i="1"/>
  <c r="AE7475" i="1"/>
  <c r="AE7476" i="1"/>
  <c r="AE7477" i="1"/>
  <c r="AE7478" i="1"/>
  <c r="AE7479" i="1"/>
  <c r="AE7480" i="1"/>
  <c r="AE7481" i="1"/>
  <c r="AE7482" i="1"/>
  <c r="AE7483" i="1"/>
  <c r="AE7484" i="1"/>
  <c r="AE7485" i="1"/>
  <c r="AE7486" i="1"/>
  <c r="AE7487" i="1"/>
  <c r="AE7488" i="1"/>
  <c r="AE7489" i="1"/>
  <c r="AE7490" i="1"/>
  <c r="AE7491" i="1"/>
  <c r="AE7492" i="1"/>
  <c r="AE7493" i="1"/>
  <c r="AE7494" i="1"/>
  <c r="AE7495" i="1"/>
  <c r="AE7496" i="1"/>
  <c r="AE7497" i="1"/>
  <c r="AE7498" i="1"/>
  <c r="AE7499" i="1"/>
  <c r="AE7500" i="1"/>
  <c r="AE7501" i="1"/>
  <c r="AE7502" i="1"/>
  <c r="AE7503" i="1"/>
  <c r="AE7504" i="1"/>
  <c r="AE7505" i="1"/>
  <c r="AE7506" i="1"/>
  <c r="AE7507" i="1"/>
  <c r="AE7508" i="1"/>
  <c r="AE7509" i="1"/>
  <c r="AE7510" i="1"/>
  <c r="AE7511" i="1"/>
  <c r="AE7512" i="1"/>
  <c r="AE7513" i="1"/>
  <c r="AE7514" i="1"/>
  <c r="AE7515" i="1"/>
  <c r="AE7516" i="1"/>
  <c r="AE7517" i="1"/>
  <c r="AE7518" i="1"/>
  <c r="AE7519" i="1"/>
  <c r="AE7520" i="1"/>
  <c r="AE7521" i="1"/>
  <c r="AE7522" i="1"/>
  <c r="AE7523" i="1"/>
  <c r="AE7524" i="1"/>
  <c r="AE7525" i="1"/>
  <c r="AE7526" i="1"/>
  <c r="AE7527" i="1"/>
  <c r="AE7528" i="1"/>
  <c r="AE7529" i="1"/>
  <c r="AE7530" i="1"/>
  <c r="AE7531" i="1"/>
  <c r="AE7532" i="1"/>
  <c r="AE7533" i="1"/>
  <c r="AE7534" i="1"/>
  <c r="AE7535" i="1"/>
  <c r="AE7536" i="1"/>
  <c r="AE7537" i="1"/>
  <c r="AE7538" i="1"/>
  <c r="AE7539" i="1"/>
  <c r="AE7540" i="1"/>
  <c r="AE7541" i="1"/>
  <c r="AE7542" i="1"/>
  <c r="AE7543" i="1"/>
  <c r="AE7544" i="1"/>
  <c r="AE7545" i="1"/>
  <c r="AE7546" i="1"/>
  <c r="AE7547" i="1"/>
  <c r="AE7548" i="1"/>
  <c r="AE7549" i="1"/>
  <c r="AE7550" i="1"/>
  <c r="AE7551" i="1"/>
  <c r="AE7552" i="1"/>
  <c r="AE7553" i="1"/>
  <c r="AE7554" i="1"/>
  <c r="AE7555" i="1"/>
  <c r="AE7556" i="1"/>
  <c r="AE7557" i="1"/>
  <c r="AE7558" i="1"/>
  <c r="AE7559" i="1"/>
  <c r="AE7560" i="1"/>
  <c r="AE7561" i="1"/>
  <c r="AE7562" i="1"/>
  <c r="AE7563" i="1"/>
  <c r="AE7564" i="1"/>
  <c r="AE7565" i="1"/>
  <c r="AE7566" i="1"/>
  <c r="AE7567" i="1"/>
  <c r="AE7568" i="1"/>
  <c r="AE7569" i="1"/>
  <c r="AE7570" i="1"/>
  <c r="AE7571" i="1"/>
  <c r="AE7572" i="1"/>
  <c r="AE7573" i="1"/>
  <c r="AE7574" i="1"/>
  <c r="AE7575" i="1"/>
  <c r="AE7576" i="1"/>
  <c r="AE7577" i="1"/>
  <c r="AE7578" i="1"/>
  <c r="AE7579" i="1"/>
  <c r="AE7580" i="1"/>
  <c r="AE7581" i="1"/>
  <c r="AE7582" i="1"/>
  <c r="AE7583" i="1"/>
  <c r="AE7584" i="1"/>
  <c r="AE7585" i="1"/>
  <c r="AE7586" i="1"/>
  <c r="AE7587" i="1"/>
  <c r="AE7588" i="1"/>
  <c r="AE7589" i="1"/>
  <c r="AE7590" i="1"/>
  <c r="AE7591" i="1"/>
  <c r="AE7592" i="1"/>
  <c r="AE7593" i="1"/>
  <c r="AE7594" i="1"/>
  <c r="AE7595" i="1"/>
  <c r="AE7596" i="1"/>
  <c r="AE7597" i="1"/>
  <c r="AE7598" i="1"/>
  <c r="AE7599" i="1"/>
  <c r="AE7600" i="1"/>
  <c r="AE7601" i="1"/>
  <c r="AE7602" i="1"/>
  <c r="AE7603" i="1"/>
  <c r="AE7604" i="1"/>
  <c r="AE7605" i="1"/>
  <c r="AE7606" i="1"/>
  <c r="AE7607" i="1"/>
  <c r="AE7608" i="1"/>
  <c r="AE7609" i="1"/>
  <c r="AE7610" i="1"/>
  <c r="AE7611" i="1"/>
  <c r="AE7612" i="1"/>
  <c r="AE7613" i="1"/>
  <c r="AE7614" i="1"/>
  <c r="AE7615" i="1"/>
  <c r="AE7616" i="1"/>
  <c r="AE7617" i="1"/>
  <c r="AE7618" i="1"/>
  <c r="AE7619" i="1"/>
  <c r="AE7620" i="1"/>
  <c r="AE7621" i="1"/>
  <c r="AE7622" i="1"/>
  <c r="AE7623" i="1"/>
  <c r="AE7624" i="1"/>
  <c r="AE7625" i="1"/>
  <c r="AE7626" i="1"/>
  <c r="AE7627" i="1"/>
  <c r="AE7628" i="1"/>
  <c r="AE7629" i="1"/>
  <c r="AE7630" i="1"/>
  <c r="AE7631" i="1"/>
  <c r="AE7632" i="1"/>
  <c r="AE7633" i="1"/>
  <c r="AE7634" i="1"/>
  <c r="AE7635" i="1"/>
  <c r="AE7636" i="1"/>
  <c r="AE7637" i="1"/>
  <c r="AE7638" i="1"/>
  <c r="AE7639" i="1"/>
  <c r="AE7640" i="1"/>
  <c r="AE7641" i="1"/>
  <c r="AE7642" i="1"/>
  <c r="AE7643" i="1"/>
  <c r="AE7644" i="1"/>
  <c r="AE7645" i="1"/>
  <c r="AE7646" i="1"/>
  <c r="AE7647" i="1"/>
  <c r="AE7648" i="1"/>
  <c r="AE7649" i="1"/>
  <c r="AE7650" i="1"/>
  <c r="AE7651" i="1"/>
  <c r="AE7652" i="1"/>
  <c r="AE7653" i="1"/>
  <c r="AE7654" i="1"/>
  <c r="AE7655" i="1"/>
  <c r="AE7656" i="1"/>
  <c r="AE7657" i="1"/>
  <c r="AE7658" i="1"/>
  <c r="AE7659" i="1"/>
  <c r="AE7660" i="1"/>
  <c r="AE7661" i="1"/>
  <c r="AE7662" i="1"/>
  <c r="AE7663" i="1"/>
  <c r="AE7664" i="1"/>
  <c r="AE7665" i="1"/>
  <c r="AE7666" i="1"/>
  <c r="AE7667" i="1"/>
  <c r="AE7668" i="1"/>
  <c r="AE7669" i="1"/>
  <c r="AE7670" i="1"/>
  <c r="AE7671" i="1"/>
  <c r="AE7672" i="1"/>
  <c r="AE7673" i="1"/>
  <c r="AE7674" i="1"/>
  <c r="AE7675" i="1"/>
  <c r="AE7676" i="1"/>
  <c r="AE7677" i="1"/>
  <c r="AE7678" i="1"/>
  <c r="AE7679" i="1"/>
  <c r="AE7680" i="1"/>
  <c r="AE7681" i="1"/>
  <c r="AE7682" i="1"/>
  <c r="AE7683" i="1"/>
  <c r="AE7684" i="1"/>
  <c r="AE7685" i="1"/>
  <c r="AE7686" i="1"/>
  <c r="AE7687" i="1"/>
  <c r="AE7688" i="1"/>
  <c r="AE7689" i="1"/>
  <c r="AE7690" i="1"/>
  <c r="AE7691" i="1"/>
  <c r="AE7692" i="1"/>
  <c r="AE7693" i="1"/>
  <c r="AE7694" i="1"/>
  <c r="AE7695" i="1"/>
  <c r="AE7696" i="1"/>
  <c r="AE7697" i="1"/>
  <c r="AE7698" i="1"/>
  <c r="AE7699" i="1"/>
  <c r="AE7700" i="1"/>
  <c r="AE7701" i="1"/>
  <c r="AE7702" i="1"/>
  <c r="AE7703" i="1"/>
  <c r="AE7704" i="1"/>
  <c r="AE7705" i="1"/>
  <c r="AE7706" i="1"/>
  <c r="AE7707" i="1"/>
  <c r="AE7708" i="1"/>
  <c r="AE7709" i="1"/>
  <c r="AE7710" i="1"/>
  <c r="AE7711" i="1"/>
  <c r="AE7712" i="1"/>
  <c r="AE7713" i="1"/>
  <c r="AE7714" i="1"/>
  <c r="AE7715" i="1"/>
  <c r="AE7716" i="1"/>
  <c r="AE7717" i="1"/>
  <c r="AE7718" i="1"/>
  <c r="AE7719" i="1"/>
  <c r="AE7720" i="1"/>
  <c r="AE7721" i="1"/>
  <c r="AE7722" i="1"/>
  <c r="AE7723" i="1"/>
  <c r="AE7724" i="1"/>
  <c r="AE7725" i="1"/>
  <c r="AE7726" i="1"/>
  <c r="AE7727" i="1"/>
  <c r="AE7728" i="1"/>
  <c r="AE7729" i="1"/>
  <c r="AE7730" i="1"/>
  <c r="AE7731" i="1"/>
  <c r="AE7732" i="1"/>
  <c r="AE7733" i="1"/>
  <c r="AE7734" i="1"/>
  <c r="AE7735" i="1"/>
  <c r="AE7736" i="1"/>
  <c r="AE7737" i="1"/>
  <c r="AE7738" i="1"/>
  <c r="AE7739" i="1"/>
  <c r="AE7740" i="1"/>
  <c r="AE7741" i="1"/>
  <c r="AE7742" i="1"/>
  <c r="AE7743" i="1"/>
  <c r="AE7744" i="1"/>
  <c r="AE7745" i="1"/>
  <c r="AE7746" i="1"/>
  <c r="AE7747" i="1"/>
  <c r="AE7748" i="1"/>
  <c r="AE7749" i="1"/>
  <c r="AE7750" i="1"/>
  <c r="AE7751" i="1"/>
  <c r="AE7752" i="1"/>
  <c r="AE7753" i="1"/>
  <c r="AE7754" i="1"/>
  <c r="AE7755" i="1"/>
  <c r="AE7756" i="1"/>
  <c r="AE7757" i="1"/>
  <c r="AE7758" i="1"/>
  <c r="AE7759" i="1"/>
  <c r="AE7760" i="1"/>
  <c r="AE7761" i="1"/>
  <c r="AE7762" i="1"/>
  <c r="AE7763" i="1"/>
  <c r="AE7764" i="1"/>
  <c r="AE7765" i="1"/>
  <c r="AE7766" i="1"/>
  <c r="AE7767" i="1"/>
  <c r="AE7768" i="1"/>
  <c r="AE7769" i="1"/>
  <c r="AE7770" i="1"/>
  <c r="AE7771" i="1"/>
  <c r="AE7772" i="1"/>
  <c r="AE7773" i="1"/>
  <c r="AE7774" i="1"/>
  <c r="AE7775" i="1"/>
  <c r="AE7776" i="1"/>
  <c r="AE7777" i="1"/>
  <c r="AE7778" i="1"/>
  <c r="AE7779" i="1"/>
  <c r="AE7780" i="1"/>
  <c r="AE7781" i="1"/>
  <c r="AE7782" i="1"/>
  <c r="AE7783" i="1"/>
  <c r="AE7784" i="1"/>
  <c r="AE7785" i="1"/>
  <c r="AE7786" i="1"/>
  <c r="AE7787" i="1"/>
  <c r="AE7788" i="1"/>
  <c r="AE7789" i="1"/>
  <c r="AE7790" i="1"/>
  <c r="AE7791" i="1"/>
  <c r="AE7792" i="1"/>
  <c r="AE7793" i="1"/>
  <c r="AE7794" i="1"/>
  <c r="AE7795" i="1"/>
  <c r="AE7796" i="1"/>
  <c r="AE7797" i="1"/>
  <c r="AE7798" i="1"/>
  <c r="AE7799" i="1"/>
  <c r="AE7800" i="1"/>
  <c r="AE7801" i="1"/>
  <c r="AE7802" i="1"/>
  <c r="AE7803" i="1"/>
  <c r="AE7804" i="1"/>
  <c r="AE7805" i="1"/>
  <c r="AE7806" i="1"/>
  <c r="AE7807" i="1"/>
  <c r="AE7808" i="1"/>
  <c r="AE7809" i="1"/>
  <c r="AE7810" i="1"/>
  <c r="AE7811" i="1"/>
  <c r="AE7812" i="1"/>
  <c r="AE7813" i="1"/>
  <c r="AE7814" i="1"/>
  <c r="AE7815" i="1"/>
  <c r="AE7816" i="1"/>
  <c r="AE7817" i="1"/>
  <c r="AE7818" i="1"/>
  <c r="AE7819" i="1"/>
  <c r="AE7820" i="1"/>
  <c r="AE7821" i="1"/>
  <c r="AE7822" i="1"/>
  <c r="AE7823" i="1"/>
  <c r="AE7824" i="1"/>
  <c r="AE7825" i="1"/>
  <c r="AE7826" i="1"/>
  <c r="AE7827" i="1"/>
  <c r="AE7828" i="1"/>
  <c r="AE7829" i="1"/>
  <c r="AE7830" i="1"/>
  <c r="AE7831" i="1"/>
  <c r="AE7832" i="1"/>
  <c r="AE7833" i="1"/>
  <c r="AE7834" i="1"/>
  <c r="AE7835" i="1"/>
  <c r="AE7836" i="1"/>
  <c r="AE7837" i="1"/>
  <c r="AE7838" i="1"/>
  <c r="AE7839" i="1"/>
  <c r="AE7840" i="1"/>
  <c r="AE7841" i="1"/>
  <c r="AE7842" i="1"/>
  <c r="AE7843" i="1"/>
  <c r="AE7844" i="1"/>
  <c r="AE7845" i="1"/>
  <c r="AE7846" i="1"/>
  <c r="AE7847" i="1"/>
  <c r="AE7848" i="1"/>
  <c r="AE7849" i="1"/>
  <c r="AE7850" i="1"/>
  <c r="AE7851" i="1"/>
  <c r="AE7852" i="1"/>
  <c r="AE7853" i="1"/>
  <c r="AE7854" i="1"/>
  <c r="AE7855" i="1"/>
  <c r="AE7856" i="1"/>
  <c r="AE7857" i="1"/>
  <c r="AE7858" i="1"/>
  <c r="AE7859" i="1"/>
  <c r="AE7860" i="1"/>
  <c r="AE7861" i="1"/>
  <c r="AE7862" i="1"/>
  <c r="AE7863" i="1"/>
  <c r="AE7864" i="1"/>
  <c r="AE7865" i="1"/>
  <c r="AE7866" i="1"/>
  <c r="AE7867" i="1"/>
  <c r="AE7868" i="1"/>
  <c r="AE7869" i="1"/>
  <c r="AE7870" i="1"/>
  <c r="AE7871" i="1"/>
  <c r="AE7872" i="1"/>
  <c r="AE7873" i="1"/>
  <c r="AE7874" i="1"/>
  <c r="AE7875" i="1"/>
  <c r="AE7876" i="1"/>
  <c r="AE7877" i="1"/>
  <c r="AE7878" i="1"/>
  <c r="AE7879" i="1"/>
  <c r="AE7880" i="1"/>
  <c r="AE7881" i="1"/>
  <c r="AE7882" i="1"/>
  <c r="AE7883" i="1"/>
  <c r="AE7884" i="1"/>
  <c r="AE7885" i="1"/>
  <c r="AE7886" i="1"/>
  <c r="AE7887" i="1"/>
  <c r="AE7888" i="1"/>
  <c r="AE7889" i="1"/>
  <c r="AE7890" i="1"/>
  <c r="AE7891" i="1"/>
  <c r="AE7892" i="1"/>
  <c r="AE7893" i="1"/>
  <c r="AE7894" i="1"/>
  <c r="AE7895" i="1"/>
  <c r="AE7896" i="1"/>
  <c r="AE7897" i="1"/>
  <c r="AE7898" i="1"/>
  <c r="AE7899" i="1"/>
  <c r="AE7900" i="1"/>
  <c r="AE7901" i="1"/>
  <c r="AE7902" i="1"/>
  <c r="AE7903" i="1"/>
  <c r="AE7904" i="1"/>
  <c r="AE7905" i="1"/>
  <c r="AE7906" i="1"/>
  <c r="AE7907" i="1"/>
  <c r="AE7908" i="1"/>
  <c r="AE7909" i="1"/>
  <c r="AE7910" i="1"/>
  <c r="AE7911" i="1"/>
  <c r="AE7912" i="1"/>
  <c r="AE7913" i="1"/>
  <c r="AE7914" i="1"/>
  <c r="AE7915" i="1"/>
  <c r="AE7916" i="1"/>
  <c r="AE7917" i="1"/>
  <c r="AE7918" i="1"/>
  <c r="AE7919" i="1"/>
  <c r="AE7920" i="1"/>
  <c r="AE7921" i="1"/>
  <c r="AE7922" i="1"/>
  <c r="AE7923" i="1"/>
  <c r="AE7924" i="1"/>
  <c r="AE7925" i="1"/>
  <c r="AE7926" i="1"/>
  <c r="AE7927" i="1"/>
  <c r="AE7928" i="1"/>
  <c r="AE7929" i="1"/>
  <c r="AE7930" i="1"/>
  <c r="AE7931" i="1"/>
  <c r="AE7932" i="1"/>
  <c r="AE7933" i="1"/>
  <c r="AE7934" i="1"/>
  <c r="AE7935" i="1"/>
  <c r="AE7936" i="1"/>
  <c r="AE7937" i="1"/>
  <c r="AE7938" i="1"/>
  <c r="AE7939" i="1"/>
  <c r="AE7940" i="1"/>
  <c r="AE7941" i="1"/>
  <c r="AE7942" i="1"/>
  <c r="AE7943" i="1"/>
  <c r="AE7944" i="1"/>
  <c r="AE7945" i="1"/>
  <c r="AE7946" i="1"/>
  <c r="AE7947" i="1"/>
  <c r="AE7948" i="1"/>
  <c r="AE7949" i="1"/>
  <c r="AE7950" i="1"/>
  <c r="AE7951" i="1"/>
  <c r="AE7952" i="1"/>
  <c r="AE7953" i="1"/>
  <c r="AE7954" i="1"/>
  <c r="AE7955" i="1"/>
  <c r="AE7956" i="1"/>
  <c r="AE7957" i="1"/>
  <c r="AE7958" i="1"/>
  <c r="AE7959" i="1"/>
  <c r="AE7960" i="1"/>
  <c r="AE7961" i="1"/>
  <c r="AE7962" i="1"/>
  <c r="AE7963" i="1"/>
  <c r="AE7964" i="1"/>
  <c r="AE7965" i="1"/>
  <c r="AE7966" i="1"/>
  <c r="AE7967" i="1"/>
  <c r="AE7968" i="1"/>
  <c r="AE7969" i="1"/>
  <c r="AE7970" i="1"/>
  <c r="AE7971" i="1"/>
  <c r="AE7972" i="1"/>
  <c r="AE7973" i="1"/>
  <c r="AE7974" i="1"/>
  <c r="AE7975" i="1"/>
  <c r="AE7976" i="1"/>
  <c r="AE7977" i="1"/>
  <c r="AE7978" i="1"/>
  <c r="AE7979" i="1"/>
  <c r="AE7980" i="1"/>
  <c r="AE7981" i="1"/>
  <c r="AE7982" i="1"/>
  <c r="AE7983" i="1"/>
  <c r="AE7984" i="1"/>
  <c r="AE7985" i="1"/>
  <c r="AE7986" i="1"/>
  <c r="AE7987" i="1"/>
  <c r="AE7988" i="1"/>
  <c r="AE7989" i="1"/>
  <c r="AE7990" i="1"/>
  <c r="AE7991" i="1"/>
  <c r="AE7992" i="1"/>
  <c r="AE7993" i="1"/>
  <c r="AE7994" i="1"/>
  <c r="AE7995" i="1"/>
  <c r="AE7996" i="1"/>
  <c r="AE7997" i="1"/>
  <c r="AE7998" i="1"/>
  <c r="AE7999" i="1"/>
  <c r="AE8000" i="1"/>
  <c r="AE8001" i="1"/>
  <c r="AE8002" i="1"/>
  <c r="AE8003" i="1"/>
  <c r="AE8004" i="1"/>
  <c r="AE8005" i="1"/>
  <c r="AE8006" i="1"/>
  <c r="AE8007" i="1"/>
  <c r="AE8008" i="1"/>
  <c r="AE8009" i="1"/>
  <c r="AE8010" i="1"/>
  <c r="AE8011" i="1"/>
  <c r="AE8012" i="1"/>
  <c r="AE8013" i="1"/>
  <c r="AE8014" i="1"/>
  <c r="AE8015" i="1"/>
  <c r="AE8016" i="1"/>
  <c r="AE8017" i="1"/>
  <c r="AE8018" i="1"/>
  <c r="AE8019" i="1"/>
  <c r="AE8020" i="1"/>
  <c r="AE8021" i="1"/>
  <c r="AE8022" i="1"/>
  <c r="AE8023" i="1"/>
  <c r="AE8024" i="1"/>
  <c r="AE8025" i="1"/>
  <c r="AE8026" i="1"/>
  <c r="AE8027" i="1"/>
  <c r="AE8028" i="1"/>
  <c r="AE8029" i="1"/>
  <c r="AE8030" i="1"/>
  <c r="AE8031" i="1"/>
  <c r="AE8032" i="1"/>
  <c r="AE8033" i="1"/>
  <c r="AE8034" i="1"/>
  <c r="AE8035" i="1"/>
  <c r="AE8036" i="1"/>
  <c r="AE8037" i="1"/>
  <c r="AE8038" i="1"/>
  <c r="AE8039" i="1"/>
  <c r="AE8040" i="1"/>
  <c r="AE8041" i="1"/>
  <c r="AE8042" i="1"/>
  <c r="AE8043" i="1"/>
  <c r="AE8044" i="1"/>
  <c r="AE8045" i="1"/>
  <c r="AE8046" i="1"/>
  <c r="AE8047" i="1"/>
  <c r="AE8048" i="1"/>
  <c r="AE8049" i="1"/>
  <c r="AE8050" i="1"/>
  <c r="AE8051" i="1"/>
  <c r="AE8052" i="1"/>
  <c r="AE8053" i="1"/>
  <c r="AE8054" i="1"/>
  <c r="AE8055" i="1"/>
  <c r="AE8056" i="1"/>
  <c r="AE8057" i="1"/>
  <c r="AE8058" i="1"/>
  <c r="AE8059" i="1"/>
  <c r="AE8060" i="1"/>
  <c r="AE8061" i="1"/>
  <c r="AE8062" i="1"/>
  <c r="AE8063" i="1"/>
  <c r="AE8064" i="1"/>
  <c r="AE8065" i="1"/>
  <c r="AE8066" i="1"/>
  <c r="AE8067" i="1"/>
  <c r="AE8068" i="1"/>
  <c r="AE8069" i="1"/>
  <c r="AE8070" i="1"/>
  <c r="AE8071" i="1"/>
  <c r="AE8072" i="1"/>
  <c r="AE8073" i="1"/>
  <c r="AE8074" i="1"/>
  <c r="AE8075" i="1"/>
  <c r="AE8076" i="1"/>
  <c r="AE8077" i="1"/>
  <c r="AE8078" i="1"/>
  <c r="AE8079" i="1"/>
  <c r="AE8080" i="1"/>
  <c r="AE8081" i="1"/>
  <c r="AE8082" i="1"/>
  <c r="AE8083" i="1"/>
  <c r="AE8084" i="1"/>
  <c r="AE8085" i="1"/>
  <c r="AE8086" i="1"/>
  <c r="AE8087" i="1"/>
  <c r="AE8088" i="1"/>
  <c r="AE8089" i="1"/>
  <c r="AE8090" i="1"/>
  <c r="AE8091" i="1"/>
  <c r="AE8092" i="1"/>
  <c r="AE8093" i="1"/>
  <c r="AE8094" i="1"/>
  <c r="AE8095" i="1"/>
  <c r="AE8096" i="1"/>
  <c r="AE8097" i="1"/>
  <c r="AE8098" i="1"/>
  <c r="AE8099" i="1"/>
  <c r="AE8100" i="1"/>
  <c r="AE8101" i="1"/>
  <c r="AE8102" i="1"/>
  <c r="AE8103" i="1"/>
  <c r="AE8104" i="1"/>
  <c r="AE8105" i="1"/>
  <c r="AE8106" i="1"/>
  <c r="AE8107" i="1"/>
  <c r="AE8108" i="1"/>
  <c r="AE8109" i="1"/>
  <c r="AE8110" i="1"/>
  <c r="AE8111" i="1"/>
  <c r="AE8112" i="1"/>
  <c r="AE8113" i="1"/>
  <c r="AE8114" i="1"/>
  <c r="AE8115" i="1"/>
  <c r="AE8116" i="1"/>
  <c r="AE8117" i="1"/>
  <c r="AE8118" i="1"/>
  <c r="AE8119" i="1"/>
  <c r="AE8120" i="1"/>
  <c r="AE8121" i="1"/>
  <c r="AE8122" i="1"/>
  <c r="AE8123" i="1"/>
  <c r="AE8124" i="1"/>
  <c r="AE8125" i="1"/>
  <c r="AE8126" i="1"/>
  <c r="AE8127" i="1"/>
  <c r="AE8128" i="1"/>
  <c r="AE8129" i="1"/>
  <c r="AE8130" i="1"/>
  <c r="AE8131" i="1"/>
  <c r="AE8132" i="1"/>
  <c r="AE8133" i="1"/>
  <c r="AE8134" i="1"/>
  <c r="AE8135" i="1"/>
  <c r="AE8136" i="1"/>
  <c r="AE8137" i="1"/>
  <c r="AE8138" i="1"/>
  <c r="AE8139" i="1"/>
  <c r="AE8140" i="1"/>
  <c r="AE8141" i="1"/>
  <c r="AE8142" i="1"/>
  <c r="AE8143" i="1"/>
  <c r="AE8144" i="1"/>
  <c r="AE8145" i="1"/>
  <c r="AE8146" i="1"/>
  <c r="AE8147" i="1"/>
  <c r="AE8148" i="1"/>
  <c r="AE8149" i="1"/>
  <c r="AE8150" i="1"/>
  <c r="AE8151" i="1"/>
  <c r="AE8152" i="1"/>
  <c r="AE8153" i="1"/>
  <c r="AE8154" i="1"/>
  <c r="AE8155" i="1"/>
  <c r="AE8156" i="1"/>
  <c r="AE8157" i="1"/>
  <c r="AE8158" i="1"/>
  <c r="AE8159" i="1"/>
  <c r="AE8160" i="1"/>
  <c r="AE8161" i="1"/>
  <c r="AE8162" i="1"/>
  <c r="AE8163" i="1"/>
  <c r="AE8164" i="1"/>
  <c r="AE8165" i="1"/>
  <c r="AE8166" i="1"/>
  <c r="AE8167" i="1"/>
  <c r="AE8168" i="1"/>
  <c r="AE8169" i="1"/>
  <c r="AE8170" i="1"/>
  <c r="AE8171" i="1"/>
  <c r="AE8172" i="1"/>
  <c r="AE8173" i="1"/>
  <c r="AE8174" i="1"/>
  <c r="AE8175" i="1"/>
  <c r="AE8176" i="1"/>
  <c r="AE8177" i="1"/>
  <c r="AE8178" i="1"/>
  <c r="AE8179" i="1"/>
  <c r="AE8180" i="1"/>
  <c r="AE8181" i="1"/>
  <c r="AE8182" i="1"/>
  <c r="AE8183" i="1"/>
  <c r="AE8184" i="1"/>
  <c r="AE8185" i="1"/>
  <c r="AE8186" i="1"/>
  <c r="AE8187" i="1"/>
  <c r="AE8188" i="1"/>
  <c r="AE8189" i="1"/>
  <c r="AE8190" i="1"/>
  <c r="AE8191" i="1"/>
  <c r="AE8192" i="1"/>
  <c r="AE8193" i="1"/>
  <c r="AE8194" i="1"/>
  <c r="AE8195" i="1"/>
  <c r="AE8196" i="1"/>
  <c r="AE8197" i="1"/>
  <c r="AE8198" i="1"/>
  <c r="AE8199" i="1"/>
  <c r="AE8200" i="1"/>
  <c r="AE8201" i="1"/>
  <c r="AE8202" i="1"/>
  <c r="AE8203" i="1"/>
  <c r="AE8204" i="1"/>
  <c r="AE8205" i="1"/>
  <c r="AE8206" i="1"/>
  <c r="AE8207" i="1"/>
  <c r="AE8208" i="1"/>
  <c r="AE8209" i="1"/>
  <c r="AE8210" i="1"/>
  <c r="AE8211" i="1"/>
  <c r="AE8212" i="1"/>
  <c r="AE8213" i="1"/>
  <c r="AE8214" i="1"/>
  <c r="AE8215" i="1"/>
  <c r="AE8216" i="1"/>
  <c r="AE8217" i="1"/>
  <c r="AE8218" i="1"/>
  <c r="AE8219" i="1"/>
  <c r="AE8220" i="1"/>
  <c r="AE8221" i="1"/>
  <c r="AE8222" i="1"/>
  <c r="AE8223" i="1"/>
  <c r="AE8224" i="1"/>
  <c r="AE8225" i="1"/>
  <c r="AE8226" i="1"/>
  <c r="AE8227" i="1"/>
  <c r="AE8228" i="1"/>
  <c r="AE8229" i="1"/>
  <c r="AE8230" i="1"/>
  <c r="AE8231" i="1"/>
  <c r="AE8232" i="1"/>
  <c r="AE8233" i="1"/>
  <c r="AE8234" i="1"/>
  <c r="AE8235" i="1"/>
  <c r="AE8236" i="1"/>
  <c r="AE8237" i="1"/>
  <c r="AE8238" i="1"/>
  <c r="AE8239" i="1"/>
  <c r="AE8240" i="1"/>
  <c r="AE8241" i="1"/>
  <c r="AE8242" i="1"/>
  <c r="AE8243" i="1"/>
  <c r="AE8244" i="1"/>
  <c r="AE8245" i="1"/>
  <c r="AE8246" i="1"/>
  <c r="AE8247" i="1"/>
  <c r="AE8248" i="1"/>
  <c r="AE8249" i="1"/>
  <c r="AE8250" i="1"/>
  <c r="AE8251" i="1"/>
  <c r="AE8252" i="1"/>
  <c r="AE8253" i="1"/>
  <c r="AE8254" i="1"/>
  <c r="AE8255" i="1"/>
  <c r="AE8256" i="1"/>
  <c r="AE8257" i="1"/>
  <c r="AE8258" i="1"/>
  <c r="AE8259" i="1"/>
  <c r="AE8260" i="1"/>
  <c r="AE8261" i="1"/>
  <c r="AE8262" i="1"/>
  <c r="AE8263" i="1"/>
  <c r="AE8264" i="1"/>
  <c r="AE8265" i="1"/>
  <c r="AE8266" i="1"/>
  <c r="AE8267" i="1"/>
  <c r="AE8268" i="1"/>
  <c r="AE8269" i="1"/>
  <c r="AE8270" i="1"/>
  <c r="AE8271" i="1"/>
  <c r="AE8272" i="1"/>
  <c r="AE8273" i="1"/>
  <c r="AE8274" i="1"/>
  <c r="AE8275" i="1"/>
  <c r="AE8276" i="1"/>
  <c r="AE8277" i="1"/>
  <c r="AE8278" i="1"/>
  <c r="AE8279" i="1"/>
  <c r="AE8280" i="1"/>
  <c r="AE8281" i="1"/>
  <c r="AE8282" i="1"/>
  <c r="AE8283" i="1"/>
  <c r="AE8284" i="1"/>
  <c r="AE8285" i="1"/>
  <c r="AE8286" i="1"/>
  <c r="AE8287" i="1"/>
  <c r="AE8288" i="1"/>
  <c r="AE8289" i="1"/>
  <c r="AE8290" i="1"/>
  <c r="AE8291" i="1"/>
  <c r="AE8292" i="1"/>
  <c r="AE8293" i="1"/>
  <c r="AE8294" i="1"/>
  <c r="AE8295" i="1"/>
  <c r="AE8296" i="1"/>
  <c r="AE8297" i="1"/>
  <c r="AE8298" i="1"/>
  <c r="AE8299" i="1"/>
  <c r="AE8300" i="1"/>
  <c r="AE8301" i="1"/>
  <c r="AE8302" i="1"/>
  <c r="AE8303" i="1"/>
  <c r="AE8304" i="1"/>
  <c r="AE8305" i="1"/>
  <c r="AE8306" i="1"/>
  <c r="AE8307" i="1"/>
  <c r="AE8308" i="1"/>
  <c r="AE8309" i="1"/>
  <c r="AE8310" i="1"/>
  <c r="AE8311" i="1"/>
  <c r="AE8312" i="1"/>
  <c r="AE8313" i="1"/>
  <c r="AE8314" i="1"/>
  <c r="AE8315" i="1"/>
  <c r="AE8316" i="1"/>
  <c r="AE8317" i="1"/>
  <c r="AE8318" i="1"/>
  <c r="AE8319" i="1"/>
  <c r="AE8320" i="1"/>
  <c r="AE8321" i="1"/>
  <c r="AE8322" i="1"/>
  <c r="AE8323" i="1"/>
  <c r="AE8324" i="1"/>
  <c r="AE8325" i="1"/>
  <c r="AE8326" i="1"/>
  <c r="AE8327" i="1"/>
  <c r="AE8328" i="1"/>
  <c r="AE8329" i="1"/>
  <c r="AE8330" i="1"/>
  <c r="AE8331" i="1"/>
  <c r="AE8332" i="1"/>
  <c r="AE8333" i="1"/>
  <c r="AE8334" i="1"/>
  <c r="AE8335" i="1"/>
  <c r="AE8336" i="1"/>
  <c r="AE8337" i="1"/>
  <c r="AE8338" i="1"/>
  <c r="AE8339" i="1"/>
  <c r="AE8340" i="1"/>
  <c r="AE8341" i="1"/>
  <c r="AE8342" i="1"/>
  <c r="AE8343" i="1"/>
  <c r="AE8344" i="1"/>
  <c r="AE8345" i="1"/>
  <c r="AE8346" i="1"/>
  <c r="AE8347" i="1"/>
  <c r="AE8348" i="1"/>
  <c r="AE8349" i="1"/>
  <c r="AE8350" i="1"/>
  <c r="AE8351" i="1"/>
  <c r="AE8352" i="1"/>
  <c r="AE8353" i="1"/>
  <c r="AE8354" i="1"/>
  <c r="AE8355" i="1"/>
  <c r="AE8356" i="1"/>
  <c r="AE8357" i="1"/>
  <c r="AE8358" i="1"/>
  <c r="AE8359" i="1"/>
  <c r="AE8360" i="1"/>
  <c r="AE8361" i="1"/>
  <c r="AE8362" i="1"/>
  <c r="AE8363" i="1"/>
  <c r="AE8364" i="1"/>
  <c r="AE8365" i="1"/>
  <c r="AE8366" i="1"/>
  <c r="AE8367" i="1"/>
  <c r="AE8368" i="1"/>
  <c r="AE8369" i="1"/>
  <c r="AE8370" i="1"/>
  <c r="AE8371" i="1"/>
  <c r="AE8372" i="1"/>
  <c r="AE8373" i="1"/>
  <c r="AE8374" i="1"/>
  <c r="AE8375" i="1"/>
  <c r="AE8376" i="1"/>
  <c r="AE8377" i="1"/>
  <c r="AE8378" i="1"/>
  <c r="AE8379" i="1"/>
  <c r="AE8380" i="1"/>
  <c r="AE8381" i="1"/>
  <c r="AE8382" i="1"/>
  <c r="AE8383" i="1"/>
  <c r="AE8384" i="1"/>
  <c r="AE8385" i="1"/>
  <c r="AE8386" i="1"/>
  <c r="AE8387" i="1"/>
  <c r="AE8388" i="1"/>
  <c r="AE8389" i="1"/>
  <c r="AE8390" i="1"/>
  <c r="AE8391" i="1"/>
  <c r="AE8392" i="1"/>
  <c r="AE8393" i="1"/>
  <c r="AE8394" i="1"/>
  <c r="AE8395" i="1"/>
  <c r="AE8396" i="1"/>
  <c r="AE8397" i="1"/>
  <c r="AE8398" i="1"/>
  <c r="AE8399" i="1"/>
  <c r="AE8400" i="1"/>
  <c r="AE8401" i="1"/>
  <c r="AE8402" i="1"/>
  <c r="AE8403" i="1"/>
  <c r="AE8404" i="1"/>
  <c r="AE8405" i="1"/>
  <c r="AE8406" i="1"/>
  <c r="AE8407" i="1"/>
  <c r="AE8408" i="1"/>
  <c r="AE8409" i="1"/>
  <c r="AE8410" i="1"/>
  <c r="AE8411" i="1"/>
  <c r="AE8412" i="1"/>
  <c r="AE8413" i="1"/>
  <c r="AE8414" i="1"/>
  <c r="AE8415" i="1"/>
  <c r="AE8416" i="1"/>
  <c r="AE8417" i="1"/>
  <c r="AE8418" i="1"/>
  <c r="AE8419" i="1"/>
  <c r="AE8420" i="1"/>
  <c r="AE8421" i="1"/>
  <c r="AE8422" i="1"/>
  <c r="AE8423" i="1"/>
  <c r="AE8424" i="1"/>
  <c r="AE8425" i="1"/>
  <c r="AE8426" i="1"/>
  <c r="AE8427" i="1"/>
  <c r="AE8428" i="1"/>
  <c r="AE8429" i="1"/>
  <c r="AE8430" i="1"/>
  <c r="AE8431" i="1"/>
  <c r="AE8432" i="1"/>
  <c r="AE8433" i="1"/>
  <c r="AE8434" i="1"/>
  <c r="AE8435" i="1"/>
  <c r="AE8436" i="1"/>
  <c r="AE8437" i="1"/>
  <c r="AE8438" i="1"/>
  <c r="AE8439" i="1"/>
  <c r="AE8440" i="1"/>
  <c r="AE8441" i="1"/>
  <c r="AE8442" i="1"/>
  <c r="AE8443" i="1"/>
  <c r="AE8444" i="1"/>
  <c r="AE8445" i="1"/>
  <c r="AE8446" i="1"/>
  <c r="AE8447" i="1"/>
  <c r="AE8448" i="1"/>
  <c r="AE8449" i="1"/>
  <c r="AE8450" i="1"/>
  <c r="AE8451" i="1"/>
  <c r="AE8452" i="1"/>
  <c r="AE8453" i="1"/>
  <c r="AE8454" i="1"/>
  <c r="AE8455" i="1"/>
  <c r="AE8456" i="1"/>
  <c r="AE8457" i="1"/>
  <c r="AE8458" i="1"/>
  <c r="AE8459" i="1"/>
  <c r="AE8460" i="1"/>
  <c r="AE8461" i="1"/>
  <c r="AE8462" i="1"/>
  <c r="AE8463" i="1"/>
  <c r="AE8464" i="1"/>
  <c r="AE8465" i="1"/>
  <c r="AE8466" i="1"/>
  <c r="AE8467" i="1"/>
  <c r="AE8468" i="1"/>
  <c r="AE8469" i="1"/>
  <c r="AE8470" i="1"/>
  <c r="AE8471" i="1"/>
  <c r="AE8472" i="1"/>
  <c r="AE8473" i="1"/>
  <c r="AE8474" i="1"/>
  <c r="AE8475" i="1"/>
  <c r="AE8476" i="1"/>
  <c r="AE8477" i="1"/>
  <c r="AE8478" i="1"/>
  <c r="AE8479" i="1"/>
  <c r="AE8480" i="1"/>
  <c r="AE8481" i="1"/>
  <c r="AE8482" i="1"/>
  <c r="AE8483" i="1"/>
  <c r="AE8484" i="1"/>
  <c r="AE8485" i="1"/>
  <c r="AE8486" i="1"/>
  <c r="AE8487" i="1"/>
  <c r="AE8488" i="1"/>
  <c r="AE8489" i="1"/>
  <c r="AE8490" i="1"/>
  <c r="AE8491" i="1"/>
  <c r="AE8492" i="1"/>
  <c r="AE8493" i="1"/>
  <c r="AE8494" i="1"/>
  <c r="AE8495" i="1"/>
  <c r="AE8496" i="1"/>
  <c r="AE8497" i="1"/>
  <c r="AE8498" i="1"/>
  <c r="AE8499" i="1"/>
  <c r="AE8500" i="1"/>
  <c r="AE8501" i="1"/>
  <c r="AE8502" i="1"/>
  <c r="AE8503" i="1"/>
  <c r="AE8504" i="1"/>
  <c r="AE8505" i="1"/>
  <c r="AE8506" i="1"/>
  <c r="AE8507" i="1"/>
  <c r="AE8508" i="1"/>
  <c r="AE8509" i="1"/>
  <c r="AE8510" i="1"/>
  <c r="AE8511" i="1"/>
  <c r="AE8512" i="1"/>
  <c r="AE8513" i="1"/>
  <c r="AE8514" i="1"/>
  <c r="AE8515" i="1"/>
  <c r="AE8516" i="1"/>
  <c r="AE8517" i="1"/>
  <c r="AE8518" i="1"/>
  <c r="AE8519" i="1"/>
  <c r="AE8520" i="1"/>
  <c r="AE8521" i="1"/>
  <c r="AE8522" i="1"/>
  <c r="AE8523" i="1"/>
  <c r="AE8524" i="1"/>
  <c r="AE8525" i="1"/>
  <c r="AE8526" i="1"/>
  <c r="AE8527" i="1"/>
  <c r="AE8528" i="1"/>
  <c r="AE8529" i="1"/>
  <c r="AE8530" i="1"/>
  <c r="AE8531" i="1"/>
  <c r="AE8532" i="1"/>
  <c r="AE8533" i="1"/>
  <c r="AE8534" i="1"/>
  <c r="AE8535" i="1"/>
  <c r="AE8536" i="1"/>
  <c r="AE8537" i="1"/>
  <c r="AE8538" i="1"/>
  <c r="AE8539" i="1"/>
  <c r="AE8540" i="1"/>
  <c r="AE8541" i="1"/>
  <c r="AE8542" i="1"/>
  <c r="AE8543" i="1"/>
  <c r="AE8544" i="1"/>
  <c r="AE8545" i="1"/>
  <c r="AE8546" i="1"/>
  <c r="AE8547" i="1"/>
  <c r="AE8548" i="1"/>
  <c r="AE8549" i="1"/>
  <c r="AE8550" i="1"/>
  <c r="AE8551" i="1"/>
  <c r="AE8552" i="1"/>
  <c r="AE8553" i="1"/>
  <c r="AE8554" i="1"/>
  <c r="AE8555" i="1"/>
  <c r="AE8556" i="1"/>
  <c r="AE8557" i="1"/>
  <c r="AE8558" i="1"/>
  <c r="AE8559" i="1"/>
  <c r="AE8560" i="1"/>
  <c r="AE8561" i="1"/>
  <c r="AE8562" i="1"/>
  <c r="AE8563" i="1"/>
  <c r="AE8564" i="1"/>
  <c r="AE8565" i="1"/>
  <c r="AE8566" i="1"/>
  <c r="AE8567" i="1"/>
  <c r="AE8568" i="1"/>
  <c r="AE8569" i="1"/>
  <c r="AE8570" i="1"/>
  <c r="AE8571" i="1"/>
  <c r="AE8572" i="1"/>
  <c r="AE8573" i="1"/>
  <c r="AE8574" i="1"/>
  <c r="AE8575" i="1"/>
  <c r="AE8576" i="1"/>
  <c r="AE8577" i="1"/>
  <c r="AE8578" i="1"/>
  <c r="AE8579" i="1"/>
  <c r="AE8580" i="1"/>
  <c r="AE8581" i="1"/>
  <c r="AE8582" i="1"/>
  <c r="AE8583" i="1"/>
  <c r="AE8584" i="1"/>
  <c r="AE8585" i="1"/>
  <c r="AE8586" i="1"/>
  <c r="AE8587" i="1"/>
  <c r="AE8588" i="1"/>
  <c r="AE8589" i="1"/>
  <c r="AE8590" i="1"/>
  <c r="AE8591" i="1"/>
  <c r="AE8592" i="1"/>
  <c r="AE8593" i="1"/>
  <c r="AE8594" i="1"/>
  <c r="AE8595" i="1"/>
  <c r="AE8596" i="1"/>
  <c r="AE8597" i="1"/>
  <c r="AE8598" i="1"/>
  <c r="AE8599" i="1"/>
  <c r="AE8600" i="1"/>
  <c r="AE8601" i="1"/>
  <c r="AE8602" i="1"/>
  <c r="AE8603" i="1"/>
  <c r="AE8604" i="1"/>
  <c r="AE8605" i="1"/>
  <c r="AE8606" i="1"/>
  <c r="AE8607" i="1"/>
  <c r="AE8608" i="1"/>
  <c r="AE8609" i="1"/>
  <c r="AE8610" i="1"/>
  <c r="AE8611" i="1"/>
  <c r="AE8612" i="1"/>
  <c r="AE8613" i="1"/>
  <c r="AE8614" i="1"/>
  <c r="AE8615" i="1"/>
  <c r="AE8616" i="1"/>
  <c r="AE8617" i="1"/>
  <c r="AE8618" i="1"/>
  <c r="AE8619" i="1"/>
  <c r="AE8620" i="1"/>
  <c r="AE8621" i="1"/>
  <c r="AE8622" i="1"/>
  <c r="AE8623" i="1"/>
  <c r="AE8624" i="1"/>
  <c r="AE8625" i="1"/>
  <c r="AE8626" i="1"/>
  <c r="AE8627" i="1"/>
  <c r="AE8628" i="1"/>
  <c r="AE8629" i="1"/>
  <c r="AE8630" i="1"/>
  <c r="AE8631" i="1"/>
  <c r="AE8632" i="1"/>
  <c r="AE8633" i="1"/>
  <c r="AE8634" i="1"/>
  <c r="AE8635" i="1"/>
  <c r="AE8636" i="1"/>
  <c r="AE8637" i="1"/>
  <c r="AE8638" i="1"/>
  <c r="AE8639" i="1"/>
  <c r="AE8640" i="1"/>
  <c r="AE8641" i="1"/>
  <c r="AE8642" i="1"/>
  <c r="AE8643" i="1"/>
  <c r="AE8644" i="1"/>
  <c r="AE8645" i="1"/>
  <c r="AE8646" i="1"/>
  <c r="AE8647" i="1"/>
  <c r="AE8648" i="1"/>
  <c r="AE8649" i="1"/>
  <c r="AE8650" i="1"/>
  <c r="AE8651" i="1"/>
  <c r="AE8652" i="1"/>
  <c r="AE8653" i="1"/>
  <c r="AE8654" i="1"/>
  <c r="AE8655" i="1"/>
  <c r="AE8656" i="1"/>
  <c r="AE8657" i="1"/>
  <c r="AE8658" i="1"/>
  <c r="AE8659" i="1"/>
  <c r="AE8660" i="1"/>
  <c r="AE8661" i="1"/>
  <c r="AE8662" i="1"/>
  <c r="AE8663" i="1"/>
  <c r="AE8664" i="1"/>
  <c r="AE8665" i="1"/>
  <c r="AE8666" i="1"/>
  <c r="AE8667" i="1"/>
  <c r="AE8668" i="1"/>
  <c r="AE8669" i="1"/>
  <c r="AE8670" i="1"/>
  <c r="AE8671" i="1"/>
  <c r="AE8672" i="1"/>
  <c r="AE8673" i="1"/>
  <c r="AE8674" i="1"/>
  <c r="AE8675" i="1"/>
  <c r="AE8676" i="1"/>
  <c r="AE8677" i="1"/>
  <c r="AE8678" i="1"/>
  <c r="AE8679" i="1"/>
  <c r="AE8680" i="1"/>
  <c r="AE8681" i="1"/>
  <c r="AE8682" i="1"/>
  <c r="AE8683" i="1"/>
  <c r="AE8684" i="1"/>
  <c r="AE8685" i="1"/>
  <c r="AE8686" i="1"/>
  <c r="AE8687" i="1"/>
  <c r="AE8688" i="1"/>
  <c r="AE8689" i="1"/>
  <c r="AE8690" i="1"/>
  <c r="AE8691" i="1"/>
  <c r="AE8692" i="1"/>
  <c r="AE8693" i="1"/>
  <c r="AE8694" i="1"/>
  <c r="AE8695" i="1"/>
  <c r="AE8696" i="1"/>
  <c r="AE8697" i="1"/>
  <c r="AE8698" i="1"/>
  <c r="AE8699" i="1"/>
  <c r="AE8700" i="1"/>
  <c r="AE8701" i="1"/>
  <c r="AE8702" i="1"/>
  <c r="AE8703" i="1"/>
  <c r="AE8704" i="1"/>
  <c r="AE8705" i="1"/>
  <c r="AE8706" i="1"/>
  <c r="AE8707" i="1"/>
  <c r="AE8708" i="1"/>
  <c r="AE8709" i="1"/>
  <c r="AE8710" i="1"/>
  <c r="AE8711" i="1"/>
  <c r="AE8712" i="1"/>
  <c r="AE8713" i="1"/>
  <c r="AE8714" i="1"/>
  <c r="AE8715" i="1"/>
  <c r="AE8716" i="1"/>
  <c r="AE8717" i="1"/>
  <c r="AE8718" i="1"/>
  <c r="AE8719" i="1"/>
  <c r="AE8720" i="1"/>
  <c r="AE8721" i="1"/>
  <c r="AE8722" i="1"/>
  <c r="AE8723" i="1"/>
  <c r="AE8724" i="1"/>
  <c r="AE8725" i="1"/>
  <c r="AE8726" i="1"/>
  <c r="AE8727" i="1"/>
  <c r="AE8728" i="1"/>
  <c r="AE8729" i="1"/>
  <c r="AE8730" i="1"/>
  <c r="AE8731" i="1"/>
  <c r="AE8732" i="1"/>
  <c r="AE8733" i="1"/>
  <c r="AE8734" i="1"/>
  <c r="AE8735" i="1"/>
  <c r="AE8736" i="1"/>
  <c r="AE8737" i="1"/>
  <c r="AE8738" i="1"/>
  <c r="AE8739" i="1"/>
  <c r="AE8740" i="1"/>
  <c r="AE8741" i="1"/>
  <c r="AE8742" i="1"/>
  <c r="AE8743" i="1"/>
  <c r="AE8744" i="1"/>
  <c r="AE8745" i="1"/>
  <c r="AE8746" i="1"/>
  <c r="AE8747" i="1"/>
  <c r="AE8748" i="1"/>
  <c r="AE8749" i="1"/>
  <c r="AE8750" i="1"/>
  <c r="AE8751" i="1"/>
  <c r="AE8752" i="1"/>
  <c r="AE8753" i="1"/>
  <c r="AE8754" i="1"/>
  <c r="AE8755" i="1"/>
  <c r="AE8756" i="1"/>
  <c r="AE8757" i="1"/>
  <c r="AE8758" i="1"/>
  <c r="AE8759" i="1"/>
  <c r="AE8760" i="1"/>
  <c r="AE8761" i="1"/>
  <c r="AE8762" i="1"/>
  <c r="AE8763" i="1"/>
  <c r="AE8764" i="1"/>
  <c r="AE8765" i="1"/>
  <c r="AE8766" i="1"/>
  <c r="AE8767" i="1"/>
  <c r="AE8768" i="1"/>
  <c r="AE8769" i="1"/>
  <c r="AE8770" i="1"/>
  <c r="AE8771" i="1"/>
  <c r="AE8772" i="1"/>
  <c r="AE8773" i="1"/>
  <c r="AE8774" i="1"/>
  <c r="AE8775" i="1"/>
  <c r="AE8776" i="1"/>
  <c r="AE8777" i="1"/>
  <c r="AE8778" i="1"/>
  <c r="AE8779" i="1"/>
  <c r="AE8780" i="1"/>
  <c r="AE8781" i="1"/>
  <c r="AE8782" i="1"/>
  <c r="AE8783" i="1"/>
  <c r="AE8784" i="1"/>
  <c r="AE8785" i="1"/>
  <c r="AE8786" i="1"/>
  <c r="AE8787" i="1"/>
  <c r="AE8788" i="1"/>
  <c r="AE8789" i="1"/>
  <c r="AE8790" i="1"/>
  <c r="AE8791" i="1"/>
  <c r="AE8792" i="1"/>
  <c r="AE8793" i="1"/>
  <c r="AE8794" i="1"/>
  <c r="AE8795" i="1"/>
  <c r="AE8796" i="1"/>
  <c r="AE8797" i="1"/>
  <c r="AE8798" i="1"/>
  <c r="AE8799" i="1"/>
  <c r="AE8800" i="1"/>
  <c r="AE8801" i="1"/>
  <c r="AE8802" i="1"/>
  <c r="AE8803" i="1"/>
  <c r="AE8804" i="1"/>
  <c r="AE8805" i="1"/>
  <c r="AE8806" i="1"/>
  <c r="AE8807" i="1"/>
  <c r="AE8808" i="1"/>
  <c r="AE8809" i="1"/>
  <c r="AE8810" i="1"/>
  <c r="AE8811" i="1"/>
  <c r="AE8812" i="1"/>
  <c r="AE8813" i="1"/>
  <c r="AE8814" i="1"/>
  <c r="AE8815" i="1"/>
  <c r="AE8816" i="1"/>
  <c r="AE8817" i="1"/>
  <c r="AE8818" i="1"/>
  <c r="AE8819" i="1"/>
  <c r="AE8820" i="1"/>
  <c r="AE8821" i="1"/>
  <c r="AE8822" i="1"/>
  <c r="AE8823" i="1"/>
  <c r="AE8824" i="1"/>
  <c r="AE8825" i="1"/>
  <c r="AE8826" i="1"/>
  <c r="AE8827" i="1"/>
  <c r="AE8828" i="1"/>
  <c r="AE8829" i="1"/>
  <c r="AE8830" i="1"/>
  <c r="AE8831" i="1"/>
  <c r="AE8832" i="1"/>
  <c r="AE8833" i="1"/>
  <c r="AE8834" i="1"/>
  <c r="AE8835" i="1"/>
  <c r="AE8836" i="1"/>
  <c r="AE8837" i="1"/>
  <c r="AE8838" i="1"/>
  <c r="AE8839" i="1"/>
  <c r="AE8840" i="1"/>
  <c r="AE8841" i="1"/>
  <c r="AE8842" i="1"/>
  <c r="AE8843" i="1"/>
  <c r="AE8844" i="1"/>
  <c r="AE8845" i="1"/>
  <c r="AE8846" i="1"/>
  <c r="AE8847" i="1"/>
  <c r="AE8848" i="1"/>
  <c r="AE8849" i="1"/>
  <c r="AE8850" i="1"/>
  <c r="AE8851" i="1"/>
  <c r="AE8852" i="1"/>
  <c r="AE8853" i="1"/>
  <c r="AE8854" i="1"/>
  <c r="AE8855" i="1"/>
  <c r="AE8856" i="1"/>
  <c r="AE8857" i="1"/>
  <c r="AE8858" i="1"/>
  <c r="AE8859" i="1"/>
  <c r="AE8860" i="1"/>
  <c r="AE8861" i="1"/>
  <c r="AE8862" i="1"/>
  <c r="AE8863" i="1"/>
  <c r="AE8864" i="1"/>
  <c r="AE8865" i="1"/>
  <c r="AE8866" i="1"/>
  <c r="AE8867" i="1"/>
  <c r="AE8868" i="1"/>
  <c r="AE8869" i="1"/>
  <c r="AE8870" i="1"/>
  <c r="AE8871" i="1"/>
  <c r="AE8872" i="1"/>
  <c r="AE8873" i="1"/>
  <c r="AE8874" i="1"/>
  <c r="AE8875" i="1"/>
  <c r="AE8876" i="1"/>
  <c r="AE8877" i="1"/>
  <c r="AE8878" i="1"/>
  <c r="AE8879" i="1"/>
  <c r="AE8880" i="1"/>
  <c r="AE8881" i="1"/>
  <c r="AE8882" i="1"/>
  <c r="AE8883" i="1"/>
  <c r="AE8884" i="1"/>
  <c r="AE8885" i="1"/>
  <c r="AE8886" i="1"/>
  <c r="AE8887" i="1"/>
  <c r="AE8888" i="1"/>
  <c r="AE8889" i="1"/>
  <c r="AE8890" i="1"/>
  <c r="AE8891" i="1"/>
  <c r="AE8892" i="1"/>
  <c r="AE8893" i="1"/>
  <c r="AE8894" i="1"/>
  <c r="AE8895" i="1"/>
  <c r="AE8896" i="1"/>
  <c r="AE8897" i="1"/>
  <c r="AE8898" i="1"/>
  <c r="AE8899" i="1"/>
  <c r="AE8900" i="1"/>
  <c r="AE8901" i="1"/>
  <c r="AE8902" i="1"/>
  <c r="AE8903" i="1"/>
  <c r="AE8904" i="1"/>
  <c r="AE8905" i="1"/>
  <c r="AE8906" i="1"/>
  <c r="AE8907" i="1"/>
  <c r="AE8908" i="1"/>
  <c r="AE8909" i="1"/>
  <c r="AE8910" i="1"/>
  <c r="AE8911" i="1"/>
  <c r="AE8912" i="1"/>
  <c r="AE8913" i="1"/>
  <c r="AE8914" i="1"/>
  <c r="AE8915" i="1"/>
  <c r="AE8916" i="1"/>
  <c r="AE8917" i="1"/>
  <c r="AE8918" i="1"/>
  <c r="AE8919" i="1"/>
  <c r="AE8920" i="1"/>
  <c r="AE8921" i="1"/>
  <c r="AE8922" i="1"/>
  <c r="AE8923" i="1"/>
  <c r="AE8924" i="1"/>
  <c r="AE8925" i="1"/>
  <c r="AE8926" i="1"/>
  <c r="AE8927" i="1"/>
  <c r="AE8928" i="1"/>
  <c r="AE8929" i="1"/>
  <c r="AE8930" i="1"/>
  <c r="AE8931" i="1"/>
  <c r="AE8932" i="1"/>
  <c r="AE8933" i="1"/>
  <c r="AE8934" i="1"/>
  <c r="AE8935" i="1"/>
  <c r="AE8936" i="1"/>
  <c r="AE8937" i="1"/>
  <c r="AE8938" i="1"/>
  <c r="AE8939" i="1"/>
  <c r="AE8940" i="1"/>
  <c r="AE8941" i="1"/>
  <c r="AE8942" i="1"/>
  <c r="AE8943" i="1"/>
  <c r="AE8944" i="1"/>
  <c r="AE8945" i="1"/>
  <c r="AE8946" i="1"/>
  <c r="AE8947" i="1"/>
  <c r="AE8948" i="1"/>
  <c r="AE8949" i="1"/>
  <c r="AE8950" i="1"/>
  <c r="AE8951" i="1"/>
  <c r="AE8952" i="1"/>
  <c r="AE8953" i="1"/>
  <c r="AE8954" i="1"/>
  <c r="AE8955" i="1"/>
  <c r="AE8956" i="1"/>
  <c r="AE8957" i="1"/>
  <c r="AE8958" i="1"/>
  <c r="AE8959" i="1"/>
  <c r="AE8960" i="1"/>
  <c r="AE8961" i="1"/>
  <c r="AE8962" i="1"/>
  <c r="AE8963" i="1"/>
  <c r="AE8964" i="1"/>
  <c r="AE8965" i="1"/>
  <c r="AE8966" i="1"/>
  <c r="AE8967" i="1"/>
  <c r="AE8968" i="1"/>
  <c r="AE8969" i="1"/>
  <c r="AE8970" i="1"/>
  <c r="AE8971" i="1"/>
  <c r="AE8972" i="1"/>
  <c r="AE8973" i="1"/>
  <c r="AE8974" i="1"/>
  <c r="AE8975" i="1"/>
  <c r="AE8976" i="1"/>
  <c r="AE8977" i="1"/>
  <c r="AE8978" i="1"/>
  <c r="AE8979" i="1"/>
  <c r="AE8980" i="1"/>
  <c r="AE8981" i="1"/>
  <c r="AE8982" i="1"/>
  <c r="AE8983" i="1"/>
  <c r="AE8984" i="1"/>
  <c r="AE8985" i="1"/>
  <c r="AE8986" i="1"/>
  <c r="AE8987" i="1"/>
  <c r="AE8988" i="1"/>
  <c r="AE8989" i="1"/>
  <c r="AE8990" i="1"/>
  <c r="AE8991" i="1"/>
  <c r="AE8992" i="1"/>
  <c r="AE8993" i="1"/>
  <c r="AE8994" i="1"/>
  <c r="AE8995" i="1"/>
  <c r="AE8996" i="1"/>
  <c r="AE8997" i="1"/>
  <c r="AE8998" i="1"/>
  <c r="AE8999" i="1"/>
  <c r="AE9000" i="1"/>
  <c r="AE9001" i="1"/>
  <c r="AE9002" i="1"/>
  <c r="AE9003" i="1"/>
  <c r="AE9004" i="1"/>
  <c r="AE9005" i="1"/>
  <c r="AE9006" i="1"/>
  <c r="AE9007" i="1"/>
  <c r="AE9008" i="1"/>
  <c r="AE9009" i="1"/>
  <c r="AE9010" i="1"/>
  <c r="AE9011" i="1"/>
  <c r="AE9012" i="1"/>
  <c r="AE9013" i="1"/>
  <c r="AE9014" i="1"/>
  <c r="AE9015" i="1"/>
  <c r="AE9016" i="1"/>
  <c r="AE9017" i="1"/>
  <c r="AE9018" i="1"/>
  <c r="AE9019" i="1"/>
  <c r="AE9020" i="1"/>
  <c r="AE9021" i="1"/>
  <c r="AE9022" i="1"/>
  <c r="AE9023" i="1"/>
  <c r="AE9024" i="1"/>
  <c r="AE9025" i="1"/>
  <c r="AE9026" i="1"/>
  <c r="AE9027" i="1"/>
  <c r="AE9028" i="1"/>
  <c r="AE9029" i="1"/>
  <c r="AE9030" i="1"/>
  <c r="AE9031" i="1"/>
  <c r="AE9032" i="1"/>
  <c r="AE9033" i="1"/>
  <c r="AE9034" i="1"/>
  <c r="AE9035" i="1"/>
  <c r="AE9036" i="1"/>
  <c r="AE9037" i="1"/>
  <c r="AE9038" i="1"/>
  <c r="AE9039" i="1"/>
  <c r="AE9040" i="1"/>
  <c r="AE9041" i="1"/>
  <c r="AE9042" i="1"/>
  <c r="AE9043" i="1"/>
  <c r="AE9044" i="1"/>
  <c r="AE9045" i="1"/>
  <c r="AE9046" i="1"/>
  <c r="AE9047" i="1"/>
  <c r="AE9048" i="1"/>
  <c r="AE9049" i="1"/>
  <c r="AE9050" i="1"/>
  <c r="AE9051" i="1"/>
  <c r="AE9052" i="1"/>
  <c r="AE9053" i="1"/>
  <c r="AE9054" i="1"/>
  <c r="AE9055" i="1"/>
  <c r="AE9056" i="1"/>
  <c r="AE9057" i="1"/>
  <c r="AE9058" i="1"/>
  <c r="AE9059" i="1"/>
  <c r="AE9060" i="1"/>
  <c r="AE9061" i="1"/>
  <c r="AE9062" i="1"/>
  <c r="AE9063" i="1"/>
  <c r="AE9064" i="1"/>
  <c r="AE9065" i="1"/>
  <c r="AE9066" i="1"/>
  <c r="AE9067" i="1"/>
  <c r="AE9068" i="1"/>
  <c r="AE9069" i="1"/>
  <c r="AE9070" i="1"/>
  <c r="AE9071" i="1"/>
  <c r="AE9072" i="1"/>
  <c r="AE9073" i="1"/>
  <c r="AE9074" i="1"/>
  <c r="AE9075" i="1"/>
  <c r="AE9076" i="1"/>
  <c r="AE9077" i="1"/>
  <c r="AE9078" i="1"/>
  <c r="AE9079" i="1"/>
  <c r="AE9080" i="1"/>
  <c r="AE9081" i="1"/>
  <c r="AE9082" i="1"/>
  <c r="AE9083" i="1"/>
  <c r="AE9084" i="1"/>
  <c r="AE9085" i="1"/>
  <c r="AE9086" i="1"/>
  <c r="AE9087" i="1"/>
  <c r="AE9088" i="1"/>
  <c r="AE9089" i="1"/>
  <c r="AE9090" i="1"/>
  <c r="AE9091" i="1"/>
  <c r="AE9092" i="1"/>
  <c r="AE9093" i="1"/>
  <c r="AE9094" i="1"/>
  <c r="AE9095" i="1"/>
  <c r="AE9096" i="1"/>
  <c r="AE9097" i="1"/>
  <c r="AE9098" i="1"/>
  <c r="AE9099" i="1"/>
  <c r="AE9100" i="1"/>
  <c r="AE9101" i="1"/>
  <c r="AE9102" i="1"/>
  <c r="AE9103" i="1"/>
  <c r="AE9104" i="1"/>
  <c r="AE9105" i="1"/>
  <c r="AE9106" i="1"/>
  <c r="AE9107" i="1"/>
  <c r="AE9108" i="1"/>
  <c r="AE9109" i="1"/>
  <c r="AE9110" i="1"/>
  <c r="AE9111" i="1"/>
  <c r="AE9112" i="1"/>
  <c r="AE9113" i="1"/>
  <c r="AE9114" i="1"/>
  <c r="AE9115" i="1"/>
  <c r="AE9116" i="1"/>
  <c r="AE9117" i="1"/>
  <c r="AE9118" i="1"/>
  <c r="AE9119" i="1"/>
  <c r="AE9120" i="1"/>
  <c r="AE9121" i="1"/>
  <c r="AE9122" i="1"/>
  <c r="AE9123" i="1"/>
  <c r="AE9124" i="1"/>
  <c r="AE9125" i="1"/>
  <c r="AE9126" i="1"/>
  <c r="AE9127" i="1"/>
  <c r="AE9128" i="1"/>
  <c r="AE9129" i="1"/>
  <c r="AE9130" i="1"/>
  <c r="AE9131" i="1"/>
  <c r="AE9132" i="1"/>
  <c r="AE9133" i="1"/>
  <c r="AE9134" i="1"/>
  <c r="AE9135" i="1"/>
  <c r="AE9136" i="1"/>
  <c r="AE9137" i="1"/>
  <c r="AE9138" i="1"/>
  <c r="AE9139" i="1"/>
  <c r="AE9140" i="1"/>
  <c r="AE9141" i="1"/>
  <c r="AE9142" i="1"/>
  <c r="AE9143" i="1"/>
  <c r="AE9144" i="1"/>
  <c r="AE9145" i="1"/>
  <c r="AE9146" i="1"/>
  <c r="AE9147" i="1"/>
  <c r="AE9148" i="1"/>
  <c r="AE9149" i="1"/>
  <c r="AE9150" i="1"/>
  <c r="AE9151" i="1"/>
  <c r="AE9152" i="1"/>
  <c r="AE9153" i="1"/>
  <c r="AE9154" i="1"/>
  <c r="AE9155" i="1"/>
  <c r="AE9156" i="1"/>
  <c r="AE9157" i="1"/>
  <c r="AE9158" i="1"/>
  <c r="AE9159" i="1"/>
  <c r="AE9160" i="1"/>
  <c r="AE9161" i="1"/>
  <c r="AE9162" i="1"/>
  <c r="AE9163" i="1"/>
  <c r="AE9164" i="1"/>
  <c r="AE9165" i="1"/>
  <c r="AE9166" i="1"/>
  <c r="AE9167" i="1"/>
  <c r="AE9168" i="1"/>
  <c r="AE9169" i="1"/>
  <c r="AE9170" i="1"/>
  <c r="AE9171" i="1"/>
  <c r="AE9172" i="1"/>
  <c r="AE9173" i="1"/>
  <c r="AE9174" i="1"/>
  <c r="AE9175" i="1"/>
  <c r="AE9176" i="1"/>
  <c r="AE9177" i="1"/>
  <c r="AE9178" i="1"/>
  <c r="AE9179" i="1"/>
  <c r="AE9180" i="1"/>
  <c r="AE9181" i="1"/>
  <c r="AE9182" i="1"/>
  <c r="AE9183" i="1"/>
  <c r="AE9184" i="1"/>
  <c r="AE9185" i="1"/>
  <c r="AE9186" i="1"/>
  <c r="AE9187" i="1"/>
  <c r="AE9188" i="1"/>
  <c r="AE9189" i="1"/>
  <c r="AE9190" i="1"/>
  <c r="AE9191" i="1"/>
  <c r="AE9192" i="1"/>
  <c r="AE9193" i="1"/>
  <c r="AE9194" i="1"/>
  <c r="AE9195" i="1"/>
  <c r="AE9196" i="1"/>
  <c r="AE9197" i="1"/>
  <c r="AE9198" i="1"/>
  <c r="AE9199" i="1"/>
  <c r="AE9200" i="1"/>
  <c r="AE9201" i="1"/>
  <c r="AE9202" i="1"/>
  <c r="AE9203" i="1"/>
  <c r="AE9204" i="1"/>
  <c r="AE9205" i="1"/>
  <c r="AE9206" i="1"/>
  <c r="AE9207" i="1"/>
  <c r="AE9208" i="1"/>
  <c r="AE9209" i="1"/>
  <c r="AE9210" i="1"/>
  <c r="AE9211" i="1"/>
  <c r="AE9212" i="1"/>
  <c r="AE9213" i="1"/>
  <c r="AE9214" i="1"/>
  <c r="AE9215" i="1"/>
  <c r="AE9216" i="1"/>
  <c r="AE9217" i="1"/>
  <c r="AE9218" i="1"/>
  <c r="AE9219" i="1"/>
  <c r="AE9220" i="1"/>
  <c r="AE9221" i="1"/>
  <c r="AE9222" i="1"/>
  <c r="AE9223" i="1"/>
  <c r="AE9224" i="1"/>
  <c r="AE9225" i="1"/>
  <c r="AE9226" i="1"/>
  <c r="AE9227" i="1"/>
  <c r="AE9228" i="1"/>
  <c r="AE9229" i="1"/>
  <c r="AE9230" i="1"/>
  <c r="AE9231" i="1"/>
  <c r="AE9232" i="1"/>
  <c r="AE9233" i="1"/>
  <c r="AE9234" i="1"/>
  <c r="AE9235" i="1"/>
  <c r="AE9236" i="1"/>
  <c r="AE9237" i="1"/>
  <c r="AE9238" i="1"/>
  <c r="AE9239" i="1"/>
  <c r="AE9240" i="1"/>
  <c r="AE9241" i="1"/>
  <c r="AE9242" i="1"/>
  <c r="AE9243" i="1"/>
  <c r="AE9244" i="1"/>
  <c r="AE9245" i="1"/>
  <c r="AE9246" i="1"/>
  <c r="AE9247" i="1"/>
  <c r="AE9248" i="1"/>
  <c r="AE9249" i="1"/>
  <c r="AE9250" i="1"/>
  <c r="AE9251" i="1"/>
  <c r="AE9252" i="1"/>
  <c r="AE9253" i="1"/>
  <c r="AE9254" i="1"/>
  <c r="AE9255" i="1"/>
  <c r="AE9256" i="1"/>
  <c r="AE9257" i="1"/>
  <c r="AE9258" i="1"/>
  <c r="AE9259" i="1"/>
  <c r="AE9260" i="1"/>
  <c r="AE9261" i="1"/>
  <c r="AE9262" i="1"/>
  <c r="AE9263" i="1"/>
  <c r="AE9264" i="1"/>
  <c r="AE9265" i="1"/>
  <c r="AE9266" i="1"/>
  <c r="AE9267" i="1"/>
  <c r="AE9268" i="1"/>
  <c r="AE9269" i="1"/>
  <c r="AE9270" i="1"/>
  <c r="AE9271" i="1"/>
  <c r="AE9272" i="1"/>
  <c r="AE9273" i="1"/>
  <c r="AE9274" i="1"/>
  <c r="AE9275" i="1"/>
  <c r="AE9276" i="1"/>
  <c r="AE9277" i="1"/>
  <c r="AE9278" i="1"/>
  <c r="AE9279" i="1"/>
  <c r="AE9280" i="1"/>
  <c r="AE9281" i="1"/>
  <c r="AE9282" i="1"/>
  <c r="AE9283" i="1"/>
  <c r="AE9284" i="1"/>
  <c r="AE9285" i="1"/>
  <c r="AE9286" i="1"/>
  <c r="AE9287" i="1"/>
  <c r="AE9288" i="1"/>
  <c r="AE9289" i="1"/>
  <c r="AE9290" i="1"/>
  <c r="AE9291" i="1"/>
  <c r="AE9292" i="1"/>
  <c r="AE9293" i="1"/>
  <c r="AE9294" i="1"/>
  <c r="AE9295" i="1"/>
  <c r="AE9296" i="1"/>
  <c r="AE9297" i="1"/>
  <c r="AE9298" i="1"/>
  <c r="AE9299" i="1"/>
  <c r="AE9300" i="1"/>
  <c r="AE9301" i="1"/>
  <c r="AE9302" i="1"/>
  <c r="AE9303" i="1"/>
  <c r="AE9304" i="1"/>
  <c r="AE9305" i="1"/>
  <c r="AE9306" i="1"/>
  <c r="AE9307" i="1"/>
  <c r="AE9308" i="1"/>
  <c r="AE9309" i="1"/>
  <c r="AE9310" i="1"/>
  <c r="AE9311" i="1"/>
  <c r="AE9312" i="1"/>
  <c r="AE9313" i="1"/>
  <c r="AE9314" i="1"/>
  <c r="AE9315" i="1"/>
  <c r="AE9316" i="1"/>
  <c r="AE9317" i="1"/>
  <c r="AE9318" i="1"/>
  <c r="AE9319" i="1"/>
  <c r="AE9320" i="1"/>
  <c r="AE9321" i="1"/>
  <c r="AE9322" i="1"/>
  <c r="AE9323" i="1"/>
  <c r="AE9324" i="1"/>
  <c r="AE9325" i="1"/>
  <c r="AE9326" i="1"/>
  <c r="AE9327" i="1"/>
  <c r="AE9328" i="1"/>
  <c r="AE9329" i="1"/>
  <c r="AE9330" i="1"/>
  <c r="AE9331" i="1"/>
  <c r="AE9332" i="1"/>
  <c r="AE9333" i="1"/>
  <c r="AE9334" i="1"/>
  <c r="AE9335" i="1"/>
  <c r="AE9336" i="1"/>
  <c r="AE9337" i="1"/>
  <c r="AE9338" i="1"/>
  <c r="AE9339" i="1"/>
  <c r="AE9340" i="1"/>
  <c r="AE9341" i="1"/>
  <c r="AE9342" i="1"/>
  <c r="AE9343" i="1"/>
  <c r="AE9344" i="1"/>
  <c r="AE9345" i="1"/>
  <c r="AE9346" i="1"/>
  <c r="AE9347" i="1"/>
  <c r="AE9348" i="1"/>
  <c r="AE9349" i="1"/>
  <c r="AE9350" i="1"/>
  <c r="AE9351" i="1"/>
  <c r="AE9352" i="1"/>
  <c r="AE9353" i="1"/>
  <c r="AE9354" i="1"/>
  <c r="AE9355" i="1"/>
  <c r="AE9356" i="1"/>
  <c r="AE9357" i="1"/>
  <c r="AE9358" i="1"/>
  <c r="AE9359" i="1"/>
  <c r="AE9360" i="1"/>
  <c r="AE9361" i="1"/>
  <c r="AE9362" i="1"/>
  <c r="AE9363" i="1"/>
  <c r="AE9364" i="1"/>
  <c r="AE9365" i="1"/>
  <c r="AE9366" i="1"/>
  <c r="AE9367" i="1"/>
  <c r="AE9368" i="1"/>
  <c r="AE9369" i="1"/>
  <c r="AE9370" i="1"/>
  <c r="AE9371" i="1"/>
  <c r="AE9372" i="1"/>
  <c r="AE9373" i="1"/>
  <c r="AE9374" i="1"/>
  <c r="AE9375" i="1"/>
  <c r="AE9376" i="1"/>
  <c r="AE9377" i="1"/>
  <c r="AE9378" i="1"/>
  <c r="AE9379" i="1"/>
  <c r="AE9380" i="1"/>
  <c r="AE9381" i="1"/>
  <c r="AE9382" i="1"/>
  <c r="AE9383" i="1"/>
  <c r="AE9384" i="1"/>
  <c r="AE9385" i="1"/>
  <c r="AE9386" i="1"/>
  <c r="AE9387" i="1"/>
  <c r="AE9388" i="1"/>
  <c r="AE9389" i="1"/>
  <c r="AE9390" i="1"/>
  <c r="AE9391" i="1"/>
  <c r="AE9392" i="1"/>
  <c r="AE9393" i="1"/>
  <c r="AE9394" i="1"/>
  <c r="AE9395" i="1"/>
  <c r="AE9396" i="1"/>
  <c r="AE9397" i="1"/>
  <c r="AE9398" i="1"/>
  <c r="AE9399" i="1"/>
  <c r="AE9400" i="1"/>
  <c r="AE9401" i="1"/>
  <c r="AE9402" i="1"/>
  <c r="AE9403" i="1"/>
  <c r="AE9404" i="1"/>
  <c r="AE9405" i="1"/>
  <c r="AE9406" i="1"/>
  <c r="AE9407" i="1"/>
  <c r="AE9408" i="1"/>
  <c r="AE9409" i="1"/>
  <c r="AE9410" i="1"/>
  <c r="AE9411" i="1"/>
  <c r="AE9412" i="1"/>
  <c r="AE9413" i="1"/>
  <c r="AE9414" i="1"/>
  <c r="AE9415" i="1"/>
  <c r="AE9416" i="1"/>
  <c r="AE9417" i="1"/>
  <c r="AE9418" i="1"/>
  <c r="AE9419" i="1"/>
  <c r="AE9420" i="1"/>
  <c r="AE9421" i="1"/>
  <c r="AE9422" i="1"/>
  <c r="AE9423" i="1"/>
  <c r="AE9424" i="1"/>
  <c r="AE9425" i="1"/>
  <c r="AE9426" i="1"/>
  <c r="AE9427" i="1"/>
  <c r="AE9428" i="1"/>
  <c r="AE9429" i="1"/>
  <c r="AE9430" i="1"/>
  <c r="AE9431" i="1"/>
  <c r="AE9432" i="1"/>
  <c r="AE9433" i="1"/>
  <c r="AE9434" i="1"/>
  <c r="AE9435" i="1"/>
  <c r="AE9436" i="1"/>
  <c r="AE9437" i="1"/>
  <c r="AE9438" i="1"/>
  <c r="AE9439" i="1"/>
  <c r="AE9440" i="1"/>
  <c r="AE9441" i="1"/>
  <c r="AE9442" i="1"/>
  <c r="AE9443" i="1"/>
  <c r="AE9444" i="1"/>
  <c r="AE9445" i="1"/>
  <c r="AE9446" i="1"/>
  <c r="AE9447" i="1"/>
  <c r="AE9448" i="1"/>
  <c r="AE9449" i="1"/>
  <c r="AE9450" i="1"/>
  <c r="AE9451" i="1"/>
  <c r="AE9452" i="1"/>
  <c r="AE9453" i="1"/>
  <c r="AE9454" i="1"/>
  <c r="AE9455" i="1"/>
  <c r="AE9456" i="1"/>
  <c r="AE9457" i="1"/>
  <c r="AE9458" i="1"/>
  <c r="AE9459" i="1"/>
  <c r="AE9460" i="1"/>
  <c r="AE9461" i="1"/>
  <c r="AE9462" i="1"/>
  <c r="AE9463" i="1"/>
  <c r="AE9464" i="1"/>
  <c r="AE9465" i="1"/>
  <c r="AE9466" i="1"/>
  <c r="AE9467" i="1"/>
  <c r="AE9468" i="1"/>
  <c r="AE9469" i="1"/>
  <c r="AE9470" i="1"/>
  <c r="AE9471" i="1"/>
  <c r="AE9472" i="1"/>
  <c r="AE9473" i="1"/>
  <c r="AE9474" i="1"/>
  <c r="AE9475" i="1"/>
  <c r="AE9476" i="1"/>
  <c r="AE9477" i="1"/>
  <c r="AE9478" i="1"/>
  <c r="AE9479" i="1"/>
  <c r="AE9480" i="1"/>
  <c r="AE9481" i="1"/>
  <c r="AE9482" i="1"/>
  <c r="AE9483" i="1"/>
  <c r="AE9484" i="1"/>
  <c r="AE9485" i="1"/>
  <c r="AE9486" i="1"/>
  <c r="AE9487" i="1"/>
  <c r="AE9488" i="1"/>
  <c r="AE9489" i="1"/>
  <c r="AE9490" i="1"/>
  <c r="AE9491" i="1"/>
  <c r="AE9492" i="1"/>
  <c r="AE9493" i="1"/>
  <c r="AE9494" i="1"/>
  <c r="AE9495" i="1"/>
  <c r="AE9496" i="1"/>
  <c r="AE9497" i="1"/>
  <c r="AE9498" i="1"/>
  <c r="AE9499" i="1"/>
  <c r="AE9500" i="1"/>
  <c r="AE9501" i="1"/>
  <c r="AE9502" i="1"/>
  <c r="AE9503" i="1"/>
  <c r="AE9504" i="1"/>
  <c r="AE9505" i="1"/>
  <c r="AE9506" i="1"/>
  <c r="AE9507" i="1"/>
  <c r="AE9508" i="1"/>
  <c r="AE9509" i="1"/>
  <c r="AE9510" i="1"/>
  <c r="AE9511" i="1"/>
  <c r="AE9512" i="1"/>
  <c r="AE9513" i="1"/>
  <c r="AE9514" i="1"/>
  <c r="AE9515" i="1"/>
  <c r="AE9516" i="1"/>
  <c r="AE9517" i="1"/>
  <c r="AE9518" i="1"/>
  <c r="AE9519" i="1"/>
  <c r="AE9520" i="1"/>
  <c r="AE9521" i="1"/>
  <c r="AE9522" i="1"/>
  <c r="AE9523" i="1"/>
  <c r="AE9524" i="1"/>
  <c r="AE9525" i="1"/>
  <c r="AE9526" i="1"/>
  <c r="AE9527" i="1"/>
  <c r="AE9528" i="1"/>
  <c r="AE9529" i="1"/>
  <c r="AE9530" i="1"/>
  <c r="AE9531" i="1"/>
  <c r="AE9532" i="1"/>
  <c r="AE9533" i="1"/>
  <c r="AE9534" i="1"/>
  <c r="AE9535" i="1"/>
  <c r="AE9536" i="1"/>
  <c r="AE9537" i="1"/>
  <c r="AE9538" i="1"/>
  <c r="AE9539" i="1"/>
  <c r="AE9540" i="1"/>
  <c r="AE9541" i="1"/>
  <c r="AE9542" i="1"/>
  <c r="AE9543" i="1"/>
  <c r="AE9544" i="1"/>
  <c r="AE9545" i="1"/>
  <c r="AE9546" i="1"/>
  <c r="AE9547" i="1"/>
  <c r="AE9548" i="1"/>
  <c r="AE9549" i="1"/>
  <c r="AE9550" i="1"/>
  <c r="AE9551" i="1"/>
  <c r="AE9552" i="1"/>
  <c r="AE9553" i="1"/>
  <c r="AE9554" i="1"/>
  <c r="AE9555" i="1"/>
  <c r="AE9556" i="1"/>
  <c r="AE9557" i="1"/>
  <c r="AE9558" i="1"/>
  <c r="AE9559" i="1"/>
  <c r="AE9560" i="1"/>
  <c r="AE9561" i="1"/>
  <c r="AE9562" i="1"/>
  <c r="AE9563" i="1"/>
  <c r="AE9564" i="1"/>
  <c r="AE9565" i="1"/>
  <c r="AE9566" i="1"/>
  <c r="AE9567" i="1"/>
  <c r="AE9568" i="1"/>
  <c r="AE9569" i="1"/>
  <c r="AE9570" i="1"/>
  <c r="AE9571" i="1"/>
  <c r="AE9572" i="1"/>
  <c r="AE9573" i="1"/>
  <c r="AE9574" i="1"/>
  <c r="AE9575" i="1"/>
  <c r="AE9576" i="1"/>
  <c r="AE9577" i="1"/>
  <c r="AE9578" i="1"/>
  <c r="AE9579" i="1"/>
  <c r="AE9580" i="1"/>
  <c r="AE9581" i="1"/>
  <c r="AE9582" i="1"/>
  <c r="AE9583" i="1"/>
  <c r="AE9584" i="1"/>
  <c r="AE9585" i="1"/>
  <c r="AE9586" i="1"/>
  <c r="AE9587" i="1"/>
  <c r="AE9588" i="1"/>
  <c r="AE9589" i="1"/>
  <c r="AE9590" i="1"/>
  <c r="AE9591" i="1"/>
  <c r="AE9592" i="1"/>
  <c r="AE9593" i="1"/>
  <c r="AE9594" i="1"/>
  <c r="AE9595" i="1"/>
  <c r="AE9596" i="1"/>
  <c r="AE9597" i="1"/>
  <c r="AE9598" i="1"/>
  <c r="AE9599" i="1"/>
  <c r="AE9600" i="1"/>
  <c r="AE9601" i="1"/>
  <c r="AE9602" i="1"/>
  <c r="AE9603" i="1"/>
  <c r="AE9604" i="1"/>
  <c r="AE9605" i="1"/>
  <c r="AE9606" i="1"/>
  <c r="AE9607" i="1"/>
  <c r="AE9608" i="1"/>
  <c r="AE9609" i="1"/>
  <c r="AE9610" i="1"/>
  <c r="AE9611" i="1"/>
  <c r="AE9612" i="1"/>
  <c r="AE9613" i="1"/>
  <c r="AE9614" i="1"/>
  <c r="AE9615" i="1"/>
  <c r="AE9616" i="1"/>
  <c r="AE9617" i="1"/>
  <c r="AE9618" i="1"/>
  <c r="AE9619" i="1"/>
  <c r="AE9620" i="1"/>
  <c r="AE9621" i="1"/>
  <c r="AE9622" i="1"/>
  <c r="AE9623" i="1"/>
  <c r="AE9624" i="1"/>
  <c r="AE9625" i="1"/>
  <c r="AE9626" i="1"/>
  <c r="AE9627" i="1"/>
  <c r="AE9628" i="1"/>
  <c r="AE9629" i="1"/>
  <c r="AE9630" i="1"/>
  <c r="AE9631" i="1"/>
  <c r="AE9632" i="1"/>
  <c r="AE9633" i="1"/>
  <c r="AE9634" i="1"/>
  <c r="AE9635" i="1"/>
  <c r="AE9636" i="1"/>
  <c r="AE9637" i="1"/>
  <c r="AE9638" i="1"/>
  <c r="AE9639" i="1"/>
  <c r="AE9640" i="1"/>
  <c r="AE9641" i="1"/>
  <c r="AE9642" i="1"/>
  <c r="AE9643" i="1"/>
  <c r="AE9644" i="1"/>
  <c r="AE9645" i="1"/>
  <c r="AE9646" i="1"/>
  <c r="AE9647" i="1"/>
  <c r="AE9648" i="1"/>
  <c r="AE9649" i="1"/>
  <c r="AE9650" i="1"/>
  <c r="AE9651" i="1"/>
  <c r="AE9652" i="1"/>
  <c r="AE9653" i="1"/>
  <c r="AE9654" i="1"/>
  <c r="AE9655" i="1"/>
  <c r="AE9656" i="1"/>
  <c r="AE9657" i="1"/>
  <c r="AE9658" i="1"/>
  <c r="AE9659" i="1"/>
  <c r="AE9660" i="1"/>
  <c r="AE9661" i="1"/>
  <c r="AE9662" i="1"/>
  <c r="AE9663" i="1"/>
  <c r="AE9664" i="1"/>
  <c r="AE9665" i="1"/>
  <c r="AE9666" i="1"/>
  <c r="AE9667" i="1"/>
  <c r="AE9668" i="1"/>
  <c r="AE9669" i="1"/>
  <c r="AE9670" i="1"/>
  <c r="AE9671" i="1"/>
  <c r="AE9672" i="1"/>
  <c r="AE9673" i="1"/>
  <c r="AE9674" i="1"/>
  <c r="AE9675" i="1"/>
  <c r="AE9676" i="1"/>
  <c r="AE9677" i="1"/>
  <c r="AE9678" i="1"/>
  <c r="AE9679" i="1"/>
  <c r="AE9680" i="1"/>
  <c r="AE9681" i="1"/>
  <c r="AE9682" i="1"/>
  <c r="AE9683" i="1"/>
  <c r="AE9684" i="1"/>
  <c r="AE9685" i="1"/>
  <c r="AE9686" i="1"/>
  <c r="AE9687" i="1"/>
  <c r="AE9688" i="1"/>
  <c r="AE9689" i="1"/>
  <c r="AE9690" i="1"/>
  <c r="AE9691" i="1"/>
  <c r="AE9692" i="1"/>
  <c r="AE9693" i="1"/>
  <c r="AE9694" i="1"/>
  <c r="AE9695" i="1"/>
  <c r="AE9696" i="1"/>
  <c r="AE9697" i="1"/>
  <c r="AE9698" i="1"/>
  <c r="AE9699" i="1"/>
  <c r="AE9700" i="1"/>
  <c r="AE9701" i="1"/>
  <c r="AE9702" i="1"/>
  <c r="AE9703" i="1"/>
  <c r="AE9704" i="1"/>
  <c r="AE9705" i="1"/>
  <c r="AE9706" i="1"/>
  <c r="AE9707" i="1"/>
  <c r="AE9708" i="1"/>
  <c r="AE9709" i="1"/>
  <c r="AE9710" i="1"/>
  <c r="AE9711" i="1"/>
  <c r="AE9712" i="1"/>
  <c r="AE9713" i="1"/>
  <c r="AE9714" i="1"/>
  <c r="AE9715" i="1"/>
  <c r="AE9716" i="1"/>
  <c r="AE9717" i="1"/>
  <c r="AE9718" i="1"/>
  <c r="AE9719" i="1"/>
  <c r="AE9720" i="1"/>
  <c r="AE9721" i="1"/>
  <c r="AE9722" i="1"/>
  <c r="AE9723" i="1"/>
  <c r="AE9724" i="1"/>
  <c r="AE9725" i="1"/>
  <c r="AE9726" i="1"/>
  <c r="AE9727" i="1"/>
  <c r="AE9728" i="1"/>
  <c r="AE9729" i="1"/>
  <c r="AE9730" i="1"/>
  <c r="AE9731" i="1"/>
  <c r="AE9732" i="1"/>
  <c r="AE9733" i="1"/>
  <c r="AE9734" i="1"/>
  <c r="AE9735" i="1"/>
  <c r="AE9736" i="1"/>
  <c r="AE9737" i="1"/>
  <c r="AE9738" i="1"/>
  <c r="AE9739" i="1"/>
  <c r="AE9740" i="1"/>
  <c r="AE9741" i="1"/>
  <c r="AE9742" i="1"/>
  <c r="AE9743" i="1"/>
  <c r="AE9744" i="1"/>
  <c r="AE9745" i="1"/>
  <c r="AE9746" i="1"/>
  <c r="AE9747" i="1"/>
  <c r="AE9748" i="1"/>
  <c r="AE9749" i="1"/>
  <c r="AE9750" i="1"/>
  <c r="AE9751" i="1"/>
  <c r="AE9752" i="1"/>
  <c r="AE9753" i="1"/>
  <c r="AE9754" i="1"/>
  <c r="AE9755" i="1"/>
  <c r="AE9756" i="1"/>
  <c r="AE9757" i="1"/>
  <c r="AE9758" i="1"/>
  <c r="AE9759" i="1"/>
  <c r="AE9760" i="1"/>
  <c r="AE9761" i="1"/>
  <c r="AE9762" i="1"/>
  <c r="AE9763" i="1"/>
  <c r="AE9764" i="1"/>
  <c r="AE9765" i="1"/>
  <c r="AE9766" i="1"/>
  <c r="AE9767" i="1"/>
  <c r="AE9768" i="1"/>
  <c r="AE9769" i="1"/>
  <c r="AE9770" i="1"/>
  <c r="AE9771" i="1"/>
  <c r="AE9772" i="1"/>
  <c r="AE9773" i="1"/>
  <c r="AE9774" i="1"/>
  <c r="AE9775" i="1"/>
  <c r="AE9776" i="1"/>
  <c r="AE9777" i="1"/>
  <c r="AE9778" i="1"/>
  <c r="AE9779" i="1"/>
  <c r="AE9780" i="1"/>
  <c r="AE9781" i="1"/>
  <c r="AE9782" i="1"/>
  <c r="AE9783" i="1"/>
  <c r="AE9784" i="1"/>
  <c r="AE9785" i="1"/>
  <c r="AE9786" i="1"/>
  <c r="AE9787" i="1"/>
  <c r="AE9788" i="1"/>
  <c r="AE9789" i="1"/>
  <c r="AE9790" i="1"/>
  <c r="AE9791" i="1"/>
  <c r="AE9792" i="1"/>
  <c r="AE9793" i="1"/>
  <c r="AE9794" i="1"/>
  <c r="AE9795" i="1"/>
  <c r="AE9796" i="1"/>
  <c r="AE9797" i="1"/>
  <c r="AE9798" i="1"/>
  <c r="AE9799" i="1"/>
  <c r="AE9800" i="1"/>
  <c r="AE9801" i="1"/>
  <c r="AE9802" i="1"/>
  <c r="AE9803" i="1"/>
  <c r="AE9804" i="1"/>
  <c r="AE9805" i="1"/>
  <c r="AE9806" i="1"/>
  <c r="AE9807" i="1"/>
  <c r="AE9808" i="1"/>
  <c r="AE9809" i="1"/>
  <c r="AE9810" i="1"/>
  <c r="AE9811" i="1"/>
  <c r="AE9812" i="1"/>
  <c r="AE9813" i="1"/>
  <c r="AE9814" i="1"/>
  <c r="AE9815" i="1"/>
  <c r="AE9816" i="1"/>
  <c r="AE9817" i="1"/>
  <c r="AE9818" i="1"/>
  <c r="AE9819" i="1"/>
  <c r="AE9820" i="1"/>
  <c r="AE9821" i="1"/>
  <c r="AE9822" i="1"/>
  <c r="AE9823" i="1"/>
  <c r="AE9824" i="1"/>
  <c r="AE9825" i="1"/>
  <c r="AE9826" i="1"/>
  <c r="AE9827" i="1"/>
  <c r="AE9828" i="1"/>
  <c r="AE9829" i="1"/>
  <c r="AE9830" i="1"/>
  <c r="AE9831" i="1"/>
  <c r="AE9832" i="1"/>
  <c r="AE9833" i="1"/>
  <c r="AE9834" i="1"/>
  <c r="AE9835" i="1"/>
  <c r="AE9836" i="1"/>
  <c r="AE9837" i="1"/>
  <c r="AE9838" i="1"/>
  <c r="AE9839" i="1"/>
  <c r="AE9840" i="1"/>
  <c r="AE9841" i="1"/>
  <c r="AE9842" i="1"/>
  <c r="AE9843" i="1"/>
  <c r="AE9844" i="1"/>
  <c r="AE9845" i="1"/>
  <c r="AE9846" i="1"/>
  <c r="AE9847" i="1"/>
  <c r="AE9848" i="1"/>
  <c r="AE9849" i="1"/>
  <c r="AE9850" i="1"/>
  <c r="AE9851" i="1"/>
  <c r="AE9852" i="1"/>
  <c r="AE9853" i="1"/>
  <c r="AE9854" i="1"/>
  <c r="AE9855" i="1"/>
  <c r="AE9856" i="1"/>
  <c r="AE9857" i="1"/>
  <c r="AE9858" i="1"/>
  <c r="AE9859" i="1"/>
  <c r="AE9860" i="1"/>
  <c r="AE9861" i="1"/>
  <c r="AE9862" i="1"/>
  <c r="AE9863" i="1"/>
  <c r="AE9864" i="1"/>
  <c r="AE9865" i="1"/>
  <c r="AE9866" i="1"/>
  <c r="AE9867" i="1"/>
  <c r="AE9868" i="1"/>
  <c r="AE9869" i="1"/>
  <c r="AE9870" i="1"/>
  <c r="AE9871" i="1"/>
  <c r="AE9872" i="1"/>
  <c r="AE9873" i="1"/>
  <c r="AE9874" i="1"/>
  <c r="AE9875" i="1"/>
  <c r="AE9876" i="1"/>
  <c r="AE9877" i="1"/>
  <c r="AE9878" i="1"/>
  <c r="AE9879" i="1"/>
  <c r="AE9880" i="1"/>
  <c r="AE9881" i="1"/>
  <c r="AE9882" i="1"/>
  <c r="AE9883" i="1"/>
  <c r="AE9884" i="1"/>
  <c r="AE9885" i="1"/>
  <c r="AE9886" i="1"/>
  <c r="AE9887" i="1"/>
  <c r="AE9888" i="1"/>
  <c r="AE9889" i="1"/>
  <c r="AE9890" i="1"/>
  <c r="AE9891" i="1"/>
  <c r="AE9892" i="1"/>
  <c r="AE9893" i="1"/>
  <c r="AE9894" i="1"/>
  <c r="AE9895" i="1"/>
  <c r="AE9896" i="1"/>
  <c r="AE9897" i="1"/>
  <c r="AE9898" i="1"/>
  <c r="AE9899" i="1"/>
  <c r="AE9900" i="1"/>
  <c r="AE9901" i="1"/>
  <c r="AE9902" i="1"/>
  <c r="AE9903" i="1"/>
  <c r="AE9904" i="1"/>
  <c r="AE9905" i="1"/>
  <c r="AE9906" i="1"/>
  <c r="AE9907" i="1"/>
  <c r="AE9908" i="1"/>
  <c r="AE9909" i="1"/>
  <c r="AE9910" i="1"/>
  <c r="AE9911" i="1"/>
  <c r="AE9912" i="1"/>
  <c r="AE9913" i="1"/>
  <c r="AE9914" i="1"/>
  <c r="AE9915" i="1"/>
  <c r="AE9916" i="1"/>
  <c r="AE9917" i="1"/>
  <c r="AE9918" i="1"/>
  <c r="AE9919" i="1"/>
  <c r="AE9920" i="1"/>
  <c r="AE9921" i="1"/>
  <c r="AE9922" i="1"/>
  <c r="AE9923" i="1"/>
  <c r="AE9924" i="1"/>
  <c r="AE9925" i="1"/>
  <c r="AE9926" i="1"/>
  <c r="AE9927" i="1"/>
  <c r="AE9928" i="1"/>
  <c r="AE9929" i="1"/>
  <c r="AE9930" i="1"/>
  <c r="AE9931" i="1"/>
  <c r="AE9932" i="1"/>
  <c r="AE9933" i="1"/>
  <c r="AE9934" i="1"/>
  <c r="AE9935" i="1"/>
  <c r="AE9936" i="1"/>
  <c r="AE9937" i="1"/>
  <c r="AE9938" i="1"/>
  <c r="AE9939" i="1"/>
  <c r="AE9940" i="1"/>
  <c r="AE9941" i="1"/>
  <c r="AE9942" i="1"/>
  <c r="AE9943" i="1"/>
  <c r="AE9944" i="1"/>
  <c r="AE9945" i="1"/>
  <c r="AE9946" i="1"/>
  <c r="AE9947" i="1"/>
  <c r="AE9948" i="1"/>
  <c r="AE9949" i="1"/>
  <c r="AE9950" i="1"/>
  <c r="AE9951" i="1"/>
  <c r="AE9952" i="1"/>
  <c r="AE9953" i="1"/>
  <c r="AE9954" i="1"/>
  <c r="AE9955" i="1"/>
  <c r="AE9956" i="1"/>
  <c r="AE9957" i="1"/>
  <c r="AE9958" i="1"/>
  <c r="AE9959" i="1"/>
  <c r="AE9960" i="1"/>
  <c r="AE9961" i="1"/>
  <c r="AE9962" i="1"/>
  <c r="AE9963" i="1"/>
  <c r="AE9964" i="1"/>
  <c r="AE9965" i="1"/>
  <c r="AE9966" i="1"/>
  <c r="AE9967" i="1"/>
  <c r="AE9968" i="1"/>
  <c r="AE9969" i="1"/>
  <c r="AE9970" i="1"/>
  <c r="AE9971" i="1"/>
  <c r="AE9972" i="1"/>
  <c r="AE9973" i="1"/>
  <c r="AE9974" i="1"/>
  <c r="AE9975" i="1"/>
  <c r="AE9976" i="1"/>
  <c r="AE9977" i="1"/>
  <c r="AE9978" i="1"/>
  <c r="AE9979" i="1"/>
  <c r="AE9980" i="1"/>
  <c r="AE9981" i="1"/>
  <c r="AE9982" i="1"/>
  <c r="AE9983" i="1"/>
  <c r="AE9984" i="1"/>
  <c r="AE9985" i="1"/>
  <c r="AE9986" i="1"/>
  <c r="AE9987" i="1"/>
  <c r="AE9988" i="1"/>
  <c r="AE9989" i="1"/>
  <c r="AE9990" i="1"/>
  <c r="AE9991" i="1"/>
  <c r="AE9992" i="1"/>
  <c r="AE9993" i="1"/>
  <c r="AE9994" i="1"/>
  <c r="AE9995" i="1"/>
  <c r="AE9996" i="1"/>
  <c r="AE9997" i="1"/>
  <c r="AE9998" i="1"/>
  <c r="AE9999" i="1"/>
  <c r="AE10000" i="1"/>
  <c r="AE10001" i="1"/>
  <c r="AE10002" i="1"/>
  <c r="AE10003" i="1"/>
  <c r="AE10004" i="1"/>
  <c r="AE10005" i="1"/>
  <c r="AE10006" i="1"/>
  <c r="AE10007" i="1"/>
  <c r="AE10008" i="1"/>
  <c r="AE10009" i="1"/>
  <c r="AE10010" i="1"/>
  <c r="AE10011" i="1"/>
  <c r="AE10012" i="1"/>
  <c r="AE10013" i="1"/>
  <c r="AE10014" i="1"/>
  <c r="AE10015" i="1"/>
  <c r="AE10016" i="1"/>
  <c r="AE10017" i="1"/>
  <c r="AE10018" i="1"/>
  <c r="AE10019" i="1"/>
  <c r="AE10020" i="1"/>
  <c r="AE10021" i="1"/>
  <c r="AE10022" i="1"/>
  <c r="AE10023" i="1"/>
  <c r="AE10024" i="1"/>
  <c r="AE10025" i="1"/>
  <c r="AE10026" i="1"/>
  <c r="AE10027" i="1"/>
  <c r="AE10028" i="1"/>
  <c r="AE10029" i="1"/>
  <c r="AE10030" i="1"/>
  <c r="AE10031" i="1"/>
  <c r="AE10032" i="1"/>
  <c r="AE10033" i="1"/>
  <c r="AE10034" i="1"/>
  <c r="AE10035" i="1"/>
  <c r="AE10036" i="1"/>
  <c r="AE10037" i="1"/>
  <c r="AE10038" i="1"/>
  <c r="AE10039" i="1"/>
  <c r="AE10040" i="1"/>
  <c r="AE10041" i="1"/>
  <c r="AE10042" i="1"/>
  <c r="AE10043" i="1"/>
  <c r="AE10044" i="1"/>
  <c r="AE10045" i="1"/>
  <c r="AE10046" i="1"/>
  <c r="AE10047" i="1"/>
  <c r="AE10048" i="1"/>
  <c r="AE10049" i="1"/>
  <c r="AE10050" i="1"/>
  <c r="AE10051" i="1"/>
  <c r="AE10052" i="1"/>
  <c r="AE10053" i="1"/>
  <c r="AE10054" i="1"/>
  <c r="AE10055" i="1"/>
  <c r="AE10056" i="1"/>
  <c r="AE10057" i="1"/>
  <c r="AE10058" i="1"/>
  <c r="AE10059" i="1"/>
  <c r="AE10060" i="1"/>
  <c r="AE10061" i="1"/>
  <c r="AE10062" i="1"/>
  <c r="AE10063" i="1"/>
  <c r="AE10064" i="1"/>
  <c r="AE10065" i="1"/>
  <c r="AE10066" i="1"/>
  <c r="AE10067" i="1"/>
  <c r="AE10068" i="1"/>
  <c r="AE10069" i="1"/>
  <c r="AE10070" i="1"/>
  <c r="AE10071" i="1"/>
  <c r="AE10072" i="1"/>
  <c r="AE10073" i="1"/>
  <c r="AE10074" i="1"/>
  <c r="AE10075" i="1"/>
  <c r="AE10076" i="1"/>
  <c r="AE10077" i="1"/>
  <c r="AE10078" i="1"/>
  <c r="AE10079" i="1"/>
  <c r="AE10080" i="1"/>
  <c r="AE10081" i="1"/>
  <c r="AE10082" i="1"/>
  <c r="AE10083" i="1"/>
  <c r="AE10084" i="1"/>
  <c r="AE10085" i="1"/>
  <c r="AE10086" i="1"/>
  <c r="AE10087" i="1"/>
  <c r="AE10088" i="1"/>
  <c r="AE10089" i="1"/>
  <c r="AE10090" i="1"/>
  <c r="AE10091" i="1"/>
  <c r="AE10092" i="1"/>
  <c r="AE10093" i="1"/>
  <c r="AE10094" i="1"/>
  <c r="AE10095" i="1"/>
  <c r="AE10096" i="1"/>
  <c r="AE10097" i="1"/>
  <c r="AE10098" i="1"/>
  <c r="AE10099" i="1"/>
  <c r="AE10100" i="1"/>
  <c r="AE10101" i="1"/>
  <c r="AE10102" i="1"/>
  <c r="AE10103" i="1"/>
  <c r="AE10104" i="1"/>
  <c r="AE10105" i="1"/>
  <c r="AE10106" i="1"/>
  <c r="AE10107" i="1"/>
  <c r="AE10108" i="1"/>
  <c r="AE10109" i="1"/>
  <c r="AE10110" i="1"/>
  <c r="AE10111" i="1"/>
  <c r="AE10112" i="1"/>
  <c r="AE10113" i="1"/>
  <c r="AE10114" i="1"/>
  <c r="AE10115" i="1"/>
  <c r="AE10116" i="1"/>
  <c r="AE10117" i="1"/>
  <c r="AE10118" i="1"/>
  <c r="AE10119" i="1"/>
  <c r="AE10120" i="1"/>
  <c r="AE10121" i="1"/>
  <c r="AE10122" i="1"/>
  <c r="AE10123" i="1"/>
  <c r="AE10124" i="1"/>
  <c r="AE10125" i="1"/>
  <c r="AE10126" i="1"/>
  <c r="AE10127" i="1"/>
  <c r="AE10128" i="1"/>
  <c r="AE10129" i="1"/>
  <c r="AE10130" i="1"/>
  <c r="AE10131" i="1"/>
  <c r="AE10132" i="1"/>
  <c r="AE10133" i="1"/>
  <c r="AE10134" i="1"/>
  <c r="AE10135" i="1"/>
  <c r="AE10136" i="1"/>
  <c r="AE10137" i="1"/>
  <c r="AE10138" i="1"/>
  <c r="AE10139" i="1"/>
  <c r="AE10140" i="1"/>
  <c r="AE10141" i="1"/>
  <c r="AE10142" i="1"/>
  <c r="AE10143" i="1"/>
  <c r="AE10144" i="1"/>
  <c r="AE10145" i="1"/>
  <c r="AE10146" i="1"/>
  <c r="AE10147" i="1"/>
  <c r="AE10148" i="1"/>
  <c r="AE10149" i="1"/>
  <c r="AE10150" i="1"/>
  <c r="AE10151" i="1"/>
  <c r="AE10152" i="1"/>
  <c r="AE10153" i="1"/>
  <c r="AE10154" i="1"/>
  <c r="AE10155" i="1"/>
  <c r="AE10156" i="1"/>
  <c r="AE10157" i="1"/>
  <c r="AE10158" i="1"/>
  <c r="AE10159" i="1"/>
  <c r="AE10160" i="1"/>
  <c r="AE10161" i="1"/>
  <c r="AE10162" i="1"/>
  <c r="AE10163" i="1"/>
  <c r="AE10164" i="1"/>
  <c r="AE10165" i="1"/>
  <c r="AE10166" i="1"/>
  <c r="AE10167" i="1"/>
  <c r="AE10168" i="1"/>
  <c r="AE10169" i="1"/>
  <c r="AE10170" i="1"/>
  <c r="AE10171" i="1"/>
  <c r="AE10172" i="1"/>
  <c r="AE10173" i="1"/>
  <c r="AE10174" i="1"/>
  <c r="AE10175" i="1"/>
  <c r="AE10176" i="1"/>
  <c r="AE10177" i="1"/>
  <c r="AE10178" i="1"/>
  <c r="AE10179" i="1"/>
  <c r="AE10180" i="1"/>
  <c r="AE10181" i="1"/>
  <c r="AE10182" i="1"/>
  <c r="AE10183" i="1"/>
  <c r="AE10184" i="1"/>
  <c r="AE10185" i="1"/>
  <c r="AE10186" i="1"/>
  <c r="AE10187" i="1"/>
  <c r="AE10188" i="1"/>
  <c r="AE10189" i="1"/>
  <c r="AE10190" i="1"/>
  <c r="AE10191" i="1"/>
  <c r="AE10192" i="1"/>
  <c r="AE10193" i="1"/>
  <c r="AE10194" i="1"/>
  <c r="AE10195" i="1"/>
  <c r="AE10196" i="1"/>
  <c r="AE10197" i="1"/>
  <c r="AE10198" i="1"/>
  <c r="AE10199" i="1"/>
  <c r="AE10200" i="1"/>
  <c r="AE10201" i="1"/>
  <c r="AE10202" i="1"/>
  <c r="AE10203" i="1"/>
  <c r="AE10204" i="1"/>
  <c r="AE10205" i="1"/>
  <c r="AE10206" i="1"/>
  <c r="AE10207" i="1"/>
  <c r="AE10208" i="1"/>
  <c r="AE10209" i="1"/>
  <c r="AE10210" i="1"/>
  <c r="AE10211" i="1"/>
  <c r="AE10212" i="1"/>
  <c r="AE10213" i="1"/>
  <c r="AE10214" i="1"/>
  <c r="AE10215" i="1"/>
  <c r="AE10216" i="1"/>
  <c r="AE10217" i="1"/>
  <c r="AE10218" i="1"/>
  <c r="AE10219" i="1"/>
  <c r="AE10220" i="1"/>
  <c r="AE10221" i="1"/>
  <c r="AE10222" i="1"/>
  <c r="AE10223" i="1"/>
  <c r="AE10224" i="1"/>
  <c r="AE10225" i="1"/>
  <c r="AE10226" i="1"/>
  <c r="AE10227" i="1"/>
  <c r="AE10228" i="1"/>
  <c r="AE10229" i="1"/>
  <c r="AE10230" i="1"/>
  <c r="AE10231" i="1"/>
  <c r="AE10232" i="1"/>
  <c r="AE10233" i="1"/>
  <c r="AE10234" i="1"/>
  <c r="AE10235" i="1"/>
  <c r="AE10236" i="1"/>
  <c r="AE10237" i="1"/>
  <c r="AE10238" i="1"/>
  <c r="AE10239" i="1"/>
  <c r="AE10240" i="1"/>
  <c r="AE10241" i="1"/>
  <c r="AE10242" i="1"/>
  <c r="AE10243" i="1"/>
  <c r="AE10244" i="1"/>
  <c r="AE10245" i="1"/>
  <c r="AE10246" i="1"/>
  <c r="AE10247" i="1"/>
  <c r="AE10248" i="1"/>
  <c r="AE10249" i="1"/>
  <c r="AE10250" i="1"/>
  <c r="AE10251" i="1"/>
  <c r="AE10252" i="1"/>
  <c r="AE10253" i="1"/>
  <c r="AE10254" i="1"/>
  <c r="AE10255" i="1"/>
  <c r="AE10256" i="1"/>
  <c r="AE10257" i="1"/>
  <c r="AE10258" i="1"/>
  <c r="AE10259" i="1"/>
  <c r="AE10260" i="1"/>
  <c r="AE10261" i="1"/>
  <c r="AE10262" i="1"/>
  <c r="AE10263" i="1"/>
  <c r="AE10264" i="1"/>
  <c r="AE10265" i="1"/>
  <c r="AE10266" i="1"/>
  <c r="AE10267" i="1"/>
  <c r="AE10268" i="1"/>
  <c r="AE10269" i="1"/>
  <c r="AE10270" i="1"/>
  <c r="AE10271" i="1"/>
  <c r="AE10272" i="1"/>
  <c r="AE10273" i="1"/>
  <c r="AE10274" i="1"/>
  <c r="AE10275" i="1"/>
  <c r="AE10276" i="1"/>
  <c r="AE10277" i="1"/>
  <c r="AE10278" i="1"/>
  <c r="AE10279" i="1"/>
  <c r="AE10280" i="1"/>
  <c r="AE10281" i="1"/>
  <c r="AE10282" i="1"/>
  <c r="AE10283" i="1"/>
  <c r="AE10284" i="1"/>
  <c r="AE10285" i="1"/>
  <c r="AE10286" i="1"/>
  <c r="AE10287" i="1"/>
  <c r="AE10288" i="1"/>
  <c r="AE10289" i="1"/>
  <c r="AE10290" i="1"/>
  <c r="AE10291" i="1"/>
  <c r="AE10292" i="1"/>
  <c r="AE10293" i="1"/>
  <c r="AE10294" i="1"/>
  <c r="AE10295" i="1"/>
  <c r="AE10296" i="1"/>
  <c r="AE10297" i="1"/>
  <c r="AE10298" i="1"/>
  <c r="AE10299" i="1"/>
  <c r="AE10300" i="1"/>
  <c r="AE10301" i="1"/>
  <c r="AE10302" i="1"/>
  <c r="AE10303" i="1"/>
  <c r="AE10304" i="1"/>
  <c r="AE10305" i="1"/>
  <c r="AE10306" i="1"/>
  <c r="AE10307" i="1"/>
  <c r="AE10308" i="1"/>
  <c r="AE10309" i="1"/>
  <c r="AE10310" i="1"/>
  <c r="AE10311" i="1"/>
  <c r="AE10312" i="1"/>
  <c r="AE10313" i="1"/>
  <c r="AE10314" i="1"/>
  <c r="AE10315" i="1"/>
  <c r="AE10316" i="1"/>
  <c r="AE10317" i="1"/>
  <c r="AE10318" i="1"/>
  <c r="AE10319" i="1"/>
  <c r="AE10320" i="1"/>
  <c r="AE10321" i="1"/>
  <c r="AE10322" i="1"/>
  <c r="AE10323" i="1"/>
  <c r="AE10324" i="1"/>
  <c r="AE10325" i="1"/>
  <c r="AE10326" i="1"/>
  <c r="AE10327" i="1"/>
  <c r="AE10328" i="1"/>
  <c r="AE10329" i="1"/>
  <c r="AE10330" i="1"/>
  <c r="AE10331" i="1"/>
  <c r="AE10332" i="1"/>
  <c r="AE10333" i="1"/>
  <c r="AE10334" i="1"/>
  <c r="AE10335" i="1"/>
  <c r="AE10336" i="1"/>
  <c r="AE10337" i="1"/>
  <c r="AE10338" i="1"/>
  <c r="AE10339" i="1"/>
  <c r="AE10340" i="1"/>
  <c r="AE10341" i="1"/>
  <c r="AE10342" i="1"/>
  <c r="AE10343" i="1"/>
  <c r="AE10344" i="1"/>
  <c r="AE10345" i="1"/>
  <c r="AE10346" i="1"/>
  <c r="AE10347" i="1"/>
  <c r="AE10348" i="1"/>
  <c r="AE10349" i="1"/>
  <c r="AE10350" i="1"/>
  <c r="AE10351" i="1"/>
  <c r="AE10352" i="1"/>
  <c r="AE10353" i="1"/>
  <c r="AE10354" i="1"/>
  <c r="AE10355" i="1"/>
  <c r="AE10356" i="1"/>
  <c r="AE10357" i="1"/>
  <c r="AE10358" i="1"/>
  <c r="AE10359" i="1"/>
  <c r="AE10360" i="1"/>
  <c r="AE10361" i="1"/>
  <c r="AE10362" i="1"/>
  <c r="AE10363" i="1"/>
  <c r="AE10364" i="1"/>
  <c r="AE10365" i="1"/>
  <c r="AE10366" i="1"/>
  <c r="AE10367" i="1"/>
  <c r="AE10368" i="1"/>
  <c r="AE10369" i="1"/>
  <c r="AE10370" i="1"/>
  <c r="AE10371" i="1"/>
  <c r="AE10372" i="1"/>
  <c r="AE10373" i="1"/>
  <c r="AE10374" i="1"/>
  <c r="AE10375" i="1"/>
  <c r="AE10376" i="1"/>
  <c r="AE10377" i="1"/>
  <c r="AE10378" i="1"/>
  <c r="AE10379" i="1"/>
  <c r="AE10380" i="1"/>
  <c r="AE10381" i="1"/>
  <c r="AE10382" i="1"/>
  <c r="AE10383" i="1"/>
  <c r="AE10384" i="1"/>
  <c r="AE10385" i="1"/>
  <c r="AE10386" i="1"/>
  <c r="AE10387" i="1"/>
  <c r="AE10388" i="1"/>
  <c r="AE10389" i="1"/>
  <c r="AE10390" i="1"/>
  <c r="AE10391" i="1"/>
  <c r="AE10392" i="1"/>
  <c r="AE10393" i="1"/>
  <c r="AE10394" i="1"/>
  <c r="AE10395" i="1"/>
  <c r="AE10396" i="1"/>
  <c r="AE10397" i="1"/>
  <c r="AE10398" i="1"/>
  <c r="AE10399" i="1"/>
  <c r="AE10400" i="1"/>
  <c r="AE10401" i="1"/>
  <c r="AE10402" i="1"/>
  <c r="AE10403" i="1"/>
  <c r="AE10404" i="1"/>
  <c r="AE10405" i="1"/>
  <c r="AE10406" i="1"/>
  <c r="AE10407" i="1"/>
  <c r="AE10408" i="1"/>
  <c r="AE10409" i="1"/>
  <c r="AE10410" i="1"/>
  <c r="AE10411" i="1"/>
  <c r="AE10412" i="1"/>
  <c r="AE10413" i="1"/>
  <c r="AE10414" i="1"/>
  <c r="AE10415" i="1"/>
  <c r="AE10416" i="1"/>
  <c r="AE10417" i="1"/>
  <c r="AE10418" i="1"/>
  <c r="AE10419" i="1"/>
  <c r="AE10420" i="1"/>
  <c r="AE10421" i="1"/>
  <c r="AE10422" i="1"/>
  <c r="AE10423" i="1"/>
  <c r="AE10424" i="1"/>
  <c r="AE10425" i="1"/>
  <c r="AE10426" i="1"/>
  <c r="AE10427" i="1"/>
  <c r="AE10428" i="1"/>
  <c r="AE10429" i="1"/>
  <c r="AE10430" i="1"/>
  <c r="AE10431" i="1"/>
  <c r="AE10432" i="1"/>
  <c r="AE10433" i="1"/>
  <c r="AE10434" i="1"/>
  <c r="AE10435" i="1"/>
  <c r="AE10436" i="1"/>
  <c r="AE10437" i="1"/>
  <c r="AE10438" i="1"/>
  <c r="AE10439" i="1"/>
  <c r="AE10440" i="1"/>
  <c r="AE10441" i="1"/>
  <c r="AE10442" i="1"/>
  <c r="AE10443" i="1"/>
  <c r="AE10444" i="1"/>
  <c r="AE10445" i="1"/>
  <c r="AE10446" i="1"/>
  <c r="AE10447" i="1"/>
  <c r="AE10448" i="1"/>
  <c r="AE10449" i="1"/>
  <c r="AE10450" i="1"/>
  <c r="AE10451" i="1"/>
  <c r="AE10452" i="1"/>
  <c r="AE10453" i="1"/>
  <c r="AE10454" i="1"/>
  <c r="AE10455" i="1"/>
  <c r="AE10456" i="1"/>
  <c r="AE10457" i="1"/>
  <c r="AE10458" i="1"/>
  <c r="AE10459" i="1"/>
  <c r="AE10460" i="1"/>
  <c r="AE10461" i="1"/>
  <c r="AE10462" i="1"/>
  <c r="AE10463" i="1"/>
  <c r="AE10464" i="1"/>
  <c r="AE10465" i="1"/>
  <c r="AE10466" i="1"/>
  <c r="AE10467" i="1"/>
  <c r="AE10468" i="1"/>
  <c r="AE10469" i="1"/>
  <c r="AE10470" i="1"/>
  <c r="AE10471" i="1"/>
  <c r="AE10472" i="1"/>
  <c r="AE10473" i="1"/>
  <c r="AE10474" i="1"/>
  <c r="AE10475" i="1"/>
  <c r="AE10476" i="1"/>
  <c r="AE10477" i="1"/>
  <c r="AE10478" i="1"/>
  <c r="AE10479" i="1"/>
  <c r="AE10480" i="1"/>
  <c r="AE10481" i="1"/>
  <c r="AE10482" i="1"/>
  <c r="AE10483" i="1"/>
  <c r="AE10484" i="1"/>
  <c r="AE10485" i="1"/>
  <c r="AE10486" i="1"/>
  <c r="AE10487" i="1"/>
  <c r="AE10488" i="1"/>
  <c r="AE10489" i="1"/>
  <c r="AE10490" i="1"/>
  <c r="AE10491" i="1"/>
  <c r="AE10492" i="1"/>
  <c r="AE10493" i="1"/>
  <c r="AE10494" i="1"/>
  <c r="AE10495" i="1"/>
  <c r="AE10496" i="1"/>
  <c r="AE10497" i="1"/>
  <c r="AE10498" i="1"/>
  <c r="AE10499" i="1"/>
  <c r="AE10500" i="1"/>
  <c r="AE10501" i="1"/>
  <c r="AE10502" i="1"/>
  <c r="AE10503" i="1"/>
  <c r="AE10504" i="1"/>
  <c r="AE10505" i="1"/>
  <c r="AE10506" i="1"/>
  <c r="AE10507" i="1"/>
  <c r="AE10508" i="1"/>
  <c r="AE10509" i="1"/>
  <c r="AE10510" i="1"/>
  <c r="AE10511" i="1"/>
  <c r="AE10512" i="1"/>
  <c r="AE10513" i="1"/>
  <c r="AE10514" i="1"/>
  <c r="AE10515" i="1"/>
  <c r="AE10516" i="1"/>
  <c r="AE10517" i="1"/>
  <c r="AE10518" i="1"/>
  <c r="AE10519" i="1"/>
  <c r="AE10520" i="1"/>
  <c r="AE10521" i="1"/>
  <c r="AE10522" i="1"/>
  <c r="AE10523" i="1"/>
  <c r="AE10524" i="1"/>
  <c r="AE10525" i="1"/>
  <c r="AE10526" i="1"/>
  <c r="AE10527" i="1"/>
  <c r="AE10528" i="1"/>
  <c r="AE10529" i="1"/>
  <c r="AE10530" i="1"/>
  <c r="AE10531" i="1"/>
  <c r="AE10532" i="1"/>
  <c r="AE10533" i="1"/>
  <c r="AE10534" i="1"/>
  <c r="AE10535" i="1"/>
  <c r="AE10536" i="1"/>
  <c r="AE10537" i="1"/>
  <c r="AE10538" i="1"/>
  <c r="AE10539" i="1"/>
  <c r="AE10540" i="1"/>
  <c r="AE10541" i="1"/>
  <c r="AE10542" i="1"/>
  <c r="AE10543" i="1"/>
  <c r="AE10544" i="1"/>
  <c r="AE10545" i="1"/>
  <c r="AE10546" i="1"/>
  <c r="AE10547" i="1"/>
  <c r="AE10548" i="1"/>
  <c r="AE10549" i="1"/>
  <c r="AE10550" i="1"/>
  <c r="AE10551" i="1"/>
  <c r="AE10552" i="1"/>
  <c r="AE10553" i="1"/>
  <c r="AE10554" i="1"/>
  <c r="AE10555" i="1"/>
  <c r="AE10556" i="1"/>
  <c r="AE10557" i="1"/>
  <c r="AE10558" i="1"/>
  <c r="AE10559" i="1"/>
  <c r="AE10560" i="1"/>
  <c r="AE10561" i="1"/>
  <c r="AE10562" i="1"/>
  <c r="AE10563" i="1"/>
  <c r="AE10564" i="1"/>
  <c r="AE10565" i="1"/>
  <c r="AE10566" i="1"/>
  <c r="AE10567" i="1"/>
  <c r="AE10568" i="1"/>
  <c r="AE10569" i="1"/>
  <c r="AE10570" i="1"/>
  <c r="AE10571" i="1"/>
  <c r="AE10572" i="1"/>
  <c r="AE10573" i="1"/>
  <c r="AE10574" i="1"/>
  <c r="AE10575" i="1"/>
  <c r="AE10576" i="1"/>
  <c r="AE10577" i="1"/>
  <c r="AE10578" i="1"/>
  <c r="AE10579" i="1"/>
  <c r="AE10580" i="1"/>
  <c r="AE10581" i="1"/>
  <c r="AE10582" i="1"/>
  <c r="AE10583" i="1"/>
  <c r="AE10584" i="1"/>
  <c r="AE10585" i="1"/>
  <c r="AE10586" i="1"/>
  <c r="AE10587" i="1"/>
  <c r="AE10588" i="1"/>
  <c r="AE10589" i="1"/>
  <c r="AE10590" i="1"/>
  <c r="AE10591" i="1"/>
  <c r="AE10592" i="1"/>
  <c r="AE10593" i="1"/>
  <c r="AE10594" i="1"/>
  <c r="AE10595" i="1"/>
  <c r="AE10596" i="1"/>
  <c r="AE10597" i="1"/>
  <c r="AE10598" i="1"/>
  <c r="AE10599" i="1"/>
  <c r="AE10600" i="1"/>
  <c r="AE10601" i="1"/>
  <c r="AE10602" i="1"/>
  <c r="AE10603" i="1"/>
  <c r="AE10604" i="1"/>
  <c r="AE10605" i="1"/>
  <c r="AE10606" i="1"/>
  <c r="AE10607" i="1"/>
  <c r="AE10608" i="1"/>
  <c r="AE10609" i="1"/>
  <c r="AE10610" i="1"/>
  <c r="AE10611" i="1"/>
  <c r="AE10612" i="1"/>
  <c r="AE10613" i="1"/>
  <c r="AE10614" i="1"/>
  <c r="AE10615" i="1"/>
  <c r="AE10616" i="1"/>
  <c r="AE10617" i="1"/>
  <c r="AE10618" i="1"/>
  <c r="AE10619" i="1"/>
  <c r="AE10620" i="1"/>
  <c r="AE10621" i="1"/>
  <c r="AE10622" i="1"/>
  <c r="AE10623" i="1"/>
  <c r="AE10624" i="1"/>
  <c r="AE10625" i="1"/>
  <c r="AE10626" i="1"/>
  <c r="AE10627" i="1"/>
  <c r="AE10628" i="1"/>
  <c r="AE10629" i="1"/>
  <c r="AE10630" i="1"/>
  <c r="AE10631" i="1"/>
  <c r="AE10632" i="1"/>
  <c r="AE10633" i="1"/>
  <c r="AE10634" i="1"/>
  <c r="AE10635" i="1"/>
  <c r="AE10636" i="1"/>
  <c r="AE10637" i="1"/>
  <c r="AE10638" i="1"/>
  <c r="AE10639" i="1"/>
  <c r="AE10640" i="1"/>
  <c r="AE10641" i="1"/>
  <c r="AE10642" i="1"/>
  <c r="AE10643" i="1"/>
  <c r="AE10644" i="1"/>
  <c r="AE10645" i="1"/>
  <c r="AE10646" i="1"/>
  <c r="AE10647" i="1"/>
  <c r="AE10648" i="1"/>
  <c r="AE10649" i="1"/>
  <c r="AE10650" i="1"/>
  <c r="AE10651" i="1"/>
  <c r="AE10652" i="1"/>
  <c r="AE10653" i="1"/>
  <c r="AE10654" i="1"/>
  <c r="AE10655" i="1"/>
  <c r="AE10656" i="1"/>
  <c r="AE10657" i="1"/>
  <c r="AE10658" i="1"/>
  <c r="AE10659" i="1"/>
  <c r="AE10660" i="1"/>
  <c r="AE10661" i="1"/>
  <c r="AE10662" i="1"/>
  <c r="AE10663" i="1"/>
  <c r="AE10664" i="1"/>
  <c r="AE10665" i="1"/>
  <c r="AE10666" i="1"/>
  <c r="AE10667" i="1"/>
  <c r="AE10668" i="1"/>
  <c r="AE10669" i="1"/>
  <c r="AE10670" i="1"/>
  <c r="AE10671" i="1"/>
  <c r="AE10672" i="1"/>
  <c r="AE10673" i="1"/>
  <c r="AE10674" i="1"/>
  <c r="AE10675" i="1"/>
  <c r="AE10676" i="1"/>
  <c r="AE10677" i="1"/>
  <c r="AE10678" i="1"/>
  <c r="AE10679" i="1"/>
  <c r="AE10680" i="1"/>
  <c r="AE10681" i="1"/>
  <c r="AE10682" i="1"/>
  <c r="AE10683" i="1"/>
  <c r="AE10684" i="1"/>
  <c r="AE10685" i="1"/>
  <c r="AE10686" i="1"/>
  <c r="AE10687" i="1"/>
  <c r="AE10688" i="1"/>
  <c r="AE10689" i="1"/>
  <c r="AE10690" i="1"/>
  <c r="AE10691" i="1"/>
  <c r="AE10692" i="1"/>
  <c r="AE10693" i="1"/>
  <c r="AE10694" i="1"/>
  <c r="AE10695" i="1"/>
  <c r="AE10696" i="1"/>
  <c r="AE10697" i="1"/>
  <c r="AE10698" i="1"/>
  <c r="AE10699" i="1"/>
  <c r="AE10700" i="1"/>
  <c r="AE10701" i="1"/>
  <c r="AE10702" i="1"/>
  <c r="AE10703" i="1"/>
  <c r="AE10704" i="1"/>
  <c r="AE10705" i="1"/>
  <c r="AE10706" i="1"/>
  <c r="AE10707" i="1"/>
  <c r="AE10708" i="1"/>
  <c r="AE10709" i="1"/>
  <c r="AE10710" i="1"/>
  <c r="AE10711" i="1"/>
  <c r="AE10712" i="1"/>
  <c r="AE10713" i="1"/>
  <c r="AE10714" i="1"/>
  <c r="AE10715" i="1"/>
  <c r="AE10716" i="1"/>
  <c r="AE10717" i="1"/>
  <c r="AE10718" i="1"/>
  <c r="AE10719" i="1"/>
  <c r="AE10720" i="1"/>
  <c r="AE10721" i="1"/>
  <c r="AE10722" i="1"/>
  <c r="AE10723" i="1"/>
  <c r="AE10724" i="1"/>
  <c r="AE10725" i="1"/>
  <c r="AE10726" i="1"/>
  <c r="AE10727" i="1"/>
  <c r="AE10728" i="1"/>
  <c r="AE10729" i="1"/>
  <c r="AE10730" i="1"/>
  <c r="AE10731" i="1"/>
  <c r="AE10732" i="1"/>
  <c r="AE10733" i="1"/>
  <c r="AE10734" i="1"/>
  <c r="AE10735" i="1"/>
  <c r="AE10736" i="1"/>
  <c r="AE10737" i="1"/>
  <c r="AE10738" i="1"/>
  <c r="AE10739" i="1"/>
  <c r="AE10740" i="1"/>
  <c r="AE10741" i="1"/>
  <c r="AE10742" i="1"/>
  <c r="AE10743" i="1"/>
  <c r="AE10744" i="1"/>
  <c r="AE10745" i="1"/>
  <c r="AE10746" i="1"/>
  <c r="AE10747" i="1"/>
  <c r="AE10748" i="1"/>
  <c r="AE10749" i="1"/>
  <c r="AE10750" i="1"/>
  <c r="AE10751" i="1"/>
  <c r="AE10752" i="1"/>
  <c r="AE10753" i="1"/>
  <c r="AE10754" i="1"/>
  <c r="AE10755" i="1"/>
  <c r="AE10756" i="1"/>
  <c r="AE10757" i="1"/>
  <c r="AE10758" i="1"/>
  <c r="AE10759" i="1"/>
  <c r="AE10760" i="1"/>
  <c r="AE10761" i="1"/>
  <c r="AE10762" i="1"/>
  <c r="AE10763" i="1"/>
  <c r="AE10764" i="1"/>
  <c r="AE10765" i="1"/>
  <c r="AE10766" i="1"/>
  <c r="AE10767" i="1"/>
  <c r="AE10768" i="1"/>
  <c r="AE10769" i="1"/>
  <c r="AE10770" i="1"/>
  <c r="AE10771" i="1"/>
  <c r="AE10772" i="1"/>
  <c r="AE10773" i="1"/>
  <c r="AE10774" i="1"/>
  <c r="AE10775" i="1"/>
  <c r="AE10776" i="1"/>
  <c r="AE10777" i="1"/>
  <c r="AE10778" i="1"/>
  <c r="AE10779" i="1"/>
  <c r="AE10780" i="1"/>
  <c r="AE10781" i="1"/>
  <c r="AE10782" i="1"/>
  <c r="AE10783" i="1"/>
  <c r="AE10784" i="1"/>
  <c r="AE10785" i="1"/>
  <c r="AE10786" i="1"/>
  <c r="AE10787" i="1"/>
  <c r="AE10788" i="1"/>
  <c r="AE10789" i="1"/>
  <c r="AE10790" i="1"/>
  <c r="AE10791" i="1"/>
  <c r="AE10792" i="1"/>
  <c r="AE10793" i="1"/>
  <c r="AE10794" i="1"/>
  <c r="AE10795" i="1"/>
  <c r="AE10796" i="1"/>
  <c r="AE10797" i="1"/>
  <c r="AE10798" i="1"/>
  <c r="AE10799" i="1"/>
  <c r="AE10800" i="1"/>
  <c r="AE10801" i="1"/>
  <c r="AE10802" i="1"/>
  <c r="AE10803" i="1"/>
  <c r="AE10804" i="1"/>
  <c r="AE10805" i="1"/>
  <c r="AE10806" i="1"/>
  <c r="AE10807" i="1"/>
  <c r="AE10808" i="1"/>
  <c r="AE10809" i="1"/>
  <c r="AE10810" i="1"/>
  <c r="AE10811" i="1"/>
  <c r="AE10812" i="1"/>
  <c r="AE10813" i="1"/>
  <c r="AE10814" i="1"/>
  <c r="AE10815" i="1"/>
  <c r="AE10816" i="1"/>
  <c r="AE10817" i="1"/>
  <c r="AE10818" i="1"/>
  <c r="AE10819" i="1"/>
  <c r="AE10820" i="1"/>
  <c r="AE10821" i="1"/>
  <c r="AE10822" i="1"/>
  <c r="AE10823" i="1"/>
  <c r="AE10824" i="1"/>
  <c r="AE10825" i="1"/>
  <c r="AE10826" i="1"/>
  <c r="AE10827" i="1"/>
  <c r="AE10828" i="1"/>
  <c r="AE10829" i="1"/>
  <c r="AE10830" i="1"/>
  <c r="AE10831" i="1"/>
  <c r="AE10832" i="1"/>
  <c r="AE10833" i="1"/>
  <c r="AE10834" i="1"/>
  <c r="AE10835" i="1"/>
  <c r="AE10836" i="1"/>
  <c r="AE10837" i="1"/>
  <c r="AE10838" i="1"/>
  <c r="AE10839" i="1"/>
  <c r="AE10840" i="1"/>
  <c r="AE10841" i="1"/>
  <c r="AE10842" i="1"/>
  <c r="AE10843" i="1"/>
  <c r="AE10844" i="1"/>
  <c r="AE10845" i="1"/>
  <c r="AE10846" i="1"/>
  <c r="AE10847" i="1"/>
  <c r="AE10848" i="1"/>
  <c r="AE10849" i="1"/>
  <c r="AE10850" i="1"/>
  <c r="AE10851" i="1"/>
  <c r="AE10852" i="1"/>
  <c r="AE10853" i="1"/>
  <c r="AE10854" i="1"/>
  <c r="AE10855" i="1"/>
  <c r="AE10856" i="1"/>
  <c r="AE10857" i="1"/>
  <c r="AE10858" i="1"/>
  <c r="AE10859" i="1"/>
  <c r="AE10860" i="1"/>
  <c r="AE10861" i="1"/>
  <c r="AE10862" i="1"/>
  <c r="AE10863" i="1"/>
  <c r="AE10864" i="1"/>
  <c r="AE10865" i="1"/>
  <c r="AE10866" i="1"/>
  <c r="AE10867" i="1"/>
  <c r="AE10868" i="1"/>
  <c r="AE10869" i="1"/>
  <c r="AE10870" i="1"/>
  <c r="AE10871" i="1"/>
  <c r="AE10872" i="1"/>
  <c r="AE10873" i="1"/>
  <c r="AE10874" i="1"/>
  <c r="AE10875" i="1"/>
  <c r="AE10876" i="1"/>
  <c r="AE10877" i="1"/>
  <c r="AE10878" i="1"/>
  <c r="AE10879" i="1"/>
  <c r="AE10880" i="1"/>
  <c r="AE10881" i="1"/>
  <c r="AE10882" i="1"/>
  <c r="AE10883" i="1"/>
  <c r="AE10884" i="1"/>
  <c r="AE10885" i="1"/>
  <c r="AE10886" i="1"/>
  <c r="AE10887" i="1"/>
  <c r="AE10888" i="1"/>
  <c r="AE10889" i="1"/>
  <c r="AE10890" i="1"/>
  <c r="AE10891" i="1"/>
  <c r="AE10892" i="1"/>
  <c r="AE10893" i="1"/>
  <c r="AE10894" i="1"/>
  <c r="AE10895" i="1"/>
  <c r="AE10896" i="1"/>
  <c r="AE10897" i="1"/>
  <c r="AE10898" i="1"/>
  <c r="AE10899" i="1"/>
  <c r="AE10900" i="1"/>
  <c r="AE10901" i="1"/>
  <c r="AE10902" i="1"/>
  <c r="AE10903" i="1"/>
  <c r="AE10904" i="1"/>
  <c r="AE10905" i="1"/>
  <c r="AE10906" i="1"/>
  <c r="AE10907" i="1"/>
  <c r="AE10908" i="1"/>
  <c r="AE10909" i="1"/>
  <c r="AE10910" i="1"/>
  <c r="AE10911" i="1"/>
  <c r="AE10912" i="1"/>
  <c r="AE10913" i="1"/>
  <c r="AE10914" i="1"/>
  <c r="AE10915" i="1"/>
  <c r="AE10916" i="1"/>
  <c r="AE10917" i="1"/>
  <c r="AE10918" i="1"/>
  <c r="AE10919" i="1"/>
  <c r="AE10920" i="1"/>
  <c r="AE10921" i="1"/>
  <c r="AE10922" i="1"/>
  <c r="AE10923" i="1"/>
  <c r="AE10924" i="1"/>
  <c r="AE10925" i="1"/>
  <c r="AE10926" i="1"/>
  <c r="AE10927" i="1"/>
  <c r="AE10928" i="1"/>
  <c r="AE10929" i="1"/>
  <c r="AE10930" i="1"/>
  <c r="AE10931" i="1"/>
  <c r="AE10932" i="1"/>
  <c r="AE10933" i="1"/>
  <c r="AE10934" i="1"/>
  <c r="AE10935" i="1"/>
  <c r="AE10936" i="1"/>
  <c r="AE10937" i="1"/>
  <c r="AE10938" i="1"/>
  <c r="AE10939" i="1"/>
  <c r="AE10940" i="1"/>
  <c r="AE10941" i="1"/>
  <c r="AE10942" i="1"/>
  <c r="AE10943" i="1"/>
  <c r="AE10944" i="1"/>
  <c r="AE10945" i="1"/>
  <c r="AE10946" i="1"/>
  <c r="AE10947" i="1"/>
  <c r="AE10948" i="1"/>
  <c r="AE10949" i="1"/>
  <c r="AE10950" i="1"/>
  <c r="AE10951" i="1"/>
  <c r="AE10952" i="1"/>
  <c r="AE10953" i="1"/>
  <c r="AE10954" i="1"/>
  <c r="AE10955" i="1"/>
  <c r="AE10956" i="1"/>
  <c r="AE10957" i="1"/>
  <c r="AE10958" i="1"/>
  <c r="AE10959" i="1"/>
  <c r="AE10960" i="1"/>
  <c r="AE10961" i="1"/>
  <c r="AE10962" i="1"/>
  <c r="AE10963" i="1"/>
  <c r="AE10964" i="1"/>
  <c r="AE10965" i="1"/>
  <c r="AE10966" i="1"/>
  <c r="AE10967" i="1"/>
  <c r="AE10968" i="1"/>
  <c r="AE10969" i="1"/>
  <c r="AE10970" i="1"/>
  <c r="AE10971" i="1"/>
  <c r="AE10972" i="1"/>
  <c r="AE10973" i="1"/>
  <c r="AE10974" i="1"/>
  <c r="AE10975" i="1"/>
  <c r="AE10976" i="1"/>
  <c r="AE10977" i="1"/>
  <c r="AE10978" i="1"/>
  <c r="AE10979" i="1"/>
  <c r="AE10980" i="1"/>
  <c r="AE10981" i="1"/>
  <c r="AE10982" i="1"/>
  <c r="AE10983" i="1"/>
  <c r="AE10984" i="1"/>
  <c r="AE10985" i="1"/>
  <c r="AE10986" i="1"/>
  <c r="AE10987" i="1"/>
  <c r="AE10988" i="1"/>
  <c r="AE10989" i="1"/>
  <c r="AE10990" i="1"/>
  <c r="AE10991" i="1"/>
  <c r="AE10992" i="1"/>
  <c r="AE10993" i="1"/>
  <c r="AE10994" i="1"/>
  <c r="AE10995" i="1"/>
  <c r="AE10996" i="1"/>
  <c r="AE10997" i="1"/>
  <c r="AE10998" i="1"/>
  <c r="AE10999" i="1"/>
  <c r="AE11000" i="1"/>
  <c r="AE11001" i="1"/>
  <c r="AE11002" i="1"/>
  <c r="AE11003" i="1"/>
  <c r="AE11004" i="1"/>
  <c r="AE11005" i="1"/>
  <c r="AE11006" i="1"/>
  <c r="AE11007" i="1"/>
  <c r="AE11008" i="1"/>
  <c r="AE11009" i="1"/>
  <c r="AE11010" i="1"/>
  <c r="AE11011" i="1"/>
  <c r="AE11012" i="1"/>
  <c r="AE11013" i="1"/>
  <c r="AE11014" i="1"/>
  <c r="AE11015" i="1"/>
  <c r="AE11016" i="1"/>
  <c r="AE11017" i="1"/>
  <c r="AE11018" i="1"/>
  <c r="AE11019" i="1"/>
  <c r="AE11020" i="1"/>
  <c r="AE11021" i="1"/>
  <c r="AE11022" i="1"/>
  <c r="AE11023" i="1"/>
  <c r="AE11024" i="1"/>
  <c r="AE11025" i="1"/>
  <c r="AE11026" i="1"/>
  <c r="AE11027" i="1"/>
  <c r="AE11028" i="1"/>
  <c r="AE11029" i="1"/>
  <c r="AE11030" i="1"/>
  <c r="AE11031" i="1"/>
  <c r="AE11032" i="1"/>
  <c r="AE11033" i="1"/>
  <c r="AE11034" i="1"/>
  <c r="AE11035" i="1"/>
  <c r="AE11036" i="1"/>
  <c r="AE11037" i="1"/>
  <c r="AE11038" i="1"/>
  <c r="AE11039" i="1"/>
  <c r="AE11040" i="1"/>
  <c r="AE11041" i="1"/>
  <c r="AE11042" i="1"/>
  <c r="AE11043" i="1"/>
  <c r="AE11044" i="1"/>
  <c r="AE11045" i="1"/>
  <c r="AE11046" i="1"/>
  <c r="AE11047" i="1"/>
  <c r="AE11048" i="1"/>
  <c r="AE11049" i="1"/>
  <c r="AE11050" i="1"/>
  <c r="AE11051" i="1"/>
  <c r="AE11052" i="1"/>
  <c r="AE11053" i="1"/>
  <c r="AE11054" i="1"/>
  <c r="AE11055" i="1"/>
  <c r="AE11056" i="1"/>
  <c r="AE11057" i="1"/>
  <c r="AE11058" i="1"/>
  <c r="AE11059" i="1"/>
  <c r="AE11060" i="1"/>
  <c r="AE11061" i="1"/>
  <c r="AE11062" i="1"/>
  <c r="AE11063" i="1"/>
  <c r="AE11064" i="1"/>
  <c r="AE11065" i="1"/>
  <c r="AE11066" i="1"/>
  <c r="AE11067" i="1"/>
  <c r="AE11068" i="1"/>
  <c r="AE11069" i="1"/>
  <c r="AE11070" i="1"/>
  <c r="AE11071" i="1"/>
  <c r="AE11072" i="1"/>
  <c r="AE11073" i="1"/>
  <c r="AE11074" i="1"/>
  <c r="AE11075" i="1"/>
  <c r="AE11076" i="1"/>
  <c r="AE11077" i="1"/>
  <c r="AE11078" i="1"/>
  <c r="AE11079" i="1"/>
  <c r="AE11080" i="1"/>
  <c r="AE11081" i="1"/>
  <c r="AE11082" i="1"/>
  <c r="AE11083" i="1"/>
  <c r="AE11084" i="1"/>
  <c r="AE11085" i="1"/>
  <c r="AE11086" i="1"/>
  <c r="AE11087" i="1"/>
  <c r="AE11088" i="1"/>
  <c r="AE11089" i="1"/>
  <c r="AE11090" i="1"/>
  <c r="AE11091" i="1"/>
  <c r="AE11092" i="1"/>
  <c r="AE11093" i="1"/>
  <c r="AE11094" i="1"/>
  <c r="AE11095" i="1"/>
  <c r="AE11096" i="1"/>
  <c r="AE11097" i="1"/>
  <c r="AE11098" i="1"/>
  <c r="AE11099" i="1"/>
  <c r="AE11100" i="1"/>
  <c r="AE11101" i="1"/>
  <c r="AE11102" i="1"/>
  <c r="AE11103" i="1"/>
  <c r="AE11104" i="1"/>
  <c r="AE11105" i="1"/>
  <c r="AE11106" i="1"/>
  <c r="AE11107" i="1"/>
  <c r="AE11108" i="1"/>
  <c r="AE11109" i="1"/>
  <c r="AE11110" i="1"/>
  <c r="AE11111" i="1"/>
  <c r="AE11112" i="1"/>
  <c r="AE11113" i="1"/>
  <c r="AE11114" i="1"/>
  <c r="AE11115" i="1"/>
  <c r="AE11116" i="1"/>
  <c r="AE11117" i="1"/>
  <c r="AE11118" i="1"/>
  <c r="AE11119" i="1"/>
  <c r="AE11120" i="1"/>
  <c r="AE11121" i="1"/>
  <c r="AE11122" i="1"/>
  <c r="AE11123" i="1"/>
  <c r="AE11124" i="1"/>
  <c r="AE11125" i="1"/>
  <c r="AE11126" i="1"/>
  <c r="AE11127" i="1"/>
  <c r="AE11128" i="1"/>
  <c r="AE11129" i="1"/>
  <c r="AE11130" i="1"/>
  <c r="AE11131" i="1"/>
  <c r="AE11132" i="1"/>
  <c r="AE11133" i="1"/>
  <c r="AE11134" i="1"/>
  <c r="AE11135" i="1"/>
  <c r="AE11136" i="1"/>
  <c r="AE11137" i="1"/>
  <c r="AE11138" i="1"/>
  <c r="AE11139" i="1"/>
  <c r="AE11140" i="1"/>
  <c r="AE11141" i="1"/>
  <c r="AE11142" i="1"/>
  <c r="AE11143" i="1"/>
  <c r="AE11144" i="1"/>
  <c r="AE11145" i="1"/>
  <c r="AE11146" i="1"/>
  <c r="AE11147" i="1"/>
  <c r="AE11148" i="1"/>
  <c r="AE11149" i="1"/>
  <c r="AE11150" i="1"/>
  <c r="AE11151" i="1"/>
  <c r="AE11152" i="1"/>
  <c r="AE11153" i="1"/>
  <c r="AE11154" i="1"/>
  <c r="AE11155" i="1"/>
  <c r="AE11156" i="1"/>
  <c r="AE11157" i="1"/>
  <c r="AE11158" i="1"/>
  <c r="AE11159" i="1"/>
  <c r="AE11160" i="1"/>
  <c r="AE11161" i="1"/>
  <c r="AE11162" i="1"/>
  <c r="AE11163" i="1"/>
  <c r="AE11164" i="1"/>
  <c r="AE11165" i="1"/>
  <c r="AE11166" i="1"/>
  <c r="AE11167" i="1"/>
  <c r="AE11168" i="1"/>
  <c r="AE11169" i="1"/>
  <c r="AE11170" i="1"/>
  <c r="AE11171" i="1"/>
  <c r="AE11172" i="1"/>
  <c r="AE11173" i="1"/>
  <c r="AE11174" i="1"/>
  <c r="AE11175" i="1"/>
  <c r="AE11176" i="1"/>
  <c r="AE11177" i="1"/>
  <c r="AE11178" i="1"/>
  <c r="AE11179" i="1"/>
  <c r="AE11180" i="1"/>
  <c r="AE11181" i="1"/>
  <c r="AE11182" i="1"/>
  <c r="AE11183" i="1"/>
  <c r="AE11184" i="1"/>
  <c r="AE11185" i="1"/>
  <c r="AE11186" i="1"/>
  <c r="AE11187" i="1"/>
  <c r="AE11188" i="1"/>
  <c r="AE11189" i="1"/>
  <c r="AE11190" i="1"/>
  <c r="AE11191" i="1"/>
  <c r="AE11192" i="1"/>
  <c r="AE11193" i="1"/>
  <c r="AE11194" i="1"/>
  <c r="AE11195" i="1"/>
  <c r="AE11196" i="1"/>
  <c r="AE11197" i="1"/>
  <c r="AE11198" i="1"/>
  <c r="AE11199" i="1"/>
  <c r="AE11200" i="1"/>
  <c r="AE11201" i="1"/>
  <c r="AE11202" i="1"/>
  <c r="AE11203" i="1"/>
  <c r="AE11204" i="1"/>
  <c r="AE11205" i="1"/>
  <c r="AE11206" i="1"/>
  <c r="AE11207" i="1"/>
  <c r="AE11208" i="1"/>
  <c r="AE11209" i="1"/>
  <c r="AE11210" i="1"/>
  <c r="AE11211" i="1"/>
  <c r="AE11212" i="1"/>
  <c r="AE11213" i="1"/>
  <c r="AE11214" i="1"/>
  <c r="AE11215" i="1"/>
  <c r="AE11216" i="1"/>
  <c r="AE11217" i="1"/>
  <c r="AE11218" i="1"/>
  <c r="AE11219" i="1"/>
  <c r="AE11220" i="1"/>
  <c r="AE11221" i="1"/>
  <c r="AE11222" i="1"/>
  <c r="AE11223" i="1"/>
  <c r="AE11224" i="1"/>
  <c r="AE11225" i="1"/>
  <c r="AE11226" i="1"/>
  <c r="AE11227" i="1"/>
  <c r="AE11228" i="1"/>
  <c r="AE11229" i="1"/>
  <c r="AE11230" i="1"/>
  <c r="AE11231" i="1"/>
  <c r="AE11232" i="1"/>
  <c r="AE11233" i="1"/>
  <c r="AE11234" i="1"/>
  <c r="AE11235" i="1"/>
  <c r="AE11236" i="1"/>
  <c r="AE11237" i="1"/>
  <c r="AE11238" i="1"/>
  <c r="AE11239" i="1"/>
  <c r="AE11240" i="1"/>
  <c r="AE11241" i="1"/>
  <c r="AE11242" i="1"/>
  <c r="AE11243" i="1"/>
  <c r="AE11244" i="1"/>
  <c r="AE11245" i="1"/>
  <c r="AE11246" i="1"/>
  <c r="AE11247" i="1"/>
  <c r="AE11248" i="1"/>
  <c r="AE11249" i="1"/>
  <c r="AE11250" i="1"/>
  <c r="AE11251" i="1"/>
  <c r="AE11252" i="1"/>
  <c r="AE11253" i="1"/>
  <c r="AE11254" i="1"/>
  <c r="AE11255" i="1"/>
  <c r="AE11256" i="1"/>
  <c r="AE11257" i="1"/>
  <c r="AE11258" i="1"/>
  <c r="AE11259" i="1"/>
  <c r="AE11260" i="1"/>
  <c r="AE11261" i="1"/>
  <c r="AE11262" i="1"/>
  <c r="AE11263" i="1"/>
  <c r="AE11264" i="1"/>
  <c r="AE11265" i="1"/>
  <c r="AE11266" i="1"/>
  <c r="AE11267" i="1"/>
  <c r="AE11268" i="1"/>
  <c r="AE11269" i="1"/>
  <c r="AE11270" i="1"/>
  <c r="AE11271" i="1"/>
  <c r="AE11272" i="1"/>
  <c r="AE11273" i="1"/>
  <c r="AE11274" i="1"/>
  <c r="AE11275" i="1"/>
  <c r="AE11276" i="1"/>
  <c r="AE11277" i="1"/>
  <c r="AE11278" i="1"/>
  <c r="AE11279" i="1"/>
  <c r="AE11280" i="1"/>
  <c r="AE11281" i="1"/>
  <c r="AE11282" i="1"/>
  <c r="AE11283" i="1"/>
  <c r="AE11284" i="1"/>
  <c r="AE11285" i="1"/>
  <c r="AE11286" i="1"/>
  <c r="AE11287" i="1"/>
  <c r="AE11288" i="1"/>
  <c r="AE11289" i="1"/>
  <c r="AE11290" i="1"/>
  <c r="AE11291" i="1"/>
  <c r="AE11292" i="1"/>
  <c r="AE11293" i="1"/>
  <c r="AE11294" i="1"/>
  <c r="AE11295" i="1"/>
  <c r="AE11296" i="1"/>
  <c r="AE11297" i="1"/>
  <c r="AE11298" i="1"/>
  <c r="AE11299" i="1"/>
  <c r="AE11300" i="1"/>
  <c r="AE11301" i="1"/>
  <c r="AE11302" i="1"/>
  <c r="AE11303" i="1"/>
  <c r="AE11304" i="1"/>
  <c r="AE11305" i="1"/>
  <c r="AE11306" i="1"/>
  <c r="AE11307" i="1"/>
  <c r="AE11308" i="1"/>
  <c r="AE11309" i="1"/>
  <c r="AE11310" i="1"/>
  <c r="AE11311" i="1"/>
  <c r="AE11312" i="1"/>
  <c r="AE11313" i="1"/>
  <c r="AE11314" i="1"/>
  <c r="AE11315" i="1"/>
  <c r="AE11316" i="1"/>
  <c r="AE11317" i="1"/>
  <c r="AE11318" i="1"/>
  <c r="AE11319" i="1"/>
  <c r="AE11320" i="1"/>
  <c r="AE11321" i="1"/>
  <c r="AE11322" i="1"/>
  <c r="AE11323" i="1"/>
  <c r="AE11324" i="1"/>
  <c r="AE11325" i="1"/>
  <c r="AE11326" i="1"/>
  <c r="AE11327" i="1"/>
  <c r="AE11328" i="1"/>
  <c r="AE11329" i="1"/>
  <c r="AE11330" i="1"/>
  <c r="AE11331" i="1"/>
  <c r="AE11332" i="1"/>
  <c r="AE11333" i="1"/>
  <c r="AE11334" i="1"/>
  <c r="AE11335" i="1"/>
  <c r="AE11336" i="1"/>
  <c r="AE11337" i="1"/>
  <c r="AE11338" i="1"/>
  <c r="AE11339" i="1"/>
  <c r="AE11340" i="1"/>
  <c r="AE11341" i="1"/>
  <c r="AE11342" i="1"/>
  <c r="AE11343" i="1"/>
  <c r="AE11344" i="1"/>
  <c r="AE11345" i="1"/>
  <c r="AE11346" i="1"/>
  <c r="AE11347" i="1"/>
  <c r="AE11348" i="1"/>
  <c r="AE11349" i="1"/>
  <c r="AE11350" i="1"/>
  <c r="AE11351" i="1"/>
  <c r="AE11352" i="1"/>
  <c r="AE11353" i="1"/>
  <c r="AE11354" i="1"/>
  <c r="AE11355" i="1"/>
  <c r="AE11356" i="1"/>
  <c r="AE11357" i="1"/>
  <c r="AE11358" i="1"/>
  <c r="AE11359" i="1"/>
  <c r="AE11360" i="1"/>
  <c r="AE11361" i="1"/>
  <c r="AE11362" i="1"/>
  <c r="AE11363" i="1"/>
  <c r="AE11364" i="1"/>
  <c r="AE11365" i="1"/>
  <c r="AE11366" i="1"/>
  <c r="AE11367" i="1"/>
  <c r="AE11368" i="1"/>
  <c r="AE11369" i="1"/>
  <c r="AE11370" i="1"/>
  <c r="AE11371" i="1"/>
  <c r="AE11372" i="1"/>
  <c r="AE11373" i="1"/>
  <c r="AE11374" i="1"/>
  <c r="AE11375" i="1"/>
  <c r="AE11376" i="1"/>
  <c r="AE11377" i="1"/>
  <c r="AE11378" i="1"/>
  <c r="AE11379" i="1"/>
  <c r="AE11380" i="1"/>
  <c r="AE11381" i="1"/>
  <c r="AE11382" i="1"/>
  <c r="AE11383" i="1"/>
  <c r="AE11384" i="1"/>
  <c r="AE11385" i="1"/>
  <c r="AE11386" i="1"/>
  <c r="AE11387" i="1"/>
  <c r="AE11388" i="1"/>
  <c r="AE11389" i="1"/>
  <c r="AE11390" i="1"/>
  <c r="AE11391" i="1"/>
  <c r="AE11392" i="1"/>
  <c r="AE11393" i="1"/>
  <c r="AE11394" i="1"/>
  <c r="AE11395" i="1"/>
  <c r="AE11396" i="1"/>
  <c r="AE11397" i="1"/>
  <c r="AE11398" i="1"/>
  <c r="AE11399" i="1"/>
  <c r="AE11400" i="1"/>
  <c r="AE11401" i="1"/>
  <c r="AE11402" i="1"/>
  <c r="AE11403" i="1"/>
  <c r="AE11404" i="1"/>
  <c r="AE11405" i="1"/>
  <c r="AE11406" i="1"/>
  <c r="AE11407" i="1"/>
  <c r="AE11408" i="1"/>
  <c r="AE11409" i="1"/>
  <c r="AE11410" i="1"/>
  <c r="AE11411" i="1"/>
  <c r="AE11412" i="1"/>
  <c r="AE11413" i="1"/>
  <c r="AE11414" i="1"/>
  <c r="AE11415" i="1"/>
  <c r="AE11416" i="1"/>
  <c r="AE11417" i="1"/>
  <c r="AE11418" i="1"/>
  <c r="AE11419" i="1"/>
  <c r="AE11420" i="1"/>
  <c r="AE11421" i="1"/>
  <c r="AE11422" i="1"/>
  <c r="AE11423" i="1"/>
  <c r="AE11424" i="1"/>
  <c r="AE11425" i="1"/>
  <c r="AE11426" i="1"/>
  <c r="AE11427" i="1"/>
  <c r="AE11428" i="1"/>
  <c r="AE11429" i="1"/>
  <c r="AE11430" i="1"/>
  <c r="AE11431" i="1"/>
  <c r="AE11432" i="1"/>
  <c r="AE11433" i="1"/>
  <c r="AE11434" i="1"/>
  <c r="AE11435" i="1"/>
  <c r="AE11436" i="1"/>
  <c r="AE11437" i="1"/>
  <c r="AE11438" i="1"/>
  <c r="AE11439" i="1"/>
  <c r="AE11440" i="1"/>
  <c r="AE11441" i="1"/>
  <c r="AE11442" i="1"/>
  <c r="AE11443" i="1"/>
  <c r="AE11444" i="1"/>
  <c r="AE11445" i="1"/>
  <c r="AE11446" i="1"/>
  <c r="AE11447" i="1"/>
  <c r="AE11448" i="1"/>
  <c r="AE11449" i="1"/>
  <c r="AE11450" i="1"/>
  <c r="AE11451" i="1"/>
  <c r="AE11452" i="1"/>
  <c r="AE11453" i="1"/>
  <c r="AE11454" i="1"/>
  <c r="AE11455" i="1"/>
  <c r="AE11456" i="1"/>
  <c r="AE11457" i="1"/>
  <c r="AE11458" i="1"/>
  <c r="AE11459" i="1"/>
  <c r="AE11460" i="1"/>
  <c r="AE11461" i="1"/>
  <c r="AE11462" i="1"/>
  <c r="AE11463" i="1"/>
  <c r="AE11464" i="1"/>
  <c r="AE11465" i="1"/>
  <c r="AE11466" i="1"/>
  <c r="AE11467" i="1"/>
  <c r="AE11468" i="1"/>
  <c r="AE11469" i="1"/>
  <c r="AE11470" i="1"/>
  <c r="AE11471" i="1"/>
  <c r="AE11472" i="1"/>
  <c r="AE11473" i="1"/>
  <c r="AE11474" i="1"/>
  <c r="AE11475" i="1"/>
  <c r="AE11476" i="1"/>
  <c r="AE11477" i="1"/>
  <c r="AE11478" i="1"/>
  <c r="AE11479" i="1"/>
  <c r="AE11480" i="1"/>
  <c r="AE11481" i="1"/>
  <c r="AE11482" i="1"/>
  <c r="AE11483" i="1"/>
  <c r="AE11484" i="1"/>
  <c r="AE11485" i="1"/>
  <c r="AE11486" i="1"/>
  <c r="AE11487" i="1"/>
  <c r="AE11488" i="1"/>
  <c r="AE11489" i="1"/>
  <c r="AE11490" i="1"/>
  <c r="AE11491" i="1"/>
  <c r="AE11492" i="1"/>
  <c r="AE11493" i="1"/>
  <c r="AE11494" i="1"/>
  <c r="AE11495" i="1"/>
  <c r="AE11496" i="1"/>
  <c r="AE11497" i="1"/>
  <c r="AE11498" i="1"/>
  <c r="AE11499" i="1"/>
  <c r="AE11500" i="1"/>
  <c r="AE11501" i="1"/>
  <c r="AE11502" i="1"/>
  <c r="AE11503" i="1"/>
  <c r="AE11504" i="1"/>
  <c r="AE11505" i="1"/>
  <c r="AE11506" i="1"/>
  <c r="AE11507" i="1"/>
  <c r="AE11508" i="1"/>
  <c r="AE11509" i="1"/>
  <c r="AE11510" i="1"/>
  <c r="AE11511" i="1"/>
  <c r="AE11512" i="1"/>
  <c r="AE11513" i="1"/>
  <c r="AE11514" i="1"/>
  <c r="AE11515" i="1"/>
  <c r="AE11516" i="1"/>
  <c r="AE11517" i="1"/>
  <c r="AE11518" i="1"/>
  <c r="AE11519" i="1"/>
  <c r="AE11520" i="1"/>
  <c r="AE11521" i="1"/>
  <c r="AE11522" i="1"/>
  <c r="AE11523" i="1"/>
  <c r="AE11524" i="1"/>
  <c r="AE11525" i="1"/>
  <c r="AE11526" i="1"/>
  <c r="AE11527" i="1"/>
  <c r="AE11528" i="1"/>
  <c r="AE11529" i="1"/>
  <c r="AE11530" i="1"/>
  <c r="AE11531" i="1"/>
  <c r="AE11532" i="1"/>
  <c r="AE11533" i="1"/>
  <c r="AE11534" i="1"/>
  <c r="AE11535" i="1"/>
  <c r="AE11536" i="1"/>
  <c r="AE11537" i="1"/>
  <c r="AE11538" i="1"/>
  <c r="AE11539" i="1"/>
  <c r="AE11540" i="1"/>
  <c r="AE11541" i="1"/>
  <c r="AE11542" i="1"/>
  <c r="AE11543" i="1"/>
  <c r="AE11544" i="1"/>
  <c r="AE11545" i="1"/>
  <c r="AE11546" i="1"/>
  <c r="AE11547" i="1"/>
  <c r="AE11548" i="1"/>
  <c r="AE11549" i="1"/>
  <c r="AE11550" i="1"/>
  <c r="AE11551" i="1"/>
  <c r="AE11552" i="1"/>
  <c r="AE11553" i="1"/>
  <c r="AE11554" i="1"/>
  <c r="AE11555" i="1"/>
  <c r="AE11556" i="1"/>
  <c r="AE11557" i="1"/>
  <c r="AE11558" i="1"/>
  <c r="AE11559" i="1"/>
  <c r="AE11560" i="1"/>
  <c r="AE11561" i="1"/>
  <c r="AE11562" i="1"/>
  <c r="AE11563" i="1"/>
  <c r="AE11564" i="1"/>
  <c r="AE11565" i="1"/>
  <c r="AE11566" i="1"/>
  <c r="AE11567" i="1"/>
  <c r="AE11568" i="1"/>
  <c r="AE11569" i="1"/>
  <c r="AE11570" i="1"/>
  <c r="AE11571" i="1"/>
  <c r="AE11572" i="1"/>
  <c r="AE11573" i="1"/>
  <c r="AE11574" i="1"/>
  <c r="AE11575" i="1"/>
  <c r="AE11576" i="1"/>
  <c r="AE11577" i="1"/>
  <c r="AE11578" i="1"/>
  <c r="AE11579" i="1"/>
  <c r="AE11580" i="1"/>
  <c r="AE11581" i="1"/>
  <c r="AE11582" i="1"/>
  <c r="AE11583" i="1"/>
  <c r="AE11584" i="1"/>
  <c r="AE11585" i="1"/>
  <c r="AE11586" i="1"/>
  <c r="AE11587" i="1"/>
  <c r="AE11588" i="1"/>
  <c r="AE11589" i="1"/>
  <c r="AE11590" i="1"/>
  <c r="AE11591" i="1"/>
  <c r="AE11592" i="1"/>
  <c r="AE11593" i="1"/>
  <c r="AE11594" i="1"/>
  <c r="AE11595" i="1"/>
  <c r="AE11596" i="1"/>
  <c r="AE11597" i="1"/>
  <c r="AE11598" i="1"/>
  <c r="AE11599" i="1"/>
  <c r="AE11600" i="1"/>
  <c r="AE11601" i="1"/>
  <c r="AE11602" i="1"/>
  <c r="AE11603" i="1"/>
  <c r="AE11604" i="1"/>
  <c r="AE11605" i="1"/>
  <c r="AE11606" i="1"/>
  <c r="AE11607" i="1"/>
  <c r="AE11608" i="1"/>
  <c r="AE11609" i="1"/>
  <c r="AE11610" i="1"/>
  <c r="AE11611" i="1"/>
  <c r="AE11612" i="1"/>
  <c r="AE11613" i="1"/>
  <c r="AE11614" i="1"/>
  <c r="AE11615" i="1"/>
  <c r="AE11616" i="1"/>
  <c r="AE11617" i="1"/>
  <c r="AE11618" i="1"/>
  <c r="AE11619" i="1"/>
  <c r="AE11620" i="1"/>
  <c r="AE11621" i="1"/>
  <c r="AE11622" i="1"/>
  <c r="AE11623" i="1"/>
  <c r="AE11624" i="1"/>
  <c r="AE11625" i="1"/>
  <c r="AE11626" i="1"/>
  <c r="AE11627" i="1"/>
  <c r="AE11628" i="1"/>
  <c r="AE11629" i="1"/>
  <c r="AE11630" i="1"/>
  <c r="AE11631" i="1"/>
  <c r="AE11632" i="1"/>
  <c r="AE11633" i="1"/>
  <c r="AE11634" i="1"/>
  <c r="AE11635" i="1"/>
  <c r="AE11636" i="1"/>
  <c r="AE11637" i="1"/>
  <c r="AE11638" i="1"/>
  <c r="AE11639" i="1"/>
  <c r="AE11640" i="1"/>
  <c r="AE11641" i="1"/>
  <c r="AE11642" i="1"/>
  <c r="AE11643" i="1"/>
  <c r="AE11644" i="1"/>
  <c r="AE11645" i="1"/>
  <c r="AE11646" i="1"/>
  <c r="AE11647" i="1"/>
  <c r="AE11648" i="1"/>
  <c r="AE11649" i="1"/>
  <c r="AE11650" i="1"/>
  <c r="AE11651" i="1"/>
  <c r="AE11652" i="1"/>
  <c r="AE11653" i="1"/>
  <c r="AE11654" i="1"/>
  <c r="AE11655" i="1"/>
  <c r="AE11656" i="1"/>
  <c r="AE11657" i="1"/>
  <c r="AE11658" i="1"/>
  <c r="AE11659" i="1"/>
  <c r="AE11660" i="1"/>
  <c r="AE11661" i="1"/>
  <c r="AE11662" i="1"/>
  <c r="AE11663" i="1"/>
  <c r="AE11664" i="1"/>
  <c r="AE11665" i="1"/>
  <c r="AE11666" i="1"/>
  <c r="AE11667" i="1"/>
  <c r="AE11668" i="1"/>
  <c r="AE11669" i="1"/>
  <c r="AE11670" i="1"/>
  <c r="AE11671" i="1"/>
  <c r="AE11672" i="1"/>
  <c r="AE11673" i="1"/>
  <c r="AE11674" i="1"/>
  <c r="AE11675" i="1"/>
  <c r="AE11676" i="1"/>
  <c r="AE11677" i="1"/>
  <c r="AE11678" i="1"/>
  <c r="AE11679" i="1"/>
  <c r="AE11680" i="1"/>
  <c r="AE11681" i="1"/>
  <c r="AE11682" i="1"/>
  <c r="AE11683" i="1"/>
  <c r="AE11684" i="1"/>
  <c r="AE11685" i="1"/>
  <c r="AE11686" i="1"/>
  <c r="AE11687" i="1"/>
  <c r="AE11688" i="1"/>
  <c r="AE11689" i="1"/>
  <c r="AE11690" i="1"/>
  <c r="AE11691" i="1"/>
  <c r="AE11692" i="1"/>
  <c r="AE11693" i="1"/>
  <c r="AE11694" i="1"/>
  <c r="AE11695" i="1"/>
  <c r="AE11696" i="1"/>
  <c r="AE11697" i="1"/>
  <c r="AE11698" i="1"/>
  <c r="AE11699" i="1"/>
  <c r="AE11700" i="1"/>
  <c r="AE11701" i="1"/>
  <c r="AE11702" i="1"/>
  <c r="AE11703" i="1"/>
  <c r="AE11704" i="1"/>
  <c r="AE11705" i="1"/>
  <c r="AE11706" i="1"/>
  <c r="AE11707" i="1"/>
  <c r="AE11708" i="1"/>
  <c r="AE11709" i="1"/>
  <c r="AE11710" i="1"/>
  <c r="AE11711" i="1"/>
  <c r="AE11712" i="1"/>
  <c r="AE11713" i="1"/>
  <c r="AE11714" i="1"/>
  <c r="AE11715" i="1"/>
  <c r="AE11716" i="1"/>
  <c r="AE11717" i="1"/>
  <c r="AE11718" i="1"/>
  <c r="AE11719" i="1"/>
  <c r="AE11720" i="1"/>
  <c r="AE11721" i="1"/>
  <c r="AE11722" i="1"/>
  <c r="AE11723" i="1"/>
  <c r="AE11724" i="1"/>
  <c r="AE11725" i="1"/>
  <c r="AE11726" i="1"/>
  <c r="AE11727" i="1"/>
  <c r="AE11728" i="1"/>
  <c r="AE11729" i="1"/>
  <c r="AE11730" i="1"/>
  <c r="AE11731" i="1"/>
  <c r="AE11732" i="1"/>
  <c r="AE11733" i="1"/>
  <c r="AE11734" i="1"/>
  <c r="AE11735" i="1"/>
  <c r="AE11736" i="1"/>
  <c r="AE11737" i="1"/>
  <c r="AE11738" i="1"/>
  <c r="AE11739" i="1"/>
  <c r="AE11740" i="1"/>
  <c r="AE11741" i="1"/>
  <c r="AE11742" i="1"/>
  <c r="AE11743" i="1"/>
  <c r="AE11744" i="1"/>
  <c r="AE11745" i="1"/>
  <c r="AE11746" i="1"/>
  <c r="AE11747" i="1"/>
  <c r="AE11748" i="1"/>
  <c r="AE11749" i="1"/>
  <c r="AE11750" i="1"/>
  <c r="AE11751" i="1"/>
  <c r="AE11752" i="1"/>
  <c r="AE11753" i="1"/>
  <c r="AE11754" i="1"/>
  <c r="AE11755" i="1"/>
  <c r="AE11756" i="1"/>
  <c r="AE11757" i="1"/>
  <c r="AE11758" i="1"/>
  <c r="AE11759" i="1"/>
  <c r="AE11760" i="1"/>
  <c r="AE11761" i="1"/>
  <c r="AE11762" i="1"/>
  <c r="AE11763" i="1"/>
  <c r="AE11764" i="1"/>
  <c r="AE11765" i="1"/>
  <c r="AE11766" i="1"/>
  <c r="AE11767" i="1"/>
  <c r="AE11768" i="1"/>
  <c r="AE11769" i="1"/>
  <c r="AE11770" i="1"/>
  <c r="AE11771" i="1"/>
  <c r="AE11772" i="1"/>
  <c r="AE11773" i="1"/>
  <c r="AE11774" i="1"/>
  <c r="AE11775" i="1"/>
  <c r="AE11776" i="1"/>
  <c r="AE11777" i="1"/>
  <c r="AE11778" i="1"/>
  <c r="AE11779" i="1"/>
  <c r="AE11780" i="1"/>
  <c r="AE11781" i="1"/>
  <c r="AE11782" i="1"/>
  <c r="AE11783" i="1"/>
  <c r="AE11784" i="1"/>
  <c r="AE11785" i="1"/>
  <c r="AE11786" i="1"/>
  <c r="AE11787" i="1"/>
  <c r="AE11788" i="1"/>
  <c r="AE11789" i="1"/>
  <c r="AE11790" i="1"/>
  <c r="AE11791" i="1"/>
  <c r="AE11792" i="1"/>
  <c r="AE11793" i="1"/>
  <c r="AE11794" i="1"/>
  <c r="AE11795" i="1"/>
  <c r="AE11796" i="1"/>
  <c r="AE11797" i="1"/>
  <c r="AE11798" i="1"/>
  <c r="AE11799" i="1"/>
  <c r="AE11800" i="1"/>
  <c r="AE11801" i="1"/>
  <c r="AE11802" i="1"/>
  <c r="AE11803" i="1"/>
  <c r="AE11804" i="1"/>
  <c r="AE11805" i="1"/>
  <c r="AE11806" i="1"/>
  <c r="AE11807" i="1"/>
  <c r="AE11808" i="1"/>
  <c r="AE11809" i="1"/>
  <c r="AE11810" i="1"/>
  <c r="AE11811" i="1"/>
  <c r="AE11812" i="1"/>
  <c r="AE11813" i="1"/>
  <c r="AE11814" i="1"/>
  <c r="AE11815" i="1"/>
  <c r="AE11816" i="1"/>
  <c r="AE11817" i="1"/>
  <c r="AE11818" i="1"/>
  <c r="AE11819" i="1"/>
  <c r="AE11820" i="1"/>
  <c r="AE11821" i="1"/>
  <c r="AE11822" i="1"/>
  <c r="AE11823" i="1"/>
  <c r="AE11824" i="1"/>
  <c r="AE11825" i="1"/>
  <c r="AE11826" i="1"/>
  <c r="AE11827" i="1"/>
  <c r="AE11828" i="1"/>
  <c r="AE11829" i="1"/>
  <c r="AE11830" i="1"/>
  <c r="AE11831" i="1"/>
  <c r="AE11832" i="1"/>
  <c r="AE11833" i="1"/>
  <c r="AE11834" i="1"/>
  <c r="AE11835" i="1"/>
  <c r="AE11836" i="1"/>
  <c r="AE11837" i="1"/>
  <c r="AE11838" i="1"/>
  <c r="AE11839" i="1"/>
  <c r="AE11840" i="1"/>
  <c r="AE11841" i="1"/>
  <c r="AE11842" i="1"/>
  <c r="AE11843" i="1"/>
  <c r="AE11844" i="1"/>
  <c r="AE11845" i="1"/>
  <c r="AE11846" i="1"/>
  <c r="AE11847" i="1"/>
  <c r="AE11848" i="1"/>
  <c r="AE11849" i="1"/>
  <c r="AE11850" i="1"/>
  <c r="AE11851" i="1"/>
  <c r="AE11852" i="1"/>
  <c r="AE11853" i="1"/>
  <c r="AE11854" i="1"/>
  <c r="AE11855" i="1"/>
  <c r="AE11856" i="1"/>
  <c r="AE11857" i="1"/>
  <c r="AE11858" i="1"/>
  <c r="AE11859" i="1"/>
  <c r="AE11860" i="1"/>
  <c r="AE11861" i="1"/>
  <c r="AE11862" i="1"/>
  <c r="AE11863" i="1"/>
  <c r="AE11864" i="1"/>
  <c r="AE11865" i="1"/>
  <c r="AE11866" i="1"/>
  <c r="AE11867" i="1"/>
  <c r="AE11868" i="1"/>
  <c r="AE11869" i="1"/>
  <c r="AE11870" i="1"/>
  <c r="AE11871" i="1"/>
  <c r="AE11872" i="1"/>
  <c r="AE11873" i="1"/>
  <c r="AE11874" i="1"/>
  <c r="AE11875" i="1"/>
  <c r="AE11876" i="1"/>
  <c r="AE11877" i="1"/>
  <c r="AE11878" i="1"/>
  <c r="AE11879" i="1"/>
  <c r="AE11880" i="1"/>
  <c r="AE11881" i="1"/>
  <c r="AE11882" i="1"/>
  <c r="AE11883" i="1"/>
  <c r="AE11884" i="1"/>
  <c r="AE11885" i="1"/>
  <c r="AE11886" i="1"/>
  <c r="AE11887" i="1"/>
  <c r="AE11888" i="1"/>
  <c r="AE11889" i="1"/>
  <c r="AE11890" i="1"/>
  <c r="AE11891" i="1"/>
  <c r="AE11892" i="1"/>
  <c r="AE11893" i="1"/>
  <c r="AE11894" i="1"/>
  <c r="AE11895" i="1"/>
  <c r="AE11896" i="1"/>
  <c r="AE11897" i="1"/>
  <c r="AE11898" i="1"/>
  <c r="AE11899" i="1"/>
  <c r="AE11900" i="1"/>
  <c r="AE11901" i="1"/>
  <c r="AE11902" i="1"/>
  <c r="AE11903" i="1"/>
  <c r="AE11904" i="1"/>
  <c r="AE11905" i="1"/>
  <c r="AE11906" i="1"/>
  <c r="AE11907" i="1"/>
  <c r="AE11908" i="1"/>
  <c r="AE11909" i="1"/>
  <c r="AE11910" i="1"/>
  <c r="AE11911" i="1"/>
  <c r="AE11912" i="1"/>
  <c r="AE11913" i="1"/>
  <c r="AE11914" i="1"/>
  <c r="AE11915" i="1"/>
  <c r="AE11916" i="1"/>
  <c r="AE11917" i="1"/>
  <c r="AE11918" i="1"/>
  <c r="AE11919" i="1"/>
  <c r="AE11920" i="1"/>
  <c r="AE11921" i="1"/>
  <c r="AE11922" i="1"/>
  <c r="AE11923" i="1"/>
  <c r="AE11924" i="1"/>
  <c r="AE11925" i="1"/>
  <c r="AE11926" i="1"/>
  <c r="AE11927" i="1"/>
  <c r="AE11928" i="1"/>
  <c r="AE11929" i="1"/>
  <c r="AE11930" i="1"/>
  <c r="AE11931" i="1"/>
  <c r="AE11932" i="1"/>
  <c r="AE11933" i="1"/>
  <c r="AE11934" i="1"/>
  <c r="AE11935" i="1"/>
  <c r="AE11936" i="1"/>
  <c r="AE11937" i="1"/>
  <c r="AE11938" i="1"/>
  <c r="AE11939" i="1"/>
  <c r="AE11940" i="1"/>
  <c r="AE11941" i="1"/>
  <c r="AE11942" i="1"/>
  <c r="AE11943" i="1"/>
  <c r="AE11944" i="1"/>
  <c r="AE11945" i="1"/>
  <c r="AE11946" i="1"/>
  <c r="AE11947" i="1"/>
  <c r="AE11948" i="1"/>
  <c r="AE11949" i="1"/>
  <c r="AE11950" i="1"/>
  <c r="AE11951" i="1"/>
  <c r="AE11952" i="1"/>
  <c r="AE11953" i="1"/>
  <c r="AE11954" i="1"/>
  <c r="AE11955" i="1"/>
  <c r="AE11956" i="1"/>
  <c r="AE11957" i="1"/>
  <c r="AE11958" i="1"/>
  <c r="AE11959" i="1"/>
  <c r="AE11960" i="1"/>
  <c r="AE11961" i="1"/>
  <c r="AE11962" i="1"/>
  <c r="AE11963" i="1"/>
  <c r="AE11964" i="1"/>
  <c r="AE11965" i="1"/>
  <c r="AE11966" i="1"/>
  <c r="AE11967" i="1"/>
  <c r="AE11968" i="1"/>
  <c r="AE11969" i="1"/>
  <c r="AE11970" i="1"/>
  <c r="AE11971" i="1"/>
  <c r="AE11972" i="1"/>
  <c r="AE11973" i="1"/>
  <c r="AE11974" i="1"/>
  <c r="AE11975" i="1"/>
  <c r="AE11976" i="1"/>
  <c r="AE11977" i="1"/>
  <c r="AE11978" i="1"/>
  <c r="AE11979" i="1"/>
  <c r="AE11980" i="1"/>
  <c r="AE11981" i="1"/>
  <c r="AE11982" i="1"/>
  <c r="AE11983" i="1"/>
  <c r="AE11984" i="1"/>
  <c r="AE11985" i="1"/>
  <c r="AE11986" i="1"/>
  <c r="AE11987" i="1"/>
  <c r="AE11988" i="1"/>
  <c r="AE11989" i="1"/>
  <c r="AE11990" i="1"/>
  <c r="AE11991" i="1"/>
  <c r="AE11992" i="1"/>
  <c r="AE11993" i="1"/>
  <c r="AE11994" i="1"/>
  <c r="AE11995" i="1"/>
  <c r="AE11996" i="1"/>
  <c r="AE11997" i="1"/>
  <c r="AE11998" i="1"/>
  <c r="AE11999" i="1"/>
  <c r="AE12000" i="1"/>
  <c r="AE12001" i="1"/>
  <c r="AE12002" i="1"/>
  <c r="AE12003" i="1"/>
  <c r="AE12004" i="1"/>
  <c r="AE12005" i="1"/>
  <c r="AE12006" i="1"/>
  <c r="AE12007" i="1"/>
  <c r="AE12008" i="1"/>
  <c r="AE12009" i="1"/>
  <c r="AE12010" i="1"/>
  <c r="AE12011" i="1"/>
  <c r="AE12012" i="1"/>
  <c r="AE12013" i="1"/>
  <c r="AE12014" i="1"/>
  <c r="AE12015" i="1"/>
  <c r="AE12016" i="1"/>
  <c r="AE12017" i="1"/>
  <c r="AE12018" i="1"/>
  <c r="AE12019" i="1"/>
  <c r="AE12020" i="1"/>
  <c r="AE12021" i="1"/>
  <c r="AE12022" i="1"/>
  <c r="AE12023" i="1"/>
  <c r="AE12024" i="1"/>
  <c r="AE12025" i="1"/>
  <c r="AE12026" i="1"/>
  <c r="AE12027" i="1"/>
  <c r="AE12028" i="1"/>
  <c r="AE12029" i="1"/>
  <c r="AE12030" i="1"/>
  <c r="AE12031" i="1"/>
  <c r="AE12032" i="1"/>
  <c r="AE12033" i="1"/>
  <c r="AE12034" i="1"/>
  <c r="AE12035" i="1"/>
  <c r="AE12036" i="1"/>
  <c r="AE12037" i="1"/>
  <c r="AE12038" i="1"/>
  <c r="AE12039" i="1"/>
  <c r="AE12040" i="1"/>
  <c r="AE12041" i="1"/>
  <c r="AE12042" i="1"/>
  <c r="AE12043" i="1"/>
  <c r="AE12044" i="1"/>
  <c r="AE12045" i="1"/>
  <c r="AE12046" i="1"/>
  <c r="AE12047" i="1"/>
  <c r="AE12048" i="1"/>
  <c r="AE12049" i="1"/>
  <c r="AE12050" i="1"/>
  <c r="AE12051" i="1"/>
  <c r="AE12052" i="1"/>
  <c r="AE12053" i="1"/>
  <c r="AE12054" i="1"/>
  <c r="AE12055" i="1"/>
  <c r="AE12056" i="1"/>
  <c r="AE12057" i="1"/>
  <c r="AE12058" i="1"/>
  <c r="AE12059" i="1"/>
  <c r="AE12060" i="1"/>
  <c r="AE12061" i="1"/>
  <c r="AE12062" i="1"/>
  <c r="AE12063" i="1"/>
  <c r="AE12064" i="1"/>
  <c r="AE12065" i="1"/>
  <c r="AE12066" i="1"/>
  <c r="AE12067" i="1"/>
  <c r="AE12068" i="1"/>
  <c r="AE12069" i="1"/>
  <c r="AE12070" i="1"/>
  <c r="AE12071" i="1"/>
  <c r="AE12072" i="1"/>
  <c r="AE12073" i="1"/>
  <c r="AE12074" i="1"/>
  <c r="AE12075" i="1"/>
  <c r="AE12076" i="1"/>
  <c r="AE12077" i="1"/>
  <c r="AE12078" i="1"/>
  <c r="AE12079" i="1"/>
  <c r="AE12080" i="1"/>
  <c r="AE12081" i="1"/>
  <c r="AE12082" i="1"/>
  <c r="AE12083" i="1"/>
  <c r="AE12084" i="1"/>
  <c r="AE12085" i="1"/>
  <c r="AE12086" i="1"/>
  <c r="AE12087" i="1"/>
  <c r="AE12088" i="1"/>
  <c r="AE12089" i="1"/>
  <c r="AE12090" i="1"/>
  <c r="AE12091" i="1"/>
  <c r="AE12092" i="1"/>
  <c r="AE12093" i="1"/>
  <c r="AE12094" i="1"/>
  <c r="AE12095" i="1"/>
  <c r="AE12096" i="1"/>
  <c r="AE12097" i="1"/>
  <c r="AE12098" i="1"/>
  <c r="AE12099" i="1"/>
  <c r="AE12100" i="1"/>
  <c r="AE12101" i="1"/>
  <c r="AE12102" i="1"/>
  <c r="AE12103" i="1"/>
  <c r="AE12104" i="1"/>
  <c r="AE12105" i="1"/>
  <c r="AE12106" i="1"/>
  <c r="AE12107" i="1"/>
  <c r="AE12108" i="1"/>
  <c r="AE12109" i="1"/>
  <c r="AE12110" i="1"/>
  <c r="AE12111" i="1"/>
  <c r="AE12112" i="1"/>
  <c r="AE12113" i="1"/>
  <c r="AE12114" i="1"/>
  <c r="AE12115" i="1"/>
  <c r="AE12116" i="1"/>
  <c r="AE12117" i="1"/>
  <c r="AE12118" i="1"/>
  <c r="AE12119" i="1"/>
  <c r="AE12120" i="1"/>
  <c r="AE12121" i="1"/>
  <c r="AE12122" i="1"/>
  <c r="AE12123" i="1"/>
  <c r="AE12124" i="1"/>
  <c r="AE12125" i="1"/>
  <c r="AE12126" i="1"/>
  <c r="AE12127" i="1"/>
  <c r="AE12128" i="1"/>
  <c r="AE12129" i="1"/>
  <c r="AE12130" i="1"/>
  <c r="AE12131" i="1"/>
  <c r="AE12132" i="1"/>
  <c r="AE12133" i="1"/>
  <c r="AE12134" i="1"/>
  <c r="AE12135" i="1"/>
  <c r="AE12136" i="1"/>
  <c r="AE12137" i="1"/>
  <c r="AE12138" i="1"/>
  <c r="AE12139" i="1"/>
  <c r="AE12140" i="1"/>
  <c r="AE12141" i="1"/>
  <c r="AE12142" i="1"/>
  <c r="AE12143" i="1"/>
  <c r="AE12144" i="1"/>
  <c r="AE12145" i="1"/>
  <c r="AE12146" i="1"/>
  <c r="AE12147" i="1"/>
  <c r="AE12148" i="1"/>
  <c r="AE12149" i="1"/>
  <c r="AE12150" i="1"/>
  <c r="AE12151" i="1"/>
  <c r="AE12152" i="1"/>
  <c r="AE12153" i="1"/>
  <c r="AE12154" i="1"/>
  <c r="AE12155" i="1"/>
  <c r="AE12156" i="1"/>
  <c r="AE12157" i="1"/>
  <c r="AE12158" i="1"/>
  <c r="AE12159" i="1"/>
  <c r="AE12160" i="1"/>
  <c r="AE12161" i="1"/>
  <c r="AE12162" i="1"/>
  <c r="AE12163" i="1"/>
  <c r="AE12164" i="1"/>
  <c r="AE12165" i="1"/>
  <c r="AE12166" i="1"/>
  <c r="AE12167" i="1"/>
  <c r="AE12168" i="1"/>
  <c r="AE12169" i="1"/>
  <c r="AE12170" i="1"/>
  <c r="AE12171" i="1"/>
  <c r="AE12172" i="1"/>
  <c r="AE12173" i="1"/>
  <c r="AE12174" i="1"/>
  <c r="AE12175" i="1"/>
  <c r="AE12176" i="1"/>
  <c r="AE12177" i="1"/>
  <c r="AE12178" i="1"/>
  <c r="AE12179" i="1"/>
  <c r="AE12180" i="1"/>
  <c r="AE12181" i="1"/>
  <c r="AE12182" i="1"/>
  <c r="AE12183" i="1"/>
  <c r="AE12184" i="1"/>
  <c r="AE12185" i="1"/>
  <c r="AE12186" i="1"/>
  <c r="AE12187" i="1"/>
  <c r="AE12188" i="1"/>
  <c r="AE12189" i="1"/>
  <c r="AE12190" i="1"/>
  <c r="AE12191" i="1"/>
  <c r="AE12192" i="1"/>
  <c r="AE12193" i="1"/>
  <c r="AE12194" i="1"/>
  <c r="AE12195" i="1"/>
  <c r="AE12196" i="1"/>
  <c r="AE12197" i="1"/>
  <c r="AE12198" i="1"/>
  <c r="AE12199" i="1"/>
  <c r="AE12200" i="1"/>
  <c r="AE12201" i="1"/>
  <c r="AE12202" i="1"/>
  <c r="AE12203" i="1"/>
  <c r="AE12204" i="1"/>
  <c r="AE12205" i="1"/>
  <c r="AE12206" i="1"/>
  <c r="AE12207" i="1"/>
  <c r="AE12208" i="1"/>
  <c r="AE12209" i="1"/>
  <c r="AE12210" i="1"/>
  <c r="AE12211" i="1"/>
  <c r="AE12212" i="1"/>
  <c r="AE12213" i="1"/>
  <c r="AE12214" i="1"/>
  <c r="AE12215" i="1"/>
  <c r="AE12216" i="1"/>
  <c r="AE12217" i="1"/>
  <c r="AE12218" i="1"/>
  <c r="AE12219" i="1"/>
  <c r="AE12220" i="1"/>
  <c r="AE12221" i="1"/>
  <c r="AE12222" i="1"/>
  <c r="AE12223" i="1"/>
  <c r="AE12224" i="1"/>
  <c r="AE12225" i="1"/>
  <c r="AE12226" i="1"/>
  <c r="AE12227" i="1"/>
  <c r="AE12228" i="1"/>
  <c r="AE12229" i="1"/>
  <c r="AE12230" i="1"/>
  <c r="AE12231" i="1"/>
  <c r="AE12232" i="1"/>
  <c r="AE12233" i="1"/>
  <c r="AE12234" i="1"/>
  <c r="AE12235" i="1"/>
  <c r="AE12236" i="1"/>
  <c r="AE12237" i="1"/>
  <c r="AE12238" i="1"/>
  <c r="AE12239" i="1"/>
  <c r="AE12240" i="1"/>
  <c r="AE12241" i="1"/>
  <c r="AE12242" i="1"/>
  <c r="AE12243" i="1"/>
  <c r="AE12244" i="1"/>
  <c r="AE12245" i="1"/>
  <c r="AE12246" i="1"/>
  <c r="AE12247" i="1"/>
  <c r="AE12248" i="1"/>
  <c r="AE12249" i="1"/>
  <c r="AE12250" i="1"/>
  <c r="AE12251" i="1"/>
  <c r="AE12252" i="1"/>
  <c r="AE12253" i="1"/>
  <c r="AE12254" i="1"/>
  <c r="AE12255" i="1"/>
  <c r="AE12256" i="1"/>
  <c r="AE12257" i="1"/>
  <c r="AE12258" i="1"/>
  <c r="AE12259" i="1"/>
  <c r="AE12260" i="1"/>
  <c r="AE12261" i="1"/>
  <c r="AE12262" i="1"/>
  <c r="AE12263" i="1"/>
  <c r="AE12264" i="1"/>
  <c r="AE12265" i="1"/>
  <c r="AE12266" i="1"/>
  <c r="AE12267" i="1"/>
  <c r="AE12268" i="1"/>
  <c r="AE12269" i="1"/>
  <c r="AE12270" i="1"/>
  <c r="AE12271" i="1"/>
  <c r="AE12272" i="1"/>
  <c r="AE12273" i="1"/>
  <c r="AE12274" i="1"/>
  <c r="AE12275" i="1"/>
  <c r="AE12276" i="1"/>
  <c r="AE12277" i="1"/>
  <c r="AE12278" i="1"/>
  <c r="AE12279" i="1"/>
  <c r="AE12280" i="1"/>
  <c r="AE12281" i="1"/>
  <c r="AE12282" i="1"/>
  <c r="AE12283" i="1"/>
  <c r="AE12284" i="1"/>
  <c r="AE12285" i="1"/>
  <c r="AE12286" i="1"/>
  <c r="AE12287" i="1"/>
  <c r="AE12288" i="1"/>
  <c r="AE12289" i="1"/>
  <c r="AE12290" i="1"/>
  <c r="AE12291" i="1"/>
  <c r="AE12292" i="1"/>
  <c r="AE12293" i="1"/>
  <c r="AE12294" i="1"/>
  <c r="AE12295" i="1"/>
  <c r="AE12296" i="1"/>
  <c r="AE12297" i="1"/>
  <c r="AE12298" i="1"/>
  <c r="AE12299" i="1"/>
  <c r="AE12300" i="1"/>
  <c r="AE12301" i="1"/>
  <c r="AE12302" i="1"/>
  <c r="AE12303" i="1"/>
  <c r="AE12304" i="1"/>
  <c r="AE12305" i="1"/>
  <c r="AE12306" i="1"/>
  <c r="AE12307" i="1"/>
  <c r="AE12308" i="1"/>
  <c r="AE12309" i="1"/>
  <c r="AE12310" i="1"/>
  <c r="AE12311" i="1"/>
  <c r="AE12312" i="1"/>
  <c r="AE12313" i="1"/>
  <c r="AE12314" i="1"/>
  <c r="AE12315" i="1"/>
  <c r="AE12316" i="1"/>
  <c r="AE12317" i="1"/>
  <c r="AE12318" i="1"/>
  <c r="AE12319" i="1"/>
  <c r="AE12320" i="1"/>
  <c r="AE12321" i="1"/>
  <c r="AE12322" i="1"/>
  <c r="AE12323" i="1"/>
  <c r="AE12324" i="1"/>
  <c r="AE12325" i="1"/>
  <c r="AE12326" i="1"/>
  <c r="AE12327" i="1"/>
  <c r="AE12328" i="1"/>
  <c r="AE12329" i="1"/>
  <c r="AE12330" i="1"/>
  <c r="AE12331" i="1"/>
  <c r="AE12332" i="1"/>
  <c r="AE12333" i="1"/>
  <c r="AE12334" i="1"/>
  <c r="AE12335" i="1"/>
  <c r="AE12336" i="1"/>
  <c r="AE12337" i="1"/>
  <c r="AE12338" i="1"/>
  <c r="AE12339" i="1"/>
  <c r="AE12340" i="1"/>
  <c r="AE12341" i="1"/>
  <c r="AE12342" i="1"/>
  <c r="AE12343" i="1"/>
  <c r="AE12344" i="1"/>
  <c r="AE12345" i="1"/>
  <c r="AE12346" i="1"/>
  <c r="AE12347" i="1"/>
  <c r="AE12348" i="1"/>
  <c r="AE12349" i="1"/>
  <c r="AE12350" i="1"/>
  <c r="AE12351" i="1"/>
  <c r="AE12352" i="1"/>
  <c r="AE12353" i="1"/>
  <c r="AE12354" i="1"/>
  <c r="AE12355" i="1"/>
  <c r="AE12356" i="1"/>
  <c r="AE12357" i="1"/>
  <c r="AE12358" i="1"/>
  <c r="AE12359" i="1"/>
  <c r="AE12360" i="1"/>
  <c r="AE12361" i="1"/>
  <c r="AE12362" i="1"/>
  <c r="AE12363" i="1"/>
  <c r="AE12364" i="1"/>
  <c r="AE12365" i="1"/>
  <c r="AE12366" i="1"/>
  <c r="AE12367" i="1"/>
  <c r="AE12368" i="1"/>
  <c r="AE12369" i="1"/>
  <c r="AE12370" i="1"/>
  <c r="AE12371" i="1"/>
  <c r="AE12372" i="1"/>
  <c r="AE12373" i="1"/>
  <c r="AE12374" i="1"/>
  <c r="AE12375" i="1"/>
  <c r="AE12376" i="1"/>
  <c r="AE12377" i="1"/>
  <c r="AE12378" i="1"/>
  <c r="AE12379" i="1"/>
  <c r="AE12380" i="1"/>
  <c r="AE12381" i="1"/>
  <c r="AE12382" i="1"/>
  <c r="AE12383" i="1"/>
  <c r="AE12384" i="1"/>
  <c r="AE12385" i="1"/>
  <c r="AE12386" i="1"/>
  <c r="AE12387" i="1"/>
  <c r="AE12388" i="1"/>
  <c r="AE12389" i="1"/>
  <c r="AE12390" i="1"/>
  <c r="AE12391" i="1"/>
  <c r="AE12392" i="1"/>
  <c r="AE12393" i="1"/>
  <c r="AE12394" i="1"/>
  <c r="AE12395" i="1"/>
  <c r="AE12396" i="1"/>
  <c r="AE12397" i="1"/>
  <c r="AE12398" i="1"/>
  <c r="AE12399" i="1"/>
  <c r="AE12400" i="1"/>
  <c r="AE12401" i="1"/>
  <c r="AE12402" i="1"/>
  <c r="AE12403" i="1"/>
  <c r="AE12404" i="1"/>
  <c r="AE12405" i="1"/>
  <c r="AE12406" i="1"/>
  <c r="AE12407" i="1"/>
  <c r="AE12408" i="1"/>
  <c r="AE12409" i="1"/>
  <c r="AE12410" i="1"/>
  <c r="AE12411" i="1"/>
  <c r="AE12412" i="1"/>
  <c r="AE12413" i="1"/>
  <c r="AE12414" i="1"/>
  <c r="AE12415" i="1"/>
  <c r="AE12416" i="1"/>
  <c r="AE12417" i="1"/>
  <c r="AE12418" i="1"/>
  <c r="AE12419" i="1"/>
  <c r="AE12420" i="1"/>
  <c r="AE12421" i="1"/>
  <c r="AE12422" i="1"/>
  <c r="AE12423" i="1"/>
  <c r="AE12424" i="1"/>
  <c r="AE12425" i="1"/>
  <c r="AE12426" i="1"/>
  <c r="AE12427" i="1"/>
  <c r="AE12428" i="1"/>
  <c r="AE12429" i="1"/>
  <c r="AE12430" i="1"/>
  <c r="AE12431" i="1"/>
  <c r="AE12432" i="1"/>
  <c r="AE12433" i="1"/>
  <c r="AE12434" i="1"/>
  <c r="AE12435" i="1"/>
  <c r="AE12436" i="1"/>
  <c r="AE12437" i="1"/>
  <c r="AE12438" i="1"/>
  <c r="AE12439" i="1"/>
  <c r="AE12440" i="1"/>
  <c r="AE12441" i="1"/>
  <c r="AE12442" i="1"/>
  <c r="AE12443" i="1"/>
  <c r="AE12444" i="1"/>
  <c r="AE12445" i="1"/>
  <c r="AE12446" i="1"/>
  <c r="AE12447" i="1"/>
  <c r="AE12448" i="1"/>
  <c r="AE12449" i="1"/>
  <c r="AE12450" i="1"/>
  <c r="AE12451" i="1"/>
  <c r="AE12452" i="1"/>
  <c r="AE12453" i="1"/>
  <c r="AE12454" i="1"/>
  <c r="AE12455" i="1"/>
  <c r="AE12456" i="1"/>
  <c r="AE12457" i="1"/>
  <c r="AE12458" i="1"/>
  <c r="AE12459" i="1"/>
  <c r="AE12460" i="1"/>
  <c r="AE12461" i="1"/>
  <c r="AE12462" i="1"/>
  <c r="AE12463" i="1"/>
  <c r="AE12464" i="1"/>
  <c r="AE12465" i="1"/>
  <c r="AE12466" i="1"/>
  <c r="AE12467" i="1"/>
  <c r="AE12468" i="1"/>
  <c r="AE12469" i="1"/>
  <c r="AE12470" i="1"/>
  <c r="AE12471" i="1"/>
  <c r="AE12472" i="1"/>
  <c r="AE12473" i="1"/>
  <c r="AE12474" i="1"/>
  <c r="AE12475" i="1"/>
  <c r="AE12476" i="1"/>
  <c r="AE12477" i="1"/>
  <c r="AE12478" i="1"/>
  <c r="AE12479" i="1"/>
  <c r="AE12480" i="1"/>
  <c r="AE12481" i="1"/>
  <c r="AE12482" i="1"/>
  <c r="AE12483" i="1"/>
  <c r="AE12484" i="1"/>
  <c r="AE12485" i="1"/>
  <c r="AE12486" i="1"/>
  <c r="AE12487" i="1"/>
  <c r="AE12488" i="1"/>
  <c r="AE12489" i="1"/>
  <c r="AE12490" i="1"/>
  <c r="AE12491" i="1"/>
  <c r="AE12492" i="1"/>
  <c r="AE12493" i="1"/>
  <c r="AE12494" i="1"/>
  <c r="AE12495" i="1"/>
  <c r="AE12496" i="1"/>
  <c r="AE12497" i="1"/>
  <c r="AE12498" i="1"/>
  <c r="AE12499" i="1"/>
  <c r="AE12500" i="1"/>
  <c r="AE12501" i="1"/>
  <c r="AE12502" i="1"/>
  <c r="AE12503" i="1"/>
  <c r="AE12504" i="1"/>
  <c r="AE12505" i="1"/>
  <c r="AE12506" i="1"/>
  <c r="AE12507" i="1"/>
  <c r="AE12508" i="1"/>
  <c r="AE12509" i="1"/>
  <c r="AE12510" i="1"/>
  <c r="AE12511" i="1"/>
  <c r="AE12512" i="1"/>
  <c r="AE12513" i="1"/>
  <c r="AE12514" i="1"/>
  <c r="AE12515" i="1"/>
  <c r="AE12516" i="1"/>
  <c r="AE12517" i="1"/>
  <c r="AE12518" i="1"/>
  <c r="AE12519" i="1"/>
  <c r="AE12520" i="1"/>
  <c r="AE12521" i="1"/>
  <c r="AE12522" i="1"/>
  <c r="AE12523" i="1"/>
  <c r="AE12524" i="1"/>
  <c r="AE12525" i="1"/>
  <c r="AE12526" i="1"/>
  <c r="AE12527" i="1"/>
  <c r="AE12528" i="1"/>
  <c r="AE12529" i="1"/>
  <c r="AE12530" i="1"/>
  <c r="AE12531" i="1"/>
  <c r="AE12532" i="1"/>
  <c r="AE12533" i="1"/>
  <c r="AE12534" i="1"/>
  <c r="AE12535" i="1"/>
  <c r="AE12536" i="1"/>
  <c r="AE12537" i="1"/>
  <c r="AE12538" i="1"/>
  <c r="AE12539" i="1"/>
  <c r="AE12540" i="1"/>
  <c r="AE12541" i="1"/>
  <c r="AE12542" i="1"/>
  <c r="AE12543" i="1"/>
  <c r="AE12544" i="1"/>
  <c r="AE12545" i="1"/>
  <c r="AE12546" i="1"/>
  <c r="AE12547" i="1"/>
  <c r="AE12548" i="1"/>
  <c r="AE12549" i="1"/>
  <c r="AE12550" i="1"/>
  <c r="AE12551" i="1"/>
  <c r="AE12552" i="1"/>
  <c r="AE12553" i="1"/>
  <c r="AE12554" i="1"/>
  <c r="AE12555" i="1"/>
  <c r="AE12556" i="1"/>
  <c r="AE12557" i="1"/>
  <c r="AE12558" i="1"/>
  <c r="AE12559" i="1"/>
  <c r="AE12560" i="1"/>
  <c r="AE12561" i="1"/>
  <c r="AE12562" i="1"/>
  <c r="AE12563" i="1"/>
  <c r="AE12564" i="1"/>
  <c r="AE12565" i="1"/>
  <c r="AE12566" i="1"/>
  <c r="AE12567" i="1"/>
  <c r="AE12568" i="1"/>
  <c r="AE12569" i="1"/>
  <c r="AE12570" i="1"/>
  <c r="AE12571" i="1"/>
  <c r="AE12572" i="1"/>
  <c r="AE12573" i="1"/>
  <c r="AE12574" i="1"/>
  <c r="AE12575" i="1"/>
  <c r="AE12576" i="1"/>
  <c r="AE12577" i="1"/>
  <c r="AE12578" i="1"/>
  <c r="AE12579" i="1"/>
  <c r="AE12580" i="1"/>
  <c r="AE12581" i="1"/>
  <c r="AE12582" i="1"/>
  <c r="AE12583" i="1"/>
  <c r="AE12584" i="1"/>
  <c r="AE12585" i="1"/>
  <c r="AE12586" i="1"/>
  <c r="AE12587" i="1"/>
  <c r="AE12588" i="1"/>
  <c r="AE12589" i="1"/>
  <c r="AE12590" i="1"/>
  <c r="AE12591" i="1"/>
  <c r="AE12592" i="1"/>
  <c r="AE12593" i="1"/>
  <c r="AE12594" i="1"/>
  <c r="AE12595" i="1"/>
  <c r="AE12596" i="1"/>
  <c r="AE12597" i="1"/>
  <c r="AE12598" i="1"/>
  <c r="AE12599" i="1"/>
  <c r="AE12600" i="1"/>
  <c r="AE12601" i="1"/>
  <c r="AE12602" i="1"/>
  <c r="AE12603" i="1"/>
  <c r="AE12604" i="1"/>
  <c r="AE12605" i="1"/>
  <c r="AE12606" i="1"/>
  <c r="AE12607" i="1"/>
  <c r="AE12608" i="1"/>
  <c r="AE12609" i="1"/>
  <c r="AE12610" i="1"/>
  <c r="AE12611" i="1"/>
  <c r="AE12612" i="1"/>
  <c r="AE12613" i="1"/>
  <c r="AE12614" i="1"/>
  <c r="AE12615" i="1"/>
  <c r="AE12616" i="1"/>
  <c r="AE12617" i="1"/>
  <c r="AE12618" i="1"/>
  <c r="AE12619" i="1"/>
  <c r="AE12620" i="1"/>
  <c r="AE12621" i="1"/>
  <c r="AE12622" i="1"/>
  <c r="AE12623" i="1"/>
  <c r="AE12624" i="1"/>
  <c r="AE12625" i="1"/>
  <c r="AE12626" i="1"/>
  <c r="AE12627" i="1"/>
  <c r="AE12628" i="1"/>
  <c r="AE12629" i="1"/>
  <c r="AE12630" i="1"/>
  <c r="AE12631" i="1"/>
  <c r="AE12632" i="1"/>
  <c r="AE12633" i="1"/>
  <c r="AE12634" i="1"/>
  <c r="AE12635" i="1"/>
  <c r="AE12636" i="1"/>
  <c r="AE12637" i="1"/>
  <c r="AE12638" i="1"/>
  <c r="AE12639" i="1"/>
  <c r="AE12640" i="1"/>
  <c r="AE12641" i="1"/>
  <c r="AE12642" i="1"/>
  <c r="AE12643" i="1"/>
  <c r="AE12644" i="1"/>
  <c r="AE12645" i="1"/>
  <c r="AE12646" i="1"/>
  <c r="AE12647" i="1"/>
  <c r="AE12648" i="1"/>
  <c r="AE12649" i="1"/>
  <c r="AE12650" i="1"/>
  <c r="AE12651" i="1"/>
  <c r="AE12652" i="1"/>
  <c r="AE12653" i="1"/>
  <c r="AE12654" i="1"/>
  <c r="AE12655" i="1"/>
  <c r="AE12656" i="1"/>
  <c r="AE12657" i="1"/>
  <c r="AE12658" i="1"/>
  <c r="AE12659" i="1"/>
  <c r="AE12660" i="1"/>
  <c r="AE12661" i="1"/>
  <c r="AE12662" i="1"/>
  <c r="AE12663" i="1"/>
  <c r="AE12664" i="1"/>
  <c r="AE12665" i="1"/>
  <c r="AE12666" i="1"/>
  <c r="AE12667" i="1"/>
  <c r="AE12668" i="1"/>
  <c r="AE12669" i="1"/>
  <c r="AE12670" i="1"/>
  <c r="AE12671" i="1"/>
  <c r="AE12672" i="1"/>
  <c r="AE12673" i="1"/>
  <c r="AE12674" i="1"/>
  <c r="AE12675" i="1"/>
  <c r="AE12676" i="1"/>
  <c r="AE12677" i="1"/>
  <c r="AE12678" i="1"/>
  <c r="AE12679" i="1"/>
  <c r="AE12680" i="1"/>
  <c r="AE12681" i="1"/>
  <c r="AE12682" i="1"/>
  <c r="AE12683" i="1"/>
  <c r="AE12684" i="1"/>
  <c r="AE12685" i="1"/>
  <c r="AE12686" i="1"/>
  <c r="AE12687" i="1"/>
  <c r="AE12688" i="1"/>
  <c r="AE12689" i="1"/>
  <c r="AE12690" i="1"/>
  <c r="AE12691" i="1"/>
  <c r="AE12692" i="1"/>
  <c r="AE12693" i="1"/>
  <c r="AE12694" i="1"/>
  <c r="AE12695" i="1"/>
  <c r="AE12696" i="1"/>
  <c r="AE12697" i="1"/>
  <c r="AE12698" i="1"/>
  <c r="AE12699" i="1"/>
  <c r="AE12700" i="1"/>
  <c r="AE12701" i="1"/>
  <c r="AE12702" i="1"/>
  <c r="AE12703" i="1"/>
  <c r="AE12704" i="1"/>
  <c r="AE12705" i="1"/>
  <c r="AE12706" i="1"/>
  <c r="AE12707" i="1"/>
  <c r="AE12708" i="1"/>
  <c r="AE12709" i="1"/>
  <c r="AE12710" i="1"/>
  <c r="AE12711" i="1"/>
  <c r="AE12712" i="1"/>
  <c r="AE12713" i="1"/>
  <c r="AE12714" i="1"/>
  <c r="AE12715" i="1"/>
  <c r="AE12716" i="1"/>
  <c r="AE12717" i="1"/>
  <c r="AE12718" i="1"/>
  <c r="AE12719" i="1"/>
  <c r="AE12720" i="1"/>
  <c r="AE12721" i="1"/>
  <c r="AE12722" i="1"/>
  <c r="AE12723" i="1"/>
  <c r="AE12724" i="1"/>
  <c r="AE12725" i="1"/>
  <c r="AE12726" i="1"/>
  <c r="AE12727" i="1"/>
  <c r="AE12728" i="1"/>
  <c r="AE12729" i="1"/>
  <c r="AE12730" i="1"/>
  <c r="AE12731" i="1"/>
  <c r="AE12732" i="1"/>
  <c r="AE12733" i="1"/>
  <c r="AE12734" i="1"/>
  <c r="AE12735" i="1"/>
  <c r="AE12736" i="1"/>
  <c r="AE12737" i="1"/>
  <c r="AE12738" i="1"/>
  <c r="AE12739" i="1"/>
  <c r="AE12740" i="1"/>
  <c r="AE12741" i="1"/>
  <c r="AE12742" i="1"/>
  <c r="AE12743" i="1"/>
  <c r="AE12744" i="1"/>
  <c r="AE12745" i="1"/>
  <c r="AE12746" i="1"/>
  <c r="AE12747" i="1"/>
  <c r="AE12748" i="1"/>
  <c r="AE12749" i="1"/>
  <c r="AE12750" i="1"/>
  <c r="AE12751" i="1"/>
  <c r="AE12752" i="1"/>
  <c r="AE12753" i="1"/>
  <c r="AE12754" i="1"/>
  <c r="AE12755" i="1"/>
  <c r="AE12756" i="1"/>
  <c r="AE12757" i="1"/>
  <c r="AE12758" i="1"/>
  <c r="AE12759" i="1"/>
  <c r="AE12760" i="1"/>
  <c r="AE12761" i="1"/>
  <c r="AE12762" i="1"/>
  <c r="AE12763" i="1"/>
  <c r="AE12764" i="1"/>
  <c r="AE12765" i="1"/>
  <c r="AE12766" i="1"/>
  <c r="AE12767" i="1"/>
  <c r="AE12768" i="1"/>
  <c r="AE12769" i="1"/>
  <c r="AE12770" i="1"/>
  <c r="AE12771" i="1"/>
  <c r="AE12772" i="1"/>
  <c r="AE12773" i="1"/>
  <c r="AE12774" i="1"/>
  <c r="AE12775" i="1"/>
  <c r="AE12776" i="1"/>
  <c r="AE12777" i="1"/>
  <c r="AE12778" i="1"/>
  <c r="AE12779" i="1"/>
  <c r="AE12780" i="1"/>
  <c r="AE12781" i="1"/>
  <c r="AE12782" i="1"/>
  <c r="AE12783" i="1"/>
  <c r="AE12784" i="1"/>
  <c r="AE12785" i="1"/>
  <c r="AE12786" i="1"/>
  <c r="AE12787" i="1"/>
  <c r="AE12788" i="1"/>
  <c r="AE12789" i="1"/>
  <c r="AE12790" i="1"/>
  <c r="AE12791" i="1"/>
  <c r="AE12792" i="1"/>
  <c r="AE12793" i="1"/>
  <c r="AE12794" i="1"/>
  <c r="AE12795" i="1"/>
  <c r="AE12796" i="1"/>
  <c r="AE12797" i="1"/>
  <c r="AE12798" i="1"/>
  <c r="AE12799" i="1"/>
  <c r="AE12800" i="1"/>
  <c r="AE12801" i="1"/>
  <c r="AE12802" i="1"/>
  <c r="AE12803" i="1"/>
  <c r="AE12804" i="1"/>
  <c r="AE12805" i="1"/>
  <c r="AE12806" i="1"/>
  <c r="AE12807" i="1"/>
  <c r="AE12808" i="1"/>
  <c r="AE12809" i="1"/>
  <c r="AE12810" i="1"/>
  <c r="AE12811" i="1"/>
  <c r="AE12812" i="1"/>
  <c r="AE12813" i="1"/>
  <c r="AE12814" i="1"/>
  <c r="AE12815" i="1"/>
  <c r="AE12816" i="1"/>
  <c r="AE12817" i="1"/>
  <c r="AE12818" i="1"/>
  <c r="AE12819" i="1"/>
  <c r="AE12820" i="1"/>
  <c r="AE12821" i="1"/>
  <c r="AE12822" i="1"/>
  <c r="AE12823" i="1"/>
  <c r="AE12824" i="1"/>
  <c r="AE12825" i="1"/>
  <c r="AE12826" i="1"/>
  <c r="AE12827" i="1"/>
  <c r="AE12828" i="1"/>
  <c r="AE12829" i="1"/>
  <c r="AE12830" i="1"/>
  <c r="AE12831" i="1"/>
  <c r="AE12832" i="1"/>
  <c r="AE12833" i="1"/>
  <c r="AE12834" i="1"/>
  <c r="AE12835" i="1"/>
  <c r="AE12836" i="1"/>
  <c r="AE12837" i="1"/>
  <c r="AE12838" i="1"/>
  <c r="AE12839" i="1"/>
  <c r="AE12840" i="1"/>
  <c r="AE12841" i="1"/>
  <c r="AE12842" i="1"/>
  <c r="AE12843" i="1"/>
  <c r="AE12844" i="1"/>
  <c r="AE12845" i="1"/>
  <c r="AE12846" i="1"/>
  <c r="AE12847" i="1"/>
  <c r="AE12848" i="1"/>
  <c r="AE12849" i="1"/>
  <c r="AE12850" i="1"/>
  <c r="AE12851" i="1"/>
  <c r="AE12852" i="1"/>
  <c r="AE12853" i="1"/>
  <c r="AE12854" i="1"/>
  <c r="AE12855" i="1"/>
  <c r="AE12856" i="1"/>
  <c r="AE12857" i="1"/>
  <c r="AE12858" i="1"/>
  <c r="AE12859" i="1"/>
  <c r="AE12860" i="1"/>
  <c r="AE12861" i="1"/>
  <c r="AE12862" i="1"/>
  <c r="AE12863" i="1"/>
  <c r="AE12864" i="1"/>
  <c r="AE12865" i="1"/>
  <c r="AE12866" i="1"/>
  <c r="AE12867" i="1"/>
  <c r="AE12868" i="1"/>
  <c r="AE12869" i="1"/>
  <c r="AE12870" i="1"/>
  <c r="AE12871" i="1"/>
  <c r="AE12872" i="1"/>
  <c r="AE12873" i="1"/>
  <c r="AE12874" i="1"/>
  <c r="AE12875" i="1"/>
  <c r="AE12876" i="1"/>
  <c r="AE12877" i="1"/>
  <c r="AE12878" i="1"/>
  <c r="AE12879" i="1"/>
  <c r="AE12880" i="1"/>
  <c r="AE12881" i="1"/>
  <c r="AE12882" i="1"/>
  <c r="AE12883" i="1"/>
  <c r="AE12884" i="1"/>
  <c r="AE12885" i="1"/>
  <c r="AE12886" i="1"/>
  <c r="AE12887" i="1"/>
  <c r="AE12888" i="1"/>
  <c r="AE12889" i="1"/>
  <c r="AE12890" i="1"/>
  <c r="AE12891" i="1"/>
  <c r="AE12892" i="1"/>
  <c r="AE12893" i="1"/>
  <c r="AE12894" i="1"/>
  <c r="AE12895" i="1"/>
  <c r="AE12896" i="1"/>
  <c r="AE12897" i="1"/>
  <c r="AE12898" i="1"/>
  <c r="AE12899" i="1"/>
  <c r="AE12900" i="1"/>
  <c r="AE12901" i="1"/>
  <c r="AE12902" i="1"/>
  <c r="AE12903" i="1"/>
  <c r="AE12904" i="1"/>
  <c r="AE12905" i="1"/>
  <c r="AE12906" i="1"/>
  <c r="AE12907" i="1"/>
  <c r="AE12908" i="1"/>
  <c r="AE12909" i="1"/>
  <c r="AE12910" i="1"/>
  <c r="AE12911" i="1"/>
  <c r="AE12912" i="1"/>
  <c r="AE12913" i="1"/>
  <c r="AE12914" i="1"/>
  <c r="AE12915" i="1"/>
  <c r="AE12916" i="1"/>
  <c r="AE12917" i="1"/>
  <c r="AE12918" i="1"/>
  <c r="AE12919" i="1"/>
  <c r="AE12920" i="1"/>
  <c r="AE12921" i="1"/>
  <c r="AE12922" i="1"/>
  <c r="AE12923" i="1"/>
  <c r="AE12924" i="1"/>
  <c r="AE12925" i="1"/>
  <c r="AE12926" i="1"/>
  <c r="AE12927" i="1"/>
  <c r="AE12928" i="1"/>
  <c r="AE12929" i="1"/>
  <c r="AE12930" i="1"/>
  <c r="AE12931" i="1"/>
  <c r="AE12932" i="1"/>
  <c r="AE12933" i="1"/>
  <c r="AE12934" i="1"/>
  <c r="AE12935" i="1"/>
  <c r="AE12936" i="1"/>
  <c r="AE12937" i="1"/>
  <c r="AE12938" i="1"/>
  <c r="AE12939" i="1"/>
  <c r="AE12940" i="1"/>
  <c r="AE12941" i="1"/>
  <c r="AE12942" i="1"/>
  <c r="AE12943" i="1"/>
  <c r="AE12944" i="1"/>
  <c r="AE12945" i="1"/>
  <c r="AE12946" i="1"/>
  <c r="AE12947" i="1"/>
  <c r="AE12948" i="1"/>
  <c r="AE12949" i="1"/>
  <c r="AE12950" i="1"/>
  <c r="AE12951" i="1"/>
  <c r="AE12952" i="1"/>
  <c r="AE12953" i="1"/>
  <c r="AE12954" i="1"/>
  <c r="AE12955" i="1"/>
  <c r="AE12956" i="1"/>
  <c r="AE12957" i="1"/>
  <c r="AE12958" i="1"/>
  <c r="AE12959" i="1"/>
  <c r="AE12960" i="1"/>
  <c r="AE12961" i="1"/>
  <c r="AE12962" i="1"/>
  <c r="AE12963" i="1"/>
  <c r="AE12964" i="1"/>
  <c r="AE12965" i="1"/>
  <c r="AE12966" i="1"/>
  <c r="AE12967" i="1"/>
  <c r="AE12968" i="1"/>
  <c r="AE12969" i="1"/>
  <c r="AE12970" i="1"/>
  <c r="AE12971" i="1"/>
  <c r="AE12972" i="1"/>
  <c r="AE12973" i="1"/>
  <c r="AE12974" i="1"/>
  <c r="AE12975" i="1"/>
  <c r="AE12976" i="1"/>
  <c r="AE12977" i="1"/>
  <c r="AE12978" i="1"/>
  <c r="AE12979" i="1"/>
  <c r="AE12980" i="1"/>
  <c r="AE12981" i="1"/>
  <c r="AE12982" i="1"/>
  <c r="AE12983" i="1"/>
  <c r="AE12984" i="1"/>
  <c r="AE12985" i="1"/>
  <c r="AE12986" i="1"/>
  <c r="AE12987" i="1"/>
  <c r="AE12988" i="1"/>
  <c r="AE12989" i="1"/>
  <c r="AE12990" i="1"/>
  <c r="AE12991" i="1"/>
  <c r="AE12992" i="1"/>
  <c r="AE12993" i="1"/>
  <c r="AE12994" i="1"/>
  <c r="AE12995" i="1"/>
  <c r="AE12996" i="1"/>
  <c r="AE12997" i="1"/>
  <c r="AE12998" i="1"/>
  <c r="AE12999" i="1"/>
  <c r="AE13000" i="1"/>
  <c r="AE13001" i="1"/>
  <c r="AE13002" i="1"/>
  <c r="AE13003" i="1"/>
  <c r="AE13004" i="1"/>
  <c r="AE13005" i="1"/>
  <c r="AE13006" i="1"/>
  <c r="AE13007" i="1"/>
  <c r="AE13008" i="1"/>
  <c r="AE13009" i="1"/>
  <c r="AE13010" i="1"/>
  <c r="AE13011" i="1"/>
  <c r="AE13012" i="1"/>
  <c r="AE13013" i="1"/>
  <c r="AE13014" i="1"/>
  <c r="AE13015" i="1"/>
  <c r="AE13016" i="1"/>
  <c r="AE13017" i="1"/>
  <c r="AE13018" i="1"/>
  <c r="AE13019" i="1"/>
  <c r="AE13020" i="1"/>
  <c r="AE13021" i="1"/>
  <c r="AE13022" i="1"/>
  <c r="AE13023" i="1"/>
  <c r="AE13024" i="1"/>
  <c r="AE13025" i="1"/>
  <c r="AE13026" i="1"/>
  <c r="AE13027" i="1"/>
  <c r="AE13028" i="1"/>
  <c r="AE13029" i="1"/>
  <c r="AE13030" i="1"/>
  <c r="AE13031" i="1"/>
  <c r="AE13032" i="1"/>
  <c r="AE13033" i="1"/>
  <c r="AE13034" i="1"/>
  <c r="AE13035" i="1"/>
  <c r="AE13036" i="1"/>
  <c r="AE13037" i="1"/>
  <c r="AE13038" i="1"/>
  <c r="AE13039" i="1"/>
  <c r="AE13040" i="1"/>
  <c r="AE13041" i="1"/>
  <c r="AE13042" i="1"/>
  <c r="AE13043" i="1"/>
  <c r="AE13044" i="1"/>
  <c r="AE13045" i="1"/>
  <c r="AE13046" i="1"/>
  <c r="AE13047" i="1"/>
  <c r="AE13048" i="1"/>
  <c r="AE13049" i="1"/>
  <c r="AE13050" i="1"/>
  <c r="AE13051" i="1"/>
  <c r="AE13052" i="1"/>
  <c r="AE13053" i="1"/>
  <c r="AE13054" i="1"/>
  <c r="AE13055" i="1"/>
  <c r="AE13056" i="1"/>
  <c r="AE13057" i="1"/>
  <c r="AE13058" i="1"/>
  <c r="AE13059" i="1"/>
  <c r="AE13060" i="1"/>
  <c r="AE13061" i="1"/>
  <c r="AE13062" i="1"/>
  <c r="AE13063" i="1"/>
  <c r="AE13064" i="1"/>
  <c r="AE13065" i="1"/>
  <c r="AE13066" i="1"/>
  <c r="AE13067" i="1"/>
  <c r="AE13068" i="1"/>
  <c r="AE13069" i="1"/>
  <c r="AE13070" i="1"/>
  <c r="AE13071" i="1"/>
  <c r="AE13072" i="1"/>
  <c r="AE13073" i="1"/>
  <c r="AE13074" i="1"/>
  <c r="AE13075" i="1"/>
  <c r="AE13076" i="1"/>
  <c r="AE13077" i="1"/>
  <c r="AE13078" i="1"/>
  <c r="AE13079" i="1"/>
  <c r="AE13080" i="1"/>
  <c r="AE13081" i="1"/>
  <c r="AE13082" i="1"/>
  <c r="AE13083" i="1"/>
  <c r="AE13084" i="1"/>
  <c r="AE13085" i="1"/>
  <c r="AE13086" i="1"/>
  <c r="AE13087" i="1"/>
  <c r="AE13088" i="1"/>
  <c r="AE13089" i="1"/>
  <c r="AE13090" i="1"/>
  <c r="AE13091" i="1"/>
  <c r="AE13092" i="1"/>
  <c r="AE13093" i="1"/>
  <c r="AE13094" i="1"/>
  <c r="AE13095" i="1"/>
  <c r="AE13096" i="1"/>
  <c r="AE13097" i="1"/>
  <c r="AE13098" i="1"/>
  <c r="AE13099" i="1"/>
  <c r="AE13100" i="1"/>
  <c r="AE13101" i="1"/>
  <c r="AE13102" i="1"/>
  <c r="AE13103" i="1"/>
  <c r="AE13104" i="1"/>
  <c r="AE13105" i="1"/>
  <c r="AE13106" i="1"/>
  <c r="AE13107" i="1"/>
  <c r="AE13108" i="1"/>
  <c r="AE13109" i="1"/>
  <c r="AE13110" i="1"/>
  <c r="AE13111" i="1"/>
  <c r="AE13112" i="1"/>
  <c r="AE13113" i="1"/>
  <c r="AE13114" i="1"/>
  <c r="AE13115" i="1"/>
  <c r="AE13116" i="1"/>
  <c r="AE13117" i="1"/>
  <c r="AE13118" i="1"/>
  <c r="AE13119" i="1"/>
  <c r="AE13120" i="1"/>
  <c r="AE13121" i="1"/>
  <c r="AE13122" i="1"/>
  <c r="AE13123" i="1"/>
  <c r="AE13124" i="1"/>
  <c r="AE13125" i="1"/>
  <c r="AE13126" i="1"/>
  <c r="AE13127" i="1"/>
  <c r="AE13128" i="1"/>
  <c r="AE13129" i="1"/>
  <c r="AE13130" i="1"/>
  <c r="AE13131" i="1"/>
  <c r="AE13132" i="1"/>
  <c r="AE13133" i="1"/>
  <c r="AE13134" i="1"/>
  <c r="AE13135" i="1"/>
  <c r="AE13136" i="1"/>
  <c r="AE13137" i="1"/>
  <c r="AE13138" i="1"/>
  <c r="AE13139" i="1"/>
  <c r="AE13140" i="1"/>
  <c r="AE13141" i="1"/>
  <c r="AE13142" i="1"/>
  <c r="AE13143" i="1"/>
  <c r="AE13144" i="1"/>
  <c r="AE13145" i="1"/>
  <c r="AE13146" i="1"/>
  <c r="AE13147" i="1"/>
  <c r="AE13148" i="1"/>
  <c r="AE13149" i="1"/>
  <c r="AE13150" i="1"/>
  <c r="AE13151" i="1"/>
  <c r="AE13152" i="1"/>
  <c r="AE13153" i="1"/>
  <c r="AE13154" i="1"/>
  <c r="AE13155" i="1"/>
  <c r="AE13156" i="1"/>
  <c r="AE13157" i="1"/>
  <c r="AE13158" i="1"/>
  <c r="AE13159" i="1"/>
  <c r="AE13160" i="1"/>
  <c r="AE13161" i="1"/>
  <c r="AE13162" i="1"/>
  <c r="AE13163" i="1"/>
  <c r="AE13164" i="1"/>
  <c r="AE13165" i="1"/>
  <c r="AE13166" i="1"/>
  <c r="AE13167" i="1"/>
  <c r="AE13168" i="1"/>
  <c r="AE13169" i="1"/>
  <c r="AE13170" i="1"/>
  <c r="AE13171" i="1"/>
  <c r="AE13172" i="1"/>
  <c r="AE13173" i="1"/>
  <c r="AE13174" i="1"/>
  <c r="AE13175" i="1"/>
  <c r="AE13176" i="1"/>
  <c r="AE13177" i="1"/>
  <c r="AE13178" i="1"/>
  <c r="AE13179" i="1"/>
  <c r="AE13180" i="1"/>
  <c r="AE13181" i="1"/>
  <c r="AE13182" i="1"/>
  <c r="AE13183" i="1"/>
  <c r="AE13184" i="1"/>
  <c r="AE13185" i="1"/>
  <c r="AE13186" i="1"/>
  <c r="AE13187" i="1"/>
  <c r="AE13188" i="1"/>
  <c r="AE13189" i="1"/>
  <c r="AE13190" i="1"/>
  <c r="AE13191" i="1"/>
  <c r="AE13192" i="1"/>
  <c r="AE13193" i="1"/>
  <c r="AE13194" i="1"/>
  <c r="AE13195" i="1"/>
  <c r="AE13196" i="1"/>
  <c r="AE13197" i="1"/>
  <c r="AE13198" i="1"/>
  <c r="AE13199" i="1"/>
  <c r="AE13200" i="1"/>
  <c r="AE13201" i="1"/>
  <c r="AE13202" i="1"/>
  <c r="AE13203" i="1"/>
  <c r="AE13204" i="1"/>
  <c r="AE13205" i="1"/>
  <c r="AE13206" i="1"/>
  <c r="AE13207" i="1"/>
  <c r="AE13208" i="1"/>
  <c r="AE13209" i="1"/>
  <c r="AE13210" i="1"/>
  <c r="AE13211" i="1"/>
  <c r="AE13212" i="1"/>
  <c r="AE13213" i="1"/>
  <c r="AE13214" i="1"/>
  <c r="AE13215" i="1"/>
  <c r="AE13216" i="1"/>
  <c r="AE13217" i="1"/>
  <c r="AE13218" i="1"/>
  <c r="AE13219" i="1"/>
  <c r="AE13220" i="1"/>
  <c r="AE13221" i="1"/>
  <c r="AE13222" i="1"/>
  <c r="AE13223" i="1"/>
  <c r="AE13224" i="1"/>
  <c r="AE13225" i="1"/>
  <c r="AE13226" i="1"/>
  <c r="AE13227" i="1"/>
  <c r="AE13228" i="1"/>
  <c r="AE13229" i="1"/>
  <c r="AE13230" i="1"/>
  <c r="AE13231" i="1"/>
  <c r="AE13232" i="1"/>
  <c r="AE13233" i="1"/>
  <c r="AE13234" i="1"/>
  <c r="AE13235" i="1"/>
  <c r="AE13236" i="1"/>
  <c r="AE13237" i="1"/>
  <c r="AE13238" i="1"/>
  <c r="AE13239" i="1"/>
  <c r="AE13240" i="1"/>
  <c r="AE13241" i="1"/>
  <c r="AE13242" i="1"/>
  <c r="AE13243" i="1"/>
  <c r="AE13244" i="1"/>
  <c r="AE13245" i="1"/>
  <c r="AE13246" i="1"/>
  <c r="AE13247" i="1"/>
  <c r="AE13248" i="1"/>
  <c r="AE13249" i="1"/>
  <c r="AE13250" i="1"/>
  <c r="AE13251" i="1"/>
  <c r="AE13252" i="1"/>
  <c r="AE13253" i="1"/>
  <c r="AE13254" i="1"/>
  <c r="AE13255" i="1"/>
  <c r="AE13256" i="1"/>
  <c r="AE13257" i="1"/>
  <c r="AE13258" i="1"/>
  <c r="AE13259" i="1"/>
  <c r="AE13260" i="1"/>
  <c r="AE13261" i="1"/>
  <c r="AE13262" i="1"/>
  <c r="AE13263" i="1"/>
  <c r="AE13264" i="1"/>
  <c r="AE13265" i="1"/>
  <c r="AE13266" i="1"/>
  <c r="AE13267" i="1"/>
  <c r="AE13268" i="1"/>
  <c r="AE13269" i="1"/>
  <c r="AE13270" i="1"/>
  <c r="AE13271" i="1"/>
  <c r="AE13272" i="1"/>
  <c r="AE13273" i="1"/>
  <c r="AE13274" i="1"/>
  <c r="AE13275" i="1"/>
  <c r="AE13276" i="1"/>
  <c r="AE13277" i="1"/>
  <c r="AE13278" i="1"/>
  <c r="AE13279" i="1"/>
  <c r="AE13280" i="1"/>
  <c r="AE13281" i="1"/>
  <c r="AE13282" i="1"/>
  <c r="AE13283" i="1"/>
  <c r="AE13284" i="1"/>
  <c r="AE13285" i="1"/>
  <c r="AE13286" i="1"/>
  <c r="AE13287" i="1"/>
  <c r="AE13288" i="1"/>
  <c r="AE13289" i="1"/>
  <c r="AE13290" i="1"/>
  <c r="AE13291" i="1"/>
  <c r="AE13292" i="1"/>
  <c r="AE13293" i="1"/>
  <c r="AE13294" i="1"/>
  <c r="AE13295" i="1"/>
  <c r="AE13296" i="1"/>
  <c r="AE13297" i="1"/>
  <c r="AE13298" i="1"/>
  <c r="AE13299" i="1"/>
  <c r="AE13300" i="1"/>
  <c r="AE13301" i="1"/>
  <c r="AE13302" i="1"/>
  <c r="AE13303" i="1"/>
  <c r="AE13304" i="1"/>
  <c r="AE13305" i="1"/>
  <c r="AE13306" i="1"/>
  <c r="AE13307" i="1"/>
  <c r="AE13308" i="1"/>
  <c r="AE13309" i="1"/>
  <c r="AE13310" i="1"/>
  <c r="AE13311" i="1"/>
  <c r="AE13312" i="1"/>
  <c r="AE13313" i="1"/>
  <c r="AE13314" i="1"/>
  <c r="AE13315" i="1"/>
  <c r="AE13316" i="1"/>
  <c r="AE13317" i="1"/>
  <c r="AE13318" i="1"/>
  <c r="AE13319" i="1"/>
  <c r="AE13320" i="1"/>
  <c r="AE13321" i="1"/>
  <c r="AE13322" i="1"/>
  <c r="AE13323" i="1"/>
  <c r="AE13324" i="1"/>
  <c r="AE13325" i="1"/>
  <c r="AE13326" i="1"/>
  <c r="AE13327" i="1"/>
  <c r="AE13328" i="1"/>
  <c r="AE13329" i="1"/>
  <c r="AE13330" i="1"/>
  <c r="AE13331" i="1"/>
  <c r="AE13332" i="1"/>
  <c r="AE13333" i="1"/>
  <c r="AE13334" i="1"/>
  <c r="AE13335" i="1"/>
  <c r="AE13336" i="1"/>
  <c r="AE13337" i="1"/>
  <c r="AE13338" i="1"/>
  <c r="AE13339" i="1"/>
  <c r="AE13340" i="1"/>
  <c r="AE13341" i="1"/>
  <c r="AE13342" i="1"/>
  <c r="AE13343" i="1"/>
  <c r="AE13344" i="1"/>
  <c r="AE13345" i="1"/>
  <c r="AE13346" i="1"/>
  <c r="AE13347" i="1"/>
  <c r="AE13348" i="1"/>
  <c r="AE13349" i="1"/>
  <c r="AE13350" i="1"/>
  <c r="AE13351" i="1"/>
  <c r="AE13352" i="1"/>
  <c r="AE13353" i="1"/>
  <c r="AE13354" i="1"/>
  <c r="AE13355" i="1"/>
  <c r="AE13356" i="1"/>
  <c r="AE13357" i="1"/>
  <c r="AE13358" i="1"/>
  <c r="AE13359" i="1"/>
  <c r="AE13360" i="1"/>
  <c r="AE13361" i="1"/>
  <c r="AE13362" i="1"/>
  <c r="AE13363" i="1"/>
  <c r="AE13364" i="1"/>
  <c r="AE13365" i="1"/>
  <c r="AE13366" i="1"/>
  <c r="AE13367" i="1"/>
  <c r="AE13368" i="1"/>
  <c r="AE13369" i="1"/>
  <c r="AE13370" i="1"/>
  <c r="AE13371" i="1"/>
  <c r="AE13372" i="1"/>
  <c r="AE13373" i="1"/>
  <c r="AE13374" i="1"/>
  <c r="AE13375" i="1"/>
  <c r="AE13376" i="1"/>
  <c r="AE13377" i="1"/>
  <c r="AE13378" i="1"/>
  <c r="AE13379" i="1"/>
  <c r="AE13380" i="1"/>
  <c r="AE13381" i="1"/>
  <c r="AE13382" i="1"/>
  <c r="AE13383" i="1"/>
  <c r="AE13384" i="1"/>
  <c r="AE13385" i="1"/>
  <c r="AE13386" i="1"/>
  <c r="AE13387" i="1"/>
  <c r="AE13388" i="1"/>
  <c r="AE13389" i="1"/>
  <c r="AE13390" i="1"/>
  <c r="AE13391" i="1"/>
  <c r="AE13392" i="1"/>
  <c r="AE13393" i="1"/>
  <c r="AE13394" i="1"/>
  <c r="AE13395" i="1"/>
  <c r="AE13396" i="1"/>
  <c r="AE13397" i="1"/>
  <c r="AE13398" i="1"/>
  <c r="AE13399" i="1"/>
  <c r="AE13400" i="1"/>
  <c r="AE13401" i="1"/>
  <c r="AE13402" i="1"/>
  <c r="AE13403" i="1"/>
  <c r="AE13404" i="1"/>
  <c r="AE13405" i="1"/>
  <c r="AE13406" i="1"/>
  <c r="AE13407" i="1"/>
  <c r="AE13408" i="1"/>
  <c r="AE13409" i="1"/>
  <c r="AE13410" i="1"/>
  <c r="AE13411" i="1"/>
  <c r="AE13412" i="1"/>
  <c r="AE13413" i="1"/>
  <c r="AE13414" i="1"/>
  <c r="AE13415" i="1"/>
  <c r="AE13416" i="1"/>
  <c r="AE13417" i="1"/>
  <c r="AE13418" i="1"/>
  <c r="AE13419" i="1"/>
  <c r="AE13420" i="1"/>
  <c r="AE13421" i="1"/>
  <c r="AE13422" i="1"/>
  <c r="AE13423" i="1"/>
  <c r="AE13424" i="1"/>
  <c r="AE13425" i="1"/>
  <c r="AE13426" i="1"/>
  <c r="AE13427" i="1"/>
  <c r="AE13428" i="1"/>
  <c r="AE13429" i="1"/>
  <c r="AE13430" i="1"/>
  <c r="AE13431" i="1"/>
  <c r="AE13432" i="1"/>
  <c r="AE13433" i="1"/>
  <c r="AE13434" i="1"/>
  <c r="AE13435" i="1"/>
  <c r="AE13436" i="1"/>
  <c r="AE13437" i="1"/>
  <c r="AE13438" i="1"/>
  <c r="AE13439" i="1"/>
  <c r="AE13440" i="1"/>
  <c r="AE13441" i="1"/>
  <c r="AE13442" i="1"/>
  <c r="AE13443" i="1"/>
  <c r="AE13444" i="1"/>
  <c r="AE13445" i="1"/>
  <c r="AE13446" i="1"/>
  <c r="AE13447" i="1"/>
  <c r="AE13448" i="1"/>
  <c r="AE13449" i="1"/>
  <c r="AE13450" i="1"/>
  <c r="AE13451" i="1"/>
  <c r="AE13452" i="1"/>
  <c r="AE13453" i="1"/>
  <c r="AE13454" i="1"/>
  <c r="AE13455" i="1"/>
  <c r="AE13456" i="1"/>
  <c r="AE13457" i="1"/>
  <c r="AE13458" i="1"/>
  <c r="AE13459" i="1"/>
  <c r="AE13460" i="1"/>
  <c r="AE13461" i="1"/>
  <c r="AE13462" i="1"/>
  <c r="AE13463" i="1"/>
  <c r="AE13464" i="1"/>
  <c r="AE13465" i="1"/>
  <c r="AE13466" i="1"/>
  <c r="AE13467" i="1"/>
  <c r="AE13468" i="1"/>
  <c r="AE13469" i="1"/>
  <c r="AE13470" i="1"/>
  <c r="AE13471" i="1"/>
  <c r="AE13472" i="1"/>
  <c r="AE13473" i="1"/>
  <c r="AE13474" i="1"/>
  <c r="AE13475" i="1"/>
  <c r="AE13476" i="1"/>
  <c r="AE13477" i="1"/>
  <c r="AE13478" i="1"/>
  <c r="AE13479" i="1"/>
  <c r="AE13480" i="1"/>
  <c r="AE13481" i="1"/>
  <c r="AE13482" i="1"/>
  <c r="AE13483" i="1"/>
  <c r="AE13484" i="1"/>
  <c r="AE13485" i="1"/>
  <c r="AE13486" i="1"/>
  <c r="AE13487" i="1"/>
  <c r="AE13488" i="1"/>
  <c r="AE13489" i="1"/>
  <c r="AE13490" i="1"/>
  <c r="AE13491" i="1"/>
  <c r="AE13492" i="1"/>
  <c r="AE13493" i="1"/>
  <c r="AE13494" i="1"/>
  <c r="AE13495" i="1"/>
  <c r="AE13496" i="1"/>
  <c r="AE13497" i="1"/>
  <c r="AE13498" i="1"/>
  <c r="AE13499" i="1"/>
  <c r="AE13500" i="1"/>
  <c r="AE13501" i="1"/>
  <c r="AE13502" i="1"/>
  <c r="AE13503" i="1"/>
  <c r="AE13504" i="1"/>
  <c r="AE13505" i="1"/>
  <c r="AE13506" i="1"/>
  <c r="AE13507" i="1"/>
  <c r="AE13508" i="1"/>
  <c r="AE13509" i="1"/>
  <c r="AE13510" i="1"/>
  <c r="AE13511" i="1"/>
  <c r="AE13512" i="1"/>
  <c r="AE13513" i="1"/>
  <c r="AE13514" i="1"/>
  <c r="AE13515" i="1"/>
  <c r="AE13516" i="1"/>
  <c r="AE13517" i="1"/>
  <c r="AE13518" i="1"/>
  <c r="AE13519" i="1"/>
  <c r="AE13520" i="1"/>
  <c r="AE13521" i="1"/>
  <c r="AE13522" i="1"/>
  <c r="AE13523" i="1"/>
  <c r="AE13524" i="1"/>
  <c r="AE13525" i="1"/>
  <c r="AE13526" i="1"/>
  <c r="AE13527" i="1"/>
  <c r="AE13528" i="1"/>
  <c r="AE13529" i="1"/>
  <c r="AE13530" i="1"/>
  <c r="AE13531" i="1"/>
  <c r="AE13532" i="1"/>
  <c r="AE13533" i="1"/>
  <c r="AE13534" i="1"/>
  <c r="AE13535" i="1"/>
  <c r="AE13536" i="1"/>
  <c r="AE13537" i="1"/>
  <c r="AE13538" i="1"/>
  <c r="AE13539" i="1"/>
  <c r="AE13540" i="1"/>
  <c r="AE13541" i="1"/>
  <c r="AE13542" i="1"/>
  <c r="AE13543" i="1"/>
  <c r="AE13544" i="1"/>
  <c r="AE13545" i="1"/>
  <c r="AE13546" i="1"/>
  <c r="AE13547" i="1"/>
  <c r="AE13548" i="1"/>
  <c r="AE13549" i="1"/>
  <c r="AE13550" i="1"/>
  <c r="AE13551" i="1"/>
  <c r="AE13552" i="1"/>
  <c r="AE13553" i="1"/>
  <c r="AE13554" i="1"/>
  <c r="AE13555" i="1"/>
  <c r="AE13556" i="1"/>
  <c r="AE13557" i="1"/>
  <c r="AE13558" i="1"/>
  <c r="AE13559" i="1"/>
  <c r="AE13560" i="1"/>
  <c r="AE13561" i="1"/>
  <c r="AE13562" i="1"/>
  <c r="AE13563" i="1"/>
  <c r="AE13564" i="1"/>
  <c r="AE13565" i="1"/>
  <c r="AE13566" i="1"/>
  <c r="AE13567" i="1"/>
  <c r="AE13568" i="1"/>
  <c r="AE13569" i="1"/>
  <c r="AE13570" i="1"/>
  <c r="AE13571" i="1"/>
  <c r="AE13572" i="1"/>
  <c r="AE13573" i="1"/>
  <c r="AE13574" i="1"/>
  <c r="AE13575" i="1"/>
  <c r="AE13576" i="1"/>
  <c r="AE13577" i="1"/>
  <c r="AE13578" i="1"/>
  <c r="AE13579" i="1"/>
  <c r="AE13580" i="1"/>
  <c r="AE13581" i="1"/>
  <c r="AE13582" i="1"/>
  <c r="AE13583" i="1"/>
  <c r="AE13584" i="1"/>
  <c r="AE13585" i="1"/>
  <c r="AE13586" i="1"/>
  <c r="AE13587" i="1"/>
  <c r="AE13588" i="1"/>
  <c r="AE13589" i="1"/>
  <c r="AE13590" i="1"/>
  <c r="AE13591" i="1"/>
  <c r="AE13592" i="1"/>
  <c r="AE13593" i="1"/>
  <c r="AE13594" i="1"/>
  <c r="AE13595" i="1"/>
  <c r="AE13596" i="1"/>
  <c r="AE13597" i="1"/>
  <c r="AE13598" i="1"/>
  <c r="AE13599" i="1"/>
  <c r="AE13600" i="1"/>
  <c r="AE13601" i="1"/>
  <c r="AE13602" i="1"/>
  <c r="AE13603" i="1"/>
  <c r="AE13604" i="1"/>
  <c r="AE13605" i="1"/>
  <c r="AE13606" i="1"/>
  <c r="AE13607" i="1"/>
  <c r="AE13608" i="1"/>
  <c r="AE13609" i="1"/>
  <c r="AE13610" i="1"/>
  <c r="AE13611" i="1"/>
  <c r="AE13612" i="1"/>
  <c r="AE13613" i="1"/>
  <c r="AE13614" i="1"/>
  <c r="AE13615" i="1"/>
  <c r="AE13616" i="1"/>
  <c r="AE13617" i="1"/>
  <c r="AE13618" i="1"/>
  <c r="AE13619" i="1"/>
  <c r="AE13620" i="1"/>
  <c r="AE13621" i="1"/>
  <c r="AE13622" i="1"/>
  <c r="AE13623" i="1"/>
  <c r="AE13624" i="1"/>
  <c r="AE13625" i="1"/>
  <c r="AE13626" i="1"/>
  <c r="AE13627" i="1"/>
  <c r="AE13628" i="1"/>
  <c r="AE13629" i="1"/>
  <c r="AE13630" i="1"/>
  <c r="AE13631" i="1"/>
  <c r="AE13632" i="1"/>
  <c r="AE13633" i="1"/>
  <c r="AE13634" i="1"/>
  <c r="AE13635" i="1"/>
  <c r="AE13636" i="1"/>
  <c r="AE13637" i="1"/>
  <c r="AE13638" i="1"/>
  <c r="AE13639" i="1"/>
  <c r="AE13640" i="1"/>
  <c r="AE13641" i="1"/>
  <c r="AE13642" i="1"/>
  <c r="AE13643" i="1"/>
  <c r="AE13644" i="1"/>
  <c r="AE13645" i="1"/>
  <c r="AE13646" i="1"/>
  <c r="AE13647" i="1"/>
  <c r="AE13648" i="1"/>
  <c r="AE13649" i="1"/>
  <c r="AE13650" i="1"/>
  <c r="AE13651" i="1"/>
  <c r="AE13652" i="1"/>
  <c r="AE13653" i="1"/>
  <c r="AE13654" i="1"/>
  <c r="AE13655" i="1"/>
  <c r="AE13656" i="1"/>
  <c r="AE13657" i="1"/>
  <c r="AE13658" i="1"/>
  <c r="AE13659" i="1"/>
  <c r="AE13660" i="1"/>
  <c r="AE13661" i="1"/>
  <c r="AE13662" i="1"/>
  <c r="AE13663" i="1"/>
  <c r="AE13664" i="1"/>
  <c r="AE13665" i="1"/>
  <c r="AE13666" i="1"/>
  <c r="AE13667" i="1"/>
  <c r="AE13668" i="1"/>
  <c r="AE13669" i="1"/>
  <c r="AE13670" i="1"/>
  <c r="AE13671" i="1"/>
  <c r="AE13672" i="1"/>
  <c r="AE13673" i="1"/>
  <c r="AE13674" i="1"/>
  <c r="AE13675" i="1"/>
  <c r="AE13676" i="1"/>
  <c r="AE13677" i="1"/>
  <c r="AE13678" i="1"/>
  <c r="AE13679" i="1"/>
  <c r="AE13680" i="1"/>
  <c r="AE13681" i="1"/>
  <c r="AE13682" i="1"/>
  <c r="AE13683" i="1"/>
  <c r="AE13684" i="1"/>
  <c r="AE13685" i="1"/>
  <c r="AE13686" i="1"/>
  <c r="AE13687" i="1"/>
  <c r="AE13688" i="1"/>
  <c r="AE13689" i="1"/>
  <c r="AE13690" i="1"/>
  <c r="AE13691" i="1"/>
  <c r="AE13692" i="1"/>
  <c r="AE13693" i="1"/>
  <c r="AE13694" i="1"/>
  <c r="AE13695" i="1"/>
  <c r="AE13696" i="1"/>
  <c r="AE13697" i="1"/>
  <c r="AE13698" i="1"/>
  <c r="AE13699" i="1"/>
  <c r="AE13700" i="1"/>
  <c r="AE13701" i="1"/>
  <c r="AE13702" i="1"/>
  <c r="AE13703" i="1"/>
  <c r="AE13704" i="1"/>
  <c r="AE13705" i="1"/>
  <c r="AE13706" i="1"/>
  <c r="AE13707" i="1"/>
  <c r="AE13708" i="1"/>
  <c r="AE13709" i="1"/>
  <c r="AE13710" i="1"/>
  <c r="AE13711" i="1"/>
  <c r="AE13712" i="1"/>
  <c r="AE13713" i="1"/>
  <c r="AE13714" i="1"/>
  <c r="AE13715" i="1"/>
  <c r="AE13716" i="1"/>
  <c r="AE13717" i="1"/>
  <c r="AE13718" i="1"/>
  <c r="AE13719" i="1"/>
  <c r="AE13720" i="1"/>
  <c r="AE13721" i="1"/>
  <c r="AE13722" i="1"/>
  <c r="AE13723" i="1"/>
  <c r="AE13724" i="1"/>
  <c r="AE13725" i="1"/>
  <c r="AE13726" i="1"/>
  <c r="AE13727" i="1"/>
  <c r="AE13728" i="1"/>
  <c r="AE13729" i="1"/>
  <c r="AE13730" i="1"/>
  <c r="AE13731" i="1"/>
  <c r="AE13732" i="1"/>
  <c r="AE13733" i="1"/>
  <c r="AE13734" i="1"/>
  <c r="AE13735" i="1"/>
  <c r="AE13736" i="1"/>
  <c r="AE13737" i="1"/>
  <c r="AE13738" i="1"/>
  <c r="AE13739" i="1"/>
  <c r="AE13740" i="1"/>
  <c r="AE13741" i="1"/>
  <c r="AE13742" i="1"/>
  <c r="AE13743" i="1"/>
  <c r="AE13744" i="1"/>
  <c r="AE13745" i="1"/>
  <c r="AE13746" i="1"/>
  <c r="AE13747" i="1"/>
  <c r="AE13748" i="1"/>
  <c r="AE13749" i="1"/>
  <c r="AE13750" i="1"/>
  <c r="AE13751" i="1"/>
  <c r="AE13752" i="1"/>
  <c r="AE13753" i="1"/>
  <c r="AE13754" i="1"/>
  <c r="AE13755" i="1"/>
  <c r="AE13756" i="1"/>
  <c r="AE13757" i="1"/>
  <c r="AE13758" i="1"/>
  <c r="AE13759" i="1"/>
  <c r="AE13760" i="1"/>
  <c r="AE13761" i="1"/>
  <c r="AE13762" i="1"/>
  <c r="AE13763" i="1"/>
  <c r="AE13764" i="1"/>
  <c r="AE13765" i="1"/>
  <c r="AE13766" i="1"/>
  <c r="AE13767" i="1"/>
  <c r="AE13768" i="1"/>
  <c r="AE13769" i="1"/>
  <c r="AE13770" i="1"/>
  <c r="AE13771" i="1"/>
  <c r="AE13772" i="1"/>
  <c r="AE13773" i="1"/>
  <c r="AE13774" i="1"/>
  <c r="AE13775" i="1"/>
  <c r="AE13776" i="1"/>
  <c r="AE13777" i="1"/>
  <c r="AE13778" i="1"/>
  <c r="AE13779" i="1"/>
  <c r="AE13780" i="1"/>
  <c r="AE13781" i="1"/>
  <c r="AE13782" i="1"/>
  <c r="AE13783" i="1"/>
  <c r="AE13784" i="1"/>
  <c r="AE13785" i="1"/>
  <c r="AE13786" i="1"/>
  <c r="AE13787" i="1"/>
  <c r="AE13788" i="1"/>
  <c r="AE13789" i="1"/>
  <c r="AE13790" i="1"/>
  <c r="AE13791" i="1"/>
  <c r="AE13792" i="1"/>
  <c r="AE13793" i="1"/>
  <c r="AE13794" i="1"/>
  <c r="AE13795" i="1"/>
  <c r="AE13796" i="1"/>
  <c r="AE13797" i="1"/>
  <c r="AE13798" i="1"/>
  <c r="AE13799" i="1"/>
  <c r="AE13800" i="1"/>
  <c r="AE13801" i="1"/>
  <c r="AE13802" i="1"/>
  <c r="AE13803" i="1"/>
  <c r="AE13804" i="1"/>
  <c r="AE13805" i="1"/>
  <c r="AE13806" i="1"/>
  <c r="AE13807" i="1"/>
  <c r="AE13808" i="1"/>
  <c r="AE13809" i="1"/>
  <c r="AE13810" i="1"/>
  <c r="AE13811" i="1"/>
  <c r="AE13812" i="1"/>
  <c r="AE13813" i="1"/>
  <c r="AE13814" i="1"/>
  <c r="AE13815" i="1"/>
  <c r="AE13816" i="1"/>
  <c r="AE13817" i="1"/>
  <c r="AE13818" i="1"/>
  <c r="AE13819" i="1"/>
  <c r="AE13820" i="1"/>
  <c r="AE13821" i="1"/>
  <c r="AE13822" i="1"/>
  <c r="AE13823" i="1"/>
  <c r="AE13824" i="1"/>
  <c r="AE13825" i="1"/>
  <c r="AE13826" i="1"/>
  <c r="AE13827" i="1"/>
  <c r="AE13828" i="1"/>
  <c r="AE13829" i="1"/>
  <c r="AE13830" i="1"/>
  <c r="AE13831" i="1"/>
  <c r="AE13832" i="1"/>
  <c r="AE13833" i="1"/>
  <c r="AE13834" i="1"/>
  <c r="AE13835" i="1"/>
  <c r="AE13836" i="1"/>
  <c r="AE13837" i="1"/>
  <c r="AE13838" i="1"/>
  <c r="AE13839" i="1"/>
  <c r="AE13840" i="1"/>
  <c r="AE13841" i="1"/>
  <c r="AE13842" i="1"/>
  <c r="AE13843" i="1"/>
  <c r="AE13844" i="1"/>
  <c r="AE13845" i="1"/>
  <c r="AE13846" i="1"/>
  <c r="AE13847" i="1"/>
  <c r="AE13848" i="1"/>
  <c r="AE13849" i="1"/>
  <c r="AE13850" i="1"/>
  <c r="AE13851" i="1"/>
  <c r="AE13852" i="1"/>
  <c r="AE13853" i="1"/>
  <c r="AE13854" i="1"/>
  <c r="AE13855" i="1"/>
  <c r="AE13856" i="1"/>
  <c r="AE13857" i="1"/>
  <c r="AE13858" i="1"/>
  <c r="AE13859" i="1"/>
  <c r="AE13860" i="1"/>
  <c r="AE13861" i="1"/>
  <c r="AE13862" i="1"/>
  <c r="AE13863" i="1"/>
  <c r="AE13864" i="1"/>
  <c r="AE13865" i="1"/>
  <c r="AE13866" i="1"/>
  <c r="AE13867" i="1"/>
  <c r="AE13868" i="1"/>
  <c r="AE13869" i="1"/>
  <c r="AE13870" i="1"/>
  <c r="AE13871" i="1"/>
  <c r="AE13872" i="1"/>
  <c r="AE13873" i="1"/>
  <c r="AE13874" i="1"/>
  <c r="AE13875" i="1"/>
  <c r="AE13876" i="1"/>
  <c r="AE13877" i="1"/>
  <c r="AE13878" i="1"/>
  <c r="AE13879" i="1"/>
  <c r="AE13880" i="1"/>
  <c r="AE13881" i="1"/>
  <c r="AE13882" i="1"/>
  <c r="AE13883" i="1"/>
  <c r="AE13884" i="1"/>
  <c r="AE13885" i="1"/>
  <c r="AE13886" i="1"/>
  <c r="AE13887" i="1"/>
  <c r="AE13888" i="1"/>
  <c r="AE13889" i="1"/>
  <c r="AE13890" i="1"/>
  <c r="AE13891" i="1"/>
  <c r="AE13892" i="1"/>
  <c r="AE13893" i="1"/>
  <c r="AE13894" i="1"/>
  <c r="AE13895" i="1"/>
  <c r="AE13896" i="1"/>
  <c r="AE13897" i="1"/>
  <c r="AE13898" i="1"/>
  <c r="AE13899" i="1"/>
  <c r="AE13900" i="1"/>
  <c r="AE13901" i="1"/>
  <c r="AE13902" i="1"/>
  <c r="AE13903" i="1"/>
  <c r="AE13904" i="1"/>
  <c r="AE13905" i="1"/>
  <c r="AE13906" i="1"/>
  <c r="AE13907" i="1"/>
  <c r="AE13908" i="1"/>
  <c r="AE13909" i="1"/>
  <c r="AE13910" i="1"/>
  <c r="AE13911" i="1"/>
  <c r="AE13912" i="1"/>
  <c r="AE13913" i="1"/>
  <c r="AE13914" i="1"/>
  <c r="AE13915" i="1"/>
  <c r="AE13916" i="1"/>
  <c r="AE13917" i="1"/>
  <c r="AE13918" i="1"/>
  <c r="AE13919" i="1"/>
  <c r="AE13920" i="1"/>
  <c r="AE13921" i="1"/>
  <c r="AE13922" i="1"/>
  <c r="AE13923" i="1"/>
  <c r="AE13924" i="1"/>
  <c r="AE13925" i="1"/>
  <c r="AE13926" i="1"/>
  <c r="AE13927" i="1"/>
  <c r="AE13928" i="1"/>
  <c r="AE13929" i="1"/>
  <c r="AE13930" i="1"/>
  <c r="AE13931" i="1"/>
  <c r="AE13932" i="1"/>
  <c r="AE13933" i="1"/>
  <c r="AE13934" i="1"/>
  <c r="AE13935" i="1"/>
  <c r="AE13936" i="1"/>
  <c r="AE13937" i="1"/>
  <c r="AE13938" i="1"/>
  <c r="AE13939" i="1"/>
  <c r="AE13940" i="1"/>
  <c r="AE13941" i="1"/>
  <c r="AE13942" i="1"/>
  <c r="AE13943" i="1"/>
  <c r="AE13944" i="1"/>
  <c r="AE13945" i="1"/>
  <c r="AE13946" i="1"/>
  <c r="AE13947" i="1"/>
  <c r="AE13948" i="1"/>
  <c r="AE13949" i="1"/>
  <c r="AE13950" i="1"/>
  <c r="AE13951" i="1"/>
  <c r="AE13952" i="1"/>
  <c r="AE13953" i="1"/>
  <c r="AE13954" i="1"/>
  <c r="AE13955" i="1"/>
  <c r="AE13956" i="1"/>
  <c r="AE13957" i="1"/>
  <c r="AE13958" i="1"/>
  <c r="AE13959" i="1"/>
  <c r="AE13960" i="1"/>
  <c r="AE13961" i="1"/>
  <c r="AE13962" i="1"/>
  <c r="AE13963" i="1"/>
  <c r="AE13964" i="1"/>
  <c r="AE13965" i="1"/>
  <c r="AE13966" i="1"/>
  <c r="AE13967" i="1"/>
  <c r="AE13968" i="1"/>
  <c r="AE13969" i="1"/>
  <c r="AE13970" i="1"/>
  <c r="AE13971" i="1"/>
  <c r="AE13972" i="1"/>
  <c r="AE13973" i="1"/>
  <c r="AE13974" i="1"/>
  <c r="AE13975" i="1"/>
  <c r="AE13976" i="1"/>
  <c r="AE13977" i="1"/>
  <c r="AE13978" i="1"/>
  <c r="AE13979" i="1"/>
  <c r="AE13980" i="1"/>
  <c r="AE13981" i="1"/>
  <c r="AE13982" i="1"/>
  <c r="AE13983" i="1"/>
  <c r="AE13984" i="1"/>
  <c r="AE13985" i="1"/>
  <c r="AE13986" i="1"/>
  <c r="AE13987" i="1"/>
  <c r="AE13988" i="1"/>
  <c r="AE13989" i="1"/>
  <c r="AE13990" i="1"/>
  <c r="AE13991" i="1"/>
  <c r="AE13992" i="1"/>
  <c r="AE13993" i="1"/>
  <c r="AE13994" i="1"/>
  <c r="AE13995" i="1"/>
  <c r="AE13996" i="1"/>
  <c r="AE13997" i="1"/>
  <c r="AE13998" i="1"/>
  <c r="AE13999" i="1"/>
  <c r="AE14000" i="1"/>
  <c r="AE14001" i="1"/>
  <c r="AE14002" i="1"/>
  <c r="AE14003" i="1"/>
  <c r="AE14004" i="1"/>
  <c r="AE14005" i="1"/>
  <c r="AE14006" i="1"/>
  <c r="AE14007" i="1"/>
  <c r="AE14008" i="1"/>
  <c r="AE14009" i="1"/>
  <c r="AE14010" i="1"/>
  <c r="AE14011" i="1"/>
  <c r="AE14012" i="1"/>
  <c r="AE14013" i="1"/>
  <c r="AE14014" i="1"/>
  <c r="AE14015" i="1"/>
  <c r="AE14016" i="1"/>
  <c r="AE14017" i="1"/>
  <c r="AE14018" i="1"/>
  <c r="AE14019" i="1"/>
  <c r="AE14020" i="1"/>
  <c r="AE14021" i="1"/>
  <c r="AE14022" i="1"/>
  <c r="AE14023" i="1"/>
  <c r="AE14024" i="1"/>
  <c r="AE14025" i="1"/>
  <c r="AE14026" i="1"/>
  <c r="AE14027" i="1"/>
  <c r="AE14028" i="1"/>
  <c r="AE14029" i="1"/>
  <c r="AE14030" i="1"/>
  <c r="AE14031" i="1"/>
  <c r="AE14032" i="1"/>
  <c r="AE14033" i="1"/>
  <c r="AE14034" i="1"/>
  <c r="AE14035" i="1"/>
  <c r="AE14036" i="1"/>
  <c r="AE14037" i="1"/>
  <c r="AE14038" i="1"/>
  <c r="AE14039" i="1"/>
  <c r="AE14040" i="1"/>
  <c r="AE14041" i="1"/>
  <c r="AE14042" i="1"/>
  <c r="AE14043" i="1"/>
  <c r="AE14044" i="1"/>
  <c r="AE14045" i="1"/>
  <c r="AE14046" i="1"/>
  <c r="AE14047" i="1"/>
  <c r="AE14048" i="1"/>
  <c r="AE14049" i="1"/>
  <c r="AE14050" i="1"/>
  <c r="AE14051" i="1"/>
  <c r="AE14052" i="1"/>
  <c r="AE14053" i="1"/>
  <c r="AE14054" i="1"/>
  <c r="AE14055" i="1"/>
  <c r="AE14056" i="1"/>
  <c r="AE14057" i="1"/>
  <c r="AE14058" i="1"/>
  <c r="AE14059" i="1"/>
  <c r="AE14060" i="1"/>
  <c r="AE14061" i="1"/>
  <c r="AE14062" i="1"/>
  <c r="AE14063" i="1"/>
  <c r="AE14064" i="1"/>
  <c r="AE14065" i="1"/>
  <c r="AE14066" i="1"/>
  <c r="AE14067" i="1"/>
  <c r="AE14068" i="1"/>
  <c r="AE14069" i="1"/>
  <c r="AE14070" i="1"/>
  <c r="AE14071" i="1"/>
  <c r="AE14072" i="1"/>
  <c r="AE14073" i="1"/>
  <c r="AE14074" i="1"/>
  <c r="AE14075" i="1"/>
  <c r="AE14076" i="1"/>
  <c r="AE14077" i="1"/>
  <c r="AE14078" i="1"/>
  <c r="AE14079" i="1"/>
  <c r="AE14080" i="1"/>
  <c r="AE14081" i="1"/>
  <c r="AE14082" i="1"/>
  <c r="AE14083" i="1"/>
  <c r="AE14084" i="1"/>
  <c r="AE14085" i="1"/>
  <c r="AE14086" i="1"/>
  <c r="AE14087" i="1"/>
  <c r="AE14088" i="1"/>
  <c r="AE14089" i="1"/>
  <c r="AE14090" i="1"/>
  <c r="AE14091" i="1"/>
  <c r="AE14092" i="1"/>
  <c r="AE14093" i="1"/>
  <c r="AE14094" i="1"/>
  <c r="AE14095" i="1"/>
  <c r="AE14096" i="1"/>
  <c r="AE14097" i="1"/>
  <c r="AE14098" i="1"/>
  <c r="AE14099" i="1"/>
  <c r="AE14100" i="1"/>
  <c r="AE14101" i="1"/>
  <c r="AE14102" i="1"/>
  <c r="AE14103" i="1"/>
  <c r="AE14104" i="1"/>
  <c r="AE14105" i="1"/>
  <c r="AE14106" i="1"/>
  <c r="AE14107" i="1"/>
  <c r="AE14108" i="1"/>
  <c r="AE14109" i="1"/>
  <c r="AE14110" i="1"/>
  <c r="AE14111" i="1"/>
  <c r="AE14112" i="1"/>
  <c r="AE14113" i="1"/>
  <c r="AE14114" i="1"/>
  <c r="AE14115" i="1"/>
  <c r="AE14116" i="1"/>
  <c r="AE14117" i="1"/>
  <c r="AE14118" i="1"/>
  <c r="AE14119" i="1"/>
  <c r="AE14120" i="1"/>
  <c r="AE14121" i="1"/>
  <c r="AE14122" i="1"/>
  <c r="AE14123" i="1"/>
  <c r="AE14124" i="1"/>
  <c r="AE14125" i="1"/>
  <c r="AE14126" i="1"/>
  <c r="AE14127" i="1"/>
  <c r="AE14128" i="1"/>
  <c r="AE14129" i="1"/>
  <c r="AE14130" i="1"/>
  <c r="AE14131" i="1"/>
  <c r="AE14132" i="1"/>
  <c r="AE14133" i="1"/>
  <c r="AE14134" i="1"/>
  <c r="AE14135" i="1"/>
  <c r="AE14136" i="1"/>
  <c r="AE14137" i="1"/>
  <c r="AE14138" i="1"/>
  <c r="AE14139" i="1"/>
  <c r="AE14140" i="1"/>
  <c r="AE14141" i="1"/>
  <c r="AE14142" i="1"/>
  <c r="AE14143" i="1"/>
  <c r="AE14144" i="1"/>
  <c r="AE14145" i="1"/>
  <c r="AE14146" i="1"/>
  <c r="AE14147" i="1"/>
  <c r="AE14148" i="1"/>
  <c r="AE14149" i="1"/>
  <c r="AE14150" i="1"/>
  <c r="AE14151" i="1"/>
  <c r="AE14152" i="1"/>
  <c r="AE14153" i="1"/>
  <c r="AE14154" i="1"/>
  <c r="AE14155" i="1"/>
  <c r="AE14156" i="1"/>
  <c r="AE14157" i="1"/>
  <c r="AE14158" i="1"/>
  <c r="AE14159" i="1"/>
  <c r="AE14160" i="1"/>
  <c r="AE14161" i="1"/>
  <c r="AE14162" i="1"/>
  <c r="AE14163" i="1"/>
  <c r="AE14164" i="1"/>
  <c r="AE14165" i="1"/>
  <c r="AE14166" i="1"/>
  <c r="AE14167" i="1"/>
  <c r="AE14168" i="1"/>
  <c r="AE14169" i="1"/>
  <c r="AE14170" i="1"/>
  <c r="AE14171" i="1"/>
  <c r="AE14172" i="1"/>
  <c r="AE14173" i="1"/>
  <c r="AE14174" i="1"/>
  <c r="AE14175" i="1"/>
  <c r="AE14176" i="1"/>
  <c r="AE14177" i="1"/>
  <c r="AE14178" i="1"/>
  <c r="AE14179" i="1"/>
  <c r="AE14180" i="1"/>
  <c r="AE14181" i="1"/>
  <c r="AE14182" i="1"/>
  <c r="AE14183" i="1"/>
  <c r="AE14184" i="1"/>
  <c r="AE14185" i="1"/>
  <c r="AE14186" i="1"/>
  <c r="AE14187" i="1"/>
  <c r="AE14188" i="1"/>
  <c r="AE14189" i="1"/>
  <c r="AE14190" i="1"/>
  <c r="AE14191" i="1"/>
  <c r="AE14192" i="1"/>
  <c r="AE14193" i="1"/>
  <c r="AE14194" i="1"/>
  <c r="AE14195" i="1"/>
  <c r="AE14196" i="1"/>
  <c r="AE14197" i="1"/>
  <c r="AE14198" i="1"/>
  <c r="AE14199" i="1"/>
  <c r="AE14200" i="1"/>
  <c r="AE14201" i="1"/>
  <c r="AE14202" i="1"/>
  <c r="AE14203" i="1"/>
  <c r="AE14204" i="1"/>
  <c r="AE14205" i="1"/>
  <c r="AE14206" i="1"/>
  <c r="AE14207" i="1"/>
  <c r="AE14208" i="1"/>
  <c r="AE14209" i="1"/>
  <c r="AE14210" i="1"/>
  <c r="AE14211" i="1"/>
  <c r="AE14212" i="1"/>
  <c r="AE14213" i="1"/>
  <c r="AE14214" i="1"/>
  <c r="AE14215" i="1"/>
  <c r="AE14216" i="1"/>
  <c r="AE14217" i="1"/>
  <c r="AE14218" i="1"/>
  <c r="AE14219" i="1"/>
  <c r="AE14220" i="1"/>
  <c r="AE14221" i="1"/>
  <c r="AE14222" i="1"/>
  <c r="AE14223" i="1"/>
  <c r="AE14224" i="1"/>
  <c r="AE14225" i="1"/>
  <c r="AE14226" i="1"/>
  <c r="AE14227" i="1"/>
  <c r="AE14228" i="1"/>
  <c r="AE14229" i="1"/>
  <c r="AE14230" i="1"/>
  <c r="AE14231" i="1"/>
  <c r="AE14232" i="1"/>
  <c r="AE14233" i="1"/>
  <c r="AE14234" i="1"/>
  <c r="AE14235" i="1"/>
  <c r="AE14236" i="1"/>
  <c r="AE14237" i="1"/>
  <c r="AE14238" i="1"/>
  <c r="AE14239" i="1"/>
  <c r="AE14240" i="1"/>
  <c r="AE14241" i="1"/>
  <c r="AE14242" i="1"/>
  <c r="AE14243" i="1"/>
  <c r="AE14244" i="1"/>
  <c r="AE14245" i="1"/>
  <c r="AE14246" i="1"/>
  <c r="AE14247" i="1"/>
  <c r="AE14248" i="1"/>
  <c r="AE14249" i="1"/>
  <c r="AE14250" i="1"/>
  <c r="AE14251" i="1"/>
  <c r="AE14252" i="1"/>
  <c r="AE14253" i="1"/>
  <c r="AE14254" i="1"/>
  <c r="AE14255" i="1"/>
  <c r="AE14256" i="1"/>
  <c r="AE14257" i="1"/>
  <c r="AE14258" i="1"/>
  <c r="AE14259" i="1"/>
  <c r="AE14260" i="1"/>
  <c r="AE14261" i="1"/>
  <c r="AE14262" i="1"/>
  <c r="AE14263" i="1"/>
  <c r="AE14264" i="1"/>
  <c r="AE14265" i="1"/>
  <c r="AE14266" i="1"/>
  <c r="AE14267" i="1"/>
  <c r="AE14268" i="1"/>
  <c r="AE14269" i="1"/>
  <c r="AE14270" i="1"/>
  <c r="AE14271" i="1"/>
  <c r="AE14272" i="1"/>
  <c r="AE14273" i="1"/>
  <c r="AE14274" i="1"/>
  <c r="AE14275" i="1"/>
  <c r="AE14276" i="1"/>
  <c r="AE14277" i="1"/>
  <c r="AE14278" i="1"/>
  <c r="AE14279" i="1"/>
  <c r="AE14280" i="1"/>
  <c r="AE14281" i="1"/>
  <c r="AE14282" i="1"/>
  <c r="AE14283" i="1"/>
  <c r="AE14284" i="1"/>
  <c r="AE14285" i="1"/>
  <c r="AE14286" i="1"/>
  <c r="AE14287" i="1"/>
  <c r="AE14288" i="1"/>
  <c r="AE14289" i="1"/>
  <c r="AE14290" i="1"/>
  <c r="AE14291" i="1"/>
  <c r="AE14292" i="1"/>
  <c r="AE14293" i="1"/>
  <c r="AE14294" i="1"/>
  <c r="AE14295" i="1"/>
  <c r="AE14296" i="1"/>
  <c r="AE14297" i="1"/>
  <c r="AE14298" i="1"/>
  <c r="AE14299" i="1"/>
  <c r="AE14300" i="1"/>
  <c r="AE14301" i="1"/>
  <c r="AE14302" i="1"/>
  <c r="AE14303" i="1"/>
  <c r="AE14304" i="1"/>
  <c r="AE14305" i="1"/>
  <c r="AE14306" i="1"/>
  <c r="AE14307" i="1"/>
  <c r="AE14308" i="1"/>
  <c r="AE14309" i="1"/>
  <c r="AE14310" i="1"/>
  <c r="AE14311" i="1"/>
  <c r="AE14312" i="1"/>
  <c r="AE14313" i="1"/>
  <c r="AE14314" i="1"/>
  <c r="AE14315" i="1"/>
  <c r="AE14316" i="1"/>
  <c r="AE14317" i="1"/>
  <c r="AE14318" i="1"/>
  <c r="AE14319" i="1"/>
  <c r="AE14320" i="1"/>
  <c r="AE14321" i="1"/>
  <c r="AE14322" i="1"/>
  <c r="AE14323" i="1"/>
  <c r="AE14324" i="1"/>
  <c r="AE14325" i="1"/>
  <c r="AE14326" i="1"/>
  <c r="AE14327" i="1"/>
  <c r="AE14328" i="1"/>
  <c r="AE14329" i="1"/>
  <c r="AE14330" i="1"/>
  <c r="AE14331" i="1"/>
  <c r="AE14332" i="1"/>
  <c r="AE14333" i="1"/>
  <c r="AE14334" i="1"/>
  <c r="AE14335" i="1"/>
  <c r="AE14336" i="1"/>
  <c r="AE14337" i="1"/>
  <c r="AE14338" i="1"/>
  <c r="AE14339" i="1"/>
  <c r="AE14340" i="1"/>
  <c r="AE14341" i="1"/>
  <c r="AE14342" i="1"/>
  <c r="AE14343" i="1"/>
  <c r="AE14344" i="1"/>
  <c r="AE14345" i="1"/>
  <c r="AE14346" i="1"/>
  <c r="AE14347" i="1"/>
  <c r="AE14348" i="1"/>
  <c r="AE14349" i="1"/>
  <c r="AE14350" i="1"/>
  <c r="AE14351" i="1"/>
  <c r="AE14352" i="1"/>
  <c r="AE14353" i="1"/>
  <c r="AE14354" i="1"/>
  <c r="AE14355" i="1"/>
  <c r="AE14356" i="1"/>
  <c r="AE14357" i="1"/>
  <c r="AE14358" i="1"/>
  <c r="AE14359" i="1"/>
  <c r="AE14360" i="1"/>
  <c r="AE14361" i="1"/>
  <c r="AE14362" i="1"/>
  <c r="AE14363" i="1"/>
  <c r="AE14364" i="1"/>
  <c r="AE14365" i="1"/>
  <c r="AE14366" i="1"/>
  <c r="AE14367" i="1"/>
  <c r="AE14368" i="1"/>
  <c r="AE14369" i="1"/>
  <c r="AE14370" i="1"/>
  <c r="AE14371" i="1"/>
  <c r="AE14372" i="1"/>
  <c r="AE14373" i="1"/>
  <c r="AE14374" i="1"/>
  <c r="AE14375" i="1"/>
  <c r="AE14376" i="1"/>
  <c r="AE14377" i="1"/>
  <c r="AE14378" i="1"/>
  <c r="AE14379" i="1"/>
  <c r="AE14380" i="1"/>
  <c r="AE14381" i="1"/>
  <c r="AE14382" i="1"/>
  <c r="AE14383" i="1"/>
  <c r="AE14384" i="1"/>
  <c r="AE14385" i="1"/>
  <c r="AE14386" i="1"/>
  <c r="AE14387" i="1"/>
  <c r="AE14388" i="1"/>
  <c r="AE14389" i="1"/>
  <c r="AE14390" i="1"/>
  <c r="AE14391" i="1"/>
  <c r="AE14392" i="1"/>
  <c r="AE14393" i="1"/>
  <c r="AE14394" i="1"/>
  <c r="AE14395" i="1"/>
  <c r="AE14396" i="1"/>
  <c r="AE14397" i="1"/>
  <c r="AE14398" i="1"/>
  <c r="AE14399" i="1"/>
  <c r="AE14400" i="1"/>
  <c r="AE14401" i="1"/>
  <c r="AE14402" i="1"/>
  <c r="AE14403" i="1"/>
  <c r="AE14404" i="1"/>
  <c r="AE14405" i="1"/>
  <c r="AE14406" i="1"/>
  <c r="AE14407" i="1"/>
  <c r="AE14408" i="1"/>
  <c r="AE14409" i="1"/>
  <c r="AE14410" i="1"/>
  <c r="AE14411" i="1"/>
  <c r="AE14412" i="1"/>
  <c r="AE14413" i="1"/>
  <c r="AE14414" i="1"/>
  <c r="AE14415" i="1"/>
  <c r="AE14416" i="1"/>
  <c r="AE14417" i="1"/>
  <c r="AE14418" i="1"/>
  <c r="AE14419" i="1"/>
  <c r="AE14420" i="1"/>
  <c r="AE14421" i="1"/>
  <c r="AE14422" i="1"/>
  <c r="AE14423" i="1"/>
  <c r="AE14424" i="1"/>
  <c r="AE14425" i="1"/>
  <c r="AE14426" i="1"/>
  <c r="AE14427" i="1"/>
  <c r="AE14428" i="1"/>
  <c r="AE14429" i="1"/>
  <c r="AE14430" i="1"/>
  <c r="AE14431" i="1"/>
  <c r="AE14432" i="1"/>
  <c r="AE14433" i="1"/>
  <c r="AE14434" i="1"/>
  <c r="AE14435" i="1"/>
  <c r="AE14436" i="1"/>
  <c r="AE14437" i="1"/>
  <c r="AE14438" i="1"/>
  <c r="AE14439" i="1"/>
  <c r="AE14440" i="1"/>
  <c r="AE14441" i="1"/>
  <c r="AE14442" i="1"/>
  <c r="AE14443" i="1"/>
  <c r="AE14444" i="1"/>
  <c r="AE14445" i="1"/>
  <c r="AE14446" i="1"/>
  <c r="AE14447" i="1"/>
  <c r="AE14448" i="1"/>
  <c r="AE14449" i="1"/>
  <c r="AE14450" i="1"/>
  <c r="AE14451" i="1"/>
  <c r="AE14452" i="1"/>
  <c r="AE14453" i="1"/>
  <c r="AE14454" i="1"/>
  <c r="AE14455" i="1"/>
  <c r="AE14456" i="1"/>
  <c r="AE14457" i="1"/>
  <c r="AE14458" i="1"/>
  <c r="AE14459" i="1"/>
  <c r="AE14460" i="1"/>
  <c r="AE14461" i="1"/>
  <c r="AE14462" i="1"/>
  <c r="AE14463" i="1"/>
  <c r="AE14464" i="1"/>
  <c r="AE14465" i="1"/>
  <c r="AE14466" i="1"/>
  <c r="AE14467" i="1"/>
  <c r="AE14468" i="1"/>
  <c r="AE14469" i="1"/>
  <c r="AE14470" i="1"/>
  <c r="AE14471" i="1"/>
  <c r="AE14472" i="1"/>
  <c r="AE14473" i="1"/>
  <c r="AE14474" i="1"/>
  <c r="AE14475" i="1"/>
  <c r="AE14476" i="1"/>
  <c r="AE14477" i="1"/>
  <c r="AE14478" i="1"/>
  <c r="AE14479" i="1"/>
  <c r="AE14480" i="1"/>
  <c r="AE14481" i="1"/>
  <c r="AE14482" i="1"/>
  <c r="AE14483" i="1"/>
  <c r="AE14484" i="1"/>
  <c r="AE14485" i="1"/>
  <c r="AE14486" i="1"/>
  <c r="AE14487" i="1"/>
  <c r="AE14488" i="1"/>
  <c r="AE14489" i="1"/>
  <c r="AE14490" i="1"/>
  <c r="AE14491" i="1"/>
  <c r="AE14492" i="1"/>
  <c r="AE14493" i="1"/>
  <c r="AE14494" i="1"/>
  <c r="AE14495" i="1"/>
  <c r="AE14496" i="1"/>
  <c r="AE14497" i="1"/>
  <c r="AE14498" i="1"/>
  <c r="AE14499" i="1"/>
  <c r="AE14500" i="1"/>
  <c r="AE14501" i="1"/>
  <c r="AE14502" i="1"/>
  <c r="AE14503" i="1"/>
  <c r="AE14504" i="1"/>
  <c r="AE14505" i="1"/>
  <c r="AE14506" i="1"/>
  <c r="AE14507" i="1"/>
  <c r="AE14508" i="1"/>
  <c r="AE14509" i="1"/>
  <c r="AE14510" i="1"/>
  <c r="AE14511" i="1"/>
  <c r="AE14512" i="1"/>
  <c r="AE14513" i="1"/>
  <c r="AE14514" i="1"/>
  <c r="AE14515" i="1"/>
  <c r="AE14516" i="1"/>
  <c r="AE14517" i="1"/>
  <c r="AE14518" i="1"/>
  <c r="AE14519" i="1"/>
  <c r="AE14520" i="1"/>
  <c r="AE14521" i="1"/>
  <c r="AE14522" i="1"/>
  <c r="AE14523" i="1"/>
  <c r="AE14524" i="1"/>
  <c r="AE14525" i="1"/>
  <c r="AE14526" i="1"/>
  <c r="AE14527" i="1"/>
  <c r="AE14528" i="1"/>
  <c r="AE14529" i="1"/>
  <c r="AE14530" i="1"/>
  <c r="AE14531" i="1"/>
  <c r="AE14532" i="1"/>
  <c r="AE14533" i="1"/>
  <c r="AE14534" i="1"/>
  <c r="AE14535" i="1"/>
  <c r="AE14536" i="1"/>
  <c r="AE14537" i="1"/>
  <c r="AE14538" i="1"/>
  <c r="AE14539" i="1"/>
  <c r="AE14540" i="1"/>
  <c r="AE14541" i="1"/>
  <c r="AE14542" i="1"/>
  <c r="AE14543" i="1"/>
  <c r="AE14544" i="1"/>
  <c r="AE14545" i="1"/>
  <c r="AE14546" i="1"/>
  <c r="AE14547" i="1"/>
  <c r="AE14548" i="1"/>
  <c r="AE14549" i="1"/>
  <c r="AE14550" i="1"/>
  <c r="AE14551" i="1"/>
  <c r="AE14552" i="1"/>
  <c r="AE14553" i="1"/>
  <c r="AE14554" i="1"/>
  <c r="AE14555" i="1"/>
  <c r="AE14556" i="1"/>
  <c r="AE14557" i="1"/>
  <c r="AE14558" i="1"/>
  <c r="AE14559" i="1"/>
  <c r="AE14560" i="1"/>
  <c r="AE14561" i="1"/>
  <c r="AE14562" i="1"/>
  <c r="AE14563" i="1"/>
  <c r="AE14564" i="1"/>
  <c r="AE14565" i="1"/>
  <c r="AE14566" i="1"/>
  <c r="AE14567" i="1"/>
  <c r="AE14568" i="1"/>
  <c r="AE14569" i="1"/>
  <c r="AE14570" i="1"/>
  <c r="AE14571" i="1"/>
  <c r="AE14572" i="1"/>
  <c r="AE14573" i="1"/>
  <c r="AE14574" i="1"/>
  <c r="AE14575" i="1"/>
  <c r="AE14576" i="1"/>
  <c r="AE14577" i="1"/>
  <c r="AE14578" i="1"/>
  <c r="AE14579" i="1"/>
  <c r="AE14580" i="1"/>
  <c r="AE14581" i="1"/>
  <c r="AE14582" i="1"/>
  <c r="AE14583" i="1"/>
  <c r="AE14584" i="1"/>
  <c r="AE14585" i="1"/>
  <c r="AE14586" i="1"/>
  <c r="AE14587" i="1"/>
  <c r="AE14588" i="1"/>
  <c r="AE14589" i="1"/>
  <c r="AE14590" i="1"/>
  <c r="AE14591" i="1"/>
  <c r="AE14592" i="1"/>
  <c r="AE14593" i="1"/>
  <c r="AE14594" i="1"/>
  <c r="AE14595" i="1"/>
  <c r="AE14596" i="1"/>
  <c r="AE14597" i="1"/>
  <c r="AE14598" i="1"/>
  <c r="AE14599" i="1"/>
  <c r="AE14600" i="1"/>
  <c r="AE14601" i="1"/>
  <c r="AE14602" i="1"/>
  <c r="AE14603" i="1"/>
  <c r="AE14604" i="1"/>
  <c r="AE14605" i="1"/>
  <c r="AE14606" i="1"/>
  <c r="AE14607" i="1"/>
  <c r="AE14608" i="1"/>
  <c r="AE14609" i="1"/>
  <c r="AE14610" i="1"/>
  <c r="AE14611" i="1"/>
  <c r="AE14612" i="1"/>
  <c r="AE14613" i="1"/>
  <c r="AE14614" i="1"/>
  <c r="AE14615" i="1"/>
  <c r="AE14616" i="1"/>
  <c r="AE14617" i="1"/>
  <c r="AE14618" i="1"/>
  <c r="AE14619" i="1"/>
  <c r="AE14620" i="1"/>
  <c r="AE14621" i="1"/>
  <c r="AE14622" i="1"/>
  <c r="AE14623" i="1"/>
  <c r="AE14624" i="1"/>
  <c r="AE14625" i="1"/>
  <c r="AE14626" i="1"/>
  <c r="AE14627" i="1"/>
  <c r="AE14628" i="1"/>
  <c r="AE14629" i="1"/>
  <c r="AE14630" i="1"/>
  <c r="AE14631" i="1"/>
  <c r="AE14632" i="1"/>
  <c r="AE14633" i="1"/>
  <c r="AE14634" i="1"/>
  <c r="AE14635" i="1"/>
  <c r="AE14636" i="1"/>
  <c r="AE14637" i="1"/>
  <c r="AE14638" i="1"/>
  <c r="AE14639" i="1"/>
  <c r="AE14640" i="1"/>
  <c r="AE14641" i="1"/>
  <c r="AE14642" i="1"/>
  <c r="AE14643" i="1"/>
  <c r="AE14644" i="1"/>
  <c r="AE14645" i="1"/>
  <c r="AE14646" i="1"/>
  <c r="AE14647" i="1"/>
  <c r="AE14648" i="1"/>
  <c r="AE14649" i="1"/>
  <c r="AE14650" i="1"/>
  <c r="AE14651" i="1"/>
  <c r="AE14652" i="1"/>
  <c r="AE14653" i="1"/>
  <c r="AE14654" i="1"/>
  <c r="AE14655" i="1"/>
  <c r="AE14656" i="1"/>
  <c r="AE14657" i="1"/>
  <c r="AE14658" i="1"/>
  <c r="AE14659" i="1"/>
  <c r="AE14660" i="1"/>
  <c r="AE14661" i="1"/>
  <c r="AE14662" i="1"/>
  <c r="AE14663" i="1"/>
  <c r="AE14664" i="1"/>
  <c r="AE14665" i="1"/>
  <c r="AE14666" i="1"/>
  <c r="AE14667" i="1"/>
  <c r="AE14668" i="1"/>
  <c r="AE14669" i="1"/>
  <c r="AE14670" i="1"/>
  <c r="AE14671" i="1"/>
  <c r="AE14672" i="1"/>
  <c r="AE14673" i="1"/>
  <c r="AE14674" i="1"/>
  <c r="AE14675" i="1"/>
  <c r="AE14676" i="1"/>
  <c r="AE14677" i="1"/>
  <c r="AE14678" i="1"/>
  <c r="AE14679" i="1"/>
  <c r="AE14680" i="1"/>
  <c r="AE14681" i="1"/>
  <c r="AE14682" i="1"/>
  <c r="AE14683" i="1"/>
  <c r="AE14684" i="1"/>
  <c r="AE14685" i="1"/>
  <c r="AE14686" i="1"/>
  <c r="AE14687" i="1"/>
  <c r="AE14688" i="1"/>
  <c r="AE14689" i="1"/>
  <c r="AE14690" i="1"/>
  <c r="AE14691" i="1"/>
  <c r="AE14692" i="1"/>
  <c r="AE14693" i="1"/>
  <c r="AE14694" i="1"/>
  <c r="AE14695" i="1"/>
  <c r="AE14696" i="1"/>
  <c r="AE14697" i="1"/>
  <c r="AE14698" i="1"/>
  <c r="AE14699" i="1"/>
  <c r="AE14700" i="1"/>
  <c r="AE14701" i="1"/>
  <c r="AE14702" i="1"/>
  <c r="AE14703" i="1"/>
  <c r="AE14704" i="1"/>
  <c r="AE14705" i="1"/>
  <c r="AE14706" i="1"/>
  <c r="AE14707" i="1"/>
  <c r="AE14708" i="1"/>
  <c r="AE14709" i="1"/>
  <c r="AE14710" i="1"/>
  <c r="AE14711" i="1"/>
  <c r="AE14712" i="1"/>
  <c r="AE14713" i="1"/>
  <c r="AE14714" i="1"/>
  <c r="AE14715" i="1"/>
  <c r="AE14716" i="1"/>
  <c r="AE14717" i="1"/>
  <c r="AE14718" i="1"/>
  <c r="AE14719" i="1"/>
  <c r="AE14720" i="1"/>
  <c r="AE14721" i="1"/>
  <c r="AE14722" i="1"/>
  <c r="AE14723" i="1"/>
  <c r="AE14724" i="1"/>
  <c r="AE14725" i="1"/>
  <c r="AE14726" i="1"/>
  <c r="AE14727" i="1"/>
  <c r="AE14728" i="1"/>
  <c r="AE14729" i="1"/>
  <c r="AE14730" i="1"/>
  <c r="AE14731" i="1"/>
  <c r="AE14732" i="1"/>
  <c r="AE14733" i="1"/>
  <c r="AE14734" i="1"/>
  <c r="AE14735" i="1"/>
  <c r="AE14736" i="1"/>
  <c r="AE14737" i="1"/>
  <c r="AE14738" i="1"/>
  <c r="AE14739" i="1"/>
  <c r="AE14740" i="1"/>
  <c r="AE14741" i="1"/>
  <c r="AE14742" i="1"/>
  <c r="AE14743" i="1"/>
  <c r="AE14744" i="1"/>
  <c r="AE14745" i="1"/>
  <c r="AE14746" i="1"/>
  <c r="AE14747" i="1"/>
  <c r="AE14748" i="1"/>
  <c r="AE14749" i="1"/>
  <c r="AE14750" i="1"/>
  <c r="AE14751" i="1"/>
  <c r="AE14752" i="1"/>
  <c r="AE14753" i="1"/>
  <c r="AE14754" i="1"/>
  <c r="AE14755" i="1"/>
  <c r="AE14756" i="1"/>
  <c r="AE14757" i="1"/>
  <c r="AE14758" i="1"/>
  <c r="AE14759" i="1"/>
  <c r="AE14760" i="1"/>
  <c r="AE14761" i="1"/>
  <c r="AE14762" i="1"/>
  <c r="AE14763" i="1"/>
  <c r="AE14764" i="1"/>
  <c r="AE14765" i="1"/>
  <c r="AE14766" i="1"/>
  <c r="AE14767" i="1"/>
  <c r="AE14768" i="1"/>
  <c r="AE14769" i="1"/>
  <c r="AE14770" i="1"/>
  <c r="AE14771" i="1"/>
  <c r="AE14772" i="1"/>
  <c r="AE14773" i="1"/>
  <c r="AE14774" i="1"/>
  <c r="AE14775" i="1"/>
  <c r="AE14776" i="1"/>
  <c r="AE14777" i="1"/>
  <c r="AE14778" i="1"/>
  <c r="AE14779" i="1"/>
  <c r="AE14780" i="1"/>
  <c r="AE14781" i="1"/>
  <c r="AE14782" i="1"/>
  <c r="AE14783" i="1"/>
  <c r="AE14784" i="1"/>
  <c r="AE14785" i="1"/>
  <c r="AE14786" i="1"/>
  <c r="AE14787" i="1"/>
  <c r="AE14788" i="1"/>
  <c r="AE14789" i="1"/>
  <c r="AE14790" i="1"/>
  <c r="AE14791" i="1"/>
  <c r="AE14792" i="1"/>
  <c r="AE14793" i="1"/>
  <c r="AE14794" i="1"/>
  <c r="AE14795" i="1"/>
  <c r="AE14796" i="1"/>
  <c r="AE14797" i="1"/>
  <c r="AE14798" i="1"/>
  <c r="AE14799" i="1"/>
  <c r="AE14800" i="1"/>
  <c r="AE14801" i="1"/>
  <c r="AE14802" i="1"/>
  <c r="AE14803" i="1"/>
  <c r="AE14804" i="1"/>
  <c r="AE14805" i="1"/>
  <c r="AE14806" i="1"/>
  <c r="AE14807" i="1"/>
  <c r="AE14808" i="1"/>
  <c r="AE14809" i="1"/>
  <c r="AE14810" i="1"/>
  <c r="AE14811" i="1"/>
  <c r="AE14812" i="1"/>
  <c r="AE14813" i="1"/>
  <c r="AE14814" i="1"/>
  <c r="AE14815" i="1"/>
  <c r="AE14816" i="1"/>
  <c r="AE14817" i="1"/>
  <c r="AE14818" i="1"/>
  <c r="AE14819" i="1"/>
  <c r="AE14820" i="1"/>
  <c r="AE14821" i="1"/>
  <c r="AE14822" i="1"/>
  <c r="AE14823" i="1"/>
  <c r="AE14824" i="1"/>
  <c r="AE14825" i="1"/>
  <c r="AE14826" i="1"/>
  <c r="AE14827" i="1"/>
  <c r="AE14828" i="1"/>
  <c r="AE14829" i="1"/>
  <c r="AE14830" i="1"/>
  <c r="AE14831" i="1"/>
  <c r="AE14832" i="1"/>
  <c r="AE14833" i="1"/>
  <c r="AE14834" i="1"/>
  <c r="AE14835" i="1"/>
  <c r="AE14836" i="1"/>
  <c r="AE14837" i="1"/>
  <c r="AE14838" i="1"/>
  <c r="AE14839" i="1"/>
  <c r="AE14840" i="1"/>
  <c r="AE14841" i="1"/>
  <c r="AE14842" i="1"/>
  <c r="AE14843" i="1"/>
  <c r="AE14844" i="1"/>
  <c r="AE14845" i="1"/>
  <c r="AE14846" i="1"/>
  <c r="AE14847" i="1"/>
  <c r="AE14848" i="1"/>
  <c r="AE14849" i="1"/>
  <c r="AE14850" i="1"/>
  <c r="AE14851" i="1"/>
  <c r="AE14852" i="1"/>
  <c r="AE14853" i="1"/>
  <c r="AE14854" i="1"/>
  <c r="AE14855" i="1"/>
  <c r="AE14856" i="1"/>
  <c r="AE14857" i="1"/>
  <c r="AE14858" i="1"/>
  <c r="AE14859" i="1"/>
  <c r="AE14860" i="1"/>
  <c r="AE14861" i="1"/>
  <c r="AE14862" i="1"/>
  <c r="AE14863" i="1"/>
  <c r="AE14864" i="1"/>
  <c r="AE14865" i="1"/>
  <c r="AE14866" i="1"/>
  <c r="AE14867" i="1"/>
  <c r="AE14868" i="1"/>
  <c r="AE14869" i="1"/>
  <c r="AE14870" i="1"/>
  <c r="AE14871" i="1"/>
  <c r="AE14872" i="1"/>
  <c r="AE14873" i="1"/>
  <c r="AE14874" i="1"/>
  <c r="AE14875" i="1"/>
  <c r="AE14876" i="1"/>
  <c r="AE14877" i="1"/>
  <c r="AE14878" i="1"/>
  <c r="AE14879" i="1"/>
  <c r="AE14880" i="1"/>
  <c r="AE14881" i="1"/>
  <c r="AE14882" i="1"/>
  <c r="AE14883" i="1"/>
  <c r="AE14884" i="1"/>
  <c r="AE14885" i="1"/>
  <c r="AE14886" i="1"/>
  <c r="AE14887" i="1"/>
  <c r="AE14888" i="1"/>
  <c r="AE14889" i="1"/>
  <c r="AE14890" i="1"/>
  <c r="AE14891" i="1"/>
  <c r="AE14892" i="1"/>
  <c r="AE14893" i="1"/>
  <c r="AE14894" i="1"/>
  <c r="AE14895" i="1"/>
  <c r="AE14896" i="1"/>
  <c r="AE14897" i="1"/>
  <c r="AE14898" i="1"/>
  <c r="AE14899" i="1"/>
  <c r="AE14900" i="1"/>
  <c r="AE14901" i="1"/>
  <c r="AE14902" i="1"/>
  <c r="AE14903" i="1"/>
  <c r="AE14904" i="1"/>
  <c r="AE14905" i="1"/>
  <c r="AE14906" i="1"/>
  <c r="AE14907" i="1"/>
  <c r="AE14908" i="1"/>
  <c r="AE14909" i="1"/>
  <c r="AE14910" i="1"/>
  <c r="AE14911" i="1"/>
  <c r="AE14912" i="1"/>
  <c r="AE14913" i="1"/>
  <c r="AE14914" i="1"/>
  <c r="AE14915" i="1"/>
  <c r="AE14916" i="1"/>
  <c r="AE14917" i="1"/>
  <c r="AE14918" i="1"/>
  <c r="AE14919" i="1"/>
  <c r="AE14920" i="1"/>
  <c r="AE14921" i="1"/>
  <c r="AE14922" i="1"/>
  <c r="AE14923" i="1"/>
  <c r="AE14924" i="1"/>
  <c r="AE14925" i="1"/>
  <c r="AE14926" i="1"/>
  <c r="AE14927" i="1"/>
  <c r="AE14928" i="1"/>
  <c r="AE14929" i="1"/>
  <c r="AE14930" i="1"/>
  <c r="AE14931" i="1"/>
  <c r="AE14932" i="1"/>
  <c r="AE14933" i="1"/>
  <c r="AE14934" i="1"/>
  <c r="AE14935" i="1"/>
  <c r="AE14936" i="1"/>
  <c r="AE14937" i="1"/>
  <c r="AE14938" i="1"/>
  <c r="AE14939" i="1"/>
  <c r="AE14940" i="1"/>
  <c r="AE14941" i="1"/>
  <c r="AE14942" i="1"/>
  <c r="AE14943" i="1"/>
  <c r="AE14944" i="1"/>
  <c r="AE14945" i="1"/>
  <c r="AE14946" i="1"/>
  <c r="AE14947" i="1"/>
  <c r="AE14948" i="1"/>
  <c r="AE14949" i="1"/>
  <c r="AE14950" i="1"/>
  <c r="AE14951" i="1"/>
  <c r="AE14952" i="1"/>
  <c r="AE14953" i="1"/>
  <c r="AE14954" i="1"/>
  <c r="AE14955" i="1"/>
  <c r="AE14956" i="1"/>
  <c r="AE14957" i="1"/>
  <c r="AE14958" i="1"/>
  <c r="AE14959" i="1"/>
  <c r="AE14960" i="1"/>
  <c r="AE14961" i="1"/>
  <c r="AE14962" i="1"/>
  <c r="AE14963" i="1"/>
  <c r="AE14964" i="1"/>
  <c r="AE14965" i="1"/>
  <c r="AE14966" i="1"/>
  <c r="AE14967" i="1"/>
  <c r="AE14968" i="1"/>
  <c r="AE14969" i="1"/>
  <c r="AE14970" i="1"/>
  <c r="AE14971" i="1"/>
  <c r="AE14972" i="1"/>
  <c r="AE14973" i="1"/>
  <c r="AE14974" i="1"/>
  <c r="AE14975" i="1"/>
  <c r="AE14976" i="1"/>
  <c r="AE14977" i="1"/>
  <c r="AE14978" i="1"/>
  <c r="AE14979" i="1"/>
  <c r="AE14980" i="1"/>
  <c r="AE14981" i="1"/>
  <c r="AE14982" i="1"/>
  <c r="AE14983" i="1"/>
  <c r="AE14984" i="1"/>
  <c r="AE14985" i="1"/>
  <c r="AE14986" i="1"/>
  <c r="AE14987" i="1"/>
  <c r="AE14988" i="1"/>
  <c r="AE14989" i="1"/>
  <c r="AE14990" i="1"/>
  <c r="AE14991" i="1"/>
  <c r="AE14992" i="1"/>
  <c r="AE14993" i="1"/>
  <c r="AE14994" i="1"/>
  <c r="AE14995" i="1"/>
  <c r="AE14996" i="1"/>
  <c r="AE14997" i="1"/>
  <c r="AE14998" i="1"/>
  <c r="AE14999" i="1"/>
  <c r="AE15000" i="1"/>
  <c r="AE15001" i="1"/>
  <c r="AE15002" i="1"/>
  <c r="AE15003" i="1"/>
  <c r="AE15004" i="1"/>
  <c r="AE15005" i="1"/>
  <c r="AE15006" i="1"/>
  <c r="AE15007" i="1"/>
  <c r="AE15008" i="1"/>
  <c r="AE15009" i="1"/>
  <c r="AE15010" i="1"/>
  <c r="AE15011" i="1"/>
  <c r="AE15012" i="1"/>
  <c r="AE15013" i="1"/>
  <c r="AE15014" i="1"/>
  <c r="AE15015" i="1"/>
  <c r="AE15016" i="1"/>
  <c r="AE15017" i="1"/>
  <c r="AE15018" i="1"/>
  <c r="AE15019" i="1"/>
  <c r="AE15020" i="1"/>
  <c r="AE15021" i="1"/>
  <c r="AE15022" i="1"/>
  <c r="AE15023" i="1"/>
  <c r="AE15024" i="1"/>
  <c r="AE15025" i="1"/>
  <c r="AE15026" i="1"/>
  <c r="AE15027" i="1"/>
  <c r="AE15028" i="1"/>
  <c r="AE15029" i="1"/>
  <c r="AE15030" i="1"/>
  <c r="AE15031" i="1"/>
  <c r="AE15032" i="1"/>
  <c r="AE15033" i="1"/>
  <c r="AE15034" i="1"/>
  <c r="AE15035" i="1"/>
  <c r="AE15036" i="1"/>
  <c r="AE15037" i="1"/>
  <c r="AE15038" i="1"/>
  <c r="AE15039" i="1"/>
  <c r="AE15040" i="1"/>
  <c r="AE15041" i="1"/>
  <c r="AE15042" i="1"/>
  <c r="AE15043" i="1"/>
  <c r="AE15044" i="1"/>
  <c r="AE15045" i="1"/>
  <c r="AE15046" i="1"/>
  <c r="AE15047" i="1"/>
  <c r="AE15048" i="1"/>
  <c r="AE15049" i="1"/>
  <c r="AE15050" i="1"/>
  <c r="AE15051" i="1"/>
  <c r="AE15052" i="1"/>
  <c r="AE15053" i="1"/>
  <c r="AE15054" i="1"/>
  <c r="AE15055" i="1"/>
  <c r="AE15056" i="1"/>
  <c r="AE15057" i="1"/>
  <c r="AE15058" i="1"/>
  <c r="AE15059" i="1"/>
  <c r="AE15060" i="1"/>
  <c r="AE15061" i="1"/>
  <c r="AE15062" i="1"/>
  <c r="AE15063" i="1"/>
  <c r="AE15064" i="1"/>
  <c r="AE15065" i="1"/>
  <c r="AE15066" i="1"/>
  <c r="AE15067" i="1"/>
  <c r="AE15068" i="1"/>
  <c r="AE15069" i="1"/>
  <c r="AE15070" i="1"/>
  <c r="AE15071" i="1"/>
  <c r="AE15072" i="1"/>
  <c r="AE15073" i="1"/>
  <c r="AE15074" i="1"/>
  <c r="AE15075" i="1"/>
  <c r="AE15076" i="1"/>
  <c r="AE15077" i="1"/>
  <c r="AE15078" i="1"/>
  <c r="AE15079" i="1"/>
  <c r="AE15080" i="1"/>
  <c r="AE15081" i="1"/>
  <c r="AE15082" i="1"/>
  <c r="AE15083" i="1"/>
  <c r="AE15084" i="1"/>
  <c r="AE15085" i="1"/>
  <c r="AE15086" i="1"/>
  <c r="AE15087" i="1"/>
  <c r="AE15088" i="1"/>
  <c r="AE15089" i="1"/>
  <c r="AE15090" i="1"/>
  <c r="AE15091" i="1"/>
  <c r="AE15092" i="1"/>
  <c r="AE15093" i="1"/>
  <c r="AE15094" i="1"/>
  <c r="AE15095" i="1"/>
  <c r="AE15096" i="1"/>
  <c r="AE15097" i="1"/>
  <c r="AE15098" i="1"/>
  <c r="AE15099" i="1"/>
  <c r="AE15100" i="1"/>
  <c r="AE15101" i="1"/>
  <c r="AE15102" i="1"/>
  <c r="AE15103" i="1"/>
  <c r="AE15104" i="1"/>
  <c r="AE15105" i="1"/>
  <c r="AE15106" i="1"/>
  <c r="AE15107" i="1"/>
  <c r="AE15108" i="1"/>
  <c r="AE15109" i="1"/>
  <c r="AE15110" i="1"/>
  <c r="AE15111" i="1"/>
  <c r="AE15112" i="1"/>
  <c r="AE15113" i="1"/>
  <c r="AE15114" i="1"/>
  <c r="AE15115" i="1"/>
  <c r="AE15116" i="1"/>
  <c r="AE15117" i="1"/>
  <c r="AE15118" i="1"/>
  <c r="AE15119" i="1"/>
  <c r="AE15120" i="1"/>
  <c r="AE15121" i="1"/>
  <c r="AE15122" i="1"/>
  <c r="AE15123" i="1"/>
  <c r="AE15124" i="1"/>
  <c r="AE15125" i="1"/>
  <c r="AE15126" i="1"/>
  <c r="AE15127" i="1"/>
  <c r="AE15128" i="1"/>
  <c r="AE15129" i="1"/>
  <c r="AE15130" i="1"/>
  <c r="AE15131" i="1"/>
  <c r="AE15132" i="1"/>
  <c r="AE15133" i="1"/>
  <c r="AE15134" i="1"/>
  <c r="AE15135" i="1"/>
  <c r="AE15136" i="1"/>
  <c r="AE15137" i="1"/>
  <c r="AE15138" i="1"/>
  <c r="AE15139" i="1"/>
  <c r="AE15140" i="1"/>
  <c r="AE15141" i="1"/>
  <c r="AE15142" i="1"/>
  <c r="AE15143" i="1"/>
  <c r="AE15144" i="1"/>
  <c r="AE15145" i="1"/>
  <c r="AE15146" i="1"/>
  <c r="AE15147" i="1"/>
  <c r="AE15148" i="1"/>
  <c r="AE15149" i="1"/>
  <c r="AE15150" i="1"/>
  <c r="AE15151" i="1"/>
  <c r="AE15152" i="1"/>
  <c r="AE15153" i="1"/>
  <c r="AE15154" i="1"/>
  <c r="AE15155" i="1"/>
  <c r="AE15156" i="1"/>
  <c r="AE15157" i="1"/>
  <c r="AE15158" i="1"/>
  <c r="AE15159" i="1"/>
  <c r="AE15160" i="1"/>
  <c r="AE15161" i="1"/>
  <c r="AE15162" i="1"/>
  <c r="AE15163" i="1"/>
  <c r="AE15164" i="1"/>
  <c r="AE15165" i="1"/>
  <c r="AE15166" i="1"/>
  <c r="AE15167" i="1"/>
  <c r="AE15168" i="1"/>
  <c r="AE15169" i="1"/>
  <c r="AE15170" i="1"/>
  <c r="AE15171" i="1"/>
  <c r="AE15172" i="1"/>
  <c r="AE15173" i="1"/>
  <c r="AE15174" i="1"/>
  <c r="AE15175" i="1"/>
  <c r="AE15176" i="1"/>
  <c r="AE15177" i="1"/>
  <c r="AE15178" i="1"/>
  <c r="AE15179" i="1"/>
  <c r="AE15180" i="1"/>
  <c r="AE15181" i="1"/>
  <c r="AE15182" i="1"/>
  <c r="AE15183" i="1"/>
  <c r="AE15184" i="1"/>
  <c r="AE15185" i="1"/>
  <c r="AE15186" i="1"/>
  <c r="AE15187" i="1"/>
  <c r="AE15188" i="1"/>
  <c r="AE15189" i="1"/>
  <c r="AE15190" i="1"/>
  <c r="AE15191" i="1"/>
  <c r="AE15192" i="1"/>
  <c r="AE15193" i="1"/>
  <c r="AE15194" i="1"/>
  <c r="AE15195" i="1"/>
  <c r="AE15196" i="1"/>
  <c r="AE15197" i="1"/>
  <c r="AE15198" i="1"/>
  <c r="AE15199" i="1"/>
  <c r="AE15200" i="1"/>
  <c r="AE15201" i="1"/>
  <c r="AE15202" i="1"/>
  <c r="AE15203" i="1"/>
  <c r="AE15204" i="1"/>
  <c r="AE15205" i="1"/>
  <c r="AE15206" i="1"/>
  <c r="AE15207" i="1"/>
  <c r="AE15208" i="1"/>
  <c r="AE15209" i="1"/>
  <c r="AE15210" i="1"/>
  <c r="AE15211" i="1"/>
  <c r="AE15212" i="1"/>
  <c r="AE15213" i="1"/>
  <c r="AE15214" i="1"/>
  <c r="AE15215" i="1"/>
  <c r="AE15216" i="1"/>
  <c r="AE15217" i="1"/>
  <c r="AE15218" i="1"/>
  <c r="AE15219" i="1"/>
  <c r="AE15220" i="1"/>
  <c r="AE15221" i="1"/>
  <c r="AE15222" i="1"/>
  <c r="AE15223" i="1"/>
  <c r="AE15224" i="1"/>
  <c r="AE15225" i="1"/>
  <c r="AE15226" i="1"/>
  <c r="AE15227" i="1"/>
  <c r="AE15228" i="1"/>
  <c r="AE15229" i="1"/>
  <c r="AE15230" i="1"/>
  <c r="AE15231" i="1"/>
  <c r="AE15232" i="1"/>
  <c r="AE15233" i="1"/>
  <c r="AE15234" i="1"/>
  <c r="AE15235" i="1"/>
  <c r="AE15236" i="1"/>
  <c r="AE15237" i="1"/>
  <c r="AE15238" i="1"/>
  <c r="AE15239" i="1"/>
  <c r="AE15240" i="1"/>
  <c r="AE15241" i="1"/>
  <c r="AE15242" i="1"/>
  <c r="AE15243" i="1"/>
  <c r="AE15244" i="1"/>
  <c r="AE15245" i="1"/>
  <c r="AE15246" i="1"/>
  <c r="AE15247" i="1"/>
  <c r="AE15248" i="1"/>
  <c r="AE15249" i="1"/>
  <c r="AE15250" i="1"/>
  <c r="AE15251" i="1"/>
  <c r="AE15252" i="1"/>
  <c r="AE15253" i="1"/>
  <c r="AE15254" i="1"/>
  <c r="AE15255" i="1"/>
  <c r="AE15256" i="1"/>
  <c r="AE15257" i="1"/>
  <c r="AE15258" i="1"/>
  <c r="AE15259" i="1"/>
  <c r="AE15260" i="1"/>
  <c r="AE15261" i="1"/>
  <c r="AE15262" i="1"/>
  <c r="AE15263" i="1"/>
  <c r="AE15264" i="1"/>
  <c r="AE15265" i="1"/>
  <c r="AE15266" i="1"/>
  <c r="AE15267" i="1"/>
  <c r="AE15268" i="1"/>
  <c r="AE15269" i="1"/>
  <c r="AE15270" i="1"/>
  <c r="AE15271" i="1"/>
  <c r="AE15272" i="1"/>
  <c r="AE15273" i="1"/>
  <c r="AE15274" i="1"/>
  <c r="AE15275" i="1"/>
  <c r="AE15276" i="1"/>
  <c r="AE15277" i="1"/>
  <c r="AE15278" i="1"/>
  <c r="AE15279" i="1"/>
  <c r="AE15280" i="1"/>
  <c r="AE15281" i="1"/>
  <c r="AE15282" i="1"/>
  <c r="AE15283" i="1"/>
  <c r="AE15284" i="1"/>
  <c r="AE15285" i="1"/>
  <c r="AE15286" i="1"/>
  <c r="AE15287" i="1"/>
  <c r="AE15288" i="1"/>
  <c r="AE15289" i="1"/>
  <c r="AE15290" i="1"/>
  <c r="AE15291" i="1"/>
  <c r="AE15292" i="1"/>
  <c r="AE15293" i="1"/>
  <c r="AE15294" i="1"/>
  <c r="AE15295" i="1"/>
  <c r="AE15296" i="1"/>
  <c r="AE15297" i="1"/>
  <c r="AE15298" i="1"/>
  <c r="AE15299" i="1"/>
  <c r="AE15300" i="1"/>
  <c r="AE15301" i="1"/>
  <c r="AE15302" i="1"/>
  <c r="AE15303" i="1"/>
  <c r="AE15304" i="1"/>
  <c r="AE15305" i="1"/>
  <c r="AE15306" i="1"/>
  <c r="AE15307" i="1"/>
  <c r="AE15308" i="1"/>
  <c r="AE15309" i="1"/>
  <c r="AE15310" i="1"/>
  <c r="AE15311" i="1"/>
  <c r="AE15312" i="1"/>
  <c r="AE15313" i="1"/>
  <c r="AE15314" i="1"/>
  <c r="AE15315" i="1"/>
  <c r="AE15316" i="1"/>
  <c r="AE15317" i="1"/>
  <c r="AE15318" i="1"/>
  <c r="AE15319" i="1"/>
  <c r="AE15320" i="1"/>
  <c r="AE15321" i="1"/>
  <c r="AE15322" i="1"/>
  <c r="AE15323" i="1"/>
  <c r="AE15324" i="1"/>
  <c r="AE15325" i="1"/>
  <c r="AE15326" i="1"/>
  <c r="AE15327" i="1"/>
  <c r="AE15328" i="1"/>
  <c r="AE15329" i="1"/>
  <c r="AE15330" i="1"/>
  <c r="AE15331" i="1"/>
  <c r="AE15332" i="1"/>
  <c r="AE15333" i="1"/>
  <c r="AE15334" i="1"/>
  <c r="AE15335" i="1"/>
  <c r="AE15336" i="1"/>
  <c r="AE15337" i="1"/>
  <c r="AE15338" i="1"/>
  <c r="AE15339" i="1"/>
  <c r="AE15340" i="1"/>
  <c r="AE15341" i="1"/>
  <c r="AE15342" i="1"/>
  <c r="AE15343" i="1"/>
  <c r="AE15344" i="1"/>
  <c r="AE15345" i="1"/>
  <c r="AE15346" i="1"/>
  <c r="AE15347" i="1"/>
  <c r="AE15348" i="1"/>
  <c r="AE15349" i="1"/>
  <c r="AE15350" i="1"/>
  <c r="AE15351" i="1"/>
  <c r="AE15352" i="1"/>
  <c r="AE15353" i="1"/>
  <c r="AE15354" i="1"/>
  <c r="AE15355" i="1"/>
  <c r="AE15356" i="1"/>
  <c r="AE15357" i="1"/>
  <c r="AE15358" i="1"/>
  <c r="AE15359" i="1"/>
  <c r="AE15360" i="1"/>
  <c r="AE15361" i="1"/>
  <c r="AE15362" i="1"/>
  <c r="AE15363" i="1"/>
  <c r="AE15364" i="1"/>
  <c r="AE15365" i="1"/>
  <c r="AE15366" i="1"/>
  <c r="AE15367" i="1"/>
  <c r="AE15368" i="1"/>
  <c r="AE15369" i="1"/>
  <c r="AE15370" i="1"/>
  <c r="AE15371" i="1"/>
  <c r="AE15372" i="1"/>
  <c r="AE15373" i="1"/>
  <c r="AE15374" i="1"/>
  <c r="AE15375" i="1"/>
  <c r="AE15376" i="1"/>
  <c r="AE15377" i="1"/>
  <c r="AE15378" i="1"/>
  <c r="AE15379" i="1"/>
  <c r="AE15380" i="1"/>
  <c r="AE15381" i="1"/>
  <c r="AE15382" i="1"/>
  <c r="AE15383" i="1"/>
  <c r="AE15384" i="1"/>
  <c r="AE15385" i="1"/>
  <c r="AE15386" i="1"/>
  <c r="AE15387" i="1"/>
  <c r="AE15388" i="1"/>
  <c r="AE15389" i="1"/>
  <c r="AE15390" i="1"/>
  <c r="AE15391" i="1"/>
  <c r="AE15392" i="1"/>
  <c r="AE15393" i="1"/>
  <c r="AE15394" i="1"/>
  <c r="AE15395" i="1"/>
  <c r="AE15396" i="1"/>
  <c r="AE15397" i="1"/>
  <c r="AE15398" i="1"/>
  <c r="AE15399" i="1"/>
  <c r="AE15400" i="1"/>
  <c r="AE15401" i="1"/>
  <c r="AE15402" i="1"/>
  <c r="AE15403" i="1"/>
  <c r="AE15404" i="1"/>
  <c r="AE15405" i="1"/>
  <c r="AE15406" i="1"/>
  <c r="AE15407" i="1"/>
  <c r="AE15408" i="1"/>
  <c r="AE15409" i="1"/>
  <c r="AE15410" i="1"/>
  <c r="AE15411" i="1"/>
  <c r="AE15412" i="1"/>
  <c r="AE15413" i="1"/>
  <c r="AE15414" i="1"/>
  <c r="AE15415" i="1"/>
  <c r="AE15416" i="1"/>
  <c r="AE15417" i="1"/>
  <c r="AE15418" i="1"/>
  <c r="AE15419" i="1"/>
  <c r="AE15420" i="1"/>
  <c r="AE15421" i="1"/>
  <c r="AE15422" i="1"/>
  <c r="AE15423" i="1"/>
  <c r="AE15424" i="1"/>
  <c r="AE15425" i="1"/>
  <c r="AE15426" i="1"/>
  <c r="AE15427" i="1"/>
  <c r="AE15428" i="1"/>
  <c r="AE15429" i="1"/>
  <c r="AE15430" i="1"/>
  <c r="AE15431" i="1"/>
  <c r="AE15432" i="1"/>
  <c r="AE15433" i="1"/>
  <c r="AE15434" i="1"/>
  <c r="AE15435" i="1"/>
  <c r="AE15436" i="1"/>
  <c r="AE15437" i="1"/>
  <c r="AE15438" i="1"/>
  <c r="AE15439" i="1"/>
  <c r="AE15440" i="1"/>
  <c r="AE15441" i="1"/>
  <c r="AE15442" i="1"/>
  <c r="AE15443" i="1"/>
  <c r="AE15444" i="1"/>
  <c r="AE15445" i="1"/>
  <c r="AE15446" i="1"/>
  <c r="AE15447" i="1"/>
  <c r="AE15448" i="1"/>
  <c r="AE15449" i="1"/>
  <c r="AE15450" i="1"/>
  <c r="AE15451" i="1"/>
  <c r="AE15452" i="1"/>
  <c r="AE15453" i="1"/>
  <c r="AE15454" i="1"/>
  <c r="AE15455" i="1"/>
  <c r="AE15456" i="1"/>
  <c r="AE15457" i="1"/>
  <c r="AE15458" i="1"/>
  <c r="AE15459" i="1"/>
  <c r="AE15460" i="1"/>
  <c r="AE15461" i="1"/>
  <c r="AE15462" i="1"/>
  <c r="AE15463" i="1"/>
  <c r="AE15464" i="1"/>
  <c r="AE15465" i="1"/>
  <c r="AE15466" i="1"/>
  <c r="AE15467" i="1"/>
  <c r="AE15468" i="1"/>
  <c r="AE15469" i="1"/>
  <c r="AE15470" i="1"/>
  <c r="AE15471" i="1"/>
  <c r="AE15472" i="1"/>
  <c r="AE15473" i="1"/>
  <c r="AE15474" i="1"/>
  <c r="AE15475" i="1"/>
  <c r="AE15476" i="1"/>
  <c r="AE15477" i="1"/>
  <c r="AE15478" i="1"/>
  <c r="AE15479" i="1"/>
  <c r="AE15480" i="1"/>
  <c r="AE15481" i="1"/>
  <c r="AE15482" i="1"/>
  <c r="AE15483" i="1"/>
  <c r="AE15484" i="1"/>
  <c r="AE15485" i="1"/>
  <c r="AE15486" i="1"/>
  <c r="AE15487" i="1"/>
  <c r="AE15488" i="1"/>
  <c r="AE15489" i="1"/>
  <c r="AE15490" i="1"/>
  <c r="AE15491" i="1"/>
  <c r="AE15492" i="1"/>
  <c r="AE15493" i="1"/>
  <c r="AE15494" i="1"/>
  <c r="AE15495" i="1"/>
  <c r="AE15496" i="1"/>
  <c r="AE15497" i="1"/>
  <c r="AE15498" i="1"/>
  <c r="AE15499" i="1"/>
  <c r="AE15500" i="1"/>
  <c r="AE15501" i="1"/>
  <c r="AE15502" i="1"/>
  <c r="AE15503" i="1"/>
  <c r="AE15504" i="1"/>
  <c r="AE15505" i="1"/>
  <c r="AE15506" i="1"/>
  <c r="AE15507" i="1"/>
  <c r="AE15508" i="1"/>
  <c r="AE15509" i="1"/>
  <c r="AE15510" i="1"/>
  <c r="AE15511" i="1"/>
  <c r="AE15512" i="1"/>
  <c r="AE15513" i="1"/>
  <c r="AE15514" i="1"/>
  <c r="AE15515" i="1"/>
  <c r="AE15516" i="1"/>
  <c r="AE15517" i="1"/>
  <c r="AE15518" i="1"/>
  <c r="AE15519" i="1"/>
  <c r="AE15520" i="1"/>
  <c r="AE15521" i="1"/>
  <c r="AE15522" i="1"/>
  <c r="AE15523" i="1"/>
  <c r="AE15524" i="1"/>
  <c r="AE15525" i="1"/>
  <c r="AE15526" i="1"/>
  <c r="AE15527" i="1"/>
  <c r="AE15528" i="1"/>
  <c r="AE15529" i="1"/>
  <c r="AE15530" i="1"/>
  <c r="AE15531" i="1"/>
  <c r="AE15532" i="1"/>
  <c r="AE15533" i="1"/>
  <c r="AE15534" i="1"/>
  <c r="AE15535" i="1"/>
  <c r="AE15536" i="1"/>
  <c r="AE15537" i="1"/>
  <c r="AE15538" i="1"/>
  <c r="AE15539" i="1"/>
  <c r="AE15540" i="1"/>
  <c r="AE15541" i="1"/>
  <c r="AE15542" i="1"/>
  <c r="AE15543" i="1"/>
  <c r="AE15544" i="1"/>
  <c r="AE15545" i="1"/>
  <c r="AE15546" i="1"/>
  <c r="AE15547" i="1"/>
  <c r="AE15548" i="1"/>
  <c r="AE15549" i="1"/>
  <c r="AE15550" i="1"/>
  <c r="AE15551" i="1"/>
  <c r="AE15552" i="1"/>
  <c r="AE15553" i="1"/>
  <c r="AE15554" i="1"/>
  <c r="AE15555" i="1"/>
  <c r="AE15556" i="1"/>
  <c r="AE15557" i="1"/>
  <c r="AE15558" i="1"/>
  <c r="AE15559" i="1"/>
  <c r="AE15560" i="1"/>
  <c r="AE15561" i="1"/>
  <c r="AE15562" i="1"/>
  <c r="AE15563" i="1"/>
  <c r="AE15564" i="1"/>
  <c r="AE15565" i="1"/>
  <c r="AE15566" i="1"/>
  <c r="AE15567" i="1"/>
  <c r="AE15568" i="1"/>
  <c r="AE15569" i="1"/>
  <c r="AE15570" i="1"/>
  <c r="AE15571" i="1"/>
  <c r="AE15572" i="1"/>
  <c r="AE15573" i="1"/>
  <c r="AE15574" i="1"/>
  <c r="AE15575" i="1"/>
  <c r="AE15576" i="1"/>
  <c r="AE15577" i="1"/>
  <c r="AE15578" i="1"/>
  <c r="AE15579" i="1"/>
  <c r="AE15580" i="1"/>
  <c r="AE15581" i="1"/>
  <c r="AE15582" i="1"/>
  <c r="AE15583" i="1"/>
  <c r="AE15584" i="1"/>
  <c r="AE15585" i="1"/>
  <c r="AE15586" i="1"/>
  <c r="AE15587" i="1"/>
  <c r="AE15588" i="1"/>
  <c r="AE15589" i="1"/>
  <c r="AE15590" i="1"/>
  <c r="AE15591" i="1"/>
  <c r="AE15592" i="1"/>
  <c r="AE15593" i="1"/>
  <c r="AE15594" i="1"/>
  <c r="AE15595" i="1"/>
  <c r="AE15596" i="1"/>
  <c r="AE15597" i="1"/>
  <c r="AE15598" i="1"/>
  <c r="AE15599" i="1"/>
  <c r="AE15600" i="1"/>
  <c r="AE15601" i="1"/>
  <c r="AE15602" i="1"/>
  <c r="AE15603" i="1"/>
  <c r="AE15604" i="1"/>
  <c r="AE15605" i="1"/>
  <c r="AE15606" i="1"/>
  <c r="AE15607" i="1"/>
  <c r="AE15608" i="1"/>
  <c r="AE15609" i="1"/>
  <c r="AE15610" i="1"/>
  <c r="AE15611" i="1"/>
  <c r="AE15612" i="1"/>
  <c r="AE15613" i="1"/>
  <c r="AE15614" i="1"/>
  <c r="AE15615" i="1"/>
  <c r="AE15616" i="1"/>
  <c r="AE15617" i="1"/>
  <c r="AE15618" i="1"/>
  <c r="AE15619" i="1"/>
  <c r="AE15620" i="1"/>
  <c r="AE15621" i="1"/>
  <c r="AE15622" i="1"/>
  <c r="AE15623" i="1"/>
  <c r="AE15624" i="1"/>
  <c r="AE15625" i="1"/>
  <c r="AE15626" i="1"/>
  <c r="AE15627" i="1"/>
  <c r="AE15628" i="1"/>
  <c r="AE15629" i="1"/>
  <c r="AE15630" i="1"/>
  <c r="AE15631" i="1"/>
  <c r="AE15632" i="1"/>
  <c r="AE15633" i="1"/>
  <c r="AE15634" i="1"/>
  <c r="AE15635" i="1"/>
  <c r="AE15636" i="1"/>
  <c r="AE15637" i="1"/>
  <c r="AE15638" i="1"/>
  <c r="AE15639" i="1"/>
  <c r="AE15640" i="1"/>
  <c r="AE15641" i="1"/>
  <c r="AE15642" i="1"/>
  <c r="AE15643" i="1"/>
  <c r="AE15644" i="1"/>
  <c r="AE15645" i="1"/>
  <c r="AE15646" i="1"/>
  <c r="AE15647" i="1"/>
  <c r="AE15648" i="1"/>
  <c r="AE15649" i="1"/>
  <c r="AE15650" i="1"/>
  <c r="AE15651" i="1"/>
  <c r="AE15652" i="1"/>
  <c r="AE15653" i="1"/>
  <c r="AE15654" i="1"/>
  <c r="AE15655" i="1"/>
  <c r="AE15656" i="1"/>
  <c r="AE15657" i="1"/>
  <c r="AE15658" i="1"/>
  <c r="AE15659" i="1"/>
  <c r="AE15660" i="1"/>
  <c r="AE15661" i="1"/>
  <c r="AE15662" i="1"/>
  <c r="AE15663" i="1"/>
  <c r="AE15664" i="1"/>
  <c r="AE15665" i="1"/>
  <c r="AE15666" i="1"/>
  <c r="AE15667" i="1"/>
  <c r="AE15668" i="1"/>
  <c r="AE15669" i="1"/>
  <c r="AE15670" i="1"/>
  <c r="AE15671" i="1"/>
  <c r="AE15672" i="1"/>
  <c r="AE15673" i="1"/>
  <c r="AE15674" i="1"/>
  <c r="AE15675" i="1"/>
  <c r="AE15676" i="1"/>
  <c r="AE15677" i="1"/>
  <c r="AE15678" i="1"/>
  <c r="AE15679" i="1"/>
  <c r="AE15680" i="1"/>
  <c r="AE15681" i="1"/>
  <c r="AE15682" i="1"/>
  <c r="AE15683" i="1"/>
  <c r="AE15684" i="1"/>
  <c r="AE15685" i="1"/>
  <c r="AE15686" i="1"/>
  <c r="AE15687" i="1"/>
  <c r="AE15688" i="1"/>
  <c r="AE15689" i="1"/>
  <c r="AE15690" i="1"/>
  <c r="AE15691" i="1"/>
  <c r="AE15692" i="1"/>
  <c r="AE15693" i="1"/>
  <c r="AE15694" i="1"/>
  <c r="AE15695" i="1"/>
  <c r="AE15696" i="1"/>
  <c r="AE15697" i="1"/>
  <c r="AE15698" i="1"/>
  <c r="AE15699" i="1"/>
  <c r="AE15700" i="1"/>
  <c r="AE15701" i="1"/>
  <c r="AE15702" i="1"/>
  <c r="AE15703" i="1"/>
  <c r="AE15704" i="1"/>
  <c r="AE15705" i="1"/>
  <c r="AE15706" i="1"/>
  <c r="AE15707" i="1"/>
  <c r="AE15708" i="1"/>
  <c r="AE15709" i="1"/>
  <c r="AE15710" i="1"/>
  <c r="AE15711" i="1"/>
  <c r="AE15712" i="1"/>
  <c r="AE15713" i="1"/>
  <c r="AE15714" i="1"/>
  <c r="AE15715" i="1"/>
  <c r="AE15716" i="1"/>
  <c r="AE15717" i="1"/>
  <c r="AE15718" i="1"/>
  <c r="AE15719" i="1"/>
  <c r="AE15720" i="1"/>
  <c r="AE15721" i="1"/>
  <c r="AE15722" i="1"/>
  <c r="AE15723" i="1"/>
  <c r="AE15724" i="1"/>
  <c r="AE15725" i="1"/>
  <c r="AE15726" i="1"/>
  <c r="AE15727" i="1"/>
  <c r="AE15728" i="1"/>
  <c r="AE15729" i="1"/>
  <c r="AE15730" i="1"/>
  <c r="AE15731" i="1"/>
  <c r="AE15732" i="1"/>
  <c r="AE15733" i="1"/>
  <c r="AE15734" i="1"/>
  <c r="AE15735" i="1"/>
  <c r="AE15736" i="1"/>
  <c r="AE15737" i="1"/>
  <c r="AE15738" i="1"/>
  <c r="AE15739" i="1"/>
  <c r="AE15740" i="1"/>
  <c r="AE15741" i="1"/>
  <c r="AE15742" i="1"/>
  <c r="AE15743" i="1"/>
  <c r="AE15744" i="1"/>
  <c r="AE15745" i="1"/>
  <c r="AE15746" i="1"/>
  <c r="AE15747" i="1"/>
  <c r="AE15748" i="1"/>
  <c r="AE15749" i="1"/>
  <c r="AE15750" i="1"/>
  <c r="AE15751" i="1"/>
  <c r="AE15752" i="1"/>
  <c r="AE15753" i="1"/>
  <c r="AE15754" i="1"/>
  <c r="AE15755" i="1"/>
  <c r="AE15756" i="1"/>
  <c r="AE15757" i="1"/>
  <c r="AE15758" i="1"/>
  <c r="AE15759" i="1"/>
  <c r="AE15760" i="1"/>
  <c r="AE15761" i="1"/>
  <c r="AE15762" i="1"/>
  <c r="AE15763" i="1"/>
  <c r="AE15764" i="1"/>
  <c r="AE15765" i="1"/>
  <c r="AE15766" i="1"/>
  <c r="AE15767" i="1"/>
  <c r="AE15768" i="1"/>
  <c r="AE15769" i="1"/>
  <c r="AE15770" i="1"/>
  <c r="AE15771" i="1"/>
  <c r="AE15772" i="1"/>
  <c r="AE15773" i="1"/>
  <c r="AE15774" i="1"/>
  <c r="AE15775" i="1"/>
  <c r="AE15776" i="1"/>
  <c r="AE15777" i="1"/>
  <c r="AE15778" i="1"/>
  <c r="AE15779" i="1"/>
  <c r="AE15780" i="1"/>
  <c r="AE15781" i="1"/>
  <c r="AE15782" i="1"/>
  <c r="AE15783" i="1"/>
  <c r="AE15784" i="1"/>
  <c r="AE15785" i="1"/>
  <c r="AE15786" i="1"/>
  <c r="AE15787" i="1"/>
  <c r="AE15788" i="1"/>
  <c r="AE15789" i="1"/>
  <c r="AE15790" i="1"/>
  <c r="AE15791" i="1"/>
  <c r="AE15792" i="1"/>
  <c r="AE15793" i="1"/>
  <c r="AE15794" i="1"/>
  <c r="AE15795" i="1"/>
  <c r="AE15796" i="1"/>
  <c r="AE15797" i="1"/>
  <c r="AE15798" i="1"/>
  <c r="AE15799" i="1"/>
  <c r="AE15800" i="1"/>
  <c r="AE15801" i="1"/>
  <c r="AE15802" i="1"/>
  <c r="AE15803" i="1"/>
  <c r="AE15804" i="1"/>
  <c r="AE15805" i="1"/>
  <c r="AE15806" i="1"/>
  <c r="AE15807" i="1"/>
  <c r="AE15808" i="1"/>
  <c r="AE15809" i="1"/>
  <c r="AE15810" i="1"/>
  <c r="AE15811" i="1"/>
  <c r="AE15812" i="1"/>
  <c r="AE15813" i="1"/>
  <c r="AE15814" i="1"/>
  <c r="AE15815" i="1"/>
  <c r="AE15816" i="1"/>
  <c r="AE15817" i="1"/>
  <c r="AE15818" i="1"/>
  <c r="AE15819" i="1"/>
  <c r="AE15820" i="1"/>
  <c r="AE15821" i="1"/>
  <c r="AE15822" i="1"/>
  <c r="AE15823" i="1"/>
  <c r="AE15824" i="1"/>
  <c r="AE15825" i="1"/>
  <c r="AE15826" i="1"/>
  <c r="AE15827" i="1"/>
  <c r="AE15828" i="1"/>
  <c r="AE15829" i="1"/>
  <c r="AE15830" i="1"/>
  <c r="AE15831" i="1"/>
  <c r="AE15832" i="1"/>
  <c r="AE15833" i="1"/>
  <c r="AE15834" i="1"/>
  <c r="AE15835" i="1"/>
  <c r="AE15836" i="1"/>
  <c r="AE15837" i="1"/>
  <c r="AE15838" i="1"/>
  <c r="AE15839" i="1"/>
  <c r="AE15840" i="1"/>
  <c r="AE15841" i="1"/>
  <c r="AE15842" i="1"/>
  <c r="AE15843" i="1"/>
  <c r="AE15844" i="1"/>
  <c r="AE15845" i="1"/>
  <c r="AE15846" i="1"/>
  <c r="AE15847" i="1"/>
  <c r="AE15848" i="1"/>
  <c r="AE15849" i="1"/>
  <c r="AE15850" i="1"/>
  <c r="AE15851" i="1"/>
  <c r="AE15852" i="1"/>
  <c r="AE15853" i="1"/>
  <c r="AE15854" i="1"/>
  <c r="AE15855" i="1"/>
  <c r="AE15856" i="1"/>
  <c r="AE15857" i="1"/>
  <c r="AE15858" i="1"/>
  <c r="AE15859" i="1"/>
  <c r="AE15860" i="1"/>
  <c r="AE15861" i="1"/>
  <c r="AE15862" i="1"/>
  <c r="AE15863" i="1"/>
  <c r="AE15864" i="1"/>
  <c r="AE15865" i="1"/>
  <c r="AE15866" i="1"/>
  <c r="AE15867" i="1"/>
  <c r="AE15868" i="1"/>
  <c r="AE15869" i="1"/>
  <c r="AE15870" i="1"/>
  <c r="AE15871" i="1"/>
  <c r="AE15872" i="1"/>
  <c r="AE15873" i="1"/>
  <c r="AE15874" i="1"/>
  <c r="AE15875" i="1"/>
  <c r="AE15876" i="1"/>
  <c r="AE15877" i="1"/>
  <c r="AE15878" i="1"/>
  <c r="AE15879" i="1"/>
  <c r="AE15880" i="1"/>
  <c r="AE15881" i="1"/>
  <c r="AE15882" i="1"/>
  <c r="AE15883" i="1"/>
  <c r="AE15884" i="1"/>
  <c r="AE15885" i="1"/>
  <c r="AE15886" i="1"/>
  <c r="AE15887" i="1"/>
  <c r="AE15888" i="1"/>
  <c r="AE15889" i="1"/>
  <c r="AE15890" i="1"/>
  <c r="AE15891" i="1"/>
  <c r="AE15892" i="1"/>
  <c r="AE15893" i="1"/>
  <c r="AE15894" i="1"/>
  <c r="AE15895" i="1"/>
  <c r="AE15896" i="1"/>
  <c r="AE15897" i="1"/>
  <c r="AE15898" i="1"/>
  <c r="AE15899" i="1"/>
  <c r="AE15900" i="1"/>
  <c r="AE15901" i="1"/>
  <c r="AE15902" i="1"/>
  <c r="AE15903" i="1"/>
  <c r="AE15904" i="1"/>
  <c r="AE15905" i="1"/>
  <c r="AE15906" i="1"/>
  <c r="AE15907" i="1"/>
  <c r="AE15908" i="1"/>
  <c r="AE15909" i="1"/>
  <c r="AE15910" i="1"/>
  <c r="AE15911" i="1"/>
  <c r="AE15912" i="1"/>
  <c r="AE15913" i="1"/>
  <c r="AE15914" i="1"/>
  <c r="AE15915" i="1"/>
  <c r="AE15916" i="1"/>
  <c r="AE15917" i="1"/>
  <c r="AE15918" i="1"/>
  <c r="AE15919" i="1"/>
  <c r="AE15920" i="1"/>
  <c r="AE15921" i="1"/>
  <c r="AE15922" i="1"/>
  <c r="AE15923" i="1"/>
  <c r="AE15924" i="1"/>
  <c r="AE15925" i="1"/>
  <c r="AE15926" i="1"/>
  <c r="AE15927" i="1"/>
  <c r="AE15928" i="1"/>
  <c r="AE15929" i="1"/>
  <c r="AE15930" i="1"/>
  <c r="AE15931" i="1"/>
  <c r="AE15932" i="1"/>
  <c r="AE15933" i="1"/>
  <c r="AE15934" i="1"/>
  <c r="AE15935" i="1"/>
  <c r="AE15936" i="1"/>
  <c r="AE15937" i="1"/>
  <c r="AE15938" i="1"/>
  <c r="AE15939" i="1"/>
  <c r="AE15940" i="1"/>
  <c r="AE15941" i="1"/>
  <c r="AE15942" i="1"/>
  <c r="AE15943" i="1"/>
  <c r="AE15944" i="1"/>
  <c r="AE15945" i="1"/>
  <c r="AE15946" i="1"/>
  <c r="AE15947" i="1"/>
  <c r="AE15948" i="1"/>
  <c r="AE15949" i="1"/>
  <c r="AE15950" i="1"/>
  <c r="AE15951" i="1"/>
  <c r="AE15952" i="1"/>
  <c r="AE15953" i="1"/>
  <c r="AE15954" i="1"/>
  <c r="AE15955" i="1"/>
  <c r="AE15956" i="1"/>
  <c r="AE15957" i="1"/>
  <c r="AE15958" i="1"/>
  <c r="AE15959" i="1"/>
  <c r="AE15960" i="1"/>
  <c r="AE15961" i="1"/>
  <c r="AE15962" i="1"/>
  <c r="AE15963" i="1"/>
  <c r="AE15964" i="1"/>
  <c r="AE15965" i="1"/>
  <c r="AE15966" i="1"/>
  <c r="AE15967" i="1"/>
  <c r="AE15968" i="1"/>
  <c r="AE15969" i="1"/>
  <c r="AE15970" i="1"/>
  <c r="AE15971" i="1"/>
  <c r="AE15972" i="1"/>
  <c r="AE15973" i="1"/>
  <c r="AE15974" i="1"/>
  <c r="AE15975" i="1"/>
  <c r="AE15976" i="1"/>
  <c r="AE15977" i="1"/>
  <c r="AE15978" i="1"/>
  <c r="AE15979" i="1"/>
  <c r="AE15980" i="1"/>
  <c r="AE15981" i="1"/>
  <c r="AE15982" i="1"/>
  <c r="AE15983" i="1"/>
  <c r="AE15984" i="1"/>
  <c r="AE15985" i="1"/>
  <c r="AE15986" i="1"/>
  <c r="AE15987" i="1"/>
  <c r="AE15988" i="1"/>
  <c r="AE15989" i="1"/>
  <c r="AE15990" i="1"/>
  <c r="AE15991" i="1"/>
  <c r="AE15992" i="1"/>
  <c r="AE15993" i="1"/>
  <c r="AE15994" i="1"/>
  <c r="AE15995" i="1"/>
  <c r="AE15996" i="1"/>
  <c r="AE15997" i="1"/>
  <c r="AE15998" i="1"/>
  <c r="AE15999" i="1"/>
  <c r="AE16000" i="1"/>
  <c r="AE16001" i="1"/>
  <c r="AE16002" i="1"/>
  <c r="AE16003" i="1"/>
  <c r="AE16004" i="1"/>
  <c r="AE16005" i="1"/>
  <c r="AE16006" i="1"/>
  <c r="AE16007" i="1"/>
  <c r="AE16008" i="1"/>
  <c r="AE16009" i="1"/>
  <c r="AE16010" i="1"/>
  <c r="AE16011" i="1"/>
  <c r="AE16012" i="1"/>
  <c r="AE16013" i="1"/>
  <c r="AE16014" i="1"/>
  <c r="AE16015" i="1"/>
  <c r="AE16016" i="1"/>
  <c r="AE16017" i="1"/>
  <c r="AE16018" i="1"/>
  <c r="AE16019" i="1"/>
  <c r="AE16020" i="1"/>
  <c r="AE16021" i="1"/>
  <c r="AE16022" i="1"/>
  <c r="AE16023" i="1"/>
  <c r="AE16024" i="1"/>
  <c r="AE16025" i="1"/>
  <c r="AE16026" i="1"/>
  <c r="AE16027" i="1"/>
  <c r="AE16028" i="1"/>
  <c r="AE16029" i="1"/>
  <c r="AE16030" i="1"/>
  <c r="AE16031" i="1"/>
  <c r="AE16032" i="1"/>
  <c r="AE16033" i="1"/>
  <c r="AE16034" i="1"/>
  <c r="AE16035" i="1"/>
  <c r="AE16036" i="1"/>
  <c r="AE16037" i="1"/>
  <c r="AE16038" i="1"/>
  <c r="AE16039" i="1"/>
  <c r="AE16040" i="1"/>
  <c r="AE16041" i="1"/>
  <c r="AE16042" i="1"/>
  <c r="AE16043" i="1"/>
  <c r="AE16044" i="1"/>
  <c r="AE16045" i="1"/>
  <c r="AE16046" i="1"/>
  <c r="AE16047" i="1"/>
  <c r="AE16048" i="1"/>
  <c r="AE16049" i="1"/>
  <c r="AE16050" i="1"/>
  <c r="AE16051" i="1"/>
  <c r="AE16052" i="1"/>
  <c r="AE16053" i="1"/>
  <c r="AE16054" i="1"/>
  <c r="AE16055" i="1"/>
  <c r="AE16056" i="1"/>
  <c r="AE16057" i="1"/>
  <c r="AE16058" i="1"/>
  <c r="AE16059" i="1"/>
  <c r="AE16060" i="1"/>
  <c r="AE16061" i="1"/>
  <c r="AE16062" i="1"/>
  <c r="AE16063" i="1"/>
  <c r="AE16064" i="1"/>
  <c r="AE16065" i="1"/>
  <c r="AE16066" i="1"/>
  <c r="AE16067" i="1"/>
  <c r="AE16068" i="1"/>
  <c r="AE16069" i="1"/>
  <c r="AE16070" i="1"/>
  <c r="AE16071" i="1"/>
  <c r="AE16072" i="1"/>
  <c r="AE16073" i="1"/>
  <c r="AE16074" i="1"/>
  <c r="AE16075" i="1"/>
  <c r="AE16076" i="1"/>
  <c r="AE16077" i="1"/>
  <c r="AE16078" i="1"/>
  <c r="AE16079" i="1"/>
  <c r="AE16080" i="1"/>
  <c r="AE16081" i="1"/>
  <c r="AE16082" i="1"/>
  <c r="AE16083" i="1"/>
  <c r="AE16084" i="1"/>
  <c r="AE16085" i="1"/>
  <c r="AE16086" i="1"/>
  <c r="AE16087" i="1"/>
  <c r="AE16088" i="1"/>
  <c r="AE16089" i="1"/>
  <c r="AE16090" i="1"/>
  <c r="AE16091" i="1"/>
  <c r="AE16092" i="1"/>
  <c r="AE16093" i="1"/>
  <c r="AE16094" i="1"/>
  <c r="AE16095" i="1"/>
  <c r="AE16096" i="1"/>
  <c r="AE16097" i="1"/>
  <c r="AE16098" i="1"/>
  <c r="AE16099" i="1"/>
  <c r="AE16100" i="1"/>
  <c r="AE16101" i="1"/>
  <c r="AE16102" i="1"/>
  <c r="AE16103" i="1"/>
  <c r="AE16104" i="1"/>
  <c r="AE16105" i="1"/>
  <c r="AE16106" i="1"/>
  <c r="AE16107" i="1"/>
  <c r="AE16108" i="1"/>
  <c r="AE16109" i="1"/>
  <c r="AE16110" i="1"/>
  <c r="AE16111" i="1"/>
  <c r="AE16112" i="1"/>
  <c r="AE16113" i="1"/>
  <c r="AE16114" i="1"/>
  <c r="AE16115" i="1"/>
  <c r="AE16116" i="1"/>
  <c r="AE16117" i="1"/>
  <c r="AE16118" i="1"/>
  <c r="AE16119" i="1"/>
  <c r="AE16120" i="1"/>
  <c r="AE16121" i="1"/>
  <c r="AE16122" i="1"/>
  <c r="AE16123" i="1"/>
  <c r="AE16124" i="1"/>
  <c r="AE16125" i="1"/>
  <c r="AE16126" i="1"/>
  <c r="AE16127" i="1"/>
  <c r="AE16128" i="1"/>
  <c r="AE16129" i="1"/>
  <c r="AE16130" i="1"/>
  <c r="AE16131" i="1"/>
  <c r="AE16132" i="1"/>
  <c r="AE16133" i="1"/>
  <c r="AE16134" i="1"/>
  <c r="AE16135" i="1"/>
  <c r="AE16136" i="1"/>
  <c r="AE16137" i="1"/>
  <c r="AE16138" i="1"/>
  <c r="AE16139" i="1"/>
  <c r="AE16140" i="1"/>
  <c r="AE16141" i="1"/>
  <c r="AE16142" i="1"/>
  <c r="AE16143" i="1"/>
  <c r="AE16144" i="1"/>
  <c r="AE16145" i="1"/>
  <c r="AE16146" i="1"/>
  <c r="AE16147" i="1"/>
  <c r="AE16148" i="1"/>
  <c r="AE16149" i="1"/>
  <c r="AE16150" i="1"/>
  <c r="AE16151" i="1"/>
  <c r="AE16152" i="1"/>
  <c r="AE16153" i="1"/>
  <c r="AE16154" i="1"/>
  <c r="AE16155" i="1"/>
  <c r="AE16156" i="1"/>
  <c r="AE16157" i="1"/>
  <c r="AE16158" i="1"/>
  <c r="AE16159" i="1"/>
  <c r="AE16160" i="1"/>
  <c r="AE16161" i="1"/>
  <c r="AE16162" i="1"/>
  <c r="AE16163" i="1"/>
  <c r="AE16164" i="1"/>
  <c r="AE16165" i="1"/>
  <c r="AE16166" i="1"/>
  <c r="AE16167" i="1"/>
  <c r="AE16168" i="1"/>
  <c r="AE16169" i="1"/>
  <c r="AE16170" i="1"/>
  <c r="AE16171" i="1"/>
  <c r="AE16172" i="1"/>
  <c r="AE16173" i="1"/>
  <c r="AE16174" i="1"/>
  <c r="AE16175" i="1"/>
  <c r="AE16176" i="1"/>
  <c r="AE16177" i="1"/>
  <c r="AE16178" i="1"/>
  <c r="AE16179" i="1"/>
  <c r="AE16180" i="1"/>
  <c r="AE16181" i="1"/>
  <c r="AE16182" i="1"/>
  <c r="AE16183" i="1"/>
  <c r="AE16184" i="1"/>
  <c r="AE16185" i="1"/>
  <c r="AE16186" i="1"/>
  <c r="AE16187" i="1"/>
  <c r="AE16188" i="1"/>
  <c r="AE16189" i="1"/>
  <c r="AE16190" i="1"/>
  <c r="AE16191" i="1"/>
  <c r="AE16192" i="1"/>
  <c r="AE16193" i="1"/>
  <c r="AE16194" i="1"/>
  <c r="AE16195" i="1"/>
  <c r="AE16196" i="1"/>
  <c r="AE16197" i="1"/>
  <c r="AE16198" i="1"/>
  <c r="AE16199" i="1"/>
  <c r="AE16200" i="1"/>
  <c r="AE16201" i="1"/>
  <c r="AE16202" i="1"/>
  <c r="AE16203" i="1"/>
  <c r="AE16204" i="1"/>
  <c r="AE16205" i="1"/>
  <c r="AE16206" i="1"/>
  <c r="AE16207" i="1"/>
  <c r="AE16208" i="1"/>
  <c r="AE16209" i="1"/>
  <c r="AE16210" i="1"/>
  <c r="AE16211" i="1"/>
  <c r="AE16212" i="1"/>
  <c r="AE16213" i="1"/>
  <c r="AE16214" i="1"/>
  <c r="AE16215" i="1"/>
  <c r="AE16216" i="1"/>
  <c r="AE16217" i="1"/>
  <c r="AE16218" i="1"/>
  <c r="AE16219" i="1"/>
  <c r="AE16220" i="1"/>
  <c r="AE16221" i="1"/>
  <c r="AE16222" i="1"/>
  <c r="AE16223" i="1"/>
  <c r="AE16224" i="1"/>
  <c r="AE16225" i="1"/>
  <c r="AE16226" i="1"/>
  <c r="AE16227" i="1"/>
  <c r="AE16228" i="1"/>
  <c r="AE16229" i="1"/>
  <c r="AE16230" i="1"/>
  <c r="AE16231" i="1"/>
  <c r="AE16232" i="1"/>
  <c r="AE16233" i="1"/>
  <c r="AE16234" i="1"/>
  <c r="AE16235" i="1"/>
  <c r="AE16236" i="1"/>
  <c r="AE16237" i="1"/>
  <c r="AE16238" i="1"/>
  <c r="AE16239" i="1"/>
  <c r="AE16240" i="1"/>
  <c r="AE16241" i="1"/>
  <c r="AE16242" i="1"/>
  <c r="AE16243" i="1"/>
  <c r="AE16244" i="1"/>
  <c r="AE16245" i="1"/>
  <c r="AE16246" i="1"/>
  <c r="AE16247" i="1"/>
  <c r="AE16248" i="1"/>
  <c r="AE16249" i="1"/>
  <c r="AE16250" i="1"/>
  <c r="AE16251" i="1"/>
  <c r="AE16252" i="1"/>
  <c r="AE16253" i="1"/>
  <c r="AE16254" i="1"/>
  <c r="AE16255" i="1"/>
  <c r="AE16256" i="1"/>
  <c r="AE16257" i="1"/>
  <c r="AE16258" i="1"/>
  <c r="AE16259" i="1"/>
  <c r="AE16260" i="1"/>
  <c r="AE16261" i="1"/>
  <c r="AE16262" i="1"/>
  <c r="AE16263" i="1"/>
  <c r="AE16264" i="1"/>
  <c r="AE16265" i="1"/>
  <c r="AE16266" i="1"/>
  <c r="AE16267" i="1"/>
  <c r="AE16268" i="1"/>
  <c r="AE16269" i="1"/>
  <c r="AE16270" i="1"/>
  <c r="AE16271" i="1"/>
  <c r="AE16272" i="1"/>
  <c r="AE16273" i="1"/>
  <c r="AE16274" i="1"/>
  <c r="AE16275" i="1"/>
  <c r="AE16276" i="1"/>
  <c r="AE16277" i="1"/>
  <c r="AE16278" i="1"/>
  <c r="AE16279" i="1"/>
  <c r="AE16280" i="1"/>
  <c r="AE16281" i="1"/>
  <c r="AE16282" i="1"/>
  <c r="AE16283" i="1"/>
  <c r="AE16284" i="1"/>
  <c r="AE16285" i="1"/>
  <c r="AE16286" i="1"/>
  <c r="AE16287" i="1"/>
  <c r="AE16288" i="1"/>
  <c r="AE16289" i="1"/>
  <c r="AE16290" i="1"/>
  <c r="AE16291" i="1"/>
  <c r="AE16292" i="1"/>
  <c r="AE16293" i="1"/>
  <c r="AE16294" i="1"/>
  <c r="AE16295" i="1"/>
  <c r="AE16296" i="1"/>
  <c r="AE16297" i="1"/>
  <c r="AE16298" i="1"/>
  <c r="AE16299" i="1"/>
  <c r="AE16300" i="1"/>
  <c r="AE16301" i="1"/>
  <c r="AE16302" i="1"/>
  <c r="AE16303" i="1"/>
  <c r="AE16304" i="1"/>
  <c r="AE16305" i="1"/>
  <c r="AE16306" i="1"/>
  <c r="AE16307" i="1"/>
  <c r="AE16308" i="1"/>
  <c r="AE16309" i="1"/>
  <c r="AE16310" i="1"/>
  <c r="AE16311" i="1"/>
  <c r="AE16312" i="1"/>
  <c r="AE16313" i="1"/>
  <c r="AE16314" i="1"/>
  <c r="AE16315" i="1"/>
  <c r="AE16316" i="1"/>
  <c r="AE16317" i="1"/>
  <c r="AE16318" i="1"/>
  <c r="AE16319" i="1"/>
  <c r="AE16320" i="1"/>
  <c r="AE16321" i="1"/>
  <c r="AE16322" i="1"/>
  <c r="AE16323" i="1"/>
  <c r="AE16324" i="1"/>
  <c r="AE16325" i="1"/>
  <c r="AE16326" i="1"/>
  <c r="AE16327" i="1"/>
  <c r="AE16328" i="1"/>
  <c r="AE16329" i="1"/>
  <c r="AE16330" i="1"/>
  <c r="AE16331" i="1"/>
  <c r="AE16332" i="1"/>
  <c r="AE16333" i="1"/>
  <c r="AE16334" i="1"/>
  <c r="AE16335" i="1"/>
  <c r="AE16336" i="1"/>
  <c r="AE16337" i="1"/>
  <c r="AE16338" i="1"/>
  <c r="AE16339" i="1"/>
  <c r="AE16340" i="1"/>
  <c r="AE16341" i="1"/>
  <c r="AE16342" i="1"/>
  <c r="AE16343" i="1"/>
  <c r="AE16344" i="1"/>
  <c r="AE16345" i="1"/>
  <c r="AE16346" i="1"/>
  <c r="AE16347" i="1"/>
  <c r="AE16348" i="1"/>
  <c r="AE16349" i="1"/>
  <c r="AE16350" i="1"/>
  <c r="AE16351" i="1"/>
  <c r="AE16352" i="1"/>
  <c r="AE16353" i="1"/>
  <c r="AE16354" i="1"/>
  <c r="AE16355" i="1"/>
  <c r="AE16356" i="1"/>
  <c r="AE16357" i="1"/>
  <c r="AE16358" i="1"/>
  <c r="AE16359" i="1"/>
  <c r="AE16360" i="1"/>
  <c r="AE16361" i="1"/>
  <c r="AE16362" i="1"/>
  <c r="AE16363" i="1"/>
  <c r="AE16364" i="1"/>
  <c r="AE16365" i="1"/>
  <c r="AE16366" i="1"/>
  <c r="AE16367" i="1"/>
  <c r="AE16368" i="1"/>
  <c r="AE16369" i="1"/>
  <c r="AE16370" i="1"/>
  <c r="AE16371" i="1"/>
  <c r="AE16372" i="1"/>
  <c r="AE16373" i="1"/>
  <c r="AE16374" i="1"/>
  <c r="AE16375" i="1"/>
  <c r="AE16376" i="1"/>
  <c r="AE16377" i="1"/>
  <c r="AE16378" i="1"/>
  <c r="AE16379" i="1"/>
  <c r="AE16380" i="1"/>
  <c r="AE16381" i="1"/>
  <c r="AE16382" i="1"/>
  <c r="AE16383" i="1"/>
  <c r="AE16384" i="1"/>
  <c r="AE16385" i="1"/>
  <c r="AE16386" i="1"/>
  <c r="AE16387" i="1"/>
  <c r="AE16388" i="1"/>
  <c r="AE16389" i="1"/>
  <c r="AE16390" i="1"/>
  <c r="AE16391" i="1"/>
  <c r="AE16392" i="1"/>
  <c r="AE16393" i="1"/>
  <c r="AE16394" i="1"/>
  <c r="AE16395" i="1"/>
  <c r="AE16396" i="1"/>
  <c r="AE16397" i="1"/>
  <c r="AE16398" i="1"/>
  <c r="AE16399" i="1"/>
  <c r="AE16400" i="1"/>
  <c r="AE16401" i="1"/>
  <c r="AE16402" i="1"/>
  <c r="AE16403" i="1"/>
  <c r="AE16404" i="1"/>
  <c r="AE16405" i="1"/>
  <c r="AE16406" i="1"/>
  <c r="AE16407" i="1"/>
  <c r="AE16408" i="1"/>
  <c r="AE16409" i="1"/>
  <c r="AE16410" i="1"/>
  <c r="AE16411" i="1"/>
  <c r="AE16412" i="1"/>
  <c r="AE16413" i="1"/>
  <c r="AE16414" i="1"/>
  <c r="AE16415" i="1"/>
  <c r="AE16416" i="1"/>
  <c r="AE16417" i="1"/>
  <c r="AE16418" i="1"/>
  <c r="AE16419" i="1"/>
  <c r="AE16420" i="1"/>
  <c r="AE16421" i="1"/>
  <c r="AE16422" i="1"/>
  <c r="AE16423" i="1"/>
  <c r="AE16424" i="1"/>
  <c r="AE16425" i="1"/>
  <c r="AE16426" i="1"/>
  <c r="AE16427" i="1"/>
  <c r="AE16428" i="1"/>
  <c r="AE16429" i="1"/>
  <c r="AE16430" i="1"/>
  <c r="AE16431" i="1"/>
  <c r="AE16432" i="1"/>
  <c r="AE16433" i="1"/>
  <c r="AE16434" i="1"/>
  <c r="AE16435" i="1"/>
  <c r="AE16436" i="1"/>
  <c r="AE16437" i="1"/>
  <c r="AE16438" i="1"/>
  <c r="AE16439" i="1"/>
  <c r="AE16440" i="1"/>
  <c r="AE16441" i="1"/>
  <c r="AE16442" i="1"/>
  <c r="AE16443" i="1"/>
  <c r="AE16444" i="1"/>
  <c r="AE16445" i="1"/>
  <c r="AE16446" i="1"/>
  <c r="AE16447" i="1"/>
  <c r="AE16448" i="1"/>
  <c r="AE16449" i="1"/>
  <c r="AE16450" i="1"/>
  <c r="AE16451" i="1"/>
  <c r="AE16452" i="1"/>
  <c r="AE16453" i="1"/>
  <c r="AE16454" i="1"/>
  <c r="AE16455" i="1"/>
  <c r="AE16456" i="1"/>
  <c r="AE16457" i="1"/>
  <c r="AE16458" i="1"/>
  <c r="AE16459" i="1"/>
  <c r="AE16460" i="1"/>
  <c r="AE16461" i="1"/>
  <c r="AE16462" i="1"/>
  <c r="AE16463" i="1"/>
  <c r="AE16464" i="1"/>
  <c r="AE16465" i="1"/>
  <c r="AE16466" i="1"/>
  <c r="AE16467" i="1"/>
  <c r="AE16468" i="1"/>
  <c r="AE16469" i="1"/>
  <c r="AE16470" i="1"/>
  <c r="AE16471" i="1"/>
  <c r="AE16472" i="1"/>
  <c r="AE16473" i="1"/>
  <c r="AE16474" i="1"/>
  <c r="AE16475" i="1"/>
  <c r="AE16476" i="1"/>
  <c r="AE16477" i="1"/>
  <c r="AE16478" i="1"/>
  <c r="AE16479" i="1"/>
  <c r="AE16480" i="1"/>
  <c r="AE16481" i="1"/>
  <c r="AE16482" i="1"/>
  <c r="AE16483" i="1"/>
  <c r="AE16484" i="1"/>
  <c r="AE16485" i="1"/>
  <c r="AE16486" i="1"/>
  <c r="AE16487" i="1"/>
  <c r="AE16488" i="1"/>
  <c r="AE16489" i="1"/>
  <c r="AE16490" i="1"/>
  <c r="AE16491" i="1"/>
  <c r="AE16492" i="1"/>
  <c r="AE16493" i="1"/>
  <c r="AE16494" i="1"/>
  <c r="AE16495" i="1"/>
  <c r="AE16496" i="1"/>
  <c r="AE16497" i="1"/>
  <c r="AE16498" i="1"/>
  <c r="AE16499" i="1"/>
  <c r="AE16500" i="1"/>
  <c r="AE16501" i="1"/>
  <c r="AE16502" i="1"/>
  <c r="AE16503" i="1"/>
  <c r="AE16504" i="1"/>
  <c r="AE16505" i="1"/>
  <c r="AE16506" i="1"/>
  <c r="AE16507" i="1"/>
  <c r="AE16508" i="1"/>
  <c r="AE16509" i="1"/>
  <c r="AE16510" i="1"/>
  <c r="AE16511" i="1"/>
  <c r="AE16512" i="1"/>
  <c r="AE16513" i="1"/>
  <c r="AE16514" i="1"/>
  <c r="AE16515" i="1"/>
  <c r="AE16516" i="1"/>
  <c r="AE16517" i="1"/>
  <c r="AE16518" i="1"/>
  <c r="AE16519" i="1"/>
  <c r="AE16520" i="1"/>
  <c r="AE16521" i="1"/>
  <c r="AE16522" i="1"/>
  <c r="AE16523" i="1"/>
  <c r="AE16524" i="1"/>
  <c r="AE16525" i="1"/>
  <c r="AE16526" i="1"/>
  <c r="AE16527" i="1"/>
  <c r="AE16528" i="1"/>
  <c r="AE16529" i="1"/>
  <c r="AE16530" i="1"/>
  <c r="AE16531" i="1"/>
  <c r="AE16532" i="1"/>
  <c r="AE16533" i="1"/>
  <c r="AE16534" i="1"/>
  <c r="AE16535" i="1"/>
  <c r="AE16536" i="1"/>
  <c r="AE16537" i="1"/>
  <c r="AE16538" i="1"/>
  <c r="AE16539" i="1"/>
  <c r="AE16540" i="1"/>
  <c r="AE16541" i="1"/>
  <c r="AE16542" i="1"/>
  <c r="AE16543" i="1"/>
  <c r="AE16544" i="1"/>
  <c r="AE16545" i="1"/>
  <c r="AE16546" i="1"/>
  <c r="AE16547" i="1"/>
  <c r="AE16548" i="1"/>
  <c r="AE16549" i="1"/>
  <c r="AE16550" i="1"/>
  <c r="AE16551" i="1"/>
  <c r="AE16552" i="1"/>
  <c r="AE16553" i="1"/>
  <c r="AE16554" i="1"/>
  <c r="AE16555" i="1"/>
  <c r="AE16556" i="1"/>
  <c r="AE16557" i="1"/>
  <c r="AE16558" i="1"/>
  <c r="AE16559" i="1"/>
  <c r="AE16560" i="1"/>
  <c r="AE16561" i="1"/>
  <c r="AE16562" i="1"/>
  <c r="AE16563" i="1"/>
  <c r="AE16564" i="1"/>
  <c r="AE16565" i="1"/>
  <c r="AE16566" i="1"/>
  <c r="AE16567" i="1"/>
  <c r="AE16568" i="1"/>
  <c r="AE16569" i="1"/>
  <c r="AE16570" i="1"/>
  <c r="AE16571" i="1"/>
  <c r="AE16572" i="1"/>
  <c r="AE16573" i="1"/>
  <c r="AE16574" i="1"/>
  <c r="AE16575" i="1"/>
  <c r="AE16576" i="1"/>
  <c r="AE16577" i="1"/>
  <c r="AE16578" i="1"/>
  <c r="AE16579" i="1"/>
  <c r="AE16580" i="1"/>
  <c r="AE16581" i="1"/>
  <c r="AE16582" i="1"/>
  <c r="AE16583" i="1"/>
  <c r="AE16584" i="1"/>
  <c r="AE16585" i="1"/>
  <c r="AE16586" i="1"/>
  <c r="AE16587" i="1"/>
  <c r="AE16588" i="1"/>
  <c r="AE16589" i="1"/>
  <c r="AE16590" i="1"/>
  <c r="AE16591" i="1"/>
  <c r="AE16592" i="1"/>
  <c r="AE16593" i="1"/>
  <c r="AE16594" i="1"/>
  <c r="AE16595" i="1"/>
  <c r="AE16596" i="1"/>
  <c r="AE16597" i="1"/>
  <c r="AE16598" i="1"/>
  <c r="AE16599" i="1"/>
  <c r="AE16600" i="1"/>
  <c r="AE16601" i="1"/>
  <c r="AE16602" i="1"/>
  <c r="AE16603" i="1"/>
  <c r="AE16604" i="1"/>
  <c r="AE16605" i="1"/>
  <c r="AE16606" i="1"/>
  <c r="AE16607" i="1"/>
  <c r="AE16608" i="1"/>
  <c r="AE16609" i="1"/>
  <c r="AE16610" i="1"/>
  <c r="AE16611" i="1"/>
  <c r="AE16612" i="1"/>
  <c r="AE16613" i="1"/>
  <c r="AE16614" i="1"/>
  <c r="AE16615" i="1"/>
  <c r="AE16616" i="1"/>
  <c r="AE16617" i="1"/>
  <c r="AE16618" i="1"/>
  <c r="AE16619" i="1"/>
  <c r="AE16620" i="1"/>
  <c r="AE16621" i="1"/>
  <c r="AE16622" i="1"/>
  <c r="AE16623" i="1"/>
  <c r="AE16624" i="1"/>
  <c r="AE16625" i="1"/>
  <c r="AE16626" i="1"/>
  <c r="AE16627" i="1"/>
  <c r="AE16628" i="1"/>
  <c r="AE16629" i="1"/>
  <c r="AE16630" i="1"/>
  <c r="AE16631" i="1"/>
  <c r="AE16632" i="1"/>
  <c r="AE16633" i="1"/>
  <c r="AE16634" i="1"/>
  <c r="AE16635" i="1"/>
  <c r="AE16636" i="1"/>
  <c r="AE16637" i="1"/>
  <c r="AE16638" i="1"/>
  <c r="AE16639" i="1"/>
  <c r="AE16640" i="1"/>
  <c r="AE16641" i="1"/>
  <c r="AE16642" i="1"/>
  <c r="AE16643" i="1"/>
  <c r="AE16644" i="1"/>
  <c r="AE16645" i="1"/>
  <c r="AE16646" i="1"/>
  <c r="AE16647" i="1"/>
  <c r="AE16648" i="1"/>
  <c r="AE16649" i="1"/>
  <c r="AE16650" i="1"/>
  <c r="AE16651" i="1"/>
  <c r="AE16652" i="1"/>
  <c r="AE16653" i="1"/>
  <c r="AE16654" i="1"/>
  <c r="AE16655" i="1"/>
  <c r="AE16656" i="1"/>
  <c r="AE16657" i="1"/>
  <c r="AE16658" i="1"/>
  <c r="AE16659" i="1"/>
  <c r="AE16660" i="1"/>
  <c r="AE16661" i="1"/>
  <c r="AE16662" i="1"/>
  <c r="AE16663" i="1"/>
  <c r="AE16664" i="1"/>
  <c r="AE16665" i="1"/>
  <c r="AE16666" i="1"/>
  <c r="AE16667" i="1"/>
  <c r="AE16668" i="1"/>
  <c r="AE16669" i="1"/>
  <c r="AE16670" i="1"/>
  <c r="AE16671" i="1"/>
  <c r="AE16672" i="1"/>
  <c r="AE16673" i="1"/>
  <c r="AE16674" i="1"/>
  <c r="AE16675" i="1"/>
  <c r="AE16676" i="1"/>
  <c r="AE16677" i="1"/>
  <c r="AE16678" i="1"/>
  <c r="AE16679" i="1"/>
  <c r="AE16680" i="1"/>
  <c r="AE16681" i="1"/>
  <c r="AE16682" i="1"/>
  <c r="AE16683" i="1"/>
  <c r="AE16684" i="1"/>
  <c r="AE16685" i="1"/>
  <c r="AE16686" i="1"/>
  <c r="AE16687" i="1"/>
  <c r="AE16688" i="1"/>
  <c r="AE16689" i="1"/>
  <c r="AE16690" i="1"/>
  <c r="AE16691" i="1"/>
  <c r="AE16692" i="1"/>
  <c r="AE16693" i="1"/>
  <c r="AE16694" i="1"/>
  <c r="AE16695" i="1"/>
  <c r="AE16696" i="1"/>
  <c r="AE16697" i="1"/>
  <c r="AE16698" i="1"/>
  <c r="AE16699" i="1"/>
  <c r="AE16700" i="1"/>
  <c r="AE16701" i="1"/>
  <c r="AE16702" i="1"/>
  <c r="AE16703" i="1"/>
  <c r="AE16704" i="1"/>
  <c r="AE16705" i="1"/>
  <c r="AE16706" i="1"/>
  <c r="AE16707" i="1"/>
  <c r="AE16708" i="1"/>
  <c r="AE16709" i="1"/>
  <c r="AE16710" i="1"/>
  <c r="AE16711" i="1"/>
  <c r="AE16712" i="1"/>
  <c r="AE16713" i="1"/>
  <c r="AE16714" i="1"/>
  <c r="AE16715" i="1"/>
  <c r="AE16716" i="1"/>
  <c r="AE16717" i="1"/>
  <c r="AE16718" i="1"/>
  <c r="AE16719" i="1"/>
  <c r="AE16720" i="1"/>
  <c r="AE16721" i="1"/>
  <c r="AE16722" i="1"/>
  <c r="AE16723" i="1"/>
  <c r="AE16724" i="1"/>
  <c r="AE16725" i="1"/>
  <c r="AE16726" i="1"/>
  <c r="AE16727" i="1"/>
  <c r="AE16728" i="1"/>
  <c r="AE16729" i="1"/>
  <c r="AE16730" i="1"/>
  <c r="AE16731" i="1"/>
  <c r="AE16732" i="1"/>
  <c r="AE16733" i="1"/>
  <c r="AE16734" i="1"/>
  <c r="AE16735" i="1"/>
  <c r="AE16736" i="1"/>
  <c r="AE16737" i="1"/>
  <c r="AE16738" i="1"/>
  <c r="AE16739" i="1"/>
  <c r="AE16740" i="1"/>
  <c r="AE16741" i="1"/>
  <c r="AE16742" i="1"/>
  <c r="AE16743" i="1"/>
  <c r="AE16744" i="1"/>
  <c r="AE16745" i="1"/>
  <c r="AE16746" i="1"/>
  <c r="AE16747" i="1"/>
  <c r="AE16748" i="1"/>
  <c r="AE16749" i="1"/>
  <c r="AE16750" i="1"/>
  <c r="AE16751" i="1"/>
  <c r="AE16752" i="1"/>
  <c r="AE16753" i="1"/>
  <c r="AE16754" i="1"/>
  <c r="AE16755" i="1"/>
  <c r="AE16756" i="1"/>
  <c r="AE16757" i="1"/>
  <c r="AE16758" i="1"/>
  <c r="AE16759" i="1"/>
  <c r="AE16760" i="1"/>
  <c r="AE16761" i="1"/>
  <c r="AE16762" i="1"/>
  <c r="AE16763" i="1"/>
  <c r="AE16764" i="1"/>
  <c r="AE16765" i="1"/>
  <c r="AE16766" i="1"/>
  <c r="AE16767" i="1"/>
  <c r="AE16768" i="1"/>
  <c r="AE16769" i="1"/>
  <c r="AE16770" i="1"/>
  <c r="AE16771" i="1"/>
  <c r="AE16772" i="1"/>
  <c r="AE16773" i="1"/>
  <c r="AE16774" i="1"/>
  <c r="AE16775" i="1"/>
  <c r="AE16776" i="1"/>
  <c r="AE16777" i="1"/>
  <c r="AE16778" i="1"/>
  <c r="AE16779" i="1"/>
  <c r="AE16780" i="1"/>
  <c r="AE16781" i="1"/>
  <c r="AE16782" i="1"/>
  <c r="AE16783" i="1"/>
  <c r="AE16784" i="1"/>
  <c r="AE16785" i="1"/>
  <c r="AE16786" i="1"/>
  <c r="AE16787" i="1"/>
  <c r="AE16788" i="1"/>
  <c r="AE16789" i="1"/>
  <c r="AE16790" i="1"/>
  <c r="AE16791" i="1"/>
  <c r="AE16792" i="1"/>
  <c r="AE16793" i="1"/>
  <c r="AE16794" i="1"/>
  <c r="AE16795" i="1"/>
  <c r="AE16796" i="1"/>
  <c r="AE16797" i="1"/>
  <c r="AE16798" i="1"/>
  <c r="AE16799" i="1"/>
  <c r="AE16800" i="1"/>
  <c r="AE16801" i="1"/>
  <c r="AE16802" i="1"/>
  <c r="AE16803" i="1"/>
  <c r="AE16804" i="1"/>
  <c r="AE16805" i="1"/>
  <c r="AE16806" i="1"/>
  <c r="AE16807" i="1"/>
  <c r="AE16808" i="1"/>
  <c r="AE16809" i="1"/>
  <c r="AE16810" i="1"/>
  <c r="AE16811" i="1"/>
  <c r="AE16812" i="1"/>
  <c r="AE16813" i="1"/>
  <c r="AE16814" i="1"/>
  <c r="AE16815" i="1"/>
  <c r="AE16816" i="1"/>
  <c r="AE16817" i="1"/>
  <c r="AE16818" i="1"/>
  <c r="AE16819" i="1"/>
  <c r="AE16820" i="1"/>
  <c r="AE16821" i="1"/>
  <c r="AE16822" i="1"/>
  <c r="AE16823" i="1"/>
  <c r="AE16824" i="1"/>
  <c r="AE16825" i="1"/>
  <c r="AE16826" i="1"/>
  <c r="AE16827" i="1"/>
  <c r="AE16828" i="1"/>
  <c r="AE16829" i="1"/>
  <c r="AE16830" i="1"/>
  <c r="AE16831" i="1"/>
  <c r="AE16832" i="1"/>
  <c r="AE16833" i="1"/>
  <c r="AE16834" i="1"/>
  <c r="AE16835" i="1"/>
  <c r="AE16836" i="1"/>
  <c r="AE16837" i="1"/>
  <c r="AE16838" i="1"/>
  <c r="AE16839" i="1"/>
  <c r="AE16840" i="1"/>
  <c r="AE16841" i="1"/>
  <c r="AE16842" i="1"/>
  <c r="AE16843" i="1"/>
  <c r="AE16844" i="1"/>
  <c r="AE16845" i="1"/>
  <c r="AE16846" i="1"/>
  <c r="AE16847" i="1"/>
  <c r="AE16848" i="1"/>
  <c r="AE16849" i="1"/>
  <c r="AE16850" i="1"/>
  <c r="AE16851" i="1"/>
  <c r="AE16852" i="1"/>
  <c r="AE16853" i="1"/>
  <c r="AE16854" i="1"/>
  <c r="AE16855" i="1"/>
  <c r="AE16856" i="1"/>
  <c r="AE16857" i="1"/>
  <c r="AE16858" i="1"/>
  <c r="AE16859" i="1"/>
  <c r="AE16860" i="1"/>
  <c r="AE16861" i="1"/>
  <c r="AE16862" i="1"/>
  <c r="AE16863" i="1"/>
  <c r="AE16864" i="1"/>
  <c r="AE16865" i="1"/>
  <c r="AE16866" i="1"/>
  <c r="AE16867" i="1"/>
  <c r="AE16868" i="1"/>
  <c r="AE16869" i="1"/>
  <c r="AE16870" i="1"/>
  <c r="AE16871" i="1"/>
  <c r="AE16872" i="1"/>
  <c r="AE16873" i="1"/>
  <c r="AE16874" i="1"/>
  <c r="AE16875" i="1"/>
  <c r="AE16876" i="1"/>
  <c r="AE16877" i="1"/>
  <c r="AE16878" i="1"/>
  <c r="AE16879" i="1"/>
  <c r="AE16880" i="1"/>
  <c r="AE16881" i="1"/>
  <c r="AE16882" i="1"/>
  <c r="AE16883" i="1"/>
  <c r="AE16884" i="1"/>
  <c r="AE16885" i="1"/>
  <c r="AE16886" i="1"/>
  <c r="AE16887" i="1"/>
  <c r="AE16888" i="1"/>
  <c r="AE16889" i="1"/>
  <c r="AE16890" i="1"/>
  <c r="AE16891" i="1"/>
  <c r="AE16892" i="1"/>
  <c r="AE16893" i="1"/>
  <c r="AE16894" i="1"/>
  <c r="AE16895" i="1"/>
  <c r="AE16896" i="1"/>
  <c r="AE16897" i="1"/>
  <c r="AE16898" i="1"/>
  <c r="AE16899" i="1"/>
  <c r="AE16900" i="1"/>
  <c r="AE16901" i="1"/>
  <c r="AE16902" i="1"/>
  <c r="AE16903" i="1"/>
  <c r="AE16904" i="1"/>
  <c r="AE16905" i="1"/>
  <c r="AE16906" i="1"/>
  <c r="AE16907" i="1"/>
  <c r="AE16908" i="1"/>
  <c r="AE16909" i="1"/>
  <c r="AE16910" i="1"/>
  <c r="AE16911" i="1"/>
  <c r="AE16912" i="1"/>
  <c r="AE16913" i="1"/>
  <c r="AE16914" i="1"/>
  <c r="AE16915" i="1"/>
  <c r="AE16916" i="1"/>
  <c r="AE16917" i="1"/>
  <c r="AE16918" i="1"/>
  <c r="AE16919" i="1"/>
  <c r="AE16920" i="1"/>
  <c r="AE16921" i="1"/>
  <c r="AE16922" i="1"/>
  <c r="AE16923" i="1"/>
  <c r="AE16924" i="1"/>
  <c r="AE16925" i="1"/>
  <c r="AE16926" i="1"/>
  <c r="AE16927" i="1"/>
  <c r="AE16928" i="1"/>
  <c r="AE16929" i="1"/>
  <c r="AE16930" i="1"/>
  <c r="AE16931" i="1"/>
  <c r="AE16932" i="1"/>
  <c r="AE16933" i="1"/>
  <c r="AE16934" i="1"/>
  <c r="AE16935" i="1"/>
  <c r="AE16936" i="1"/>
  <c r="AE16937" i="1"/>
  <c r="AE16938" i="1"/>
  <c r="AE16939" i="1"/>
  <c r="AE16940" i="1"/>
  <c r="AE16941" i="1"/>
  <c r="AE16942" i="1"/>
  <c r="AE16943" i="1"/>
  <c r="AE16944" i="1"/>
  <c r="AE16945" i="1"/>
  <c r="AE16946" i="1"/>
  <c r="AE16947" i="1"/>
  <c r="AE16948" i="1"/>
  <c r="AE16949" i="1"/>
  <c r="AE16950" i="1"/>
  <c r="AE16951" i="1"/>
  <c r="AE16952" i="1"/>
  <c r="AE16953" i="1"/>
  <c r="AE16954" i="1"/>
  <c r="AE16955" i="1"/>
  <c r="AE16956" i="1"/>
  <c r="AE16957" i="1"/>
  <c r="AE16958" i="1"/>
  <c r="AE16959" i="1"/>
  <c r="AE16960" i="1"/>
  <c r="AE16961" i="1"/>
  <c r="AE16962" i="1"/>
  <c r="AE16963" i="1"/>
  <c r="AE16964" i="1"/>
  <c r="AE16965" i="1"/>
  <c r="AE16966" i="1"/>
  <c r="AE16967" i="1"/>
  <c r="AE16968" i="1"/>
  <c r="AE16969" i="1"/>
  <c r="AE16970" i="1"/>
  <c r="AE16971" i="1"/>
  <c r="AE16972" i="1"/>
  <c r="AE16973" i="1"/>
  <c r="AE16974" i="1"/>
  <c r="AE16975" i="1"/>
  <c r="AE16976" i="1"/>
  <c r="AE16977" i="1"/>
  <c r="AE16978" i="1"/>
  <c r="AE16979" i="1"/>
  <c r="AE16980" i="1"/>
  <c r="AE16981" i="1"/>
  <c r="AE16982" i="1"/>
  <c r="AE16983" i="1"/>
  <c r="AE16984" i="1"/>
  <c r="AE16985" i="1"/>
  <c r="AE16986" i="1"/>
  <c r="AE16987" i="1"/>
  <c r="AE16988" i="1"/>
  <c r="AE16989" i="1"/>
  <c r="AE16990" i="1"/>
  <c r="AE16991" i="1"/>
  <c r="AE16992" i="1"/>
  <c r="AE16993" i="1"/>
  <c r="AE16994" i="1"/>
  <c r="AE16995" i="1"/>
  <c r="AE16996" i="1"/>
  <c r="AE16997" i="1"/>
  <c r="AE16998" i="1"/>
  <c r="AE16999" i="1"/>
  <c r="AE17000" i="1"/>
  <c r="AE17001" i="1"/>
  <c r="AE17002" i="1"/>
  <c r="AE17003" i="1"/>
  <c r="AE17004" i="1"/>
  <c r="AE17005" i="1"/>
  <c r="AE17006" i="1"/>
  <c r="AE17007" i="1"/>
  <c r="AE17008" i="1"/>
  <c r="AE17009" i="1"/>
  <c r="AE17010" i="1"/>
  <c r="AE17011" i="1"/>
  <c r="AE17012" i="1"/>
  <c r="AE17013" i="1"/>
  <c r="AE17014" i="1"/>
  <c r="AE17015" i="1"/>
  <c r="AE17016" i="1"/>
  <c r="AE17017" i="1"/>
  <c r="AE17018" i="1"/>
  <c r="AE17019" i="1"/>
  <c r="AE17020" i="1"/>
  <c r="AE17021" i="1"/>
  <c r="AE17022" i="1"/>
  <c r="AE17023" i="1"/>
  <c r="AE17024" i="1"/>
  <c r="AE17025" i="1"/>
  <c r="AE17026" i="1"/>
  <c r="AE17027" i="1"/>
  <c r="AE17028" i="1"/>
  <c r="AE17029" i="1"/>
  <c r="AE17030" i="1"/>
  <c r="AE17031" i="1"/>
  <c r="AE17032" i="1"/>
  <c r="AE17033" i="1"/>
  <c r="AE17034" i="1"/>
  <c r="AE17035" i="1"/>
  <c r="AE17036" i="1"/>
  <c r="AE17037" i="1"/>
  <c r="AE17038" i="1"/>
  <c r="AE17039" i="1"/>
  <c r="AE17040" i="1"/>
  <c r="AE17041" i="1"/>
  <c r="AE17042" i="1"/>
  <c r="AE17043" i="1"/>
  <c r="AE17044" i="1"/>
  <c r="AE17045" i="1"/>
  <c r="AE17046" i="1"/>
  <c r="AE17047" i="1"/>
  <c r="AE17048" i="1"/>
  <c r="AE17049" i="1"/>
  <c r="AE17050" i="1"/>
  <c r="AE17051" i="1"/>
  <c r="AE17052" i="1"/>
  <c r="AE17053" i="1"/>
  <c r="AE17054" i="1"/>
  <c r="AE17055" i="1"/>
  <c r="AE17056" i="1"/>
  <c r="AE17057" i="1"/>
  <c r="AE17058" i="1"/>
  <c r="AE17059" i="1"/>
  <c r="AE17060" i="1"/>
  <c r="AE17061" i="1"/>
  <c r="AE17062" i="1"/>
  <c r="AE17063" i="1"/>
  <c r="AE17064" i="1"/>
  <c r="AE17065" i="1"/>
  <c r="AE17066" i="1"/>
  <c r="AE17067" i="1"/>
  <c r="AE17068" i="1"/>
  <c r="AE17069" i="1"/>
  <c r="AE17070" i="1"/>
  <c r="AE17071" i="1"/>
  <c r="AE17072" i="1"/>
  <c r="AE17073" i="1"/>
  <c r="AE17074" i="1"/>
  <c r="AE17075" i="1"/>
  <c r="AE17076" i="1"/>
  <c r="AE17077" i="1"/>
  <c r="AE17078" i="1"/>
  <c r="AE17079" i="1"/>
  <c r="AE17080" i="1"/>
  <c r="AE17081" i="1"/>
  <c r="AE17082" i="1"/>
  <c r="AE17083" i="1"/>
  <c r="AE17084" i="1"/>
  <c r="AE17085" i="1"/>
  <c r="AE17086" i="1"/>
  <c r="AE17087" i="1"/>
  <c r="AE17088" i="1"/>
  <c r="AE17089" i="1"/>
  <c r="AE17090" i="1"/>
  <c r="AE17091" i="1"/>
  <c r="AE17092" i="1"/>
  <c r="AE17093" i="1"/>
  <c r="AE17094" i="1"/>
  <c r="AE17095" i="1"/>
  <c r="AE17096" i="1"/>
  <c r="AE17097" i="1"/>
  <c r="AE17098" i="1"/>
  <c r="AE17099" i="1"/>
  <c r="AE17100" i="1"/>
  <c r="AE17101" i="1"/>
  <c r="AE17102" i="1"/>
  <c r="AE17103" i="1"/>
  <c r="AE17104" i="1"/>
  <c r="AE17105" i="1"/>
  <c r="AE17106" i="1"/>
  <c r="AE17107" i="1"/>
  <c r="AE17108" i="1"/>
  <c r="AE17109" i="1"/>
  <c r="AE17110" i="1"/>
  <c r="AE17111" i="1"/>
  <c r="AE17112" i="1"/>
  <c r="AE17113" i="1"/>
  <c r="AE17114" i="1"/>
  <c r="AE17115" i="1"/>
  <c r="AE17116" i="1"/>
  <c r="AE17117" i="1"/>
  <c r="AE17118" i="1"/>
  <c r="AE17119" i="1"/>
  <c r="AE17120" i="1"/>
  <c r="AE17121" i="1"/>
  <c r="AE17122" i="1"/>
  <c r="AE17123" i="1"/>
  <c r="AE17124" i="1"/>
  <c r="AE17125" i="1"/>
  <c r="AE17126" i="1"/>
  <c r="AE17127" i="1"/>
  <c r="AE17128" i="1"/>
  <c r="AE17129" i="1"/>
  <c r="AE17130" i="1"/>
  <c r="AE17131" i="1"/>
  <c r="AE17132" i="1"/>
  <c r="AE17133" i="1"/>
  <c r="AE17134" i="1"/>
  <c r="AE17135" i="1"/>
  <c r="AE17136" i="1"/>
  <c r="AE17137" i="1"/>
  <c r="AE17138" i="1"/>
  <c r="AE17139" i="1"/>
  <c r="AE17140" i="1"/>
  <c r="AE17141" i="1"/>
  <c r="AE17142" i="1"/>
  <c r="AE17143" i="1"/>
  <c r="AE17144" i="1"/>
  <c r="AE17145" i="1"/>
  <c r="AE17146" i="1"/>
  <c r="AE17147" i="1"/>
  <c r="AE17148" i="1"/>
  <c r="AE17149" i="1"/>
  <c r="AE17150" i="1"/>
  <c r="AE17151" i="1"/>
  <c r="AE17152" i="1"/>
  <c r="AE17153" i="1"/>
  <c r="AE17154" i="1"/>
  <c r="AE17155" i="1"/>
  <c r="AE17156" i="1"/>
  <c r="AE17157" i="1"/>
  <c r="AE17158" i="1"/>
  <c r="AE17159" i="1"/>
  <c r="AE17160" i="1"/>
  <c r="AE17161" i="1"/>
  <c r="AE17162" i="1"/>
  <c r="AE17163" i="1"/>
  <c r="AE17164" i="1"/>
  <c r="AE17165" i="1"/>
  <c r="AE17166" i="1"/>
  <c r="AE17167" i="1"/>
  <c r="AE17168" i="1"/>
  <c r="AE17169" i="1"/>
  <c r="AE17170" i="1"/>
  <c r="AE17171" i="1"/>
  <c r="AE17172" i="1"/>
  <c r="AE17173" i="1"/>
  <c r="AE17174" i="1"/>
  <c r="AE17175" i="1"/>
  <c r="AE17176" i="1"/>
  <c r="AE17177" i="1"/>
  <c r="AE17178" i="1"/>
  <c r="AE17179" i="1"/>
  <c r="AE17180" i="1"/>
  <c r="AE17181" i="1"/>
  <c r="AE17182" i="1"/>
  <c r="AE17183" i="1"/>
  <c r="AE17184" i="1"/>
  <c r="AE17185" i="1"/>
  <c r="AE17186" i="1"/>
  <c r="AE17187" i="1"/>
  <c r="AE17188" i="1"/>
  <c r="AE17189" i="1"/>
  <c r="AE17190" i="1"/>
  <c r="AE17191" i="1"/>
  <c r="AE17192" i="1"/>
  <c r="AE17193" i="1"/>
  <c r="AE17194" i="1"/>
  <c r="AE17195" i="1"/>
  <c r="AE17196" i="1"/>
  <c r="AE17197" i="1"/>
  <c r="AE17198" i="1"/>
  <c r="AE17199" i="1"/>
  <c r="AE17200" i="1"/>
  <c r="AE17201" i="1"/>
  <c r="AE17202" i="1"/>
  <c r="AE17203" i="1"/>
  <c r="AE17204" i="1"/>
  <c r="AE17205" i="1"/>
  <c r="AE17206" i="1"/>
  <c r="AE17207" i="1"/>
  <c r="AE17208" i="1"/>
  <c r="AE17209" i="1"/>
  <c r="AE17210" i="1"/>
  <c r="AE17211" i="1"/>
  <c r="AE17212" i="1"/>
  <c r="AE17213" i="1"/>
  <c r="AE17214" i="1"/>
  <c r="AE17215" i="1"/>
  <c r="AE17216" i="1"/>
  <c r="AE17217" i="1"/>
  <c r="AE17218" i="1"/>
  <c r="AE17219" i="1"/>
  <c r="AE17220" i="1"/>
  <c r="AE17221" i="1"/>
  <c r="AE17222" i="1"/>
  <c r="AE17223" i="1"/>
  <c r="AE17224" i="1"/>
  <c r="AE17225" i="1"/>
  <c r="AE17226" i="1"/>
  <c r="AE17227" i="1"/>
  <c r="AE17228" i="1"/>
  <c r="AE17229" i="1"/>
  <c r="AE17230" i="1"/>
  <c r="AE17231" i="1"/>
  <c r="AE17232" i="1"/>
  <c r="AE17233" i="1"/>
  <c r="AE17234" i="1"/>
  <c r="AE17235" i="1"/>
  <c r="AE17236" i="1"/>
  <c r="AE17237" i="1"/>
  <c r="AE17238" i="1"/>
  <c r="AE17239" i="1"/>
  <c r="AE17240" i="1"/>
  <c r="AE17241" i="1"/>
  <c r="AE17242" i="1"/>
  <c r="AE17243" i="1"/>
  <c r="AE17244" i="1"/>
  <c r="AE17245" i="1"/>
  <c r="AE17246" i="1"/>
  <c r="AE17247" i="1"/>
  <c r="AE17248" i="1"/>
  <c r="AE17249" i="1"/>
  <c r="AE17250" i="1"/>
  <c r="AE17251" i="1"/>
  <c r="AE17252" i="1"/>
  <c r="AE17253" i="1"/>
  <c r="AE17254" i="1"/>
  <c r="AE17255" i="1"/>
  <c r="AE17256" i="1"/>
  <c r="AE17257" i="1"/>
  <c r="AE17258" i="1"/>
  <c r="AE17259" i="1"/>
  <c r="AE17260" i="1"/>
  <c r="AE17261" i="1"/>
  <c r="AE17262" i="1"/>
  <c r="AE17263" i="1"/>
  <c r="AE17264" i="1"/>
  <c r="AE17265" i="1"/>
  <c r="AE17266" i="1"/>
  <c r="AE17267" i="1"/>
  <c r="AE17268" i="1"/>
  <c r="AE17269" i="1"/>
  <c r="AE17270" i="1"/>
  <c r="AE17271" i="1"/>
  <c r="AE17272" i="1"/>
  <c r="AE17273" i="1"/>
  <c r="AE17274" i="1"/>
  <c r="AE17275" i="1"/>
  <c r="AE17276" i="1"/>
  <c r="AE17277" i="1"/>
  <c r="AE17278" i="1"/>
  <c r="AE17279" i="1"/>
  <c r="AE17280" i="1"/>
  <c r="AE17281" i="1"/>
  <c r="AE17282" i="1"/>
  <c r="AE17283" i="1"/>
  <c r="AE17284" i="1"/>
  <c r="AE17285" i="1"/>
  <c r="AE17286" i="1"/>
  <c r="AE17287" i="1"/>
  <c r="AE17288" i="1"/>
  <c r="AE17289" i="1"/>
  <c r="AE17290" i="1"/>
  <c r="AE17291" i="1"/>
  <c r="AE17292" i="1"/>
  <c r="AE17293" i="1"/>
  <c r="AE17294" i="1"/>
  <c r="AE17295" i="1"/>
  <c r="AE17296" i="1"/>
  <c r="AE17297" i="1"/>
  <c r="AE17298" i="1"/>
  <c r="AE17299" i="1"/>
  <c r="AE17300" i="1"/>
  <c r="AE17301" i="1"/>
  <c r="AE17302" i="1"/>
  <c r="AE17303" i="1"/>
  <c r="AE17304" i="1"/>
  <c r="AE17305" i="1"/>
  <c r="AE17306" i="1"/>
  <c r="AE17307" i="1"/>
  <c r="AE17308" i="1"/>
  <c r="AE17309" i="1"/>
  <c r="AE17310" i="1"/>
  <c r="AE17311" i="1"/>
  <c r="AE17312" i="1"/>
  <c r="AE17313" i="1"/>
  <c r="AE17314" i="1"/>
  <c r="AE17315" i="1"/>
  <c r="AE17316" i="1"/>
  <c r="AE17317" i="1"/>
  <c r="AE17318" i="1"/>
  <c r="AE17319" i="1"/>
  <c r="AE17320" i="1"/>
  <c r="AE17321" i="1"/>
  <c r="AE17322" i="1"/>
  <c r="AE17323" i="1"/>
  <c r="AE17324" i="1"/>
  <c r="AE17325" i="1"/>
  <c r="AE17326" i="1"/>
  <c r="AE17327" i="1"/>
  <c r="AE17328" i="1"/>
  <c r="AE17329" i="1"/>
  <c r="AE17330" i="1"/>
  <c r="AE17331" i="1"/>
  <c r="AE17332" i="1"/>
  <c r="AE17333" i="1"/>
  <c r="AE17334" i="1"/>
  <c r="AE17335" i="1"/>
  <c r="AE17336" i="1"/>
  <c r="AE17337" i="1"/>
  <c r="AE17338" i="1"/>
  <c r="AE17339" i="1"/>
  <c r="AE17340" i="1"/>
  <c r="AE17341" i="1"/>
  <c r="AE17342" i="1"/>
  <c r="AE17343" i="1"/>
  <c r="AE17344" i="1"/>
  <c r="AE17345" i="1"/>
  <c r="AE17346" i="1"/>
  <c r="AE17347" i="1"/>
  <c r="AE17348" i="1"/>
  <c r="AE17349" i="1"/>
  <c r="AE17350" i="1"/>
  <c r="AE17351" i="1"/>
  <c r="AE17352" i="1"/>
  <c r="AE17353" i="1"/>
  <c r="AE17354" i="1"/>
  <c r="AE17355" i="1"/>
  <c r="AE17356" i="1"/>
  <c r="AE17357" i="1"/>
  <c r="AE17358" i="1"/>
  <c r="AE17359" i="1"/>
  <c r="AE17360" i="1"/>
  <c r="AE17361" i="1"/>
  <c r="AE17362" i="1"/>
  <c r="AE17363" i="1"/>
  <c r="AE17364" i="1"/>
  <c r="AE17365" i="1"/>
  <c r="AE17366" i="1"/>
  <c r="AE17367" i="1"/>
  <c r="AE17368" i="1"/>
  <c r="AE17369" i="1"/>
  <c r="AE17370" i="1"/>
  <c r="AE17371" i="1"/>
  <c r="AE17372" i="1"/>
  <c r="AE17373" i="1"/>
  <c r="AE17374" i="1"/>
  <c r="AE17375" i="1"/>
  <c r="AE17376" i="1"/>
  <c r="AE17377" i="1"/>
  <c r="AE17378" i="1"/>
  <c r="AE17379" i="1"/>
  <c r="AE17380" i="1"/>
  <c r="AE17381" i="1"/>
  <c r="AE17382" i="1"/>
  <c r="AE17383" i="1"/>
  <c r="AE17384" i="1"/>
  <c r="AE17385" i="1"/>
  <c r="AE17386" i="1"/>
  <c r="AE17387" i="1"/>
  <c r="AE17388" i="1"/>
  <c r="AE17389" i="1"/>
  <c r="AE17390" i="1"/>
  <c r="AE17391" i="1"/>
  <c r="AE17392" i="1"/>
  <c r="AE17393" i="1"/>
  <c r="AE17394" i="1"/>
  <c r="AE17395" i="1"/>
  <c r="AE17396" i="1"/>
  <c r="AE17397" i="1"/>
  <c r="AE17398" i="1"/>
  <c r="AE17399" i="1"/>
  <c r="AE17400" i="1"/>
  <c r="AE17401" i="1"/>
  <c r="AE17402" i="1"/>
  <c r="AE17403" i="1"/>
  <c r="AE17404" i="1"/>
  <c r="AE17405" i="1"/>
  <c r="AE17406" i="1"/>
  <c r="AE17407" i="1"/>
  <c r="AE17408" i="1"/>
  <c r="AE17409" i="1"/>
  <c r="AE17410" i="1"/>
  <c r="AE17411" i="1"/>
  <c r="AE17412" i="1"/>
  <c r="AE17413" i="1"/>
  <c r="AE17414" i="1"/>
  <c r="AE17415" i="1"/>
  <c r="AE17416" i="1"/>
  <c r="AE17417" i="1"/>
  <c r="AE17418" i="1"/>
  <c r="AE17419" i="1"/>
  <c r="AE17420" i="1"/>
  <c r="AE17421" i="1"/>
  <c r="AE17422" i="1"/>
  <c r="AE17423" i="1"/>
  <c r="AE17424" i="1"/>
  <c r="AE17425" i="1"/>
  <c r="AE17426" i="1"/>
  <c r="AE17427" i="1"/>
  <c r="AE17428" i="1"/>
  <c r="AE17429" i="1"/>
  <c r="AE17430" i="1"/>
  <c r="AE17431" i="1"/>
  <c r="AE17432" i="1"/>
  <c r="AE17433" i="1"/>
  <c r="AE17434" i="1"/>
  <c r="AE17435" i="1"/>
  <c r="AE17436" i="1"/>
  <c r="AE17437" i="1"/>
  <c r="AE17438" i="1"/>
  <c r="AE17439" i="1"/>
  <c r="AE17440" i="1"/>
  <c r="AE17441" i="1"/>
  <c r="AE17442" i="1"/>
  <c r="AE17443" i="1"/>
  <c r="AE17444" i="1"/>
  <c r="AE17445" i="1"/>
  <c r="AE17446" i="1"/>
  <c r="AE17447" i="1"/>
  <c r="AE17448" i="1"/>
  <c r="AE17449" i="1"/>
  <c r="AE17450" i="1"/>
  <c r="AE17451" i="1"/>
  <c r="AE17452" i="1"/>
  <c r="AE17453" i="1"/>
  <c r="AE17454" i="1"/>
  <c r="AE17455" i="1"/>
  <c r="AE17456" i="1"/>
  <c r="AE17457" i="1"/>
  <c r="AE17458" i="1"/>
  <c r="AE17459" i="1"/>
  <c r="AE17460" i="1"/>
  <c r="AE17461" i="1"/>
  <c r="AE17462" i="1"/>
  <c r="AE17463" i="1"/>
  <c r="AE17464" i="1"/>
  <c r="AE17465" i="1"/>
  <c r="AE17466" i="1"/>
  <c r="AE17467" i="1"/>
  <c r="AE17468" i="1"/>
  <c r="AE17469" i="1"/>
  <c r="AE17470" i="1"/>
  <c r="AE17471" i="1"/>
  <c r="AE17472" i="1"/>
  <c r="AE17473" i="1"/>
  <c r="AE17474" i="1"/>
  <c r="AE17475" i="1"/>
  <c r="AE17476" i="1"/>
  <c r="AE17477" i="1"/>
  <c r="AE17478" i="1"/>
  <c r="AE17479" i="1"/>
  <c r="AE17480" i="1"/>
  <c r="AE17481" i="1"/>
  <c r="AE17482" i="1"/>
  <c r="AE17483" i="1"/>
  <c r="AE17484" i="1"/>
  <c r="AE17485" i="1"/>
  <c r="AE17486" i="1"/>
  <c r="AE17487" i="1"/>
  <c r="AE17488" i="1"/>
  <c r="AE17489" i="1"/>
  <c r="AE17490" i="1"/>
  <c r="AE17491" i="1"/>
  <c r="AE17492" i="1"/>
  <c r="AE17493" i="1"/>
  <c r="AE17494" i="1"/>
  <c r="AE17495" i="1"/>
  <c r="AE17496" i="1"/>
  <c r="AE17497" i="1"/>
  <c r="AE17498" i="1"/>
  <c r="AE17499" i="1"/>
  <c r="AE17500" i="1"/>
  <c r="AE17501" i="1"/>
  <c r="AE17502" i="1"/>
  <c r="AE17503" i="1"/>
  <c r="AE17504" i="1"/>
  <c r="AE17505" i="1"/>
  <c r="AE17506" i="1"/>
  <c r="AE17507" i="1"/>
  <c r="AE17508" i="1"/>
  <c r="AE17509" i="1"/>
  <c r="AE17510" i="1"/>
  <c r="AE17511" i="1"/>
  <c r="AE17512" i="1"/>
  <c r="AE17513" i="1"/>
  <c r="AE17514" i="1"/>
  <c r="AE17515" i="1"/>
  <c r="AE17516" i="1"/>
  <c r="AE17517" i="1"/>
  <c r="AE17518" i="1"/>
  <c r="AE17519" i="1"/>
  <c r="AE17520" i="1"/>
  <c r="AE17521" i="1"/>
  <c r="AE17522" i="1"/>
  <c r="AE17523" i="1"/>
  <c r="AE17524" i="1"/>
  <c r="AE17525" i="1"/>
  <c r="AE17526" i="1"/>
  <c r="AE17527" i="1"/>
  <c r="AE17528" i="1"/>
  <c r="AE17529" i="1"/>
  <c r="AE17530" i="1"/>
  <c r="AE17531" i="1"/>
  <c r="AE17532" i="1"/>
  <c r="AE17533" i="1"/>
  <c r="AE17534" i="1"/>
  <c r="AE17535" i="1"/>
  <c r="AE17536" i="1"/>
  <c r="AE17537" i="1"/>
  <c r="AE17538" i="1"/>
  <c r="AE17539" i="1"/>
  <c r="AE17540" i="1"/>
  <c r="AE17541" i="1"/>
  <c r="AE17542" i="1"/>
  <c r="AE17543" i="1"/>
  <c r="AE17544" i="1"/>
  <c r="AE17545" i="1"/>
  <c r="AE17546" i="1"/>
  <c r="AE17547" i="1"/>
  <c r="AE17548" i="1"/>
  <c r="AE17549" i="1"/>
  <c r="AE17550" i="1"/>
  <c r="AE17551" i="1"/>
  <c r="AE17552" i="1"/>
  <c r="AE17553" i="1"/>
  <c r="AE17554" i="1"/>
  <c r="AE17555" i="1"/>
  <c r="AE17556" i="1"/>
  <c r="AE17557" i="1"/>
  <c r="AE17558" i="1"/>
  <c r="AE17559" i="1"/>
  <c r="AE17560" i="1"/>
  <c r="AE17561" i="1"/>
  <c r="AE17562" i="1"/>
  <c r="AE17563" i="1"/>
  <c r="AE17564" i="1"/>
  <c r="AE17565" i="1"/>
  <c r="AE17566" i="1"/>
  <c r="AE17567" i="1"/>
  <c r="AE17568" i="1"/>
  <c r="AE17569" i="1"/>
  <c r="AE17570" i="1"/>
  <c r="AE17571" i="1"/>
  <c r="AE17572" i="1"/>
  <c r="AE17573" i="1"/>
  <c r="AE17574" i="1"/>
  <c r="AE17575" i="1"/>
  <c r="AE17576" i="1"/>
  <c r="AE17577" i="1"/>
  <c r="AE17578" i="1"/>
  <c r="AE17579" i="1"/>
  <c r="AE17580" i="1"/>
  <c r="AE17581" i="1"/>
  <c r="AE17582" i="1"/>
  <c r="AE17583" i="1"/>
  <c r="AE17584" i="1"/>
  <c r="AE17585" i="1"/>
  <c r="AE17586" i="1"/>
  <c r="AE17587" i="1"/>
  <c r="AE17588" i="1"/>
  <c r="AE17589" i="1"/>
  <c r="AE17590" i="1"/>
  <c r="AE17591" i="1"/>
  <c r="AE17592" i="1"/>
  <c r="AE17593" i="1"/>
  <c r="AE17594" i="1"/>
  <c r="AE17595" i="1"/>
  <c r="AE17596" i="1"/>
  <c r="AE17597" i="1"/>
  <c r="AE17598" i="1"/>
  <c r="AE17599" i="1"/>
  <c r="AE17600" i="1"/>
  <c r="AE17601" i="1"/>
  <c r="AE17602" i="1"/>
  <c r="AE17603" i="1"/>
  <c r="AE17604" i="1"/>
  <c r="AE17605" i="1"/>
  <c r="AE17606" i="1"/>
  <c r="AE17607" i="1"/>
  <c r="AE17608" i="1"/>
  <c r="AE17609" i="1"/>
  <c r="AE17610" i="1"/>
  <c r="AE17611" i="1"/>
  <c r="AE17612" i="1"/>
  <c r="AE17613" i="1"/>
  <c r="AE17614" i="1"/>
  <c r="AE17615" i="1"/>
  <c r="AE17616" i="1"/>
  <c r="AE17617" i="1"/>
  <c r="AE17618" i="1"/>
  <c r="AE17619" i="1"/>
  <c r="AE17620" i="1"/>
  <c r="AE17621" i="1"/>
  <c r="AE17622" i="1"/>
  <c r="AE17623" i="1"/>
  <c r="AE17624" i="1"/>
  <c r="AE17625" i="1"/>
  <c r="AE17626" i="1"/>
  <c r="AE17627" i="1"/>
  <c r="AE17628" i="1"/>
  <c r="AE17629" i="1"/>
  <c r="AE17630" i="1"/>
  <c r="AE17631" i="1"/>
  <c r="AE17632" i="1"/>
  <c r="AE17633" i="1"/>
  <c r="AE17634" i="1"/>
  <c r="AE17635" i="1"/>
  <c r="AE17636" i="1"/>
  <c r="AE17637" i="1"/>
  <c r="AE17638" i="1"/>
  <c r="AE17639" i="1"/>
  <c r="AE17640" i="1"/>
  <c r="AE17641" i="1"/>
  <c r="AE17642" i="1"/>
  <c r="AE17643" i="1"/>
  <c r="AE17644" i="1"/>
  <c r="AE17645" i="1"/>
  <c r="AE17646" i="1"/>
  <c r="AE17647" i="1"/>
  <c r="AE17648" i="1"/>
  <c r="AE17649" i="1"/>
  <c r="AE17650" i="1"/>
  <c r="AE17651" i="1"/>
  <c r="AE17652" i="1"/>
  <c r="AE17653" i="1"/>
  <c r="AE17654" i="1"/>
  <c r="AE17655" i="1"/>
  <c r="AE17656" i="1"/>
  <c r="AE17657" i="1"/>
  <c r="AE17658" i="1"/>
  <c r="AE17659" i="1"/>
  <c r="AE17660" i="1"/>
  <c r="AE17661" i="1"/>
  <c r="AE17662" i="1"/>
  <c r="AE17663" i="1"/>
  <c r="AE17664" i="1"/>
  <c r="AE17665" i="1"/>
  <c r="AE17666" i="1"/>
  <c r="AE17667" i="1"/>
  <c r="AE17668" i="1"/>
  <c r="AE17669" i="1"/>
  <c r="AE17670" i="1"/>
  <c r="AE17671" i="1"/>
  <c r="AE17672" i="1"/>
  <c r="AE17673" i="1"/>
  <c r="AE17674" i="1"/>
  <c r="AE17675" i="1"/>
  <c r="AE17676" i="1"/>
  <c r="AE17677" i="1"/>
  <c r="AE17678" i="1"/>
  <c r="AE17679" i="1"/>
  <c r="AE17680" i="1"/>
  <c r="AE17681" i="1"/>
  <c r="AE17682" i="1"/>
  <c r="AE17683" i="1"/>
  <c r="AE17684" i="1"/>
  <c r="AE17685" i="1"/>
  <c r="AE17686" i="1"/>
  <c r="AE17687" i="1"/>
  <c r="AE17688" i="1"/>
  <c r="AE17689" i="1"/>
  <c r="AE17690" i="1"/>
  <c r="AE17691" i="1"/>
  <c r="AE17692" i="1"/>
  <c r="AE17693" i="1"/>
  <c r="AE17694" i="1"/>
  <c r="AE17695" i="1"/>
  <c r="AE17696" i="1"/>
  <c r="AE17697" i="1"/>
  <c r="AE17698" i="1"/>
  <c r="AE17699" i="1"/>
  <c r="AE17700" i="1"/>
  <c r="AE17701" i="1"/>
  <c r="AE17702" i="1"/>
  <c r="AE17703" i="1"/>
  <c r="AE17704" i="1"/>
  <c r="AE17705" i="1"/>
  <c r="AE17706" i="1"/>
  <c r="AE17707" i="1"/>
  <c r="AE17708" i="1"/>
  <c r="AE17709" i="1"/>
  <c r="AE17710" i="1"/>
  <c r="AE17711" i="1"/>
  <c r="AE17712" i="1"/>
  <c r="AE17713" i="1"/>
  <c r="AE17714" i="1"/>
  <c r="AE17715" i="1"/>
  <c r="AE17716" i="1"/>
  <c r="AE17717" i="1"/>
  <c r="AE17718" i="1"/>
  <c r="AE17719" i="1"/>
  <c r="AE17720" i="1"/>
  <c r="AE17721" i="1"/>
  <c r="AE17722" i="1"/>
  <c r="AE17723" i="1"/>
  <c r="AE17724" i="1"/>
  <c r="AE17725" i="1"/>
  <c r="AE17726" i="1"/>
  <c r="AE17727" i="1"/>
  <c r="AE17728" i="1"/>
  <c r="AE17729" i="1"/>
  <c r="AE17730" i="1"/>
  <c r="AE17731" i="1"/>
  <c r="AE17732" i="1"/>
  <c r="AE17733" i="1"/>
  <c r="AE17734" i="1"/>
  <c r="AE17735" i="1"/>
  <c r="AE17736" i="1"/>
  <c r="AE17737" i="1"/>
  <c r="AE17738" i="1"/>
  <c r="AE17739" i="1"/>
  <c r="AE17740" i="1"/>
  <c r="AE17741" i="1"/>
  <c r="AE17742" i="1"/>
  <c r="AE17743" i="1"/>
  <c r="AE17744" i="1"/>
  <c r="AE17745" i="1"/>
  <c r="AE17746" i="1"/>
  <c r="AE17747" i="1"/>
  <c r="AE17748" i="1"/>
  <c r="AE17749" i="1"/>
  <c r="AE17750" i="1"/>
  <c r="AE17751" i="1"/>
  <c r="AE17752" i="1"/>
  <c r="AE17753" i="1"/>
  <c r="AE17754" i="1"/>
  <c r="AE17755" i="1"/>
  <c r="AE17756" i="1"/>
  <c r="AE17757" i="1"/>
  <c r="AE17758" i="1"/>
  <c r="AE17759" i="1"/>
  <c r="AE17760" i="1"/>
  <c r="AE17761" i="1"/>
  <c r="AE17762" i="1"/>
  <c r="AE17763" i="1"/>
  <c r="AE17764" i="1"/>
  <c r="AE17765" i="1"/>
  <c r="AE17766" i="1"/>
  <c r="AE17767" i="1"/>
  <c r="AE17768" i="1"/>
  <c r="AE17769" i="1"/>
  <c r="AE17770" i="1"/>
  <c r="AE17771" i="1"/>
  <c r="AE17772" i="1"/>
  <c r="AE17773" i="1"/>
  <c r="AE17774" i="1"/>
  <c r="AE17775" i="1"/>
  <c r="AE17776" i="1"/>
  <c r="AE17777" i="1"/>
  <c r="AE17778" i="1"/>
  <c r="AE17779" i="1"/>
  <c r="AE17780" i="1"/>
  <c r="AE17781" i="1"/>
  <c r="AE17782" i="1"/>
  <c r="AE17783" i="1"/>
  <c r="AE17784" i="1"/>
  <c r="AE17785" i="1"/>
  <c r="AE17786" i="1"/>
  <c r="AE17787" i="1"/>
  <c r="AE17788" i="1"/>
  <c r="AE17789" i="1"/>
  <c r="AE17790" i="1"/>
  <c r="AE17791" i="1"/>
  <c r="AE17792" i="1"/>
  <c r="AE17793" i="1"/>
  <c r="AE17794" i="1"/>
  <c r="AE17795" i="1"/>
  <c r="AE17796" i="1"/>
  <c r="AE17797" i="1"/>
  <c r="AE17798" i="1"/>
  <c r="AE17799" i="1"/>
  <c r="AE17800" i="1"/>
  <c r="AE17801" i="1"/>
  <c r="AE17802" i="1"/>
  <c r="AE17803" i="1"/>
  <c r="AE17804" i="1"/>
  <c r="AE17805" i="1"/>
  <c r="AE17806" i="1"/>
  <c r="AE17807" i="1"/>
  <c r="AE17808" i="1"/>
  <c r="AE17809" i="1"/>
  <c r="AE17810" i="1"/>
  <c r="AE17811" i="1"/>
  <c r="AE17812" i="1"/>
  <c r="AE17813" i="1"/>
  <c r="AE17814" i="1"/>
  <c r="AE17815" i="1"/>
  <c r="AE17816" i="1"/>
  <c r="AE17817" i="1"/>
  <c r="AE17818" i="1"/>
  <c r="AE17819" i="1"/>
  <c r="AE17820" i="1"/>
  <c r="AE17821" i="1"/>
  <c r="AE17822" i="1"/>
  <c r="AE17823" i="1"/>
  <c r="AE17824" i="1"/>
  <c r="AE17825" i="1"/>
  <c r="AE17826" i="1"/>
  <c r="AE17827" i="1"/>
  <c r="AE17828" i="1"/>
  <c r="AE17829" i="1"/>
  <c r="AE17830" i="1"/>
  <c r="AE17831" i="1"/>
  <c r="AE17832" i="1"/>
  <c r="AE17833" i="1"/>
  <c r="AE17834" i="1"/>
  <c r="AE17835" i="1"/>
  <c r="AE17836" i="1"/>
  <c r="AE17837" i="1"/>
  <c r="AE17838" i="1"/>
  <c r="AE17839" i="1"/>
  <c r="AE17840" i="1"/>
  <c r="AE17841" i="1"/>
  <c r="AE17842" i="1"/>
  <c r="AE17843" i="1"/>
  <c r="AE17844" i="1"/>
  <c r="AE17845" i="1"/>
  <c r="AE17846" i="1"/>
  <c r="AE17847" i="1"/>
  <c r="AE17848" i="1"/>
  <c r="AE17849" i="1"/>
  <c r="AE17850" i="1"/>
  <c r="AE17851" i="1"/>
  <c r="AE17852" i="1"/>
  <c r="AE17853" i="1"/>
  <c r="AE17854" i="1"/>
  <c r="AE17855" i="1"/>
  <c r="AE17856" i="1"/>
  <c r="AE17857" i="1"/>
  <c r="AE17858" i="1"/>
  <c r="AE17859" i="1"/>
  <c r="AE17860" i="1"/>
  <c r="AE17861" i="1"/>
  <c r="AE17862" i="1"/>
  <c r="AE17863" i="1"/>
  <c r="AE17864" i="1"/>
  <c r="AE17865" i="1"/>
  <c r="AE17866" i="1"/>
  <c r="AE17867" i="1"/>
  <c r="AE17868" i="1"/>
  <c r="AE17869" i="1"/>
  <c r="AE17870" i="1"/>
  <c r="AE17871" i="1"/>
  <c r="AE17872" i="1"/>
  <c r="AE17873" i="1"/>
  <c r="AE17874" i="1"/>
  <c r="AE17875" i="1"/>
  <c r="AE17876" i="1"/>
  <c r="AE17877" i="1"/>
  <c r="AE17878" i="1"/>
  <c r="AE17879" i="1"/>
  <c r="AE17880" i="1"/>
  <c r="AE17881" i="1"/>
  <c r="AE17882" i="1"/>
  <c r="AE17883" i="1"/>
  <c r="AE17884" i="1"/>
  <c r="AE17885" i="1"/>
  <c r="AE17886" i="1"/>
  <c r="AE17887" i="1"/>
  <c r="AE17888" i="1"/>
  <c r="AE17889" i="1"/>
  <c r="AE17890" i="1"/>
  <c r="AE17891" i="1"/>
  <c r="AE17892" i="1"/>
  <c r="AE17893" i="1"/>
  <c r="AE17894" i="1"/>
  <c r="AE17895" i="1"/>
  <c r="AE17896" i="1"/>
  <c r="AE17897" i="1"/>
  <c r="AE17898" i="1"/>
  <c r="AE17899" i="1"/>
  <c r="AE17900" i="1"/>
  <c r="AE17901" i="1"/>
  <c r="AE17902" i="1"/>
  <c r="AE17903" i="1"/>
  <c r="AE17904" i="1"/>
  <c r="AE17905" i="1"/>
  <c r="AE17906" i="1"/>
  <c r="AE17907" i="1"/>
  <c r="AE17908" i="1"/>
  <c r="AE17909" i="1"/>
  <c r="AE17910" i="1"/>
  <c r="AE17911" i="1"/>
  <c r="AE17912" i="1"/>
  <c r="AE17913" i="1"/>
  <c r="AE17914" i="1"/>
  <c r="AE17915" i="1"/>
  <c r="AE17916" i="1"/>
  <c r="AE17917" i="1"/>
  <c r="AE17918" i="1"/>
  <c r="AE17919" i="1"/>
  <c r="AE17920" i="1"/>
  <c r="AE17921" i="1"/>
  <c r="AE17922" i="1"/>
  <c r="AE17923" i="1"/>
  <c r="AE17924" i="1"/>
  <c r="AE17925" i="1"/>
  <c r="AE17926" i="1"/>
  <c r="AE17927" i="1"/>
  <c r="AE17928" i="1"/>
  <c r="AE17929" i="1"/>
  <c r="AE17930" i="1"/>
  <c r="AE17931" i="1"/>
  <c r="AE17932" i="1"/>
  <c r="AE17933" i="1"/>
  <c r="AE17934" i="1"/>
  <c r="AE17935" i="1"/>
  <c r="AE17936" i="1"/>
  <c r="AE17937" i="1"/>
  <c r="AE17938" i="1"/>
  <c r="AE17939" i="1"/>
  <c r="AE17940" i="1"/>
  <c r="AE17941" i="1"/>
  <c r="AE17942" i="1"/>
  <c r="AE17943" i="1"/>
  <c r="AE17944" i="1"/>
  <c r="AE17945" i="1"/>
  <c r="AE17946" i="1"/>
  <c r="AE17947" i="1"/>
  <c r="AE17948" i="1"/>
  <c r="AE17949" i="1"/>
  <c r="AE17950" i="1"/>
  <c r="AE17951" i="1"/>
  <c r="AE17952" i="1"/>
  <c r="AE17953" i="1"/>
  <c r="AE17954" i="1"/>
  <c r="AE17955" i="1"/>
  <c r="AE17956" i="1"/>
  <c r="AE17957" i="1"/>
  <c r="AE17958" i="1"/>
  <c r="AE17959" i="1"/>
  <c r="AE17960" i="1"/>
  <c r="AE17961" i="1"/>
  <c r="AE17962" i="1"/>
  <c r="AE17963" i="1"/>
  <c r="AE17964" i="1"/>
  <c r="AE17965" i="1"/>
  <c r="AE17966" i="1"/>
  <c r="AE17967" i="1"/>
  <c r="AE17968" i="1"/>
  <c r="AE17969" i="1"/>
  <c r="AE17970" i="1"/>
  <c r="AE17971" i="1"/>
  <c r="AE17972" i="1"/>
  <c r="AE17973" i="1"/>
  <c r="AE17974" i="1"/>
  <c r="AE17975" i="1"/>
  <c r="AE17976" i="1"/>
  <c r="AE17977" i="1"/>
  <c r="AE17978" i="1"/>
  <c r="AE17979" i="1"/>
  <c r="AE17980" i="1"/>
  <c r="AE17981" i="1"/>
  <c r="AE17982" i="1"/>
  <c r="AE17983" i="1"/>
  <c r="AE17984" i="1"/>
  <c r="AE17985" i="1"/>
  <c r="AE17986" i="1"/>
  <c r="AE17987" i="1"/>
  <c r="AE17988" i="1"/>
  <c r="AE17989" i="1"/>
  <c r="AE17990" i="1"/>
  <c r="AE17991" i="1"/>
  <c r="AE17992" i="1"/>
  <c r="AE17993" i="1"/>
  <c r="AE17994" i="1"/>
  <c r="AE17995" i="1"/>
  <c r="AE17996" i="1"/>
  <c r="AE17997" i="1"/>
  <c r="AE17998" i="1"/>
  <c r="AE17999" i="1"/>
  <c r="AE18000" i="1"/>
  <c r="AE18001" i="1"/>
  <c r="AE18002" i="1"/>
  <c r="AE18003" i="1"/>
  <c r="AE18004" i="1"/>
  <c r="AE18005" i="1"/>
  <c r="AE18006" i="1"/>
  <c r="AE18007" i="1"/>
  <c r="AE18008" i="1"/>
  <c r="AE18009" i="1"/>
  <c r="AE18010" i="1"/>
  <c r="AE18011" i="1"/>
  <c r="AE18012" i="1"/>
  <c r="AE18013" i="1"/>
  <c r="AE18014" i="1"/>
  <c r="AE18015" i="1"/>
  <c r="AE18016" i="1"/>
  <c r="AE18017" i="1"/>
  <c r="AE18018" i="1"/>
  <c r="AE18019" i="1"/>
  <c r="AE18020" i="1"/>
  <c r="AE18021" i="1"/>
  <c r="AE18022" i="1"/>
  <c r="AE18023" i="1"/>
  <c r="AE18024" i="1"/>
  <c r="AE18025" i="1"/>
  <c r="AE18026" i="1"/>
  <c r="AE18027" i="1"/>
  <c r="AE18028" i="1"/>
  <c r="AE18029" i="1"/>
  <c r="AE18030" i="1"/>
  <c r="AE18031" i="1"/>
  <c r="AE18032" i="1"/>
  <c r="AE18033" i="1"/>
  <c r="AE18034" i="1"/>
  <c r="AE18035" i="1"/>
  <c r="AE18036" i="1"/>
  <c r="AE18037" i="1"/>
  <c r="AE18038" i="1"/>
  <c r="AE18039" i="1"/>
  <c r="AE18040" i="1"/>
  <c r="AE18041" i="1"/>
  <c r="AE18042" i="1"/>
  <c r="AE18043" i="1"/>
  <c r="AE18044" i="1"/>
  <c r="AE18045" i="1"/>
  <c r="AE18046" i="1"/>
  <c r="AE18047" i="1"/>
  <c r="AE18048" i="1"/>
  <c r="AE18049" i="1"/>
  <c r="AE18050" i="1"/>
  <c r="AE18051" i="1"/>
  <c r="AE18052" i="1"/>
  <c r="AE18053" i="1"/>
  <c r="AE18054" i="1"/>
  <c r="AE18055" i="1"/>
  <c r="AE18056" i="1"/>
  <c r="AE18057" i="1"/>
  <c r="AE18058" i="1"/>
  <c r="AE18059" i="1"/>
  <c r="AE18060" i="1"/>
  <c r="AE18061" i="1"/>
  <c r="AE18062" i="1"/>
  <c r="AE18063" i="1"/>
  <c r="AE18064" i="1"/>
  <c r="AE18065" i="1"/>
  <c r="AE18066" i="1"/>
  <c r="AE18067" i="1"/>
  <c r="AE18068" i="1"/>
  <c r="AE18069" i="1"/>
  <c r="AE18070" i="1"/>
  <c r="AE18071" i="1"/>
  <c r="AE18072" i="1"/>
  <c r="AE18073" i="1"/>
  <c r="AE18074" i="1"/>
  <c r="AE18075" i="1"/>
  <c r="AE18076" i="1"/>
  <c r="AE18077" i="1"/>
  <c r="AE18078" i="1"/>
  <c r="AE18079" i="1"/>
  <c r="AE18080" i="1"/>
  <c r="AE18081" i="1"/>
  <c r="AE18082" i="1"/>
  <c r="AE18083" i="1"/>
  <c r="AE18084" i="1"/>
  <c r="AE18085" i="1"/>
  <c r="AE18086" i="1"/>
  <c r="AE18087" i="1"/>
  <c r="AE18088" i="1"/>
  <c r="AE18089" i="1"/>
  <c r="AE18090" i="1"/>
  <c r="AE18091" i="1"/>
  <c r="AE18092" i="1"/>
  <c r="AE18093" i="1"/>
  <c r="AE18094" i="1"/>
  <c r="AE18095" i="1"/>
  <c r="AE18096" i="1"/>
  <c r="AE18097" i="1"/>
  <c r="AE18098" i="1"/>
  <c r="AE18099" i="1"/>
  <c r="AE18100" i="1"/>
  <c r="AE18101" i="1"/>
  <c r="AE18102" i="1"/>
  <c r="AE18103" i="1"/>
  <c r="AE18104" i="1"/>
  <c r="AE18105" i="1"/>
  <c r="AE18106" i="1"/>
  <c r="AE18107" i="1"/>
  <c r="AE18108" i="1"/>
  <c r="AE18109" i="1"/>
  <c r="AE18110" i="1"/>
  <c r="AE18111" i="1"/>
  <c r="AE18112" i="1"/>
  <c r="AE18113" i="1"/>
  <c r="AE18114" i="1"/>
  <c r="AE18115" i="1"/>
  <c r="AE18116" i="1"/>
  <c r="AE18117" i="1"/>
  <c r="AE18118" i="1"/>
  <c r="AE18119" i="1"/>
  <c r="AE18120" i="1"/>
  <c r="AE18121" i="1"/>
  <c r="AE18122" i="1"/>
  <c r="AE18123" i="1"/>
  <c r="AE18124" i="1"/>
  <c r="AE18125" i="1"/>
  <c r="AE18126" i="1"/>
  <c r="AE18127" i="1"/>
  <c r="AE18128" i="1"/>
  <c r="AE18129" i="1"/>
  <c r="AE18130" i="1"/>
  <c r="AE18131" i="1"/>
  <c r="AE18132" i="1"/>
  <c r="AE18133" i="1"/>
  <c r="AE18134" i="1"/>
  <c r="AE18135" i="1"/>
  <c r="AE18136" i="1"/>
  <c r="AE18137" i="1"/>
  <c r="AE18138" i="1"/>
  <c r="AE18139" i="1"/>
  <c r="AE18140" i="1"/>
  <c r="AE18141" i="1"/>
  <c r="AE18142" i="1"/>
  <c r="AE18143" i="1"/>
  <c r="AE18144" i="1"/>
  <c r="AE18145" i="1"/>
  <c r="AE18146" i="1"/>
  <c r="AE18147" i="1"/>
  <c r="AE18148" i="1"/>
  <c r="AE18149" i="1"/>
  <c r="AE18150" i="1"/>
  <c r="AE18151" i="1"/>
  <c r="AE18152" i="1"/>
  <c r="AE18153" i="1"/>
  <c r="AE18154" i="1"/>
  <c r="AE18155" i="1"/>
  <c r="AE18156" i="1"/>
  <c r="AE18157" i="1"/>
  <c r="AE18158" i="1"/>
  <c r="AE18159" i="1"/>
  <c r="AE18160" i="1"/>
  <c r="AE18161" i="1"/>
  <c r="AE18162" i="1"/>
  <c r="AE18163" i="1"/>
  <c r="AE18164" i="1"/>
  <c r="AE18165" i="1"/>
  <c r="AE18166" i="1"/>
  <c r="AE18167" i="1"/>
  <c r="AE18168" i="1"/>
  <c r="AE18169" i="1"/>
  <c r="AE18170" i="1"/>
  <c r="AE18171" i="1"/>
  <c r="AE18172" i="1"/>
  <c r="AE18173" i="1"/>
  <c r="AE18174" i="1"/>
  <c r="AE18175" i="1"/>
  <c r="AE18176" i="1"/>
  <c r="AE18177" i="1"/>
  <c r="AE18178" i="1"/>
  <c r="AE18179" i="1"/>
  <c r="AE18180" i="1"/>
  <c r="AE18181" i="1"/>
  <c r="AE18182" i="1"/>
  <c r="AE18183" i="1"/>
  <c r="AE18184" i="1"/>
  <c r="AE18185" i="1"/>
  <c r="AE18186" i="1"/>
  <c r="AE18187" i="1"/>
  <c r="AE18188" i="1"/>
  <c r="AE18189" i="1"/>
  <c r="AE18190" i="1"/>
  <c r="AE18191" i="1"/>
  <c r="AE18192" i="1"/>
  <c r="AE18193" i="1"/>
  <c r="AE18194" i="1"/>
  <c r="AE18195" i="1"/>
  <c r="AE18196" i="1"/>
  <c r="AE18197" i="1"/>
  <c r="AE18198" i="1"/>
  <c r="AE18199" i="1"/>
  <c r="AE18200" i="1"/>
  <c r="AE18201" i="1"/>
  <c r="AE18202" i="1"/>
  <c r="AE18203" i="1"/>
  <c r="AE18204" i="1"/>
  <c r="AE18205" i="1"/>
  <c r="AE18206" i="1"/>
  <c r="AE18207" i="1"/>
  <c r="AE18208" i="1"/>
  <c r="AE18209" i="1"/>
  <c r="AE18210" i="1"/>
  <c r="AE18211" i="1"/>
  <c r="AE18212" i="1"/>
  <c r="AE18213" i="1"/>
  <c r="AE18214" i="1"/>
  <c r="AE18215" i="1"/>
  <c r="AE18216" i="1"/>
  <c r="AE18217" i="1"/>
  <c r="AE18218" i="1"/>
  <c r="AE18219" i="1"/>
  <c r="AE18220" i="1"/>
  <c r="AE18221" i="1"/>
  <c r="AE18222" i="1"/>
  <c r="AE18223" i="1"/>
  <c r="AE18224" i="1"/>
  <c r="AE18225" i="1"/>
  <c r="AE18226" i="1"/>
  <c r="AE18227" i="1"/>
  <c r="AE18228" i="1"/>
  <c r="AE18229" i="1"/>
  <c r="AE18230" i="1"/>
  <c r="AE18231" i="1"/>
  <c r="AE18232" i="1"/>
  <c r="AE18233" i="1"/>
  <c r="AE18234" i="1"/>
  <c r="AE18235" i="1"/>
  <c r="AE18236" i="1"/>
  <c r="AE18237" i="1"/>
  <c r="AE18238" i="1"/>
  <c r="AE18239" i="1"/>
  <c r="AE18240" i="1"/>
  <c r="AE18241" i="1"/>
  <c r="AE18242" i="1"/>
  <c r="AE18243" i="1"/>
  <c r="AE18244" i="1"/>
  <c r="AE18245" i="1"/>
  <c r="AE18246" i="1"/>
  <c r="AE18247" i="1"/>
  <c r="AE18248" i="1"/>
  <c r="AE18249" i="1"/>
  <c r="AE18250" i="1"/>
  <c r="AE18251" i="1"/>
  <c r="AE18252" i="1"/>
  <c r="AE18253" i="1"/>
  <c r="AE18254" i="1"/>
  <c r="AE18255" i="1"/>
  <c r="AE18256" i="1"/>
  <c r="AE18257" i="1"/>
  <c r="AE18258" i="1"/>
  <c r="AE18259" i="1"/>
  <c r="AE18260" i="1"/>
  <c r="AE18261" i="1"/>
  <c r="AE18262" i="1"/>
  <c r="AE18263" i="1"/>
  <c r="AE18264" i="1"/>
  <c r="AE18265" i="1"/>
  <c r="AE18266" i="1"/>
  <c r="AE18267" i="1"/>
  <c r="AE18268" i="1"/>
  <c r="AE18269" i="1"/>
  <c r="AE18270" i="1"/>
  <c r="AE18271" i="1"/>
  <c r="AE18272" i="1"/>
  <c r="AE18273" i="1"/>
  <c r="AE18274" i="1"/>
  <c r="AE18275" i="1"/>
  <c r="AE18276" i="1"/>
  <c r="AE18277" i="1"/>
  <c r="AE18278" i="1"/>
  <c r="AE18279" i="1"/>
  <c r="AE18280" i="1"/>
  <c r="AE18281" i="1"/>
  <c r="AE18282" i="1"/>
  <c r="AE18283" i="1"/>
  <c r="AE18284" i="1"/>
  <c r="AE18285" i="1"/>
  <c r="AE18286" i="1"/>
  <c r="AE18287" i="1"/>
  <c r="AE18288" i="1"/>
  <c r="AE18289" i="1"/>
  <c r="AE18290" i="1"/>
  <c r="AE18291" i="1"/>
  <c r="AE18292" i="1"/>
  <c r="AE18293" i="1"/>
  <c r="AE18294" i="1"/>
  <c r="AE18295" i="1"/>
  <c r="AE18296" i="1"/>
  <c r="AE18297" i="1"/>
  <c r="AE18298" i="1"/>
  <c r="AE18299" i="1"/>
  <c r="AE18300" i="1"/>
  <c r="AE18301" i="1"/>
  <c r="AE18302" i="1"/>
  <c r="AE18303" i="1"/>
  <c r="AE18304" i="1"/>
  <c r="AE18305" i="1"/>
  <c r="AE18306" i="1"/>
  <c r="AE18307" i="1"/>
  <c r="AE18308" i="1"/>
  <c r="AE18309" i="1"/>
  <c r="AE18310" i="1"/>
  <c r="AE18311" i="1"/>
  <c r="AE18312" i="1"/>
  <c r="AE18313" i="1"/>
  <c r="AE18314" i="1"/>
  <c r="AE18315" i="1"/>
  <c r="AE18316" i="1"/>
  <c r="AE18317" i="1"/>
  <c r="AE18318" i="1"/>
  <c r="AE18319" i="1"/>
  <c r="AE18320" i="1"/>
  <c r="AE18321" i="1"/>
  <c r="AE18322" i="1"/>
  <c r="AE18323" i="1"/>
  <c r="AE18324" i="1"/>
  <c r="AE18325" i="1"/>
  <c r="AE18326" i="1"/>
  <c r="AE18327" i="1"/>
  <c r="AE18328" i="1"/>
  <c r="AE18329" i="1"/>
  <c r="AE18330" i="1"/>
  <c r="AE18331" i="1"/>
  <c r="AE18332" i="1"/>
  <c r="AE18333" i="1"/>
  <c r="AE18334" i="1"/>
  <c r="AE18335" i="1"/>
  <c r="AE18336" i="1"/>
  <c r="AE18337" i="1"/>
  <c r="AE18338" i="1"/>
  <c r="AE18339" i="1"/>
  <c r="AE18340" i="1"/>
  <c r="AE18341" i="1"/>
  <c r="AE18342" i="1"/>
  <c r="AE18343" i="1"/>
  <c r="AE18344" i="1"/>
  <c r="AE18345" i="1"/>
  <c r="AE18346" i="1"/>
  <c r="AE18347" i="1"/>
  <c r="AE18348" i="1"/>
  <c r="AE18349" i="1"/>
  <c r="AE18350" i="1"/>
  <c r="AE18351" i="1"/>
  <c r="AE18352" i="1"/>
  <c r="AE18353" i="1"/>
  <c r="AE18354" i="1"/>
  <c r="AE18355" i="1"/>
  <c r="AE18356" i="1"/>
  <c r="AE18357" i="1"/>
  <c r="AE18358" i="1"/>
  <c r="AE18359" i="1"/>
  <c r="AE18360" i="1"/>
  <c r="AE18361" i="1"/>
  <c r="AE18362" i="1"/>
  <c r="AE18363" i="1"/>
  <c r="AE18364" i="1"/>
  <c r="AE18365" i="1"/>
  <c r="AE18366" i="1"/>
  <c r="AE18367" i="1"/>
  <c r="AE18368" i="1"/>
  <c r="AE18369" i="1"/>
  <c r="AE18370" i="1"/>
  <c r="AE18371" i="1"/>
  <c r="AE18372" i="1"/>
  <c r="AE18373" i="1"/>
  <c r="AE18374" i="1"/>
  <c r="AE18375" i="1"/>
  <c r="AE18376" i="1"/>
  <c r="AE18377" i="1"/>
  <c r="AE18378" i="1"/>
  <c r="AE18379" i="1"/>
  <c r="AE18380" i="1"/>
  <c r="AE18381" i="1"/>
  <c r="AE18382" i="1"/>
  <c r="AE18383" i="1"/>
  <c r="AE18384" i="1"/>
  <c r="AE18385" i="1"/>
  <c r="AE18386" i="1"/>
  <c r="AE18387" i="1"/>
  <c r="AE18388" i="1"/>
  <c r="AE18389" i="1"/>
  <c r="AE18390" i="1"/>
  <c r="AE18391" i="1"/>
  <c r="AE18392" i="1"/>
  <c r="AE18393" i="1"/>
  <c r="AE18394" i="1"/>
  <c r="AE18395" i="1"/>
  <c r="AE18396" i="1"/>
  <c r="AE18397" i="1"/>
  <c r="AE18398" i="1"/>
  <c r="AE18399" i="1"/>
  <c r="AE18400" i="1"/>
  <c r="AE18401" i="1"/>
  <c r="AE18402" i="1"/>
  <c r="AE18403" i="1"/>
  <c r="AE18404" i="1"/>
  <c r="AE18405" i="1"/>
  <c r="AE18406" i="1"/>
  <c r="AE18407" i="1"/>
  <c r="AE18408" i="1"/>
  <c r="AE18409" i="1"/>
  <c r="AE18410" i="1"/>
  <c r="AE18411" i="1"/>
  <c r="AE18412" i="1"/>
  <c r="AE18413" i="1"/>
  <c r="AE18414" i="1"/>
  <c r="AE18415" i="1"/>
  <c r="AE18416" i="1"/>
  <c r="AE18417" i="1"/>
  <c r="AE18418" i="1"/>
  <c r="AE18419" i="1"/>
  <c r="AE18420" i="1"/>
  <c r="AE18421" i="1"/>
  <c r="AE18422" i="1"/>
  <c r="AE18423" i="1"/>
  <c r="AE18424" i="1"/>
  <c r="AE18425" i="1"/>
  <c r="AE18426" i="1"/>
  <c r="AE18427" i="1"/>
  <c r="AE18428" i="1"/>
  <c r="AE18429" i="1"/>
  <c r="AE18430" i="1"/>
  <c r="AE18431" i="1"/>
  <c r="AE18432" i="1"/>
  <c r="AE18433" i="1"/>
  <c r="AE18434" i="1"/>
  <c r="AE18435" i="1"/>
  <c r="AE18436" i="1"/>
  <c r="AE18437" i="1"/>
  <c r="AE18438" i="1"/>
  <c r="AE18439" i="1"/>
  <c r="AE18440" i="1"/>
  <c r="AE18441" i="1"/>
  <c r="AE18442" i="1"/>
  <c r="AE18443" i="1"/>
  <c r="AE18444" i="1"/>
  <c r="AE18445" i="1"/>
  <c r="AE18446" i="1"/>
  <c r="AE18447" i="1"/>
  <c r="AE18448" i="1"/>
  <c r="AE18449" i="1"/>
  <c r="AE18450" i="1"/>
  <c r="AE18451" i="1"/>
  <c r="AE18452" i="1"/>
  <c r="AE18453" i="1"/>
  <c r="AE18454" i="1"/>
  <c r="AE18455" i="1"/>
  <c r="AE18456" i="1"/>
  <c r="AE18457" i="1"/>
  <c r="AE18458" i="1"/>
  <c r="AE18459" i="1"/>
  <c r="AE18460" i="1"/>
  <c r="AE18461" i="1"/>
  <c r="AE18462" i="1"/>
  <c r="AE18463" i="1"/>
  <c r="AE18464" i="1"/>
  <c r="AE18465" i="1"/>
  <c r="AE18466" i="1"/>
  <c r="AE18467" i="1"/>
  <c r="AE18468" i="1"/>
  <c r="AE18469" i="1"/>
  <c r="AE18470" i="1"/>
  <c r="AE18471" i="1"/>
  <c r="AE18472" i="1"/>
  <c r="AE18473" i="1"/>
  <c r="AE18474" i="1"/>
  <c r="AE18475" i="1"/>
  <c r="AE18476" i="1"/>
  <c r="AE18477" i="1"/>
  <c r="AE18478" i="1"/>
  <c r="AE18479" i="1"/>
  <c r="AE18480" i="1"/>
  <c r="AE18481" i="1"/>
  <c r="AE18482" i="1"/>
  <c r="AE18483" i="1"/>
  <c r="AE18484" i="1"/>
  <c r="AE18485" i="1"/>
  <c r="AE18486" i="1"/>
  <c r="AE18487" i="1"/>
  <c r="AE18488" i="1"/>
  <c r="AE18489" i="1"/>
  <c r="AE18490" i="1"/>
  <c r="AE18491" i="1"/>
  <c r="AE18492" i="1"/>
  <c r="AE18493" i="1"/>
  <c r="AE18494" i="1"/>
  <c r="AE18495" i="1"/>
  <c r="AE18496" i="1"/>
  <c r="AE18497" i="1"/>
  <c r="AE18498" i="1"/>
  <c r="AE18499" i="1"/>
  <c r="AE18500" i="1"/>
  <c r="AE18501" i="1"/>
  <c r="AE18502" i="1"/>
  <c r="AE18503" i="1"/>
  <c r="AE18504" i="1"/>
  <c r="AE18505" i="1"/>
  <c r="AE18506" i="1"/>
  <c r="AE18507" i="1"/>
  <c r="AE18508" i="1"/>
  <c r="AE18509" i="1"/>
  <c r="AE18510" i="1"/>
  <c r="AE18511" i="1"/>
  <c r="AE18512" i="1"/>
  <c r="AE18513" i="1"/>
  <c r="AE18514" i="1"/>
  <c r="AE18515" i="1"/>
  <c r="AE18516" i="1"/>
  <c r="AE18517" i="1"/>
  <c r="AE18518" i="1"/>
  <c r="AE18519" i="1"/>
  <c r="AE18520" i="1"/>
  <c r="AE18521" i="1"/>
  <c r="AE18522" i="1"/>
  <c r="AE18523" i="1"/>
  <c r="AE18524" i="1"/>
  <c r="AE18525" i="1"/>
  <c r="AE18526" i="1"/>
  <c r="AE18527" i="1"/>
  <c r="AE18528" i="1"/>
  <c r="AE18529" i="1"/>
  <c r="AE18530" i="1"/>
  <c r="AE18531" i="1"/>
  <c r="AE18532" i="1"/>
  <c r="AE18533" i="1"/>
  <c r="AE18534" i="1"/>
  <c r="AE18535" i="1"/>
  <c r="AE18536" i="1"/>
  <c r="AE18537" i="1"/>
  <c r="AE18538" i="1"/>
  <c r="AE18539" i="1"/>
  <c r="AE18540" i="1"/>
  <c r="AE18541" i="1"/>
  <c r="AE18542" i="1"/>
  <c r="AE18543" i="1"/>
  <c r="AE18544" i="1"/>
  <c r="AE18545" i="1"/>
  <c r="AE18546" i="1"/>
  <c r="AE18547" i="1"/>
  <c r="AE18548" i="1"/>
  <c r="AE18549" i="1"/>
  <c r="AE18550" i="1"/>
  <c r="AE18551" i="1"/>
  <c r="AE18552" i="1"/>
  <c r="AE18553" i="1"/>
  <c r="AE18554" i="1"/>
  <c r="AE18555" i="1"/>
  <c r="AE18556" i="1"/>
  <c r="AE18557" i="1"/>
  <c r="AE18558" i="1"/>
  <c r="AE18559" i="1"/>
  <c r="AE18560" i="1"/>
  <c r="AE18561" i="1"/>
  <c r="AE18562" i="1"/>
  <c r="AE18563" i="1"/>
  <c r="AE18564" i="1"/>
  <c r="AE18565" i="1"/>
  <c r="AE18566" i="1"/>
  <c r="AE18567" i="1"/>
  <c r="AE18568" i="1"/>
  <c r="AE18569" i="1"/>
  <c r="AE18570" i="1"/>
  <c r="AE18571" i="1"/>
  <c r="AE18572" i="1"/>
  <c r="AE18573" i="1"/>
  <c r="AE18574" i="1"/>
  <c r="AE18575" i="1"/>
  <c r="AE18576" i="1"/>
  <c r="AE18577" i="1"/>
  <c r="AE18578" i="1"/>
  <c r="AE18579" i="1"/>
  <c r="AE18580" i="1"/>
  <c r="AE18581" i="1"/>
  <c r="AE18582" i="1"/>
  <c r="AE18583" i="1"/>
  <c r="AE18584" i="1"/>
  <c r="AE18585" i="1"/>
  <c r="AE18586" i="1"/>
  <c r="AE18587" i="1"/>
  <c r="AE18588" i="1"/>
  <c r="AE18589" i="1"/>
  <c r="AE18590" i="1"/>
  <c r="AE18591" i="1"/>
  <c r="AE18592" i="1"/>
  <c r="AE18593" i="1"/>
  <c r="AE18594" i="1"/>
  <c r="AE18595" i="1"/>
  <c r="AE18596" i="1"/>
  <c r="AE18597" i="1"/>
  <c r="AE18598" i="1"/>
  <c r="AE18599" i="1"/>
  <c r="AE18600" i="1"/>
  <c r="AE18601" i="1"/>
  <c r="AE18602" i="1"/>
  <c r="AE18603" i="1"/>
  <c r="AE18604" i="1"/>
  <c r="AE18605" i="1"/>
  <c r="AE18606" i="1"/>
  <c r="AE18607" i="1"/>
  <c r="AE18608" i="1"/>
  <c r="AE18609" i="1"/>
  <c r="AE18610" i="1"/>
  <c r="AE18611" i="1"/>
  <c r="AE18612" i="1"/>
  <c r="AE18613" i="1"/>
  <c r="AE18614" i="1"/>
  <c r="AE18615" i="1"/>
  <c r="AE18616" i="1"/>
  <c r="AE18617" i="1"/>
  <c r="AE18618" i="1"/>
  <c r="AE18619" i="1"/>
  <c r="AE18620" i="1"/>
  <c r="AE18621" i="1"/>
  <c r="AE18622" i="1"/>
  <c r="AE18623" i="1"/>
  <c r="AE18624" i="1"/>
  <c r="AE18625" i="1"/>
  <c r="AE18626" i="1"/>
  <c r="AE18627" i="1"/>
  <c r="AE18628" i="1"/>
  <c r="AE18629" i="1"/>
  <c r="AE18630" i="1"/>
  <c r="AE18631" i="1"/>
  <c r="AE18632" i="1"/>
  <c r="AE18633" i="1"/>
  <c r="AE18634" i="1"/>
  <c r="AE18635" i="1"/>
  <c r="AE18636" i="1"/>
  <c r="AE18637" i="1"/>
  <c r="AE18638" i="1"/>
  <c r="AE18639" i="1"/>
  <c r="AE18640" i="1"/>
  <c r="AE18641" i="1"/>
  <c r="AE18642" i="1"/>
  <c r="AE18643" i="1"/>
  <c r="AE18644" i="1"/>
  <c r="AE18645" i="1"/>
  <c r="AE18646" i="1"/>
  <c r="AE18647" i="1"/>
  <c r="AE18648" i="1"/>
  <c r="AE18649" i="1"/>
  <c r="AE18650" i="1"/>
  <c r="AE18651" i="1"/>
  <c r="AE18652" i="1"/>
  <c r="AE18653" i="1"/>
  <c r="AE18654" i="1"/>
  <c r="AE18655" i="1"/>
  <c r="AE18656" i="1"/>
  <c r="AE18657" i="1"/>
  <c r="AE18658" i="1"/>
  <c r="AE18659" i="1"/>
  <c r="AE18660" i="1"/>
  <c r="AE18661" i="1"/>
  <c r="AE18662" i="1"/>
  <c r="AE18663" i="1"/>
  <c r="AE18664" i="1"/>
  <c r="AE18665" i="1"/>
  <c r="AE18666" i="1"/>
  <c r="AE18667" i="1"/>
  <c r="AE18668" i="1"/>
  <c r="AE18669" i="1"/>
  <c r="AE18670" i="1"/>
  <c r="AE18671" i="1"/>
  <c r="AE18672" i="1"/>
  <c r="AE18673" i="1"/>
  <c r="AE18674" i="1"/>
  <c r="AE18675" i="1"/>
  <c r="AE18676" i="1"/>
  <c r="AE18677" i="1"/>
  <c r="AE18678" i="1"/>
  <c r="AE18679" i="1"/>
  <c r="AE18680" i="1"/>
  <c r="AE18681" i="1"/>
  <c r="AE18682" i="1"/>
  <c r="AE18683" i="1"/>
  <c r="AE18684" i="1"/>
  <c r="AE18685" i="1"/>
  <c r="AE18686" i="1"/>
  <c r="AE18687" i="1"/>
  <c r="AE18688" i="1"/>
  <c r="AE18689" i="1"/>
  <c r="AE18690" i="1"/>
  <c r="AE18691" i="1"/>
  <c r="AE18692" i="1"/>
  <c r="AE18693" i="1"/>
  <c r="AE18694" i="1"/>
  <c r="AE18695" i="1"/>
  <c r="AE18696" i="1"/>
  <c r="AE18697" i="1"/>
  <c r="AE18698" i="1"/>
  <c r="AE18699" i="1"/>
  <c r="AE18700" i="1"/>
  <c r="AE18701" i="1"/>
  <c r="AE18702" i="1"/>
  <c r="AE18703" i="1"/>
  <c r="AE18704" i="1"/>
  <c r="AE18705" i="1"/>
  <c r="AE18706" i="1"/>
  <c r="AE18707" i="1"/>
  <c r="AE18708" i="1"/>
  <c r="AE18709" i="1"/>
  <c r="AE18710" i="1"/>
  <c r="AE18711" i="1"/>
  <c r="AE18712" i="1"/>
  <c r="AE18713" i="1"/>
  <c r="AE18714" i="1"/>
  <c r="AE18715" i="1"/>
  <c r="AE18716" i="1"/>
  <c r="AE18717" i="1"/>
  <c r="AE18718" i="1"/>
  <c r="AE18719" i="1"/>
  <c r="AE18720" i="1"/>
  <c r="AE18721" i="1"/>
  <c r="AE18722" i="1"/>
  <c r="AE18723" i="1"/>
  <c r="AE18724" i="1"/>
  <c r="AE18725" i="1"/>
  <c r="AE18726" i="1"/>
  <c r="AE18727" i="1"/>
  <c r="AE18728" i="1"/>
  <c r="AE18729" i="1"/>
  <c r="AE18730" i="1"/>
  <c r="AE18731" i="1"/>
  <c r="AE18732" i="1"/>
  <c r="AE18733" i="1"/>
  <c r="AE18734" i="1"/>
  <c r="AE18735" i="1"/>
  <c r="AE18736" i="1"/>
  <c r="AE18737" i="1"/>
  <c r="AE18738" i="1"/>
  <c r="AE18739" i="1"/>
  <c r="AE18740" i="1"/>
  <c r="AE18741" i="1"/>
  <c r="AE18742" i="1"/>
  <c r="AE18743" i="1"/>
  <c r="AE18744" i="1"/>
  <c r="AE18745" i="1"/>
  <c r="AE18746" i="1"/>
  <c r="AE18747" i="1"/>
  <c r="AE18748" i="1"/>
  <c r="AE18749" i="1"/>
  <c r="AE18750" i="1"/>
  <c r="AE18751" i="1"/>
  <c r="AE18752" i="1"/>
  <c r="AE18753" i="1"/>
  <c r="AE18754" i="1"/>
  <c r="AE18755" i="1"/>
  <c r="AE18756" i="1"/>
  <c r="AE18757" i="1"/>
  <c r="AE18758" i="1"/>
  <c r="AE18759" i="1"/>
  <c r="AE18760" i="1"/>
  <c r="AE18761" i="1"/>
  <c r="AE18762" i="1"/>
  <c r="AE18763" i="1"/>
  <c r="AE18764" i="1"/>
  <c r="AE18765" i="1"/>
  <c r="AE18766" i="1"/>
  <c r="AE18767" i="1"/>
  <c r="AE18768" i="1"/>
  <c r="AE18769" i="1"/>
  <c r="AE18770" i="1"/>
  <c r="AE18771" i="1"/>
  <c r="AE18772" i="1"/>
  <c r="AE18773" i="1"/>
  <c r="AE18774" i="1"/>
  <c r="AE18775" i="1"/>
  <c r="AE18776" i="1"/>
  <c r="AE18777" i="1"/>
  <c r="AE18778" i="1"/>
  <c r="AE18779" i="1"/>
  <c r="AE18780" i="1"/>
  <c r="AE18781" i="1"/>
  <c r="AE18782" i="1"/>
  <c r="AE18783" i="1"/>
  <c r="AE18784" i="1"/>
  <c r="AE18785" i="1"/>
  <c r="AE18786" i="1"/>
  <c r="AE18787" i="1"/>
  <c r="AE18788" i="1"/>
  <c r="AE18789" i="1"/>
  <c r="AE18790" i="1"/>
  <c r="AE18791" i="1"/>
  <c r="AE18792" i="1"/>
  <c r="AE18793" i="1"/>
  <c r="AE18794" i="1"/>
  <c r="AE18795" i="1"/>
  <c r="AE18796" i="1"/>
  <c r="AE18797" i="1"/>
  <c r="AE18798" i="1"/>
  <c r="AE18799" i="1"/>
  <c r="AE18800" i="1"/>
  <c r="AE18801" i="1"/>
  <c r="AE18802" i="1"/>
  <c r="AE18803" i="1"/>
  <c r="AE18804" i="1"/>
  <c r="AE18805" i="1"/>
  <c r="AE18806" i="1"/>
  <c r="AE18807" i="1"/>
  <c r="AE18808" i="1"/>
  <c r="AE18809" i="1"/>
  <c r="AE18810" i="1"/>
  <c r="AE18811" i="1"/>
  <c r="AE18812" i="1"/>
  <c r="AE18813" i="1"/>
  <c r="AE18814" i="1"/>
  <c r="AE18815" i="1"/>
  <c r="AE18816" i="1"/>
  <c r="AE18817" i="1"/>
  <c r="AE18818" i="1"/>
  <c r="AE18819" i="1"/>
  <c r="AE18820" i="1"/>
  <c r="AE18821" i="1"/>
  <c r="AE18822" i="1"/>
  <c r="AE18823" i="1"/>
  <c r="AE18824" i="1"/>
  <c r="AE18825" i="1"/>
  <c r="AE18826" i="1"/>
  <c r="AE18827" i="1"/>
  <c r="AE18828" i="1"/>
  <c r="AE18829" i="1"/>
  <c r="AE18830" i="1"/>
  <c r="AE18831" i="1"/>
  <c r="AE18832" i="1"/>
  <c r="AE18833" i="1"/>
  <c r="AE18834" i="1"/>
  <c r="AE18835" i="1"/>
  <c r="AE18836" i="1"/>
  <c r="AE18837" i="1"/>
  <c r="AE18838" i="1"/>
  <c r="AE18839" i="1"/>
  <c r="AE18840" i="1"/>
  <c r="AE18841" i="1"/>
  <c r="AE18842" i="1"/>
  <c r="AE18843" i="1"/>
  <c r="AE18844" i="1"/>
  <c r="AE18845" i="1"/>
  <c r="AE18846" i="1"/>
  <c r="AE18847" i="1"/>
  <c r="AE18848" i="1"/>
  <c r="AE18849" i="1"/>
  <c r="AE18850" i="1"/>
  <c r="AE18851" i="1"/>
  <c r="AE18852" i="1"/>
  <c r="AE18853" i="1"/>
  <c r="AE18854" i="1"/>
  <c r="AE18855" i="1"/>
  <c r="AE18856" i="1"/>
  <c r="AE18857" i="1"/>
  <c r="AE18858" i="1"/>
  <c r="AE18859" i="1"/>
  <c r="AE18860" i="1"/>
  <c r="AE18861" i="1"/>
  <c r="AE18862" i="1"/>
  <c r="AE18863" i="1"/>
  <c r="AE18864" i="1"/>
  <c r="AE18865" i="1"/>
  <c r="AE18866" i="1"/>
  <c r="AE18867" i="1"/>
  <c r="AE18868" i="1"/>
  <c r="AE18869" i="1"/>
  <c r="AE18870" i="1"/>
  <c r="AE18871" i="1"/>
  <c r="AE18872" i="1"/>
  <c r="AE18873" i="1"/>
  <c r="AE18874" i="1"/>
  <c r="AE18875" i="1"/>
  <c r="AE18876" i="1"/>
  <c r="AE18877" i="1"/>
  <c r="AE18878" i="1"/>
  <c r="AE18879" i="1"/>
  <c r="AE18880" i="1"/>
  <c r="AE18881" i="1"/>
  <c r="AE18882" i="1"/>
  <c r="AE18883" i="1"/>
  <c r="AE18884" i="1"/>
  <c r="AE18885" i="1"/>
  <c r="AE18886" i="1"/>
  <c r="AE18887" i="1"/>
  <c r="AE18888" i="1"/>
  <c r="AE18889" i="1"/>
  <c r="AE18890" i="1"/>
  <c r="AE18891" i="1"/>
  <c r="AE18892" i="1"/>
  <c r="AE18893" i="1"/>
  <c r="AE18894" i="1"/>
  <c r="AE18895" i="1"/>
  <c r="AE18896" i="1"/>
  <c r="AE18897" i="1"/>
  <c r="AE18898" i="1"/>
  <c r="AE18899" i="1"/>
  <c r="AE18900" i="1"/>
  <c r="AE18901" i="1"/>
  <c r="AE18902" i="1"/>
  <c r="AE18903" i="1"/>
  <c r="AE18904" i="1"/>
  <c r="AE18905" i="1"/>
  <c r="AE18906" i="1"/>
  <c r="AE18907" i="1"/>
  <c r="AE18908" i="1"/>
  <c r="AE18909" i="1"/>
  <c r="AE18910" i="1"/>
  <c r="AE18911" i="1"/>
  <c r="AE18912" i="1"/>
  <c r="AE18913" i="1"/>
  <c r="AE18914" i="1"/>
  <c r="AE18915" i="1"/>
  <c r="AE18916" i="1"/>
  <c r="AE18917" i="1"/>
  <c r="AE18918" i="1"/>
  <c r="AE18919" i="1"/>
  <c r="AE18920" i="1"/>
  <c r="AE18921" i="1"/>
  <c r="AE18922" i="1"/>
  <c r="AE18923" i="1"/>
  <c r="AE18924" i="1"/>
  <c r="AE18925" i="1"/>
  <c r="AE18926" i="1"/>
  <c r="AE18927" i="1"/>
  <c r="AE18928" i="1"/>
  <c r="AE18929" i="1"/>
  <c r="AE18930" i="1"/>
  <c r="AE18931" i="1"/>
  <c r="AE18932" i="1"/>
  <c r="AE18933" i="1"/>
  <c r="AE18934" i="1"/>
  <c r="AE18935" i="1"/>
  <c r="AE18936" i="1"/>
  <c r="AE18937" i="1"/>
  <c r="AE18938" i="1"/>
  <c r="AE18939" i="1"/>
  <c r="AE18940" i="1"/>
  <c r="AE18941" i="1"/>
  <c r="AE18942" i="1"/>
  <c r="AE18943" i="1"/>
  <c r="AE18944" i="1"/>
  <c r="AE18945" i="1"/>
  <c r="AE18946" i="1"/>
  <c r="AE18947" i="1"/>
  <c r="AE18948" i="1"/>
  <c r="AE18949" i="1"/>
  <c r="AE18950" i="1"/>
  <c r="AE18951" i="1"/>
  <c r="AE18952" i="1"/>
  <c r="AE18953" i="1"/>
  <c r="AE18954" i="1"/>
  <c r="AE18955" i="1"/>
  <c r="AE18956" i="1"/>
  <c r="AE18957" i="1"/>
  <c r="AE18958" i="1"/>
  <c r="AE18959" i="1"/>
  <c r="AE18960" i="1"/>
  <c r="AE18961" i="1"/>
  <c r="AE18962" i="1"/>
  <c r="AE18963" i="1"/>
  <c r="AE18964" i="1"/>
  <c r="AE18965" i="1"/>
  <c r="AE18966" i="1"/>
  <c r="AE18967" i="1"/>
  <c r="AE18968" i="1"/>
  <c r="AE18969" i="1"/>
  <c r="AE18970" i="1"/>
  <c r="AE18971" i="1"/>
  <c r="AE18972" i="1"/>
  <c r="AE18973" i="1"/>
  <c r="AE18974" i="1"/>
  <c r="AE18975" i="1"/>
  <c r="AE18976" i="1"/>
  <c r="AE18977" i="1"/>
  <c r="AE18978" i="1"/>
  <c r="AE18979" i="1"/>
  <c r="AE18980" i="1"/>
  <c r="AE18981" i="1"/>
  <c r="AE18982" i="1"/>
  <c r="AE18983" i="1"/>
  <c r="AE18984" i="1"/>
  <c r="AE18985" i="1"/>
  <c r="AE18986" i="1"/>
  <c r="AE18987" i="1"/>
  <c r="AE18988" i="1"/>
  <c r="AE18989" i="1"/>
  <c r="AE18990" i="1"/>
  <c r="AE18991" i="1"/>
  <c r="AE18992" i="1"/>
  <c r="AE18993" i="1"/>
  <c r="AE18994" i="1"/>
  <c r="AE18995" i="1"/>
  <c r="AE18996" i="1"/>
  <c r="AE18997" i="1"/>
  <c r="AE18998" i="1"/>
  <c r="AE18999" i="1"/>
  <c r="AE19000" i="1"/>
  <c r="AE19001" i="1"/>
  <c r="AE19002" i="1"/>
  <c r="AE19003" i="1"/>
  <c r="AE19004" i="1"/>
  <c r="AE19005" i="1"/>
  <c r="AE19006" i="1"/>
  <c r="AE19007" i="1"/>
  <c r="AE19008" i="1"/>
  <c r="AE19009" i="1"/>
  <c r="AE19010" i="1"/>
  <c r="AE19011" i="1"/>
  <c r="AE19012" i="1"/>
  <c r="AE19013" i="1"/>
  <c r="AE19014" i="1"/>
  <c r="AE19015" i="1"/>
  <c r="AE19016" i="1"/>
  <c r="AE19017" i="1"/>
  <c r="AE19018" i="1"/>
  <c r="AE19019" i="1"/>
  <c r="AE19020" i="1"/>
  <c r="AE19021" i="1"/>
  <c r="AE19022" i="1"/>
  <c r="AE19023" i="1"/>
  <c r="AE19024" i="1"/>
  <c r="AE19025" i="1"/>
  <c r="AE19026" i="1"/>
  <c r="AE19027" i="1"/>
  <c r="AE19028" i="1"/>
  <c r="AE19029" i="1"/>
  <c r="AE19030" i="1"/>
  <c r="AE19031" i="1"/>
  <c r="AE19032" i="1"/>
  <c r="AE19033" i="1"/>
  <c r="AE19034" i="1"/>
  <c r="AE19035" i="1"/>
  <c r="AE19036" i="1"/>
  <c r="AE19037" i="1"/>
  <c r="AE19038" i="1"/>
  <c r="AE19039" i="1"/>
  <c r="AE19040" i="1"/>
  <c r="AE19041" i="1"/>
  <c r="AE19042" i="1"/>
  <c r="AE19043" i="1"/>
  <c r="AE19044" i="1"/>
  <c r="AE19045" i="1"/>
  <c r="AE19046" i="1"/>
  <c r="AE19047" i="1"/>
  <c r="AE19048" i="1"/>
  <c r="AE19049" i="1"/>
  <c r="AE19050" i="1"/>
  <c r="AE19051" i="1"/>
  <c r="AE19052" i="1"/>
  <c r="AE19053" i="1"/>
  <c r="AE19054" i="1"/>
  <c r="AE19055" i="1"/>
  <c r="AE19056" i="1"/>
  <c r="AE19057" i="1"/>
  <c r="AE19058" i="1"/>
  <c r="AE19059" i="1"/>
  <c r="AE19060" i="1"/>
  <c r="AE19061" i="1"/>
  <c r="AE19062" i="1"/>
  <c r="AE19063" i="1"/>
  <c r="AE19064" i="1"/>
  <c r="AE19065" i="1"/>
  <c r="AE19066" i="1"/>
  <c r="AE19067" i="1"/>
  <c r="AE19068" i="1"/>
  <c r="AE19069" i="1"/>
  <c r="AE19070" i="1"/>
  <c r="AE19071" i="1"/>
  <c r="AE19072" i="1"/>
  <c r="AE19073" i="1"/>
  <c r="AE19074" i="1"/>
  <c r="AE19075" i="1"/>
  <c r="AE19076" i="1"/>
  <c r="AE19077" i="1"/>
  <c r="AE19078" i="1"/>
  <c r="AE19079" i="1"/>
  <c r="AE19080" i="1"/>
  <c r="AE19081" i="1"/>
  <c r="AE19082" i="1"/>
  <c r="AE19083" i="1"/>
  <c r="AE19084" i="1"/>
  <c r="AE19085" i="1"/>
  <c r="AE19086" i="1"/>
  <c r="AE19087" i="1"/>
  <c r="AE19088" i="1"/>
  <c r="AE19089" i="1"/>
  <c r="AE19090" i="1"/>
  <c r="AE19091" i="1"/>
  <c r="AE19092" i="1"/>
  <c r="AE19093" i="1"/>
  <c r="AE19094" i="1"/>
  <c r="AE19095" i="1"/>
  <c r="AE19096" i="1"/>
  <c r="AE19097" i="1"/>
  <c r="AE19098" i="1"/>
  <c r="AE19099" i="1"/>
  <c r="AE19100" i="1"/>
  <c r="AE19101" i="1"/>
  <c r="AE19102" i="1"/>
  <c r="AE19103" i="1"/>
  <c r="AE19104" i="1"/>
  <c r="AE19105" i="1"/>
  <c r="AE19106" i="1"/>
  <c r="AE19107" i="1"/>
  <c r="AE19108" i="1"/>
  <c r="AE19109" i="1"/>
  <c r="AE19110" i="1"/>
  <c r="AE19111" i="1"/>
  <c r="AE19112" i="1"/>
  <c r="AE19113" i="1"/>
  <c r="AE19114" i="1"/>
  <c r="AE19115" i="1"/>
  <c r="AE19116" i="1"/>
  <c r="AE19117" i="1"/>
  <c r="AE19118" i="1"/>
  <c r="AE19119" i="1"/>
  <c r="AE19120" i="1"/>
  <c r="AE19121" i="1"/>
  <c r="AE19122" i="1"/>
  <c r="AE19123" i="1"/>
  <c r="AE19124" i="1"/>
  <c r="AE19125" i="1"/>
  <c r="AE19126" i="1"/>
  <c r="AE19127" i="1"/>
  <c r="AE19128" i="1"/>
  <c r="AE19129" i="1"/>
  <c r="AE19130" i="1"/>
  <c r="AE19131" i="1"/>
  <c r="AE19132" i="1"/>
  <c r="AE19133" i="1"/>
  <c r="AE19134" i="1"/>
  <c r="AE19135" i="1"/>
  <c r="AE19136" i="1"/>
  <c r="AE19137" i="1"/>
  <c r="AE19138" i="1"/>
  <c r="AE19139" i="1"/>
  <c r="AE19140" i="1"/>
  <c r="AE19141" i="1"/>
  <c r="AE19142" i="1"/>
  <c r="AE19143" i="1"/>
  <c r="AE19144" i="1"/>
  <c r="AE19145" i="1"/>
  <c r="AE19146" i="1"/>
  <c r="AE19147" i="1"/>
  <c r="AE19148" i="1"/>
  <c r="AE19149" i="1"/>
  <c r="AE19150" i="1"/>
  <c r="AE19151" i="1"/>
  <c r="AE19152" i="1"/>
  <c r="AE19153" i="1"/>
  <c r="AE19154" i="1"/>
  <c r="AE19155" i="1"/>
  <c r="AE19156" i="1"/>
  <c r="AE19157" i="1"/>
  <c r="AE19158" i="1"/>
  <c r="AE19159" i="1"/>
  <c r="AE19160" i="1"/>
  <c r="AE19161" i="1"/>
  <c r="AE19162" i="1"/>
  <c r="AE19163" i="1"/>
  <c r="AE19164" i="1"/>
  <c r="AE19165" i="1"/>
  <c r="AE19166" i="1"/>
  <c r="AE19167" i="1"/>
  <c r="AE19168" i="1"/>
  <c r="AE19169" i="1"/>
  <c r="AE19170" i="1"/>
  <c r="AE19171" i="1"/>
  <c r="AE19172" i="1"/>
  <c r="AE19173" i="1"/>
  <c r="AE19174" i="1"/>
  <c r="AE19175" i="1"/>
  <c r="AE19176" i="1"/>
  <c r="AE19177" i="1"/>
  <c r="AE19178" i="1"/>
  <c r="AE19179" i="1"/>
  <c r="AE19180" i="1"/>
  <c r="AE19181" i="1"/>
  <c r="AE19182" i="1"/>
  <c r="AE19183" i="1"/>
  <c r="AE19184" i="1"/>
  <c r="AE19185" i="1"/>
  <c r="AE19186" i="1"/>
  <c r="AE19187" i="1"/>
  <c r="AE19188" i="1"/>
  <c r="AE19189" i="1"/>
  <c r="AE19190" i="1"/>
  <c r="AE19191" i="1"/>
  <c r="AE19192" i="1"/>
  <c r="AE19193" i="1"/>
  <c r="AE19194" i="1"/>
  <c r="AE19195" i="1"/>
  <c r="AE19196" i="1"/>
  <c r="AE19197" i="1"/>
  <c r="AE19198" i="1"/>
  <c r="AE19199" i="1"/>
  <c r="AE19200" i="1"/>
  <c r="AE19201" i="1"/>
  <c r="AE19202" i="1"/>
  <c r="AE19203" i="1"/>
  <c r="AE19204" i="1"/>
  <c r="AE19205" i="1"/>
  <c r="AE19206" i="1"/>
  <c r="AE19207" i="1"/>
  <c r="AE19208" i="1"/>
  <c r="AE19209" i="1"/>
  <c r="AE19210" i="1"/>
  <c r="AE19211" i="1"/>
  <c r="AE19212" i="1"/>
  <c r="AE19213" i="1"/>
  <c r="AE19214" i="1"/>
  <c r="AE19215" i="1"/>
  <c r="AE19216" i="1"/>
  <c r="AE19217" i="1"/>
  <c r="AE19218" i="1"/>
  <c r="AE19219" i="1"/>
  <c r="AE19220" i="1"/>
  <c r="AE19221" i="1"/>
  <c r="AE19222" i="1"/>
  <c r="AE19223" i="1"/>
  <c r="AE19224" i="1"/>
  <c r="AE19225" i="1"/>
  <c r="AE19226" i="1"/>
  <c r="AE19227" i="1"/>
  <c r="AE19228" i="1"/>
  <c r="AE19229" i="1"/>
  <c r="AE19230" i="1"/>
  <c r="AE19231" i="1"/>
  <c r="AE19232" i="1"/>
  <c r="AE19233" i="1"/>
  <c r="AE19234" i="1"/>
  <c r="AE19235" i="1"/>
  <c r="AE19236" i="1"/>
  <c r="AE19237" i="1"/>
  <c r="AE19238" i="1"/>
  <c r="AE19239" i="1"/>
  <c r="AE19240" i="1"/>
  <c r="AE19241" i="1"/>
  <c r="AE19242" i="1"/>
  <c r="AE19243" i="1"/>
  <c r="AE19244" i="1"/>
  <c r="AE19245" i="1"/>
  <c r="AE19246" i="1"/>
  <c r="AE19247" i="1"/>
  <c r="AE19248" i="1"/>
  <c r="AE19249" i="1"/>
  <c r="AE19250" i="1"/>
  <c r="AE19251" i="1"/>
  <c r="AE19252" i="1"/>
  <c r="AE19253" i="1"/>
  <c r="AE19254" i="1"/>
  <c r="AE19255" i="1"/>
  <c r="AE19256" i="1"/>
  <c r="AE19257" i="1"/>
  <c r="AE19258" i="1"/>
  <c r="AE19259" i="1"/>
  <c r="AE19260" i="1"/>
  <c r="AE19261" i="1"/>
  <c r="AE19262" i="1"/>
  <c r="AE19263" i="1"/>
  <c r="AE19264" i="1"/>
  <c r="AE19265" i="1"/>
  <c r="AE19266" i="1"/>
  <c r="AE19267" i="1"/>
  <c r="AE19268" i="1"/>
  <c r="AE19269" i="1"/>
  <c r="AE19270" i="1"/>
  <c r="AE19271" i="1"/>
  <c r="AE19272" i="1"/>
  <c r="AE19273" i="1"/>
  <c r="AE19274" i="1"/>
  <c r="AE19275" i="1"/>
  <c r="AE19276" i="1"/>
  <c r="AE19277" i="1"/>
  <c r="AE19278" i="1"/>
  <c r="AE19279" i="1"/>
  <c r="AE19280" i="1"/>
  <c r="AE19281" i="1"/>
  <c r="AE19282" i="1"/>
  <c r="AE19283" i="1"/>
  <c r="AE19284" i="1"/>
  <c r="AE19285" i="1"/>
  <c r="AE19286" i="1"/>
  <c r="AE19287" i="1"/>
  <c r="AE19288" i="1"/>
  <c r="AE19289" i="1"/>
  <c r="AE19290" i="1"/>
  <c r="AE19291" i="1"/>
  <c r="AE19292" i="1"/>
  <c r="AE19293" i="1"/>
  <c r="AE19294" i="1"/>
  <c r="AE19295" i="1"/>
  <c r="AE19296" i="1"/>
  <c r="AE19297" i="1"/>
  <c r="AE19298" i="1"/>
  <c r="AE19299" i="1"/>
  <c r="AE19300" i="1"/>
  <c r="AE19301" i="1"/>
  <c r="AE19302" i="1"/>
  <c r="AE19303" i="1"/>
  <c r="AE19304" i="1"/>
  <c r="AE19305" i="1"/>
  <c r="AE19306" i="1"/>
  <c r="AE19307" i="1"/>
  <c r="AE19308" i="1"/>
  <c r="AE19309" i="1"/>
  <c r="AE19310" i="1"/>
  <c r="AE19311" i="1"/>
  <c r="AE19312" i="1"/>
  <c r="AE19313" i="1"/>
  <c r="AE19314" i="1"/>
  <c r="AE19315" i="1"/>
  <c r="AE19316" i="1"/>
  <c r="AE19317" i="1"/>
  <c r="AE19318" i="1"/>
  <c r="AE19319" i="1"/>
  <c r="AE19320" i="1"/>
  <c r="AE19321" i="1"/>
  <c r="AE19322" i="1"/>
  <c r="AE19323" i="1"/>
  <c r="AE19324" i="1"/>
  <c r="AE19325" i="1"/>
  <c r="AE19326" i="1"/>
  <c r="AE19327" i="1"/>
  <c r="AE19328" i="1"/>
  <c r="AE19329" i="1"/>
  <c r="AE19330" i="1"/>
  <c r="AE19331" i="1"/>
  <c r="AE19332" i="1"/>
  <c r="AE19333" i="1"/>
  <c r="AE19334" i="1"/>
  <c r="AE19335" i="1"/>
  <c r="AE19336" i="1"/>
  <c r="AE19337" i="1"/>
  <c r="AE19338" i="1"/>
  <c r="AE19339" i="1"/>
  <c r="AE19340" i="1"/>
  <c r="AE19341" i="1"/>
  <c r="AE19342" i="1"/>
  <c r="AE19343" i="1"/>
  <c r="AE19344" i="1"/>
  <c r="AE19345" i="1"/>
  <c r="AE19346" i="1"/>
  <c r="AE19347" i="1"/>
  <c r="AE19348" i="1"/>
  <c r="AE19349" i="1"/>
  <c r="AE19350" i="1"/>
  <c r="AE19351" i="1"/>
  <c r="AE19352" i="1"/>
  <c r="AE19353" i="1"/>
  <c r="AE19354" i="1"/>
  <c r="AE19355" i="1"/>
  <c r="AE19356" i="1"/>
  <c r="AE19357" i="1"/>
  <c r="AE19358" i="1"/>
  <c r="AE19359" i="1"/>
  <c r="AE19360" i="1"/>
  <c r="AE19361" i="1"/>
  <c r="AE19362" i="1"/>
  <c r="AE19363" i="1"/>
  <c r="AE19364" i="1"/>
  <c r="AE19365" i="1"/>
  <c r="AE19366" i="1"/>
  <c r="AE19367" i="1"/>
  <c r="AE19368" i="1"/>
  <c r="AE19369" i="1"/>
  <c r="AE19370" i="1"/>
  <c r="AE19371" i="1"/>
  <c r="AE19372" i="1"/>
  <c r="AE19373" i="1"/>
  <c r="AE19374" i="1"/>
  <c r="AE19375" i="1"/>
  <c r="AE19376" i="1"/>
  <c r="AE19377" i="1"/>
  <c r="AE19378" i="1"/>
  <c r="AE19379" i="1"/>
  <c r="AE19380" i="1"/>
  <c r="AE19381" i="1"/>
  <c r="AE19382" i="1"/>
  <c r="AE19383" i="1"/>
  <c r="AE19384" i="1"/>
  <c r="AE19385" i="1"/>
  <c r="AE19386" i="1"/>
  <c r="AE19387" i="1"/>
  <c r="AE19388" i="1"/>
  <c r="AE19389" i="1"/>
  <c r="AE19390" i="1"/>
  <c r="AE19391" i="1"/>
  <c r="AE19392" i="1"/>
  <c r="AE19393" i="1"/>
  <c r="AE19394" i="1"/>
  <c r="AE19395" i="1"/>
  <c r="AE19396" i="1"/>
  <c r="AE19397" i="1"/>
  <c r="AE19398" i="1"/>
  <c r="AE19399" i="1"/>
  <c r="AE19400" i="1"/>
  <c r="AE19401" i="1"/>
  <c r="AE19402" i="1"/>
  <c r="AE19403" i="1"/>
  <c r="AE19404" i="1"/>
  <c r="AE19405" i="1"/>
  <c r="AE19406" i="1"/>
  <c r="AE19407" i="1"/>
  <c r="AE19408" i="1"/>
  <c r="AE19409" i="1"/>
  <c r="AE19410" i="1"/>
  <c r="AE19411" i="1"/>
  <c r="AE19412" i="1"/>
  <c r="AE19413" i="1"/>
  <c r="AE19414" i="1"/>
  <c r="AE19415" i="1"/>
  <c r="AE19416" i="1"/>
  <c r="AE19417" i="1"/>
  <c r="AE19418" i="1"/>
  <c r="AE19419" i="1"/>
  <c r="AE19420" i="1"/>
  <c r="AE19421" i="1"/>
  <c r="AE19422" i="1"/>
  <c r="AE19423" i="1"/>
  <c r="AE19424" i="1"/>
  <c r="AE19425" i="1"/>
  <c r="AE19426" i="1"/>
  <c r="AE19427" i="1"/>
  <c r="AE19428" i="1"/>
  <c r="AE19429" i="1"/>
  <c r="AE19430" i="1"/>
  <c r="AE19431" i="1"/>
  <c r="AE19432" i="1"/>
  <c r="AE19433" i="1"/>
  <c r="AE19434" i="1"/>
  <c r="AE19435" i="1"/>
  <c r="AE19436" i="1"/>
  <c r="AE19437" i="1"/>
  <c r="AE19438" i="1"/>
  <c r="AE19439" i="1"/>
  <c r="AE19440" i="1"/>
  <c r="AE19441" i="1"/>
  <c r="AE19442" i="1"/>
  <c r="AE19443" i="1"/>
  <c r="AE19444" i="1"/>
  <c r="AE19445" i="1"/>
  <c r="AE19446" i="1"/>
  <c r="AE19447" i="1"/>
  <c r="AE19448" i="1"/>
  <c r="AE19449" i="1"/>
  <c r="AE19450" i="1"/>
  <c r="AE19451" i="1"/>
  <c r="AE19452" i="1"/>
  <c r="AE19453" i="1"/>
  <c r="AE19454" i="1"/>
  <c r="AE19455" i="1"/>
  <c r="AE19456" i="1"/>
  <c r="AE19457" i="1"/>
  <c r="AE19458" i="1"/>
  <c r="AE19459" i="1"/>
  <c r="AE19460" i="1"/>
  <c r="AE19461" i="1"/>
  <c r="AE19462" i="1"/>
  <c r="AE19463" i="1"/>
  <c r="AE19464" i="1"/>
  <c r="AE19465" i="1"/>
  <c r="AE19466" i="1"/>
  <c r="AE19467" i="1"/>
  <c r="AE19468" i="1"/>
  <c r="AE19469" i="1"/>
  <c r="AE19470" i="1"/>
  <c r="AE19471" i="1"/>
  <c r="AE19472" i="1"/>
  <c r="AE19473" i="1"/>
  <c r="AE19474" i="1"/>
  <c r="AE19475" i="1"/>
  <c r="AE19476" i="1"/>
  <c r="AE19477" i="1"/>
  <c r="AE19478" i="1"/>
  <c r="AE19479" i="1"/>
  <c r="AE19480" i="1"/>
  <c r="AE19481" i="1"/>
  <c r="AE19482" i="1"/>
  <c r="AE19483" i="1"/>
  <c r="AE19484" i="1"/>
  <c r="AE19485" i="1"/>
  <c r="AE19486" i="1"/>
  <c r="AE19487" i="1"/>
  <c r="AE19488" i="1"/>
  <c r="AE19489" i="1"/>
  <c r="AE19490" i="1"/>
  <c r="AE19491" i="1"/>
  <c r="AE19492" i="1"/>
  <c r="AE19493" i="1"/>
  <c r="AE19494" i="1"/>
  <c r="AE19495" i="1"/>
  <c r="AE19496" i="1"/>
  <c r="AE19497" i="1"/>
  <c r="AE19498" i="1"/>
  <c r="AE19499" i="1"/>
  <c r="AE19500" i="1"/>
  <c r="AE19501" i="1"/>
  <c r="AE19502" i="1"/>
  <c r="AE19503" i="1"/>
  <c r="AE19504" i="1"/>
  <c r="AE19505" i="1"/>
  <c r="AE19506" i="1"/>
  <c r="AE19507" i="1"/>
  <c r="AE19508" i="1"/>
  <c r="AE19509" i="1"/>
  <c r="AE19510" i="1"/>
  <c r="AE19511" i="1"/>
  <c r="AE19512" i="1"/>
  <c r="AE19513" i="1"/>
  <c r="AE19514" i="1"/>
  <c r="AE19515" i="1"/>
  <c r="AE19516" i="1"/>
  <c r="AE19517" i="1"/>
  <c r="AE19518" i="1"/>
  <c r="AE19519" i="1"/>
  <c r="AE19520" i="1"/>
  <c r="AE19521" i="1"/>
  <c r="AE19522" i="1"/>
  <c r="AE19523" i="1"/>
  <c r="AE19524" i="1"/>
  <c r="AE19525" i="1"/>
  <c r="AE19526" i="1"/>
  <c r="AE19527" i="1"/>
  <c r="AE19528" i="1"/>
  <c r="AE19529" i="1"/>
  <c r="AE19530" i="1"/>
  <c r="AE19531" i="1"/>
  <c r="AE19532" i="1"/>
  <c r="AE19533" i="1"/>
  <c r="AE19534" i="1"/>
  <c r="AE19535" i="1"/>
  <c r="AE19536" i="1"/>
  <c r="AE19537" i="1"/>
  <c r="AE19538" i="1"/>
  <c r="AE19539" i="1"/>
  <c r="AE19540" i="1"/>
  <c r="AE19541" i="1"/>
  <c r="AE19542" i="1"/>
  <c r="AE19543" i="1"/>
  <c r="AE19544" i="1"/>
  <c r="AE19545" i="1"/>
  <c r="AE19546" i="1"/>
  <c r="AE19547" i="1"/>
  <c r="AE19548" i="1"/>
  <c r="AE19549" i="1"/>
  <c r="AE19550" i="1"/>
  <c r="AE19551" i="1"/>
  <c r="AE19552" i="1"/>
  <c r="AE19553" i="1"/>
  <c r="AE19554" i="1"/>
  <c r="AE19555" i="1"/>
  <c r="AE19556" i="1"/>
  <c r="AE19557" i="1"/>
  <c r="AE19558" i="1"/>
  <c r="AE19559" i="1"/>
  <c r="AE19560" i="1"/>
  <c r="AE19561" i="1"/>
  <c r="AE19562" i="1"/>
  <c r="AE19563" i="1"/>
  <c r="AE19564" i="1"/>
  <c r="AE19565" i="1"/>
  <c r="AE19566" i="1"/>
  <c r="AE19567" i="1"/>
  <c r="AE19568" i="1"/>
  <c r="AE19569" i="1"/>
  <c r="AE19570" i="1"/>
  <c r="AE19571" i="1"/>
  <c r="AE19572" i="1"/>
  <c r="AE19573" i="1"/>
  <c r="AE19574" i="1"/>
  <c r="AE19575" i="1"/>
  <c r="AE19576" i="1"/>
  <c r="AE19577" i="1"/>
  <c r="AE19578" i="1"/>
  <c r="AE19579" i="1"/>
  <c r="AE19580" i="1"/>
  <c r="AE19581" i="1"/>
  <c r="AE19582" i="1"/>
  <c r="AE19583" i="1"/>
  <c r="AE19584" i="1"/>
  <c r="AE19585" i="1"/>
  <c r="AE19586" i="1"/>
  <c r="AE19587" i="1"/>
  <c r="AE19588" i="1"/>
  <c r="AE19589" i="1"/>
  <c r="AE19590" i="1"/>
  <c r="AE19591" i="1"/>
  <c r="AE19592" i="1"/>
  <c r="AE19593" i="1"/>
  <c r="AE19594" i="1"/>
  <c r="AE19595" i="1"/>
  <c r="AE19596" i="1"/>
  <c r="AE19597" i="1"/>
  <c r="AE19598" i="1"/>
  <c r="AE19599" i="1"/>
  <c r="AE19600" i="1"/>
  <c r="AE19601" i="1"/>
  <c r="AE19602" i="1"/>
  <c r="AE19603" i="1"/>
  <c r="AE19604" i="1"/>
  <c r="AE19605" i="1"/>
  <c r="AE19606" i="1"/>
  <c r="AE19607" i="1"/>
  <c r="AE19608" i="1"/>
  <c r="AE19609" i="1"/>
  <c r="AE19610" i="1"/>
  <c r="AE19611" i="1"/>
  <c r="AE19612" i="1"/>
  <c r="AE19613" i="1"/>
  <c r="AE19614" i="1"/>
  <c r="AE19615" i="1"/>
  <c r="AE19616" i="1"/>
  <c r="AE19617" i="1"/>
  <c r="AE19618" i="1"/>
  <c r="AE19619" i="1"/>
  <c r="AE19620" i="1"/>
  <c r="AE19621" i="1"/>
  <c r="AE19622" i="1"/>
  <c r="AE19623" i="1"/>
  <c r="AE19624" i="1"/>
  <c r="AE19625" i="1"/>
  <c r="AE19626" i="1"/>
  <c r="AE19627" i="1"/>
  <c r="AE19628" i="1"/>
  <c r="AE19629" i="1"/>
  <c r="AE19630" i="1"/>
  <c r="AE19631" i="1"/>
  <c r="AE19632" i="1"/>
  <c r="AE19633" i="1"/>
  <c r="AE19634" i="1"/>
  <c r="AE19635" i="1"/>
  <c r="AE19636" i="1"/>
  <c r="AE19637" i="1"/>
  <c r="AE19638" i="1"/>
  <c r="AE19639" i="1"/>
  <c r="AE19640" i="1"/>
  <c r="AE19641" i="1"/>
  <c r="AE19642" i="1"/>
  <c r="AE19643" i="1"/>
  <c r="AE19644" i="1"/>
  <c r="AE19645" i="1"/>
  <c r="AE19646" i="1"/>
  <c r="AE19647" i="1"/>
  <c r="AE19648" i="1"/>
  <c r="AE19649" i="1"/>
  <c r="AE19650" i="1"/>
  <c r="AE19651" i="1"/>
  <c r="AE19652" i="1"/>
  <c r="AE19653" i="1"/>
  <c r="AE19654" i="1"/>
  <c r="AE19655" i="1"/>
  <c r="AE19656" i="1"/>
  <c r="AE19657" i="1"/>
  <c r="AE19658" i="1"/>
  <c r="AE19659" i="1"/>
  <c r="AE19660" i="1"/>
  <c r="AE19661" i="1"/>
  <c r="AE19662" i="1"/>
  <c r="AE19663" i="1"/>
  <c r="AE19664" i="1"/>
  <c r="AE19665" i="1"/>
  <c r="AE19666" i="1"/>
  <c r="AE19667" i="1"/>
  <c r="AE19668" i="1"/>
  <c r="AE19669" i="1"/>
  <c r="AE19670" i="1"/>
  <c r="AE19671" i="1"/>
  <c r="AE19672" i="1"/>
  <c r="AE19673" i="1"/>
  <c r="AE19674" i="1"/>
  <c r="AE19675" i="1"/>
  <c r="AE19676" i="1"/>
  <c r="AE19677" i="1"/>
  <c r="AE19678" i="1"/>
  <c r="AE19679" i="1"/>
  <c r="AE19680" i="1"/>
  <c r="AE19681" i="1"/>
  <c r="AE19682" i="1"/>
  <c r="AE19683" i="1"/>
  <c r="AE19684" i="1"/>
  <c r="AE19685" i="1"/>
  <c r="AE19686" i="1"/>
  <c r="AE19687" i="1"/>
  <c r="AE19688" i="1"/>
  <c r="AE19689" i="1"/>
  <c r="AE19690" i="1"/>
  <c r="AE19691" i="1"/>
  <c r="AE19692" i="1"/>
  <c r="AE19693" i="1"/>
  <c r="AE19694" i="1"/>
  <c r="AE19695" i="1"/>
  <c r="AE19696" i="1"/>
  <c r="AE19697" i="1"/>
  <c r="AE19698" i="1"/>
  <c r="AE19699" i="1"/>
  <c r="AE19700" i="1"/>
  <c r="AE19701" i="1"/>
  <c r="AE19702" i="1"/>
  <c r="AE19703" i="1"/>
  <c r="AE19704" i="1"/>
  <c r="AE19705" i="1"/>
  <c r="AE19706" i="1"/>
  <c r="AE19707" i="1"/>
  <c r="AE19708" i="1"/>
  <c r="AE19709" i="1"/>
  <c r="AE19710" i="1"/>
  <c r="AE19711" i="1"/>
  <c r="AE19712" i="1"/>
  <c r="AE19713" i="1"/>
  <c r="AE19714" i="1"/>
  <c r="AE19715" i="1"/>
  <c r="AE19716" i="1"/>
  <c r="AE19717" i="1"/>
  <c r="AE19718" i="1"/>
  <c r="AE19719" i="1"/>
  <c r="AE19720" i="1"/>
  <c r="AE19721" i="1"/>
  <c r="AE19722" i="1"/>
  <c r="AE19723" i="1"/>
  <c r="AE19724" i="1"/>
  <c r="AE19725" i="1"/>
  <c r="AE19726" i="1"/>
  <c r="AE19727" i="1"/>
  <c r="AE19728" i="1"/>
  <c r="AE19729" i="1"/>
  <c r="AE19730" i="1"/>
  <c r="AE19731" i="1"/>
  <c r="AE19732" i="1"/>
  <c r="AE19733" i="1"/>
  <c r="AE19734" i="1"/>
  <c r="AE19735" i="1"/>
  <c r="AE19736" i="1"/>
  <c r="AE19737" i="1"/>
  <c r="AE19738" i="1"/>
  <c r="AE19739" i="1"/>
  <c r="AE19740" i="1"/>
  <c r="AE19741" i="1"/>
  <c r="AE19742" i="1"/>
  <c r="AE19743" i="1"/>
  <c r="AE19744" i="1"/>
  <c r="AE19745" i="1"/>
  <c r="AE19746" i="1"/>
  <c r="AE19747" i="1"/>
  <c r="AE19748" i="1"/>
  <c r="AE19749" i="1"/>
  <c r="AE19750" i="1"/>
  <c r="AE19751" i="1"/>
  <c r="AE19752" i="1"/>
  <c r="AE19753" i="1"/>
  <c r="AE19754" i="1"/>
  <c r="AE19755" i="1"/>
  <c r="AE19756" i="1"/>
  <c r="AE19757" i="1"/>
  <c r="AE19758" i="1"/>
  <c r="AE19759" i="1"/>
  <c r="AE19760" i="1"/>
  <c r="AE19761" i="1"/>
  <c r="AE19762" i="1"/>
  <c r="AE19763" i="1"/>
  <c r="AE19764" i="1"/>
  <c r="AE19765" i="1"/>
  <c r="AE19766" i="1"/>
  <c r="AE19767" i="1"/>
  <c r="AE19768" i="1"/>
  <c r="AE19769" i="1"/>
  <c r="AE19770" i="1"/>
  <c r="AE19771" i="1"/>
  <c r="AE19772" i="1"/>
  <c r="AE19773" i="1"/>
  <c r="AE19774" i="1"/>
  <c r="AE19775" i="1"/>
  <c r="AE19776" i="1"/>
  <c r="AE19777" i="1"/>
  <c r="AE19778" i="1"/>
  <c r="AE19779" i="1"/>
  <c r="AE19780" i="1"/>
  <c r="AE19781" i="1"/>
  <c r="AE19782" i="1"/>
  <c r="AE19783" i="1"/>
  <c r="AE19784" i="1"/>
  <c r="AE19785" i="1"/>
  <c r="AE19786" i="1"/>
  <c r="AE19787" i="1"/>
  <c r="AE19788" i="1"/>
  <c r="AE19789" i="1"/>
  <c r="AE19790" i="1"/>
  <c r="AE19791" i="1"/>
  <c r="AE19792" i="1"/>
  <c r="AE19793" i="1"/>
  <c r="AE19794" i="1"/>
  <c r="AE19795" i="1"/>
  <c r="AE19796" i="1"/>
  <c r="AE19797" i="1"/>
  <c r="AE19798" i="1"/>
  <c r="AE19799" i="1"/>
  <c r="AE19800" i="1"/>
  <c r="AE19801" i="1"/>
  <c r="AE19802" i="1"/>
  <c r="AE19803" i="1"/>
  <c r="AE19804" i="1"/>
  <c r="AE19805" i="1"/>
  <c r="AE19806" i="1"/>
  <c r="AE19807" i="1"/>
  <c r="AE19808" i="1"/>
  <c r="AE19809" i="1"/>
  <c r="AE19810" i="1"/>
  <c r="AE19811" i="1"/>
  <c r="AE19812" i="1"/>
  <c r="AE19813" i="1"/>
  <c r="AE19814" i="1"/>
  <c r="AE19815" i="1"/>
  <c r="AE19816" i="1"/>
  <c r="AE19817" i="1"/>
  <c r="AE19818" i="1"/>
  <c r="AE19819" i="1"/>
  <c r="AE19820" i="1"/>
  <c r="AE19821" i="1"/>
  <c r="AE19822" i="1"/>
  <c r="AE19823" i="1"/>
  <c r="AE19824" i="1"/>
  <c r="AE19825" i="1"/>
  <c r="AE19826" i="1"/>
  <c r="AE19827" i="1"/>
  <c r="AE19828" i="1"/>
  <c r="AE19829" i="1"/>
  <c r="AE19830" i="1"/>
  <c r="AE19831" i="1"/>
  <c r="AE19832" i="1"/>
  <c r="AE19833" i="1"/>
  <c r="AE19834" i="1"/>
  <c r="AE19835" i="1"/>
  <c r="AE19836" i="1"/>
  <c r="AE19837" i="1"/>
  <c r="AE19838" i="1"/>
  <c r="AE19839" i="1"/>
  <c r="AE19840" i="1"/>
  <c r="AE19841" i="1"/>
  <c r="AE19842" i="1"/>
  <c r="AE19843" i="1"/>
  <c r="AE19844" i="1"/>
  <c r="AE19845" i="1"/>
  <c r="AE19846" i="1"/>
  <c r="AE19847" i="1"/>
  <c r="AE19848" i="1"/>
  <c r="AE19849" i="1"/>
  <c r="AE19850" i="1"/>
  <c r="AE19851" i="1"/>
  <c r="AE19852" i="1"/>
  <c r="AE19853" i="1"/>
  <c r="AE19854" i="1"/>
  <c r="AE19855" i="1"/>
  <c r="AE19856" i="1"/>
  <c r="AE19857" i="1"/>
  <c r="AE19858" i="1"/>
  <c r="AE19859" i="1"/>
  <c r="AE19860" i="1"/>
  <c r="AE19861" i="1"/>
  <c r="AE19862" i="1"/>
  <c r="AE19863" i="1"/>
  <c r="AE19864" i="1"/>
  <c r="AE19865" i="1"/>
  <c r="AE19866" i="1"/>
  <c r="AE19867" i="1"/>
  <c r="AE19868" i="1"/>
  <c r="AE19869" i="1"/>
  <c r="AE19870" i="1"/>
  <c r="AE19871" i="1"/>
  <c r="AE19872" i="1"/>
  <c r="AE19873" i="1"/>
  <c r="AE19874" i="1"/>
  <c r="AE19875" i="1"/>
  <c r="AE19876" i="1"/>
  <c r="AE19877" i="1"/>
  <c r="AE19878" i="1"/>
  <c r="AE19879" i="1"/>
  <c r="AE19880" i="1"/>
  <c r="AE19881" i="1"/>
  <c r="AE19882" i="1"/>
  <c r="AE19883" i="1"/>
  <c r="AE19884" i="1"/>
  <c r="AE19885" i="1"/>
  <c r="AE19886" i="1"/>
  <c r="AE19887" i="1"/>
  <c r="AE19888" i="1"/>
  <c r="AE19889" i="1"/>
  <c r="AE19890" i="1"/>
  <c r="AE19891" i="1"/>
  <c r="AE19892" i="1"/>
  <c r="AE19893" i="1"/>
  <c r="AE19894" i="1"/>
  <c r="AE19895" i="1"/>
  <c r="AE19896" i="1"/>
  <c r="AE19897" i="1"/>
  <c r="AE19898" i="1"/>
  <c r="AE19899" i="1"/>
  <c r="AE19900" i="1"/>
  <c r="AE19901" i="1"/>
  <c r="AE19902" i="1"/>
  <c r="AE19903" i="1"/>
  <c r="AE19904" i="1"/>
  <c r="AE19905" i="1"/>
  <c r="AE19906" i="1"/>
  <c r="AE19907" i="1"/>
  <c r="AE19908" i="1"/>
  <c r="AE19909" i="1"/>
  <c r="AE19910" i="1"/>
  <c r="AE19911" i="1"/>
  <c r="AE19912" i="1"/>
  <c r="AE19913" i="1"/>
  <c r="AE19914" i="1"/>
  <c r="AE19915" i="1"/>
  <c r="AE19916" i="1"/>
  <c r="AE19917" i="1"/>
  <c r="AE19918" i="1"/>
  <c r="AE19919" i="1"/>
  <c r="AE19920" i="1"/>
  <c r="AE19921" i="1"/>
  <c r="AE19922" i="1"/>
  <c r="AE19923" i="1"/>
  <c r="AE19924" i="1"/>
  <c r="AE19925" i="1"/>
  <c r="AE19926" i="1"/>
  <c r="AE19927" i="1"/>
  <c r="AE19928" i="1"/>
  <c r="AE19929" i="1"/>
  <c r="AE19930" i="1"/>
  <c r="AE19931" i="1"/>
  <c r="AE19932" i="1"/>
  <c r="AE19933" i="1"/>
  <c r="AE19934" i="1"/>
  <c r="AE19935" i="1"/>
  <c r="AE19936" i="1"/>
  <c r="AE19937" i="1"/>
  <c r="AE19938" i="1"/>
  <c r="AE19939" i="1"/>
  <c r="AE19940" i="1"/>
  <c r="AE19941" i="1"/>
  <c r="AE19942" i="1"/>
  <c r="AE19943" i="1"/>
  <c r="AE19944" i="1"/>
  <c r="AE19945" i="1"/>
  <c r="AE19946" i="1"/>
  <c r="AE19947" i="1"/>
  <c r="AE19948" i="1"/>
  <c r="AE19949" i="1"/>
  <c r="AE19950" i="1"/>
  <c r="AE19951" i="1"/>
  <c r="AE19952" i="1"/>
  <c r="AE19953" i="1"/>
  <c r="AE19954" i="1"/>
  <c r="AE19955" i="1"/>
  <c r="AE19956" i="1"/>
  <c r="AE19957" i="1"/>
  <c r="AE19958" i="1"/>
  <c r="AE19959" i="1"/>
  <c r="AE19960" i="1"/>
  <c r="AE19961" i="1"/>
  <c r="AE19962" i="1"/>
  <c r="AE19963" i="1"/>
  <c r="AE19964" i="1"/>
  <c r="AE19965" i="1"/>
  <c r="AE19966" i="1"/>
  <c r="AE19967" i="1"/>
  <c r="AE19968" i="1"/>
  <c r="AE19969" i="1"/>
  <c r="AE19970" i="1"/>
  <c r="AE19971" i="1"/>
  <c r="AE19972" i="1"/>
  <c r="AE19973" i="1"/>
  <c r="AE19974" i="1"/>
  <c r="AE19975" i="1"/>
  <c r="AE19976" i="1"/>
  <c r="AE19977" i="1"/>
  <c r="AE19978" i="1"/>
  <c r="AE19979" i="1"/>
  <c r="AE19980" i="1"/>
  <c r="AE19981" i="1"/>
  <c r="AE19982" i="1"/>
  <c r="AE19983" i="1"/>
  <c r="AE19984" i="1"/>
  <c r="AE19985" i="1"/>
  <c r="AE19986" i="1"/>
  <c r="AE19987" i="1"/>
  <c r="AE19988" i="1"/>
  <c r="AE19989" i="1"/>
  <c r="AE19990" i="1"/>
  <c r="AE19991" i="1"/>
  <c r="AE19992" i="1"/>
  <c r="AE19993" i="1"/>
  <c r="AE19994" i="1"/>
  <c r="AE19995" i="1"/>
  <c r="AE19996" i="1"/>
  <c r="AE19997" i="1"/>
  <c r="AE19998" i="1"/>
  <c r="AE19999" i="1"/>
  <c r="AE20000" i="1"/>
  <c r="AE20001" i="1"/>
  <c r="AE20002" i="1"/>
  <c r="AE20003" i="1"/>
  <c r="AE20004" i="1"/>
  <c r="AE20005" i="1"/>
  <c r="AE20006" i="1"/>
  <c r="AE20007" i="1"/>
  <c r="AE20008" i="1"/>
  <c r="AE20009" i="1"/>
  <c r="AE20010" i="1"/>
  <c r="AE20011" i="1"/>
  <c r="AE20012" i="1"/>
  <c r="AE20013" i="1"/>
  <c r="AE20014" i="1"/>
  <c r="AE20015" i="1"/>
  <c r="AE20016" i="1"/>
  <c r="AE20017" i="1"/>
  <c r="AE20018" i="1"/>
  <c r="AE20019" i="1"/>
  <c r="AE20020" i="1"/>
  <c r="AE20021" i="1"/>
  <c r="AE20022" i="1"/>
  <c r="AE20023" i="1"/>
  <c r="AE20024" i="1"/>
  <c r="AE20025" i="1"/>
  <c r="AE20026" i="1"/>
  <c r="AE20027" i="1"/>
  <c r="AE20028" i="1"/>
  <c r="AE20029" i="1"/>
  <c r="AE20030" i="1"/>
  <c r="AE20031" i="1"/>
  <c r="AE20032" i="1"/>
  <c r="AE20033" i="1"/>
  <c r="AE20034" i="1"/>
  <c r="AE20035" i="1"/>
  <c r="AE20036" i="1"/>
  <c r="AE20037" i="1"/>
  <c r="AE20038" i="1"/>
  <c r="AE20039" i="1"/>
  <c r="AE20040" i="1"/>
  <c r="AE20041" i="1"/>
  <c r="AE20042" i="1"/>
  <c r="AE20043" i="1"/>
  <c r="AE20044" i="1"/>
  <c r="AE20045" i="1"/>
  <c r="AE20046" i="1"/>
  <c r="AE20047" i="1"/>
  <c r="AE20048" i="1"/>
  <c r="AE20049" i="1"/>
  <c r="AE20050" i="1"/>
  <c r="AE20051" i="1"/>
  <c r="AE20052" i="1"/>
  <c r="AE20053" i="1"/>
  <c r="AE20054" i="1"/>
  <c r="AE20055" i="1"/>
  <c r="AE20056" i="1"/>
  <c r="AE20057" i="1"/>
  <c r="AE20058" i="1"/>
  <c r="AE20059" i="1"/>
  <c r="AE20060" i="1"/>
  <c r="AE20061" i="1"/>
  <c r="AE20062" i="1"/>
  <c r="AE20063" i="1"/>
  <c r="AE20064" i="1"/>
  <c r="AE20065" i="1"/>
  <c r="AE20066" i="1"/>
  <c r="AE20067" i="1"/>
  <c r="AE20068" i="1"/>
  <c r="AE20069" i="1"/>
  <c r="AE20070" i="1"/>
  <c r="AE20071" i="1"/>
  <c r="AE20072" i="1"/>
  <c r="AE20073" i="1"/>
  <c r="AE20074" i="1"/>
  <c r="AE20075" i="1"/>
  <c r="AE20076" i="1"/>
  <c r="AE20077" i="1"/>
  <c r="AE20078" i="1"/>
  <c r="AE20079" i="1"/>
  <c r="AE20080" i="1"/>
  <c r="AE20081" i="1"/>
  <c r="AE20082" i="1"/>
  <c r="AE20083" i="1"/>
  <c r="AE20084" i="1"/>
  <c r="AE20085" i="1"/>
  <c r="AE20086" i="1"/>
  <c r="AE20087" i="1"/>
  <c r="AE20088" i="1"/>
  <c r="AE20089" i="1"/>
  <c r="AE20090" i="1"/>
  <c r="AE20091" i="1"/>
  <c r="AE20092" i="1"/>
  <c r="AE20093" i="1"/>
  <c r="AE20094" i="1"/>
  <c r="AE20095" i="1"/>
  <c r="AE20096" i="1"/>
  <c r="AE20097" i="1"/>
  <c r="AE20098" i="1"/>
  <c r="AE20099" i="1"/>
  <c r="AE20100" i="1"/>
  <c r="AE20101" i="1"/>
  <c r="AE20102" i="1"/>
  <c r="AE20103" i="1"/>
  <c r="AE20104" i="1"/>
  <c r="AE20105" i="1"/>
  <c r="AE20106" i="1"/>
  <c r="AE20107" i="1"/>
  <c r="AE20108" i="1"/>
  <c r="AE20109" i="1"/>
  <c r="AE20110" i="1"/>
  <c r="AE20111" i="1"/>
  <c r="AE20112" i="1"/>
  <c r="AE20113" i="1"/>
  <c r="AE20114" i="1"/>
  <c r="AE20115" i="1"/>
  <c r="AE20116" i="1"/>
  <c r="AE20117" i="1"/>
  <c r="AE20118" i="1"/>
  <c r="AE20119" i="1"/>
  <c r="AE20120" i="1"/>
  <c r="AE20121" i="1"/>
  <c r="AE20122" i="1"/>
  <c r="AE20123" i="1"/>
  <c r="AE20124" i="1"/>
  <c r="AE20125" i="1"/>
  <c r="AE20126" i="1"/>
  <c r="AE20127" i="1"/>
  <c r="AE20128" i="1"/>
  <c r="AE20129" i="1"/>
  <c r="AE20130" i="1"/>
  <c r="AE20131" i="1"/>
  <c r="AE20132" i="1"/>
  <c r="AE20133" i="1"/>
  <c r="AE20134" i="1"/>
  <c r="AE20135" i="1"/>
  <c r="AE20136" i="1"/>
  <c r="AE20137" i="1"/>
  <c r="AE20138" i="1"/>
  <c r="AE20139" i="1"/>
  <c r="AE20140" i="1"/>
  <c r="AE20141" i="1"/>
  <c r="AE20142" i="1"/>
  <c r="AE20143" i="1"/>
  <c r="AE20144" i="1"/>
  <c r="AE20145" i="1"/>
  <c r="AE20146" i="1"/>
  <c r="AE20147" i="1"/>
  <c r="AE20148" i="1"/>
  <c r="AE20149" i="1"/>
  <c r="AE20150" i="1"/>
  <c r="AE20151" i="1"/>
  <c r="AE20152" i="1"/>
  <c r="AE20153" i="1"/>
  <c r="AE20154" i="1"/>
  <c r="AE20155" i="1"/>
  <c r="AE20156" i="1"/>
  <c r="AE20157" i="1"/>
  <c r="AE20158" i="1"/>
  <c r="AE20159" i="1"/>
  <c r="AE20160" i="1"/>
  <c r="AE20161" i="1"/>
  <c r="AE20162" i="1"/>
  <c r="AE20163" i="1"/>
  <c r="AE20164" i="1"/>
  <c r="AE20165" i="1"/>
  <c r="AE20166" i="1"/>
  <c r="AE20167" i="1"/>
  <c r="AE20168" i="1"/>
  <c r="AE20169" i="1"/>
  <c r="AE20170" i="1"/>
  <c r="AE20171" i="1"/>
  <c r="AE20172" i="1"/>
  <c r="AE20173" i="1"/>
  <c r="AE20174" i="1"/>
  <c r="AE20175" i="1"/>
  <c r="AE20176" i="1"/>
  <c r="AE20177" i="1"/>
  <c r="AE20178" i="1"/>
  <c r="AE20179" i="1"/>
  <c r="AE20180" i="1"/>
  <c r="AE20181" i="1"/>
  <c r="AE20182" i="1"/>
  <c r="AE20183" i="1"/>
  <c r="AE20184" i="1"/>
  <c r="AE20185" i="1"/>
  <c r="AE20186" i="1"/>
  <c r="AE20187" i="1"/>
  <c r="AE20188" i="1"/>
  <c r="AE20189" i="1"/>
  <c r="AE20190" i="1"/>
  <c r="AE20191" i="1"/>
  <c r="AE20192" i="1"/>
  <c r="AE20193" i="1"/>
  <c r="AE20194" i="1"/>
  <c r="AE20195" i="1"/>
  <c r="AE20196" i="1"/>
  <c r="AE20197" i="1"/>
  <c r="AE20198" i="1"/>
  <c r="AE20199" i="1"/>
  <c r="AE20200" i="1"/>
  <c r="AE20201" i="1"/>
  <c r="AE20202" i="1"/>
  <c r="AE20203" i="1"/>
  <c r="AE20204" i="1"/>
  <c r="AE20205" i="1"/>
  <c r="AE20206" i="1"/>
  <c r="AE20207" i="1"/>
  <c r="AE20208" i="1"/>
  <c r="AE20209" i="1"/>
  <c r="AE20210" i="1"/>
  <c r="AE20211" i="1"/>
  <c r="AE20212" i="1"/>
  <c r="AE20213" i="1"/>
  <c r="AE20214" i="1"/>
  <c r="AE20215" i="1"/>
  <c r="AE20216" i="1"/>
  <c r="AE20217" i="1"/>
  <c r="AE20218" i="1"/>
  <c r="AE20219" i="1"/>
  <c r="AE20220" i="1"/>
  <c r="AE20221" i="1"/>
  <c r="AE20222" i="1"/>
  <c r="AE20223" i="1"/>
  <c r="AE20224" i="1"/>
  <c r="AE20225" i="1"/>
  <c r="AE20226" i="1"/>
  <c r="AE20227" i="1"/>
  <c r="AE20228" i="1"/>
  <c r="AE20229" i="1"/>
  <c r="AE20230" i="1"/>
  <c r="AE20231" i="1"/>
  <c r="AE20232" i="1"/>
  <c r="AE20233" i="1"/>
  <c r="AE20234" i="1"/>
  <c r="AE20235" i="1"/>
  <c r="AE20236" i="1"/>
  <c r="AE20237" i="1"/>
  <c r="AE20238" i="1"/>
  <c r="AE20239" i="1"/>
  <c r="AE20240" i="1"/>
  <c r="AE20241" i="1"/>
  <c r="AE20242" i="1"/>
  <c r="AE20243" i="1"/>
  <c r="AE20244" i="1"/>
  <c r="AE20245" i="1"/>
  <c r="AE20246" i="1"/>
  <c r="AE20247" i="1"/>
  <c r="AE20248" i="1"/>
  <c r="AE20249" i="1"/>
  <c r="AE20250" i="1"/>
  <c r="AE20251" i="1"/>
  <c r="AE20252" i="1"/>
  <c r="AE20253" i="1"/>
  <c r="AE20254" i="1"/>
  <c r="AE20255" i="1"/>
  <c r="AE20256" i="1"/>
  <c r="AE20257" i="1"/>
  <c r="AE20258" i="1"/>
  <c r="AE20259" i="1"/>
  <c r="AE20260" i="1"/>
  <c r="AE20261" i="1"/>
  <c r="AE20262" i="1"/>
  <c r="AE20263" i="1"/>
  <c r="AE20264" i="1"/>
  <c r="AE20265" i="1"/>
  <c r="AE20266" i="1"/>
  <c r="AE20267" i="1"/>
  <c r="AE20268" i="1"/>
  <c r="AE20269" i="1"/>
  <c r="AE20270" i="1"/>
  <c r="AE20271" i="1"/>
  <c r="AE20272" i="1"/>
  <c r="AE20273" i="1"/>
  <c r="AE20274" i="1"/>
  <c r="AE20275" i="1"/>
  <c r="AE20276" i="1"/>
  <c r="AE20277" i="1"/>
  <c r="AE20278" i="1"/>
  <c r="AE20279" i="1"/>
  <c r="AE20280" i="1"/>
  <c r="AE20281" i="1"/>
  <c r="AE20282" i="1"/>
  <c r="AE20283" i="1"/>
  <c r="AE20284" i="1"/>
  <c r="AE20285" i="1"/>
  <c r="AE20286" i="1"/>
  <c r="AE20287" i="1"/>
  <c r="AE20288" i="1"/>
  <c r="AE20289" i="1"/>
  <c r="AE20290" i="1"/>
  <c r="AE20291" i="1"/>
  <c r="AE20292" i="1"/>
  <c r="AE20293" i="1"/>
  <c r="AE20294" i="1"/>
  <c r="AE20295" i="1"/>
  <c r="AE20296" i="1"/>
  <c r="AE20297" i="1"/>
  <c r="AE20298" i="1"/>
  <c r="AE20299" i="1"/>
  <c r="AE20300" i="1"/>
  <c r="AE20301" i="1"/>
  <c r="AE20302" i="1"/>
  <c r="AE20303" i="1"/>
  <c r="AE20304" i="1"/>
  <c r="AE20305" i="1"/>
  <c r="AE20306" i="1"/>
  <c r="AE20307" i="1"/>
  <c r="AE20308" i="1"/>
  <c r="AE20309" i="1"/>
  <c r="AE20310" i="1"/>
  <c r="AE20311" i="1"/>
  <c r="AE20312" i="1"/>
  <c r="AE20313" i="1"/>
  <c r="AE20314" i="1"/>
  <c r="AE20315" i="1"/>
  <c r="AE20316" i="1"/>
  <c r="AE20317" i="1"/>
  <c r="AE20318" i="1"/>
  <c r="AE20319" i="1"/>
  <c r="AE20320" i="1"/>
  <c r="AE20321" i="1"/>
  <c r="AE20322" i="1"/>
  <c r="AE20323" i="1"/>
  <c r="AE20324" i="1"/>
  <c r="AE20325" i="1"/>
  <c r="AE20326" i="1"/>
  <c r="AE20327" i="1"/>
  <c r="AE20328" i="1"/>
  <c r="AE20329" i="1"/>
  <c r="AE20330" i="1"/>
  <c r="AE20331" i="1"/>
  <c r="AE20332" i="1"/>
  <c r="AE20333" i="1"/>
  <c r="AE20334" i="1"/>
  <c r="AE20335" i="1"/>
  <c r="AE20336" i="1"/>
  <c r="AE20337" i="1"/>
  <c r="AE20338" i="1"/>
  <c r="AE20339" i="1"/>
  <c r="AE20340" i="1"/>
  <c r="AE20341" i="1"/>
  <c r="AE20342" i="1"/>
  <c r="AE20343" i="1"/>
  <c r="AE20344" i="1"/>
  <c r="AE20345" i="1"/>
  <c r="AE20346" i="1"/>
  <c r="AE20347" i="1"/>
  <c r="AE20348" i="1"/>
  <c r="AE20349" i="1"/>
  <c r="AE20350" i="1"/>
  <c r="AE20351" i="1"/>
  <c r="AE20352" i="1"/>
  <c r="AE20353" i="1"/>
  <c r="AE20354" i="1"/>
  <c r="AE20355" i="1"/>
  <c r="AE20356" i="1"/>
  <c r="AE20357" i="1"/>
  <c r="AE20358" i="1"/>
  <c r="AE20359" i="1"/>
  <c r="AE20360" i="1"/>
  <c r="AE20361" i="1"/>
  <c r="AE20362" i="1"/>
  <c r="AE20363" i="1"/>
  <c r="AE20364" i="1"/>
  <c r="AE20365" i="1"/>
  <c r="AE20366" i="1"/>
  <c r="AE20367" i="1"/>
  <c r="AE20368" i="1"/>
  <c r="AE20369" i="1"/>
  <c r="AE20370" i="1"/>
  <c r="AE20371" i="1"/>
  <c r="AE20372" i="1"/>
  <c r="AE20373" i="1"/>
  <c r="AE20374" i="1"/>
  <c r="AE20375" i="1"/>
  <c r="AE20376" i="1"/>
  <c r="AE20377" i="1"/>
  <c r="AE20378" i="1"/>
  <c r="AE20379" i="1"/>
  <c r="AE20380" i="1"/>
  <c r="AE20381" i="1"/>
  <c r="AE20382" i="1"/>
  <c r="AE20383" i="1"/>
  <c r="AE20384" i="1"/>
  <c r="AE20385" i="1"/>
  <c r="AE20386" i="1"/>
  <c r="AE20387" i="1"/>
  <c r="AE20388" i="1"/>
  <c r="AE20389" i="1"/>
  <c r="AE20390" i="1"/>
  <c r="AE20391" i="1"/>
  <c r="AE20392" i="1"/>
  <c r="AE20393" i="1"/>
  <c r="AE20394" i="1"/>
  <c r="AE20395" i="1"/>
  <c r="AE20396" i="1"/>
  <c r="AE20397" i="1"/>
  <c r="AE20398" i="1"/>
  <c r="AE20399" i="1"/>
  <c r="AE20400" i="1"/>
  <c r="AE20401" i="1"/>
  <c r="AE20402" i="1"/>
  <c r="AE20403" i="1"/>
  <c r="AE20404" i="1"/>
  <c r="AE20405" i="1"/>
  <c r="AE20406" i="1"/>
  <c r="AE20407" i="1"/>
  <c r="AE20408" i="1"/>
  <c r="AE20409" i="1"/>
  <c r="AE20410" i="1"/>
  <c r="AE20411" i="1"/>
  <c r="AE20412" i="1"/>
  <c r="AE20413" i="1"/>
  <c r="AE20414" i="1"/>
  <c r="AE20415" i="1"/>
  <c r="AE20416" i="1"/>
  <c r="AE20417" i="1"/>
  <c r="AE20418" i="1"/>
  <c r="AE20419" i="1"/>
  <c r="AE20420" i="1"/>
  <c r="AE20421" i="1"/>
  <c r="AE20422" i="1"/>
  <c r="AE20423" i="1"/>
  <c r="AE20424" i="1"/>
  <c r="AE20425" i="1"/>
  <c r="AE20426" i="1"/>
  <c r="AE20427" i="1"/>
  <c r="AE20428" i="1"/>
  <c r="AE20429" i="1"/>
  <c r="AE20430" i="1"/>
  <c r="AE20431" i="1"/>
  <c r="AE20432" i="1"/>
  <c r="AE20433" i="1"/>
  <c r="AE20434" i="1"/>
  <c r="AE20435" i="1"/>
  <c r="AE20436" i="1"/>
  <c r="AE20437" i="1"/>
  <c r="AE20438" i="1"/>
  <c r="AE20439" i="1"/>
  <c r="AE20440" i="1"/>
  <c r="AE20441" i="1"/>
  <c r="AE20442" i="1"/>
  <c r="AE20443" i="1"/>
  <c r="AE20444" i="1"/>
  <c r="AE20445" i="1"/>
  <c r="AE20446" i="1"/>
  <c r="AE20447" i="1"/>
  <c r="AE20448" i="1"/>
  <c r="AE20449" i="1"/>
  <c r="AE20450" i="1"/>
  <c r="AE20451" i="1"/>
  <c r="AE20452" i="1"/>
  <c r="AE20453" i="1"/>
  <c r="AE20454" i="1"/>
  <c r="AE20455" i="1"/>
  <c r="AE20456" i="1"/>
  <c r="AE20457" i="1"/>
  <c r="AE20458" i="1"/>
  <c r="AE20459" i="1"/>
  <c r="AE20460" i="1"/>
  <c r="AE20461" i="1"/>
  <c r="AE20462" i="1"/>
  <c r="AE20463" i="1"/>
  <c r="AE20464" i="1"/>
  <c r="AE20465" i="1"/>
  <c r="AE20466" i="1"/>
  <c r="AE20467" i="1"/>
  <c r="AE20468" i="1"/>
  <c r="AE20469" i="1"/>
  <c r="AE20470" i="1"/>
  <c r="AE20471" i="1"/>
  <c r="AE20472" i="1"/>
  <c r="AE20473" i="1"/>
  <c r="AE20474" i="1"/>
  <c r="AE20475" i="1"/>
  <c r="AE20476" i="1"/>
  <c r="AE20477" i="1"/>
  <c r="AE20478" i="1"/>
  <c r="AE20479" i="1"/>
  <c r="AE20480" i="1"/>
  <c r="AE20481" i="1"/>
  <c r="AE20482" i="1"/>
  <c r="AE20483" i="1"/>
  <c r="AE20484" i="1"/>
  <c r="AE20485" i="1"/>
  <c r="AE20486" i="1"/>
  <c r="AE20487" i="1"/>
  <c r="AE20488" i="1"/>
  <c r="AE20489" i="1"/>
  <c r="AE20490" i="1"/>
  <c r="AE20491" i="1"/>
  <c r="AE20492" i="1"/>
  <c r="AE20493" i="1"/>
  <c r="AE20494" i="1"/>
  <c r="AE20495" i="1"/>
  <c r="AE20496" i="1"/>
  <c r="AE20497" i="1"/>
  <c r="AE20498" i="1"/>
  <c r="AE20499" i="1"/>
  <c r="AE20500" i="1"/>
  <c r="AE20501" i="1"/>
  <c r="AE20502" i="1"/>
  <c r="AE20503" i="1"/>
  <c r="AE20504" i="1"/>
  <c r="AE20505" i="1"/>
  <c r="AE20506" i="1"/>
  <c r="AE20507" i="1"/>
  <c r="AE20508" i="1"/>
  <c r="AE20509" i="1"/>
  <c r="AE20510" i="1"/>
  <c r="AE20511" i="1"/>
  <c r="AE20512" i="1"/>
  <c r="AE20513" i="1"/>
  <c r="AE20514" i="1"/>
  <c r="AE20515" i="1"/>
  <c r="AE20516" i="1"/>
  <c r="AE20517" i="1"/>
  <c r="AE20518" i="1"/>
  <c r="AE20519" i="1"/>
  <c r="AE20520" i="1"/>
  <c r="AE20521" i="1"/>
  <c r="AE20522" i="1"/>
  <c r="AE20523" i="1"/>
  <c r="AE20524" i="1"/>
  <c r="AE20525" i="1"/>
  <c r="AE20526" i="1"/>
  <c r="AE20527" i="1"/>
  <c r="AE20528" i="1"/>
  <c r="AE20529" i="1"/>
  <c r="AE20530" i="1"/>
  <c r="AE20531" i="1"/>
  <c r="AE20532" i="1"/>
  <c r="AE20533" i="1"/>
  <c r="AE20534" i="1"/>
  <c r="AE20535" i="1"/>
  <c r="AE20536" i="1"/>
  <c r="AE20537" i="1"/>
  <c r="AE20538" i="1"/>
  <c r="AE20539" i="1"/>
  <c r="AE20540" i="1"/>
  <c r="AE20541" i="1"/>
  <c r="AE20542" i="1"/>
  <c r="AE20543" i="1"/>
  <c r="AE20544" i="1"/>
  <c r="AE20545" i="1"/>
  <c r="AE20546" i="1"/>
  <c r="AE20547" i="1"/>
  <c r="AE20548" i="1"/>
  <c r="AE20549" i="1"/>
  <c r="AE20550" i="1"/>
  <c r="AE20551" i="1"/>
  <c r="AE20552" i="1"/>
  <c r="AE20553" i="1"/>
  <c r="AE20554" i="1"/>
  <c r="AE20555" i="1"/>
  <c r="AE20556" i="1"/>
  <c r="AE20557" i="1"/>
  <c r="AE20558" i="1"/>
  <c r="AE20559" i="1"/>
  <c r="AE20560" i="1"/>
  <c r="AE20561" i="1"/>
  <c r="AE20562" i="1"/>
  <c r="AE20563" i="1"/>
  <c r="AE20564" i="1"/>
  <c r="AE20565" i="1"/>
  <c r="AE20566" i="1"/>
  <c r="AE20567" i="1"/>
  <c r="AE20568" i="1"/>
  <c r="AE20569" i="1"/>
  <c r="AE20570" i="1"/>
  <c r="AE20571" i="1"/>
  <c r="AE20572" i="1"/>
  <c r="AE20573" i="1"/>
  <c r="AE20574" i="1"/>
  <c r="AE20575" i="1"/>
  <c r="AE20576" i="1"/>
  <c r="AE20577" i="1"/>
  <c r="AE20578" i="1"/>
  <c r="AE20579" i="1"/>
  <c r="AE20580" i="1"/>
  <c r="AE20581" i="1"/>
  <c r="AE20582" i="1"/>
  <c r="AE20583" i="1"/>
  <c r="AE20584" i="1"/>
  <c r="AE20585" i="1"/>
  <c r="AE20586" i="1"/>
  <c r="AE20587" i="1"/>
  <c r="AE20588" i="1"/>
  <c r="AE20589" i="1"/>
  <c r="AE20590" i="1"/>
  <c r="AE20591" i="1"/>
  <c r="AE20592" i="1"/>
  <c r="AE20593" i="1"/>
  <c r="AE20594" i="1"/>
  <c r="AE20595" i="1"/>
  <c r="AE20596" i="1"/>
  <c r="AE20597" i="1"/>
  <c r="AE20598" i="1"/>
  <c r="AE20599" i="1"/>
  <c r="AE20600" i="1"/>
  <c r="AE20601" i="1"/>
  <c r="AE20602" i="1"/>
  <c r="AE20603" i="1"/>
  <c r="AE20604" i="1"/>
  <c r="AE20605" i="1"/>
  <c r="AE20606" i="1"/>
  <c r="AE20607" i="1"/>
  <c r="AE20608" i="1"/>
  <c r="AE20609" i="1"/>
  <c r="AE20610" i="1"/>
  <c r="AE20611" i="1"/>
  <c r="AE20612" i="1"/>
  <c r="AE20613" i="1"/>
  <c r="AE20614" i="1"/>
  <c r="AE20615" i="1"/>
  <c r="AE20616" i="1"/>
  <c r="AE20617" i="1"/>
  <c r="AE20618" i="1"/>
  <c r="AE20619" i="1"/>
  <c r="AE20620" i="1"/>
  <c r="AE20621" i="1"/>
  <c r="AE20622" i="1"/>
  <c r="AE20623" i="1"/>
  <c r="AE20624" i="1"/>
  <c r="AE20625" i="1"/>
  <c r="AE20626" i="1"/>
  <c r="AE20627" i="1"/>
  <c r="AE20628" i="1"/>
  <c r="AE20629" i="1"/>
  <c r="AE20630" i="1"/>
  <c r="AE20631" i="1"/>
  <c r="AE20632" i="1"/>
  <c r="AE20633" i="1"/>
  <c r="AE20634" i="1"/>
  <c r="AE20635" i="1"/>
  <c r="AE20636" i="1"/>
  <c r="AE20637" i="1"/>
  <c r="AE20638" i="1"/>
  <c r="AE20639" i="1"/>
  <c r="AE20640" i="1"/>
  <c r="AE20641" i="1"/>
  <c r="AE20642" i="1"/>
  <c r="AE20643" i="1"/>
  <c r="AE20644" i="1"/>
  <c r="AE20645" i="1"/>
  <c r="AE20646" i="1"/>
  <c r="AE20647" i="1"/>
  <c r="AE20648" i="1"/>
  <c r="AE20649" i="1"/>
  <c r="AE20650" i="1"/>
  <c r="AE20651" i="1"/>
  <c r="AE20652" i="1"/>
  <c r="AE20653" i="1"/>
  <c r="AE20654" i="1"/>
  <c r="AE20655" i="1"/>
  <c r="AE20656" i="1"/>
  <c r="AE20657" i="1"/>
  <c r="AE20658" i="1"/>
  <c r="AE20659" i="1"/>
  <c r="AE20660" i="1"/>
  <c r="AE20661" i="1"/>
  <c r="AE20662" i="1"/>
  <c r="AE20663" i="1"/>
  <c r="AE20664" i="1"/>
  <c r="AE20665" i="1"/>
  <c r="AE20666" i="1"/>
  <c r="AE20667" i="1"/>
  <c r="AE20668" i="1"/>
  <c r="AE20669" i="1"/>
  <c r="AE20670" i="1"/>
  <c r="AE20671" i="1"/>
  <c r="AE20672" i="1"/>
  <c r="AE20673" i="1"/>
  <c r="AE20674" i="1"/>
  <c r="AE20675" i="1"/>
  <c r="AE20676" i="1"/>
  <c r="AE20677" i="1"/>
  <c r="AE20678" i="1"/>
  <c r="AE20679" i="1"/>
  <c r="AE20680" i="1"/>
  <c r="AE20681" i="1"/>
  <c r="AE20682" i="1"/>
  <c r="AE20683" i="1"/>
  <c r="AE20684" i="1"/>
  <c r="AE20685" i="1"/>
  <c r="AE20686" i="1"/>
  <c r="AE20687" i="1"/>
  <c r="AE20688" i="1"/>
  <c r="AE20689" i="1"/>
  <c r="AE20690" i="1"/>
  <c r="AE20691" i="1"/>
  <c r="AE20692" i="1"/>
  <c r="AE20693" i="1"/>
  <c r="AE20694" i="1"/>
  <c r="AE20695" i="1"/>
  <c r="AE20696" i="1"/>
  <c r="AE20697" i="1"/>
  <c r="AE20698" i="1"/>
  <c r="AE20699" i="1"/>
  <c r="AE20700" i="1"/>
  <c r="AE20701" i="1"/>
  <c r="AE20702" i="1"/>
  <c r="AE20703" i="1"/>
  <c r="AE20704" i="1"/>
  <c r="AE20705" i="1"/>
  <c r="AE20706" i="1"/>
  <c r="AE20707" i="1"/>
  <c r="AE20708" i="1"/>
  <c r="AE20709" i="1"/>
  <c r="AE20710" i="1"/>
  <c r="AE20711" i="1"/>
  <c r="AE20712" i="1"/>
  <c r="AE20713" i="1"/>
  <c r="AE20714" i="1"/>
  <c r="AE20715" i="1"/>
  <c r="AE20716" i="1"/>
  <c r="AE20717" i="1"/>
  <c r="AE20718" i="1"/>
  <c r="AE20719" i="1"/>
  <c r="AE20720" i="1"/>
  <c r="AE20721" i="1"/>
  <c r="AE20722" i="1"/>
  <c r="AE20723" i="1"/>
  <c r="AE20724" i="1"/>
  <c r="AE20725" i="1"/>
  <c r="AE20726" i="1"/>
  <c r="AE20727" i="1"/>
  <c r="AE20728" i="1"/>
  <c r="AE20729" i="1"/>
  <c r="AE20730" i="1"/>
  <c r="AE20731" i="1"/>
  <c r="AE20732" i="1"/>
  <c r="AE20733" i="1"/>
  <c r="AE20734" i="1"/>
  <c r="AE20735" i="1"/>
  <c r="AE20736" i="1"/>
  <c r="AE20737" i="1"/>
  <c r="AE20738" i="1"/>
  <c r="AE20739" i="1"/>
  <c r="AE20740" i="1"/>
  <c r="AE20741" i="1"/>
  <c r="AE20742" i="1"/>
  <c r="AE20743" i="1"/>
  <c r="AE20744" i="1"/>
  <c r="AE20745" i="1"/>
  <c r="AE20746" i="1"/>
  <c r="AE20747" i="1"/>
  <c r="AE20748" i="1"/>
  <c r="AE20749" i="1"/>
  <c r="AE20750" i="1"/>
  <c r="AE20751" i="1"/>
  <c r="AE20752" i="1"/>
  <c r="AE20753" i="1"/>
  <c r="AE20754" i="1"/>
  <c r="AE20755" i="1"/>
  <c r="AE20756" i="1"/>
  <c r="AE20757" i="1"/>
  <c r="AE20758" i="1"/>
  <c r="AE20759" i="1"/>
  <c r="AE20760" i="1"/>
  <c r="AE20761" i="1"/>
  <c r="AE20762" i="1"/>
  <c r="AE20763" i="1"/>
  <c r="AE20764" i="1"/>
  <c r="AE20765" i="1"/>
  <c r="AE20766" i="1"/>
  <c r="AE20767" i="1"/>
  <c r="AE20768" i="1"/>
  <c r="AE20769" i="1"/>
  <c r="AE20770" i="1"/>
  <c r="AE20771" i="1"/>
  <c r="AE20772" i="1"/>
  <c r="AE20773" i="1"/>
  <c r="AE20774" i="1"/>
  <c r="AE20775" i="1"/>
  <c r="AE20776" i="1"/>
  <c r="AE20777" i="1"/>
  <c r="AE20778" i="1"/>
  <c r="AE20779" i="1"/>
  <c r="AE20780" i="1"/>
  <c r="AE20781" i="1"/>
  <c r="AE20782" i="1"/>
  <c r="AE20783" i="1"/>
  <c r="AE20784" i="1"/>
  <c r="AE20785" i="1"/>
  <c r="AE20786" i="1"/>
  <c r="AE20787" i="1"/>
  <c r="AE20788" i="1"/>
  <c r="AE20789" i="1"/>
  <c r="AE20790" i="1"/>
  <c r="AE20791" i="1"/>
  <c r="AE20792" i="1"/>
  <c r="AE20793" i="1"/>
  <c r="AE20794" i="1"/>
  <c r="AE20795" i="1"/>
  <c r="AE20796" i="1"/>
  <c r="AE20797" i="1"/>
  <c r="AE20798" i="1"/>
  <c r="AE20799" i="1"/>
  <c r="AE20800" i="1"/>
  <c r="AE20801" i="1"/>
  <c r="AE20802" i="1"/>
  <c r="AE20803" i="1"/>
  <c r="AE20804" i="1"/>
  <c r="AE20805" i="1"/>
  <c r="AE20806" i="1"/>
  <c r="AE20807" i="1"/>
  <c r="AE20808" i="1"/>
  <c r="AE20809" i="1"/>
  <c r="AE20810" i="1"/>
  <c r="AE20811" i="1"/>
  <c r="AE20812" i="1"/>
  <c r="AE20813" i="1"/>
  <c r="AE20814" i="1"/>
  <c r="AE20815" i="1"/>
  <c r="AE20816" i="1"/>
  <c r="AE20817" i="1"/>
  <c r="AE20818" i="1"/>
  <c r="AE20819" i="1"/>
  <c r="AE20820" i="1"/>
  <c r="AE20821" i="1"/>
  <c r="AE20822" i="1"/>
  <c r="AE20823" i="1"/>
  <c r="AE20824" i="1"/>
  <c r="AE20825" i="1"/>
  <c r="AE20826" i="1"/>
  <c r="AE20827" i="1"/>
  <c r="AE20828" i="1"/>
  <c r="AE20829" i="1"/>
  <c r="AE20830" i="1"/>
  <c r="AE20831" i="1"/>
  <c r="AE20832" i="1"/>
  <c r="AE20833" i="1"/>
  <c r="AE20834" i="1"/>
  <c r="AE20835" i="1"/>
  <c r="AE20836" i="1"/>
  <c r="AE20837" i="1"/>
  <c r="AE20838" i="1"/>
  <c r="AE20839" i="1"/>
  <c r="AE20840" i="1"/>
  <c r="AE20841" i="1"/>
  <c r="AE20842" i="1"/>
  <c r="AE20843" i="1"/>
  <c r="AE20844" i="1"/>
  <c r="AE20845" i="1"/>
  <c r="AE20846" i="1"/>
  <c r="AE20847" i="1"/>
  <c r="AE20848" i="1"/>
  <c r="AE20849" i="1"/>
  <c r="AE20850" i="1"/>
  <c r="AE20851" i="1"/>
  <c r="AE20852" i="1"/>
  <c r="AE20853" i="1"/>
  <c r="AE20854" i="1"/>
  <c r="AE20855" i="1"/>
  <c r="AE20856" i="1"/>
  <c r="AE20857" i="1"/>
  <c r="AE20858" i="1"/>
  <c r="AE20859" i="1"/>
  <c r="AE20860" i="1"/>
  <c r="AE20861" i="1"/>
  <c r="AE20862" i="1"/>
  <c r="AE20863" i="1"/>
  <c r="AE20864" i="1"/>
  <c r="AE20865" i="1"/>
  <c r="AE20866" i="1"/>
  <c r="AE20867" i="1"/>
  <c r="AE20868" i="1"/>
  <c r="AE20869" i="1"/>
  <c r="AE20870" i="1"/>
  <c r="AE20871" i="1"/>
  <c r="AE20872" i="1"/>
  <c r="AE20873" i="1"/>
  <c r="AE20874" i="1"/>
  <c r="AE20875" i="1"/>
  <c r="AE20876" i="1"/>
  <c r="AE20877" i="1"/>
  <c r="AE20878" i="1"/>
  <c r="AE20879" i="1"/>
  <c r="AE20880" i="1"/>
  <c r="AE20881" i="1"/>
  <c r="AE20882" i="1"/>
  <c r="AE20883" i="1"/>
  <c r="AE20884" i="1"/>
  <c r="AE20885" i="1"/>
  <c r="AE20886" i="1"/>
  <c r="AE20887" i="1"/>
  <c r="AE20888" i="1"/>
  <c r="AE20889" i="1"/>
  <c r="AE20890" i="1"/>
  <c r="AE20891" i="1"/>
  <c r="AE20892" i="1"/>
  <c r="AE20893" i="1"/>
  <c r="AE20894" i="1"/>
  <c r="AE20895" i="1"/>
  <c r="AE20896" i="1"/>
  <c r="AE20897" i="1"/>
  <c r="AE20898" i="1"/>
  <c r="AE20899" i="1"/>
  <c r="AE20900" i="1"/>
  <c r="AE20901" i="1"/>
  <c r="AE20902" i="1"/>
  <c r="AE20903" i="1"/>
  <c r="AE20904" i="1"/>
  <c r="AE20905" i="1"/>
  <c r="AE20906" i="1"/>
  <c r="AE20907" i="1"/>
  <c r="AE20908" i="1"/>
  <c r="AE20909" i="1"/>
  <c r="AE20910" i="1"/>
  <c r="AE20911" i="1"/>
  <c r="AE20912" i="1"/>
  <c r="AE20913" i="1"/>
  <c r="AE20914" i="1"/>
  <c r="AE20915" i="1"/>
  <c r="AE20916" i="1"/>
  <c r="AE20917" i="1"/>
  <c r="AE20918" i="1"/>
  <c r="AE20919" i="1"/>
  <c r="AE20920" i="1"/>
  <c r="AE20921" i="1"/>
  <c r="AE20922" i="1"/>
  <c r="AE20923" i="1"/>
  <c r="AE20924" i="1"/>
  <c r="AE20925" i="1"/>
  <c r="AE20926" i="1"/>
  <c r="AE20927" i="1"/>
  <c r="AE20928" i="1"/>
  <c r="AE20929" i="1"/>
  <c r="AE20930" i="1"/>
  <c r="AE20931" i="1"/>
  <c r="AE20932" i="1"/>
  <c r="AE20933" i="1"/>
  <c r="AE20934" i="1"/>
  <c r="AE20935" i="1"/>
  <c r="AE20936" i="1"/>
  <c r="AE20937" i="1"/>
  <c r="AE20938" i="1"/>
  <c r="AE20939" i="1"/>
  <c r="AE20940" i="1"/>
  <c r="AE20941" i="1"/>
  <c r="AE20942" i="1"/>
  <c r="AE20943" i="1"/>
  <c r="AE20944" i="1"/>
  <c r="AE20945" i="1"/>
  <c r="AE20946" i="1"/>
  <c r="AE20947" i="1"/>
  <c r="AE20948" i="1"/>
  <c r="AE20949" i="1"/>
  <c r="AE20950" i="1"/>
  <c r="AE20951" i="1"/>
  <c r="AE20952" i="1"/>
  <c r="AE20953" i="1"/>
  <c r="AE20954" i="1"/>
  <c r="AE20955" i="1"/>
  <c r="AE20956" i="1"/>
  <c r="AE20957" i="1"/>
  <c r="AE20958" i="1"/>
  <c r="AE20959" i="1"/>
  <c r="AE20960" i="1"/>
  <c r="AE20961" i="1"/>
  <c r="AE20962" i="1"/>
  <c r="AE20963" i="1"/>
  <c r="AE20964" i="1"/>
  <c r="AE20965" i="1"/>
  <c r="AE20966" i="1"/>
  <c r="AE20967" i="1"/>
  <c r="AE20968" i="1"/>
  <c r="AE20969" i="1"/>
  <c r="AE20970" i="1"/>
  <c r="AE20971" i="1"/>
  <c r="AE20972" i="1"/>
  <c r="AE20973" i="1"/>
  <c r="AE20974" i="1"/>
  <c r="AE20975" i="1"/>
  <c r="AE20976" i="1"/>
  <c r="AE20977" i="1"/>
  <c r="AE20978" i="1"/>
  <c r="AE20979" i="1"/>
  <c r="AE20980" i="1"/>
  <c r="AE20981" i="1"/>
  <c r="AE20982" i="1"/>
  <c r="AE20983" i="1"/>
  <c r="AE20984" i="1"/>
  <c r="AE20985" i="1"/>
  <c r="AE20986" i="1"/>
  <c r="AE20987" i="1"/>
  <c r="AE20988" i="1"/>
  <c r="AE20989" i="1"/>
  <c r="AE20990" i="1"/>
  <c r="AE20991" i="1"/>
  <c r="AE20992" i="1"/>
  <c r="AE20993" i="1"/>
  <c r="AE20994" i="1"/>
  <c r="AE20995" i="1"/>
  <c r="AE20996" i="1"/>
  <c r="AE20997" i="1"/>
  <c r="AE20998" i="1"/>
  <c r="AE20999" i="1"/>
  <c r="AE21000" i="1"/>
  <c r="AE21001" i="1"/>
  <c r="AE21002" i="1"/>
  <c r="AE21003" i="1"/>
  <c r="AE21004" i="1"/>
  <c r="AE21005" i="1"/>
  <c r="AE21006" i="1"/>
  <c r="AE21007" i="1"/>
  <c r="AE21008" i="1"/>
  <c r="AE21009" i="1"/>
  <c r="AE21010" i="1"/>
  <c r="AE21011" i="1"/>
  <c r="AE21012" i="1"/>
  <c r="AE21013" i="1"/>
  <c r="AE21014" i="1"/>
  <c r="AE21015" i="1"/>
  <c r="AE21016" i="1"/>
  <c r="AE21017" i="1"/>
  <c r="AE21018" i="1"/>
  <c r="AE21019" i="1"/>
  <c r="AE21020" i="1"/>
  <c r="AE21021" i="1"/>
  <c r="AE21022" i="1"/>
  <c r="AE21023" i="1"/>
  <c r="AE21024" i="1"/>
  <c r="AE21025" i="1"/>
  <c r="AE21026" i="1"/>
  <c r="AE21027" i="1"/>
  <c r="AE21028" i="1"/>
  <c r="AE21029" i="1"/>
  <c r="AE21030" i="1"/>
  <c r="AE21031" i="1"/>
  <c r="AE21032" i="1"/>
  <c r="AE21033" i="1"/>
  <c r="AE21034" i="1"/>
  <c r="AE21035" i="1"/>
  <c r="AE21036" i="1"/>
  <c r="AE21037" i="1"/>
  <c r="AE21038" i="1"/>
  <c r="AE21039" i="1"/>
  <c r="AE21040" i="1"/>
  <c r="AE21041" i="1"/>
  <c r="AE21042" i="1"/>
  <c r="AE21043" i="1"/>
  <c r="AE21044" i="1"/>
  <c r="AE21045" i="1"/>
  <c r="AE21046" i="1"/>
  <c r="AE21047" i="1"/>
  <c r="AE21048" i="1"/>
  <c r="AE21049" i="1"/>
  <c r="AE21050" i="1"/>
  <c r="AE21051" i="1"/>
  <c r="AE21052" i="1"/>
  <c r="AE21053" i="1"/>
  <c r="AE21054" i="1"/>
  <c r="AE21055" i="1"/>
  <c r="AE21056" i="1"/>
  <c r="AE21057" i="1"/>
  <c r="AE21058" i="1"/>
  <c r="AE21059" i="1"/>
  <c r="AE21060" i="1"/>
  <c r="AE21061" i="1"/>
  <c r="AE21062" i="1"/>
  <c r="AE21063" i="1"/>
  <c r="AE21064" i="1"/>
  <c r="AE21065" i="1"/>
  <c r="AE21066" i="1"/>
  <c r="AE21067" i="1"/>
  <c r="AE21068" i="1"/>
  <c r="AE21069" i="1"/>
  <c r="AE21070" i="1"/>
  <c r="AE21071" i="1"/>
  <c r="AE21072" i="1"/>
  <c r="AE21073" i="1"/>
  <c r="AE21074" i="1"/>
  <c r="AE21075" i="1"/>
  <c r="AE21076" i="1"/>
  <c r="AE21077" i="1"/>
  <c r="AE21078" i="1"/>
  <c r="AE21079" i="1"/>
  <c r="AE21080" i="1"/>
  <c r="AE21081" i="1"/>
  <c r="AE21082" i="1"/>
  <c r="AE21083" i="1"/>
  <c r="AE21084" i="1"/>
  <c r="AE21085" i="1"/>
  <c r="AE21086" i="1"/>
  <c r="AE21087" i="1"/>
  <c r="AE21088" i="1"/>
  <c r="AE21089" i="1"/>
  <c r="AE21090" i="1"/>
  <c r="AE21091" i="1"/>
  <c r="AE21092" i="1"/>
  <c r="AE21093" i="1"/>
  <c r="AE21094" i="1"/>
  <c r="AE21095" i="1"/>
  <c r="AE21096" i="1"/>
  <c r="AE21097" i="1"/>
  <c r="AE21098" i="1"/>
  <c r="AE21099" i="1"/>
  <c r="AE21100" i="1"/>
  <c r="AE21101" i="1"/>
  <c r="AE21102" i="1"/>
  <c r="AE21103" i="1"/>
  <c r="AE21104" i="1"/>
  <c r="AE21105" i="1"/>
  <c r="AE21106" i="1"/>
  <c r="AE21107" i="1"/>
  <c r="AE21108" i="1"/>
  <c r="AE21109" i="1"/>
  <c r="AE21110" i="1"/>
  <c r="AE21111" i="1"/>
  <c r="AE21112" i="1"/>
  <c r="AE21113" i="1"/>
  <c r="AE21114" i="1"/>
  <c r="AE21115" i="1"/>
  <c r="AE21116" i="1"/>
  <c r="AE21117" i="1"/>
  <c r="AE21118" i="1"/>
  <c r="AE21119" i="1"/>
  <c r="AE21120" i="1"/>
  <c r="AE21121" i="1"/>
  <c r="AE21122" i="1"/>
  <c r="AE21123" i="1"/>
  <c r="AE21124" i="1"/>
  <c r="AE21125" i="1"/>
  <c r="AE21126" i="1"/>
  <c r="AE21127" i="1"/>
  <c r="AE21128" i="1"/>
  <c r="AE21129" i="1"/>
  <c r="AE21130" i="1"/>
  <c r="AE21131" i="1"/>
  <c r="AE21132" i="1"/>
  <c r="AE21133" i="1"/>
  <c r="AE21134" i="1"/>
  <c r="AE21135" i="1"/>
  <c r="AE21136" i="1"/>
  <c r="AE21137" i="1"/>
  <c r="AE21138" i="1"/>
  <c r="AE21139" i="1"/>
  <c r="AE21140" i="1"/>
  <c r="AE21141" i="1"/>
  <c r="AE21142" i="1"/>
  <c r="AE21143" i="1"/>
  <c r="AE21144" i="1"/>
  <c r="AE21145" i="1"/>
  <c r="AE21146" i="1"/>
  <c r="AE21147" i="1"/>
  <c r="AE21148" i="1"/>
  <c r="AE21149" i="1"/>
  <c r="AE21150" i="1"/>
  <c r="AE21151" i="1"/>
  <c r="AE21152" i="1"/>
  <c r="AE21153" i="1"/>
  <c r="AE21154" i="1"/>
  <c r="AE21155" i="1"/>
  <c r="AE21156" i="1"/>
  <c r="AE21157" i="1"/>
  <c r="AE21158" i="1"/>
  <c r="AE21159" i="1"/>
  <c r="AE21160" i="1"/>
  <c r="AE21161" i="1"/>
  <c r="AE21162" i="1"/>
  <c r="AE21163" i="1"/>
  <c r="AE21164" i="1"/>
  <c r="AE21165" i="1"/>
  <c r="AE21166" i="1"/>
  <c r="AE21167" i="1"/>
  <c r="AE21168" i="1"/>
  <c r="AE21169" i="1"/>
  <c r="AE21170" i="1"/>
  <c r="AE21171" i="1"/>
  <c r="AE21172" i="1"/>
  <c r="AE21173" i="1"/>
  <c r="AE21174" i="1"/>
  <c r="AE21175" i="1"/>
  <c r="AE21176" i="1"/>
  <c r="AE21177" i="1"/>
  <c r="AE21178" i="1"/>
  <c r="AE21179" i="1"/>
  <c r="AE21180" i="1"/>
  <c r="AE21181" i="1"/>
  <c r="AE21182" i="1"/>
  <c r="AE21183" i="1"/>
  <c r="AE21184" i="1"/>
  <c r="AE21185" i="1"/>
  <c r="AE21186" i="1"/>
  <c r="AE21187" i="1"/>
  <c r="AE21188" i="1"/>
  <c r="AE21189" i="1"/>
  <c r="AE21190" i="1"/>
  <c r="AE21191" i="1"/>
  <c r="AE21192" i="1"/>
  <c r="AE21193" i="1"/>
  <c r="AE21194" i="1"/>
  <c r="AE21195" i="1"/>
  <c r="AE21196" i="1"/>
  <c r="AE21197" i="1"/>
  <c r="AE21198" i="1"/>
  <c r="AE21199" i="1"/>
  <c r="AE21200" i="1"/>
  <c r="AE21201" i="1"/>
  <c r="AE21202" i="1"/>
  <c r="AE21203" i="1"/>
  <c r="AE21204" i="1"/>
  <c r="AE21205" i="1"/>
  <c r="AE21206" i="1"/>
  <c r="AE21207" i="1"/>
  <c r="AE21208" i="1"/>
  <c r="AE21209" i="1"/>
  <c r="AE21210" i="1"/>
  <c r="AE21211" i="1"/>
  <c r="AE21212" i="1"/>
  <c r="AE21213" i="1"/>
  <c r="AE21214" i="1"/>
  <c r="AE21215" i="1"/>
  <c r="AE21216" i="1"/>
  <c r="AE21217" i="1"/>
  <c r="AE21218" i="1"/>
  <c r="AE21219" i="1"/>
  <c r="AE21220" i="1"/>
  <c r="AE21221" i="1"/>
  <c r="AE21222" i="1"/>
  <c r="AE21223" i="1"/>
  <c r="AE21224" i="1"/>
  <c r="AE21225" i="1"/>
  <c r="AE21226" i="1"/>
  <c r="AE21227" i="1"/>
  <c r="AE21228" i="1"/>
  <c r="AE21229" i="1"/>
  <c r="AE21230" i="1"/>
  <c r="AE21231" i="1"/>
  <c r="AE21232" i="1"/>
  <c r="AE21233" i="1"/>
  <c r="AE21234" i="1"/>
  <c r="AE21235" i="1"/>
  <c r="AE21236" i="1"/>
  <c r="AE21237" i="1"/>
  <c r="AE21238" i="1"/>
  <c r="AE21239" i="1"/>
  <c r="AE21240" i="1"/>
  <c r="AE21241" i="1"/>
  <c r="AE21242" i="1"/>
  <c r="AE21243" i="1"/>
  <c r="AE21244" i="1"/>
  <c r="AE21245" i="1"/>
  <c r="AE21246" i="1"/>
  <c r="AE21247" i="1"/>
  <c r="AE21248" i="1"/>
  <c r="AE21249" i="1"/>
  <c r="AE21250" i="1"/>
  <c r="AE21251" i="1"/>
  <c r="AE21252" i="1"/>
  <c r="AE21253" i="1"/>
  <c r="AE21254" i="1"/>
  <c r="AE21255" i="1"/>
  <c r="AE21256" i="1"/>
  <c r="AE21257" i="1"/>
  <c r="AE21258" i="1"/>
  <c r="AE21259" i="1"/>
  <c r="AE21260" i="1"/>
  <c r="AE21261" i="1"/>
  <c r="AE21262" i="1"/>
  <c r="AE21263" i="1"/>
  <c r="AE21264" i="1"/>
  <c r="AE21265" i="1"/>
  <c r="AE21266" i="1"/>
  <c r="AE21267" i="1"/>
  <c r="AE21268" i="1"/>
  <c r="AE21269" i="1"/>
  <c r="AE21270" i="1"/>
  <c r="AE21271" i="1"/>
  <c r="AE21272" i="1"/>
  <c r="AE21273" i="1"/>
  <c r="AE21274" i="1"/>
  <c r="AE21275" i="1"/>
  <c r="AE21276" i="1"/>
  <c r="AE21277" i="1"/>
  <c r="AE21278" i="1"/>
  <c r="AE21279" i="1"/>
  <c r="AE21280" i="1"/>
  <c r="AE21281" i="1"/>
  <c r="AE21282" i="1"/>
  <c r="AE21283" i="1"/>
  <c r="AE21284" i="1"/>
  <c r="AE21285" i="1"/>
  <c r="AE21286" i="1"/>
  <c r="AE21287" i="1"/>
  <c r="AE21288" i="1"/>
  <c r="AE21289" i="1"/>
  <c r="AE21290" i="1"/>
  <c r="AE21291" i="1"/>
  <c r="AE21292" i="1"/>
  <c r="AE21293" i="1"/>
  <c r="AE21294" i="1"/>
  <c r="AE21295" i="1"/>
  <c r="AE21296" i="1"/>
  <c r="AE21297" i="1"/>
  <c r="AE21298" i="1"/>
  <c r="AE21299" i="1"/>
  <c r="AE21300" i="1"/>
  <c r="AE21301" i="1"/>
  <c r="AE21302" i="1"/>
  <c r="AE21303" i="1"/>
  <c r="AE21304" i="1"/>
  <c r="AE21305" i="1"/>
  <c r="AE21306" i="1"/>
  <c r="AE21307" i="1"/>
  <c r="AE21308" i="1"/>
  <c r="AE21309" i="1"/>
  <c r="AE21310" i="1"/>
  <c r="AE21311" i="1"/>
  <c r="AE21312" i="1"/>
  <c r="AE21313" i="1"/>
  <c r="AE21314" i="1"/>
  <c r="AE21315" i="1"/>
  <c r="AE21316" i="1"/>
  <c r="AE21317" i="1"/>
  <c r="AE21318" i="1"/>
  <c r="AE21319" i="1"/>
  <c r="AE21320" i="1"/>
  <c r="AE21321" i="1"/>
  <c r="AE21322" i="1"/>
  <c r="AE21323" i="1"/>
  <c r="AE21324" i="1"/>
  <c r="AE21325" i="1"/>
  <c r="AE21326" i="1"/>
  <c r="AE21327" i="1"/>
  <c r="AE21328" i="1"/>
  <c r="AE21329" i="1"/>
  <c r="AE21330" i="1"/>
  <c r="AE21331" i="1"/>
  <c r="AE21332" i="1"/>
  <c r="AE21333" i="1"/>
  <c r="AE21334" i="1"/>
  <c r="AE21335" i="1"/>
  <c r="AE21336" i="1"/>
  <c r="AE21337" i="1"/>
  <c r="AE21338" i="1"/>
  <c r="AE21339" i="1"/>
  <c r="AE21340" i="1"/>
  <c r="AE21341" i="1"/>
  <c r="AE21342" i="1"/>
  <c r="AE21343" i="1"/>
  <c r="AE21344" i="1"/>
  <c r="AE21345" i="1"/>
  <c r="AE21346" i="1"/>
  <c r="AE21347" i="1"/>
  <c r="AE21348" i="1"/>
  <c r="AE21349" i="1"/>
  <c r="AE21350" i="1"/>
  <c r="AE21351" i="1"/>
  <c r="AE21352" i="1"/>
  <c r="AE21353" i="1"/>
  <c r="AE21354" i="1"/>
  <c r="AE21355" i="1"/>
  <c r="AE21356" i="1"/>
  <c r="AE21357" i="1"/>
  <c r="AE21358" i="1"/>
  <c r="AE21359" i="1"/>
  <c r="AE21360" i="1"/>
  <c r="AE21361" i="1"/>
  <c r="AE21362" i="1"/>
  <c r="AE21363" i="1"/>
  <c r="AE21364" i="1"/>
  <c r="AE21365" i="1"/>
  <c r="AE21366" i="1"/>
  <c r="AE21367" i="1"/>
  <c r="AE21368" i="1"/>
  <c r="AE21369" i="1"/>
  <c r="AE21370" i="1"/>
  <c r="AE21371" i="1"/>
  <c r="AE21372" i="1"/>
  <c r="AE21373" i="1"/>
  <c r="AE21374" i="1"/>
  <c r="AE21375" i="1"/>
  <c r="AE21376" i="1"/>
  <c r="AE21377" i="1"/>
  <c r="AE21378" i="1"/>
  <c r="AE21379" i="1"/>
  <c r="AE21380" i="1"/>
  <c r="AE21381" i="1"/>
  <c r="AE21382" i="1"/>
  <c r="AE21383" i="1"/>
  <c r="AE21384" i="1"/>
  <c r="AE21385" i="1"/>
  <c r="AE21386" i="1"/>
  <c r="AE21387" i="1"/>
  <c r="AE21388" i="1"/>
  <c r="AE21389" i="1"/>
  <c r="AE21390" i="1"/>
  <c r="AE21391" i="1"/>
  <c r="AE21392" i="1"/>
  <c r="AE21393" i="1"/>
  <c r="AE21394" i="1"/>
  <c r="AE21395" i="1"/>
  <c r="AE21396" i="1"/>
  <c r="AE21397" i="1"/>
  <c r="AE21398" i="1"/>
  <c r="AE21399" i="1"/>
  <c r="AE21400" i="1"/>
  <c r="AE21401" i="1"/>
  <c r="AE21402" i="1"/>
  <c r="AE21403" i="1"/>
  <c r="AE21404" i="1"/>
  <c r="AE21405" i="1"/>
  <c r="AE21406" i="1"/>
  <c r="AE21407" i="1"/>
  <c r="AE21408" i="1"/>
  <c r="AE21409" i="1"/>
  <c r="AE21410" i="1"/>
  <c r="AE21411" i="1"/>
  <c r="AE21412" i="1"/>
  <c r="AE21413" i="1"/>
  <c r="AE21414" i="1"/>
  <c r="AE21415" i="1"/>
  <c r="AE21416" i="1"/>
  <c r="AE21417" i="1"/>
  <c r="AE21418" i="1"/>
  <c r="AE21419" i="1"/>
  <c r="AE21420" i="1"/>
  <c r="AE21421" i="1"/>
  <c r="AE21422" i="1"/>
  <c r="AE21423" i="1"/>
  <c r="AE21424" i="1"/>
  <c r="AE21425" i="1"/>
  <c r="AE21426" i="1"/>
  <c r="AE21427" i="1"/>
  <c r="AE21428" i="1"/>
  <c r="AE21429" i="1"/>
  <c r="AE21430" i="1"/>
  <c r="AE21431" i="1"/>
  <c r="AE21432" i="1"/>
  <c r="AE21433" i="1"/>
  <c r="AE21434" i="1"/>
  <c r="AE21435" i="1"/>
  <c r="AE21436" i="1"/>
  <c r="AE21437" i="1"/>
  <c r="AE21438" i="1"/>
  <c r="AE21439" i="1"/>
  <c r="AE21440" i="1"/>
  <c r="AE21441" i="1"/>
  <c r="AE21442" i="1"/>
  <c r="AE21443" i="1"/>
  <c r="AE21444" i="1"/>
  <c r="AE21445" i="1"/>
  <c r="AE21446" i="1"/>
  <c r="AE21447" i="1"/>
  <c r="AE21448" i="1"/>
  <c r="AE21449" i="1"/>
  <c r="AE21450" i="1"/>
  <c r="AE21451" i="1"/>
  <c r="AE21452" i="1"/>
  <c r="AE21453" i="1"/>
  <c r="AE21454" i="1"/>
  <c r="AE21455" i="1"/>
  <c r="AE21456" i="1"/>
  <c r="AE21457" i="1"/>
  <c r="AE21458" i="1"/>
  <c r="AE21459" i="1"/>
  <c r="AE21460" i="1"/>
  <c r="AE21461" i="1"/>
  <c r="AE21462" i="1"/>
  <c r="AE21463" i="1"/>
  <c r="AE21464" i="1"/>
  <c r="AE21465" i="1"/>
  <c r="AE21466" i="1"/>
  <c r="AE21467" i="1"/>
  <c r="AE21468" i="1"/>
  <c r="AE21469" i="1"/>
  <c r="AE21470" i="1"/>
  <c r="AE21471" i="1"/>
  <c r="AE21472" i="1"/>
  <c r="AE21473" i="1"/>
  <c r="AE21474" i="1"/>
  <c r="AE21475" i="1"/>
  <c r="AE21476" i="1"/>
  <c r="AE21477" i="1"/>
  <c r="AE21478" i="1"/>
  <c r="AE21479" i="1"/>
  <c r="AE21480" i="1"/>
  <c r="AE21481" i="1"/>
  <c r="AE21482" i="1"/>
  <c r="AE21483" i="1"/>
  <c r="AE21484" i="1"/>
  <c r="AE21485" i="1"/>
  <c r="AE21486" i="1"/>
  <c r="AE21487" i="1"/>
  <c r="AE21488" i="1"/>
  <c r="AE21489" i="1"/>
  <c r="AE21490" i="1"/>
  <c r="AE21491" i="1"/>
  <c r="AE21492" i="1"/>
  <c r="AE21493" i="1"/>
  <c r="AE21494" i="1"/>
  <c r="AE21495" i="1"/>
  <c r="AE21496" i="1"/>
  <c r="AE21497" i="1"/>
  <c r="AE21498" i="1"/>
  <c r="AE21499" i="1"/>
  <c r="AE21500" i="1"/>
  <c r="AE21501" i="1"/>
  <c r="AE21502" i="1"/>
  <c r="AE21503" i="1"/>
  <c r="AE21504" i="1"/>
  <c r="AE21505" i="1"/>
  <c r="AE21506" i="1"/>
  <c r="AE21507" i="1"/>
  <c r="AE21508" i="1"/>
  <c r="AE21509" i="1"/>
  <c r="AE21510" i="1"/>
  <c r="AE21511" i="1"/>
  <c r="AE21512" i="1"/>
  <c r="AE21513" i="1"/>
  <c r="AE21514" i="1"/>
  <c r="AE21515" i="1"/>
  <c r="AE21516" i="1"/>
  <c r="AE21517" i="1"/>
  <c r="AE21518" i="1"/>
  <c r="AE21519" i="1"/>
  <c r="AE21520" i="1"/>
  <c r="AE21521" i="1"/>
  <c r="AE21522" i="1"/>
  <c r="AE21523" i="1"/>
  <c r="AE21524" i="1"/>
  <c r="AE21525" i="1"/>
  <c r="AE21526" i="1"/>
  <c r="AE21527" i="1"/>
  <c r="AE21528" i="1"/>
  <c r="AE21529" i="1"/>
  <c r="AE21530" i="1"/>
  <c r="AE21531" i="1"/>
  <c r="AE21532" i="1"/>
  <c r="AE21533" i="1"/>
  <c r="AE21534" i="1"/>
  <c r="AE21535" i="1"/>
  <c r="AE21536" i="1"/>
  <c r="AE21537" i="1"/>
  <c r="AE21538" i="1"/>
  <c r="AE21539" i="1"/>
  <c r="AE21540" i="1"/>
  <c r="AE21541" i="1"/>
  <c r="AE21542" i="1"/>
  <c r="AE21543" i="1"/>
  <c r="AE21544" i="1"/>
  <c r="AE21545" i="1"/>
  <c r="AE21546" i="1"/>
  <c r="AE21547" i="1"/>
  <c r="AE21548" i="1"/>
  <c r="AE21549" i="1"/>
  <c r="AE21550" i="1"/>
  <c r="AE21551" i="1"/>
  <c r="AE21552" i="1"/>
  <c r="AE21553" i="1"/>
  <c r="AE21554" i="1"/>
  <c r="AE21555" i="1"/>
  <c r="AE21556" i="1"/>
  <c r="AE21557" i="1"/>
  <c r="AE21558" i="1"/>
  <c r="AE21559" i="1"/>
  <c r="AE21560" i="1"/>
  <c r="AE21561" i="1"/>
  <c r="AE21562" i="1"/>
  <c r="AE21563" i="1"/>
  <c r="AE21564" i="1"/>
  <c r="AE21565" i="1"/>
  <c r="AE21566" i="1"/>
  <c r="AE21567" i="1"/>
  <c r="AE21568" i="1"/>
  <c r="AE21569" i="1"/>
  <c r="AE21570" i="1"/>
  <c r="AE21571" i="1"/>
  <c r="AE21572" i="1"/>
  <c r="AE21573" i="1"/>
  <c r="AE21574" i="1"/>
  <c r="AE21575" i="1"/>
  <c r="AE21576" i="1"/>
  <c r="AE21577" i="1"/>
  <c r="AE21578" i="1"/>
  <c r="AE21579" i="1"/>
  <c r="AE21580" i="1"/>
  <c r="AE21581" i="1"/>
  <c r="AE21582" i="1"/>
  <c r="AE21583" i="1"/>
  <c r="AE21584" i="1"/>
  <c r="AE21585" i="1"/>
  <c r="AE21586" i="1"/>
  <c r="AE21587" i="1"/>
  <c r="AE21588" i="1"/>
  <c r="AE21589" i="1"/>
  <c r="AE21590" i="1"/>
  <c r="AE21591" i="1"/>
  <c r="AE21592" i="1"/>
  <c r="AE21593" i="1"/>
  <c r="AE21594" i="1"/>
  <c r="AE21595" i="1"/>
  <c r="AE21596" i="1"/>
  <c r="AE21597" i="1"/>
  <c r="AE21598" i="1"/>
  <c r="AE21599" i="1"/>
  <c r="AE21600" i="1"/>
  <c r="AE21601" i="1"/>
  <c r="AE21602" i="1"/>
  <c r="AE21603" i="1"/>
  <c r="AE21604" i="1"/>
  <c r="AE21605" i="1"/>
  <c r="AE21606" i="1"/>
  <c r="AE21607" i="1"/>
  <c r="AE21608" i="1"/>
  <c r="AE21609" i="1"/>
  <c r="AE21610" i="1"/>
  <c r="AE21611" i="1"/>
  <c r="AE21612" i="1"/>
  <c r="AE21613" i="1"/>
  <c r="AE21614" i="1"/>
  <c r="AE21615" i="1"/>
  <c r="AE21616" i="1"/>
  <c r="AE21617" i="1"/>
  <c r="AE21618" i="1"/>
  <c r="AE21619" i="1"/>
  <c r="AE21620" i="1"/>
  <c r="AE21621" i="1"/>
  <c r="AE21622" i="1"/>
  <c r="AE21623" i="1"/>
  <c r="AE21624" i="1"/>
  <c r="AE21625" i="1"/>
  <c r="AE21626" i="1"/>
  <c r="AE21627" i="1"/>
  <c r="AE21628" i="1"/>
  <c r="AE21629" i="1"/>
  <c r="AE21630" i="1"/>
  <c r="AE21631" i="1"/>
  <c r="AE21632" i="1"/>
  <c r="AE21633" i="1"/>
  <c r="AE21634" i="1"/>
  <c r="AE21635" i="1"/>
  <c r="AE21636" i="1"/>
  <c r="AE21637" i="1"/>
  <c r="AE21638" i="1"/>
  <c r="AE21639" i="1"/>
  <c r="AE21640" i="1"/>
  <c r="AE21641" i="1"/>
  <c r="AE21642" i="1"/>
  <c r="AE21643" i="1"/>
  <c r="AE21644" i="1"/>
  <c r="AE21645" i="1"/>
  <c r="AE21646" i="1"/>
  <c r="AE21647" i="1"/>
  <c r="AE21648" i="1"/>
  <c r="AE21649" i="1"/>
  <c r="AE21650" i="1"/>
  <c r="AE21651" i="1"/>
  <c r="AE21652" i="1"/>
  <c r="AE21653" i="1"/>
  <c r="AE21654" i="1"/>
  <c r="AE21655" i="1"/>
  <c r="AE21656" i="1"/>
  <c r="AE21657" i="1"/>
  <c r="AE21658" i="1"/>
  <c r="AE21659" i="1"/>
  <c r="AE21660" i="1"/>
  <c r="AE21661" i="1"/>
  <c r="AE21662" i="1"/>
  <c r="AE21663" i="1"/>
  <c r="AE21664" i="1"/>
  <c r="AE21665" i="1"/>
  <c r="AE21666" i="1"/>
  <c r="AE21667" i="1"/>
  <c r="AE21668" i="1"/>
  <c r="AE21669" i="1"/>
  <c r="AE21670" i="1"/>
  <c r="AE21671" i="1"/>
  <c r="AE21672" i="1"/>
  <c r="AE21673" i="1"/>
  <c r="AE21674" i="1"/>
  <c r="AE21675" i="1"/>
  <c r="AE21676" i="1"/>
  <c r="AE21677" i="1"/>
  <c r="AE21678" i="1"/>
  <c r="AE21679" i="1"/>
  <c r="AE21680" i="1"/>
  <c r="AE21681" i="1"/>
  <c r="AE21682" i="1"/>
  <c r="AE21683" i="1"/>
  <c r="AE21684" i="1"/>
  <c r="AE21685" i="1"/>
  <c r="AE21686" i="1"/>
  <c r="AE21687" i="1"/>
  <c r="AE21688" i="1"/>
  <c r="AE21689" i="1"/>
  <c r="AE21690" i="1"/>
  <c r="AE21691" i="1"/>
  <c r="AE21692" i="1"/>
  <c r="AE21693" i="1"/>
  <c r="AE21694" i="1"/>
  <c r="AE21695" i="1"/>
  <c r="AE21696" i="1"/>
  <c r="AE21697" i="1"/>
  <c r="AE21698" i="1"/>
  <c r="AE21699" i="1"/>
  <c r="AE21700" i="1"/>
  <c r="AE21701" i="1"/>
  <c r="AE21702" i="1"/>
  <c r="AE21703" i="1"/>
  <c r="AE21704" i="1"/>
  <c r="AE21705" i="1"/>
  <c r="AE21706" i="1"/>
  <c r="AE21707" i="1"/>
  <c r="AE21708" i="1"/>
  <c r="AE21709" i="1"/>
  <c r="AE21710" i="1"/>
  <c r="AE21711" i="1"/>
  <c r="AE21712" i="1"/>
  <c r="AE21713" i="1"/>
  <c r="AE21714" i="1"/>
  <c r="AE21715" i="1"/>
  <c r="AE21716" i="1"/>
  <c r="AE21717" i="1"/>
  <c r="AE21718" i="1"/>
  <c r="AE21719" i="1"/>
  <c r="AE21720" i="1"/>
  <c r="AE21721" i="1"/>
  <c r="AE21722" i="1"/>
  <c r="AE21723" i="1"/>
  <c r="AE21724" i="1"/>
  <c r="AE21725" i="1"/>
  <c r="AE21726" i="1"/>
  <c r="AE21727" i="1"/>
  <c r="AE21728" i="1"/>
  <c r="AE21729" i="1"/>
  <c r="AE21730" i="1"/>
  <c r="AE21731" i="1"/>
  <c r="AE21732" i="1"/>
  <c r="AE21733" i="1"/>
  <c r="AE21734" i="1"/>
  <c r="AE21735" i="1"/>
  <c r="AE21736" i="1"/>
  <c r="AE21737" i="1"/>
  <c r="AE21738" i="1"/>
  <c r="AE21739" i="1"/>
  <c r="AE21740" i="1"/>
  <c r="AE21741" i="1"/>
  <c r="AE21742" i="1"/>
  <c r="AE21743" i="1"/>
  <c r="AE21744" i="1"/>
  <c r="AE21745" i="1"/>
  <c r="AE21746" i="1"/>
  <c r="AE21747" i="1"/>
  <c r="AE21748" i="1"/>
  <c r="AE21749" i="1"/>
  <c r="AE21750" i="1"/>
  <c r="AE21751" i="1"/>
  <c r="AE21752" i="1"/>
  <c r="AE21753" i="1"/>
  <c r="AE21754" i="1"/>
  <c r="AE21755" i="1"/>
  <c r="AE21756" i="1"/>
  <c r="AE21757" i="1"/>
  <c r="AE21758" i="1"/>
  <c r="AE21759" i="1"/>
  <c r="AE21760" i="1"/>
  <c r="AE21761" i="1"/>
  <c r="AE21762" i="1"/>
  <c r="AE21763" i="1"/>
  <c r="AE21764" i="1"/>
  <c r="AE21765" i="1"/>
  <c r="AE21766" i="1"/>
  <c r="AE21767" i="1"/>
  <c r="AE21768" i="1"/>
  <c r="AE21769" i="1"/>
  <c r="AE21770" i="1"/>
  <c r="AE21771" i="1"/>
  <c r="AE21772" i="1"/>
  <c r="AE21773" i="1"/>
  <c r="AE21774" i="1"/>
  <c r="AE21775" i="1"/>
  <c r="AE21776" i="1"/>
  <c r="AE21777" i="1"/>
  <c r="AE21778" i="1"/>
  <c r="AE21779" i="1"/>
  <c r="AE21780" i="1"/>
  <c r="AE21781" i="1"/>
  <c r="AE21782" i="1"/>
  <c r="AE21783" i="1"/>
  <c r="AE21784" i="1"/>
  <c r="AE21785" i="1"/>
  <c r="AE21786" i="1"/>
  <c r="AE21787" i="1"/>
  <c r="AE21788" i="1"/>
  <c r="AE21789" i="1"/>
  <c r="AE21790" i="1"/>
  <c r="AE21791" i="1"/>
  <c r="AE21792" i="1"/>
  <c r="AE21793" i="1"/>
  <c r="AE21794" i="1"/>
  <c r="AE21795" i="1"/>
  <c r="AE21796" i="1"/>
  <c r="AE21797" i="1"/>
  <c r="AE21798" i="1"/>
  <c r="AE21799" i="1"/>
  <c r="AE21800" i="1"/>
  <c r="AE21801" i="1"/>
  <c r="AE21802" i="1"/>
  <c r="AE21803" i="1"/>
  <c r="AE21804" i="1"/>
  <c r="AE21805" i="1"/>
  <c r="AE21806" i="1"/>
  <c r="AE21807" i="1"/>
  <c r="AE21808" i="1"/>
  <c r="AE21809" i="1"/>
  <c r="AE21810" i="1"/>
  <c r="AE21811" i="1"/>
  <c r="AE21812" i="1"/>
  <c r="AE21813" i="1"/>
  <c r="AE21814" i="1"/>
  <c r="AE21815" i="1"/>
  <c r="AE21816" i="1"/>
  <c r="AE21817" i="1"/>
  <c r="AE21818" i="1"/>
  <c r="AE21819" i="1"/>
  <c r="AE21820" i="1"/>
  <c r="AE21821" i="1"/>
  <c r="AE21822" i="1"/>
  <c r="AE21823" i="1"/>
  <c r="AE21824" i="1"/>
  <c r="AE21825" i="1"/>
  <c r="AE21826" i="1"/>
  <c r="AE21827" i="1"/>
  <c r="AE21828" i="1"/>
  <c r="AE21829" i="1"/>
  <c r="AE21830" i="1"/>
  <c r="AE21831" i="1"/>
  <c r="AE21832" i="1"/>
  <c r="AE21833" i="1"/>
  <c r="AE21834" i="1"/>
  <c r="AE21835" i="1"/>
  <c r="AE21836" i="1"/>
  <c r="AE21837" i="1"/>
  <c r="AE21838" i="1"/>
  <c r="AE21839" i="1"/>
  <c r="AE21840" i="1"/>
  <c r="AE21841" i="1"/>
  <c r="AE21842" i="1"/>
  <c r="AE21843" i="1"/>
  <c r="AE21844" i="1"/>
  <c r="AE21845" i="1"/>
  <c r="AE21846" i="1"/>
  <c r="AE21847" i="1"/>
  <c r="AE21848" i="1"/>
  <c r="AE21849" i="1"/>
  <c r="AE21850" i="1"/>
  <c r="AE21851" i="1"/>
  <c r="AE21852" i="1"/>
  <c r="AE21853" i="1"/>
  <c r="AE21854" i="1"/>
  <c r="AE21855" i="1"/>
  <c r="AE21856" i="1"/>
  <c r="AE21857" i="1"/>
  <c r="AE21858" i="1"/>
  <c r="AE21859" i="1"/>
  <c r="AE21860" i="1"/>
  <c r="AE21861" i="1"/>
  <c r="AE21862" i="1"/>
  <c r="AE21863" i="1"/>
  <c r="AE21864" i="1"/>
  <c r="AE21865" i="1"/>
  <c r="AE21866" i="1"/>
  <c r="AE21867" i="1"/>
  <c r="AE21868" i="1"/>
  <c r="AE21869" i="1"/>
  <c r="AE21870" i="1"/>
  <c r="AE21871" i="1"/>
  <c r="AE21872" i="1"/>
  <c r="AE21873" i="1"/>
  <c r="AE21874" i="1"/>
  <c r="AE21875" i="1"/>
  <c r="AE21876" i="1"/>
  <c r="AE21877" i="1"/>
  <c r="AE21878" i="1"/>
  <c r="AE21879" i="1"/>
  <c r="AE21880" i="1"/>
  <c r="AE21881" i="1"/>
  <c r="AE21882" i="1"/>
  <c r="AE21883" i="1"/>
  <c r="AE21884" i="1"/>
  <c r="AE21885" i="1"/>
  <c r="AE21886" i="1"/>
  <c r="AE21887" i="1"/>
  <c r="AE21888" i="1"/>
  <c r="AE21889" i="1"/>
  <c r="AE21890" i="1"/>
  <c r="AE21891" i="1"/>
  <c r="AE21892" i="1"/>
  <c r="AE21893" i="1"/>
  <c r="AE21894" i="1"/>
  <c r="AE21895" i="1"/>
  <c r="AE21896" i="1"/>
  <c r="AE21897" i="1"/>
  <c r="AE21898" i="1"/>
  <c r="AE21899" i="1"/>
  <c r="AE21900" i="1"/>
  <c r="AE21901" i="1"/>
  <c r="AE21902" i="1"/>
  <c r="AE21903" i="1"/>
  <c r="AE21904" i="1"/>
  <c r="AE21905" i="1"/>
  <c r="AE21906" i="1"/>
  <c r="AE21907" i="1"/>
  <c r="AE21908" i="1"/>
  <c r="AE21909" i="1"/>
  <c r="AE21910" i="1"/>
  <c r="AE21911" i="1"/>
  <c r="AE21912" i="1"/>
  <c r="AE21913" i="1"/>
  <c r="AE21914" i="1"/>
  <c r="AE21915" i="1"/>
  <c r="AE21916" i="1"/>
  <c r="AE21917" i="1"/>
  <c r="AE21918" i="1"/>
  <c r="AE21919" i="1"/>
  <c r="AE21920" i="1"/>
  <c r="AE21921" i="1"/>
  <c r="AE21922" i="1"/>
  <c r="AE21923" i="1"/>
  <c r="AE21924" i="1"/>
  <c r="AE21925" i="1"/>
  <c r="AE21926" i="1"/>
  <c r="AE21927" i="1"/>
  <c r="AE21928" i="1"/>
  <c r="AE21929" i="1"/>
  <c r="AE21930" i="1"/>
  <c r="AE21931" i="1"/>
  <c r="AE21932" i="1"/>
  <c r="AE21933" i="1"/>
  <c r="AE21934" i="1"/>
  <c r="AE21935" i="1"/>
  <c r="AE21936" i="1"/>
  <c r="AE21937" i="1"/>
  <c r="AE21938" i="1"/>
  <c r="AE21939" i="1"/>
  <c r="AE21940" i="1"/>
  <c r="AE21941" i="1"/>
  <c r="AE21942" i="1"/>
  <c r="AE21943" i="1"/>
  <c r="AE21944" i="1"/>
  <c r="AE21945" i="1"/>
  <c r="AE21946" i="1"/>
  <c r="AE21947" i="1"/>
  <c r="AE21948" i="1"/>
  <c r="AE21949" i="1"/>
  <c r="AE21950" i="1"/>
  <c r="AE21951" i="1"/>
  <c r="AE21952" i="1"/>
  <c r="AE21953" i="1"/>
  <c r="AE21954" i="1"/>
  <c r="AE21955" i="1"/>
  <c r="AE21956" i="1"/>
  <c r="AE21957" i="1"/>
  <c r="AE21958" i="1"/>
  <c r="AE21959" i="1"/>
  <c r="AE21960" i="1"/>
  <c r="AE21961" i="1"/>
  <c r="AE21962" i="1"/>
  <c r="AE21963" i="1"/>
  <c r="AE21964" i="1"/>
  <c r="AE21965" i="1"/>
  <c r="AE21966" i="1"/>
  <c r="AE21967" i="1"/>
  <c r="AE21968" i="1"/>
  <c r="AE21969" i="1"/>
  <c r="AE21970" i="1"/>
  <c r="AE21971" i="1"/>
  <c r="AE21972" i="1"/>
  <c r="AE21973" i="1"/>
  <c r="AE21974" i="1"/>
  <c r="AE21975" i="1"/>
  <c r="AE21976" i="1"/>
  <c r="AE21977" i="1"/>
  <c r="AE21978" i="1"/>
  <c r="AE21979" i="1"/>
  <c r="AE21980" i="1"/>
  <c r="AE21981" i="1"/>
  <c r="AE21982" i="1"/>
  <c r="AE21983" i="1"/>
  <c r="AE21984" i="1"/>
  <c r="AE21985" i="1"/>
  <c r="AE21986" i="1"/>
  <c r="AE21987" i="1"/>
  <c r="AE21988" i="1"/>
  <c r="AE21989" i="1"/>
  <c r="AE21990" i="1"/>
  <c r="AE21991" i="1"/>
  <c r="AE21992" i="1"/>
  <c r="AE21993" i="1"/>
  <c r="AE21994" i="1"/>
  <c r="AE21995" i="1"/>
  <c r="AE21996" i="1"/>
  <c r="AE21997" i="1"/>
  <c r="AE21998" i="1"/>
  <c r="AE21999" i="1"/>
  <c r="AE22000" i="1"/>
  <c r="AE22001" i="1"/>
  <c r="AE22002" i="1"/>
  <c r="AE22003" i="1"/>
  <c r="AE22004" i="1"/>
  <c r="AE22005" i="1"/>
  <c r="AE22006" i="1"/>
  <c r="AE22007" i="1"/>
  <c r="AE22008" i="1"/>
  <c r="AE22009" i="1"/>
  <c r="AE22010" i="1"/>
  <c r="AE22011" i="1"/>
  <c r="AE22012" i="1"/>
  <c r="AE22013" i="1"/>
  <c r="AE22014" i="1"/>
  <c r="AE22015" i="1"/>
  <c r="AE22016" i="1"/>
  <c r="AE22017" i="1"/>
  <c r="AE22018" i="1"/>
  <c r="AE22019" i="1"/>
  <c r="AE22020" i="1"/>
  <c r="AE22021" i="1"/>
  <c r="AE22022" i="1"/>
  <c r="AE22023" i="1"/>
  <c r="AE22024" i="1"/>
  <c r="AE22025" i="1"/>
  <c r="AE22026" i="1"/>
  <c r="AE22027" i="1"/>
  <c r="AE22028" i="1"/>
  <c r="AE22029" i="1"/>
  <c r="AE22030" i="1"/>
  <c r="AE22031" i="1"/>
  <c r="AE22032" i="1"/>
  <c r="AE22033" i="1"/>
  <c r="AE22034" i="1"/>
  <c r="AE22035" i="1"/>
  <c r="AE22036" i="1"/>
  <c r="AE22037" i="1"/>
  <c r="AE22038" i="1"/>
  <c r="AE22039" i="1"/>
  <c r="AE22040" i="1"/>
  <c r="AE22041" i="1"/>
  <c r="AE22042" i="1"/>
  <c r="AE22043" i="1"/>
  <c r="AE22044" i="1"/>
  <c r="AE22045" i="1"/>
  <c r="AE22046" i="1"/>
  <c r="AE22047" i="1"/>
  <c r="AE22048" i="1"/>
  <c r="AE22049" i="1"/>
  <c r="AE22050" i="1"/>
  <c r="AE22051" i="1"/>
  <c r="AE22052" i="1"/>
  <c r="AE22053" i="1"/>
  <c r="AE22054" i="1"/>
  <c r="AE22055" i="1"/>
  <c r="AE22056" i="1"/>
  <c r="AE22057" i="1"/>
  <c r="AE22058" i="1"/>
  <c r="AE22059" i="1"/>
  <c r="AE22060" i="1"/>
  <c r="AE22061" i="1"/>
  <c r="AE22062" i="1"/>
  <c r="AE22063" i="1"/>
  <c r="AE22064" i="1"/>
  <c r="AE22065" i="1"/>
  <c r="AE22066" i="1"/>
  <c r="AE22067" i="1"/>
  <c r="AE22068" i="1"/>
  <c r="AE22069" i="1"/>
  <c r="AE22070" i="1"/>
  <c r="AE22071" i="1"/>
  <c r="AE22072" i="1"/>
  <c r="AE22073" i="1"/>
  <c r="AE22074" i="1"/>
  <c r="AE22075" i="1"/>
  <c r="AE22076" i="1"/>
  <c r="AE22077" i="1"/>
  <c r="AE22078" i="1"/>
  <c r="AE22079" i="1"/>
  <c r="AE22080" i="1"/>
  <c r="AE22081" i="1"/>
  <c r="AE22082" i="1"/>
  <c r="AE22083" i="1"/>
  <c r="AE22084" i="1"/>
  <c r="AE22085" i="1"/>
  <c r="AE22086" i="1"/>
  <c r="AE22087" i="1"/>
  <c r="AE22088" i="1"/>
  <c r="AE22089" i="1"/>
  <c r="AE22090" i="1"/>
  <c r="AE22091" i="1"/>
  <c r="AE22092" i="1"/>
  <c r="AE22093" i="1"/>
  <c r="AE22094" i="1"/>
  <c r="AE22095" i="1"/>
  <c r="AE22096" i="1"/>
  <c r="AE22097" i="1"/>
  <c r="AE22098" i="1"/>
  <c r="AE22099" i="1"/>
  <c r="AE22100" i="1"/>
  <c r="AE22101" i="1"/>
  <c r="AE22102" i="1"/>
  <c r="AE22103" i="1"/>
  <c r="AE22104" i="1"/>
  <c r="AE22105" i="1"/>
  <c r="AE22106" i="1"/>
  <c r="AE22107" i="1"/>
  <c r="AE22108" i="1"/>
  <c r="AE22109" i="1"/>
  <c r="AE22110" i="1"/>
  <c r="AE22111" i="1"/>
  <c r="AE22112" i="1"/>
  <c r="AE22113" i="1"/>
  <c r="AE22114" i="1"/>
  <c r="AE22115" i="1"/>
  <c r="AE22116" i="1"/>
  <c r="AE22117" i="1"/>
  <c r="AE22118" i="1"/>
  <c r="AE22119" i="1"/>
  <c r="AE22120" i="1"/>
  <c r="AE22121" i="1"/>
  <c r="AE22122" i="1"/>
  <c r="AE22123" i="1"/>
  <c r="AE22124" i="1"/>
  <c r="AE22125" i="1"/>
  <c r="AE22126" i="1"/>
  <c r="AE22127" i="1"/>
  <c r="AE22128" i="1"/>
  <c r="AE22129" i="1"/>
  <c r="AE22130" i="1"/>
  <c r="AE22131" i="1"/>
  <c r="AE22132" i="1"/>
  <c r="AE22133" i="1"/>
  <c r="AE22134" i="1"/>
  <c r="AE22135" i="1"/>
  <c r="AE22136" i="1"/>
  <c r="AE22137" i="1"/>
  <c r="AE22138" i="1"/>
  <c r="AE22139" i="1"/>
  <c r="AE22140" i="1"/>
  <c r="AE22141" i="1"/>
  <c r="AE22142" i="1"/>
  <c r="AE22143" i="1"/>
  <c r="AE22144" i="1"/>
  <c r="AE22145" i="1"/>
  <c r="AE22146" i="1"/>
  <c r="AE22147" i="1"/>
  <c r="AE22148" i="1"/>
  <c r="AE22149" i="1"/>
  <c r="AE22150" i="1"/>
  <c r="AE22151" i="1"/>
  <c r="AE22152" i="1"/>
  <c r="AE22153" i="1"/>
  <c r="AE22154" i="1"/>
  <c r="AE22155" i="1"/>
  <c r="AE22156" i="1"/>
  <c r="AE22157" i="1"/>
  <c r="AE22158" i="1"/>
  <c r="AE22159" i="1"/>
  <c r="AE22160" i="1"/>
  <c r="AE22161" i="1"/>
  <c r="AE22162" i="1"/>
  <c r="AE22163" i="1"/>
  <c r="AE22164" i="1"/>
  <c r="AE22165" i="1"/>
  <c r="AE22166" i="1"/>
  <c r="AE22167" i="1"/>
  <c r="AE22168" i="1"/>
  <c r="AE22169" i="1"/>
  <c r="AE22170" i="1"/>
  <c r="AE22171" i="1"/>
  <c r="AE22172" i="1"/>
  <c r="AE22173" i="1"/>
  <c r="AE22174" i="1"/>
  <c r="AE22175" i="1"/>
  <c r="AE22176" i="1"/>
  <c r="AE22177" i="1"/>
  <c r="AE22178" i="1"/>
  <c r="AE22179" i="1"/>
  <c r="AE22180" i="1"/>
  <c r="AE22181" i="1"/>
  <c r="AE22182" i="1"/>
  <c r="AE22183" i="1"/>
  <c r="AE22184" i="1"/>
  <c r="AE22185" i="1"/>
  <c r="AE22186" i="1"/>
  <c r="AE22187" i="1"/>
  <c r="AE22188" i="1"/>
  <c r="AE22189" i="1"/>
  <c r="AE22190" i="1"/>
  <c r="AE22191" i="1"/>
  <c r="AE22192" i="1"/>
  <c r="AE22193" i="1"/>
  <c r="AE22194" i="1"/>
  <c r="AE22195" i="1"/>
  <c r="AE22196" i="1"/>
  <c r="AE22197" i="1"/>
  <c r="AE22198" i="1"/>
  <c r="AE22199" i="1"/>
  <c r="AE22200" i="1"/>
  <c r="AE22201" i="1"/>
  <c r="AE22202" i="1"/>
  <c r="AE22203" i="1"/>
  <c r="AE22204" i="1"/>
  <c r="AE22205" i="1"/>
  <c r="AE22206" i="1"/>
  <c r="AE22207" i="1"/>
  <c r="AE22208" i="1"/>
  <c r="AE22209" i="1"/>
  <c r="AE22210" i="1"/>
  <c r="AE22211" i="1"/>
  <c r="AE22212" i="1"/>
  <c r="AE22213" i="1"/>
  <c r="AE22214" i="1"/>
  <c r="AE22215" i="1"/>
  <c r="AE22216" i="1"/>
  <c r="AE22217" i="1"/>
  <c r="AE22218" i="1"/>
  <c r="AE22219" i="1"/>
  <c r="AE22220" i="1"/>
  <c r="AE22221" i="1"/>
  <c r="AE22222" i="1"/>
  <c r="AE22223" i="1"/>
  <c r="AE22224" i="1"/>
  <c r="AE22225" i="1"/>
  <c r="AE22226" i="1"/>
  <c r="AE22227" i="1"/>
  <c r="AE22228" i="1"/>
  <c r="AE22229" i="1"/>
  <c r="AE22230" i="1"/>
  <c r="AE22231" i="1"/>
  <c r="AE22232" i="1"/>
  <c r="AE22233" i="1"/>
  <c r="AE22234" i="1"/>
  <c r="AE22235" i="1"/>
  <c r="AE22236" i="1"/>
  <c r="AE22237" i="1"/>
  <c r="AE22238" i="1"/>
  <c r="AE22239" i="1"/>
  <c r="AE22240" i="1"/>
  <c r="AE22241" i="1"/>
  <c r="AE22242" i="1"/>
  <c r="AE22243" i="1"/>
  <c r="AE22244" i="1"/>
  <c r="AE22245" i="1"/>
  <c r="AE22246" i="1"/>
  <c r="AE22247" i="1"/>
  <c r="AE22248" i="1"/>
  <c r="AE22249" i="1"/>
  <c r="AE22250" i="1"/>
  <c r="AE22251" i="1"/>
  <c r="AE22252" i="1"/>
  <c r="AE22253" i="1"/>
  <c r="AE22254" i="1"/>
  <c r="AE22255" i="1"/>
  <c r="AE22256" i="1"/>
  <c r="AE22257" i="1"/>
  <c r="AE22258" i="1"/>
  <c r="AE22259" i="1"/>
  <c r="AE22260" i="1"/>
  <c r="AE22261" i="1"/>
  <c r="AE22262" i="1"/>
  <c r="AE22263" i="1"/>
  <c r="AE22264" i="1"/>
  <c r="AE22265" i="1"/>
  <c r="AE22266" i="1"/>
  <c r="AE22267" i="1"/>
  <c r="AE22268" i="1"/>
  <c r="AE22269" i="1"/>
  <c r="AE22270" i="1"/>
  <c r="AE22271" i="1"/>
  <c r="AE22272" i="1"/>
  <c r="AE22273" i="1"/>
  <c r="AE22274" i="1"/>
  <c r="AE22275" i="1"/>
  <c r="AE22276" i="1"/>
  <c r="AE22277" i="1"/>
  <c r="AE22278" i="1"/>
  <c r="AE22279" i="1"/>
  <c r="AE22280" i="1"/>
  <c r="AE22281" i="1"/>
  <c r="AE22282" i="1"/>
  <c r="AE22283" i="1"/>
  <c r="AE22284" i="1"/>
  <c r="AE22285" i="1"/>
  <c r="AE22286" i="1"/>
  <c r="AE22287" i="1"/>
  <c r="AE22288" i="1"/>
  <c r="AE22289" i="1"/>
  <c r="AE22290" i="1"/>
  <c r="AE22291" i="1"/>
  <c r="AE22292" i="1"/>
  <c r="AE22293" i="1"/>
  <c r="AE22294" i="1"/>
  <c r="AE22295" i="1"/>
  <c r="AE22296" i="1"/>
  <c r="AE22297" i="1"/>
  <c r="AE22298" i="1"/>
  <c r="AE22299" i="1"/>
  <c r="AE22300" i="1"/>
  <c r="AE22301" i="1"/>
  <c r="AE22302" i="1"/>
  <c r="AE22303" i="1"/>
  <c r="AE22304" i="1"/>
  <c r="AE22305" i="1"/>
  <c r="AE22306" i="1"/>
  <c r="AE22307" i="1"/>
  <c r="AE22308" i="1"/>
  <c r="AE22309" i="1"/>
  <c r="AE22310" i="1"/>
  <c r="AE22311" i="1"/>
  <c r="AE22312" i="1"/>
  <c r="AE22313" i="1"/>
  <c r="AE22314" i="1"/>
  <c r="AE22315" i="1"/>
  <c r="AE22316" i="1"/>
  <c r="AE22317" i="1"/>
  <c r="AE22318" i="1"/>
  <c r="AE22319" i="1"/>
  <c r="AE22320" i="1"/>
  <c r="AE22321" i="1"/>
  <c r="AE22322" i="1"/>
  <c r="AE22323" i="1"/>
  <c r="AE22324" i="1"/>
  <c r="AE22325" i="1"/>
  <c r="AE22326" i="1"/>
  <c r="AE22327" i="1"/>
  <c r="AE22328" i="1"/>
  <c r="AE22329" i="1"/>
  <c r="AE22330" i="1"/>
  <c r="AE22331" i="1"/>
  <c r="AE22332" i="1"/>
  <c r="AE22333" i="1"/>
  <c r="AE22334" i="1"/>
  <c r="AE22335" i="1"/>
  <c r="AE22336" i="1"/>
  <c r="AE22337" i="1"/>
  <c r="AE22338" i="1"/>
  <c r="AE22339" i="1"/>
  <c r="AE22340" i="1"/>
  <c r="AE22341" i="1"/>
  <c r="AE22342" i="1"/>
  <c r="AE22343" i="1"/>
  <c r="AE22344" i="1"/>
  <c r="AE22345" i="1"/>
  <c r="AE22346" i="1"/>
  <c r="AE22347" i="1"/>
  <c r="AE22348" i="1"/>
  <c r="AE22349" i="1"/>
  <c r="AE22350" i="1"/>
  <c r="AE22351" i="1"/>
  <c r="AE22352" i="1"/>
  <c r="AE22353" i="1"/>
  <c r="AE22354" i="1"/>
  <c r="AE22355" i="1"/>
  <c r="AE22356" i="1"/>
  <c r="AE22357" i="1"/>
  <c r="AE22358" i="1"/>
  <c r="AE22359" i="1"/>
  <c r="AE22360" i="1"/>
  <c r="AE22361" i="1"/>
  <c r="AE22362" i="1"/>
  <c r="AE22363" i="1"/>
  <c r="AE22364" i="1"/>
  <c r="AE22365" i="1"/>
  <c r="AE22366" i="1"/>
  <c r="AE22367" i="1"/>
  <c r="AE22368" i="1"/>
  <c r="AE22369" i="1"/>
  <c r="AE22370" i="1"/>
  <c r="AE22371" i="1"/>
  <c r="AE22372" i="1"/>
  <c r="AE22373" i="1"/>
  <c r="AE22374" i="1"/>
  <c r="AE22375" i="1"/>
  <c r="AE22376" i="1"/>
  <c r="AE22377" i="1"/>
  <c r="AE22378" i="1"/>
  <c r="AE22379" i="1"/>
  <c r="AE22380" i="1"/>
  <c r="AE22381" i="1"/>
  <c r="AE22382" i="1"/>
  <c r="AE22383" i="1"/>
  <c r="AE22384" i="1"/>
  <c r="AE22385" i="1"/>
  <c r="AE22386" i="1"/>
  <c r="AE22387" i="1"/>
  <c r="AE22388" i="1"/>
  <c r="AE22389" i="1"/>
  <c r="AE22390" i="1"/>
  <c r="AE22391" i="1"/>
  <c r="AE22392" i="1"/>
  <c r="AE22393" i="1"/>
  <c r="AE22394" i="1"/>
  <c r="AE22395" i="1"/>
  <c r="AE22396" i="1"/>
  <c r="AE22397" i="1"/>
  <c r="AE22398" i="1"/>
  <c r="AE22399" i="1"/>
  <c r="AE22400" i="1"/>
  <c r="AE22401" i="1"/>
  <c r="AE22402" i="1"/>
  <c r="AE22403" i="1"/>
  <c r="AE22404" i="1"/>
  <c r="AE22405" i="1"/>
  <c r="AE22406" i="1"/>
  <c r="AE22407" i="1"/>
  <c r="AE22408" i="1"/>
  <c r="AE22409" i="1"/>
  <c r="AE22410" i="1"/>
  <c r="AE22411" i="1"/>
  <c r="AE22412" i="1"/>
  <c r="AE22413" i="1"/>
  <c r="AE22414" i="1"/>
  <c r="AE22415" i="1"/>
  <c r="AE22416" i="1"/>
  <c r="AE22417" i="1"/>
  <c r="AE22418" i="1"/>
  <c r="AE22419" i="1"/>
  <c r="AE22420" i="1"/>
  <c r="AE22421" i="1"/>
  <c r="AE22422" i="1"/>
  <c r="AE22423" i="1"/>
  <c r="AE22424" i="1"/>
  <c r="AE22425" i="1"/>
  <c r="AE22426" i="1"/>
  <c r="AE22427" i="1"/>
  <c r="AE22428" i="1"/>
  <c r="AE22429" i="1"/>
  <c r="AE22430" i="1"/>
  <c r="AE22431" i="1"/>
  <c r="AE22432" i="1"/>
  <c r="AE22433" i="1"/>
  <c r="AE22434" i="1"/>
  <c r="AE22435" i="1"/>
  <c r="AE22436" i="1"/>
  <c r="AE22437" i="1"/>
  <c r="AE22438" i="1"/>
  <c r="AE22439" i="1"/>
  <c r="AE22440" i="1"/>
  <c r="AE22441" i="1"/>
  <c r="AE22442" i="1"/>
  <c r="AE22443" i="1"/>
  <c r="AE22444" i="1"/>
  <c r="AE22445" i="1"/>
  <c r="AE22446" i="1"/>
  <c r="AE22447" i="1"/>
  <c r="AE22448" i="1"/>
  <c r="AE22449" i="1"/>
  <c r="AE22450" i="1"/>
  <c r="AE22451" i="1"/>
  <c r="AE22452" i="1"/>
  <c r="AE22453" i="1"/>
  <c r="AE22454" i="1"/>
  <c r="AE22455" i="1"/>
  <c r="AE22456" i="1"/>
  <c r="AE22457" i="1"/>
  <c r="AE22458" i="1"/>
  <c r="AE22459" i="1"/>
  <c r="AE22460" i="1"/>
  <c r="AE22461" i="1"/>
  <c r="AE22462" i="1"/>
  <c r="AE22463" i="1"/>
  <c r="AE22464" i="1"/>
  <c r="AE22465" i="1"/>
  <c r="AE22466" i="1"/>
  <c r="AE22467" i="1"/>
  <c r="AE22468" i="1"/>
  <c r="AE22469" i="1"/>
  <c r="AE22470" i="1"/>
  <c r="AE22471" i="1"/>
  <c r="AE22472" i="1"/>
  <c r="AE22473" i="1"/>
  <c r="AE22474" i="1"/>
  <c r="AE22475" i="1"/>
  <c r="AE22476" i="1"/>
  <c r="AE22477" i="1"/>
  <c r="AE22478" i="1"/>
  <c r="AE22479" i="1"/>
  <c r="AE22480" i="1"/>
  <c r="AE22481" i="1"/>
  <c r="AE22482" i="1"/>
  <c r="AE22483" i="1"/>
  <c r="AE22484" i="1"/>
  <c r="AE22485" i="1"/>
  <c r="AE22486" i="1"/>
  <c r="AE22487" i="1"/>
  <c r="AE22488" i="1"/>
  <c r="AE22489" i="1"/>
  <c r="AE22490" i="1"/>
  <c r="AE22491" i="1"/>
  <c r="AE22492" i="1"/>
  <c r="AE22493" i="1"/>
  <c r="AE22494" i="1"/>
  <c r="AE22495" i="1"/>
  <c r="AE22496" i="1"/>
  <c r="AE22497" i="1"/>
  <c r="AE22498" i="1"/>
  <c r="AE22499" i="1"/>
  <c r="AE22500" i="1"/>
  <c r="AE22501" i="1"/>
  <c r="AE22502" i="1"/>
  <c r="AE22503" i="1"/>
  <c r="AE22504" i="1"/>
  <c r="AE22505" i="1"/>
  <c r="AE22506" i="1"/>
  <c r="AE22507" i="1"/>
  <c r="AE22508" i="1"/>
  <c r="AE22509" i="1"/>
  <c r="AE22510" i="1"/>
  <c r="AE22511" i="1"/>
  <c r="AE22512" i="1"/>
  <c r="AE22513" i="1"/>
  <c r="AE22514" i="1"/>
  <c r="AE22515" i="1"/>
  <c r="AE22516" i="1"/>
  <c r="AE22517" i="1"/>
  <c r="AE22518" i="1"/>
  <c r="AE22519" i="1"/>
  <c r="AE22520" i="1"/>
  <c r="AE22521" i="1"/>
  <c r="AE22522" i="1"/>
  <c r="AE22523" i="1"/>
  <c r="AE22524" i="1"/>
  <c r="AE22525" i="1"/>
  <c r="AE22526" i="1"/>
  <c r="AE22527" i="1"/>
  <c r="AE22528" i="1"/>
  <c r="AE22529" i="1"/>
  <c r="AE22530" i="1"/>
  <c r="AE22531" i="1"/>
  <c r="AE22532" i="1"/>
  <c r="AE22533" i="1"/>
  <c r="AE22534" i="1"/>
  <c r="AE22535" i="1"/>
  <c r="AE22536" i="1"/>
  <c r="AE22537" i="1"/>
  <c r="AE22538" i="1"/>
  <c r="AE22539" i="1"/>
  <c r="AE22540" i="1"/>
  <c r="AE22541" i="1"/>
  <c r="AE22542" i="1"/>
  <c r="AE22543" i="1"/>
  <c r="AE22544" i="1"/>
  <c r="AE22545" i="1"/>
  <c r="AE22546" i="1"/>
  <c r="AE22547" i="1"/>
  <c r="AE22548" i="1"/>
  <c r="AE22549" i="1"/>
  <c r="AE22550" i="1"/>
  <c r="AE22551" i="1"/>
  <c r="AE22552" i="1"/>
  <c r="AE22553" i="1"/>
  <c r="AE22554" i="1"/>
  <c r="AE22555" i="1"/>
  <c r="AE22556" i="1"/>
  <c r="AE22557" i="1"/>
  <c r="AE22558" i="1"/>
  <c r="AE22559" i="1"/>
  <c r="AE22560" i="1"/>
  <c r="AE22561" i="1"/>
  <c r="AE22562" i="1"/>
  <c r="AE22563" i="1"/>
  <c r="AE22564" i="1"/>
  <c r="AE22565" i="1"/>
  <c r="AE22566" i="1"/>
  <c r="AE22567" i="1"/>
  <c r="AE22568" i="1"/>
  <c r="AE22569" i="1"/>
  <c r="AE22570" i="1"/>
  <c r="AE22571" i="1"/>
  <c r="AE22572" i="1"/>
  <c r="AE22573" i="1"/>
  <c r="AE22574" i="1"/>
  <c r="AE22575" i="1"/>
  <c r="AE22576" i="1"/>
  <c r="AE22577" i="1"/>
  <c r="AE22578" i="1"/>
  <c r="AE22579" i="1"/>
  <c r="AE22580" i="1"/>
  <c r="AE22581" i="1"/>
  <c r="AE22582" i="1"/>
  <c r="AE22583" i="1"/>
  <c r="AE22584" i="1"/>
  <c r="AE22585" i="1"/>
  <c r="AE22586" i="1"/>
  <c r="AE22587" i="1"/>
  <c r="AE22588" i="1"/>
  <c r="AE22589" i="1"/>
  <c r="AE22590" i="1"/>
  <c r="AE22591" i="1"/>
  <c r="AE22592" i="1"/>
  <c r="AE22593" i="1"/>
  <c r="AE22594" i="1"/>
  <c r="AE22595" i="1"/>
  <c r="AE22596" i="1"/>
  <c r="AE22597" i="1"/>
  <c r="AE22598" i="1"/>
  <c r="AE22599" i="1"/>
  <c r="AE22600" i="1"/>
  <c r="AE22601" i="1"/>
  <c r="AE22602" i="1"/>
  <c r="AE22603" i="1"/>
  <c r="AE22604" i="1"/>
  <c r="AE22605" i="1"/>
  <c r="AE22606" i="1"/>
  <c r="AE22607" i="1"/>
  <c r="AE22608" i="1"/>
  <c r="AE22609" i="1"/>
  <c r="AE22610" i="1"/>
  <c r="AE22611" i="1"/>
  <c r="AE22612" i="1"/>
  <c r="AE22613" i="1"/>
  <c r="AE22614" i="1"/>
  <c r="AE22615" i="1"/>
  <c r="AE22616" i="1"/>
  <c r="AE22617" i="1"/>
  <c r="AE22618" i="1"/>
  <c r="AE22619" i="1"/>
  <c r="AE22620" i="1"/>
  <c r="AE22621" i="1"/>
  <c r="AE22622" i="1"/>
  <c r="AE22623" i="1"/>
  <c r="AE22624" i="1"/>
  <c r="AE22625" i="1"/>
  <c r="AE22626" i="1"/>
  <c r="AE22627" i="1"/>
  <c r="AE22628" i="1"/>
  <c r="AE22629" i="1"/>
  <c r="AE22630" i="1"/>
  <c r="AE22631" i="1"/>
  <c r="AE22632" i="1"/>
  <c r="AE22633" i="1"/>
  <c r="AE22634" i="1"/>
  <c r="AE22635" i="1"/>
  <c r="AE22636" i="1"/>
  <c r="AE22637" i="1"/>
  <c r="AE22638" i="1"/>
  <c r="AE22639" i="1"/>
  <c r="AE22640" i="1"/>
  <c r="AE22641" i="1"/>
  <c r="AE22642" i="1"/>
  <c r="AE22643" i="1"/>
  <c r="AE22644" i="1"/>
  <c r="AE22645" i="1"/>
  <c r="AE22646" i="1"/>
  <c r="AE22647" i="1"/>
  <c r="AE22648" i="1"/>
  <c r="AE22649" i="1"/>
  <c r="AE22650" i="1"/>
  <c r="AE22651" i="1"/>
  <c r="AE22652" i="1"/>
  <c r="AE22653" i="1"/>
  <c r="AE22654" i="1"/>
  <c r="AE22655" i="1"/>
  <c r="AE22656" i="1"/>
  <c r="AE22657" i="1"/>
  <c r="AE22658" i="1"/>
  <c r="AE22659" i="1"/>
  <c r="AE22660" i="1"/>
  <c r="AE22661" i="1"/>
  <c r="AE22662" i="1"/>
  <c r="AE22663" i="1"/>
  <c r="AE22664" i="1"/>
  <c r="AE22665" i="1"/>
  <c r="AE22666" i="1"/>
  <c r="AE22667" i="1"/>
  <c r="AE22668" i="1"/>
  <c r="AE22669" i="1"/>
  <c r="AE22670" i="1"/>
  <c r="AE22671" i="1"/>
  <c r="AE22672" i="1"/>
  <c r="AE22673" i="1"/>
  <c r="AE22674" i="1"/>
  <c r="AE22675" i="1"/>
  <c r="AE22676" i="1"/>
  <c r="AE22677" i="1"/>
  <c r="AE22678" i="1"/>
  <c r="AE22679" i="1"/>
  <c r="AE22680" i="1"/>
  <c r="AE22681" i="1"/>
  <c r="AE22682" i="1"/>
  <c r="AE22683" i="1"/>
  <c r="AE22684" i="1"/>
  <c r="AE22685" i="1"/>
  <c r="AE22686" i="1"/>
  <c r="AE22687" i="1"/>
  <c r="AE22688" i="1"/>
  <c r="AE22689" i="1"/>
  <c r="AE22690" i="1"/>
  <c r="AE22691" i="1"/>
  <c r="AE22692" i="1"/>
  <c r="AE22693" i="1"/>
  <c r="AE22694" i="1"/>
  <c r="AE22695" i="1"/>
  <c r="AE22696" i="1"/>
  <c r="AE22697" i="1"/>
  <c r="AE22698" i="1"/>
  <c r="AE22699" i="1"/>
  <c r="AE22700" i="1"/>
  <c r="AE22701" i="1"/>
  <c r="AE22702" i="1"/>
  <c r="AE22703" i="1"/>
  <c r="AE22704" i="1"/>
  <c r="AE22705" i="1"/>
  <c r="AE22706" i="1"/>
  <c r="AE22707" i="1"/>
  <c r="AE22708" i="1"/>
  <c r="AE22709" i="1"/>
  <c r="AE22710" i="1"/>
  <c r="AE22711" i="1"/>
  <c r="AE22712" i="1"/>
  <c r="AE22713" i="1"/>
  <c r="AE22714" i="1"/>
  <c r="AE22715" i="1"/>
  <c r="AE22716" i="1"/>
  <c r="AE22717" i="1"/>
  <c r="AE22718" i="1"/>
  <c r="AE22719" i="1"/>
  <c r="AE22720" i="1"/>
  <c r="AE22721" i="1"/>
  <c r="AE22722" i="1"/>
  <c r="AE22723" i="1"/>
  <c r="AE22724" i="1"/>
  <c r="AE22725" i="1"/>
  <c r="AE22726" i="1"/>
  <c r="AE22727" i="1"/>
  <c r="AE22728" i="1"/>
  <c r="AE22729" i="1"/>
  <c r="AE22730" i="1"/>
  <c r="AE22731" i="1"/>
  <c r="AE22732" i="1"/>
  <c r="AE22733" i="1"/>
  <c r="AE22734" i="1"/>
  <c r="AE22735" i="1"/>
  <c r="AE22736" i="1"/>
  <c r="AE22737" i="1"/>
  <c r="AE22738" i="1"/>
  <c r="AE22739" i="1"/>
  <c r="AE22740" i="1"/>
  <c r="AE22741" i="1"/>
  <c r="AE22742" i="1"/>
  <c r="AE22743" i="1"/>
  <c r="AE22744" i="1"/>
  <c r="AE22745" i="1"/>
  <c r="AE22746" i="1"/>
  <c r="AE22747" i="1"/>
  <c r="AE22748" i="1"/>
  <c r="AE22749" i="1"/>
  <c r="AE22750" i="1"/>
  <c r="AE22751" i="1"/>
  <c r="AE22752" i="1"/>
  <c r="AE22753" i="1"/>
  <c r="AE22754" i="1"/>
  <c r="AE22755" i="1"/>
  <c r="AE22756" i="1"/>
  <c r="AE22757" i="1"/>
  <c r="AE22758" i="1"/>
  <c r="AE22759" i="1"/>
  <c r="AE22760" i="1"/>
  <c r="AE22761" i="1"/>
  <c r="AE22762" i="1"/>
  <c r="AE22763" i="1"/>
  <c r="AE22764" i="1"/>
  <c r="AE22765" i="1"/>
  <c r="AE22766" i="1"/>
  <c r="AE22767" i="1"/>
  <c r="AE22768" i="1"/>
  <c r="AE22769" i="1"/>
  <c r="AE22770" i="1"/>
  <c r="AE22771" i="1"/>
  <c r="AE22772" i="1"/>
  <c r="AE22773" i="1"/>
  <c r="AE22774" i="1"/>
  <c r="AE22775" i="1"/>
  <c r="AE22776" i="1"/>
  <c r="AE22777" i="1"/>
  <c r="AE22778" i="1"/>
  <c r="AE22779" i="1"/>
  <c r="AE22780" i="1"/>
  <c r="AE22781" i="1"/>
  <c r="AE22782" i="1"/>
  <c r="AE22783" i="1"/>
  <c r="AE22784" i="1"/>
  <c r="AE22785" i="1"/>
  <c r="AE22786" i="1"/>
  <c r="AE22787" i="1"/>
  <c r="AE22788" i="1"/>
  <c r="AE22789" i="1"/>
  <c r="AE22790" i="1"/>
  <c r="AE22791" i="1"/>
  <c r="AE22792" i="1"/>
  <c r="AE22793" i="1"/>
  <c r="AE22794" i="1"/>
  <c r="AE22795" i="1"/>
  <c r="AE22796" i="1"/>
  <c r="AE22797" i="1"/>
  <c r="AE22798" i="1"/>
  <c r="AE22799" i="1"/>
  <c r="AE22800" i="1"/>
  <c r="AE22801" i="1"/>
  <c r="AE22802" i="1"/>
  <c r="AE22803" i="1"/>
  <c r="AE22804" i="1"/>
  <c r="AE22805" i="1"/>
  <c r="AE22806" i="1"/>
  <c r="AE22807" i="1"/>
  <c r="AE22808" i="1"/>
  <c r="AE22809" i="1"/>
  <c r="AE22810" i="1"/>
  <c r="AE22811" i="1"/>
  <c r="AE22812" i="1"/>
  <c r="AE22813" i="1"/>
  <c r="AE22814" i="1"/>
  <c r="AE22815" i="1"/>
  <c r="AE22816" i="1"/>
  <c r="AE22817" i="1"/>
  <c r="AE22818" i="1"/>
  <c r="AE22819" i="1"/>
  <c r="AE22820" i="1"/>
  <c r="AE22821" i="1"/>
  <c r="AE22822" i="1"/>
  <c r="AE22823" i="1"/>
  <c r="AE22824" i="1"/>
  <c r="AE22825" i="1"/>
  <c r="AE22826" i="1"/>
  <c r="AE22827" i="1"/>
  <c r="AE22828" i="1"/>
  <c r="AE22829" i="1"/>
  <c r="AE22830" i="1"/>
  <c r="AE22831" i="1"/>
  <c r="AE22832" i="1"/>
  <c r="AE22833" i="1"/>
  <c r="AE22834" i="1"/>
  <c r="AE22835" i="1"/>
  <c r="AE22836" i="1"/>
  <c r="AE22837" i="1"/>
  <c r="AE22838" i="1"/>
  <c r="AE22839" i="1"/>
  <c r="AE22840" i="1"/>
  <c r="AE22841" i="1"/>
  <c r="AE22842" i="1"/>
  <c r="AE22843" i="1"/>
  <c r="AE22844" i="1"/>
  <c r="AE22845" i="1"/>
  <c r="AE22846" i="1"/>
  <c r="AE22847" i="1"/>
  <c r="AE22848" i="1"/>
  <c r="AE22849" i="1"/>
  <c r="AE22850" i="1"/>
  <c r="AE22851" i="1"/>
  <c r="AE22852" i="1"/>
  <c r="AE22853" i="1"/>
  <c r="AE22854" i="1"/>
  <c r="AE22855" i="1"/>
  <c r="AE22856" i="1"/>
  <c r="AE22857" i="1"/>
  <c r="AE22858" i="1"/>
  <c r="AE22859" i="1"/>
  <c r="AE22860" i="1"/>
  <c r="AE22861" i="1"/>
  <c r="AE22862" i="1"/>
  <c r="AE22863" i="1"/>
  <c r="AE22864" i="1"/>
  <c r="AE22865" i="1"/>
  <c r="AE22866" i="1"/>
  <c r="AE22867" i="1"/>
  <c r="AE22868" i="1"/>
  <c r="AE22869" i="1"/>
  <c r="AE22870" i="1"/>
  <c r="AE22871" i="1"/>
  <c r="AE22872" i="1"/>
  <c r="AE22873" i="1"/>
  <c r="AE22874" i="1"/>
  <c r="AE22875" i="1"/>
  <c r="AE22876" i="1"/>
  <c r="AE22877" i="1"/>
  <c r="AE22878" i="1"/>
  <c r="AE22879" i="1"/>
  <c r="AE22880" i="1"/>
  <c r="AE22881" i="1"/>
  <c r="AE22882" i="1"/>
  <c r="AE22883" i="1"/>
  <c r="AE22884" i="1"/>
  <c r="AE22885" i="1"/>
  <c r="AE22886" i="1"/>
  <c r="AE22887" i="1"/>
  <c r="AE22888" i="1"/>
  <c r="AE22889" i="1"/>
  <c r="AE22890" i="1"/>
  <c r="AE22891" i="1"/>
  <c r="AE22892" i="1"/>
  <c r="AE22893" i="1"/>
  <c r="AE22894" i="1"/>
  <c r="AE22895" i="1"/>
  <c r="AE22896" i="1"/>
  <c r="AE22897" i="1"/>
  <c r="AE22898" i="1"/>
  <c r="AE22899" i="1"/>
  <c r="AE22900" i="1"/>
  <c r="AE22901" i="1"/>
  <c r="AE22902" i="1"/>
  <c r="AE22903" i="1"/>
  <c r="AE22904" i="1"/>
  <c r="AE22905" i="1"/>
  <c r="AE22906" i="1"/>
  <c r="AE22907" i="1"/>
  <c r="AE22908" i="1"/>
  <c r="AE22909" i="1"/>
  <c r="AE22910" i="1"/>
  <c r="AE22911" i="1"/>
  <c r="AE22912" i="1"/>
  <c r="AE22913" i="1"/>
  <c r="AE22914" i="1"/>
  <c r="AE22915" i="1"/>
  <c r="AE22916" i="1"/>
  <c r="AE22917" i="1"/>
  <c r="AE22918" i="1"/>
  <c r="AE22919" i="1"/>
  <c r="AE22920" i="1"/>
  <c r="AE22921" i="1"/>
  <c r="AE22922" i="1"/>
  <c r="AE22923" i="1"/>
  <c r="AE22924" i="1"/>
  <c r="AE22925" i="1"/>
  <c r="AE22926" i="1"/>
  <c r="AE22927" i="1"/>
  <c r="AE22928" i="1"/>
  <c r="AE22929" i="1"/>
  <c r="AE22930" i="1"/>
  <c r="AE22931" i="1"/>
  <c r="AE22932" i="1"/>
  <c r="AE22933" i="1"/>
  <c r="AE22934" i="1"/>
  <c r="AE22935" i="1"/>
  <c r="AE22936" i="1"/>
  <c r="AE22937" i="1"/>
  <c r="AE22938" i="1"/>
  <c r="AE22939" i="1"/>
  <c r="AE22940" i="1"/>
  <c r="AE22941" i="1"/>
  <c r="AE22942" i="1"/>
  <c r="AE22943" i="1"/>
  <c r="AE22944" i="1"/>
  <c r="AE22945" i="1"/>
  <c r="AE22946" i="1"/>
  <c r="AE22947" i="1"/>
  <c r="AE22948" i="1"/>
  <c r="AE22949" i="1"/>
  <c r="AE22950" i="1"/>
  <c r="AE22951" i="1"/>
  <c r="AE22952" i="1"/>
  <c r="AE22953" i="1"/>
  <c r="AE22954" i="1"/>
  <c r="AE22955" i="1"/>
  <c r="AE22956" i="1"/>
  <c r="AE22957" i="1"/>
  <c r="AE22958" i="1"/>
  <c r="AE22959" i="1"/>
  <c r="AE22960" i="1"/>
  <c r="AE22961" i="1"/>
  <c r="AE22962" i="1"/>
  <c r="AE22963" i="1"/>
  <c r="AE22964" i="1"/>
  <c r="AE22965" i="1"/>
  <c r="AE22966" i="1"/>
  <c r="AE22967" i="1"/>
  <c r="AE22968" i="1"/>
  <c r="AE22969" i="1"/>
  <c r="AE22970" i="1"/>
  <c r="AE22971" i="1"/>
  <c r="AE22972" i="1"/>
  <c r="AE22973" i="1"/>
  <c r="AE22974" i="1"/>
  <c r="AE22975" i="1"/>
  <c r="AE22976" i="1"/>
  <c r="AE22977" i="1"/>
  <c r="AE22978" i="1"/>
  <c r="AE22979" i="1"/>
  <c r="AE22980" i="1"/>
  <c r="AE22981" i="1"/>
  <c r="AE22982" i="1"/>
  <c r="AE22983" i="1"/>
  <c r="AE22984" i="1"/>
  <c r="AE22985" i="1"/>
  <c r="AE22986" i="1"/>
  <c r="AE22987" i="1"/>
  <c r="AE22988" i="1"/>
  <c r="AE22989" i="1"/>
  <c r="AE22990" i="1"/>
  <c r="AE22991" i="1"/>
  <c r="AE22992" i="1"/>
  <c r="AE22993" i="1"/>
  <c r="AE22994" i="1"/>
  <c r="AE22995" i="1"/>
  <c r="AE22996" i="1"/>
  <c r="AE22997" i="1"/>
  <c r="AE22998" i="1"/>
  <c r="AE22999" i="1"/>
  <c r="AE23000" i="1"/>
  <c r="AE23001" i="1"/>
  <c r="AE23002" i="1"/>
  <c r="AE23003" i="1"/>
  <c r="AE23004" i="1"/>
  <c r="AE23005" i="1"/>
  <c r="AE23006" i="1"/>
  <c r="AE23007" i="1"/>
  <c r="AE23008" i="1"/>
  <c r="AE23009" i="1"/>
  <c r="AE23010" i="1"/>
  <c r="AE23011" i="1"/>
  <c r="AE23012" i="1"/>
  <c r="AE23013" i="1"/>
  <c r="AE23014" i="1"/>
  <c r="AE23015" i="1"/>
  <c r="AE23016" i="1"/>
  <c r="AE23017" i="1"/>
  <c r="AE23018" i="1"/>
  <c r="AE23019" i="1"/>
  <c r="AE23020" i="1"/>
  <c r="AE23021" i="1"/>
  <c r="AE23022" i="1"/>
  <c r="AE23023" i="1"/>
  <c r="AE23024" i="1"/>
  <c r="AE23025" i="1"/>
  <c r="AE23026" i="1"/>
  <c r="AE23027" i="1"/>
  <c r="AE23028" i="1"/>
  <c r="AE23029" i="1"/>
  <c r="AE23030" i="1"/>
  <c r="AE23031" i="1"/>
  <c r="AE23032" i="1"/>
  <c r="AE23033" i="1"/>
  <c r="AE23034" i="1"/>
  <c r="AE23035" i="1"/>
  <c r="AE23036" i="1"/>
  <c r="AE23037" i="1"/>
  <c r="AE23038" i="1"/>
  <c r="AE23039" i="1"/>
  <c r="AE23040" i="1"/>
  <c r="AE23041" i="1"/>
  <c r="AE23042" i="1"/>
  <c r="AE23043" i="1"/>
  <c r="AE23044" i="1"/>
  <c r="AE23045" i="1"/>
  <c r="AE23046" i="1"/>
  <c r="AE23047" i="1"/>
  <c r="AE23048" i="1"/>
  <c r="AE23049" i="1"/>
  <c r="AE23050" i="1"/>
  <c r="AE23051" i="1"/>
  <c r="AE23052" i="1"/>
  <c r="AE23053" i="1"/>
  <c r="AE23054" i="1"/>
  <c r="AE23055" i="1"/>
  <c r="AE23056" i="1"/>
  <c r="AE23057" i="1"/>
  <c r="AE23058" i="1"/>
  <c r="AE23059" i="1"/>
  <c r="AE23060" i="1"/>
  <c r="AE23061" i="1"/>
  <c r="AE23062" i="1"/>
  <c r="AE23063" i="1"/>
  <c r="AE23064" i="1"/>
  <c r="AE23065" i="1"/>
  <c r="AE23066" i="1"/>
  <c r="AE23067" i="1"/>
  <c r="AE23068" i="1"/>
  <c r="AE23069" i="1"/>
  <c r="AE23070" i="1"/>
  <c r="AE23071" i="1"/>
  <c r="AE23072" i="1"/>
  <c r="AE23073" i="1"/>
  <c r="AE23074" i="1"/>
  <c r="AE23075" i="1"/>
  <c r="AE23076" i="1"/>
  <c r="AE23077" i="1"/>
  <c r="AE23078" i="1"/>
  <c r="AE23079" i="1"/>
  <c r="AE23080" i="1"/>
  <c r="AE23081" i="1"/>
  <c r="AE23082" i="1"/>
  <c r="AE23083" i="1"/>
  <c r="AE23084" i="1"/>
  <c r="AE23085" i="1"/>
  <c r="AE23086" i="1"/>
  <c r="AE23087" i="1"/>
  <c r="AE23088" i="1"/>
  <c r="AE23089" i="1"/>
  <c r="AE23090" i="1"/>
  <c r="AE23091" i="1"/>
  <c r="AE23092" i="1"/>
  <c r="AE23093" i="1"/>
  <c r="AE23094" i="1"/>
  <c r="AE23095" i="1"/>
  <c r="AE23096" i="1"/>
  <c r="AE23097" i="1"/>
  <c r="AE23098" i="1"/>
  <c r="AE23099" i="1"/>
  <c r="AE23100" i="1"/>
  <c r="AE23101" i="1"/>
  <c r="AE23102" i="1"/>
  <c r="AE23103" i="1"/>
  <c r="AE23104" i="1"/>
  <c r="AE23105" i="1"/>
  <c r="AE23106" i="1"/>
  <c r="AE23107" i="1"/>
  <c r="AE23108" i="1"/>
  <c r="AE23109" i="1"/>
  <c r="AE23110" i="1"/>
  <c r="AE23111" i="1"/>
  <c r="AE23112" i="1"/>
  <c r="AE23113" i="1"/>
  <c r="AE23114" i="1"/>
  <c r="AE23115" i="1"/>
  <c r="AE23116" i="1"/>
  <c r="AE23117" i="1"/>
  <c r="AE23118" i="1"/>
  <c r="AE23119" i="1"/>
  <c r="AE23120" i="1"/>
  <c r="AE23121" i="1"/>
  <c r="AE23122" i="1"/>
  <c r="AE23123" i="1"/>
  <c r="AE23124" i="1"/>
  <c r="AE23125" i="1"/>
  <c r="AE23126" i="1"/>
  <c r="AE23127" i="1"/>
  <c r="AE23128" i="1"/>
  <c r="AE23129" i="1"/>
  <c r="AE23130" i="1"/>
  <c r="AE23131" i="1"/>
  <c r="AE23132" i="1"/>
  <c r="AE23133" i="1"/>
  <c r="AE23134" i="1"/>
  <c r="AE23135" i="1"/>
  <c r="AE23136" i="1"/>
  <c r="AE23137" i="1"/>
  <c r="AE23138" i="1"/>
  <c r="AE23139" i="1"/>
  <c r="AE23140" i="1"/>
  <c r="AE23141" i="1"/>
  <c r="AE23142" i="1"/>
  <c r="AE23143" i="1"/>
  <c r="AE23144" i="1"/>
  <c r="AE23145" i="1"/>
  <c r="AE23146" i="1"/>
  <c r="AE23147" i="1"/>
  <c r="AE23148" i="1"/>
  <c r="AE23149" i="1"/>
  <c r="AE23150" i="1"/>
  <c r="AE23151" i="1"/>
  <c r="AE23152" i="1"/>
  <c r="AE23153" i="1"/>
  <c r="AE23154" i="1"/>
  <c r="AE23155" i="1"/>
  <c r="AE23156" i="1"/>
  <c r="AE23157" i="1"/>
  <c r="AE23158" i="1"/>
  <c r="AE23159" i="1"/>
  <c r="AE23160" i="1"/>
  <c r="AE23161" i="1"/>
  <c r="AE23162" i="1"/>
  <c r="AE23163" i="1"/>
  <c r="AE23164" i="1"/>
  <c r="AE23165" i="1"/>
  <c r="AE23166" i="1"/>
  <c r="AE23167" i="1"/>
  <c r="AE23168" i="1"/>
  <c r="AE23169" i="1"/>
  <c r="AE23170" i="1"/>
  <c r="AE23171" i="1"/>
  <c r="AE23172" i="1"/>
  <c r="AE23173" i="1"/>
  <c r="AE23174" i="1"/>
  <c r="AE23175" i="1"/>
  <c r="AE23176" i="1"/>
  <c r="AE23177" i="1"/>
  <c r="AE23178" i="1"/>
  <c r="AE23179" i="1"/>
  <c r="AE23180" i="1"/>
  <c r="AE23181" i="1"/>
  <c r="AE23182" i="1"/>
  <c r="AE23183" i="1"/>
  <c r="AE23184" i="1"/>
  <c r="AE23185" i="1"/>
  <c r="AE23186" i="1"/>
  <c r="AE23187" i="1"/>
  <c r="AE23188" i="1"/>
  <c r="AE23189" i="1"/>
  <c r="AE23190" i="1"/>
  <c r="AE23191" i="1"/>
  <c r="AE23192" i="1"/>
  <c r="AE23193" i="1"/>
  <c r="AE23194" i="1"/>
  <c r="AE23195" i="1"/>
  <c r="AE23196" i="1"/>
  <c r="AE23197" i="1"/>
  <c r="AE23198" i="1"/>
  <c r="AE23199" i="1"/>
  <c r="AE23200" i="1"/>
  <c r="AE23201" i="1"/>
  <c r="AE23202" i="1"/>
  <c r="AE23203" i="1"/>
  <c r="AE23204" i="1"/>
  <c r="AE23205" i="1"/>
  <c r="AE23206" i="1"/>
  <c r="AE23207" i="1"/>
  <c r="AE23208" i="1"/>
  <c r="AE23209" i="1"/>
  <c r="AE23210" i="1"/>
  <c r="AE23211" i="1"/>
  <c r="AE23212" i="1"/>
  <c r="AE23213" i="1"/>
  <c r="AE23214" i="1"/>
  <c r="AE23215" i="1"/>
  <c r="AE23216" i="1"/>
  <c r="AE23217" i="1"/>
  <c r="AE23218" i="1"/>
  <c r="AE23219" i="1"/>
  <c r="AE23220" i="1"/>
  <c r="AE23221" i="1"/>
  <c r="AE23222" i="1"/>
  <c r="AE23223" i="1"/>
  <c r="AE23224" i="1"/>
  <c r="AE23225" i="1"/>
  <c r="AE23226" i="1"/>
  <c r="AE23227" i="1"/>
  <c r="AE23228" i="1"/>
  <c r="AE23229" i="1"/>
  <c r="AE23230" i="1"/>
  <c r="AE23231" i="1"/>
  <c r="AE23232" i="1"/>
  <c r="AE23233" i="1"/>
  <c r="AE23234" i="1"/>
  <c r="AE23235" i="1"/>
  <c r="AE23236" i="1"/>
  <c r="AE23237" i="1"/>
  <c r="AE23238" i="1"/>
  <c r="AE23239" i="1"/>
  <c r="AE23240" i="1"/>
  <c r="AE23241" i="1"/>
  <c r="AE23242" i="1"/>
  <c r="AE23243" i="1"/>
  <c r="AE23244" i="1"/>
  <c r="AE23245" i="1"/>
  <c r="AE23246" i="1"/>
  <c r="AE23247" i="1"/>
  <c r="AE23248" i="1"/>
  <c r="AE23249" i="1"/>
  <c r="AE23250" i="1"/>
  <c r="AE23251" i="1"/>
  <c r="AE23252" i="1"/>
  <c r="AE23253" i="1"/>
  <c r="AE23254" i="1"/>
  <c r="AE23255" i="1"/>
  <c r="AE23256" i="1"/>
  <c r="AE23257" i="1"/>
  <c r="AE23258" i="1"/>
  <c r="AE23259" i="1"/>
  <c r="AE23260" i="1"/>
  <c r="AE23261" i="1"/>
  <c r="AE23262" i="1"/>
  <c r="AE23263" i="1"/>
  <c r="AE23264" i="1"/>
  <c r="AE23265" i="1"/>
  <c r="AE23266" i="1"/>
  <c r="AE23267" i="1"/>
  <c r="AE23268" i="1"/>
  <c r="AE23269" i="1"/>
  <c r="AE23270" i="1"/>
  <c r="AE23271" i="1"/>
  <c r="AE23272" i="1"/>
  <c r="AE23273" i="1"/>
  <c r="AE23274" i="1"/>
  <c r="AE23275" i="1"/>
  <c r="AE23276" i="1"/>
  <c r="AE23277" i="1"/>
  <c r="AE23278" i="1"/>
  <c r="AE23279" i="1"/>
  <c r="AE23280" i="1"/>
  <c r="AE23281" i="1"/>
  <c r="AE23282" i="1"/>
  <c r="AE23283" i="1"/>
  <c r="AE23284" i="1"/>
  <c r="AE23285" i="1"/>
  <c r="AE23286" i="1"/>
  <c r="AE23287" i="1"/>
  <c r="AE23288" i="1"/>
  <c r="AE23289" i="1"/>
  <c r="AE23290" i="1"/>
  <c r="AE23291" i="1"/>
  <c r="AE23292" i="1"/>
  <c r="AE23293" i="1"/>
  <c r="AE23294" i="1"/>
  <c r="AE23295" i="1"/>
  <c r="AE23296" i="1"/>
  <c r="AE23297" i="1"/>
  <c r="AE23298" i="1"/>
  <c r="AE23299" i="1"/>
  <c r="AE23300" i="1"/>
  <c r="AE23301" i="1"/>
  <c r="AE23302" i="1"/>
  <c r="AE23303" i="1"/>
  <c r="AE23304" i="1"/>
  <c r="AE23305" i="1"/>
  <c r="AE23306" i="1"/>
  <c r="AE23307" i="1"/>
  <c r="AE23308" i="1"/>
  <c r="AE23309" i="1"/>
  <c r="AE23310" i="1"/>
  <c r="AE23311" i="1"/>
  <c r="AE23312" i="1"/>
  <c r="AE23313" i="1"/>
  <c r="AE23314" i="1"/>
  <c r="AE23315" i="1"/>
  <c r="AE23316" i="1"/>
  <c r="AE23317" i="1"/>
  <c r="AE23318" i="1"/>
  <c r="AE23319" i="1"/>
  <c r="AE23320" i="1"/>
  <c r="AE23321" i="1"/>
  <c r="AE23322" i="1"/>
  <c r="AE23323" i="1"/>
  <c r="AE23324" i="1"/>
  <c r="AE23325" i="1"/>
  <c r="AE23326" i="1"/>
  <c r="AE23327" i="1"/>
  <c r="AE23328" i="1"/>
  <c r="AE23329" i="1"/>
  <c r="AE23330" i="1"/>
  <c r="AE23331" i="1"/>
  <c r="AE23332" i="1"/>
  <c r="AE23333" i="1"/>
  <c r="AE23334" i="1"/>
  <c r="AE23335" i="1"/>
  <c r="AE23336" i="1"/>
  <c r="AE23337" i="1"/>
  <c r="AE23338" i="1"/>
  <c r="AE23339" i="1"/>
  <c r="AE23340" i="1"/>
  <c r="AE23341" i="1"/>
  <c r="AE23342" i="1"/>
  <c r="AE23343" i="1"/>
  <c r="AE23344" i="1"/>
  <c r="AE23345" i="1"/>
  <c r="AE23346" i="1"/>
  <c r="AE23347" i="1"/>
  <c r="AE23348" i="1"/>
  <c r="AE23349" i="1"/>
  <c r="AE23350" i="1"/>
  <c r="AE23351" i="1"/>
  <c r="AE23352" i="1"/>
  <c r="AE23353" i="1"/>
  <c r="AE23354" i="1"/>
  <c r="AE23355" i="1"/>
  <c r="AE23356" i="1"/>
  <c r="AE23357" i="1"/>
  <c r="AE23358" i="1"/>
  <c r="AE23359" i="1"/>
  <c r="AE23360" i="1"/>
  <c r="AE23361" i="1"/>
  <c r="AE23362" i="1"/>
  <c r="AE23363" i="1"/>
  <c r="AE23364" i="1"/>
  <c r="AE23365" i="1"/>
  <c r="AE23366" i="1"/>
  <c r="AE23367" i="1"/>
  <c r="AE23368" i="1"/>
  <c r="AE23369" i="1"/>
  <c r="AE23370" i="1"/>
  <c r="AE23371" i="1"/>
  <c r="AE23372" i="1"/>
  <c r="AE23373" i="1"/>
  <c r="AE23374" i="1"/>
  <c r="AE23375" i="1"/>
  <c r="AE23376" i="1"/>
  <c r="AE23377" i="1"/>
  <c r="AE23378" i="1"/>
  <c r="AE23379" i="1"/>
  <c r="AE23380" i="1"/>
  <c r="AE23381" i="1"/>
  <c r="AE23382" i="1"/>
  <c r="AE23383" i="1"/>
  <c r="AE23384" i="1"/>
  <c r="AE23385" i="1"/>
  <c r="AE23386" i="1"/>
  <c r="AE23387" i="1"/>
  <c r="AE23388" i="1"/>
  <c r="AE23389" i="1"/>
  <c r="AE23390" i="1"/>
  <c r="AE23391" i="1"/>
  <c r="AE23392" i="1"/>
  <c r="AE23393" i="1"/>
  <c r="AE23394" i="1"/>
  <c r="AE23395" i="1"/>
  <c r="AE23396" i="1"/>
  <c r="AE23397" i="1"/>
  <c r="AE23398" i="1"/>
  <c r="AE23399" i="1"/>
  <c r="AE23400" i="1"/>
  <c r="AE23401" i="1"/>
  <c r="AE23402" i="1"/>
  <c r="AE23403" i="1"/>
  <c r="AE23404" i="1"/>
  <c r="AE23405" i="1"/>
  <c r="AE23406" i="1"/>
  <c r="AE23407" i="1"/>
  <c r="AE23408" i="1"/>
  <c r="AE23409" i="1"/>
  <c r="AE23410" i="1"/>
  <c r="AE23411" i="1"/>
  <c r="AE23412" i="1"/>
  <c r="AE23413" i="1"/>
  <c r="AE23414" i="1"/>
  <c r="AE23415" i="1"/>
  <c r="AE23416" i="1"/>
  <c r="AE23417" i="1"/>
  <c r="AE23418" i="1"/>
  <c r="AE23419" i="1"/>
  <c r="AE23420" i="1"/>
  <c r="AE23421" i="1"/>
  <c r="AE23422" i="1"/>
  <c r="AE23423" i="1"/>
  <c r="AE23424" i="1"/>
  <c r="AE23425" i="1"/>
  <c r="AE23426" i="1"/>
  <c r="AE23427" i="1"/>
  <c r="AE23428" i="1"/>
  <c r="AE23429" i="1"/>
  <c r="AE23430" i="1"/>
  <c r="AE23431" i="1"/>
  <c r="AE23432" i="1"/>
  <c r="AE23433" i="1"/>
  <c r="AE23434" i="1"/>
  <c r="AE23435" i="1"/>
  <c r="AE23436" i="1"/>
  <c r="AE23437" i="1"/>
  <c r="AE23438" i="1"/>
  <c r="AE23439" i="1"/>
  <c r="AE23440" i="1"/>
  <c r="AE23441" i="1"/>
  <c r="AE23442" i="1"/>
  <c r="AE23443" i="1"/>
  <c r="AE23444" i="1"/>
  <c r="AE23445" i="1"/>
  <c r="AE23446" i="1"/>
  <c r="AE23447" i="1"/>
  <c r="AE23448" i="1"/>
  <c r="AE23449" i="1"/>
  <c r="AE23450" i="1"/>
  <c r="AE23451" i="1"/>
  <c r="AE23452" i="1"/>
  <c r="AE23453" i="1"/>
  <c r="AE23454" i="1"/>
  <c r="AE23455" i="1"/>
  <c r="AE23456" i="1"/>
  <c r="AE23457" i="1"/>
  <c r="AE23458" i="1"/>
  <c r="AE23459" i="1"/>
  <c r="AE23460" i="1"/>
  <c r="AE23461" i="1"/>
  <c r="AE23462" i="1"/>
  <c r="AE23463" i="1"/>
  <c r="AE23464" i="1"/>
  <c r="AE23465" i="1"/>
  <c r="AE23466" i="1"/>
  <c r="AE23467" i="1"/>
  <c r="AE23468" i="1"/>
  <c r="AE23469" i="1"/>
  <c r="AE23470" i="1"/>
  <c r="AE23471" i="1"/>
  <c r="AE23472" i="1"/>
  <c r="AE23473" i="1"/>
  <c r="AE23474" i="1"/>
  <c r="AE23475" i="1"/>
  <c r="AE23476" i="1"/>
  <c r="AE23477" i="1"/>
  <c r="AE23478" i="1"/>
  <c r="AE23479" i="1"/>
  <c r="AE23480" i="1"/>
  <c r="AE23481" i="1"/>
  <c r="AE23482" i="1"/>
  <c r="AE23483" i="1"/>
  <c r="AE23484" i="1"/>
  <c r="AE23485" i="1"/>
  <c r="AE23486" i="1"/>
  <c r="AE23487" i="1"/>
  <c r="AE23488" i="1"/>
  <c r="AE23489" i="1"/>
  <c r="AE23490" i="1"/>
  <c r="AE23491" i="1"/>
  <c r="AE23492" i="1"/>
  <c r="AE23493" i="1"/>
  <c r="AE23494" i="1"/>
  <c r="AE23495" i="1"/>
  <c r="AE23496" i="1"/>
  <c r="AE23497" i="1"/>
  <c r="AE23498" i="1"/>
  <c r="AE23499" i="1"/>
  <c r="AE23500" i="1"/>
  <c r="AE23501" i="1"/>
  <c r="AE23502" i="1"/>
  <c r="AE23503" i="1"/>
  <c r="AE23504" i="1"/>
  <c r="AE23505" i="1"/>
  <c r="AE23506" i="1"/>
  <c r="AE23507" i="1"/>
  <c r="AE23508" i="1"/>
  <c r="AE23509" i="1"/>
  <c r="AE23510" i="1"/>
  <c r="AE23511" i="1"/>
  <c r="AE23512" i="1"/>
  <c r="AE23513" i="1"/>
  <c r="AE23514" i="1"/>
  <c r="AE23515" i="1"/>
  <c r="AE23516" i="1"/>
  <c r="AE23517" i="1"/>
  <c r="AE23518" i="1"/>
  <c r="AE23519" i="1"/>
  <c r="AE23520" i="1"/>
  <c r="AE23521" i="1"/>
  <c r="AE23522" i="1"/>
  <c r="AE23523" i="1"/>
  <c r="AE23524" i="1"/>
  <c r="AE23525" i="1"/>
  <c r="AE23526" i="1"/>
  <c r="AE23527" i="1"/>
  <c r="AE23528" i="1"/>
  <c r="AE23529" i="1"/>
  <c r="AE23530" i="1"/>
  <c r="AE23531" i="1"/>
  <c r="AE23532" i="1"/>
  <c r="AE23533" i="1"/>
  <c r="AE23534" i="1"/>
  <c r="AE23535" i="1"/>
  <c r="AE23536" i="1"/>
  <c r="AE23537" i="1"/>
  <c r="AE23538" i="1"/>
  <c r="AE23539" i="1"/>
  <c r="AE23540" i="1"/>
  <c r="AE23541" i="1"/>
  <c r="AE23542" i="1"/>
  <c r="AE23543" i="1"/>
  <c r="AE23544" i="1"/>
  <c r="AE23545" i="1"/>
  <c r="AE23546" i="1"/>
  <c r="AE23547" i="1"/>
  <c r="AE23548" i="1"/>
  <c r="AE23549" i="1"/>
  <c r="AE23550" i="1"/>
  <c r="AE23551" i="1"/>
  <c r="AE23552" i="1"/>
  <c r="AE23553" i="1"/>
  <c r="AE23554" i="1"/>
  <c r="AE23555" i="1"/>
  <c r="AE23556" i="1"/>
  <c r="AE23557" i="1"/>
  <c r="AE23558" i="1"/>
  <c r="AE23559" i="1"/>
  <c r="AE23560" i="1"/>
  <c r="AE23561" i="1"/>
  <c r="AE23562" i="1"/>
  <c r="AE23563" i="1"/>
  <c r="AE23564" i="1"/>
  <c r="AE23565" i="1"/>
  <c r="AE23566" i="1"/>
  <c r="AE23567" i="1"/>
  <c r="AE23568" i="1"/>
  <c r="AE23569" i="1"/>
  <c r="AE23570" i="1"/>
  <c r="AE23571" i="1"/>
  <c r="AE23572" i="1"/>
  <c r="AE23573" i="1"/>
  <c r="AE23574" i="1"/>
  <c r="AE23575" i="1"/>
  <c r="AE23576" i="1"/>
  <c r="AE23577" i="1"/>
  <c r="AE23578" i="1"/>
  <c r="AE23579" i="1"/>
  <c r="AE23580" i="1"/>
  <c r="AE23581" i="1"/>
  <c r="AE23582" i="1"/>
  <c r="AE23583" i="1"/>
  <c r="AE23584" i="1"/>
  <c r="AE23585" i="1"/>
  <c r="AE23586" i="1"/>
  <c r="AE23587" i="1"/>
  <c r="AE23588" i="1"/>
  <c r="AE23589" i="1"/>
  <c r="AE23590" i="1"/>
  <c r="AE23591" i="1"/>
  <c r="AE23592" i="1"/>
  <c r="AE23593" i="1"/>
  <c r="AE23594" i="1"/>
  <c r="AE23595" i="1"/>
  <c r="AE23596" i="1"/>
  <c r="AE23597" i="1"/>
  <c r="AE23598" i="1"/>
  <c r="AE23599" i="1"/>
  <c r="AE23600" i="1"/>
  <c r="AE23601" i="1"/>
  <c r="AE23602" i="1"/>
  <c r="AE23603" i="1"/>
  <c r="AE23604" i="1"/>
  <c r="AE23605" i="1"/>
  <c r="AE23606" i="1"/>
  <c r="AE23607" i="1"/>
  <c r="AE23608" i="1"/>
  <c r="AE23609" i="1"/>
  <c r="AE23610" i="1"/>
  <c r="AE23611" i="1"/>
  <c r="AE23612" i="1"/>
  <c r="AE23613" i="1"/>
  <c r="AE23614" i="1"/>
  <c r="AE23615" i="1"/>
  <c r="AE23616" i="1"/>
  <c r="AE23617" i="1"/>
  <c r="AE23618" i="1"/>
  <c r="AE23619" i="1"/>
  <c r="AE23620" i="1"/>
  <c r="AE23621" i="1"/>
  <c r="AE23622" i="1"/>
  <c r="AE23623" i="1"/>
  <c r="AE23624" i="1"/>
  <c r="AE23625" i="1"/>
  <c r="AE23626" i="1"/>
  <c r="AE23627" i="1"/>
  <c r="AE23628" i="1"/>
  <c r="AE23629" i="1"/>
  <c r="AE23630" i="1"/>
  <c r="AE23631" i="1"/>
  <c r="AE23632" i="1"/>
  <c r="AE23633" i="1"/>
  <c r="AE23634" i="1"/>
  <c r="AE23635" i="1"/>
  <c r="AE23636" i="1"/>
  <c r="AE23637" i="1"/>
  <c r="AE23638" i="1"/>
  <c r="AE23639" i="1"/>
  <c r="AE23640" i="1"/>
  <c r="AE23641" i="1"/>
  <c r="AE23642" i="1"/>
  <c r="AE23643" i="1"/>
  <c r="AE23644" i="1"/>
  <c r="AE23645" i="1"/>
  <c r="AE23646" i="1"/>
  <c r="AE23647" i="1"/>
  <c r="AE23648" i="1"/>
  <c r="AE23649" i="1"/>
  <c r="AE23650" i="1"/>
  <c r="AE23651" i="1"/>
  <c r="AE23652" i="1"/>
  <c r="AE23653" i="1"/>
  <c r="AE23654" i="1"/>
  <c r="AE23655" i="1"/>
  <c r="AE23656" i="1"/>
  <c r="AE23657" i="1"/>
  <c r="AE23658" i="1"/>
  <c r="AE23659" i="1"/>
  <c r="AE23660" i="1"/>
  <c r="AE23661" i="1"/>
  <c r="AE23662" i="1"/>
  <c r="AE23663" i="1"/>
  <c r="AE23664" i="1"/>
  <c r="AE23665" i="1"/>
  <c r="AE23666" i="1"/>
  <c r="AE23667" i="1"/>
  <c r="AE23668" i="1"/>
  <c r="AE23669" i="1"/>
  <c r="AE23670" i="1"/>
  <c r="AE23671" i="1"/>
  <c r="AE23672" i="1"/>
  <c r="AE23673" i="1"/>
  <c r="AE23674" i="1"/>
  <c r="AE23675" i="1"/>
  <c r="AE23676" i="1"/>
  <c r="AE23677" i="1"/>
  <c r="AE23678" i="1"/>
  <c r="AE23679" i="1"/>
  <c r="AE23680" i="1"/>
  <c r="AE23681" i="1"/>
  <c r="AE23682" i="1"/>
  <c r="AE23683" i="1"/>
  <c r="AE23684" i="1"/>
  <c r="AE23685" i="1"/>
  <c r="AE23686" i="1"/>
  <c r="AE23687" i="1"/>
  <c r="AE23688" i="1"/>
  <c r="AE23689" i="1"/>
  <c r="AE23690" i="1"/>
  <c r="AE23691" i="1"/>
  <c r="AE23692" i="1"/>
  <c r="AE23693" i="1"/>
  <c r="AE23694" i="1"/>
  <c r="AE23695" i="1"/>
  <c r="AE23696" i="1"/>
  <c r="AE23697" i="1"/>
  <c r="AE23698" i="1"/>
  <c r="AE23699" i="1"/>
  <c r="AE23700" i="1"/>
  <c r="AE23701" i="1"/>
  <c r="AE23702" i="1"/>
  <c r="AE23703" i="1"/>
  <c r="AE23704" i="1"/>
  <c r="AE23705" i="1"/>
  <c r="AE23706" i="1"/>
  <c r="AE23707" i="1"/>
  <c r="AE23708" i="1"/>
  <c r="AE23709" i="1"/>
  <c r="AE23710" i="1"/>
  <c r="AE23711" i="1"/>
  <c r="AE23712" i="1"/>
  <c r="AE23713" i="1"/>
  <c r="AE23714" i="1"/>
  <c r="AE23715" i="1"/>
  <c r="AE23716" i="1"/>
  <c r="AE23717" i="1"/>
  <c r="AE23718" i="1"/>
  <c r="AE23719" i="1"/>
  <c r="AE23720" i="1"/>
  <c r="AE23721" i="1"/>
  <c r="AE23722" i="1"/>
  <c r="AE23723" i="1"/>
  <c r="AE23724" i="1"/>
  <c r="AE23725" i="1"/>
  <c r="AE23726" i="1"/>
  <c r="AE23727" i="1"/>
  <c r="AE23728" i="1"/>
  <c r="AE23729" i="1"/>
  <c r="AE23730" i="1"/>
  <c r="AE23731" i="1"/>
  <c r="AE23732" i="1"/>
  <c r="AE23733" i="1"/>
  <c r="AE23734" i="1"/>
  <c r="AE23735" i="1"/>
  <c r="AE23736" i="1"/>
  <c r="AE23737" i="1"/>
  <c r="AE23738" i="1"/>
  <c r="AE23739" i="1"/>
  <c r="AE23740" i="1"/>
  <c r="AE23741" i="1"/>
  <c r="AE23742" i="1"/>
  <c r="AE23743" i="1"/>
  <c r="AE23744" i="1"/>
  <c r="AE23745" i="1"/>
  <c r="AE23746" i="1"/>
  <c r="AE23747" i="1"/>
  <c r="AE23748" i="1"/>
  <c r="AE23749" i="1"/>
  <c r="AE23750" i="1"/>
  <c r="AE23751" i="1"/>
  <c r="AE23752" i="1"/>
  <c r="AE23753" i="1"/>
  <c r="AE23754" i="1"/>
  <c r="AE23755" i="1"/>
  <c r="AE23756" i="1"/>
  <c r="AE23757" i="1"/>
  <c r="AE23758" i="1"/>
  <c r="AE23759" i="1"/>
  <c r="AE23760" i="1"/>
  <c r="AE23761" i="1"/>
  <c r="AE23762" i="1"/>
  <c r="AE23763" i="1"/>
  <c r="AE23764" i="1"/>
  <c r="AE23765" i="1"/>
  <c r="AE23766" i="1"/>
  <c r="AE23767" i="1"/>
  <c r="AE23768" i="1"/>
  <c r="AE23769" i="1"/>
  <c r="AE23770" i="1"/>
  <c r="AE23771" i="1"/>
  <c r="AE23772" i="1"/>
  <c r="AE23773" i="1"/>
  <c r="AE23774" i="1"/>
  <c r="AE23775" i="1"/>
  <c r="AE23776" i="1"/>
  <c r="AE23777" i="1"/>
  <c r="AE23778" i="1"/>
  <c r="AE23779" i="1"/>
  <c r="AE23780" i="1"/>
  <c r="AE23781" i="1"/>
  <c r="AE23782" i="1"/>
  <c r="AE23783" i="1"/>
  <c r="AE23784" i="1"/>
  <c r="AE23785" i="1"/>
  <c r="AE23786" i="1"/>
  <c r="AE23787" i="1"/>
  <c r="AE23788" i="1"/>
  <c r="AE23789" i="1"/>
  <c r="AE23790" i="1"/>
  <c r="AE23791" i="1"/>
  <c r="AE23792" i="1"/>
  <c r="AE23793" i="1"/>
  <c r="AE23794" i="1"/>
  <c r="AE23795" i="1"/>
  <c r="AE23796" i="1"/>
  <c r="AE23797" i="1"/>
  <c r="AE23798" i="1"/>
  <c r="AE23799" i="1"/>
  <c r="AE23800" i="1"/>
  <c r="AE23801" i="1"/>
  <c r="AE23802" i="1"/>
  <c r="AE23803" i="1"/>
  <c r="AE23804" i="1"/>
  <c r="AE23805" i="1"/>
  <c r="AE23806" i="1"/>
  <c r="AE23807" i="1"/>
  <c r="AE23808" i="1"/>
  <c r="AE23809" i="1"/>
  <c r="AE23810" i="1"/>
  <c r="AE23811" i="1"/>
  <c r="AE23812" i="1"/>
  <c r="AE23813" i="1"/>
  <c r="AE23814" i="1"/>
  <c r="AE23815" i="1"/>
  <c r="AE23816" i="1"/>
  <c r="AE23817" i="1"/>
  <c r="AE23818" i="1"/>
  <c r="AE23819" i="1"/>
  <c r="AE23820" i="1"/>
  <c r="AE23821" i="1"/>
  <c r="AE23822" i="1"/>
  <c r="AE23823" i="1"/>
  <c r="AE23824" i="1"/>
  <c r="AE23825" i="1"/>
  <c r="AE23826" i="1"/>
  <c r="AE23827" i="1"/>
  <c r="AE23828" i="1"/>
  <c r="AE23829" i="1"/>
  <c r="AE23830" i="1"/>
  <c r="AE23831" i="1"/>
  <c r="AE23832" i="1"/>
  <c r="AE23833" i="1"/>
  <c r="AE23834" i="1"/>
  <c r="AE23835" i="1"/>
  <c r="AE23836" i="1"/>
  <c r="AE23837" i="1"/>
  <c r="AE23838" i="1"/>
  <c r="AE23839" i="1"/>
  <c r="AE23840" i="1"/>
  <c r="AE23841" i="1"/>
  <c r="AE23842" i="1"/>
  <c r="AE23843" i="1"/>
  <c r="AE23844" i="1"/>
  <c r="AE23845" i="1"/>
  <c r="AE23846" i="1"/>
  <c r="AE23847" i="1"/>
  <c r="AE23848" i="1"/>
  <c r="AE23849" i="1"/>
  <c r="AE23850" i="1"/>
  <c r="AE23851" i="1"/>
  <c r="AE23852" i="1"/>
  <c r="AE23853" i="1"/>
  <c r="AE23854" i="1"/>
  <c r="AE23855" i="1"/>
  <c r="AE23856" i="1"/>
  <c r="AE23857" i="1"/>
  <c r="AE23858" i="1"/>
  <c r="AE23859" i="1"/>
  <c r="AE23860" i="1"/>
  <c r="AE23861" i="1"/>
  <c r="AE23862" i="1"/>
  <c r="AE23863" i="1"/>
  <c r="AE23864" i="1"/>
  <c r="AE23865" i="1"/>
  <c r="AE23866" i="1"/>
  <c r="AE23867" i="1"/>
  <c r="AE23868" i="1"/>
  <c r="AE23869" i="1"/>
  <c r="AE23870" i="1"/>
  <c r="AE23871" i="1"/>
  <c r="AE23872" i="1"/>
  <c r="AE23873" i="1"/>
  <c r="AE23874" i="1"/>
  <c r="AE23875" i="1"/>
  <c r="AE23876" i="1"/>
  <c r="AE23877" i="1"/>
  <c r="AE23878" i="1"/>
  <c r="AE23879" i="1"/>
  <c r="AE23880" i="1"/>
  <c r="AE23881" i="1"/>
  <c r="AE23882" i="1"/>
  <c r="AE23883" i="1"/>
  <c r="AE23884" i="1"/>
  <c r="AE23885" i="1"/>
  <c r="AE23886" i="1"/>
  <c r="AE23887" i="1"/>
  <c r="AE23888" i="1"/>
  <c r="AE23889" i="1"/>
  <c r="AE23890" i="1"/>
  <c r="AE23891" i="1"/>
  <c r="AE23892" i="1"/>
  <c r="AE23893" i="1"/>
  <c r="AE23894" i="1"/>
  <c r="AE23895" i="1"/>
  <c r="AE23896" i="1"/>
  <c r="AE23897" i="1"/>
  <c r="AE23898" i="1"/>
  <c r="AE23899" i="1"/>
  <c r="AE23900" i="1"/>
  <c r="AE23901" i="1"/>
  <c r="AE23902" i="1"/>
  <c r="AE23903" i="1"/>
  <c r="AE23904" i="1"/>
  <c r="AE23905" i="1"/>
  <c r="AE23906" i="1"/>
  <c r="AE23907" i="1"/>
  <c r="AE23908" i="1"/>
  <c r="AE23909" i="1"/>
  <c r="AE23910" i="1"/>
  <c r="AE23911" i="1"/>
  <c r="AE23912" i="1"/>
  <c r="AE23913" i="1"/>
  <c r="AE23914" i="1"/>
  <c r="AE23915" i="1"/>
  <c r="AE23916" i="1"/>
  <c r="AE23917" i="1"/>
  <c r="AE23918" i="1"/>
  <c r="AE23919" i="1"/>
  <c r="AE23920" i="1"/>
  <c r="AE23921" i="1"/>
  <c r="AE23922" i="1"/>
  <c r="AE23923" i="1"/>
  <c r="AE23924" i="1"/>
  <c r="AE23925" i="1"/>
  <c r="AE23926" i="1"/>
  <c r="AE23927" i="1"/>
  <c r="AE23928" i="1"/>
  <c r="AE23929" i="1"/>
  <c r="AE23930" i="1"/>
  <c r="AE23931" i="1"/>
  <c r="AE23932" i="1"/>
  <c r="AE23933" i="1"/>
  <c r="AE23934" i="1"/>
  <c r="AE23935" i="1"/>
  <c r="AE23936" i="1"/>
  <c r="AE23937" i="1"/>
  <c r="AE23938" i="1"/>
  <c r="AE23939" i="1"/>
  <c r="AE23940" i="1"/>
  <c r="AE23941" i="1"/>
  <c r="AE23942" i="1"/>
  <c r="AE23943" i="1"/>
  <c r="AE23944" i="1"/>
  <c r="AE23945" i="1"/>
  <c r="AE23946" i="1"/>
  <c r="AE23947" i="1"/>
  <c r="AE23948" i="1"/>
  <c r="AE23949" i="1"/>
  <c r="AE23950" i="1"/>
  <c r="AE23951" i="1"/>
  <c r="AE23952" i="1"/>
  <c r="AE23953" i="1"/>
  <c r="AE23954" i="1"/>
  <c r="AE23955" i="1"/>
  <c r="AE23956" i="1"/>
  <c r="AE23957" i="1"/>
  <c r="AE23958" i="1"/>
  <c r="AE23959" i="1"/>
  <c r="AE23960" i="1"/>
  <c r="AE23961" i="1"/>
  <c r="AE23962" i="1"/>
  <c r="AE23963" i="1"/>
  <c r="AE23964" i="1"/>
  <c r="AE23965" i="1"/>
  <c r="AE23966" i="1"/>
  <c r="AE23967" i="1"/>
  <c r="AE23968" i="1"/>
  <c r="AE23969" i="1"/>
  <c r="AE23970" i="1"/>
  <c r="AE23971" i="1"/>
  <c r="AE23972" i="1"/>
  <c r="AE23973" i="1"/>
  <c r="AE23974" i="1"/>
  <c r="AE23975" i="1"/>
  <c r="AE23976" i="1"/>
  <c r="AE23977" i="1"/>
  <c r="AE23978" i="1"/>
  <c r="AE23979" i="1"/>
  <c r="AE23980" i="1"/>
  <c r="AE23981" i="1"/>
  <c r="AE23982" i="1"/>
  <c r="AE23983" i="1"/>
  <c r="AE23984" i="1"/>
  <c r="AE23985" i="1"/>
  <c r="AE23986" i="1"/>
  <c r="AE23987" i="1"/>
  <c r="AE23988" i="1"/>
  <c r="AE23989" i="1"/>
  <c r="AE23990" i="1"/>
  <c r="AE23991" i="1"/>
  <c r="AE23992" i="1"/>
  <c r="AE23993" i="1"/>
  <c r="AE23994" i="1"/>
  <c r="AE23995" i="1"/>
  <c r="AE23996" i="1"/>
  <c r="AE23997" i="1"/>
  <c r="AE23998" i="1"/>
  <c r="AE23999" i="1"/>
  <c r="AE24000" i="1"/>
  <c r="AE24001" i="1"/>
  <c r="AE24002" i="1"/>
  <c r="AE24003" i="1"/>
  <c r="AE24004" i="1"/>
  <c r="AE24005" i="1"/>
  <c r="AE24006" i="1"/>
  <c r="AE24007" i="1"/>
  <c r="AE24008" i="1"/>
  <c r="AE24009" i="1"/>
  <c r="AE24010" i="1"/>
  <c r="AE24011" i="1"/>
  <c r="AE24012" i="1"/>
  <c r="AE24013" i="1"/>
  <c r="AE24014" i="1"/>
  <c r="AE24015" i="1"/>
  <c r="AE24016" i="1"/>
  <c r="AE24017" i="1"/>
  <c r="AE24018" i="1"/>
  <c r="AE24019" i="1"/>
  <c r="AE24020" i="1"/>
  <c r="AE24021" i="1"/>
  <c r="AE24022" i="1"/>
  <c r="AE24023" i="1"/>
  <c r="AE24024" i="1"/>
  <c r="AE24025" i="1"/>
  <c r="AE24026" i="1"/>
  <c r="AE24027" i="1"/>
  <c r="AE24028" i="1"/>
  <c r="AE24029" i="1"/>
  <c r="AE24030" i="1"/>
  <c r="AE24031" i="1"/>
  <c r="AE24032" i="1"/>
  <c r="AE24033" i="1"/>
  <c r="AE24034" i="1"/>
  <c r="AE24035" i="1"/>
  <c r="AE24036" i="1"/>
  <c r="AE24037" i="1"/>
  <c r="AE24038" i="1"/>
  <c r="AE24039" i="1"/>
  <c r="AE24040" i="1"/>
  <c r="AE24041" i="1"/>
  <c r="AE24042" i="1"/>
  <c r="AE24043" i="1"/>
  <c r="AE24044" i="1"/>
  <c r="AE24045" i="1"/>
  <c r="AE24046" i="1"/>
  <c r="AE24047" i="1"/>
  <c r="AE24048" i="1"/>
  <c r="AE24049" i="1"/>
  <c r="AE24050" i="1"/>
  <c r="AE24051" i="1"/>
  <c r="AE24052" i="1"/>
  <c r="AE24053" i="1"/>
  <c r="AE24054" i="1"/>
  <c r="AE24055" i="1"/>
  <c r="AE24056" i="1"/>
  <c r="AE24057" i="1"/>
  <c r="AE24058" i="1"/>
  <c r="AE24059" i="1"/>
  <c r="AE24060" i="1"/>
  <c r="AE24061" i="1"/>
  <c r="AE24062" i="1"/>
  <c r="AE24063" i="1"/>
  <c r="AE24064" i="1"/>
  <c r="AE24065" i="1"/>
  <c r="AE24066" i="1"/>
  <c r="AE24067" i="1"/>
  <c r="AE24068" i="1"/>
  <c r="AE24069" i="1"/>
  <c r="AE24070" i="1"/>
  <c r="AE24071" i="1"/>
  <c r="AE24072" i="1"/>
  <c r="AE24073" i="1"/>
  <c r="AE24074" i="1"/>
  <c r="AE24075" i="1"/>
  <c r="AE24076" i="1"/>
  <c r="AE24077" i="1"/>
  <c r="AE24078" i="1"/>
  <c r="AE24079" i="1"/>
  <c r="AE24080" i="1"/>
  <c r="AE24081" i="1"/>
  <c r="AE24082" i="1"/>
  <c r="AE24083" i="1"/>
  <c r="AE24084" i="1"/>
  <c r="AE24085" i="1"/>
  <c r="AE24086" i="1"/>
  <c r="AE24087" i="1"/>
  <c r="AE24088" i="1"/>
  <c r="AE24089" i="1"/>
  <c r="AE24090" i="1"/>
  <c r="AE24091" i="1"/>
  <c r="AE24092" i="1"/>
  <c r="AE24093" i="1"/>
  <c r="AE24094" i="1"/>
  <c r="AE24095" i="1"/>
  <c r="AE24096" i="1"/>
  <c r="AE24097" i="1"/>
  <c r="AE24098" i="1"/>
  <c r="AE24099" i="1"/>
  <c r="AE24100" i="1"/>
  <c r="AE24101" i="1"/>
  <c r="AE24102" i="1"/>
  <c r="AE24103" i="1"/>
  <c r="AE24104" i="1"/>
  <c r="AE24105" i="1"/>
  <c r="AE24106" i="1"/>
  <c r="AE24107" i="1"/>
  <c r="AE24108" i="1"/>
  <c r="AE24109" i="1"/>
  <c r="AE24110" i="1"/>
  <c r="AE24111" i="1"/>
  <c r="AE24112" i="1"/>
  <c r="AE24113" i="1"/>
  <c r="AE24114" i="1"/>
  <c r="AE24115" i="1"/>
  <c r="AE24116" i="1"/>
  <c r="AE24117" i="1"/>
  <c r="AE24118" i="1"/>
  <c r="AE24119" i="1"/>
  <c r="AE24120" i="1"/>
  <c r="AE24121" i="1"/>
  <c r="AE24122" i="1"/>
  <c r="AE24123" i="1"/>
  <c r="AE24124" i="1"/>
  <c r="AE24125" i="1"/>
  <c r="AE24126" i="1"/>
  <c r="AE24127" i="1"/>
  <c r="AE24128" i="1"/>
  <c r="AE24129" i="1"/>
  <c r="AE24130" i="1"/>
  <c r="AE24131" i="1"/>
  <c r="AE24132" i="1"/>
  <c r="AE24133" i="1"/>
  <c r="AE24134" i="1"/>
  <c r="AE24135" i="1"/>
  <c r="AE24136" i="1"/>
  <c r="AE24137" i="1"/>
  <c r="AE24138" i="1"/>
  <c r="AE24139" i="1"/>
  <c r="AE24140" i="1"/>
  <c r="AE24141" i="1"/>
  <c r="AE24142" i="1"/>
  <c r="AE24143" i="1"/>
  <c r="AE24144" i="1"/>
  <c r="AE24145" i="1"/>
  <c r="AE24146" i="1"/>
  <c r="AE24147" i="1"/>
  <c r="AE24148" i="1"/>
  <c r="AE24149" i="1"/>
  <c r="AE24150" i="1"/>
  <c r="AE24151" i="1"/>
  <c r="AE24152" i="1"/>
  <c r="AE24153" i="1"/>
  <c r="AE24154" i="1"/>
  <c r="AE24155" i="1"/>
  <c r="AE24156" i="1"/>
  <c r="AE24157" i="1"/>
  <c r="AE24158" i="1"/>
  <c r="AE24159" i="1"/>
  <c r="AE24160" i="1"/>
  <c r="AE24161" i="1"/>
  <c r="AE24162" i="1"/>
  <c r="AE24163" i="1"/>
  <c r="AE24164" i="1"/>
  <c r="AE24165" i="1"/>
  <c r="AE24166" i="1"/>
  <c r="AE24167" i="1"/>
  <c r="AE24168" i="1"/>
  <c r="AE24169" i="1"/>
  <c r="AE24170" i="1"/>
  <c r="AE24171" i="1"/>
  <c r="AE24172" i="1"/>
  <c r="AE24173" i="1"/>
  <c r="AE24174" i="1"/>
  <c r="AE24175" i="1"/>
  <c r="AE24176" i="1"/>
  <c r="AE24177" i="1"/>
  <c r="AE24178" i="1"/>
  <c r="AE24179" i="1"/>
  <c r="AE24180" i="1"/>
  <c r="AE24181" i="1"/>
  <c r="AE24182" i="1"/>
  <c r="AE24183" i="1"/>
  <c r="AE24184" i="1"/>
  <c r="AE24185" i="1"/>
  <c r="AE24186" i="1"/>
  <c r="AE24187" i="1"/>
  <c r="AE24188" i="1"/>
  <c r="AE24189" i="1"/>
  <c r="AE24190" i="1"/>
  <c r="AE24191" i="1"/>
  <c r="AE24192" i="1"/>
  <c r="AE24193" i="1"/>
  <c r="AE24194" i="1"/>
  <c r="AE24195" i="1"/>
  <c r="AE24196" i="1"/>
  <c r="AE24197" i="1"/>
  <c r="AE24198" i="1"/>
  <c r="AE24199" i="1"/>
  <c r="AE24200" i="1"/>
  <c r="AE24201" i="1"/>
  <c r="AE24202" i="1"/>
  <c r="AE24203" i="1"/>
  <c r="AE24204" i="1"/>
  <c r="AE24205" i="1"/>
  <c r="AE24206" i="1"/>
  <c r="AE24207" i="1"/>
  <c r="AE24208" i="1"/>
  <c r="AE24209" i="1"/>
  <c r="AE24210" i="1"/>
  <c r="AE24211" i="1"/>
  <c r="AE24212" i="1"/>
  <c r="AE24213" i="1"/>
  <c r="AE24214" i="1"/>
  <c r="AE24215" i="1"/>
  <c r="AE24216" i="1"/>
  <c r="AE24217" i="1"/>
  <c r="AE24218" i="1"/>
  <c r="AE24219" i="1"/>
  <c r="AE24220" i="1"/>
  <c r="AE24221" i="1"/>
  <c r="AE24222" i="1"/>
  <c r="AE24223" i="1"/>
  <c r="AE24224" i="1"/>
  <c r="AE24225" i="1"/>
  <c r="AE24226" i="1"/>
  <c r="AE24227" i="1"/>
  <c r="AE24228" i="1"/>
  <c r="AE24229" i="1"/>
  <c r="AE24230" i="1"/>
  <c r="AE24231" i="1"/>
  <c r="AE24232" i="1"/>
  <c r="AE24233" i="1"/>
  <c r="AE24234" i="1"/>
  <c r="AE24235" i="1"/>
  <c r="AE24236" i="1"/>
  <c r="AE24237" i="1"/>
  <c r="AE24238" i="1"/>
  <c r="AE24239" i="1"/>
  <c r="AE24240" i="1"/>
  <c r="AE24241" i="1"/>
  <c r="AE24242" i="1"/>
  <c r="AE24243" i="1"/>
  <c r="AE24244" i="1"/>
  <c r="AE24245" i="1"/>
  <c r="AE24246" i="1"/>
  <c r="AE24247" i="1"/>
  <c r="AE24248" i="1"/>
  <c r="AE24249" i="1"/>
  <c r="AE24250" i="1"/>
  <c r="AE24251" i="1"/>
  <c r="AE24252" i="1"/>
  <c r="AE24253" i="1"/>
  <c r="AE24254" i="1"/>
  <c r="AE24255" i="1"/>
  <c r="AE24256" i="1"/>
  <c r="AE24257" i="1"/>
  <c r="AE24258" i="1"/>
  <c r="AE24259" i="1"/>
  <c r="AE24260" i="1"/>
  <c r="AE24261" i="1"/>
  <c r="AE24262" i="1"/>
  <c r="AE24263" i="1"/>
  <c r="AE24264" i="1"/>
  <c r="AE24265" i="1"/>
  <c r="AE24266" i="1"/>
  <c r="AE24267" i="1"/>
  <c r="AE24268" i="1"/>
  <c r="AE24269" i="1"/>
  <c r="AE24270" i="1"/>
  <c r="AE24271" i="1"/>
  <c r="AE24272" i="1"/>
  <c r="AE24273" i="1"/>
  <c r="AE24274" i="1"/>
  <c r="AE24275" i="1"/>
  <c r="AE24276" i="1"/>
  <c r="AE24277" i="1"/>
  <c r="AE24278" i="1"/>
  <c r="AE24279" i="1"/>
  <c r="AE24280" i="1"/>
  <c r="AE24281" i="1"/>
  <c r="AE24282" i="1"/>
  <c r="AE24283" i="1"/>
  <c r="AE24284" i="1"/>
  <c r="AE24285" i="1"/>
  <c r="AE24286" i="1"/>
  <c r="AE24287" i="1"/>
  <c r="AE24288" i="1"/>
  <c r="AE24289" i="1"/>
  <c r="AE24290" i="1"/>
  <c r="AE24291" i="1"/>
  <c r="AE24292" i="1"/>
  <c r="AE24293" i="1"/>
  <c r="AE24294" i="1"/>
  <c r="AE24295" i="1"/>
  <c r="AE24296" i="1"/>
  <c r="AE24297" i="1"/>
  <c r="AE24298" i="1"/>
  <c r="AE24299" i="1"/>
  <c r="AE24300" i="1"/>
  <c r="AE24301" i="1"/>
  <c r="AE24302" i="1"/>
  <c r="AE24303" i="1"/>
  <c r="AE24304" i="1"/>
  <c r="AE24305" i="1"/>
  <c r="AE24306" i="1"/>
  <c r="AE24307" i="1"/>
  <c r="AE24308" i="1"/>
  <c r="AE24309" i="1"/>
  <c r="AE24310" i="1"/>
  <c r="AE24311" i="1"/>
  <c r="AE24312" i="1"/>
  <c r="AE24313" i="1"/>
  <c r="AE24314" i="1"/>
  <c r="AE24315" i="1"/>
  <c r="AE24316" i="1"/>
  <c r="AE24317" i="1"/>
  <c r="AE24318" i="1"/>
  <c r="AE24319" i="1"/>
  <c r="AE24320" i="1"/>
  <c r="AE24321" i="1"/>
  <c r="AE24322" i="1"/>
  <c r="AE24323" i="1"/>
  <c r="AE24324" i="1"/>
  <c r="AE24325" i="1"/>
  <c r="AE24326" i="1"/>
  <c r="AE24327" i="1"/>
  <c r="AE24328" i="1"/>
  <c r="AE24329" i="1"/>
  <c r="AE24330" i="1"/>
  <c r="AE24331" i="1"/>
  <c r="AE24332" i="1"/>
  <c r="AE24333" i="1"/>
  <c r="AE24334" i="1"/>
  <c r="AE24335" i="1"/>
  <c r="AE24336" i="1"/>
  <c r="AE24337" i="1"/>
  <c r="AE24338" i="1"/>
  <c r="AE24339" i="1"/>
  <c r="AE24340" i="1"/>
  <c r="AE24341" i="1"/>
  <c r="AE24342" i="1"/>
  <c r="AE24343" i="1"/>
  <c r="AE24344" i="1"/>
  <c r="AE24345" i="1"/>
  <c r="AE24346" i="1"/>
  <c r="AE24347" i="1"/>
  <c r="AE24348" i="1"/>
  <c r="AE24349" i="1"/>
  <c r="AE24350" i="1"/>
  <c r="AE24351" i="1"/>
  <c r="AE24352" i="1"/>
  <c r="AE24353" i="1"/>
  <c r="AE24354" i="1"/>
  <c r="AE24355" i="1"/>
  <c r="AE24356" i="1"/>
  <c r="AE24357" i="1"/>
  <c r="AE24358" i="1"/>
  <c r="AE24359" i="1"/>
  <c r="AE24360" i="1"/>
  <c r="AE24361" i="1"/>
  <c r="AE24362" i="1"/>
  <c r="AE24363" i="1"/>
  <c r="AE24364" i="1"/>
  <c r="AE24365" i="1"/>
  <c r="AE24366" i="1"/>
  <c r="AE24367" i="1"/>
  <c r="AE24368" i="1"/>
  <c r="AE24369" i="1"/>
  <c r="AE24370" i="1"/>
  <c r="AE24371" i="1"/>
  <c r="AE24372" i="1"/>
  <c r="AE24373" i="1"/>
  <c r="AE24374" i="1"/>
  <c r="AE24375" i="1"/>
  <c r="AE24376" i="1"/>
  <c r="AE24377" i="1"/>
  <c r="AE24378" i="1"/>
  <c r="AE24379" i="1"/>
  <c r="AE24380" i="1"/>
  <c r="AE24381" i="1"/>
  <c r="AE24382" i="1"/>
  <c r="AE24383" i="1"/>
  <c r="AE24384" i="1"/>
  <c r="AE24385" i="1"/>
  <c r="AE24386" i="1"/>
  <c r="AE24387" i="1"/>
  <c r="AE24388" i="1"/>
  <c r="AE24389" i="1"/>
  <c r="AE24390" i="1"/>
  <c r="AE24391" i="1"/>
  <c r="AE24392" i="1"/>
  <c r="AE24393" i="1"/>
  <c r="AE24394" i="1"/>
  <c r="AE24395" i="1"/>
  <c r="AE24396" i="1"/>
  <c r="AE24397" i="1"/>
  <c r="AE24398" i="1"/>
  <c r="AE24399" i="1"/>
  <c r="AE24400" i="1"/>
  <c r="AE24401" i="1"/>
  <c r="AE24402" i="1"/>
  <c r="AE24403" i="1"/>
  <c r="AE24404" i="1"/>
  <c r="AE24405" i="1"/>
  <c r="AE24406" i="1"/>
  <c r="AE24407" i="1"/>
  <c r="AE24408" i="1"/>
  <c r="AE24409" i="1"/>
  <c r="AE24410" i="1"/>
  <c r="AE24411" i="1"/>
  <c r="AE24412" i="1"/>
  <c r="AE24413" i="1"/>
  <c r="AE24414" i="1"/>
  <c r="AE24415" i="1"/>
  <c r="AE24416" i="1"/>
  <c r="AE24417" i="1"/>
  <c r="AE24418" i="1"/>
  <c r="AE24419" i="1"/>
  <c r="AE24420" i="1"/>
  <c r="AE24421" i="1"/>
  <c r="AE24422" i="1"/>
  <c r="AE24423" i="1"/>
  <c r="AE24424" i="1"/>
  <c r="AE24425" i="1"/>
  <c r="AE24426" i="1"/>
  <c r="AE24427" i="1"/>
  <c r="AE24428" i="1"/>
  <c r="AE24429" i="1"/>
  <c r="AE24430" i="1"/>
  <c r="AE24431" i="1"/>
  <c r="AE24432" i="1"/>
  <c r="AE24433" i="1"/>
  <c r="AE24434" i="1"/>
  <c r="AE24435" i="1"/>
  <c r="AE24436" i="1"/>
  <c r="AE24437" i="1"/>
  <c r="AE24438" i="1"/>
  <c r="AE24439" i="1"/>
  <c r="AE24440" i="1"/>
  <c r="AE24441" i="1"/>
  <c r="AE24442" i="1"/>
  <c r="AE24443" i="1"/>
  <c r="AE24444" i="1"/>
  <c r="AE24445" i="1"/>
  <c r="AE24446" i="1"/>
  <c r="AE24447" i="1"/>
  <c r="AE24448" i="1"/>
  <c r="AE24449" i="1"/>
  <c r="AE24450" i="1"/>
  <c r="AE24451" i="1"/>
  <c r="AE24452" i="1"/>
  <c r="AE24453" i="1"/>
  <c r="AE24454" i="1"/>
  <c r="AE24455" i="1"/>
  <c r="AE24456" i="1"/>
  <c r="AE24457" i="1"/>
  <c r="AE24458" i="1"/>
  <c r="AE24459" i="1"/>
  <c r="AE24460" i="1"/>
  <c r="AE24461" i="1"/>
  <c r="AE24462" i="1"/>
  <c r="AE24463" i="1"/>
  <c r="AE24464" i="1"/>
  <c r="AE24465" i="1"/>
  <c r="AE24466" i="1"/>
  <c r="AE24467" i="1"/>
  <c r="AE24468" i="1"/>
  <c r="AE24469" i="1"/>
  <c r="AE24470" i="1"/>
  <c r="AE24471" i="1"/>
  <c r="AE24472" i="1"/>
  <c r="AE24473" i="1"/>
  <c r="AE24474" i="1"/>
  <c r="AE24475" i="1"/>
  <c r="AE24476" i="1"/>
  <c r="AE24477" i="1"/>
  <c r="AE24478" i="1"/>
  <c r="AE24479" i="1"/>
  <c r="AE24480" i="1"/>
  <c r="AE24481" i="1"/>
  <c r="AE24482" i="1"/>
  <c r="AE24483" i="1"/>
  <c r="AE24484" i="1"/>
  <c r="AE24485" i="1"/>
  <c r="AE24486" i="1"/>
  <c r="AE24487" i="1"/>
  <c r="AE24488" i="1"/>
  <c r="AE24489" i="1"/>
  <c r="AE24490" i="1"/>
  <c r="AE24491" i="1"/>
  <c r="AE24492" i="1"/>
  <c r="AE24493" i="1"/>
  <c r="AE24494" i="1"/>
  <c r="AE24495" i="1"/>
  <c r="AE24496" i="1"/>
  <c r="AE24497" i="1"/>
  <c r="AE24498" i="1"/>
  <c r="AE24499" i="1"/>
  <c r="AE24500" i="1"/>
  <c r="AE24501" i="1"/>
  <c r="AE24502" i="1"/>
  <c r="AE24503" i="1"/>
  <c r="AE24504" i="1"/>
  <c r="AE24505" i="1"/>
  <c r="AE24506" i="1"/>
  <c r="AE24507" i="1"/>
  <c r="AE24508" i="1"/>
  <c r="AE24509" i="1"/>
  <c r="AE24510" i="1"/>
  <c r="AE24511" i="1"/>
  <c r="AE24512" i="1"/>
  <c r="AE24513" i="1"/>
  <c r="AE24514" i="1"/>
  <c r="AE24515" i="1"/>
  <c r="AE24516" i="1"/>
  <c r="AE24517" i="1"/>
  <c r="AE24518" i="1"/>
  <c r="AE24519" i="1"/>
  <c r="AE24520" i="1"/>
  <c r="AE24521" i="1"/>
  <c r="AE24522" i="1"/>
  <c r="AE24523" i="1"/>
  <c r="AE24524" i="1"/>
  <c r="AE24525" i="1"/>
  <c r="AE24526" i="1"/>
  <c r="AE24527" i="1"/>
  <c r="AE24528" i="1"/>
  <c r="AE24529" i="1"/>
  <c r="AE24530" i="1"/>
  <c r="AE24531" i="1"/>
  <c r="AE24532" i="1"/>
  <c r="AE24533" i="1"/>
  <c r="AE24534" i="1"/>
  <c r="AE24535" i="1"/>
  <c r="AE24536" i="1"/>
  <c r="AE24537" i="1"/>
  <c r="AE24538" i="1"/>
  <c r="AE24539" i="1"/>
  <c r="AE24540" i="1"/>
  <c r="AE24541" i="1"/>
  <c r="AE24542" i="1"/>
  <c r="AE24543" i="1"/>
  <c r="AE24544" i="1"/>
  <c r="AE24545" i="1"/>
  <c r="AE24546" i="1"/>
  <c r="AE24547" i="1"/>
  <c r="AE24548" i="1"/>
  <c r="AE24549" i="1"/>
  <c r="AE24550" i="1"/>
  <c r="AE24551" i="1"/>
  <c r="AE24552" i="1"/>
  <c r="AE24553" i="1"/>
  <c r="AE24554" i="1"/>
  <c r="AE24555" i="1"/>
  <c r="AE24556" i="1"/>
  <c r="AE24557" i="1"/>
  <c r="AE24558" i="1"/>
  <c r="AE24559" i="1"/>
  <c r="AE24560" i="1"/>
  <c r="AE24561" i="1"/>
  <c r="AE24562" i="1"/>
  <c r="AE24563" i="1"/>
  <c r="AE24564" i="1"/>
  <c r="AE24565" i="1"/>
  <c r="AE24566" i="1"/>
  <c r="AE24567" i="1"/>
  <c r="AE24568" i="1"/>
  <c r="AE24569" i="1"/>
  <c r="AE24570" i="1"/>
  <c r="AE24571" i="1"/>
  <c r="AE24572" i="1"/>
  <c r="AE24573" i="1"/>
  <c r="AE24574" i="1"/>
  <c r="AE24575" i="1"/>
  <c r="AE24576" i="1"/>
  <c r="AE24577" i="1"/>
  <c r="AE24578" i="1"/>
  <c r="AE24579" i="1"/>
  <c r="AE24580" i="1"/>
  <c r="AE24581" i="1"/>
  <c r="AE24582" i="1"/>
  <c r="AE24583" i="1"/>
  <c r="AE24584" i="1"/>
  <c r="AE24585" i="1"/>
  <c r="AE24586" i="1"/>
  <c r="AE24587" i="1"/>
  <c r="AE24588" i="1"/>
  <c r="AE24589" i="1"/>
  <c r="AE24590" i="1"/>
  <c r="AE24591" i="1"/>
  <c r="AE24592" i="1"/>
  <c r="AE24593" i="1"/>
  <c r="AE24594" i="1"/>
  <c r="AE24595" i="1"/>
  <c r="AE24596" i="1"/>
  <c r="AE24597" i="1"/>
  <c r="AE24598" i="1"/>
  <c r="AE24599" i="1"/>
  <c r="AE24600" i="1"/>
  <c r="AE24601" i="1"/>
  <c r="AE24602" i="1"/>
  <c r="AE24603" i="1"/>
  <c r="AE24604" i="1"/>
  <c r="AE24605" i="1"/>
  <c r="AE24606" i="1"/>
  <c r="AE24607" i="1"/>
  <c r="AE24608" i="1"/>
  <c r="AE24609" i="1"/>
  <c r="AE24610" i="1"/>
  <c r="AE24611" i="1"/>
  <c r="AE24612" i="1"/>
  <c r="AE24613" i="1"/>
  <c r="AE24614" i="1"/>
  <c r="AE24615" i="1"/>
  <c r="AE24616" i="1"/>
  <c r="AE24617" i="1"/>
  <c r="AE24618" i="1"/>
  <c r="AE24619" i="1"/>
  <c r="AE24620" i="1"/>
  <c r="AE24621" i="1"/>
  <c r="AE24622" i="1"/>
  <c r="AE24623" i="1"/>
  <c r="AE24624" i="1"/>
  <c r="AE24625" i="1"/>
  <c r="AE24626" i="1"/>
  <c r="AE24627" i="1"/>
  <c r="AE24628" i="1"/>
  <c r="AE24629" i="1"/>
  <c r="AE24630" i="1"/>
  <c r="AE24631" i="1"/>
  <c r="AE24632" i="1"/>
  <c r="AE24633" i="1"/>
  <c r="AE24634" i="1"/>
  <c r="AE24635" i="1"/>
  <c r="AE24636" i="1"/>
  <c r="AE24637" i="1"/>
  <c r="AE24638" i="1"/>
  <c r="AE24639" i="1"/>
  <c r="AE24640" i="1"/>
  <c r="AE24641" i="1"/>
  <c r="AE24642" i="1"/>
  <c r="AE24643" i="1"/>
  <c r="AE24644" i="1"/>
  <c r="AE24645" i="1"/>
  <c r="AE24646" i="1"/>
  <c r="AE24647" i="1"/>
  <c r="AE24648" i="1"/>
  <c r="AE24649" i="1"/>
  <c r="AE24650" i="1"/>
  <c r="AE24651" i="1"/>
  <c r="AE24652" i="1"/>
  <c r="AE24653" i="1"/>
  <c r="AE24654" i="1"/>
  <c r="AE24655" i="1"/>
  <c r="AE24656" i="1"/>
  <c r="AE24657" i="1"/>
  <c r="AE24658" i="1"/>
  <c r="AE24659" i="1"/>
  <c r="AE24660" i="1"/>
  <c r="AE24661" i="1"/>
  <c r="AE24662" i="1"/>
  <c r="AE24663" i="1"/>
  <c r="AE24664" i="1"/>
  <c r="AE24665" i="1"/>
  <c r="AE24666" i="1"/>
  <c r="AE24667" i="1"/>
  <c r="AE24668" i="1"/>
  <c r="AE24669" i="1"/>
  <c r="AE24670" i="1"/>
  <c r="AE24671" i="1"/>
  <c r="AE24672" i="1"/>
  <c r="AE24673" i="1"/>
  <c r="AE24674" i="1"/>
  <c r="AE24675" i="1"/>
  <c r="AE24676" i="1"/>
  <c r="AE24677" i="1"/>
  <c r="AE24678" i="1"/>
  <c r="AE24679" i="1"/>
  <c r="AE24680" i="1"/>
  <c r="AE24681" i="1"/>
  <c r="AE24682" i="1"/>
  <c r="AE24683" i="1"/>
  <c r="AE24684" i="1"/>
  <c r="AE24685" i="1"/>
  <c r="AE24686" i="1"/>
  <c r="AE24687" i="1"/>
  <c r="AE24688" i="1"/>
  <c r="AE24689" i="1"/>
  <c r="AE24690" i="1"/>
  <c r="AE24691" i="1"/>
  <c r="AE24692" i="1"/>
  <c r="AE24693" i="1"/>
  <c r="AE24694" i="1"/>
  <c r="AE24695" i="1"/>
  <c r="AE24696" i="1"/>
  <c r="AE24697" i="1"/>
  <c r="AE24698" i="1"/>
  <c r="AE24699" i="1"/>
  <c r="AE24700" i="1"/>
  <c r="AE24701" i="1"/>
  <c r="AE24702" i="1"/>
  <c r="AE24703" i="1"/>
  <c r="AE24704" i="1"/>
  <c r="AE24705" i="1"/>
  <c r="AE24706" i="1"/>
  <c r="AE24707" i="1"/>
  <c r="AE24708" i="1"/>
  <c r="AE24709" i="1"/>
  <c r="AE24710" i="1"/>
  <c r="AE24711" i="1"/>
  <c r="AE24712" i="1"/>
  <c r="AE24713" i="1"/>
  <c r="AE24714" i="1"/>
  <c r="AE24715" i="1"/>
  <c r="AE24716" i="1"/>
  <c r="AE24717" i="1"/>
  <c r="AE24718" i="1"/>
  <c r="AE24719" i="1"/>
  <c r="AE24720" i="1"/>
  <c r="AE24721" i="1"/>
  <c r="AE24722" i="1"/>
  <c r="AE24723" i="1"/>
  <c r="AE24724" i="1"/>
  <c r="AE24725" i="1"/>
  <c r="AE24726" i="1"/>
  <c r="AE24727" i="1"/>
  <c r="AE24728" i="1"/>
  <c r="AE24729" i="1"/>
  <c r="AE24730" i="1"/>
  <c r="AE24731" i="1"/>
  <c r="AE24732" i="1"/>
  <c r="AE24733" i="1"/>
  <c r="AE24734" i="1"/>
  <c r="AE24735" i="1"/>
  <c r="AE24736" i="1"/>
  <c r="AE24737" i="1"/>
  <c r="AE24738" i="1"/>
  <c r="AE24739" i="1"/>
  <c r="AE24740" i="1"/>
  <c r="AE24741" i="1"/>
  <c r="AE24742" i="1"/>
  <c r="AE24743" i="1"/>
  <c r="AE24744" i="1"/>
  <c r="AE24745" i="1"/>
  <c r="AE24746" i="1"/>
  <c r="AE24747" i="1"/>
  <c r="AE24748" i="1"/>
  <c r="AE24749" i="1"/>
  <c r="AE24750" i="1"/>
  <c r="AE24751" i="1"/>
  <c r="AE24752" i="1"/>
  <c r="AE24753" i="1"/>
  <c r="AE24754" i="1"/>
  <c r="AE24755" i="1"/>
  <c r="AE24756" i="1"/>
  <c r="AE24757" i="1"/>
  <c r="AE24758" i="1"/>
  <c r="AE24759" i="1"/>
  <c r="AE24760" i="1"/>
  <c r="AE24761" i="1"/>
  <c r="AE24762" i="1"/>
  <c r="AE24763" i="1"/>
  <c r="AE24764" i="1"/>
  <c r="AE24765" i="1"/>
  <c r="AE24766" i="1"/>
  <c r="AE24767" i="1"/>
  <c r="AE24768" i="1"/>
  <c r="AE24769" i="1"/>
  <c r="AE24770" i="1"/>
  <c r="AE24771" i="1"/>
  <c r="AE24772" i="1"/>
  <c r="AE24773" i="1"/>
  <c r="AE24774" i="1"/>
  <c r="AE24775" i="1"/>
  <c r="AE24776" i="1"/>
  <c r="AE24777" i="1"/>
  <c r="AE24778" i="1"/>
  <c r="AE24779" i="1"/>
  <c r="AE24780" i="1"/>
  <c r="AE24781" i="1"/>
  <c r="AE24782" i="1"/>
  <c r="AE24783" i="1"/>
  <c r="AE24784" i="1"/>
  <c r="AE24785" i="1"/>
  <c r="AE24786" i="1"/>
  <c r="AE24787" i="1"/>
  <c r="AE24788" i="1"/>
  <c r="AE24789" i="1"/>
  <c r="AE24790" i="1"/>
  <c r="AE24791" i="1"/>
  <c r="AE24792" i="1"/>
  <c r="AE24793" i="1"/>
  <c r="AE24794" i="1"/>
  <c r="AE24795" i="1"/>
  <c r="AE24796" i="1"/>
  <c r="AE24797" i="1"/>
  <c r="AE24798" i="1"/>
  <c r="AE24799" i="1"/>
  <c r="AE24800" i="1"/>
  <c r="AE24801" i="1"/>
  <c r="AE24802" i="1"/>
  <c r="AE24803" i="1"/>
  <c r="AE24804" i="1"/>
  <c r="AE24805" i="1"/>
  <c r="AE24806" i="1"/>
  <c r="AE24807" i="1"/>
  <c r="AE24808" i="1"/>
  <c r="AE24809" i="1"/>
  <c r="AE24810" i="1"/>
  <c r="AE24811" i="1"/>
  <c r="AE24812" i="1"/>
  <c r="AE24813" i="1"/>
  <c r="AE24814" i="1"/>
  <c r="AE24815" i="1"/>
  <c r="AE24816" i="1"/>
  <c r="AE24817" i="1"/>
  <c r="AE24818" i="1"/>
  <c r="AE24819" i="1"/>
  <c r="AE24820" i="1"/>
  <c r="AE24821" i="1"/>
  <c r="AE24822" i="1"/>
  <c r="AE24823" i="1"/>
  <c r="AE24824" i="1"/>
  <c r="AE24825" i="1"/>
  <c r="AE24826" i="1"/>
  <c r="AE24827" i="1"/>
  <c r="AE24828" i="1"/>
  <c r="AE24829" i="1"/>
  <c r="AE24830" i="1"/>
  <c r="AE24831" i="1"/>
  <c r="AE24832" i="1"/>
  <c r="AE24833" i="1"/>
  <c r="AE24834" i="1"/>
  <c r="AE24835" i="1"/>
  <c r="AE24836" i="1"/>
  <c r="AE24837" i="1"/>
  <c r="AE24838" i="1"/>
  <c r="AE24839" i="1"/>
  <c r="AE24840" i="1"/>
  <c r="AE24841" i="1"/>
  <c r="AE24842" i="1"/>
  <c r="AE24843" i="1"/>
  <c r="AE24844" i="1"/>
  <c r="AE24845" i="1"/>
  <c r="AE24846" i="1"/>
  <c r="AE24847" i="1"/>
  <c r="AE24848" i="1"/>
  <c r="AE24849" i="1"/>
  <c r="AE24850" i="1"/>
  <c r="AE24851" i="1"/>
  <c r="AE24852" i="1"/>
  <c r="AE24853" i="1"/>
  <c r="AE24854" i="1"/>
  <c r="AE24855" i="1"/>
  <c r="AE24856" i="1"/>
  <c r="AE24857" i="1"/>
  <c r="AE24858" i="1"/>
  <c r="AE24859" i="1"/>
  <c r="AE24860" i="1"/>
  <c r="AE24861" i="1"/>
  <c r="AE24862" i="1"/>
  <c r="AE24863" i="1"/>
  <c r="AE24864" i="1"/>
  <c r="AE24865" i="1"/>
  <c r="AE24866" i="1"/>
  <c r="AE24867" i="1"/>
  <c r="AE24868" i="1"/>
  <c r="AE24869" i="1"/>
  <c r="AE24870" i="1"/>
  <c r="AE24871" i="1"/>
  <c r="AE24872" i="1"/>
  <c r="AE24873" i="1"/>
  <c r="AE24874" i="1"/>
  <c r="AE24875" i="1"/>
  <c r="AE24876" i="1"/>
  <c r="AE24877" i="1"/>
  <c r="AE24878" i="1"/>
  <c r="AE24879" i="1"/>
  <c r="AE24880" i="1"/>
  <c r="AE24881" i="1"/>
  <c r="AE24882" i="1"/>
  <c r="AE24883" i="1"/>
  <c r="AE24884" i="1"/>
  <c r="AE24885" i="1"/>
  <c r="AE24886" i="1"/>
  <c r="AE24887" i="1"/>
  <c r="AE24888" i="1"/>
  <c r="AE24889" i="1"/>
  <c r="AE24890" i="1"/>
  <c r="AE24891" i="1"/>
  <c r="AE24892" i="1"/>
  <c r="AE24893" i="1"/>
  <c r="AE24894" i="1"/>
  <c r="AE24895" i="1"/>
  <c r="AE24896" i="1"/>
  <c r="AE24897" i="1"/>
  <c r="AE24898" i="1"/>
  <c r="AE24899" i="1"/>
  <c r="AE24900" i="1"/>
  <c r="AE24901" i="1"/>
  <c r="AE24902" i="1"/>
  <c r="AE24903" i="1"/>
  <c r="AE24904" i="1"/>
  <c r="AE24905" i="1"/>
  <c r="AE24906" i="1"/>
  <c r="AE24907" i="1"/>
  <c r="AE24908" i="1"/>
  <c r="AE24909" i="1"/>
  <c r="AE24910" i="1"/>
  <c r="AE24911" i="1"/>
  <c r="AE24912" i="1"/>
  <c r="AE24913" i="1"/>
  <c r="AE24914" i="1"/>
  <c r="AE24915" i="1"/>
  <c r="AE24916" i="1"/>
  <c r="AE24917" i="1"/>
  <c r="AE24918" i="1"/>
  <c r="AE24919" i="1"/>
  <c r="AE24920" i="1"/>
  <c r="AE24921" i="1"/>
  <c r="AE24922" i="1"/>
  <c r="AE24923" i="1"/>
  <c r="AE24924" i="1"/>
  <c r="AE24925" i="1"/>
  <c r="AE24926" i="1"/>
  <c r="AE24927" i="1"/>
  <c r="AE24928" i="1"/>
  <c r="AE24929" i="1"/>
  <c r="AE24930" i="1"/>
  <c r="AE24931" i="1"/>
  <c r="AE24932" i="1"/>
  <c r="AE24933" i="1"/>
  <c r="AE24934" i="1"/>
  <c r="AE24935" i="1"/>
  <c r="AE24936" i="1"/>
  <c r="AE24937" i="1"/>
  <c r="AE24938" i="1"/>
  <c r="AE24939" i="1"/>
  <c r="AE24940" i="1"/>
  <c r="AE24941" i="1"/>
  <c r="AE24942" i="1"/>
  <c r="AE24943" i="1"/>
  <c r="AE24944" i="1"/>
  <c r="AE24945" i="1"/>
  <c r="AE24946" i="1"/>
  <c r="AE24947" i="1"/>
  <c r="AE24948" i="1"/>
  <c r="AE24949" i="1"/>
  <c r="AE24950" i="1"/>
  <c r="AE24951" i="1"/>
  <c r="AE24952" i="1"/>
  <c r="AE24953" i="1"/>
  <c r="AE24954" i="1"/>
  <c r="AE24955" i="1"/>
  <c r="AE24956" i="1"/>
  <c r="AE24957" i="1"/>
  <c r="AE24958" i="1"/>
  <c r="AE24959" i="1"/>
  <c r="AE24960" i="1"/>
  <c r="AE24961" i="1"/>
  <c r="AE24962" i="1"/>
  <c r="AE24963" i="1"/>
  <c r="AE24964" i="1"/>
  <c r="AE24965" i="1"/>
  <c r="AE24966" i="1"/>
  <c r="AE24967" i="1"/>
  <c r="AE24968" i="1"/>
  <c r="AE24969" i="1"/>
  <c r="AE24970" i="1"/>
  <c r="AE24971" i="1"/>
  <c r="AE24972" i="1"/>
  <c r="AE24973" i="1"/>
  <c r="AE24974" i="1"/>
  <c r="AE24975" i="1"/>
  <c r="AE24976" i="1"/>
  <c r="AE24977" i="1"/>
  <c r="AE24978" i="1"/>
  <c r="AE24979" i="1"/>
  <c r="AE24980" i="1"/>
  <c r="AE24981" i="1"/>
  <c r="AE24982" i="1"/>
  <c r="AE24983" i="1"/>
  <c r="AE24984" i="1"/>
  <c r="AE24985" i="1"/>
  <c r="AE24986" i="1"/>
  <c r="AE24987" i="1"/>
  <c r="AE24988" i="1"/>
  <c r="AE24989" i="1"/>
  <c r="AE24990" i="1"/>
  <c r="AE24991" i="1"/>
  <c r="AE24992" i="1"/>
  <c r="AE24993" i="1"/>
  <c r="AE24994" i="1"/>
  <c r="AE24995" i="1"/>
  <c r="AE24996" i="1"/>
  <c r="AE24997" i="1"/>
  <c r="AE24998" i="1"/>
  <c r="AE24999" i="1"/>
  <c r="AE25000" i="1"/>
  <c r="AE25001" i="1"/>
  <c r="AE25002" i="1"/>
  <c r="AE25003" i="1"/>
  <c r="AE25004" i="1"/>
  <c r="AE25005" i="1"/>
  <c r="AE25006" i="1"/>
  <c r="AE25007" i="1"/>
  <c r="AE25008" i="1"/>
  <c r="AE25009" i="1"/>
  <c r="AE25010" i="1"/>
  <c r="AE25011" i="1"/>
  <c r="AE25012" i="1"/>
  <c r="AE25013" i="1"/>
  <c r="AE25014" i="1"/>
  <c r="AE25015" i="1"/>
  <c r="AE25016" i="1"/>
  <c r="AE25017" i="1"/>
  <c r="AE25018" i="1"/>
  <c r="AE25019" i="1"/>
  <c r="AE25020" i="1"/>
  <c r="AE25021" i="1"/>
  <c r="AE25022" i="1"/>
  <c r="AE25023" i="1"/>
  <c r="AE25024" i="1"/>
  <c r="AE25025" i="1"/>
  <c r="AE25026" i="1"/>
  <c r="AE25027" i="1"/>
  <c r="AE25028" i="1"/>
  <c r="AE25029" i="1"/>
  <c r="AE25030" i="1"/>
  <c r="AE25031" i="1"/>
  <c r="AE25032" i="1"/>
  <c r="AE25033" i="1"/>
  <c r="AE25034" i="1"/>
  <c r="AE25035" i="1"/>
  <c r="AE25036" i="1"/>
  <c r="AE25037" i="1"/>
  <c r="AE25038" i="1"/>
  <c r="AE25039" i="1"/>
  <c r="AE25040" i="1"/>
  <c r="AE25041" i="1"/>
  <c r="AE25042" i="1"/>
  <c r="AE25043" i="1"/>
  <c r="AE25044" i="1"/>
  <c r="AE25045" i="1"/>
  <c r="AE25046" i="1"/>
  <c r="AE25047" i="1"/>
  <c r="AE25048" i="1"/>
  <c r="AE25049" i="1"/>
  <c r="AE25050" i="1"/>
  <c r="AE25051" i="1"/>
  <c r="AE25052" i="1"/>
  <c r="AE25053" i="1"/>
  <c r="AE25054" i="1"/>
  <c r="AE25055" i="1"/>
  <c r="AE25056" i="1"/>
  <c r="AE25057" i="1"/>
  <c r="AE25058" i="1"/>
  <c r="AE25059" i="1"/>
  <c r="AE25060" i="1"/>
  <c r="AE25061" i="1"/>
  <c r="AE25062" i="1"/>
  <c r="AE25063" i="1"/>
  <c r="AE25064" i="1"/>
  <c r="AE25065" i="1"/>
  <c r="AE25066" i="1"/>
  <c r="AE25067" i="1"/>
  <c r="AE25068" i="1"/>
  <c r="AE25069" i="1"/>
  <c r="AE25070" i="1"/>
  <c r="AE25071" i="1"/>
  <c r="AE25072" i="1"/>
  <c r="AE25073" i="1"/>
  <c r="AE25074" i="1"/>
  <c r="AE25075" i="1"/>
  <c r="AE25076" i="1"/>
  <c r="AE25077" i="1"/>
  <c r="AE25078" i="1"/>
  <c r="AE25079" i="1"/>
  <c r="AE25080" i="1"/>
  <c r="AE25081" i="1"/>
  <c r="AE25082" i="1"/>
  <c r="AE25083" i="1"/>
  <c r="AE25084" i="1"/>
  <c r="AE25085" i="1"/>
  <c r="AE25086" i="1"/>
  <c r="AE25087" i="1"/>
  <c r="AE25088" i="1"/>
  <c r="AE25089" i="1"/>
  <c r="AE25090" i="1"/>
  <c r="AE25091" i="1"/>
  <c r="AE25092" i="1"/>
  <c r="AE25093" i="1"/>
  <c r="AE25094" i="1"/>
  <c r="AE25095" i="1"/>
  <c r="AE25096" i="1"/>
  <c r="AE25097" i="1"/>
  <c r="AE25098" i="1"/>
  <c r="AE25099" i="1"/>
  <c r="AE25100" i="1"/>
  <c r="AE25101" i="1"/>
  <c r="AE25102" i="1"/>
  <c r="AE25103" i="1"/>
  <c r="AE25104" i="1"/>
  <c r="AE25105" i="1"/>
  <c r="AE25106" i="1"/>
  <c r="AE25107" i="1"/>
  <c r="AE25108" i="1"/>
  <c r="AE25109" i="1"/>
  <c r="AE25110" i="1"/>
  <c r="AE25111" i="1"/>
  <c r="AE25112" i="1"/>
  <c r="AE25113" i="1"/>
  <c r="AE25114" i="1"/>
  <c r="AE25115" i="1"/>
  <c r="AE25116" i="1"/>
  <c r="AE25117" i="1"/>
  <c r="AE25118" i="1"/>
  <c r="AE25119" i="1"/>
  <c r="AE25120" i="1"/>
  <c r="AE25121" i="1"/>
  <c r="AE25122" i="1"/>
  <c r="AE25123" i="1"/>
  <c r="AE25124" i="1"/>
  <c r="AE25125" i="1"/>
  <c r="AE25126" i="1"/>
  <c r="AE25127" i="1"/>
  <c r="AE25128" i="1"/>
  <c r="AE25129" i="1"/>
  <c r="AE25130" i="1"/>
  <c r="AE25131" i="1"/>
  <c r="AE25132" i="1"/>
  <c r="AE25133" i="1"/>
  <c r="AE25134" i="1"/>
  <c r="AE25135" i="1"/>
  <c r="AE25136" i="1"/>
  <c r="AE25137" i="1"/>
  <c r="AE25138" i="1"/>
  <c r="AE25139" i="1"/>
  <c r="AE25140" i="1"/>
  <c r="AE25141" i="1"/>
  <c r="AE25142" i="1"/>
  <c r="AE25143" i="1"/>
  <c r="AE25144" i="1"/>
  <c r="AE25145" i="1"/>
  <c r="AE25146" i="1"/>
  <c r="AE25147" i="1"/>
  <c r="AE25148" i="1"/>
  <c r="AE25149" i="1"/>
  <c r="AE25150" i="1"/>
  <c r="AE25151" i="1"/>
  <c r="AE25152" i="1"/>
  <c r="AE25153" i="1"/>
  <c r="AE25154" i="1"/>
  <c r="AE25155" i="1"/>
  <c r="AE25156" i="1"/>
  <c r="AE25157" i="1"/>
  <c r="AE25158" i="1"/>
  <c r="AE25159" i="1"/>
  <c r="AE25160" i="1"/>
  <c r="AE25161" i="1"/>
  <c r="AE25162" i="1"/>
  <c r="AE25163" i="1"/>
  <c r="AE25164" i="1"/>
  <c r="AE25165" i="1"/>
  <c r="AE25166" i="1"/>
  <c r="AE25167" i="1"/>
  <c r="AE25168" i="1"/>
  <c r="AE25169" i="1"/>
  <c r="AE25170" i="1"/>
  <c r="AE25171" i="1"/>
  <c r="AE25172" i="1"/>
  <c r="AE25173" i="1"/>
  <c r="AE25174" i="1"/>
  <c r="AE25175" i="1"/>
  <c r="AE25176" i="1"/>
  <c r="AE25177" i="1"/>
  <c r="AE25178" i="1"/>
  <c r="AE25179" i="1"/>
  <c r="AE25180" i="1"/>
  <c r="AE25181" i="1"/>
  <c r="AE25182" i="1"/>
  <c r="AE25183" i="1"/>
  <c r="AE25184" i="1"/>
  <c r="AE25185" i="1"/>
  <c r="AE25186" i="1"/>
  <c r="AE25187" i="1"/>
  <c r="AE25188" i="1"/>
  <c r="AE25189" i="1"/>
  <c r="AE25190" i="1"/>
  <c r="AE25191" i="1"/>
  <c r="AE25192" i="1"/>
  <c r="AE25193" i="1"/>
  <c r="AE25194" i="1"/>
  <c r="AE25195" i="1"/>
  <c r="AE25196" i="1"/>
  <c r="AE25197" i="1"/>
  <c r="AE25198" i="1"/>
  <c r="AE25199" i="1"/>
  <c r="AE25200" i="1"/>
  <c r="AE25201" i="1"/>
  <c r="AE25202" i="1"/>
  <c r="AE25203" i="1"/>
  <c r="AE25204" i="1"/>
  <c r="AE25205" i="1"/>
  <c r="AE25206" i="1"/>
  <c r="AE25207" i="1"/>
  <c r="AE25208" i="1"/>
  <c r="AE25209" i="1"/>
  <c r="AE25210" i="1"/>
  <c r="AE25211" i="1"/>
  <c r="AE25212" i="1"/>
  <c r="AE25213" i="1"/>
  <c r="AE25214" i="1"/>
  <c r="AE25215" i="1"/>
  <c r="AE25216" i="1"/>
  <c r="AE25217" i="1"/>
  <c r="AE25218" i="1"/>
  <c r="AE25219" i="1"/>
  <c r="AE25220" i="1"/>
  <c r="AE25221" i="1"/>
  <c r="AE25222" i="1"/>
  <c r="AE25223" i="1"/>
  <c r="AE25224" i="1"/>
  <c r="AE25225" i="1"/>
  <c r="AE25226" i="1"/>
  <c r="AE25227" i="1"/>
  <c r="AE25228" i="1"/>
  <c r="AE25229" i="1"/>
  <c r="AE25230" i="1"/>
  <c r="AE25231" i="1"/>
  <c r="AE25232" i="1"/>
  <c r="AE25233" i="1"/>
  <c r="AE25234" i="1"/>
  <c r="AE25235" i="1"/>
  <c r="AE25236" i="1"/>
  <c r="AE25237" i="1"/>
  <c r="AE25238" i="1"/>
  <c r="AE25239" i="1"/>
  <c r="AE25240" i="1"/>
  <c r="AE25241" i="1"/>
  <c r="AE25242" i="1"/>
  <c r="AE25243" i="1"/>
  <c r="AE25244" i="1"/>
  <c r="AE25245" i="1"/>
  <c r="AE25246" i="1"/>
  <c r="AE25247" i="1"/>
  <c r="AE25248" i="1"/>
  <c r="AE25249" i="1"/>
  <c r="AE25250" i="1"/>
  <c r="AE25251" i="1"/>
  <c r="AE25252" i="1"/>
  <c r="AE25253" i="1"/>
  <c r="AE25254" i="1"/>
  <c r="AE25255" i="1"/>
  <c r="AE25256" i="1"/>
  <c r="AE25257" i="1"/>
  <c r="AE25258" i="1"/>
  <c r="AE25259" i="1"/>
  <c r="AE25260" i="1"/>
  <c r="AE25261" i="1"/>
  <c r="AE25262" i="1"/>
  <c r="AE25263" i="1"/>
  <c r="AE25264" i="1"/>
  <c r="AE25265" i="1"/>
  <c r="AE25266" i="1"/>
  <c r="AE25267" i="1"/>
  <c r="AE25268" i="1"/>
  <c r="AE25269" i="1"/>
  <c r="AE25270" i="1"/>
  <c r="AE25271" i="1"/>
  <c r="AE25272" i="1"/>
  <c r="AE25273" i="1"/>
  <c r="AE25274" i="1"/>
  <c r="AE25275" i="1"/>
  <c r="AE25276" i="1"/>
  <c r="AE25277" i="1"/>
  <c r="AE25278" i="1"/>
  <c r="AE25279" i="1"/>
  <c r="AE25280" i="1"/>
  <c r="AE25281" i="1"/>
  <c r="AE25282" i="1"/>
  <c r="AE25283" i="1"/>
  <c r="AE25284" i="1"/>
  <c r="AE25285" i="1"/>
  <c r="AE25286" i="1"/>
  <c r="AE25287" i="1"/>
  <c r="AE25288" i="1"/>
  <c r="AE25289" i="1"/>
  <c r="AE25290" i="1"/>
  <c r="AE25291" i="1"/>
  <c r="AE25292" i="1"/>
  <c r="AE25293" i="1"/>
  <c r="AE25294" i="1"/>
  <c r="AE25295" i="1"/>
  <c r="AE25296" i="1"/>
  <c r="AE25297" i="1"/>
  <c r="AE25298" i="1"/>
  <c r="AE25299" i="1"/>
  <c r="AE25300" i="1"/>
  <c r="AE25301" i="1"/>
  <c r="AE25302" i="1"/>
  <c r="AE25303" i="1"/>
  <c r="AE25304" i="1"/>
  <c r="AE25305" i="1"/>
  <c r="AE25306" i="1"/>
  <c r="AE25307" i="1"/>
  <c r="AE25308" i="1"/>
  <c r="AE25309" i="1"/>
  <c r="AE25310" i="1"/>
  <c r="AE25311" i="1"/>
  <c r="AE25312" i="1"/>
  <c r="AE25313" i="1"/>
  <c r="AE25314" i="1"/>
  <c r="AE25315" i="1"/>
  <c r="AE25316" i="1"/>
  <c r="AE25317" i="1"/>
  <c r="AE25318" i="1"/>
  <c r="AE25319" i="1"/>
  <c r="AE25320" i="1"/>
  <c r="AE25321" i="1"/>
  <c r="AE25322" i="1"/>
  <c r="AE25323" i="1"/>
  <c r="AE25324" i="1"/>
  <c r="AE25325" i="1"/>
  <c r="AE25326" i="1"/>
  <c r="AE25327" i="1"/>
  <c r="AE25328" i="1"/>
  <c r="AE25329" i="1"/>
  <c r="AE25330" i="1"/>
  <c r="AE25331" i="1"/>
  <c r="AE25332" i="1"/>
  <c r="AE25333" i="1"/>
  <c r="AE25334" i="1"/>
  <c r="AE25335" i="1"/>
  <c r="AE25336" i="1"/>
  <c r="AE25337" i="1"/>
  <c r="AE25338" i="1"/>
  <c r="AE25339" i="1"/>
  <c r="AE25340" i="1"/>
  <c r="AE25341" i="1"/>
  <c r="AE25342" i="1"/>
  <c r="AE25343" i="1"/>
  <c r="AE25344" i="1"/>
  <c r="AE25345" i="1"/>
  <c r="AE25346" i="1"/>
  <c r="AE25347" i="1"/>
  <c r="AE25348" i="1"/>
  <c r="AE25349" i="1"/>
  <c r="AE25350" i="1"/>
  <c r="AE25351" i="1"/>
  <c r="AE25352" i="1"/>
  <c r="AE25353" i="1"/>
  <c r="AE25354" i="1"/>
  <c r="AE25355" i="1"/>
  <c r="AE25356" i="1"/>
  <c r="AE25357" i="1"/>
  <c r="AE25358" i="1"/>
  <c r="AE25359" i="1"/>
  <c r="AE25360" i="1"/>
  <c r="AE25361" i="1"/>
  <c r="AE25362" i="1"/>
  <c r="AE25363" i="1"/>
  <c r="AE25364" i="1"/>
  <c r="AE25365" i="1"/>
  <c r="AE25366" i="1"/>
  <c r="AE25367" i="1"/>
  <c r="AE25368" i="1"/>
  <c r="AE25369" i="1"/>
  <c r="AE25370" i="1"/>
  <c r="AE25371" i="1"/>
  <c r="AE25372" i="1"/>
  <c r="AE25373" i="1"/>
  <c r="AE25374" i="1"/>
  <c r="AE25375" i="1"/>
  <c r="AE25376" i="1"/>
  <c r="AE25377" i="1"/>
  <c r="AE25378" i="1"/>
  <c r="AE25379" i="1"/>
  <c r="AE25380" i="1"/>
  <c r="AE25381" i="1"/>
  <c r="AE25382" i="1"/>
  <c r="AE25383" i="1"/>
  <c r="AE25384" i="1"/>
  <c r="AE25385" i="1"/>
  <c r="AE25386" i="1"/>
  <c r="AE25387" i="1"/>
  <c r="AE25388" i="1"/>
  <c r="AE25389" i="1"/>
  <c r="AE25390" i="1"/>
  <c r="AE25391" i="1"/>
  <c r="AE25392" i="1"/>
  <c r="AE25393" i="1"/>
  <c r="AE25394" i="1"/>
  <c r="AE25395" i="1"/>
  <c r="AE25396" i="1"/>
  <c r="AE25397" i="1"/>
  <c r="AE25398" i="1"/>
  <c r="AE25399" i="1"/>
  <c r="AE25400" i="1"/>
  <c r="AE25401" i="1"/>
  <c r="AE25402" i="1"/>
  <c r="AE25403" i="1"/>
  <c r="AE25404" i="1"/>
  <c r="AE25405" i="1"/>
  <c r="AE25406" i="1"/>
  <c r="AE25407" i="1"/>
  <c r="AE25408" i="1"/>
  <c r="AE25409" i="1"/>
  <c r="AE25410" i="1"/>
  <c r="AE25411" i="1"/>
  <c r="AE25412" i="1"/>
  <c r="AE25413" i="1"/>
  <c r="AE25414" i="1"/>
  <c r="AE25415" i="1"/>
  <c r="AE25416" i="1"/>
  <c r="AE25417" i="1"/>
  <c r="AE25418" i="1"/>
  <c r="AE25419" i="1"/>
  <c r="AE25420" i="1"/>
  <c r="AE25421" i="1"/>
  <c r="AE25422" i="1"/>
  <c r="AE25423" i="1"/>
  <c r="AE25424" i="1"/>
  <c r="AE25425" i="1"/>
  <c r="AE25426" i="1"/>
  <c r="AE25427" i="1"/>
  <c r="AE25428" i="1"/>
  <c r="AE25429" i="1"/>
  <c r="AE25430" i="1"/>
  <c r="AE25431" i="1"/>
  <c r="AE25432" i="1"/>
  <c r="AE25433" i="1"/>
  <c r="AE25434" i="1"/>
  <c r="AE25435" i="1"/>
  <c r="AE25436" i="1"/>
  <c r="AE25437" i="1"/>
  <c r="AE25438" i="1"/>
  <c r="AE25439" i="1"/>
  <c r="AE25440" i="1"/>
  <c r="AE25441" i="1"/>
  <c r="AE25442" i="1"/>
  <c r="AE25443" i="1"/>
  <c r="AE25444" i="1"/>
  <c r="AE25445" i="1"/>
  <c r="AE25446" i="1"/>
  <c r="AE25447" i="1"/>
  <c r="AE25448" i="1"/>
  <c r="AE25449" i="1"/>
  <c r="AE25450" i="1"/>
  <c r="AE25451" i="1"/>
  <c r="AE25452" i="1"/>
  <c r="AE25453" i="1"/>
  <c r="AE25454" i="1"/>
  <c r="AE25455" i="1"/>
  <c r="AE25456" i="1"/>
  <c r="AE25457" i="1"/>
  <c r="AE25458" i="1"/>
  <c r="AE25459" i="1"/>
  <c r="AE25460" i="1"/>
  <c r="AE25461" i="1"/>
  <c r="AE25462" i="1"/>
  <c r="AE25463" i="1"/>
  <c r="AE25464" i="1"/>
  <c r="AE25465" i="1"/>
  <c r="AE25466" i="1"/>
  <c r="AE25467" i="1"/>
  <c r="AE25468" i="1"/>
  <c r="AE25469" i="1"/>
  <c r="AE25470" i="1"/>
  <c r="AE25471" i="1"/>
  <c r="AE25472" i="1"/>
  <c r="AE25473" i="1"/>
  <c r="AE25474" i="1"/>
  <c r="AE25475" i="1"/>
  <c r="AE25476" i="1"/>
  <c r="AE25477" i="1"/>
  <c r="AE25478" i="1"/>
  <c r="AE25479" i="1"/>
  <c r="AE25480" i="1"/>
  <c r="AE25481" i="1"/>
  <c r="AE25482" i="1"/>
  <c r="AE25483" i="1"/>
  <c r="AE25484" i="1"/>
  <c r="AE25485" i="1"/>
  <c r="AE25486" i="1"/>
  <c r="AE25487" i="1"/>
  <c r="AE25488" i="1"/>
  <c r="AE25489" i="1"/>
  <c r="AE25490" i="1"/>
  <c r="AE25491" i="1"/>
  <c r="AE25492" i="1"/>
  <c r="AE25493" i="1"/>
  <c r="AE25494" i="1"/>
  <c r="AE25495" i="1"/>
  <c r="AE25496" i="1"/>
  <c r="AE25497" i="1"/>
  <c r="AE25498" i="1"/>
  <c r="AE25499" i="1"/>
  <c r="AE25500" i="1"/>
  <c r="AE25501" i="1"/>
  <c r="AE25502" i="1"/>
  <c r="AE25503" i="1"/>
  <c r="AE25504" i="1"/>
  <c r="AE25505" i="1"/>
  <c r="AE25506" i="1"/>
  <c r="AE25507" i="1"/>
  <c r="AE25508" i="1"/>
  <c r="AE25509" i="1"/>
  <c r="AE25510" i="1"/>
  <c r="AE25511" i="1"/>
  <c r="AE25512" i="1"/>
  <c r="AE25513" i="1"/>
  <c r="AE25514" i="1"/>
  <c r="AE25515" i="1"/>
  <c r="AE25516" i="1"/>
  <c r="AE25517" i="1"/>
  <c r="AE25518" i="1"/>
  <c r="AE25519" i="1"/>
  <c r="AE25520" i="1"/>
  <c r="AE25521" i="1"/>
  <c r="AE25522" i="1"/>
  <c r="AE25523" i="1"/>
  <c r="AE25524" i="1"/>
  <c r="AE25525" i="1"/>
  <c r="AE25526" i="1"/>
  <c r="AE25527" i="1"/>
  <c r="AE25528" i="1"/>
  <c r="AE25529" i="1"/>
  <c r="AE25530" i="1"/>
  <c r="AE25531" i="1"/>
  <c r="AE25532" i="1"/>
  <c r="AE25533" i="1"/>
  <c r="AE25534" i="1"/>
  <c r="AE25535" i="1"/>
  <c r="AE25536" i="1"/>
  <c r="AE25537" i="1"/>
  <c r="AE25538" i="1"/>
  <c r="AE25539" i="1"/>
  <c r="AE25540" i="1"/>
  <c r="AE25541" i="1"/>
  <c r="AE25542" i="1"/>
  <c r="AE25543" i="1"/>
  <c r="AE25544" i="1"/>
  <c r="AE25545" i="1"/>
  <c r="AE25546" i="1"/>
  <c r="AE25547" i="1"/>
  <c r="AE25548" i="1"/>
  <c r="AE25549" i="1"/>
  <c r="AE25550" i="1"/>
  <c r="AE25551" i="1"/>
  <c r="AE25552" i="1"/>
  <c r="AE25553" i="1"/>
  <c r="AE25554" i="1"/>
  <c r="AE25555" i="1"/>
  <c r="AE25556" i="1"/>
  <c r="AE25557" i="1"/>
  <c r="AE25558" i="1"/>
  <c r="AE25559" i="1"/>
  <c r="AE25560" i="1"/>
  <c r="AE25561" i="1"/>
  <c r="AE25562" i="1"/>
  <c r="AE25563" i="1"/>
  <c r="AE25564" i="1"/>
  <c r="AE25565" i="1"/>
  <c r="AE25566" i="1"/>
  <c r="AE25567" i="1"/>
  <c r="AE25568" i="1"/>
  <c r="AE25569" i="1"/>
  <c r="AE25570" i="1"/>
  <c r="AE25571" i="1"/>
  <c r="AE25572" i="1"/>
  <c r="AE25573" i="1"/>
  <c r="AE25574" i="1"/>
  <c r="AE25575" i="1"/>
  <c r="AE25576" i="1"/>
  <c r="AE25577" i="1"/>
  <c r="AE25578" i="1"/>
  <c r="AE25579" i="1"/>
  <c r="AE25580" i="1"/>
  <c r="AE25581" i="1"/>
  <c r="AE25582" i="1"/>
  <c r="AE25583" i="1"/>
  <c r="AE25584" i="1"/>
  <c r="AE25585" i="1"/>
  <c r="AE25586" i="1"/>
  <c r="AE25587" i="1"/>
  <c r="AE25588" i="1"/>
  <c r="AE25589" i="1"/>
  <c r="AE25590" i="1"/>
  <c r="AE25591" i="1"/>
  <c r="AE25592" i="1"/>
  <c r="AE25593" i="1"/>
  <c r="AE25594" i="1"/>
  <c r="AE25595" i="1"/>
  <c r="AE25596" i="1"/>
  <c r="AE25597" i="1"/>
  <c r="AE25598" i="1"/>
  <c r="AE25599" i="1"/>
  <c r="AE25600" i="1"/>
  <c r="AE25601" i="1"/>
  <c r="AE25602" i="1"/>
  <c r="AE25603" i="1"/>
  <c r="AE25604" i="1"/>
  <c r="AE25605" i="1"/>
  <c r="AE25606" i="1"/>
  <c r="AE25607" i="1"/>
  <c r="AE25608" i="1"/>
  <c r="AE25609" i="1"/>
  <c r="AE25610" i="1"/>
  <c r="AE25611" i="1"/>
  <c r="AE25612" i="1"/>
  <c r="AE25613" i="1"/>
  <c r="AE25614" i="1"/>
  <c r="AE25615" i="1"/>
  <c r="AE25616" i="1"/>
  <c r="AE25617" i="1"/>
  <c r="AE25618" i="1"/>
  <c r="AE25619" i="1"/>
  <c r="AE25620" i="1"/>
  <c r="AE25621" i="1"/>
  <c r="AE25622" i="1"/>
  <c r="AE25623" i="1"/>
  <c r="AE25624" i="1"/>
  <c r="AE25625" i="1"/>
  <c r="AE25626" i="1"/>
  <c r="AE25627" i="1"/>
  <c r="AE25628" i="1"/>
  <c r="AE25629" i="1"/>
  <c r="AE25630" i="1"/>
  <c r="AE25631" i="1"/>
  <c r="AE25632" i="1"/>
  <c r="AE25633" i="1"/>
  <c r="AE25634" i="1"/>
  <c r="AE25635" i="1"/>
  <c r="AE25636" i="1"/>
  <c r="AE25637" i="1"/>
  <c r="AE25638" i="1"/>
  <c r="AE25639" i="1"/>
  <c r="AE25640" i="1"/>
  <c r="AE25641" i="1"/>
  <c r="AE25642" i="1"/>
  <c r="AE25643" i="1"/>
  <c r="AE25644" i="1"/>
  <c r="AE25645" i="1"/>
  <c r="AE25646" i="1"/>
  <c r="AE25647" i="1"/>
  <c r="AE25648" i="1"/>
  <c r="AE25649" i="1"/>
  <c r="AE25650" i="1"/>
  <c r="AE25651" i="1"/>
  <c r="AE25652" i="1"/>
  <c r="AE25653" i="1"/>
  <c r="AE25654" i="1"/>
  <c r="AE25655" i="1"/>
  <c r="AE25656" i="1"/>
  <c r="AE25657" i="1"/>
  <c r="AE25658" i="1"/>
  <c r="AE25659" i="1"/>
  <c r="AE25660" i="1"/>
  <c r="AE25661" i="1"/>
  <c r="AE25662" i="1"/>
  <c r="AE25663" i="1"/>
  <c r="AE25664" i="1"/>
  <c r="AE25665" i="1"/>
  <c r="AE25666" i="1"/>
  <c r="AE25667" i="1"/>
  <c r="AE25668" i="1"/>
  <c r="AE25669" i="1"/>
  <c r="AE25670" i="1"/>
  <c r="AE25671" i="1"/>
  <c r="AE25672" i="1"/>
  <c r="AE25673" i="1"/>
  <c r="AE25674" i="1"/>
  <c r="AE25675" i="1"/>
  <c r="AE25676" i="1"/>
  <c r="AE25677" i="1"/>
  <c r="AE25678" i="1"/>
  <c r="AE25679" i="1"/>
  <c r="AE25680" i="1"/>
  <c r="AE25681" i="1"/>
  <c r="AE25682" i="1"/>
  <c r="AE25683" i="1"/>
  <c r="AE25684" i="1"/>
  <c r="AE25685" i="1"/>
  <c r="AE25686" i="1"/>
  <c r="AE25687" i="1"/>
  <c r="AE25688" i="1"/>
  <c r="AE25689" i="1"/>
  <c r="AE25690" i="1"/>
  <c r="AE25691" i="1"/>
  <c r="AE25692" i="1"/>
  <c r="AE25693" i="1"/>
  <c r="AE25694" i="1"/>
  <c r="AE25695" i="1"/>
  <c r="AE25696" i="1"/>
  <c r="AE25697" i="1"/>
  <c r="AE25698" i="1"/>
  <c r="AE25699" i="1"/>
  <c r="AE25700" i="1"/>
  <c r="AE25701" i="1"/>
  <c r="AE25702" i="1"/>
  <c r="AE25703" i="1"/>
  <c r="AE25704" i="1"/>
  <c r="AE25705" i="1"/>
  <c r="AE25706" i="1"/>
  <c r="AE25707" i="1"/>
  <c r="AE25708" i="1"/>
  <c r="AE25709" i="1"/>
  <c r="AE25710" i="1"/>
  <c r="AE25711" i="1"/>
  <c r="AE25712" i="1"/>
  <c r="AE25713" i="1"/>
  <c r="AE25714" i="1"/>
  <c r="AE25715" i="1"/>
  <c r="AE25716" i="1"/>
  <c r="AE25717" i="1"/>
  <c r="AE25718" i="1"/>
  <c r="AE25719" i="1"/>
  <c r="AE25720" i="1"/>
  <c r="AE25721" i="1"/>
  <c r="AE25722" i="1"/>
  <c r="AE25723" i="1"/>
  <c r="AE25724" i="1"/>
  <c r="AE25725" i="1"/>
  <c r="AE25726" i="1"/>
  <c r="AE25727" i="1"/>
  <c r="AE25728" i="1"/>
  <c r="AE25729" i="1"/>
  <c r="AE25730" i="1"/>
  <c r="AE25731" i="1"/>
  <c r="AE25732" i="1"/>
  <c r="AE25733" i="1"/>
  <c r="AE25734" i="1"/>
  <c r="AE25735" i="1"/>
  <c r="AE25736" i="1"/>
  <c r="AE25737" i="1"/>
  <c r="AE25738" i="1"/>
  <c r="AE25739" i="1"/>
  <c r="AE25740" i="1"/>
  <c r="AE25741" i="1"/>
  <c r="AE25742" i="1"/>
  <c r="AE25743" i="1"/>
  <c r="AE25744" i="1"/>
  <c r="AE25745" i="1"/>
  <c r="AE25746" i="1"/>
  <c r="AE25747" i="1"/>
  <c r="AE25748" i="1"/>
  <c r="AE25749" i="1"/>
  <c r="AE25750" i="1"/>
  <c r="AE25751" i="1"/>
  <c r="AE25752" i="1"/>
  <c r="AE25753" i="1"/>
  <c r="AE25754" i="1"/>
  <c r="AE25755" i="1"/>
  <c r="AE25756" i="1"/>
  <c r="AE25757" i="1"/>
  <c r="AE25758" i="1"/>
  <c r="AE25759" i="1"/>
  <c r="AE25760" i="1"/>
  <c r="AE25761" i="1"/>
  <c r="AE25762" i="1"/>
  <c r="AE25763" i="1"/>
  <c r="AE25764" i="1"/>
  <c r="AE25765" i="1"/>
  <c r="AE25766" i="1"/>
  <c r="AE25767" i="1"/>
  <c r="AE25768" i="1"/>
  <c r="AE25769" i="1"/>
  <c r="AE25770" i="1"/>
  <c r="AE25771" i="1"/>
  <c r="AE25772" i="1"/>
  <c r="AE25773" i="1"/>
  <c r="AE25774" i="1"/>
  <c r="AE25775" i="1"/>
  <c r="AE25776" i="1"/>
  <c r="AE25777" i="1"/>
  <c r="AE25778" i="1"/>
  <c r="AE25779" i="1"/>
  <c r="AE25780" i="1"/>
  <c r="AE25781" i="1"/>
  <c r="AE25782" i="1"/>
  <c r="AE25783" i="1"/>
  <c r="AE25784" i="1"/>
  <c r="AE25785" i="1"/>
  <c r="AE25786" i="1"/>
  <c r="AE25787" i="1"/>
  <c r="AE25788" i="1"/>
  <c r="AE25789" i="1"/>
  <c r="AE25790" i="1"/>
  <c r="AE25791" i="1"/>
  <c r="AE25792" i="1"/>
  <c r="AE25793" i="1"/>
  <c r="AE25794" i="1"/>
  <c r="AE25795" i="1"/>
  <c r="AE25796" i="1"/>
  <c r="AE25797" i="1"/>
  <c r="AE25798" i="1"/>
  <c r="AE25799" i="1"/>
  <c r="AE25800" i="1"/>
  <c r="AE25801" i="1"/>
  <c r="AE25802" i="1"/>
  <c r="AE25803" i="1"/>
  <c r="AE25804" i="1"/>
  <c r="AE25805" i="1"/>
  <c r="AE25806" i="1"/>
  <c r="AE25807" i="1"/>
  <c r="AE25808" i="1"/>
  <c r="AE25809" i="1"/>
  <c r="AE25810" i="1"/>
  <c r="AE25811" i="1"/>
  <c r="AE25812" i="1"/>
  <c r="AE25813" i="1"/>
  <c r="AE25814" i="1"/>
  <c r="AE25815" i="1"/>
  <c r="AE25816" i="1"/>
  <c r="AE25817" i="1"/>
  <c r="AE25818" i="1"/>
  <c r="AE25819" i="1"/>
  <c r="AE25820" i="1"/>
  <c r="AE25821" i="1"/>
  <c r="AE25822" i="1"/>
  <c r="AE25823" i="1"/>
  <c r="AE25824" i="1"/>
  <c r="AE25825" i="1"/>
  <c r="AE25826" i="1"/>
  <c r="AE25827" i="1"/>
  <c r="AE25828" i="1"/>
  <c r="AE25829" i="1"/>
  <c r="AE25830" i="1"/>
  <c r="AE25831" i="1"/>
  <c r="AE25832" i="1"/>
  <c r="AE25833" i="1"/>
  <c r="AE25834" i="1"/>
  <c r="AE25835" i="1"/>
  <c r="AE25836" i="1"/>
  <c r="AE25837" i="1"/>
  <c r="AE25838" i="1"/>
  <c r="AE25839" i="1"/>
  <c r="AE25840" i="1"/>
  <c r="AE25841" i="1"/>
  <c r="AE25842" i="1"/>
  <c r="AE25843" i="1"/>
  <c r="AE25844" i="1"/>
  <c r="AE25845" i="1"/>
  <c r="AE25846" i="1"/>
  <c r="AE25847" i="1"/>
  <c r="AE25848" i="1"/>
  <c r="AE25849" i="1"/>
  <c r="AE25850" i="1"/>
  <c r="AE25851" i="1"/>
  <c r="AE25852" i="1"/>
  <c r="AE25853" i="1"/>
  <c r="AE25854" i="1"/>
  <c r="AE25855" i="1"/>
  <c r="AE25856" i="1"/>
  <c r="AE25857" i="1"/>
  <c r="AE25858" i="1"/>
  <c r="AE25859" i="1"/>
  <c r="AE25860" i="1"/>
  <c r="AE25861" i="1"/>
  <c r="AE25862" i="1"/>
  <c r="AE25863" i="1"/>
  <c r="AE25864" i="1"/>
  <c r="AE25865" i="1"/>
  <c r="AE25866" i="1"/>
  <c r="AE25867" i="1"/>
  <c r="AE25868" i="1"/>
  <c r="AE25869" i="1"/>
  <c r="AE25870" i="1"/>
  <c r="AE25871" i="1"/>
  <c r="AE25872" i="1"/>
  <c r="AE25873" i="1"/>
  <c r="AE25874" i="1"/>
  <c r="AE25875" i="1"/>
  <c r="AE25876" i="1"/>
  <c r="AE25877" i="1"/>
  <c r="AE25878" i="1"/>
  <c r="AE25879" i="1"/>
  <c r="AE25880" i="1"/>
  <c r="AE25881" i="1"/>
  <c r="AE25882" i="1"/>
  <c r="AE25883" i="1"/>
  <c r="AE25884" i="1"/>
  <c r="AE25885" i="1"/>
  <c r="AE25886" i="1"/>
  <c r="AE25887" i="1"/>
  <c r="AE25888" i="1"/>
  <c r="AE25889" i="1"/>
  <c r="AE25890" i="1"/>
  <c r="AE25891" i="1"/>
  <c r="AE25892" i="1"/>
  <c r="AE25893" i="1"/>
  <c r="AE25894" i="1"/>
  <c r="AE25895" i="1"/>
  <c r="AE25896" i="1"/>
  <c r="AE25897" i="1"/>
  <c r="AE25898" i="1"/>
  <c r="AE25899" i="1"/>
  <c r="AE25900" i="1"/>
  <c r="AE25901" i="1"/>
  <c r="AE25902" i="1"/>
  <c r="AE25903" i="1"/>
  <c r="AE25904" i="1"/>
  <c r="AE25905" i="1"/>
  <c r="AE25906" i="1"/>
  <c r="AE25907" i="1"/>
  <c r="AE25908" i="1"/>
  <c r="AE25909" i="1"/>
  <c r="AE25910" i="1"/>
  <c r="AE25911" i="1"/>
  <c r="AE25912" i="1"/>
  <c r="AE25913" i="1"/>
  <c r="AE25914" i="1"/>
  <c r="AE25915" i="1"/>
  <c r="AE25916" i="1"/>
  <c r="AE25917" i="1"/>
  <c r="AE25918" i="1"/>
  <c r="AE25919" i="1"/>
  <c r="AE25920" i="1"/>
  <c r="AE25921" i="1"/>
  <c r="AE25922" i="1"/>
  <c r="AE25923" i="1"/>
  <c r="AE25924" i="1"/>
  <c r="AE25925" i="1"/>
  <c r="AE25926" i="1"/>
  <c r="AE25927" i="1"/>
  <c r="AE25928" i="1"/>
  <c r="AE25929" i="1"/>
  <c r="AE25930" i="1"/>
  <c r="AE25931" i="1"/>
  <c r="AE25932" i="1"/>
  <c r="AE25933" i="1"/>
  <c r="AE25934" i="1"/>
  <c r="AE25935" i="1"/>
  <c r="AE25936" i="1"/>
  <c r="AE25937" i="1"/>
  <c r="AE25938" i="1"/>
  <c r="AE25939" i="1"/>
  <c r="AE25940" i="1"/>
  <c r="AE25941" i="1"/>
  <c r="AE25942" i="1"/>
  <c r="AE25943" i="1"/>
  <c r="AE25944" i="1"/>
  <c r="AE25945" i="1"/>
  <c r="AE25946" i="1"/>
  <c r="AE25947" i="1"/>
  <c r="AE25948" i="1"/>
  <c r="AE25949" i="1"/>
  <c r="AE25950" i="1"/>
  <c r="AE25951" i="1"/>
  <c r="AE25952" i="1"/>
  <c r="AE25953" i="1"/>
  <c r="AE25954" i="1"/>
  <c r="AE25955" i="1"/>
  <c r="AE25956" i="1"/>
  <c r="AE25957" i="1"/>
  <c r="AE25958" i="1"/>
  <c r="AE25959" i="1"/>
  <c r="AE25960" i="1"/>
  <c r="AE25961" i="1"/>
  <c r="AE25962" i="1"/>
  <c r="AE25963" i="1"/>
  <c r="AE25964" i="1"/>
  <c r="AE25965" i="1"/>
  <c r="AE25966" i="1"/>
  <c r="AE25967" i="1"/>
  <c r="AE25968" i="1"/>
  <c r="AE25969" i="1"/>
  <c r="AE25970" i="1"/>
  <c r="AE25971" i="1"/>
  <c r="AE25972" i="1"/>
  <c r="AE25973" i="1"/>
  <c r="AE25974" i="1"/>
  <c r="AE25975" i="1"/>
  <c r="AE25976" i="1"/>
  <c r="AE25977" i="1"/>
  <c r="AE25978" i="1"/>
  <c r="AE25979" i="1"/>
  <c r="AE25980" i="1"/>
  <c r="AE25981" i="1"/>
  <c r="AE25982" i="1"/>
  <c r="AE25983" i="1"/>
  <c r="AE25984" i="1"/>
  <c r="AE25985" i="1"/>
  <c r="AE25986" i="1"/>
  <c r="AE25987" i="1"/>
  <c r="AE25988" i="1"/>
  <c r="AE25989" i="1"/>
  <c r="AE25990" i="1"/>
  <c r="AE25991" i="1"/>
  <c r="AE25992" i="1"/>
  <c r="AE25993" i="1"/>
  <c r="AE25994" i="1"/>
  <c r="AE25995" i="1"/>
  <c r="AE25996" i="1"/>
  <c r="AE25997" i="1"/>
  <c r="AE25998" i="1"/>
  <c r="AE25999" i="1"/>
  <c r="AE26000" i="1"/>
  <c r="AE26001" i="1"/>
  <c r="AE26002" i="1"/>
  <c r="AE26003" i="1"/>
  <c r="AE26004" i="1"/>
  <c r="AE26005" i="1"/>
  <c r="AE26006" i="1"/>
  <c r="AE26007" i="1"/>
  <c r="AE26008" i="1"/>
  <c r="AE26009" i="1"/>
  <c r="AE26010" i="1"/>
  <c r="AE26011" i="1"/>
  <c r="AE26012" i="1"/>
  <c r="AE26013" i="1"/>
  <c r="AE26014" i="1"/>
  <c r="AE26015" i="1"/>
  <c r="AE26016" i="1"/>
  <c r="AE26017" i="1"/>
  <c r="AE26018" i="1"/>
  <c r="AE26019" i="1"/>
  <c r="AE26020" i="1"/>
  <c r="AE26021" i="1"/>
  <c r="AE26022" i="1"/>
  <c r="AE26023" i="1"/>
  <c r="AE26024" i="1"/>
  <c r="AE26025" i="1"/>
  <c r="AE26026" i="1"/>
  <c r="AE26027" i="1"/>
  <c r="AE26028" i="1"/>
  <c r="AE26029" i="1"/>
  <c r="AE26030" i="1"/>
  <c r="AE26031" i="1"/>
  <c r="AE26032" i="1"/>
  <c r="AE26033" i="1"/>
  <c r="AE26034" i="1"/>
  <c r="AE26035" i="1"/>
  <c r="AE26036" i="1"/>
  <c r="AE26037" i="1"/>
  <c r="AE26038" i="1"/>
  <c r="AE26039" i="1"/>
  <c r="AE26040" i="1"/>
  <c r="AE26041" i="1"/>
  <c r="AE26042" i="1"/>
  <c r="AE26043" i="1"/>
  <c r="AE26044" i="1"/>
  <c r="AE26045" i="1"/>
  <c r="AE26046" i="1"/>
  <c r="AE26047" i="1"/>
  <c r="AE26048" i="1"/>
  <c r="AE26049" i="1"/>
  <c r="AE26050" i="1"/>
  <c r="AE26051" i="1"/>
  <c r="AE26052" i="1"/>
  <c r="AE26053" i="1"/>
  <c r="AE26054" i="1"/>
  <c r="AE26055" i="1"/>
  <c r="AE26056" i="1"/>
  <c r="AE26057" i="1"/>
  <c r="AE26058" i="1"/>
  <c r="AE26059" i="1"/>
  <c r="AE26060" i="1"/>
  <c r="AE26061" i="1"/>
  <c r="AE26062" i="1"/>
  <c r="AE26063" i="1"/>
  <c r="AE26064" i="1"/>
  <c r="AE26065" i="1"/>
  <c r="AE26066" i="1"/>
  <c r="AE26067" i="1"/>
  <c r="AE26068" i="1"/>
  <c r="AE26069" i="1"/>
  <c r="AE26070" i="1"/>
  <c r="AE26071" i="1"/>
  <c r="AE26072" i="1"/>
  <c r="AE26073" i="1"/>
  <c r="AE26074" i="1"/>
  <c r="AE26075" i="1"/>
  <c r="AE26076" i="1"/>
  <c r="AE26077" i="1"/>
  <c r="AE26078" i="1"/>
  <c r="AE26079" i="1"/>
  <c r="AE26080" i="1"/>
  <c r="AE26081" i="1"/>
  <c r="AE26082" i="1"/>
  <c r="AE26083" i="1"/>
  <c r="AE26084" i="1"/>
  <c r="AE26085" i="1"/>
  <c r="AE26086" i="1"/>
  <c r="AE26087" i="1"/>
  <c r="AE26088" i="1"/>
  <c r="AE26089" i="1"/>
  <c r="AE26090" i="1"/>
  <c r="AE26091" i="1"/>
  <c r="AE26092" i="1"/>
  <c r="AE26093" i="1"/>
  <c r="AE26094" i="1"/>
  <c r="AE26095" i="1"/>
  <c r="AE26096" i="1"/>
  <c r="AE26097" i="1"/>
  <c r="AE26098" i="1"/>
  <c r="AE26099" i="1"/>
  <c r="AE26100" i="1"/>
  <c r="AE26101" i="1"/>
  <c r="AE26102" i="1"/>
  <c r="AE26103" i="1"/>
  <c r="AE26104" i="1"/>
  <c r="AE26105" i="1"/>
  <c r="AE26106" i="1"/>
  <c r="AE26107" i="1"/>
  <c r="AE26108" i="1"/>
  <c r="AE26109" i="1"/>
  <c r="AE26110" i="1"/>
  <c r="AE26111" i="1"/>
  <c r="AE26112" i="1"/>
  <c r="AE26113" i="1"/>
  <c r="AE26114" i="1"/>
  <c r="AE26115" i="1"/>
  <c r="AE26116" i="1"/>
  <c r="AE26117" i="1"/>
  <c r="AE26118" i="1"/>
  <c r="AE26119" i="1"/>
  <c r="AE26120" i="1"/>
  <c r="AE26121" i="1"/>
  <c r="AE26122" i="1"/>
  <c r="AE26123" i="1"/>
  <c r="AE26124" i="1"/>
  <c r="AE26125" i="1"/>
  <c r="AE26126" i="1"/>
  <c r="AE26127" i="1"/>
  <c r="AE26128" i="1"/>
  <c r="AE26129" i="1"/>
  <c r="AE26130" i="1"/>
  <c r="AE26131" i="1"/>
  <c r="AE26132" i="1"/>
  <c r="AE26133" i="1"/>
  <c r="AE26134" i="1"/>
  <c r="AE26135" i="1"/>
  <c r="AE26136" i="1"/>
  <c r="AE26137" i="1"/>
  <c r="AE26138" i="1"/>
  <c r="AE26139" i="1"/>
  <c r="AE26140" i="1"/>
  <c r="AE26141" i="1"/>
  <c r="AE26142" i="1"/>
  <c r="AE26143" i="1"/>
  <c r="AE26144" i="1"/>
  <c r="AE26145" i="1"/>
  <c r="AE26146" i="1"/>
  <c r="AE26147" i="1"/>
  <c r="AE26148" i="1"/>
  <c r="AE26149" i="1"/>
  <c r="AE26150" i="1"/>
  <c r="AE26151" i="1"/>
  <c r="AE26152" i="1"/>
  <c r="AE26153" i="1"/>
  <c r="AE26154" i="1"/>
  <c r="AE26155" i="1"/>
  <c r="AE26156" i="1"/>
  <c r="AE26157" i="1"/>
  <c r="AE26158" i="1"/>
  <c r="AE26159" i="1"/>
  <c r="AE26160" i="1"/>
  <c r="AE26161" i="1"/>
  <c r="AE26162" i="1"/>
  <c r="AE26163" i="1"/>
  <c r="AE26164" i="1"/>
  <c r="AE26165" i="1"/>
  <c r="AE26166" i="1"/>
  <c r="AE26167" i="1"/>
  <c r="AE26168" i="1"/>
  <c r="AE26169" i="1"/>
  <c r="AE26170" i="1"/>
  <c r="AE26171" i="1"/>
  <c r="AE26172" i="1"/>
  <c r="AE26173" i="1"/>
  <c r="AE26174" i="1"/>
  <c r="AE26175" i="1"/>
  <c r="AE26176" i="1"/>
  <c r="AE26177" i="1"/>
  <c r="AE26178" i="1"/>
  <c r="AE26179" i="1"/>
  <c r="AE26180" i="1"/>
  <c r="AE26181" i="1"/>
  <c r="AE26182" i="1"/>
  <c r="AE26183" i="1"/>
  <c r="AE26184" i="1"/>
  <c r="AE26185" i="1"/>
  <c r="AE26186" i="1"/>
  <c r="AE26187" i="1"/>
  <c r="AE26188" i="1"/>
  <c r="AE26189" i="1"/>
  <c r="AE26190" i="1"/>
  <c r="AE26191" i="1"/>
  <c r="AE26192" i="1"/>
  <c r="AE26193" i="1"/>
  <c r="AE26194" i="1"/>
  <c r="AE26195" i="1"/>
  <c r="AE26196" i="1"/>
  <c r="AE26197" i="1"/>
  <c r="AE26198" i="1"/>
  <c r="AE26199" i="1"/>
  <c r="AE26200" i="1"/>
  <c r="AE26201" i="1"/>
  <c r="AE26202" i="1"/>
  <c r="AE26203" i="1"/>
  <c r="AE26204" i="1"/>
  <c r="AE26205" i="1"/>
  <c r="AE26206" i="1"/>
  <c r="AE26207" i="1"/>
  <c r="AE26208" i="1"/>
  <c r="AE26209" i="1"/>
  <c r="AE26210" i="1"/>
  <c r="AE26211" i="1"/>
  <c r="AE26212" i="1"/>
  <c r="AE26213" i="1"/>
  <c r="AE26214" i="1"/>
  <c r="AE26215" i="1"/>
  <c r="AE26216" i="1"/>
  <c r="AE26217" i="1"/>
  <c r="AE26218" i="1"/>
  <c r="AE26219" i="1"/>
  <c r="AE26220" i="1"/>
  <c r="AE26221" i="1"/>
  <c r="AE26222" i="1"/>
  <c r="AE26223" i="1"/>
  <c r="AE26224" i="1"/>
  <c r="AE26225" i="1"/>
  <c r="AE26226" i="1"/>
  <c r="AE26227" i="1"/>
  <c r="AE26228" i="1"/>
  <c r="AE26229" i="1"/>
  <c r="AE26230" i="1"/>
  <c r="AE26231" i="1"/>
  <c r="AE26232" i="1"/>
  <c r="AE26233" i="1"/>
  <c r="AE26234" i="1"/>
  <c r="AE26235" i="1"/>
  <c r="AE26236" i="1"/>
  <c r="AE26237" i="1"/>
  <c r="AE26238" i="1"/>
  <c r="AE26239" i="1"/>
  <c r="AE26240" i="1"/>
  <c r="AE26241" i="1"/>
  <c r="AE26242" i="1"/>
  <c r="AE26243" i="1"/>
  <c r="AE26244" i="1"/>
  <c r="AE26245" i="1"/>
  <c r="AE26246" i="1"/>
  <c r="AE26247" i="1"/>
  <c r="AE26248" i="1"/>
  <c r="AE26249" i="1"/>
  <c r="AE26250" i="1"/>
  <c r="AE26251" i="1"/>
  <c r="AE26252" i="1"/>
  <c r="AE26253" i="1"/>
  <c r="AE26254" i="1"/>
  <c r="AE26255" i="1"/>
  <c r="AE26256" i="1"/>
  <c r="AE26257" i="1"/>
  <c r="AE26258" i="1"/>
  <c r="AE26259" i="1"/>
  <c r="AE26260" i="1"/>
  <c r="AE26261" i="1"/>
  <c r="AE26262" i="1"/>
  <c r="AE26263" i="1"/>
  <c r="AE26264" i="1"/>
  <c r="AE26265" i="1"/>
  <c r="AE26266" i="1"/>
  <c r="AE26267" i="1"/>
  <c r="AE26268" i="1"/>
  <c r="AE26269" i="1"/>
  <c r="AE26270" i="1"/>
  <c r="AE26271" i="1"/>
  <c r="AE26272" i="1"/>
  <c r="AE26273" i="1"/>
  <c r="AE26274" i="1"/>
  <c r="AE26275" i="1"/>
  <c r="AE26276" i="1"/>
  <c r="AE26277" i="1"/>
  <c r="AE26278" i="1"/>
  <c r="AE26279" i="1"/>
  <c r="AE26280" i="1"/>
  <c r="AE26281" i="1"/>
  <c r="AE26282" i="1"/>
  <c r="AE26283" i="1"/>
  <c r="AE26284" i="1"/>
  <c r="AE26285" i="1"/>
  <c r="AE26286" i="1"/>
  <c r="AE26287" i="1"/>
  <c r="AE26288" i="1"/>
  <c r="AE26289" i="1"/>
  <c r="AE26290" i="1"/>
  <c r="AE26291" i="1"/>
  <c r="AE26292" i="1"/>
  <c r="AE26293" i="1"/>
  <c r="AE26294" i="1"/>
  <c r="AE26295" i="1"/>
  <c r="AE26296" i="1"/>
  <c r="AE26297" i="1"/>
  <c r="AE26298" i="1"/>
  <c r="AE26299" i="1"/>
  <c r="AE26300" i="1"/>
  <c r="AE26301" i="1"/>
  <c r="AE26302" i="1"/>
  <c r="AE26303" i="1"/>
  <c r="AE26304" i="1"/>
  <c r="AE26305" i="1"/>
  <c r="AE26306" i="1"/>
  <c r="AE26307" i="1"/>
  <c r="AE26308" i="1"/>
  <c r="AE26309" i="1"/>
  <c r="AE26310" i="1"/>
  <c r="AE26311" i="1"/>
  <c r="AE26312" i="1"/>
  <c r="AE26313" i="1"/>
  <c r="AE26314" i="1"/>
  <c r="AE26315" i="1"/>
  <c r="AE26316" i="1"/>
  <c r="AE26317" i="1"/>
  <c r="AE26318" i="1"/>
  <c r="AE26319" i="1"/>
  <c r="AE26320" i="1"/>
  <c r="AE26321" i="1"/>
  <c r="AE26322" i="1"/>
  <c r="AE26323" i="1"/>
  <c r="AE26324" i="1"/>
  <c r="AE26325" i="1"/>
  <c r="AE26326" i="1"/>
  <c r="AE26327" i="1"/>
  <c r="AE26328" i="1"/>
  <c r="AE26329" i="1"/>
  <c r="AE26330" i="1"/>
  <c r="AE26331" i="1"/>
  <c r="AE26332" i="1"/>
  <c r="AE26333" i="1"/>
  <c r="AE26334" i="1"/>
  <c r="AE26335" i="1"/>
  <c r="AE26336" i="1"/>
  <c r="AE26337" i="1"/>
  <c r="AE26338" i="1"/>
  <c r="AE26339" i="1"/>
  <c r="AE26340" i="1"/>
  <c r="AE26341" i="1"/>
  <c r="AE26342" i="1"/>
  <c r="AE26343" i="1"/>
  <c r="AE26344" i="1"/>
  <c r="AE26345" i="1"/>
  <c r="AE26346" i="1"/>
  <c r="AE26347" i="1"/>
  <c r="AE26348" i="1"/>
  <c r="AE26349" i="1"/>
  <c r="AE26350" i="1"/>
  <c r="AE26351" i="1"/>
  <c r="AE26352" i="1"/>
  <c r="AE26353" i="1"/>
  <c r="AE26354" i="1"/>
  <c r="AE26355" i="1"/>
  <c r="AE26356" i="1"/>
  <c r="AE26357" i="1"/>
  <c r="AE26358" i="1"/>
  <c r="AE26359" i="1"/>
  <c r="AE26360" i="1"/>
  <c r="AE26361" i="1"/>
  <c r="AE26362" i="1"/>
  <c r="AE26363" i="1"/>
  <c r="AE26364" i="1"/>
  <c r="AE26365" i="1"/>
  <c r="AE26366" i="1"/>
  <c r="AE26367" i="1"/>
  <c r="AE26368" i="1"/>
  <c r="AE26369" i="1"/>
  <c r="AE26370" i="1"/>
  <c r="AE26371" i="1"/>
  <c r="AE26372" i="1"/>
  <c r="AE26373" i="1"/>
  <c r="AE26374" i="1"/>
  <c r="AE26375" i="1"/>
  <c r="AE26376" i="1"/>
  <c r="AE26377" i="1"/>
  <c r="AE26378" i="1"/>
  <c r="AE26379" i="1"/>
  <c r="AE26380" i="1"/>
  <c r="AE26381" i="1"/>
  <c r="AE26382" i="1"/>
  <c r="AE26383" i="1"/>
  <c r="AE26384" i="1"/>
  <c r="AE26385" i="1"/>
  <c r="AE26386" i="1"/>
  <c r="AE26387" i="1"/>
  <c r="AE26388" i="1"/>
  <c r="AE26389" i="1"/>
  <c r="AE26390" i="1"/>
  <c r="AE26391" i="1"/>
  <c r="AE26392" i="1"/>
  <c r="AE26393" i="1"/>
  <c r="AE26394" i="1"/>
  <c r="AE26395" i="1"/>
  <c r="AE26396" i="1"/>
  <c r="AE26397" i="1"/>
  <c r="AE26398" i="1"/>
  <c r="AE26399" i="1"/>
  <c r="AE26400" i="1"/>
  <c r="AE26401" i="1"/>
  <c r="AE26402" i="1"/>
  <c r="AE26403" i="1"/>
  <c r="AE26404" i="1"/>
  <c r="AE26405" i="1"/>
  <c r="AE26406" i="1"/>
  <c r="AE26407" i="1"/>
  <c r="AE26408" i="1"/>
  <c r="AE26409" i="1"/>
  <c r="AE26410" i="1"/>
  <c r="AE26411" i="1"/>
  <c r="AE26412" i="1"/>
  <c r="AE26413" i="1"/>
  <c r="AE26414" i="1"/>
  <c r="AE26415" i="1"/>
  <c r="AE26416" i="1"/>
  <c r="AE26417" i="1"/>
  <c r="AE26418" i="1"/>
  <c r="AE26419" i="1"/>
  <c r="AE26420" i="1"/>
  <c r="AE26421" i="1"/>
  <c r="AE26422" i="1"/>
  <c r="AE26423" i="1"/>
  <c r="AE26424" i="1"/>
  <c r="AE26425" i="1"/>
  <c r="AE26426" i="1"/>
  <c r="AE26427" i="1"/>
  <c r="AE26428" i="1"/>
  <c r="AE26429" i="1"/>
  <c r="AE26430" i="1"/>
  <c r="AE26431" i="1"/>
  <c r="AE26432" i="1"/>
  <c r="AE26433" i="1"/>
  <c r="AE26434" i="1"/>
  <c r="AE26435" i="1"/>
  <c r="AE26436" i="1"/>
  <c r="AE26437" i="1"/>
  <c r="AE26438" i="1"/>
  <c r="AE26439" i="1"/>
  <c r="AE26440" i="1"/>
  <c r="AE26441" i="1"/>
  <c r="AE26442" i="1"/>
  <c r="AE26443" i="1"/>
  <c r="AE26444" i="1"/>
  <c r="AE26445" i="1"/>
  <c r="AE26446" i="1"/>
  <c r="AE26447" i="1"/>
  <c r="AE26448" i="1"/>
  <c r="AE26449" i="1"/>
  <c r="AE26450" i="1"/>
  <c r="AE26451" i="1"/>
  <c r="AE26452" i="1"/>
  <c r="AE26453" i="1"/>
  <c r="AE26454" i="1"/>
  <c r="AE26455" i="1"/>
  <c r="AE26456" i="1"/>
  <c r="AE26457" i="1"/>
  <c r="AE26458" i="1"/>
  <c r="AE26459" i="1"/>
  <c r="AE26460" i="1"/>
  <c r="AE26461" i="1"/>
  <c r="AE26462" i="1"/>
  <c r="AE26463" i="1"/>
  <c r="AE26464" i="1"/>
  <c r="AE26465" i="1"/>
  <c r="AE26466" i="1"/>
  <c r="AE26467" i="1"/>
  <c r="AE26468" i="1"/>
  <c r="AE26469" i="1"/>
  <c r="AE26470" i="1"/>
  <c r="AE26471" i="1"/>
  <c r="AE26472" i="1"/>
  <c r="AE26473" i="1"/>
  <c r="AE26474" i="1"/>
  <c r="AE26475" i="1"/>
  <c r="AE26476" i="1"/>
  <c r="AE26477" i="1"/>
  <c r="AE26478" i="1"/>
  <c r="AE26479" i="1"/>
  <c r="AE26480" i="1"/>
  <c r="AE26481" i="1"/>
  <c r="AE26482" i="1"/>
  <c r="AE26483" i="1"/>
  <c r="AE26484" i="1"/>
  <c r="AE26485" i="1"/>
  <c r="AE26486" i="1"/>
  <c r="AE26487" i="1"/>
  <c r="AE26488" i="1"/>
  <c r="AE26489" i="1"/>
  <c r="AE26490" i="1"/>
  <c r="AE26491" i="1"/>
  <c r="AE26492" i="1"/>
  <c r="AE26493" i="1"/>
  <c r="AE26494" i="1"/>
  <c r="AE26495" i="1"/>
  <c r="AE26496" i="1"/>
  <c r="AE26497" i="1"/>
  <c r="AE26498" i="1"/>
  <c r="AE26499" i="1"/>
  <c r="AE26500" i="1"/>
  <c r="AE26501" i="1"/>
  <c r="AE26502" i="1"/>
  <c r="AE26503" i="1"/>
  <c r="AE26504" i="1"/>
  <c r="AE26505" i="1"/>
  <c r="AE26506" i="1"/>
  <c r="AE26507" i="1"/>
  <c r="AE26508" i="1"/>
  <c r="AE26509" i="1"/>
  <c r="AE26510" i="1"/>
  <c r="AE26511" i="1"/>
  <c r="AE26512" i="1"/>
  <c r="AE26513" i="1"/>
  <c r="AE26514" i="1"/>
  <c r="AE26515" i="1"/>
  <c r="AE26516" i="1"/>
  <c r="AE26517" i="1"/>
  <c r="AE26518" i="1"/>
  <c r="AE26519" i="1"/>
  <c r="AE26520" i="1"/>
  <c r="AE26521" i="1"/>
  <c r="AE26522" i="1"/>
  <c r="AE26523" i="1"/>
  <c r="AE26524" i="1"/>
  <c r="AE26525" i="1"/>
  <c r="AE26526" i="1"/>
  <c r="AE26527" i="1"/>
  <c r="AE26528" i="1"/>
  <c r="AE26529" i="1"/>
  <c r="AE26530" i="1"/>
  <c r="AE26531" i="1"/>
  <c r="AE26532" i="1"/>
  <c r="AE26533" i="1"/>
  <c r="AE26534" i="1"/>
  <c r="AE26535" i="1"/>
  <c r="AE26536" i="1"/>
  <c r="AE26537" i="1"/>
  <c r="AE26538" i="1"/>
  <c r="AE26539" i="1"/>
  <c r="AE26540" i="1"/>
  <c r="AE26541" i="1"/>
  <c r="AE26542" i="1"/>
  <c r="AE26543" i="1"/>
  <c r="AE26544" i="1"/>
  <c r="AE26545" i="1"/>
  <c r="AE26546" i="1"/>
  <c r="AE26547" i="1"/>
  <c r="AE26548" i="1"/>
  <c r="AE26549" i="1"/>
  <c r="AE26550" i="1"/>
  <c r="AE26551" i="1"/>
  <c r="AE26552" i="1"/>
  <c r="AE26553" i="1"/>
  <c r="AE26554" i="1"/>
  <c r="AE26555" i="1"/>
  <c r="AE26556" i="1"/>
  <c r="AE26557" i="1"/>
  <c r="AE26558" i="1"/>
  <c r="AE26559" i="1"/>
  <c r="AE26560" i="1"/>
  <c r="AE26561" i="1"/>
  <c r="AE26562" i="1"/>
  <c r="AE26563" i="1"/>
  <c r="AE26564" i="1"/>
  <c r="AE26565" i="1"/>
  <c r="AE26566" i="1"/>
  <c r="AE26567" i="1"/>
  <c r="AE26568" i="1"/>
  <c r="AE26569" i="1"/>
  <c r="AE26570" i="1"/>
  <c r="AE26571" i="1"/>
  <c r="AE26572" i="1"/>
  <c r="AE26573" i="1"/>
  <c r="AE26574" i="1"/>
  <c r="AE26575" i="1"/>
  <c r="AE26576" i="1"/>
  <c r="AE26577" i="1"/>
  <c r="AE26578" i="1"/>
  <c r="AE26579" i="1"/>
  <c r="AE26580" i="1"/>
  <c r="AE26581" i="1"/>
  <c r="AE26582" i="1"/>
  <c r="AE26583" i="1"/>
  <c r="AE26584" i="1"/>
  <c r="AE26585" i="1"/>
  <c r="AE26586" i="1"/>
  <c r="AE26587" i="1"/>
  <c r="AE26588" i="1"/>
  <c r="AE26589" i="1"/>
  <c r="AE26590" i="1"/>
  <c r="AE26591" i="1"/>
  <c r="AE26592" i="1"/>
  <c r="AE26593" i="1"/>
  <c r="AE26594" i="1"/>
  <c r="AE26595" i="1"/>
  <c r="AE26596" i="1"/>
  <c r="AE26597" i="1"/>
  <c r="AE26598" i="1"/>
  <c r="AE26599" i="1"/>
  <c r="AE26600" i="1"/>
  <c r="AE26601" i="1"/>
  <c r="AE26602" i="1"/>
  <c r="AE26603" i="1"/>
  <c r="AE26604" i="1"/>
  <c r="AE26605" i="1"/>
  <c r="AE26606" i="1"/>
  <c r="AE26607" i="1"/>
  <c r="AE26608" i="1"/>
  <c r="AE26609" i="1"/>
  <c r="AE26610" i="1"/>
  <c r="AE26611" i="1"/>
  <c r="AE26612" i="1"/>
  <c r="AE26613" i="1"/>
  <c r="AE26614" i="1"/>
  <c r="AE26615" i="1"/>
  <c r="AE26616" i="1"/>
  <c r="AE26617" i="1"/>
  <c r="AE26618" i="1"/>
  <c r="AE26619" i="1"/>
  <c r="AE26620" i="1"/>
  <c r="AE26621" i="1"/>
  <c r="AE26622" i="1"/>
  <c r="AE26623" i="1"/>
  <c r="AE26624" i="1"/>
  <c r="AE26625" i="1"/>
  <c r="AE26626" i="1"/>
  <c r="AE26627" i="1"/>
  <c r="AE26628" i="1"/>
  <c r="AE26629" i="1"/>
  <c r="AE26630" i="1"/>
  <c r="AE26631" i="1"/>
  <c r="AE26632" i="1"/>
  <c r="AE26633" i="1"/>
  <c r="AE26634" i="1"/>
  <c r="AE26635" i="1"/>
  <c r="AE26636" i="1"/>
  <c r="AE26637" i="1"/>
  <c r="AE26638" i="1"/>
  <c r="AE26639" i="1"/>
  <c r="AE26640" i="1"/>
  <c r="AE26641" i="1"/>
  <c r="AE26642" i="1"/>
  <c r="AE26643" i="1"/>
  <c r="AE26644" i="1"/>
  <c r="AE26645" i="1"/>
  <c r="AE26646" i="1"/>
  <c r="AE26647" i="1"/>
  <c r="AE26648" i="1"/>
  <c r="AE26649" i="1"/>
  <c r="AE26650" i="1"/>
  <c r="AE26651" i="1"/>
  <c r="AE26652" i="1"/>
  <c r="AE26653" i="1"/>
  <c r="AE26654" i="1"/>
  <c r="AE26655" i="1"/>
  <c r="AE26656" i="1"/>
  <c r="AE26657" i="1"/>
  <c r="AE26658" i="1"/>
  <c r="AE26659" i="1"/>
  <c r="AE26660" i="1"/>
  <c r="AE26661" i="1"/>
  <c r="AE26662" i="1"/>
  <c r="AE26663" i="1"/>
  <c r="AE26664" i="1"/>
  <c r="AE26665" i="1"/>
  <c r="AE26666" i="1"/>
  <c r="AE26667" i="1"/>
  <c r="AE26668" i="1"/>
  <c r="AE26669" i="1"/>
  <c r="AE26670" i="1"/>
  <c r="AE26671" i="1"/>
  <c r="AE26672" i="1"/>
  <c r="AE26673" i="1"/>
  <c r="AE26674" i="1"/>
  <c r="AE26675" i="1"/>
  <c r="AE26676" i="1"/>
  <c r="AE26677" i="1"/>
  <c r="AE26678" i="1"/>
  <c r="AE26679" i="1"/>
  <c r="AE26680" i="1"/>
  <c r="AE26681" i="1"/>
  <c r="AE26682" i="1"/>
  <c r="AE26683" i="1"/>
  <c r="AE26684" i="1"/>
  <c r="AE26685" i="1"/>
  <c r="AE26686" i="1"/>
  <c r="AE26687" i="1"/>
  <c r="AE26688" i="1"/>
  <c r="AE26689" i="1"/>
  <c r="AE26690" i="1"/>
  <c r="AE26691" i="1"/>
  <c r="AE26692" i="1"/>
  <c r="AE26693" i="1"/>
  <c r="AE26694" i="1"/>
  <c r="AE26695" i="1"/>
  <c r="AE26696" i="1"/>
  <c r="AE26697" i="1"/>
  <c r="AE26698" i="1"/>
  <c r="AE26699" i="1"/>
  <c r="AE26700" i="1"/>
  <c r="AE26701" i="1"/>
  <c r="AE26702" i="1"/>
  <c r="AE26703" i="1"/>
  <c r="AE26704" i="1"/>
  <c r="AE26705" i="1"/>
  <c r="AE26706" i="1"/>
  <c r="AE26707" i="1"/>
  <c r="AE26708" i="1"/>
  <c r="AE26709" i="1"/>
  <c r="AE26710" i="1"/>
  <c r="AE26711" i="1"/>
  <c r="AE26712" i="1"/>
  <c r="AE26713" i="1"/>
  <c r="AE26714" i="1"/>
  <c r="AE26715" i="1"/>
  <c r="AE26716" i="1"/>
  <c r="AE26717" i="1"/>
  <c r="AE26718" i="1"/>
  <c r="AE26719" i="1"/>
  <c r="AE26720" i="1"/>
  <c r="AE26721" i="1"/>
  <c r="AE26722" i="1"/>
  <c r="AE26723" i="1"/>
  <c r="AE26724" i="1"/>
  <c r="AE26725" i="1"/>
  <c r="AE26726" i="1"/>
  <c r="AE26727" i="1"/>
  <c r="AE26728" i="1"/>
  <c r="AE26729" i="1"/>
  <c r="AE26730" i="1"/>
  <c r="AE26731" i="1"/>
  <c r="AE26732" i="1"/>
  <c r="AE26733" i="1"/>
  <c r="AE26734" i="1"/>
  <c r="AE26735" i="1"/>
  <c r="AE26736" i="1"/>
  <c r="AE26737" i="1"/>
  <c r="AE26738" i="1"/>
  <c r="AE26739" i="1"/>
  <c r="AE26740" i="1"/>
  <c r="AE26741" i="1"/>
  <c r="AE26742" i="1"/>
  <c r="AE26743" i="1"/>
  <c r="AE26744" i="1"/>
  <c r="AE26745" i="1"/>
  <c r="AE26746" i="1"/>
  <c r="AE26747" i="1"/>
  <c r="AE26748" i="1"/>
  <c r="AE26749" i="1"/>
  <c r="AE26750" i="1"/>
  <c r="AE26751" i="1"/>
  <c r="AE26752" i="1"/>
  <c r="AE26753" i="1"/>
  <c r="AE26754" i="1"/>
  <c r="AE26755" i="1"/>
  <c r="AE26756" i="1"/>
  <c r="AE26757" i="1"/>
  <c r="AE26758" i="1"/>
  <c r="AE26759" i="1"/>
  <c r="AE26760" i="1"/>
  <c r="AE26761" i="1"/>
  <c r="AE26762" i="1"/>
  <c r="AE26763" i="1"/>
  <c r="AE26764" i="1"/>
  <c r="AE26765" i="1"/>
  <c r="AE26766" i="1"/>
  <c r="AE26767" i="1"/>
  <c r="AE26768" i="1"/>
  <c r="AE26769" i="1"/>
  <c r="AE26770" i="1"/>
  <c r="AE26771" i="1"/>
  <c r="AE26772" i="1"/>
  <c r="AE26773" i="1"/>
  <c r="AE26774" i="1"/>
  <c r="AE26775" i="1"/>
  <c r="AE26776" i="1"/>
  <c r="AE26777" i="1"/>
  <c r="AE26778" i="1"/>
  <c r="AE26779" i="1"/>
  <c r="AE26780" i="1"/>
  <c r="AE26781" i="1"/>
  <c r="AE26782" i="1"/>
  <c r="AE26783" i="1"/>
  <c r="AE26784" i="1"/>
  <c r="AE26785" i="1"/>
  <c r="AE26786" i="1"/>
  <c r="AE26787" i="1"/>
  <c r="AE26788" i="1"/>
  <c r="AE26789" i="1"/>
  <c r="AE26790" i="1"/>
  <c r="AE26791" i="1"/>
  <c r="AE26792" i="1"/>
  <c r="AE26793" i="1"/>
  <c r="AE26794" i="1"/>
  <c r="AE26795" i="1"/>
  <c r="AE26796" i="1"/>
  <c r="AE26797" i="1"/>
  <c r="AE26798" i="1"/>
  <c r="AE26799" i="1"/>
  <c r="AE26800" i="1"/>
  <c r="AE26801" i="1"/>
  <c r="AE26802" i="1"/>
  <c r="AE26803" i="1"/>
  <c r="AE26804" i="1"/>
  <c r="AE26805" i="1"/>
  <c r="AE26806" i="1"/>
  <c r="AE26807" i="1"/>
  <c r="AE26808" i="1"/>
  <c r="AE26809" i="1"/>
  <c r="AE26810" i="1"/>
  <c r="AE26811" i="1"/>
  <c r="AE26812" i="1"/>
  <c r="AE26813" i="1"/>
  <c r="AE26814" i="1"/>
  <c r="AE26815" i="1"/>
  <c r="AE26816" i="1"/>
  <c r="AE26817" i="1"/>
  <c r="AE26818" i="1"/>
  <c r="AE26819" i="1"/>
  <c r="AE26820" i="1"/>
  <c r="AE26821" i="1"/>
  <c r="AE26822" i="1"/>
  <c r="AE26823" i="1"/>
  <c r="AE26824" i="1"/>
  <c r="AE26825" i="1"/>
  <c r="AE26826" i="1"/>
  <c r="AE26827" i="1"/>
  <c r="AE26828" i="1"/>
  <c r="AE26829" i="1"/>
  <c r="AE26830" i="1"/>
  <c r="AE26831" i="1"/>
  <c r="AE26832" i="1"/>
  <c r="AE26833" i="1"/>
  <c r="AE26834" i="1"/>
  <c r="AE26835" i="1"/>
  <c r="AE26836" i="1"/>
  <c r="AE26837" i="1"/>
  <c r="AE26838" i="1"/>
  <c r="AE26839" i="1"/>
  <c r="AE26840" i="1"/>
  <c r="AE26841" i="1"/>
  <c r="AE26842" i="1"/>
  <c r="AE26843" i="1"/>
  <c r="AE26844" i="1"/>
  <c r="AE26845" i="1"/>
  <c r="AE26846" i="1"/>
  <c r="AE26847" i="1"/>
  <c r="AE26848" i="1"/>
  <c r="AE26849" i="1"/>
  <c r="AE26850" i="1"/>
  <c r="AE26851" i="1"/>
  <c r="AE26852" i="1"/>
  <c r="AE26853" i="1"/>
  <c r="AE26854" i="1"/>
  <c r="AE26855" i="1"/>
  <c r="AE26856" i="1"/>
  <c r="AE26857" i="1"/>
  <c r="AE26858" i="1"/>
  <c r="AE26859" i="1"/>
  <c r="AE26860" i="1"/>
  <c r="AE26861" i="1"/>
  <c r="AE26862" i="1"/>
  <c r="AE26863" i="1"/>
  <c r="AE26864" i="1"/>
  <c r="AE26865" i="1"/>
  <c r="AE26866" i="1"/>
  <c r="AE26867" i="1"/>
  <c r="AE26868" i="1"/>
  <c r="AE26869" i="1"/>
  <c r="AE26870" i="1"/>
  <c r="AE26871" i="1"/>
  <c r="AE26872" i="1"/>
  <c r="AE26873" i="1"/>
  <c r="AE26874" i="1"/>
  <c r="AE26875" i="1"/>
  <c r="AE26876" i="1"/>
  <c r="AE26877" i="1"/>
  <c r="AE26878" i="1"/>
  <c r="AE26879" i="1"/>
  <c r="AE26880" i="1"/>
  <c r="AE26881" i="1"/>
  <c r="AE26882" i="1"/>
  <c r="AE26883" i="1"/>
  <c r="AE26884" i="1"/>
  <c r="AE26885" i="1"/>
  <c r="AE26886" i="1"/>
  <c r="AE26887" i="1"/>
  <c r="AE26888" i="1"/>
  <c r="AE26889" i="1"/>
  <c r="AE26890" i="1"/>
  <c r="AE26891" i="1"/>
  <c r="AE26892" i="1"/>
  <c r="AE26893" i="1"/>
  <c r="AE26894" i="1"/>
  <c r="AE26895" i="1"/>
  <c r="AE26896" i="1"/>
  <c r="AE26897" i="1"/>
  <c r="AE26898" i="1"/>
  <c r="AE26899" i="1"/>
  <c r="AE26900" i="1"/>
  <c r="AE26901" i="1"/>
  <c r="AE26902" i="1"/>
  <c r="AE26903" i="1"/>
  <c r="AE26904" i="1"/>
  <c r="AE26905" i="1"/>
  <c r="AE26906" i="1"/>
  <c r="AE26907" i="1"/>
  <c r="AE26908" i="1"/>
  <c r="AE26909" i="1"/>
  <c r="AE26910" i="1"/>
  <c r="AE26911" i="1"/>
  <c r="AE26912" i="1"/>
  <c r="AE26913" i="1"/>
  <c r="AE26914" i="1"/>
  <c r="AE26915" i="1"/>
  <c r="AE26916" i="1"/>
  <c r="AE26917" i="1"/>
  <c r="AE26918" i="1"/>
  <c r="AE26919" i="1"/>
  <c r="AE26920" i="1"/>
  <c r="AE26921" i="1"/>
  <c r="AE26922" i="1"/>
  <c r="AE26923" i="1"/>
  <c r="AE26924" i="1"/>
  <c r="AE26925" i="1"/>
  <c r="AE26926" i="1"/>
  <c r="AE26927" i="1"/>
  <c r="AE26928" i="1"/>
  <c r="AE26929" i="1"/>
  <c r="AE26930" i="1"/>
  <c r="AE26931" i="1"/>
  <c r="AE26932" i="1"/>
  <c r="AE26933" i="1"/>
  <c r="AE26934" i="1"/>
  <c r="AE26935" i="1"/>
  <c r="AE26936" i="1"/>
  <c r="AE26937" i="1"/>
  <c r="AE26938" i="1"/>
  <c r="AE26939" i="1"/>
  <c r="AE26940" i="1"/>
  <c r="AE26941" i="1"/>
  <c r="AE26942" i="1"/>
  <c r="AE26943" i="1"/>
  <c r="AE26944" i="1"/>
  <c r="AE26945" i="1"/>
  <c r="AE26946" i="1"/>
  <c r="AE26947" i="1"/>
  <c r="AE26948" i="1"/>
  <c r="AE26949" i="1"/>
  <c r="AE26950" i="1"/>
  <c r="AE26951" i="1"/>
  <c r="AE26952" i="1"/>
  <c r="AE26953" i="1"/>
  <c r="AE26954" i="1"/>
  <c r="AE26955" i="1"/>
  <c r="AE26956" i="1"/>
  <c r="AE26957" i="1"/>
  <c r="AE26958" i="1"/>
  <c r="AE26959" i="1"/>
  <c r="AE26960" i="1"/>
  <c r="AE26961" i="1"/>
  <c r="AE26962" i="1"/>
  <c r="AE26963" i="1"/>
  <c r="AE26964" i="1"/>
  <c r="AE26965" i="1"/>
  <c r="AE26966" i="1"/>
  <c r="AE26967" i="1"/>
  <c r="AE26968" i="1"/>
  <c r="AE26969" i="1"/>
  <c r="AE26970" i="1"/>
  <c r="AE26971" i="1"/>
  <c r="AE26972" i="1"/>
  <c r="AE26973" i="1"/>
  <c r="AE26974" i="1"/>
  <c r="AE26975" i="1"/>
  <c r="AE26976" i="1"/>
  <c r="AE26977" i="1"/>
  <c r="AE26978" i="1"/>
  <c r="AE26979" i="1"/>
  <c r="AE26980" i="1"/>
  <c r="AE26981" i="1"/>
  <c r="AE26982" i="1"/>
  <c r="AE26983" i="1"/>
  <c r="AE26984" i="1"/>
  <c r="AE26985" i="1"/>
  <c r="AE26986" i="1"/>
  <c r="AE26987" i="1"/>
  <c r="AE26988" i="1"/>
  <c r="AE26989" i="1"/>
  <c r="AE26990" i="1"/>
  <c r="AE26991" i="1"/>
  <c r="AE26992" i="1"/>
  <c r="AE26993" i="1"/>
  <c r="AE26994" i="1"/>
  <c r="AE26995" i="1"/>
  <c r="AE26996" i="1"/>
  <c r="AE26997" i="1"/>
  <c r="AE26998" i="1"/>
  <c r="AE26999" i="1"/>
  <c r="AE27000" i="1"/>
  <c r="AE27001" i="1"/>
  <c r="AE27002" i="1"/>
  <c r="AE27003" i="1"/>
  <c r="AE27004" i="1"/>
  <c r="AE27005" i="1"/>
  <c r="AE27006" i="1"/>
  <c r="AE27007" i="1"/>
  <c r="AE27008" i="1"/>
  <c r="AE27009" i="1"/>
  <c r="AE27010" i="1"/>
  <c r="AE27011" i="1"/>
  <c r="AE27012" i="1"/>
  <c r="AE27013" i="1"/>
  <c r="AE27014" i="1"/>
  <c r="AE27015" i="1"/>
  <c r="AE27016" i="1"/>
  <c r="AE27017" i="1"/>
  <c r="AE27018" i="1"/>
  <c r="AE27019" i="1"/>
  <c r="AE27020" i="1"/>
  <c r="AE27021" i="1"/>
  <c r="AE27022" i="1"/>
  <c r="AE27023" i="1"/>
  <c r="AE27024" i="1"/>
  <c r="AE27025" i="1"/>
  <c r="AE27026" i="1"/>
  <c r="AE27027" i="1"/>
  <c r="AE27028" i="1"/>
  <c r="AE27029" i="1"/>
  <c r="AE27030" i="1"/>
  <c r="AE27031" i="1"/>
  <c r="AE27032" i="1"/>
  <c r="AE27033" i="1"/>
  <c r="AE27034" i="1"/>
  <c r="AE27035" i="1"/>
  <c r="AE27036" i="1"/>
  <c r="AE27037" i="1"/>
  <c r="AE27038" i="1"/>
  <c r="AE27039" i="1"/>
  <c r="AE27040" i="1"/>
  <c r="AE27041" i="1"/>
  <c r="AE27042" i="1"/>
  <c r="AE27043" i="1"/>
  <c r="AE27044" i="1"/>
  <c r="AE27045" i="1"/>
  <c r="AE27046" i="1"/>
  <c r="AE27047" i="1"/>
  <c r="AE27048" i="1"/>
  <c r="AE27049" i="1"/>
  <c r="AE27050" i="1"/>
  <c r="AE27051" i="1"/>
  <c r="AE27052" i="1"/>
  <c r="AE27053" i="1"/>
  <c r="AE27054" i="1"/>
  <c r="AE27055" i="1"/>
  <c r="AE27056" i="1"/>
  <c r="AE27057" i="1"/>
  <c r="AE27058" i="1"/>
  <c r="AE27059" i="1"/>
  <c r="AE27060" i="1"/>
  <c r="AE27061" i="1"/>
  <c r="AE27062" i="1"/>
  <c r="AE27063" i="1"/>
  <c r="AE27064" i="1"/>
  <c r="AE27065" i="1"/>
  <c r="AE27066" i="1"/>
  <c r="AE27067" i="1"/>
  <c r="AE27068" i="1"/>
  <c r="AE27069" i="1"/>
  <c r="AE27070" i="1"/>
  <c r="AE27071" i="1"/>
  <c r="AE27072" i="1"/>
  <c r="AE27073" i="1"/>
  <c r="AE27074" i="1"/>
  <c r="AE27075" i="1"/>
  <c r="AE27076" i="1"/>
  <c r="AE27077" i="1"/>
  <c r="AE27078" i="1"/>
  <c r="AE27079" i="1"/>
  <c r="AE27080" i="1"/>
  <c r="AE27081" i="1"/>
  <c r="AE27082" i="1"/>
  <c r="AE27083" i="1"/>
  <c r="AE27084" i="1"/>
  <c r="AE27085" i="1"/>
  <c r="AE27086" i="1"/>
  <c r="AE27087" i="1"/>
  <c r="AE27088" i="1"/>
  <c r="AE27089" i="1"/>
  <c r="AE27090" i="1"/>
  <c r="AE27091" i="1"/>
  <c r="AE27092" i="1"/>
  <c r="AE27093" i="1"/>
  <c r="AE27094" i="1"/>
  <c r="AE27095" i="1"/>
  <c r="AE27096" i="1"/>
  <c r="AE27097" i="1"/>
  <c r="AE27098" i="1"/>
  <c r="AE27099" i="1"/>
  <c r="AE27100" i="1"/>
  <c r="AE27101" i="1"/>
  <c r="AE27102" i="1"/>
  <c r="AE27103" i="1"/>
  <c r="AE27104" i="1"/>
  <c r="AE27105" i="1"/>
  <c r="AE27106" i="1"/>
  <c r="AE27107" i="1"/>
  <c r="AE27108" i="1"/>
  <c r="AE27109" i="1"/>
  <c r="AE27110" i="1"/>
  <c r="AE27111" i="1"/>
  <c r="AE27112" i="1"/>
  <c r="AE27113" i="1"/>
  <c r="AE27114" i="1"/>
  <c r="AE27115" i="1"/>
  <c r="AE27116" i="1"/>
  <c r="AE27117" i="1"/>
  <c r="AE27118" i="1"/>
  <c r="AE27119" i="1"/>
  <c r="AE27120" i="1"/>
  <c r="AE27121" i="1"/>
  <c r="AE27122" i="1"/>
  <c r="AE27123" i="1"/>
  <c r="AE27124" i="1"/>
  <c r="AE27125" i="1"/>
  <c r="AE27126" i="1"/>
  <c r="AE27127" i="1"/>
  <c r="AE27128" i="1"/>
  <c r="AE27129" i="1"/>
  <c r="AE27130" i="1"/>
  <c r="AE27131" i="1"/>
  <c r="AE27132" i="1"/>
  <c r="AE27133" i="1"/>
  <c r="AE27134" i="1"/>
  <c r="AE27135" i="1"/>
  <c r="AE27136" i="1"/>
  <c r="AE27137" i="1"/>
  <c r="AE27138" i="1"/>
  <c r="AE27139" i="1"/>
  <c r="AE27140" i="1"/>
  <c r="AE27141" i="1"/>
  <c r="AE27142" i="1"/>
  <c r="AE27143" i="1"/>
  <c r="AE27144" i="1"/>
  <c r="AE27145" i="1"/>
  <c r="AE27146" i="1"/>
  <c r="AE27147" i="1"/>
  <c r="AE27148" i="1"/>
  <c r="AE27149" i="1"/>
  <c r="AE27150" i="1"/>
  <c r="AE27151" i="1"/>
  <c r="AE27152" i="1"/>
  <c r="AE27153" i="1"/>
  <c r="AE27154" i="1"/>
  <c r="AE27155" i="1"/>
  <c r="AE27156" i="1"/>
  <c r="AE27157" i="1"/>
  <c r="AE27158" i="1"/>
  <c r="AE27159" i="1"/>
  <c r="AE27160" i="1"/>
  <c r="AE27161" i="1"/>
  <c r="AE27162" i="1"/>
  <c r="AE27163" i="1"/>
  <c r="AE27164" i="1"/>
  <c r="AE27165" i="1"/>
  <c r="AE27166" i="1"/>
  <c r="AE27167" i="1"/>
  <c r="AE27168" i="1"/>
  <c r="AE27169" i="1"/>
  <c r="AE27170" i="1"/>
  <c r="AE27171" i="1"/>
  <c r="AE27172" i="1"/>
  <c r="AE27173" i="1"/>
  <c r="AE27174" i="1"/>
  <c r="AE27175" i="1"/>
  <c r="AE27176" i="1"/>
  <c r="AE27177" i="1"/>
  <c r="AE27178" i="1"/>
  <c r="AE27179" i="1"/>
  <c r="AE27180" i="1"/>
  <c r="AE27181" i="1"/>
  <c r="AE27182" i="1"/>
  <c r="AE27183" i="1"/>
  <c r="AE27184" i="1"/>
  <c r="AE27185" i="1"/>
  <c r="AE27186" i="1"/>
  <c r="AE27187" i="1"/>
  <c r="AE27188" i="1"/>
  <c r="AE27189" i="1"/>
  <c r="AE27190" i="1"/>
  <c r="AE27191" i="1"/>
  <c r="AE27192" i="1"/>
  <c r="AE27193" i="1"/>
  <c r="AE27194" i="1"/>
  <c r="AE27195" i="1"/>
  <c r="AE27196" i="1"/>
  <c r="AE27197" i="1"/>
  <c r="AE27198" i="1"/>
  <c r="AE27199" i="1"/>
  <c r="AE27200" i="1"/>
  <c r="AE27201" i="1"/>
  <c r="AE27202" i="1"/>
  <c r="AE27203" i="1"/>
  <c r="AE27204" i="1"/>
  <c r="AE27205" i="1"/>
  <c r="AE27206" i="1"/>
  <c r="AE27207" i="1"/>
  <c r="AE27208" i="1"/>
  <c r="AE27209" i="1"/>
  <c r="AE27210" i="1"/>
  <c r="AE27211" i="1"/>
  <c r="AE27212" i="1"/>
  <c r="AE27213" i="1"/>
  <c r="AE27214" i="1"/>
  <c r="AE27215" i="1"/>
  <c r="AE27216" i="1"/>
  <c r="AE27217" i="1"/>
  <c r="AE27218" i="1"/>
  <c r="AE27219" i="1"/>
  <c r="AE27220" i="1"/>
  <c r="AE27221" i="1"/>
  <c r="AE27222" i="1"/>
  <c r="AE27223" i="1"/>
  <c r="AE27224" i="1"/>
  <c r="AE27225" i="1"/>
  <c r="AE27226" i="1"/>
  <c r="AE27227" i="1"/>
  <c r="AE27228" i="1"/>
  <c r="AE27229" i="1"/>
  <c r="AE27230" i="1"/>
  <c r="AE27231" i="1"/>
  <c r="AE27232" i="1"/>
  <c r="AE27233" i="1"/>
  <c r="AE27234" i="1"/>
  <c r="AE27235" i="1"/>
  <c r="AE27236" i="1"/>
  <c r="AE27237" i="1"/>
  <c r="AE27238" i="1"/>
  <c r="AE27239" i="1"/>
  <c r="AE27240" i="1"/>
  <c r="AE27241" i="1"/>
  <c r="AE27242" i="1"/>
  <c r="AE27243" i="1"/>
  <c r="AE27244" i="1"/>
  <c r="AE27245" i="1"/>
  <c r="AE27246" i="1"/>
  <c r="AE27247" i="1"/>
  <c r="AE27248" i="1"/>
  <c r="AE27249" i="1"/>
  <c r="AE27250" i="1"/>
  <c r="AE27251" i="1"/>
  <c r="AE27252" i="1"/>
  <c r="AE27253" i="1"/>
  <c r="AE27254" i="1"/>
  <c r="AE27255" i="1"/>
  <c r="AE27256" i="1"/>
  <c r="AE27257" i="1"/>
  <c r="AE27258" i="1"/>
  <c r="AE27259" i="1"/>
  <c r="AE27260" i="1"/>
  <c r="AE27261" i="1"/>
  <c r="AE27262" i="1"/>
  <c r="AE27263" i="1"/>
  <c r="AE27264" i="1"/>
  <c r="AE27265" i="1"/>
  <c r="AE27266" i="1"/>
  <c r="AE27267" i="1"/>
  <c r="AE27268" i="1"/>
  <c r="AE27269" i="1"/>
  <c r="AE27270" i="1"/>
  <c r="AE27271" i="1"/>
  <c r="AE27272" i="1"/>
  <c r="AE27273" i="1"/>
  <c r="AE27274" i="1"/>
  <c r="AE27275" i="1"/>
  <c r="AE27276" i="1"/>
  <c r="AE27277" i="1"/>
  <c r="AE27278" i="1"/>
  <c r="AE27279" i="1"/>
  <c r="AE27280" i="1"/>
  <c r="AE27281" i="1"/>
  <c r="AE27282" i="1"/>
  <c r="AE27283" i="1"/>
  <c r="AE27284" i="1"/>
  <c r="AE27285" i="1"/>
  <c r="AE27286" i="1"/>
  <c r="AE27287" i="1"/>
  <c r="AE27288" i="1"/>
  <c r="AE27289" i="1"/>
  <c r="AE27290" i="1"/>
  <c r="AE27291" i="1"/>
  <c r="AE27292" i="1"/>
  <c r="AE27293" i="1"/>
  <c r="AE27294" i="1"/>
  <c r="AE27295" i="1"/>
  <c r="AE27296" i="1"/>
  <c r="AE27297" i="1"/>
  <c r="AE27298" i="1"/>
  <c r="AE27299" i="1"/>
  <c r="AE27300" i="1"/>
  <c r="AE27301" i="1"/>
  <c r="AE27302" i="1"/>
  <c r="AE27303" i="1"/>
  <c r="AE27304" i="1"/>
  <c r="AE27305" i="1"/>
  <c r="AE27306" i="1"/>
  <c r="AE27307" i="1"/>
  <c r="AE27308" i="1"/>
  <c r="AE27309" i="1"/>
  <c r="AE27310" i="1"/>
  <c r="AE27311" i="1"/>
  <c r="AE27312" i="1"/>
  <c r="AE27313" i="1"/>
  <c r="AE27314" i="1"/>
  <c r="AE27315" i="1"/>
  <c r="AE27316" i="1"/>
  <c r="AE27317" i="1"/>
  <c r="AE27318" i="1"/>
  <c r="AE27319" i="1"/>
  <c r="AE27320" i="1"/>
  <c r="AE27321" i="1"/>
  <c r="AE27322" i="1"/>
  <c r="AE27323" i="1"/>
  <c r="AE27324" i="1"/>
  <c r="AE27325" i="1"/>
  <c r="AE27326" i="1"/>
  <c r="AE27327" i="1"/>
  <c r="AE27328" i="1"/>
  <c r="AE27329" i="1"/>
  <c r="AE27330" i="1"/>
  <c r="AE27331" i="1"/>
  <c r="AE27332" i="1"/>
  <c r="AE27333" i="1"/>
  <c r="AE27334" i="1"/>
  <c r="AE27335" i="1"/>
  <c r="AE27336" i="1"/>
  <c r="AE27337" i="1"/>
  <c r="AE27338" i="1"/>
  <c r="AE27339" i="1"/>
  <c r="AE27340" i="1"/>
  <c r="AE27341" i="1"/>
  <c r="AE27342" i="1"/>
  <c r="AE27343" i="1"/>
  <c r="AE27344" i="1"/>
  <c r="AE27345" i="1"/>
  <c r="AE27346" i="1"/>
  <c r="AE27347" i="1"/>
  <c r="AE27348" i="1"/>
  <c r="AE27349" i="1"/>
  <c r="AE27350" i="1"/>
  <c r="AE27351" i="1"/>
  <c r="AE27352" i="1"/>
  <c r="AE27353" i="1"/>
  <c r="AE27354" i="1"/>
  <c r="AE27355" i="1"/>
  <c r="AE27356" i="1"/>
  <c r="AE27357" i="1"/>
  <c r="AE27358" i="1"/>
  <c r="AE27359" i="1"/>
  <c r="AE27360" i="1"/>
  <c r="AE27361" i="1"/>
  <c r="AE27362" i="1"/>
  <c r="AE27363" i="1"/>
  <c r="AE27364" i="1"/>
  <c r="AE27365" i="1"/>
  <c r="AE27366" i="1"/>
  <c r="AE27367" i="1"/>
  <c r="AE27368" i="1"/>
  <c r="AE27369" i="1"/>
  <c r="AE27370" i="1"/>
  <c r="AE27371" i="1"/>
  <c r="AE27372" i="1"/>
  <c r="AE27373" i="1"/>
  <c r="AE27374" i="1"/>
  <c r="AE27375" i="1"/>
  <c r="AE27376" i="1"/>
  <c r="AE27377" i="1"/>
  <c r="AE27378" i="1"/>
  <c r="AE27379" i="1"/>
  <c r="AE27380" i="1"/>
  <c r="AE27381" i="1"/>
  <c r="AE27382" i="1"/>
  <c r="AE27383" i="1"/>
  <c r="AE27384" i="1"/>
  <c r="AE27385" i="1"/>
  <c r="AE27386" i="1"/>
  <c r="AE27387" i="1"/>
  <c r="AE27388" i="1"/>
  <c r="AE27389" i="1"/>
  <c r="AE27390" i="1"/>
  <c r="AE27391" i="1"/>
  <c r="AE27392" i="1"/>
  <c r="AE27393" i="1"/>
  <c r="AE27394" i="1"/>
  <c r="AE27395" i="1"/>
  <c r="AE27396" i="1"/>
  <c r="AE27397" i="1"/>
  <c r="AE27398" i="1"/>
  <c r="AE27399" i="1"/>
  <c r="AE27400" i="1"/>
  <c r="AE27401" i="1"/>
  <c r="AE27402" i="1"/>
  <c r="AE27403" i="1"/>
  <c r="AE27404" i="1"/>
  <c r="AE27405" i="1"/>
  <c r="AE27406" i="1"/>
  <c r="AE27407" i="1"/>
  <c r="AE27408" i="1"/>
  <c r="AE27409" i="1"/>
  <c r="AE27410" i="1"/>
  <c r="AE27411" i="1"/>
  <c r="AE27412" i="1"/>
  <c r="AE27413" i="1"/>
  <c r="AE27414" i="1"/>
  <c r="AE27415" i="1"/>
  <c r="AE27416" i="1"/>
  <c r="AE27417" i="1"/>
  <c r="AE27418" i="1"/>
  <c r="AE27419" i="1"/>
  <c r="AE27420" i="1"/>
  <c r="AE27421" i="1"/>
  <c r="AE27422" i="1"/>
  <c r="AE27423" i="1"/>
  <c r="AE27424" i="1"/>
  <c r="AE27425" i="1"/>
  <c r="AE27426" i="1"/>
  <c r="AE27427" i="1"/>
  <c r="AE27428" i="1"/>
  <c r="AE27429" i="1"/>
  <c r="AE27430" i="1"/>
  <c r="AE27431" i="1"/>
  <c r="AE27432" i="1"/>
  <c r="AE27433" i="1"/>
  <c r="AE27434" i="1"/>
  <c r="AE27435" i="1"/>
  <c r="AE27436" i="1"/>
  <c r="AE27437" i="1"/>
  <c r="AE27438" i="1"/>
  <c r="AE27439" i="1"/>
  <c r="AE27440" i="1"/>
  <c r="AE27441" i="1"/>
  <c r="AE27442" i="1"/>
  <c r="AE27443" i="1"/>
  <c r="AE27444" i="1"/>
  <c r="AE27445" i="1"/>
  <c r="AE27446" i="1"/>
  <c r="AE27447" i="1"/>
  <c r="AE27448" i="1"/>
  <c r="AE27449" i="1"/>
  <c r="AE27450" i="1"/>
  <c r="AE27451" i="1"/>
  <c r="AE27452" i="1"/>
  <c r="AE27453" i="1"/>
  <c r="AE27454" i="1"/>
  <c r="AE27455" i="1"/>
  <c r="AE27456" i="1"/>
  <c r="AE27457" i="1"/>
  <c r="AE27458" i="1"/>
  <c r="AE27459" i="1"/>
  <c r="AE27460" i="1"/>
  <c r="AE27461" i="1"/>
  <c r="AE27462" i="1"/>
  <c r="AE27463" i="1"/>
  <c r="AE27464" i="1"/>
  <c r="AE27465" i="1"/>
  <c r="AE27466" i="1"/>
  <c r="AE27467" i="1"/>
  <c r="AE27468" i="1"/>
  <c r="AE27469" i="1"/>
  <c r="AE27470" i="1"/>
  <c r="AE27471" i="1"/>
  <c r="AE27472" i="1"/>
  <c r="AE27473" i="1"/>
  <c r="AE27474" i="1"/>
  <c r="AE27475" i="1"/>
  <c r="AE27476" i="1"/>
  <c r="AE27477" i="1"/>
  <c r="AE27478" i="1"/>
  <c r="AE27479" i="1"/>
  <c r="AE27480" i="1"/>
  <c r="AE27481" i="1"/>
  <c r="AE27482" i="1"/>
  <c r="AE27483" i="1"/>
  <c r="AE27484" i="1"/>
  <c r="AE27485" i="1"/>
  <c r="AE27486" i="1"/>
  <c r="AE27487" i="1"/>
  <c r="AE27488" i="1"/>
  <c r="AE27489" i="1"/>
  <c r="AE27490" i="1"/>
  <c r="AE27491" i="1"/>
  <c r="AE27492" i="1"/>
  <c r="AE27493" i="1"/>
  <c r="AE27494" i="1"/>
  <c r="AE27495" i="1"/>
  <c r="AE27496" i="1"/>
  <c r="AE27497" i="1"/>
  <c r="AE27498" i="1"/>
  <c r="AE27499" i="1"/>
  <c r="AE27500" i="1"/>
  <c r="AE27501" i="1"/>
  <c r="AE27502" i="1"/>
  <c r="AE27503" i="1"/>
  <c r="AE27504" i="1"/>
  <c r="AE27505" i="1"/>
  <c r="AE27506" i="1"/>
  <c r="AE27507" i="1"/>
  <c r="AE27508" i="1"/>
  <c r="AE27509" i="1"/>
  <c r="AE27510" i="1"/>
  <c r="AE27511" i="1"/>
  <c r="AE27512" i="1"/>
  <c r="AE27513" i="1"/>
  <c r="AE27514" i="1"/>
  <c r="AE27515" i="1"/>
  <c r="AE27516" i="1"/>
  <c r="AE27517" i="1"/>
  <c r="AE27518" i="1"/>
  <c r="AE27519" i="1"/>
  <c r="AE27520" i="1"/>
  <c r="AE27521" i="1"/>
  <c r="AE27522" i="1"/>
  <c r="AE27523" i="1"/>
  <c r="AE27524" i="1"/>
  <c r="AE27525" i="1"/>
  <c r="AE27526" i="1"/>
  <c r="AE27527" i="1"/>
  <c r="AE27528" i="1"/>
  <c r="AE27529" i="1"/>
  <c r="AE27530" i="1"/>
  <c r="AE27531" i="1"/>
  <c r="AE27532" i="1"/>
  <c r="AE27533" i="1"/>
  <c r="AE27534" i="1"/>
  <c r="AE27535" i="1"/>
  <c r="AE27536" i="1"/>
  <c r="AE27537" i="1"/>
  <c r="AE27538" i="1"/>
  <c r="AE27539" i="1"/>
  <c r="AE27540" i="1"/>
  <c r="AE27541" i="1"/>
  <c r="AE27542" i="1"/>
  <c r="AE27543" i="1"/>
  <c r="AE27544" i="1"/>
  <c r="AE27545" i="1"/>
  <c r="AE27546" i="1"/>
  <c r="AE27547" i="1"/>
  <c r="AE27548" i="1"/>
  <c r="AE27549" i="1"/>
  <c r="AE27550" i="1"/>
  <c r="AE27551" i="1"/>
  <c r="AE27552" i="1"/>
  <c r="AE27553" i="1"/>
  <c r="AE27554" i="1"/>
  <c r="AE27555" i="1"/>
  <c r="AE27556" i="1"/>
  <c r="AE27557" i="1"/>
  <c r="AE27558" i="1"/>
  <c r="AE27559" i="1"/>
  <c r="AE27560" i="1"/>
  <c r="AE27561" i="1"/>
  <c r="AE27562" i="1"/>
  <c r="AE27563" i="1"/>
  <c r="AE27564" i="1"/>
  <c r="AE27565" i="1"/>
  <c r="AE27566" i="1"/>
  <c r="AE27567" i="1"/>
  <c r="AE27568" i="1"/>
  <c r="AE27569" i="1"/>
  <c r="AE27570" i="1"/>
  <c r="AE27571" i="1"/>
  <c r="AE27572" i="1"/>
  <c r="AE27573" i="1"/>
  <c r="AE27574" i="1"/>
  <c r="AE27575" i="1"/>
  <c r="AE27576" i="1"/>
  <c r="AE27577" i="1"/>
  <c r="AE27578" i="1"/>
  <c r="AE27579" i="1"/>
  <c r="AE27580" i="1"/>
  <c r="AE27581" i="1"/>
  <c r="AE27582" i="1"/>
  <c r="AE27583" i="1"/>
  <c r="AE27584" i="1"/>
  <c r="AE27585" i="1"/>
  <c r="AE27586" i="1"/>
  <c r="AE27587" i="1"/>
  <c r="AE27588" i="1"/>
  <c r="AE27589" i="1"/>
  <c r="AE27590" i="1"/>
  <c r="AE27591" i="1"/>
  <c r="AE27592" i="1"/>
  <c r="AE27593" i="1"/>
  <c r="AE27594" i="1"/>
  <c r="AE27595" i="1"/>
  <c r="AE27596" i="1"/>
  <c r="AE27597" i="1"/>
  <c r="AE27598" i="1"/>
  <c r="AE27599" i="1"/>
  <c r="AE27600" i="1"/>
  <c r="AE27601" i="1"/>
  <c r="AE27602" i="1"/>
  <c r="AE27603" i="1"/>
  <c r="AE27604" i="1"/>
  <c r="AE27605" i="1"/>
  <c r="AE27606" i="1"/>
  <c r="AE27607" i="1"/>
  <c r="AE27608" i="1"/>
  <c r="AE27609" i="1"/>
  <c r="AE27610" i="1"/>
  <c r="AE27611" i="1"/>
  <c r="AE27612" i="1"/>
  <c r="AE27613" i="1"/>
  <c r="AE27614" i="1"/>
  <c r="AE27615" i="1"/>
  <c r="AE27616" i="1"/>
  <c r="AE27617" i="1"/>
  <c r="AE27618" i="1"/>
  <c r="AE27619" i="1"/>
  <c r="AE27620" i="1"/>
  <c r="AE27621" i="1"/>
  <c r="AE27622" i="1"/>
  <c r="AE27623" i="1"/>
  <c r="AE27624" i="1"/>
  <c r="AE27625" i="1"/>
  <c r="AE27626" i="1"/>
  <c r="AE27627" i="1"/>
  <c r="AE27628" i="1"/>
  <c r="AE27629" i="1"/>
  <c r="AE27630" i="1"/>
  <c r="AE27631" i="1"/>
  <c r="AE27632" i="1"/>
  <c r="AE27633" i="1"/>
  <c r="AE27634" i="1"/>
  <c r="AE27635" i="1"/>
  <c r="AE27636" i="1"/>
  <c r="AE27637" i="1"/>
  <c r="AE27638" i="1"/>
  <c r="AE27639" i="1"/>
  <c r="AE27640" i="1"/>
  <c r="AE27641" i="1"/>
  <c r="AE27642" i="1"/>
  <c r="AE27643" i="1"/>
  <c r="AE27644" i="1"/>
  <c r="AE27645" i="1"/>
  <c r="AE27646" i="1"/>
  <c r="AE27647" i="1"/>
  <c r="AE27648" i="1"/>
  <c r="AE27649" i="1"/>
  <c r="AE27650" i="1"/>
  <c r="AE27651" i="1"/>
  <c r="AE27652" i="1"/>
  <c r="AE27653" i="1"/>
  <c r="AE27654" i="1"/>
  <c r="AE27655" i="1"/>
  <c r="AE27656" i="1"/>
  <c r="AE27657" i="1"/>
  <c r="AE27658" i="1"/>
  <c r="AE27659" i="1"/>
  <c r="AE27660" i="1"/>
  <c r="AE27661" i="1"/>
  <c r="AE27662" i="1"/>
  <c r="AE27663" i="1"/>
  <c r="AE27664" i="1"/>
  <c r="AE27665" i="1"/>
  <c r="AE27666" i="1"/>
  <c r="AE27667" i="1"/>
  <c r="AE27668" i="1"/>
  <c r="AE27669" i="1"/>
  <c r="AE27670" i="1"/>
  <c r="AE27671" i="1"/>
  <c r="AE27672" i="1"/>
  <c r="AE27673" i="1"/>
  <c r="AE27674" i="1"/>
  <c r="AE27675" i="1"/>
  <c r="AE27676" i="1"/>
  <c r="AE27677" i="1"/>
  <c r="AE27678" i="1"/>
  <c r="AE27679" i="1"/>
  <c r="AE27680" i="1"/>
  <c r="AE27681" i="1"/>
  <c r="AE27682" i="1"/>
  <c r="AE27683" i="1"/>
  <c r="AE27684" i="1"/>
  <c r="AE27685" i="1"/>
  <c r="AE27686" i="1"/>
  <c r="AE27687" i="1"/>
  <c r="AE27688" i="1"/>
  <c r="AE27689" i="1"/>
  <c r="AE27690" i="1"/>
  <c r="AE27691" i="1"/>
  <c r="AE27692" i="1"/>
  <c r="AE27693" i="1"/>
  <c r="AE27694" i="1"/>
  <c r="AE27695" i="1"/>
  <c r="AE27696" i="1"/>
  <c r="AE27697" i="1"/>
  <c r="AE27698" i="1"/>
  <c r="AE27699" i="1"/>
  <c r="AE27700" i="1"/>
  <c r="AE27701" i="1"/>
  <c r="AE27702" i="1"/>
  <c r="AE27703" i="1"/>
  <c r="AE27704" i="1"/>
  <c r="AE27705" i="1"/>
  <c r="AE27706" i="1"/>
  <c r="AE27707" i="1"/>
  <c r="AE27708" i="1"/>
  <c r="AE27709" i="1"/>
  <c r="AE27710" i="1"/>
  <c r="AE27711" i="1"/>
  <c r="AE27712" i="1"/>
  <c r="AE27713" i="1"/>
  <c r="AE27714" i="1"/>
  <c r="AE27715" i="1"/>
  <c r="AE27716" i="1"/>
  <c r="AE27717" i="1"/>
  <c r="AE27718" i="1"/>
  <c r="AE27719" i="1"/>
  <c r="AE27720" i="1"/>
  <c r="AE27721" i="1"/>
  <c r="AE27722" i="1"/>
  <c r="AE27723" i="1"/>
  <c r="AE27724" i="1"/>
  <c r="AE27725" i="1"/>
  <c r="AE27726" i="1"/>
  <c r="AE27727" i="1"/>
  <c r="AE27728" i="1"/>
  <c r="AE27729" i="1"/>
  <c r="AE27730" i="1"/>
  <c r="AE27731" i="1"/>
  <c r="AE27732" i="1"/>
  <c r="AE27733" i="1"/>
  <c r="AE27734" i="1"/>
  <c r="AE27735" i="1"/>
  <c r="AE27736" i="1"/>
  <c r="AE27737" i="1"/>
  <c r="AE27738" i="1"/>
  <c r="AE27739" i="1"/>
  <c r="AE27740" i="1"/>
  <c r="AE27741" i="1"/>
  <c r="AE27742" i="1"/>
  <c r="AE27743" i="1"/>
  <c r="AE27744" i="1"/>
  <c r="AE27745" i="1"/>
  <c r="AE27746" i="1"/>
  <c r="AE27747" i="1"/>
  <c r="AE27748" i="1"/>
  <c r="AE27749" i="1"/>
  <c r="AE27750" i="1"/>
  <c r="AE27751" i="1"/>
  <c r="AE27752" i="1"/>
  <c r="AE27753" i="1"/>
  <c r="AE27754" i="1"/>
  <c r="AE27755" i="1"/>
  <c r="AE27756" i="1"/>
  <c r="AE27757" i="1"/>
  <c r="AE27758" i="1"/>
  <c r="AE27759" i="1"/>
  <c r="AE27760" i="1"/>
  <c r="AE27761" i="1"/>
  <c r="AE27762" i="1"/>
  <c r="AE27763" i="1"/>
  <c r="AE27764" i="1"/>
  <c r="AE27765" i="1"/>
  <c r="AE27766" i="1"/>
  <c r="AE27767" i="1"/>
  <c r="AE27768" i="1"/>
  <c r="AE27769" i="1"/>
  <c r="AE27770" i="1"/>
  <c r="AE27771" i="1"/>
  <c r="AE27772" i="1"/>
  <c r="AE27773" i="1"/>
  <c r="AE27774" i="1"/>
  <c r="AE27775" i="1"/>
  <c r="AE27776" i="1"/>
  <c r="AE27777" i="1"/>
  <c r="AE27778" i="1"/>
  <c r="AE27779" i="1"/>
  <c r="AE27780" i="1"/>
  <c r="AE27781" i="1"/>
  <c r="AE27782" i="1"/>
  <c r="AE27783" i="1"/>
  <c r="AE27784" i="1"/>
  <c r="AE27785" i="1"/>
  <c r="AE27786" i="1"/>
  <c r="AE27787" i="1"/>
  <c r="AE27788" i="1"/>
  <c r="AE27789" i="1"/>
  <c r="AE27790" i="1"/>
  <c r="AE27791" i="1"/>
  <c r="AE27792" i="1"/>
  <c r="AE27793" i="1"/>
  <c r="AE27794" i="1"/>
  <c r="AE27795" i="1"/>
  <c r="AE27796" i="1"/>
  <c r="AE27797" i="1"/>
  <c r="AE27798" i="1"/>
  <c r="AE27799" i="1"/>
  <c r="AE27800" i="1"/>
  <c r="AE27801" i="1"/>
  <c r="AE27802" i="1"/>
  <c r="AE27803" i="1"/>
  <c r="AE27804" i="1"/>
  <c r="AE27805" i="1"/>
  <c r="AE27806" i="1"/>
  <c r="AE27807" i="1"/>
  <c r="AE27808" i="1"/>
  <c r="AE27809" i="1"/>
  <c r="AE27810" i="1"/>
  <c r="AE27811" i="1"/>
  <c r="AE27812" i="1"/>
  <c r="AE27813" i="1"/>
  <c r="AE27814" i="1"/>
  <c r="AE27815" i="1"/>
  <c r="AE27816" i="1"/>
  <c r="AE27817" i="1"/>
  <c r="AE27818" i="1"/>
  <c r="AE27819" i="1"/>
  <c r="AE27820" i="1"/>
  <c r="AE27821" i="1"/>
  <c r="AE27822" i="1"/>
  <c r="AE27823" i="1"/>
  <c r="AE27824" i="1"/>
  <c r="AE27825" i="1"/>
  <c r="AE27826" i="1"/>
  <c r="AE27827" i="1"/>
  <c r="AE27828" i="1"/>
  <c r="AE27829" i="1"/>
  <c r="AE27830" i="1"/>
  <c r="AE27831" i="1"/>
  <c r="AE27832" i="1"/>
  <c r="AE27833" i="1"/>
  <c r="AE27834" i="1"/>
  <c r="AE27835" i="1"/>
  <c r="AE27836" i="1"/>
  <c r="AE27837" i="1"/>
  <c r="AE27838" i="1"/>
  <c r="AE27839" i="1"/>
  <c r="AE27840" i="1"/>
  <c r="AE27841" i="1"/>
  <c r="AE27842" i="1"/>
  <c r="AE27843" i="1"/>
  <c r="AE27844" i="1"/>
  <c r="AE27845" i="1"/>
  <c r="AE27846" i="1"/>
  <c r="AE27847" i="1"/>
  <c r="AE27848" i="1"/>
  <c r="AE27849" i="1"/>
  <c r="AE27850" i="1"/>
  <c r="AE27851" i="1"/>
  <c r="AE27852" i="1"/>
  <c r="AE27853" i="1"/>
  <c r="AE27854" i="1"/>
  <c r="AE27855" i="1"/>
  <c r="AE27856" i="1"/>
  <c r="AE27857" i="1"/>
  <c r="AE27858" i="1"/>
  <c r="AE27859" i="1"/>
  <c r="AE27860" i="1"/>
  <c r="AE27861" i="1"/>
  <c r="AE27862" i="1"/>
  <c r="AE27863" i="1"/>
  <c r="AE27864" i="1"/>
  <c r="AE27865" i="1"/>
  <c r="AE27866" i="1"/>
  <c r="AE27867" i="1"/>
  <c r="AE27868" i="1"/>
  <c r="AE27869" i="1"/>
  <c r="AE27870" i="1"/>
  <c r="AE27871" i="1"/>
  <c r="AE27872" i="1"/>
  <c r="AE27873" i="1"/>
  <c r="AE27874" i="1"/>
  <c r="AE27875" i="1"/>
  <c r="AE27876" i="1"/>
  <c r="AE27877" i="1"/>
  <c r="AE27878" i="1"/>
  <c r="AE27879" i="1"/>
  <c r="AE27880" i="1"/>
  <c r="AE27881" i="1"/>
  <c r="AE27882" i="1"/>
  <c r="AE27883" i="1"/>
  <c r="AE27884" i="1"/>
  <c r="AE27885" i="1"/>
  <c r="AE27886" i="1"/>
  <c r="AE27887" i="1"/>
  <c r="AE27888" i="1"/>
  <c r="AE27889" i="1"/>
  <c r="AE27890" i="1"/>
  <c r="AE27891" i="1"/>
  <c r="AE27892" i="1"/>
  <c r="AE27893" i="1"/>
  <c r="AE27894" i="1"/>
  <c r="AE27895" i="1"/>
  <c r="AE27896" i="1"/>
  <c r="AE27897" i="1"/>
  <c r="AE27898" i="1"/>
  <c r="AE27899" i="1"/>
  <c r="AE27900" i="1"/>
  <c r="AE27901" i="1"/>
  <c r="AE27902" i="1"/>
  <c r="AE27903" i="1"/>
  <c r="AE27904" i="1"/>
  <c r="AE27905" i="1"/>
  <c r="AE27906" i="1"/>
  <c r="AE27907" i="1"/>
  <c r="AE27908" i="1"/>
  <c r="AE27909" i="1"/>
  <c r="AE27910" i="1"/>
  <c r="AE27911" i="1"/>
  <c r="AE27912" i="1"/>
  <c r="AE27913" i="1"/>
  <c r="AE27914" i="1"/>
  <c r="AE27915" i="1"/>
  <c r="AE27916" i="1"/>
  <c r="AE27917" i="1"/>
  <c r="AE27918" i="1"/>
  <c r="AE27919" i="1"/>
  <c r="AE27920" i="1"/>
  <c r="AE27921" i="1"/>
  <c r="AE27922" i="1"/>
  <c r="AE27923" i="1"/>
  <c r="AE27924" i="1"/>
  <c r="AE27925" i="1"/>
  <c r="AE27926" i="1"/>
  <c r="AE27927" i="1"/>
  <c r="AE27928" i="1"/>
  <c r="AE27929" i="1"/>
  <c r="AE27930" i="1"/>
  <c r="AE27931" i="1"/>
  <c r="AE27932" i="1"/>
  <c r="AE27933" i="1"/>
  <c r="AE27934" i="1"/>
  <c r="AE27935" i="1"/>
  <c r="AE27936" i="1"/>
  <c r="AE27937" i="1"/>
  <c r="AE27938" i="1"/>
  <c r="AE27939" i="1"/>
  <c r="AE27940" i="1"/>
  <c r="AE27941" i="1"/>
  <c r="AE27942" i="1"/>
  <c r="AE27943" i="1"/>
  <c r="AE27944" i="1"/>
  <c r="AE27945" i="1"/>
  <c r="AE27946" i="1"/>
  <c r="AE27947" i="1"/>
  <c r="AE27948" i="1"/>
  <c r="AE27949" i="1"/>
  <c r="AE27950" i="1"/>
  <c r="AE27951" i="1"/>
  <c r="AE27952" i="1"/>
  <c r="AE27953" i="1"/>
  <c r="AE27954" i="1"/>
  <c r="AE27955" i="1"/>
  <c r="AE27956" i="1"/>
  <c r="AE27957" i="1"/>
  <c r="AE27958" i="1"/>
  <c r="AE27959" i="1"/>
  <c r="AE27960" i="1"/>
  <c r="AE27961" i="1"/>
  <c r="AE27962" i="1"/>
  <c r="AE27963" i="1"/>
  <c r="AE27964" i="1"/>
  <c r="AE27965" i="1"/>
  <c r="AE27966" i="1"/>
  <c r="AE27967" i="1"/>
  <c r="AE27968" i="1"/>
  <c r="AE27969" i="1"/>
  <c r="AE27970" i="1"/>
  <c r="AE27971" i="1"/>
  <c r="AE27972" i="1"/>
  <c r="AE27973" i="1"/>
  <c r="AE27974" i="1"/>
  <c r="AE27975" i="1"/>
  <c r="AE27976" i="1"/>
  <c r="AE27977" i="1"/>
  <c r="AE27978" i="1"/>
  <c r="AE27979" i="1"/>
  <c r="AE27980" i="1"/>
  <c r="AE27981" i="1"/>
  <c r="AE27982" i="1"/>
  <c r="AE27983" i="1"/>
  <c r="AE27984" i="1"/>
  <c r="AE27985" i="1"/>
  <c r="AE27986" i="1"/>
  <c r="AE27987" i="1"/>
  <c r="AE27988" i="1"/>
  <c r="AE27989" i="1"/>
  <c r="AE27990" i="1"/>
  <c r="AE27991" i="1"/>
  <c r="AE27992" i="1"/>
  <c r="AE27993" i="1"/>
  <c r="AE27994" i="1"/>
  <c r="AE27995" i="1"/>
  <c r="AE27996" i="1"/>
  <c r="AE27997" i="1"/>
  <c r="AE27998" i="1"/>
  <c r="AE27999" i="1"/>
  <c r="AE28000" i="1"/>
  <c r="AE28001" i="1"/>
  <c r="AE28002" i="1"/>
  <c r="AE28003" i="1"/>
  <c r="AE28004" i="1"/>
  <c r="AE28005" i="1"/>
  <c r="AE28006" i="1"/>
  <c r="AE28007" i="1"/>
  <c r="AE28008" i="1"/>
  <c r="AE28009" i="1"/>
  <c r="AE28010" i="1"/>
  <c r="AE28011" i="1"/>
  <c r="AE28012" i="1"/>
  <c r="AE28013" i="1"/>
  <c r="AE28014" i="1"/>
  <c r="AE28015" i="1"/>
  <c r="AE28016" i="1"/>
  <c r="AE28017" i="1"/>
  <c r="AE28018" i="1"/>
  <c r="AE28019" i="1"/>
  <c r="AE28020" i="1"/>
  <c r="AE28021" i="1"/>
  <c r="AE28022" i="1"/>
  <c r="AE28023" i="1"/>
  <c r="AE28024" i="1"/>
  <c r="AE28025" i="1"/>
  <c r="AE28026" i="1"/>
  <c r="AE28027" i="1"/>
  <c r="AE28028" i="1"/>
  <c r="AE28029" i="1"/>
  <c r="AE28030" i="1"/>
  <c r="AE28031" i="1"/>
  <c r="AE28032" i="1"/>
  <c r="AE28033" i="1"/>
  <c r="AE28034" i="1"/>
  <c r="AE28035" i="1"/>
  <c r="AE28036" i="1"/>
  <c r="AE28037" i="1"/>
  <c r="AE28038" i="1"/>
  <c r="AE28039" i="1"/>
  <c r="AE28040" i="1"/>
  <c r="AE28041" i="1"/>
  <c r="AE28042" i="1"/>
  <c r="AE28043" i="1"/>
  <c r="AE28044" i="1"/>
  <c r="AE28045" i="1"/>
  <c r="AE28046" i="1"/>
  <c r="AE28047" i="1"/>
  <c r="AE28048" i="1"/>
  <c r="AE28049" i="1"/>
  <c r="AE28050" i="1"/>
  <c r="AE28051" i="1"/>
  <c r="AE28052" i="1"/>
  <c r="AE28053" i="1"/>
  <c r="AE28054" i="1"/>
  <c r="AE28055" i="1"/>
  <c r="AE28056" i="1"/>
  <c r="AE28057" i="1"/>
  <c r="AE28058" i="1"/>
  <c r="AE28059" i="1"/>
  <c r="AE28060" i="1"/>
  <c r="AE28061" i="1"/>
  <c r="AE28062" i="1"/>
  <c r="AE28063" i="1"/>
  <c r="AE28064" i="1"/>
  <c r="AE28065" i="1"/>
  <c r="AE28066" i="1"/>
  <c r="AE28067" i="1"/>
  <c r="AE28068" i="1"/>
  <c r="AE28069" i="1"/>
  <c r="AE28070" i="1"/>
  <c r="AE28071" i="1"/>
  <c r="AE28072" i="1"/>
  <c r="AE28073" i="1"/>
  <c r="AE28074" i="1"/>
  <c r="AE28075" i="1"/>
  <c r="AE28076" i="1"/>
  <c r="AE28077" i="1"/>
  <c r="AE28078" i="1"/>
  <c r="AE28079" i="1"/>
  <c r="AE28080" i="1"/>
  <c r="AE28081" i="1"/>
  <c r="AE28082" i="1"/>
  <c r="AE28083" i="1"/>
  <c r="AE28084" i="1"/>
  <c r="AE28085" i="1"/>
  <c r="AE28086" i="1"/>
  <c r="AE28087" i="1"/>
  <c r="AE28088" i="1"/>
  <c r="AE28089" i="1"/>
  <c r="AE28090" i="1"/>
  <c r="AE28091" i="1"/>
  <c r="AE28092" i="1"/>
  <c r="AE28093" i="1"/>
  <c r="AE28094" i="1"/>
  <c r="AE28095" i="1"/>
  <c r="AE28096" i="1"/>
  <c r="AE28097" i="1"/>
  <c r="AE28098" i="1"/>
  <c r="AE28099" i="1"/>
  <c r="AE28100" i="1"/>
  <c r="AE28101" i="1"/>
  <c r="AE28102" i="1"/>
  <c r="AE28103" i="1"/>
  <c r="AE28104" i="1"/>
  <c r="AE28105" i="1"/>
  <c r="AE28106" i="1"/>
  <c r="AE28107" i="1"/>
  <c r="AE28108" i="1"/>
  <c r="AE28109" i="1"/>
  <c r="AE28110" i="1"/>
  <c r="AE28111" i="1"/>
  <c r="AE28112" i="1"/>
  <c r="AE28113" i="1"/>
  <c r="AE28114" i="1"/>
  <c r="AE28115" i="1"/>
  <c r="AE28116" i="1"/>
  <c r="AE28117" i="1"/>
  <c r="AE28118" i="1"/>
  <c r="AE28119" i="1"/>
  <c r="AE28120" i="1"/>
  <c r="AE28121" i="1"/>
  <c r="AE28122" i="1"/>
  <c r="AE28123" i="1"/>
  <c r="AE28124" i="1"/>
  <c r="AE28125" i="1"/>
  <c r="AE28126" i="1"/>
  <c r="AE28127" i="1"/>
  <c r="AE28128" i="1"/>
  <c r="AE28129" i="1"/>
  <c r="AE28130" i="1"/>
  <c r="AE28131" i="1"/>
  <c r="AE28132" i="1"/>
  <c r="AE28133" i="1"/>
  <c r="AE28134" i="1"/>
  <c r="AE28135" i="1"/>
  <c r="AE28136" i="1"/>
  <c r="AE28137" i="1"/>
  <c r="AE28138" i="1"/>
  <c r="AE28139" i="1"/>
  <c r="AE28140" i="1"/>
  <c r="AE28141" i="1"/>
  <c r="AE28142" i="1"/>
  <c r="AE28143" i="1"/>
  <c r="AE28144" i="1"/>
  <c r="AE28145" i="1"/>
  <c r="AE28146" i="1"/>
  <c r="AE28147" i="1"/>
  <c r="AE28148" i="1"/>
  <c r="AE28149" i="1"/>
  <c r="AE28150" i="1"/>
  <c r="AE28151" i="1"/>
  <c r="AE28152" i="1"/>
  <c r="AE28153" i="1"/>
  <c r="AE28154" i="1"/>
  <c r="AE28155" i="1"/>
  <c r="AE28156" i="1"/>
  <c r="AE28157" i="1"/>
  <c r="AE28158" i="1"/>
  <c r="AE28159" i="1"/>
  <c r="AE28160" i="1"/>
  <c r="AE28161" i="1"/>
  <c r="AE28162" i="1"/>
  <c r="AE28163" i="1"/>
  <c r="AE28164" i="1"/>
  <c r="AE28165" i="1"/>
  <c r="AE28166" i="1"/>
  <c r="AE28167" i="1"/>
  <c r="AE28168" i="1"/>
  <c r="AE28169" i="1"/>
  <c r="AE28170" i="1"/>
  <c r="AE28171" i="1"/>
  <c r="AE28172" i="1"/>
  <c r="AE28173" i="1"/>
  <c r="AE28174" i="1"/>
  <c r="AE28175" i="1"/>
  <c r="AE28176" i="1"/>
  <c r="AE28177" i="1"/>
  <c r="AE28178" i="1"/>
  <c r="AE28179" i="1"/>
  <c r="AE28180" i="1"/>
  <c r="AE28181" i="1"/>
  <c r="AE28182" i="1"/>
  <c r="AE28183" i="1"/>
  <c r="AE28184" i="1"/>
  <c r="AE28185" i="1"/>
  <c r="AE28186" i="1"/>
  <c r="AE28187" i="1"/>
  <c r="AE28188" i="1"/>
  <c r="AE28189" i="1"/>
  <c r="AE28190" i="1"/>
  <c r="AE28191" i="1"/>
  <c r="AE28192" i="1"/>
  <c r="AE28193" i="1"/>
  <c r="AE28194" i="1"/>
  <c r="AE28195" i="1"/>
  <c r="AE28196" i="1"/>
  <c r="AE28197" i="1"/>
  <c r="AE28198" i="1"/>
  <c r="AE28199" i="1"/>
  <c r="AE28200" i="1"/>
  <c r="AE28201" i="1"/>
  <c r="AE28202" i="1"/>
  <c r="AE28203" i="1"/>
  <c r="AE28204" i="1"/>
  <c r="AE28205" i="1"/>
  <c r="AE28206" i="1"/>
  <c r="AE28207" i="1"/>
  <c r="AE28208" i="1"/>
  <c r="AE28209" i="1"/>
  <c r="AE28210" i="1"/>
  <c r="AE28211" i="1"/>
  <c r="AE28212" i="1"/>
  <c r="AE28213" i="1"/>
  <c r="AE28214" i="1"/>
  <c r="AE28215" i="1"/>
  <c r="AE28216" i="1"/>
  <c r="AE28217" i="1"/>
  <c r="AE28218" i="1"/>
  <c r="AE28219" i="1"/>
  <c r="AE28220" i="1"/>
  <c r="AE28221" i="1"/>
  <c r="AE28222" i="1"/>
  <c r="AE28223" i="1"/>
  <c r="AE28224" i="1"/>
  <c r="AE28225" i="1"/>
  <c r="AE28226" i="1"/>
  <c r="AE28227" i="1"/>
  <c r="AE28228" i="1"/>
  <c r="AE28229" i="1"/>
  <c r="AE28230" i="1"/>
  <c r="AE28231" i="1"/>
  <c r="AE28232" i="1"/>
  <c r="AE28233" i="1"/>
  <c r="AE28234" i="1"/>
  <c r="AE28235" i="1"/>
  <c r="AE28236" i="1"/>
  <c r="AE28237" i="1"/>
  <c r="AE28238" i="1"/>
  <c r="AE28239" i="1"/>
  <c r="AE28240" i="1"/>
  <c r="AE28241" i="1"/>
  <c r="AE28242" i="1"/>
  <c r="AE28243" i="1"/>
  <c r="AE28244" i="1"/>
  <c r="AE28245" i="1"/>
  <c r="AE28246" i="1"/>
  <c r="AE28247" i="1"/>
  <c r="AE28248" i="1"/>
  <c r="AE28249" i="1"/>
  <c r="AE28250" i="1"/>
  <c r="AE28251" i="1"/>
  <c r="AE28252" i="1"/>
  <c r="AE28253" i="1"/>
  <c r="AE28254" i="1"/>
  <c r="AE28255" i="1"/>
  <c r="AE28256" i="1"/>
  <c r="AE28257" i="1"/>
  <c r="AE28258" i="1"/>
  <c r="AE28259" i="1"/>
  <c r="AE28260" i="1"/>
  <c r="AE28261" i="1"/>
  <c r="AE28262" i="1"/>
  <c r="AE28263" i="1"/>
  <c r="AE28264" i="1"/>
  <c r="AE28265" i="1"/>
  <c r="AE28266" i="1"/>
  <c r="AE28267" i="1"/>
  <c r="AE28268" i="1"/>
  <c r="AE28269" i="1"/>
  <c r="AE28270" i="1"/>
  <c r="AE28271" i="1"/>
  <c r="AE28272" i="1"/>
  <c r="AE28273" i="1"/>
  <c r="AE28274" i="1"/>
  <c r="AE28275" i="1"/>
  <c r="AE28276" i="1"/>
  <c r="AE28277" i="1"/>
  <c r="AE28278" i="1"/>
  <c r="AE28279" i="1"/>
  <c r="AE28280" i="1"/>
  <c r="AE28281" i="1"/>
  <c r="AE28282" i="1"/>
  <c r="AE28283" i="1"/>
  <c r="AE28284" i="1"/>
  <c r="AE28285" i="1"/>
  <c r="AE28286" i="1"/>
  <c r="AE28287" i="1"/>
  <c r="AE28288" i="1"/>
  <c r="AE28289" i="1"/>
  <c r="AE28290" i="1"/>
  <c r="AE28291" i="1"/>
  <c r="AE28292" i="1"/>
  <c r="AE28293" i="1"/>
  <c r="AE28294" i="1"/>
  <c r="AE28295" i="1"/>
  <c r="AE28296" i="1"/>
  <c r="AE28297" i="1"/>
  <c r="AE28298" i="1"/>
  <c r="AE28299" i="1"/>
  <c r="AE28300" i="1"/>
  <c r="AE28301" i="1"/>
  <c r="AE28302" i="1"/>
  <c r="AE28303" i="1"/>
  <c r="AE28304" i="1"/>
  <c r="AE28305" i="1"/>
  <c r="AE28306" i="1"/>
  <c r="AE28307" i="1"/>
  <c r="AE28308" i="1"/>
  <c r="AE28309" i="1"/>
  <c r="AE28310" i="1"/>
  <c r="AE28311" i="1"/>
  <c r="AE28312" i="1"/>
  <c r="AE28313" i="1"/>
  <c r="AE28314" i="1"/>
  <c r="AE28315" i="1"/>
  <c r="AE28316" i="1"/>
  <c r="AE28317" i="1"/>
  <c r="AE28318" i="1"/>
  <c r="AE28319" i="1"/>
  <c r="AE28320" i="1"/>
  <c r="AE28321" i="1"/>
  <c r="AE28322" i="1"/>
  <c r="AE28323" i="1"/>
  <c r="AE28324" i="1"/>
  <c r="AE28325" i="1"/>
  <c r="AE28326" i="1"/>
  <c r="AE28327" i="1"/>
  <c r="AE28328" i="1"/>
  <c r="AE28329" i="1"/>
  <c r="AE28330" i="1"/>
  <c r="AE28331" i="1"/>
  <c r="AE28332" i="1"/>
  <c r="AE28333" i="1"/>
  <c r="AE28334" i="1"/>
  <c r="AE28335" i="1"/>
  <c r="AE28336" i="1"/>
  <c r="AE28337" i="1"/>
  <c r="AE28338" i="1"/>
  <c r="AE28339" i="1"/>
  <c r="AE28340" i="1"/>
  <c r="AE28341" i="1"/>
  <c r="AE28342" i="1"/>
  <c r="AE28343" i="1"/>
  <c r="AE28344" i="1"/>
  <c r="AE28345" i="1"/>
  <c r="AE28346" i="1"/>
  <c r="AE28347" i="1"/>
  <c r="AE28348" i="1"/>
  <c r="AE28349" i="1"/>
  <c r="AE28350" i="1"/>
  <c r="AE28351" i="1"/>
  <c r="AE28352" i="1"/>
  <c r="AE28353" i="1"/>
  <c r="AE28354" i="1"/>
  <c r="AE28355" i="1"/>
  <c r="AE28356" i="1"/>
  <c r="AE28357" i="1"/>
  <c r="AE28358" i="1"/>
  <c r="AE28359" i="1"/>
  <c r="AE28360" i="1"/>
  <c r="AE28361" i="1"/>
  <c r="AE28362" i="1"/>
  <c r="AE28363" i="1"/>
  <c r="AE28364" i="1"/>
  <c r="AE28365" i="1"/>
  <c r="AE28366" i="1"/>
  <c r="AE28367" i="1"/>
  <c r="AE28368" i="1"/>
  <c r="AE28369" i="1"/>
  <c r="AE28370" i="1"/>
  <c r="AE28371" i="1"/>
  <c r="AE28372" i="1"/>
  <c r="AE28373" i="1"/>
  <c r="AE28374" i="1"/>
  <c r="AE28375" i="1"/>
  <c r="AE28376" i="1"/>
  <c r="AE28377" i="1"/>
  <c r="AE28378" i="1"/>
  <c r="AE28379" i="1"/>
  <c r="AE28380" i="1"/>
  <c r="AE28381" i="1"/>
  <c r="AE28382" i="1"/>
  <c r="AE28383" i="1"/>
  <c r="AE28384" i="1"/>
  <c r="AE28385" i="1"/>
  <c r="AE28386" i="1"/>
  <c r="AE28387" i="1"/>
  <c r="AE28388" i="1"/>
  <c r="AE28389" i="1"/>
  <c r="AE28390" i="1"/>
  <c r="AE28391" i="1"/>
  <c r="AE28392" i="1"/>
  <c r="AE28393" i="1"/>
  <c r="AE28394" i="1"/>
  <c r="AE28395" i="1"/>
  <c r="AE28396" i="1"/>
  <c r="AE28397" i="1"/>
  <c r="AE28398" i="1"/>
  <c r="AE28399" i="1"/>
  <c r="AE28400" i="1"/>
  <c r="AE28401" i="1"/>
  <c r="AE28402" i="1"/>
  <c r="AE28403" i="1"/>
  <c r="AE28404" i="1"/>
  <c r="AE28405" i="1"/>
  <c r="AE28406" i="1"/>
  <c r="AE28407" i="1"/>
  <c r="AE28408" i="1"/>
  <c r="AE28409" i="1"/>
  <c r="AE28410" i="1"/>
  <c r="AE28411" i="1"/>
  <c r="AE28412" i="1"/>
  <c r="AE28413" i="1"/>
  <c r="AE28414" i="1"/>
  <c r="AE28415" i="1"/>
  <c r="AE28416" i="1"/>
  <c r="AE28417" i="1"/>
  <c r="AE28418" i="1"/>
  <c r="AE28419" i="1"/>
  <c r="AE28420" i="1"/>
  <c r="AE28421" i="1"/>
  <c r="AE28422" i="1"/>
  <c r="AE28423" i="1"/>
  <c r="AE28424" i="1"/>
  <c r="AE28425" i="1"/>
  <c r="AE28426" i="1"/>
  <c r="AE28427" i="1"/>
  <c r="AE28428" i="1"/>
  <c r="AE28429" i="1"/>
  <c r="AE28430" i="1"/>
  <c r="AE28431" i="1"/>
  <c r="AE28432" i="1"/>
  <c r="AE28433" i="1"/>
  <c r="AE28434" i="1"/>
  <c r="AE28435" i="1"/>
  <c r="AE28436" i="1"/>
  <c r="AE28437" i="1"/>
  <c r="AE28438" i="1"/>
  <c r="AE28439" i="1"/>
  <c r="AE28440" i="1"/>
  <c r="AE28441" i="1"/>
  <c r="AE28442" i="1"/>
  <c r="AE28443" i="1"/>
  <c r="AE28444" i="1"/>
  <c r="AE28445" i="1"/>
  <c r="AE28446" i="1"/>
  <c r="AE28447" i="1"/>
  <c r="AE28448" i="1"/>
  <c r="AE28449" i="1"/>
  <c r="AE28450" i="1"/>
  <c r="AE28451" i="1"/>
  <c r="AE28452" i="1"/>
  <c r="AE28453" i="1"/>
  <c r="AE28454" i="1"/>
  <c r="AE28455" i="1"/>
  <c r="AE28456" i="1"/>
  <c r="AE28457" i="1"/>
  <c r="AE28458" i="1"/>
  <c r="AE28459" i="1"/>
  <c r="AE28460" i="1"/>
  <c r="AE28461" i="1"/>
  <c r="AE28462" i="1"/>
  <c r="AE28463" i="1"/>
  <c r="AE28464" i="1"/>
  <c r="AE28465" i="1"/>
  <c r="AE28466" i="1"/>
  <c r="AE28467" i="1"/>
  <c r="AE28468" i="1"/>
  <c r="AE28469" i="1"/>
  <c r="AE28470" i="1"/>
  <c r="AE28471" i="1"/>
  <c r="AE28472" i="1"/>
  <c r="AE28473" i="1"/>
  <c r="AE28474" i="1"/>
  <c r="AE28475" i="1"/>
  <c r="AE28476" i="1"/>
  <c r="AE28477" i="1"/>
  <c r="AE28478" i="1"/>
  <c r="AE28479" i="1"/>
  <c r="AE28480" i="1"/>
  <c r="AE28481" i="1"/>
  <c r="AE28482" i="1"/>
  <c r="AE28483" i="1"/>
  <c r="AE28484" i="1"/>
  <c r="AE28485" i="1"/>
  <c r="AE28486" i="1"/>
  <c r="AE28487" i="1"/>
  <c r="AE28488" i="1"/>
  <c r="AE28489" i="1"/>
  <c r="AE28490" i="1"/>
  <c r="AE28491" i="1"/>
  <c r="AE28492" i="1"/>
  <c r="AE28493" i="1"/>
  <c r="AE28494" i="1"/>
  <c r="AE28495" i="1"/>
  <c r="AE28496" i="1"/>
  <c r="AE28497" i="1"/>
  <c r="AE28498" i="1"/>
  <c r="AE28499" i="1"/>
  <c r="AE28500" i="1"/>
  <c r="AE28501" i="1"/>
  <c r="AE28502" i="1"/>
  <c r="AE28503" i="1"/>
  <c r="AE28504" i="1"/>
  <c r="AE28505" i="1"/>
  <c r="AE28506" i="1"/>
  <c r="AE28507" i="1"/>
  <c r="AE28508" i="1"/>
  <c r="AE28509" i="1"/>
  <c r="AE28510" i="1"/>
  <c r="AE28511" i="1"/>
  <c r="AE28512" i="1"/>
  <c r="AE28513" i="1"/>
  <c r="AE28514" i="1"/>
  <c r="AE28515" i="1"/>
  <c r="AE28516" i="1"/>
  <c r="AE28517" i="1"/>
  <c r="AE28518" i="1"/>
  <c r="AE28519" i="1"/>
  <c r="AE28520" i="1"/>
  <c r="AE28521" i="1"/>
  <c r="AE28522" i="1"/>
  <c r="AE28523" i="1"/>
  <c r="AE28524" i="1"/>
  <c r="AE28525" i="1"/>
  <c r="AE28526" i="1"/>
  <c r="AE28527" i="1"/>
  <c r="AE28528" i="1"/>
  <c r="AE28529" i="1"/>
  <c r="AE28530" i="1"/>
  <c r="AE28531" i="1"/>
  <c r="AE28532" i="1"/>
  <c r="AE28533" i="1"/>
  <c r="AE28534" i="1"/>
  <c r="AE28535" i="1"/>
  <c r="AE28536" i="1"/>
  <c r="AE28537" i="1"/>
  <c r="AE28538" i="1"/>
  <c r="AE28539" i="1"/>
  <c r="AE28540" i="1"/>
  <c r="AE28541" i="1"/>
  <c r="AE28542" i="1"/>
  <c r="AE28543" i="1"/>
  <c r="AE28544" i="1"/>
  <c r="AE28545" i="1"/>
  <c r="AE28546" i="1"/>
  <c r="AE28547" i="1"/>
  <c r="AE28548" i="1"/>
  <c r="AE28549" i="1"/>
  <c r="AE28550" i="1"/>
  <c r="AE28551" i="1"/>
  <c r="AE28552" i="1"/>
  <c r="AE28553" i="1"/>
  <c r="AE28554" i="1"/>
  <c r="AE28555" i="1"/>
  <c r="AE28556" i="1"/>
  <c r="AE28557" i="1"/>
  <c r="AE28558" i="1"/>
  <c r="AE28559" i="1"/>
  <c r="AE28560" i="1"/>
  <c r="AE28561" i="1"/>
  <c r="AE28562" i="1"/>
  <c r="AE28563" i="1"/>
  <c r="AE28564" i="1"/>
  <c r="AE28565" i="1"/>
  <c r="AE28566" i="1"/>
  <c r="AE28567" i="1"/>
  <c r="AE28568" i="1"/>
  <c r="AE28569" i="1"/>
  <c r="AE28570" i="1"/>
  <c r="AE28571" i="1"/>
  <c r="AE28572" i="1"/>
  <c r="AE28573" i="1"/>
  <c r="AE28574" i="1"/>
  <c r="AE28575" i="1"/>
  <c r="AE28576" i="1"/>
  <c r="AE28577" i="1"/>
  <c r="AE28578" i="1"/>
  <c r="AE28579" i="1"/>
  <c r="AE28580" i="1"/>
  <c r="AE28581" i="1"/>
  <c r="AE28582" i="1"/>
  <c r="AE28583" i="1"/>
  <c r="AE28584" i="1"/>
  <c r="AE28585" i="1"/>
  <c r="AE28586" i="1"/>
  <c r="AE28587" i="1"/>
  <c r="AE28588" i="1"/>
  <c r="AE28589" i="1"/>
  <c r="AE28590" i="1"/>
  <c r="AE28591" i="1"/>
  <c r="AE28592" i="1"/>
  <c r="AE28593" i="1"/>
  <c r="AE28594" i="1"/>
  <c r="AE28595" i="1"/>
  <c r="AE28596" i="1"/>
  <c r="AE28597" i="1"/>
  <c r="AE28598" i="1"/>
  <c r="AE28599" i="1"/>
  <c r="AE28600" i="1"/>
  <c r="AE28601" i="1"/>
  <c r="AE28602" i="1"/>
  <c r="AE28603" i="1"/>
  <c r="AE28604" i="1"/>
  <c r="AE28605" i="1"/>
  <c r="AE28606" i="1"/>
  <c r="AE28607" i="1"/>
  <c r="AE28608" i="1"/>
  <c r="AE28609" i="1"/>
  <c r="AE28610" i="1"/>
  <c r="AE28611" i="1"/>
  <c r="AE28612" i="1"/>
  <c r="AE28613" i="1"/>
  <c r="AE28614" i="1"/>
  <c r="AE28615" i="1"/>
  <c r="AE28616" i="1"/>
  <c r="AE28617" i="1"/>
  <c r="AE28618" i="1"/>
  <c r="AE28619" i="1"/>
  <c r="AE28620" i="1"/>
  <c r="AE28621" i="1"/>
  <c r="AE28622" i="1"/>
  <c r="AE28623" i="1"/>
  <c r="AE28624" i="1"/>
  <c r="AE28625" i="1"/>
  <c r="AE28626" i="1"/>
  <c r="AE28627" i="1"/>
  <c r="AE28628" i="1"/>
  <c r="AE28629" i="1"/>
  <c r="AE28630" i="1"/>
  <c r="AE28631" i="1"/>
  <c r="AE28632" i="1"/>
  <c r="AE28633" i="1"/>
  <c r="AE28634" i="1"/>
  <c r="AE28635" i="1"/>
  <c r="AE28636" i="1"/>
  <c r="AE28637" i="1"/>
  <c r="AE28638" i="1"/>
  <c r="AE28639" i="1"/>
  <c r="AE28640" i="1"/>
  <c r="AE28641" i="1"/>
  <c r="AE28642" i="1"/>
  <c r="AE28643" i="1"/>
  <c r="AE28644" i="1"/>
  <c r="AE28645" i="1"/>
  <c r="AE28646" i="1"/>
  <c r="AE28647" i="1"/>
  <c r="AE28648" i="1"/>
  <c r="AE28649" i="1"/>
  <c r="AE28650" i="1"/>
  <c r="AE28651" i="1"/>
  <c r="AE28652" i="1"/>
  <c r="AE28653" i="1"/>
  <c r="AE28654" i="1"/>
  <c r="AE28655" i="1"/>
  <c r="AE28656" i="1"/>
  <c r="AE28657" i="1"/>
  <c r="AE28658" i="1"/>
  <c r="AE28659" i="1"/>
  <c r="AE28660" i="1"/>
  <c r="AE28661" i="1"/>
  <c r="AE28662" i="1"/>
  <c r="AE28663" i="1"/>
  <c r="AE28664" i="1"/>
  <c r="AE28665" i="1"/>
  <c r="AE28666" i="1"/>
  <c r="AE28667" i="1"/>
  <c r="AE28668" i="1"/>
  <c r="AE28669" i="1"/>
  <c r="AE28670" i="1"/>
  <c r="AE28671" i="1"/>
  <c r="AE28672" i="1"/>
  <c r="AE28673" i="1"/>
  <c r="AE28674" i="1"/>
  <c r="AE28675" i="1"/>
  <c r="AE28676" i="1"/>
  <c r="AE28677" i="1"/>
  <c r="AE28678" i="1"/>
  <c r="AE28679" i="1"/>
  <c r="AE28680" i="1"/>
  <c r="AE28681" i="1"/>
  <c r="AE28682" i="1"/>
  <c r="AE28683" i="1"/>
  <c r="AE28684" i="1"/>
  <c r="AE28685" i="1"/>
  <c r="AE28686" i="1"/>
  <c r="AE28687" i="1"/>
  <c r="AE28688" i="1"/>
  <c r="AE28689" i="1"/>
  <c r="AE28690" i="1"/>
  <c r="AE28691" i="1"/>
  <c r="AE28692" i="1"/>
  <c r="AE28693" i="1"/>
  <c r="AE28694" i="1"/>
  <c r="AE28695" i="1"/>
  <c r="AE28696" i="1"/>
  <c r="AE28697" i="1"/>
  <c r="AE28698" i="1"/>
  <c r="AE28699" i="1"/>
  <c r="AE28700" i="1"/>
  <c r="AE28701" i="1"/>
  <c r="AE28702" i="1"/>
  <c r="AE28703" i="1"/>
  <c r="AE28704" i="1"/>
  <c r="AE28705" i="1"/>
  <c r="AE28706" i="1"/>
  <c r="AE28707" i="1"/>
  <c r="AE28708" i="1"/>
  <c r="AE28709" i="1"/>
  <c r="AE28710" i="1"/>
  <c r="AE28711" i="1"/>
  <c r="AE28712" i="1"/>
  <c r="AE28713" i="1"/>
  <c r="AE28714" i="1"/>
  <c r="AE28715" i="1"/>
  <c r="AE28716" i="1"/>
  <c r="AE28717" i="1"/>
  <c r="AE28718" i="1"/>
  <c r="AE28719" i="1"/>
  <c r="AE28720" i="1"/>
  <c r="AE28721" i="1"/>
  <c r="AE28722" i="1"/>
  <c r="AE28723" i="1"/>
  <c r="AE28724" i="1"/>
  <c r="AE28725" i="1"/>
  <c r="AE28726" i="1"/>
  <c r="AE28727" i="1"/>
  <c r="AE28728" i="1"/>
  <c r="AE28729" i="1"/>
  <c r="AE28730" i="1"/>
  <c r="AE28731" i="1"/>
  <c r="AE28732" i="1"/>
  <c r="AE28733" i="1"/>
  <c r="AE28734" i="1"/>
  <c r="AE28735" i="1"/>
  <c r="AE28736" i="1"/>
  <c r="AE28737" i="1"/>
  <c r="AE28738" i="1"/>
  <c r="AE28739" i="1"/>
  <c r="AE28740" i="1"/>
  <c r="AE28741" i="1"/>
  <c r="AE28742" i="1"/>
  <c r="AE28743" i="1"/>
  <c r="AE28744" i="1"/>
  <c r="AE28745" i="1"/>
  <c r="AE28746" i="1"/>
  <c r="AE28747" i="1"/>
  <c r="AE28748" i="1"/>
  <c r="AE28749" i="1"/>
  <c r="AE28750" i="1"/>
  <c r="AE28751" i="1"/>
  <c r="AE28752" i="1"/>
  <c r="AE28753" i="1"/>
  <c r="AE28754" i="1"/>
  <c r="AE28755" i="1"/>
  <c r="AE28756" i="1"/>
  <c r="AE28757" i="1"/>
  <c r="AE28758" i="1"/>
  <c r="AE28759" i="1"/>
  <c r="AE28760" i="1"/>
  <c r="AE28761" i="1"/>
  <c r="AE28762" i="1"/>
  <c r="AE28763" i="1"/>
  <c r="AE28764" i="1"/>
  <c r="AE28765" i="1"/>
  <c r="AE28766" i="1"/>
  <c r="AE28767" i="1"/>
  <c r="AE28768" i="1"/>
  <c r="AE28769" i="1"/>
  <c r="AE28770" i="1"/>
  <c r="AE28771" i="1"/>
  <c r="AE28772" i="1"/>
  <c r="AE28773" i="1"/>
  <c r="AE28774" i="1"/>
  <c r="AE28775" i="1"/>
  <c r="AE28776" i="1"/>
  <c r="AE28777" i="1"/>
  <c r="AE28778" i="1"/>
  <c r="AE28779" i="1"/>
  <c r="AE28780" i="1"/>
  <c r="AE28781" i="1"/>
  <c r="AE28782" i="1"/>
  <c r="AE28783" i="1"/>
  <c r="AE28784" i="1"/>
  <c r="AE28785" i="1"/>
  <c r="AE28786" i="1"/>
  <c r="AE28787" i="1"/>
  <c r="AE28788" i="1"/>
  <c r="AE28789" i="1"/>
  <c r="AE28790" i="1"/>
  <c r="AE28791" i="1"/>
  <c r="AE28792" i="1"/>
  <c r="AE28793" i="1"/>
  <c r="AE28794" i="1"/>
  <c r="AE28795" i="1"/>
  <c r="AE28796" i="1"/>
  <c r="AE28797" i="1"/>
  <c r="AE28798" i="1"/>
  <c r="AE28799" i="1"/>
  <c r="AE28800" i="1"/>
  <c r="AE28801" i="1"/>
  <c r="AE28802" i="1"/>
  <c r="AE28803" i="1"/>
  <c r="AE28804" i="1"/>
  <c r="AE28805" i="1"/>
  <c r="AE28806" i="1"/>
  <c r="AE28807" i="1"/>
  <c r="AE28808" i="1"/>
  <c r="AE28809" i="1"/>
  <c r="AE28810" i="1"/>
  <c r="AE28811" i="1"/>
  <c r="AE28812" i="1"/>
  <c r="AE28813" i="1"/>
  <c r="AE28814" i="1"/>
  <c r="AE28815" i="1"/>
  <c r="AE28816" i="1"/>
  <c r="AE28817" i="1"/>
  <c r="AE28818" i="1"/>
  <c r="AE28819" i="1"/>
  <c r="AE28820" i="1"/>
  <c r="AE28821" i="1"/>
  <c r="AE28822" i="1"/>
  <c r="AE28823" i="1"/>
  <c r="AE28824" i="1"/>
  <c r="AE28825" i="1"/>
  <c r="AE28826" i="1"/>
  <c r="AE28827" i="1"/>
  <c r="AE28828" i="1"/>
  <c r="AE28829" i="1"/>
  <c r="AE28830" i="1"/>
  <c r="AE28831" i="1"/>
  <c r="AE28832" i="1"/>
  <c r="AE28833" i="1"/>
  <c r="AE28834" i="1"/>
  <c r="AE28835" i="1"/>
  <c r="AE28836" i="1"/>
  <c r="AE28837" i="1"/>
  <c r="AE28838" i="1"/>
  <c r="AE28839" i="1"/>
  <c r="AE28840" i="1"/>
  <c r="AE28841" i="1"/>
  <c r="AE28842" i="1"/>
  <c r="AE28843" i="1"/>
  <c r="AE28844" i="1"/>
  <c r="AE28845" i="1"/>
  <c r="AE28846" i="1"/>
  <c r="AE28847" i="1"/>
  <c r="AE28848" i="1"/>
  <c r="AE28849" i="1"/>
  <c r="AE28850" i="1"/>
  <c r="AE28851" i="1"/>
  <c r="AE28852" i="1"/>
  <c r="AE28853" i="1"/>
  <c r="AE28854" i="1"/>
  <c r="AE28855" i="1"/>
  <c r="AE28856" i="1"/>
  <c r="AE28857" i="1"/>
  <c r="AE28858" i="1"/>
  <c r="AE28859" i="1"/>
  <c r="AE28860" i="1"/>
  <c r="AE28861" i="1"/>
  <c r="AE28862" i="1"/>
  <c r="AE28863" i="1"/>
  <c r="AE28864" i="1"/>
  <c r="AE28865" i="1"/>
  <c r="AE28866" i="1"/>
  <c r="AE28867" i="1"/>
  <c r="AE28868" i="1"/>
  <c r="AE28869" i="1"/>
  <c r="AE28870" i="1"/>
  <c r="AE28871" i="1"/>
  <c r="AE28872" i="1"/>
  <c r="AE28873" i="1"/>
  <c r="AE28874" i="1"/>
  <c r="AE28875" i="1"/>
  <c r="AE28876" i="1"/>
  <c r="AE28877" i="1"/>
  <c r="AE28878" i="1"/>
  <c r="AE28879" i="1"/>
  <c r="AE28880" i="1"/>
  <c r="AE28881" i="1"/>
  <c r="AE28882" i="1"/>
  <c r="AE28883" i="1"/>
  <c r="AE28884" i="1"/>
  <c r="AE28885" i="1"/>
  <c r="AE28886" i="1"/>
  <c r="AE28887" i="1"/>
  <c r="AE28888" i="1"/>
  <c r="AE28889" i="1"/>
  <c r="AE28890" i="1"/>
  <c r="AE28891" i="1"/>
  <c r="AE28892" i="1"/>
  <c r="AE28893" i="1"/>
  <c r="AE28894" i="1"/>
  <c r="AE28895" i="1"/>
  <c r="AE28896" i="1"/>
  <c r="AE28897" i="1"/>
  <c r="AE28898" i="1"/>
  <c r="AE28899" i="1"/>
  <c r="AE28900" i="1"/>
  <c r="AE28901" i="1"/>
  <c r="AE28902" i="1"/>
  <c r="AE28903" i="1"/>
  <c r="AE28904" i="1"/>
  <c r="AE28905" i="1"/>
  <c r="AE28906" i="1"/>
  <c r="AE28907" i="1"/>
  <c r="AE28908" i="1"/>
  <c r="AE28909" i="1"/>
  <c r="AE28910" i="1"/>
  <c r="AE28911" i="1"/>
  <c r="AE28912" i="1"/>
  <c r="AE28913" i="1"/>
  <c r="AE28914" i="1"/>
  <c r="AE28915" i="1"/>
  <c r="AE28916" i="1"/>
  <c r="AE28917" i="1"/>
  <c r="AE28918" i="1"/>
  <c r="AE28919" i="1"/>
  <c r="AE28920" i="1"/>
  <c r="AE28921" i="1"/>
  <c r="AE28922" i="1"/>
  <c r="AE28923" i="1"/>
  <c r="AE28924" i="1"/>
  <c r="AE28925" i="1"/>
  <c r="AE28926" i="1"/>
  <c r="AE28927" i="1"/>
  <c r="AE28928" i="1"/>
  <c r="AE28929" i="1"/>
  <c r="AE28930" i="1"/>
  <c r="AE28931" i="1"/>
  <c r="AE28932" i="1"/>
  <c r="AE28933" i="1"/>
  <c r="AE28934" i="1"/>
  <c r="AE28935" i="1"/>
  <c r="AE28936" i="1"/>
  <c r="AE28937" i="1"/>
  <c r="AE28938" i="1"/>
  <c r="AE28939" i="1"/>
  <c r="AE28940" i="1"/>
  <c r="AE28941" i="1"/>
  <c r="AE28942" i="1"/>
  <c r="AE28943" i="1"/>
  <c r="AE28944" i="1"/>
  <c r="AE28945" i="1"/>
  <c r="AE28946" i="1"/>
  <c r="AE28947" i="1"/>
  <c r="AE28948" i="1"/>
  <c r="AE28949" i="1"/>
  <c r="AE28950" i="1"/>
  <c r="AE28951" i="1"/>
  <c r="AE28952" i="1"/>
  <c r="AE28953" i="1"/>
  <c r="AE28954" i="1"/>
  <c r="AE28955" i="1"/>
  <c r="AE28956" i="1"/>
  <c r="AE28957" i="1"/>
  <c r="AE28958" i="1"/>
  <c r="AE28959" i="1"/>
  <c r="AE28960" i="1"/>
  <c r="AE28961" i="1"/>
  <c r="AE28962" i="1"/>
  <c r="AE28963" i="1"/>
  <c r="AE28964" i="1"/>
  <c r="AE28965" i="1"/>
  <c r="AE28966" i="1"/>
  <c r="AE28967" i="1"/>
  <c r="AE28968" i="1"/>
  <c r="AE28969" i="1"/>
  <c r="AE28970" i="1"/>
  <c r="AE28971" i="1"/>
  <c r="AE28972" i="1"/>
  <c r="AE28973" i="1"/>
  <c r="AE28974" i="1"/>
  <c r="AE28975" i="1"/>
  <c r="AE28976" i="1"/>
  <c r="AE28977" i="1"/>
  <c r="AE28978" i="1"/>
  <c r="AE28979" i="1"/>
  <c r="AE28980" i="1"/>
  <c r="AE28981" i="1"/>
  <c r="AE28982" i="1"/>
  <c r="AE28983" i="1"/>
  <c r="AE28984" i="1"/>
  <c r="AE28985" i="1"/>
  <c r="AE28986" i="1"/>
  <c r="AE28987" i="1"/>
  <c r="AE28988" i="1"/>
  <c r="AE28989" i="1"/>
  <c r="AE28990" i="1"/>
  <c r="AE28991" i="1"/>
  <c r="AE28992" i="1"/>
  <c r="AE28993" i="1"/>
  <c r="AE28994" i="1"/>
  <c r="AE28995" i="1"/>
  <c r="AE28996" i="1"/>
  <c r="AE28997" i="1"/>
  <c r="AE28998" i="1"/>
  <c r="AE28999" i="1"/>
  <c r="AE29000" i="1"/>
  <c r="AE29001" i="1"/>
  <c r="AE29002" i="1"/>
  <c r="AE29003" i="1"/>
  <c r="AE29004" i="1"/>
  <c r="AE29005" i="1"/>
  <c r="AE29006" i="1"/>
  <c r="AE29007" i="1"/>
  <c r="AE29008" i="1"/>
  <c r="AE29009" i="1"/>
  <c r="AE29010" i="1"/>
  <c r="AE29011" i="1"/>
  <c r="AE29012" i="1"/>
  <c r="AE29013" i="1"/>
  <c r="AE29014" i="1"/>
  <c r="AE29015" i="1"/>
  <c r="AE29016" i="1"/>
  <c r="AE29017" i="1"/>
  <c r="AE29018" i="1"/>
  <c r="AE29019" i="1"/>
  <c r="AE29020" i="1"/>
  <c r="AE29021" i="1"/>
  <c r="AE29022" i="1"/>
  <c r="AE29023" i="1"/>
  <c r="AE29024" i="1"/>
  <c r="AE29025" i="1"/>
  <c r="AE29026" i="1"/>
  <c r="AE29027" i="1"/>
  <c r="AE29028" i="1"/>
  <c r="AE29029" i="1"/>
  <c r="AE29030" i="1"/>
  <c r="AE29031" i="1"/>
  <c r="AE29032" i="1"/>
  <c r="AE29033" i="1"/>
  <c r="AE29034" i="1"/>
  <c r="AE29035" i="1"/>
  <c r="AE29036" i="1"/>
  <c r="AE29037" i="1"/>
  <c r="AE29038" i="1"/>
  <c r="AE29039" i="1"/>
  <c r="AE29040" i="1"/>
  <c r="AE29041" i="1"/>
  <c r="AE29042" i="1"/>
  <c r="AE29043" i="1"/>
  <c r="AE29044" i="1"/>
  <c r="AE29045" i="1"/>
  <c r="AE29046" i="1"/>
  <c r="AE29047" i="1"/>
  <c r="AE29048" i="1"/>
  <c r="AE29049" i="1"/>
  <c r="AE29050" i="1"/>
  <c r="AE29051" i="1"/>
  <c r="AE29052" i="1"/>
  <c r="AE29053" i="1"/>
  <c r="AE29054" i="1"/>
  <c r="AE29055" i="1"/>
  <c r="AE29056" i="1"/>
  <c r="AE29057" i="1"/>
  <c r="AE29058" i="1"/>
  <c r="AE29059" i="1"/>
  <c r="AE29060" i="1"/>
  <c r="AE29061" i="1"/>
  <c r="AE29062" i="1"/>
  <c r="AE29063" i="1"/>
  <c r="AE29064" i="1"/>
  <c r="AE29065" i="1"/>
  <c r="AE29066" i="1"/>
  <c r="AE29067" i="1"/>
  <c r="AE29068" i="1"/>
  <c r="AE29069" i="1"/>
  <c r="AE29070" i="1"/>
  <c r="AE29071" i="1"/>
  <c r="AE29072" i="1"/>
  <c r="AE29073" i="1"/>
  <c r="AE29074" i="1"/>
  <c r="AE29075" i="1"/>
  <c r="AE29076" i="1"/>
  <c r="AE29077" i="1"/>
  <c r="AE29078" i="1"/>
  <c r="AE29079" i="1"/>
  <c r="AE29080" i="1"/>
  <c r="AE29081" i="1"/>
  <c r="AE29082" i="1"/>
  <c r="AE29083" i="1"/>
  <c r="AE29084" i="1"/>
  <c r="AE29085" i="1"/>
  <c r="AE29086" i="1"/>
  <c r="AE29087" i="1"/>
  <c r="AE29088" i="1"/>
  <c r="AE29089" i="1"/>
  <c r="AE29090" i="1"/>
  <c r="AE29091" i="1"/>
  <c r="AE29092" i="1"/>
  <c r="AE29093" i="1"/>
  <c r="AE29094" i="1"/>
  <c r="AE29095" i="1"/>
  <c r="AE29096" i="1"/>
  <c r="AE29097" i="1"/>
  <c r="AE29098" i="1"/>
  <c r="AE29099" i="1"/>
  <c r="AE29100" i="1"/>
  <c r="AE29101" i="1"/>
  <c r="AE29102" i="1"/>
  <c r="AE29103" i="1"/>
  <c r="AE29104" i="1"/>
  <c r="AE29105" i="1"/>
  <c r="AE29106" i="1"/>
  <c r="AE29107" i="1"/>
  <c r="AE29108" i="1"/>
  <c r="AE29109" i="1"/>
  <c r="AE29110" i="1"/>
  <c r="AE29111" i="1"/>
  <c r="AE29112" i="1"/>
  <c r="AE29113" i="1"/>
  <c r="AE29114" i="1"/>
  <c r="AE29115" i="1"/>
  <c r="AE29116" i="1"/>
  <c r="AE29117" i="1"/>
  <c r="AE29118" i="1"/>
  <c r="AE29119" i="1"/>
  <c r="AE29120" i="1"/>
  <c r="AE29121" i="1"/>
  <c r="AE29122" i="1"/>
  <c r="AE29123" i="1"/>
  <c r="AE29124" i="1"/>
  <c r="AE29125" i="1"/>
  <c r="AE29126" i="1"/>
  <c r="AE29127" i="1"/>
  <c r="AE29128" i="1"/>
  <c r="AE29129" i="1"/>
  <c r="AE29130" i="1"/>
  <c r="AE29131" i="1"/>
  <c r="AE29132" i="1"/>
  <c r="AE29133" i="1"/>
  <c r="AE29134" i="1"/>
  <c r="AE29135" i="1"/>
  <c r="AE29136" i="1"/>
  <c r="AE29137" i="1"/>
  <c r="AE29138" i="1"/>
  <c r="AE29139" i="1"/>
  <c r="AE29140" i="1"/>
  <c r="AE29141" i="1"/>
  <c r="AE29142" i="1"/>
  <c r="AE29143" i="1"/>
  <c r="AE29144" i="1"/>
  <c r="AE29145" i="1"/>
  <c r="AE29146" i="1"/>
  <c r="AE29147" i="1"/>
  <c r="AE29148" i="1"/>
  <c r="AE29149" i="1"/>
  <c r="AE29150" i="1"/>
  <c r="AE29151" i="1"/>
  <c r="AE29152" i="1"/>
  <c r="AE29153" i="1"/>
  <c r="AE29154" i="1"/>
  <c r="AE29155" i="1"/>
  <c r="AE29156" i="1"/>
  <c r="AE29157" i="1"/>
  <c r="AE29158" i="1"/>
  <c r="AE29159" i="1"/>
  <c r="AE29160" i="1"/>
  <c r="AE29161" i="1"/>
  <c r="AE29162" i="1"/>
  <c r="AE29163" i="1"/>
  <c r="AE29164" i="1"/>
  <c r="AE29165" i="1"/>
  <c r="AE29166" i="1"/>
  <c r="AE29167" i="1"/>
  <c r="AE29168" i="1"/>
  <c r="AE29169" i="1"/>
  <c r="AE29170" i="1"/>
  <c r="AE29171" i="1"/>
  <c r="AE29172" i="1"/>
  <c r="AE29173" i="1"/>
  <c r="AE29174" i="1"/>
  <c r="AE29175" i="1"/>
  <c r="AE29176" i="1"/>
  <c r="AE29177" i="1"/>
  <c r="AE29178" i="1"/>
  <c r="AE29179" i="1"/>
  <c r="AE29180" i="1"/>
  <c r="AE29181" i="1"/>
  <c r="AE29182" i="1"/>
  <c r="AE29183" i="1"/>
  <c r="AE29184" i="1"/>
  <c r="AE29185" i="1"/>
  <c r="AE29186" i="1"/>
  <c r="AE29187" i="1"/>
  <c r="AE29188" i="1"/>
  <c r="AE29189" i="1"/>
  <c r="AE29190" i="1"/>
  <c r="AE29191" i="1"/>
  <c r="AE29192" i="1"/>
  <c r="AE29193" i="1"/>
  <c r="AE29194" i="1"/>
  <c r="AE29195" i="1"/>
  <c r="AE29196" i="1"/>
  <c r="AE29197" i="1"/>
  <c r="AE29198" i="1"/>
  <c r="AE29199" i="1"/>
  <c r="AE29200" i="1"/>
  <c r="AE29201" i="1"/>
  <c r="AE29202" i="1"/>
  <c r="AE29203" i="1"/>
  <c r="AE29204" i="1"/>
  <c r="AE29205" i="1"/>
  <c r="AE29206" i="1"/>
  <c r="AE29207" i="1"/>
  <c r="AE29208" i="1"/>
  <c r="AE29209" i="1"/>
  <c r="AE29210" i="1"/>
  <c r="AE29211" i="1"/>
  <c r="AE29212" i="1"/>
  <c r="AE29213" i="1"/>
  <c r="AE29214" i="1"/>
  <c r="AE29215" i="1"/>
  <c r="AE29216" i="1"/>
  <c r="AE29217" i="1"/>
  <c r="AE29218" i="1"/>
  <c r="AE29219" i="1"/>
  <c r="AE29220" i="1"/>
  <c r="AE29221" i="1"/>
  <c r="AE29222" i="1"/>
  <c r="AE29223" i="1"/>
  <c r="AE29224" i="1"/>
  <c r="AE29225" i="1"/>
  <c r="AE29226" i="1"/>
  <c r="AE29227" i="1"/>
  <c r="AE29228" i="1"/>
  <c r="AE29229" i="1"/>
  <c r="AE29230" i="1"/>
  <c r="AE29231" i="1"/>
  <c r="AE29232" i="1"/>
  <c r="AE29233" i="1"/>
  <c r="AE29234" i="1"/>
  <c r="AE29235" i="1"/>
  <c r="AE29236" i="1"/>
  <c r="AE29237" i="1"/>
  <c r="AE29238" i="1"/>
  <c r="AE29239" i="1"/>
  <c r="AE29240" i="1"/>
  <c r="AE29241" i="1"/>
  <c r="AE29242" i="1"/>
  <c r="AE29243" i="1"/>
  <c r="AE29244" i="1"/>
  <c r="AE29245" i="1"/>
  <c r="AE29246" i="1"/>
  <c r="AE29247" i="1"/>
  <c r="AE29248" i="1"/>
  <c r="AE29249" i="1"/>
  <c r="AE29250" i="1"/>
  <c r="AE29251" i="1"/>
  <c r="AE29252" i="1"/>
  <c r="AE29253" i="1"/>
  <c r="AE29254" i="1"/>
  <c r="AE29255" i="1"/>
  <c r="AE29256" i="1"/>
  <c r="AE29257" i="1"/>
  <c r="AE29258" i="1"/>
  <c r="AE29259" i="1"/>
  <c r="AE29260" i="1"/>
  <c r="AE29261" i="1"/>
  <c r="AE29262" i="1"/>
  <c r="AE29263" i="1"/>
  <c r="AE29264" i="1"/>
  <c r="AE29265" i="1"/>
  <c r="AE29266" i="1"/>
  <c r="AE29267" i="1"/>
  <c r="AE29268" i="1"/>
  <c r="AE29269" i="1"/>
  <c r="AE29270" i="1"/>
  <c r="AE29271" i="1"/>
  <c r="AE29272" i="1"/>
  <c r="AE29273" i="1"/>
  <c r="AE29274" i="1"/>
  <c r="AE29275" i="1"/>
  <c r="AE29276" i="1"/>
  <c r="AE29277" i="1"/>
  <c r="AE29278" i="1"/>
  <c r="AE29279" i="1"/>
  <c r="AE29280" i="1"/>
  <c r="AE29281" i="1"/>
  <c r="AE29282" i="1"/>
  <c r="AE29283" i="1"/>
  <c r="AE29284" i="1"/>
  <c r="AE29285" i="1"/>
  <c r="AE29286" i="1"/>
  <c r="AE29287" i="1"/>
  <c r="AE29288" i="1"/>
  <c r="AE29289" i="1"/>
  <c r="AE29290" i="1"/>
  <c r="AE29291" i="1"/>
  <c r="AE29292" i="1"/>
  <c r="AE29293" i="1"/>
  <c r="AE29294" i="1"/>
  <c r="AE29295" i="1"/>
  <c r="AE29296" i="1"/>
  <c r="AE29297" i="1"/>
  <c r="AE29298" i="1"/>
  <c r="AE29299" i="1"/>
  <c r="AE29300" i="1"/>
  <c r="AE29301" i="1"/>
  <c r="AE29302" i="1"/>
  <c r="AE29303" i="1"/>
  <c r="AE29304" i="1"/>
  <c r="AE29305" i="1"/>
  <c r="AE29306" i="1"/>
  <c r="AE29307" i="1"/>
  <c r="AE29308" i="1"/>
  <c r="AE29309" i="1"/>
  <c r="AE29310" i="1"/>
  <c r="AE29311" i="1"/>
  <c r="AE29312" i="1"/>
  <c r="AE29313" i="1"/>
  <c r="AE29314" i="1"/>
  <c r="AE29315" i="1"/>
  <c r="AE29316" i="1"/>
  <c r="AE29317" i="1"/>
  <c r="AE29318" i="1"/>
  <c r="AE29319" i="1"/>
  <c r="AE29320" i="1"/>
  <c r="AE29321" i="1"/>
  <c r="AE29322" i="1"/>
  <c r="AE29323" i="1"/>
  <c r="AE29324" i="1"/>
  <c r="AE29325" i="1"/>
  <c r="AE29326" i="1"/>
  <c r="AE29327" i="1"/>
  <c r="AE29328" i="1"/>
  <c r="AE29329" i="1"/>
  <c r="AE29330" i="1"/>
  <c r="AE29331" i="1"/>
  <c r="AE29332" i="1"/>
  <c r="AE29333" i="1"/>
  <c r="AE29334" i="1"/>
  <c r="AE29335" i="1"/>
  <c r="AE29336" i="1"/>
  <c r="AE29337" i="1"/>
  <c r="AE29338" i="1"/>
  <c r="AE29339" i="1"/>
  <c r="AE29340" i="1"/>
  <c r="AE29341" i="1"/>
  <c r="AE29342" i="1"/>
  <c r="AE29343" i="1"/>
  <c r="AE29344" i="1"/>
  <c r="AE29345" i="1"/>
  <c r="AE29346" i="1"/>
  <c r="AE29347" i="1"/>
  <c r="AE29348" i="1"/>
  <c r="AE29349" i="1"/>
  <c r="AE29350" i="1"/>
  <c r="AE29351" i="1"/>
  <c r="AE29352" i="1"/>
  <c r="AE29353" i="1"/>
  <c r="AE29354" i="1"/>
  <c r="AE29355" i="1"/>
  <c r="AE29356" i="1"/>
  <c r="AE29357" i="1"/>
  <c r="AE29358" i="1"/>
  <c r="AE29359" i="1"/>
  <c r="AE29360" i="1"/>
  <c r="AE29361" i="1"/>
  <c r="AE29362" i="1"/>
  <c r="AE29363" i="1"/>
  <c r="AE29364" i="1"/>
  <c r="AE29365" i="1"/>
  <c r="AE29366" i="1"/>
  <c r="AE29367" i="1"/>
  <c r="AE29368" i="1"/>
  <c r="AE29369" i="1"/>
  <c r="AE29370" i="1"/>
  <c r="AE29371" i="1"/>
  <c r="AE29372" i="1"/>
  <c r="AE29373" i="1"/>
  <c r="AE29374" i="1"/>
  <c r="AE29375" i="1"/>
  <c r="AE29376" i="1"/>
  <c r="AE29377" i="1"/>
  <c r="AE29378" i="1"/>
  <c r="AE29379" i="1"/>
  <c r="AE29380" i="1"/>
  <c r="AE29381" i="1"/>
  <c r="AE29382" i="1"/>
  <c r="AE29383" i="1"/>
  <c r="AE29384" i="1"/>
  <c r="AE29385" i="1"/>
  <c r="AE29386" i="1"/>
  <c r="AE29387" i="1"/>
  <c r="AE29388" i="1"/>
  <c r="AE29389" i="1"/>
  <c r="AE29390" i="1"/>
  <c r="AE29391" i="1"/>
  <c r="AE29392" i="1"/>
  <c r="AE29393" i="1"/>
  <c r="AE29394" i="1"/>
  <c r="AE29395" i="1"/>
  <c r="AE29396" i="1"/>
  <c r="AE29397" i="1"/>
  <c r="AE29398" i="1"/>
  <c r="AE29399" i="1"/>
  <c r="AE29400" i="1"/>
  <c r="AE29401" i="1"/>
  <c r="AE29402" i="1"/>
  <c r="AE29403" i="1"/>
  <c r="AE29404" i="1"/>
  <c r="AE29405" i="1"/>
  <c r="AE29406" i="1"/>
  <c r="AE29407" i="1"/>
  <c r="AE29408" i="1"/>
  <c r="AE29409" i="1"/>
  <c r="AE29410" i="1"/>
  <c r="AE29411" i="1"/>
  <c r="AE29412" i="1"/>
  <c r="AE29413" i="1"/>
  <c r="AE29414" i="1"/>
  <c r="AE29415" i="1"/>
  <c r="AE29416" i="1"/>
  <c r="AE29417" i="1"/>
  <c r="AE29418" i="1"/>
  <c r="AE29419" i="1"/>
  <c r="AE29420" i="1"/>
  <c r="AE29421" i="1"/>
  <c r="AE29422" i="1"/>
  <c r="AE29423" i="1"/>
  <c r="AE29424" i="1"/>
  <c r="AE29425" i="1"/>
  <c r="AE29426" i="1"/>
  <c r="AE29427" i="1"/>
  <c r="AE29428" i="1"/>
  <c r="AE29429" i="1"/>
  <c r="AE29430" i="1"/>
  <c r="AE29431" i="1"/>
  <c r="AE29432" i="1"/>
  <c r="AE29433" i="1"/>
  <c r="AE29434" i="1"/>
  <c r="AE29435" i="1"/>
  <c r="AE29436" i="1"/>
  <c r="AE29437" i="1"/>
  <c r="AE29438" i="1"/>
  <c r="AE29439" i="1"/>
  <c r="AE29440" i="1"/>
  <c r="AE29441" i="1"/>
  <c r="AE29442" i="1"/>
  <c r="AE29443" i="1"/>
  <c r="AE29444" i="1"/>
  <c r="AE29445" i="1"/>
  <c r="AE29446" i="1"/>
  <c r="AE29447" i="1"/>
  <c r="AE29448" i="1"/>
  <c r="AE29449" i="1"/>
  <c r="AE29450" i="1"/>
  <c r="AE29451" i="1"/>
  <c r="AE29452" i="1"/>
  <c r="AE29453" i="1"/>
  <c r="AE29454" i="1"/>
  <c r="AE29455" i="1"/>
  <c r="AE29456" i="1"/>
  <c r="AE29457" i="1"/>
  <c r="AE29458" i="1"/>
  <c r="AE29459" i="1"/>
  <c r="AE29460" i="1"/>
  <c r="AE29461" i="1"/>
  <c r="AE29462" i="1"/>
  <c r="AE29463" i="1"/>
  <c r="AE29464" i="1"/>
  <c r="AE29465" i="1"/>
  <c r="AE29466" i="1"/>
  <c r="AE29467" i="1"/>
  <c r="AE29468" i="1"/>
  <c r="AE29469" i="1"/>
  <c r="AE29470" i="1"/>
  <c r="AE29471" i="1"/>
  <c r="AE29472" i="1"/>
  <c r="AE29473" i="1"/>
  <c r="AE29474" i="1"/>
  <c r="AE29475" i="1"/>
  <c r="AE29476" i="1"/>
  <c r="AE29477" i="1"/>
  <c r="AE29478" i="1"/>
  <c r="AE29479" i="1"/>
  <c r="AE29480" i="1"/>
  <c r="AE29481" i="1"/>
  <c r="AE29482" i="1"/>
  <c r="AE29483" i="1"/>
  <c r="AE29484" i="1"/>
  <c r="AE29485" i="1"/>
  <c r="AE29486" i="1"/>
  <c r="AE29487" i="1"/>
  <c r="AE29488" i="1"/>
  <c r="AE29489" i="1"/>
  <c r="AE29490" i="1"/>
  <c r="AE29491" i="1"/>
  <c r="AE29492" i="1"/>
  <c r="AE29493" i="1"/>
  <c r="AE29494" i="1"/>
  <c r="AE29495" i="1"/>
  <c r="AE29496" i="1"/>
  <c r="AE29497" i="1"/>
  <c r="AE29498" i="1"/>
  <c r="AE29499" i="1"/>
  <c r="AE29500" i="1"/>
  <c r="AE29501" i="1"/>
  <c r="AE29502" i="1"/>
  <c r="AE29503" i="1"/>
  <c r="AE29504" i="1"/>
  <c r="AE29505" i="1"/>
  <c r="AE29506" i="1"/>
  <c r="AE29507" i="1"/>
  <c r="AE29508" i="1"/>
  <c r="AE29509" i="1"/>
  <c r="AE29510" i="1"/>
  <c r="AE29511" i="1"/>
  <c r="AE29512" i="1"/>
  <c r="AE29513" i="1"/>
  <c r="AE29514" i="1"/>
  <c r="AE29515" i="1"/>
  <c r="AE29516" i="1"/>
  <c r="AE29517" i="1"/>
  <c r="AE29518" i="1"/>
  <c r="AE29519" i="1"/>
  <c r="AE29520" i="1"/>
  <c r="AE29521" i="1"/>
  <c r="AE29522" i="1"/>
  <c r="AE29523" i="1"/>
  <c r="AE29524" i="1"/>
  <c r="AE29525" i="1"/>
  <c r="AE29526" i="1"/>
  <c r="AE29527" i="1"/>
  <c r="AE29528" i="1"/>
  <c r="AE29529" i="1"/>
  <c r="AE29530" i="1"/>
  <c r="AE29531" i="1"/>
  <c r="AE29532" i="1"/>
  <c r="AE29533" i="1"/>
  <c r="AE29534" i="1"/>
  <c r="AE29535" i="1"/>
  <c r="AE29536" i="1"/>
  <c r="AE29537" i="1"/>
  <c r="AE29538" i="1"/>
  <c r="AE29539" i="1"/>
  <c r="AE29540" i="1"/>
  <c r="AE29541" i="1"/>
  <c r="AE29542" i="1"/>
  <c r="AE29543" i="1"/>
  <c r="AE29544" i="1"/>
  <c r="AE29545" i="1"/>
  <c r="AE29546" i="1"/>
  <c r="AE29547" i="1"/>
  <c r="AE29548" i="1"/>
  <c r="AE29549" i="1"/>
  <c r="AE29550" i="1"/>
  <c r="AE29551" i="1"/>
  <c r="AE29552" i="1"/>
  <c r="AE29553" i="1"/>
  <c r="AE29554" i="1"/>
  <c r="AE29555" i="1"/>
  <c r="AE29556" i="1"/>
  <c r="AE29557" i="1"/>
  <c r="AE29558" i="1"/>
  <c r="AE29559" i="1"/>
  <c r="AE29560" i="1"/>
  <c r="AE29561" i="1"/>
  <c r="AE29562" i="1"/>
  <c r="AE29563" i="1"/>
  <c r="AE29564" i="1"/>
  <c r="AE29565" i="1"/>
  <c r="AE29566" i="1"/>
  <c r="AE29567" i="1"/>
  <c r="AE29568" i="1"/>
  <c r="AE29569" i="1"/>
  <c r="AE29570" i="1"/>
  <c r="AE29571" i="1"/>
  <c r="AE29572" i="1"/>
  <c r="AE29573" i="1"/>
  <c r="AE29574" i="1"/>
  <c r="AE29575" i="1"/>
  <c r="AE29576" i="1"/>
  <c r="AE29577" i="1"/>
  <c r="AE29578" i="1"/>
  <c r="AE29579" i="1"/>
  <c r="AE29580" i="1"/>
  <c r="AE29581" i="1"/>
  <c r="AE29582" i="1"/>
  <c r="AE29583" i="1"/>
  <c r="AE29584" i="1"/>
  <c r="AE29585" i="1"/>
  <c r="AE29586" i="1"/>
  <c r="AE29587" i="1"/>
  <c r="AE29588" i="1"/>
  <c r="AE29589" i="1"/>
  <c r="AE29590" i="1"/>
  <c r="AE29591" i="1"/>
  <c r="AE29592" i="1"/>
  <c r="AE29593" i="1"/>
  <c r="AE29594" i="1"/>
  <c r="AE29595" i="1"/>
  <c r="AE29596" i="1"/>
  <c r="AE29597" i="1"/>
  <c r="AE29598" i="1"/>
  <c r="AE29599" i="1"/>
  <c r="AE29600" i="1"/>
  <c r="AE29601" i="1"/>
  <c r="AE29602" i="1"/>
  <c r="AE29603" i="1"/>
  <c r="AE29604" i="1"/>
  <c r="AE29605" i="1"/>
  <c r="AE29606" i="1"/>
  <c r="AE29607" i="1"/>
  <c r="AE29608" i="1"/>
  <c r="AE29609" i="1"/>
  <c r="AE29610" i="1"/>
  <c r="AE29611" i="1"/>
  <c r="AE29612" i="1"/>
  <c r="AE29613" i="1"/>
  <c r="AE29614" i="1"/>
  <c r="AE29615" i="1"/>
  <c r="AE29616" i="1"/>
  <c r="AE29617" i="1"/>
  <c r="AE29618" i="1"/>
  <c r="AE29619" i="1"/>
  <c r="AE29620" i="1"/>
  <c r="AE29621" i="1"/>
  <c r="AE29622" i="1"/>
  <c r="AE29623" i="1"/>
  <c r="AE29624" i="1"/>
  <c r="AE29625" i="1"/>
  <c r="AE29626" i="1"/>
  <c r="AE29627" i="1"/>
  <c r="AE29628" i="1"/>
  <c r="AE29629" i="1"/>
  <c r="AE29630" i="1"/>
  <c r="AE29631" i="1"/>
  <c r="AE29632" i="1"/>
  <c r="AE29633" i="1"/>
  <c r="AE29634" i="1"/>
  <c r="AE29635" i="1"/>
  <c r="AE29636" i="1"/>
  <c r="AE29637" i="1"/>
  <c r="AE29638" i="1"/>
  <c r="AE29639" i="1"/>
  <c r="AE29640" i="1"/>
  <c r="AE29641" i="1"/>
  <c r="AE29642" i="1"/>
  <c r="AE29643" i="1"/>
  <c r="AE29644" i="1"/>
  <c r="AE29645" i="1"/>
  <c r="AE29646" i="1"/>
  <c r="AE29647" i="1"/>
  <c r="AE29648" i="1"/>
  <c r="AE29649" i="1"/>
  <c r="AE29650" i="1"/>
  <c r="AE29651" i="1"/>
  <c r="AE29652" i="1"/>
  <c r="AE29653" i="1"/>
  <c r="AE29654" i="1"/>
  <c r="AE29655" i="1"/>
  <c r="AE29656" i="1"/>
  <c r="AE29657" i="1"/>
  <c r="AE29658" i="1"/>
  <c r="AE29659" i="1"/>
  <c r="AE29660" i="1"/>
  <c r="AE29661" i="1"/>
  <c r="AE29662" i="1"/>
  <c r="AE29663" i="1"/>
  <c r="AE29664" i="1"/>
  <c r="AE29665" i="1"/>
  <c r="AE29666" i="1"/>
  <c r="AE29667" i="1"/>
  <c r="AE29668" i="1"/>
  <c r="AE29669" i="1"/>
  <c r="AE29670" i="1"/>
  <c r="AE29671" i="1"/>
  <c r="AE29672" i="1"/>
  <c r="AE29673" i="1"/>
  <c r="AE29674" i="1"/>
  <c r="AE29675" i="1"/>
  <c r="AE29676" i="1"/>
  <c r="AE29677" i="1"/>
  <c r="AE29678" i="1"/>
  <c r="AE29679" i="1"/>
  <c r="AE29680" i="1"/>
  <c r="AE29681" i="1"/>
  <c r="AE29682" i="1"/>
  <c r="AE29683" i="1"/>
  <c r="AE29684" i="1"/>
  <c r="AE29685" i="1"/>
  <c r="AE29686" i="1"/>
  <c r="AE29687" i="1"/>
  <c r="AE29688" i="1"/>
  <c r="AE29689" i="1"/>
  <c r="AE29690" i="1"/>
  <c r="AE29691" i="1"/>
  <c r="AE29692" i="1"/>
  <c r="AE29693" i="1"/>
  <c r="AE29694" i="1"/>
  <c r="AE29695" i="1"/>
  <c r="AE29696" i="1"/>
  <c r="AE29697" i="1"/>
  <c r="AE29698" i="1"/>
  <c r="AE29699" i="1"/>
  <c r="AE29700" i="1"/>
  <c r="AE29701" i="1"/>
  <c r="AE29702" i="1"/>
  <c r="AE29703" i="1"/>
  <c r="AE29704" i="1"/>
  <c r="AE29705" i="1"/>
  <c r="AE29706" i="1"/>
  <c r="AE29707" i="1"/>
  <c r="AE29708" i="1"/>
  <c r="AE29709" i="1"/>
  <c r="AE29710" i="1"/>
  <c r="AE29711" i="1"/>
  <c r="AE29712" i="1"/>
  <c r="AE29713" i="1"/>
  <c r="AE29714" i="1"/>
  <c r="AE29715" i="1"/>
  <c r="AE29716" i="1"/>
  <c r="AE29717" i="1"/>
  <c r="AE29718" i="1"/>
  <c r="AE29719" i="1"/>
  <c r="AE29720" i="1"/>
  <c r="AE29721" i="1"/>
  <c r="AE29722" i="1"/>
  <c r="AE29723" i="1"/>
  <c r="AE29724" i="1"/>
  <c r="AE29725" i="1"/>
  <c r="AE29726" i="1"/>
  <c r="AE29727" i="1"/>
  <c r="AE29728" i="1"/>
  <c r="AE29729" i="1"/>
  <c r="AE29730" i="1"/>
  <c r="AE29731" i="1"/>
  <c r="AE29732" i="1"/>
  <c r="AE29733" i="1"/>
  <c r="AE29734" i="1"/>
  <c r="AE29735" i="1"/>
  <c r="AE29736" i="1"/>
  <c r="AE29737" i="1"/>
  <c r="AE29738" i="1"/>
  <c r="AE29739" i="1"/>
  <c r="AE29740" i="1"/>
  <c r="AE29741" i="1"/>
  <c r="AE29742" i="1"/>
  <c r="AE29743" i="1"/>
  <c r="AE29744" i="1"/>
  <c r="AE29745" i="1"/>
  <c r="AE29746" i="1"/>
  <c r="AE29747" i="1"/>
  <c r="AE29748" i="1"/>
  <c r="AE29749" i="1"/>
  <c r="AE29750" i="1"/>
  <c r="AE29751" i="1"/>
  <c r="AE29752" i="1"/>
  <c r="AE29753" i="1"/>
  <c r="AE29754" i="1"/>
  <c r="AE29755" i="1"/>
  <c r="AE29756" i="1"/>
  <c r="AE29757" i="1"/>
  <c r="AE29758" i="1"/>
  <c r="AE29759" i="1"/>
  <c r="AE29760" i="1"/>
  <c r="AE29761" i="1"/>
  <c r="AE29762" i="1"/>
  <c r="AE29763" i="1"/>
  <c r="AE29764" i="1"/>
  <c r="AE29765" i="1"/>
  <c r="AE29766" i="1"/>
  <c r="AE29767" i="1"/>
  <c r="AE29768" i="1"/>
  <c r="AE29769" i="1"/>
  <c r="AE29770" i="1"/>
  <c r="AE29771" i="1"/>
  <c r="AE29772" i="1"/>
  <c r="AE29773" i="1"/>
  <c r="AE29774" i="1"/>
  <c r="AE29775" i="1"/>
  <c r="AE29776" i="1"/>
  <c r="AE29777" i="1"/>
  <c r="AE29778" i="1"/>
  <c r="AE29779" i="1"/>
  <c r="AE29780" i="1"/>
  <c r="AE29781" i="1"/>
  <c r="AE29782" i="1"/>
  <c r="AE29783" i="1"/>
  <c r="AE29784" i="1"/>
  <c r="AE29785" i="1"/>
  <c r="AE29786" i="1"/>
  <c r="AE29787" i="1"/>
  <c r="AE29788" i="1"/>
  <c r="AE29789" i="1"/>
  <c r="AE29790" i="1"/>
  <c r="AE29791" i="1"/>
  <c r="AE29792" i="1"/>
  <c r="AE29793" i="1"/>
  <c r="AE29794" i="1"/>
  <c r="AE29795" i="1"/>
  <c r="AE29796" i="1"/>
  <c r="AE29797" i="1"/>
  <c r="AE29798" i="1"/>
  <c r="AE29799" i="1"/>
  <c r="AE29800" i="1"/>
  <c r="AE29801" i="1"/>
  <c r="AE29802" i="1"/>
  <c r="AE29803" i="1"/>
  <c r="AE29804" i="1"/>
  <c r="AE29805" i="1"/>
  <c r="AE29806" i="1"/>
  <c r="AE29807" i="1"/>
  <c r="AE29808" i="1"/>
  <c r="AE29809" i="1"/>
  <c r="AE29810" i="1"/>
  <c r="AE29811" i="1"/>
  <c r="AE29812" i="1"/>
  <c r="AE29813" i="1"/>
  <c r="AE29814" i="1"/>
  <c r="AE29815" i="1"/>
  <c r="AE29816" i="1"/>
  <c r="AE29817" i="1"/>
  <c r="AE29818" i="1"/>
  <c r="AE29819" i="1"/>
  <c r="AE29820" i="1"/>
  <c r="AE29821" i="1"/>
  <c r="AE29822" i="1"/>
  <c r="AE29823" i="1"/>
  <c r="AE29824" i="1"/>
  <c r="AE29825" i="1"/>
  <c r="AE29826" i="1"/>
  <c r="AE29827" i="1"/>
  <c r="AE29828" i="1"/>
  <c r="AE29829" i="1"/>
  <c r="AE29830" i="1"/>
  <c r="AE29831" i="1"/>
  <c r="AE29832" i="1"/>
  <c r="AE29833" i="1"/>
  <c r="AE29834" i="1"/>
  <c r="AE29835" i="1"/>
  <c r="AE29836" i="1"/>
  <c r="AE29837" i="1"/>
  <c r="AE29838" i="1"/>
  <c r="AE29839" i="1"/>
  <c r="AE29840" i="1"/>
  <c r="AE29841" i="1"/>
  <c r="AE29842" i="1"/>
  <c r="AE29843" i="1"/>
  <c r="AE29844" i="1"/>
  <c r="AE29845" i="1"/>
  <c r="AE29846" i="1"/>
  <c r="AE29847" i="1"/>
  <c r="AE29848" i="1"/>
  <c r="AE29849" i="1"/>
  <c r="AE29850" i="1"/>
  <c r="AE29851" i="1"/>
  <c r="AE29852" i="1"/>
  <c r="AE29853" i="1"/>
  <c r="AE29854" i="1"/>
  <c r="AE29855" i="1"/>
  <c r="AE29856" i="1"/>
  <c r="AE29857" i="1"/>
  <c r="AE29858" i="1"/>
  <c r="AE29859" i="1"/>
  <c r="AE29860" i="1"/>
  <c r="AE29861" i="1"/>
  <c r="AE29862" i="1"/>
  <c r="AE29863" i="1"/>
  <c r="AE29864" i="1"/>
  <c r="AE29865" i="1"/>
  <c r="AE29866" i="1"/>
  <c r="AE29867" i="1"/>
  <c r="AE29868" i="1"/>
  <c r="AE29869" i="1"/>
  <c r="AE29870" i="1"/>
  <c r="AE29871" i="1"/>
  <c r="AE29872" i="1"/>
  <c r="AE29873" i="1"/>
  <c r="AE29874" i="1"/>
  <c r="AE29875" i="1"/>
  <c r="AE29876" i="1"/>
  <c r="AE29877" i="1"/>
  <c r="AE29878" i="1"/>
  <c r="AE29879" i="1"/>
  <c r="AE29880" i="1"/>
  <c r="AE29881" i="1"/>
  <c r="AE29882" i="1"/>
  <c r="AE29883" i="1"/>
  <c r="AE29884" i="1"/>
  <c r="AE29885" i="1"/>
  <c r="AE29886" i="1"/>
  <c r="AE29887" i="1"/>
  <c r="AE29888" i="1"/>
  <c r="AE29889" i="1"/>
  <c r="AE29890" i="1"/>
  <c r="AE29891" i="1"/>
  <c r="AE29892" i="1"/>
  <c r="AE29893" i="1"/>
  <c r="AE29894" i="1"/>
  <c r="AE29895" i="1"/>
  <c r="AE29896" i="1"/>
  <c r="AE29897" i="1"/>
  <c r="AE29898" i="1"/>
  <c r="AE29899" i="1"/>
  <c r="AE29900" i="1"/>
  <c r="AE29901" i="1"/>
  <c r="AE29902" i="1"/>
  <c r="AE29903" i="1"/>
  <c r="AE29904" i="1"/>
  <c r="AE29905" i="1"/>
  <c r="AE29906" i="1"/>
  <c r="AE29907" i="1"/>
  <c r="AE29908" i="1"/>
  <c r="AE29909" i="1"/>
  <c r="AE29910" i="1"/>
  <c r="AE29911" i="1"/>
  <c r="AE29912" i="1"/>
  <c r="AE29913" i="1"/>
  <c r="AE29914" i="1"/>
  <c r="AE29915" i="1"/>
  <c r="AE29916" i="1"/>
  <c r="AE29917" i="1"/>
  <c r="AE29918" i="1"/>
  <c r="AE29919" i="1"/>
  <c r="AE29920" i="1"/>
  <c r="AE29921" i="1"/>
  <c r="AE29922" i="1"/>
  <c r="AE29923" i="1"/>
  <c r="AE29924" i="1"/>
  <c r="AE29925" i="1"/>
  <c r="AE29926" i="1"/>
  <c r="AE29927" i="1"/>
  <c r="AE29928" i="1"/>
  <c r="AE29929" i="1"/>
  <c r="AE29930" i="1"/>
  <c r="AE29931" i="1"/>
  <c r="AE29932" i="1"/>
  <c r="AE29933" i="1"/>
  <c r="AE29934" i="1"/>
  <c r="AE29935" i="1"/>
  <c r="AE29936" i="1"/>
  <c r="AE29937" i="1"/>
  <c r="AE29938" i="1"/>
  <c r="AE29939" i="1"/>
  <c r="AE29940" i="1"/>
  <c r="AE29941" i="1"/>
  <c r="AE29942" i="1"/>
  <c r="AE29943" i="1"/>
  <c r="AE29944" i="1"/>
  <c r="AE29945" i="1"/>
  <c r="AE29946" i="1"/>
  <c r="AE29947" i="1"/>
  <c r="AE29948" i="1"/>
  <c r="AE29949" i="1"/>
  <c r="AE29950" i="1"/>
  <c r="AE29951" i="1"/>
  <c r="AE29952" i="1"/>
  <c r="AE29953" i="1"/>
  <c r="AE29954" i="1"/>
  <c r="AE29955" i="1"/>
  <c r="AE29956" i="1"/>
  <c r="AE29957" i="1"/>
  <c r="AE29958" i="1"/>
  <c r="AE29959" i="1"/>
  <c r="AE29960" i="1"/>
  <c r="AE29961" i="1"/>
  <c r="AE29962" i="1"/>
  <c r="AE29963" i="1"/>
  <c r="AE29964" i="1"/>
  <c r="AE29965" i="1"/>
  <c r="AE29966" i="1"/>
  <c r="AE29967" i="1"/>
  <c r="AE29968" i="1"/>
  <c r="AE29969" i="1"/>
  <c r="AE29970" i="1"/>
  <c r="AE29971" i="1"/>
  <c r="AE29972" i="1"/>
  <c r="AE29973" i="1"/>
  <c r="AE29974" i="1"/>
  <c r="AE29975" i="1"/>
  <c r="AE29976" i="1"/>
  <c r="AE29977" i="1"/>
  <c r="AE29978" i="1"/>
  <c r="AE29979" i="1"/>
  <c r="AE29980" i="1"/>
  <c r="AE29981" i="1"/>
  <c r="AE29982" i="1"/>
  <c r="AE29983" i="1"/>
  <c r="AE29984" i="1"/>
  <c r="AE29985" i="1"/>
  <c r="AE29986" i="1"/>
  <c r="AE29987" i="1"/>
  <c r="AE29988" i="1"/>
  <c r="AE29989" i="1"/>
  <c r="AE29990" i="1"/>
  <c r="AE29991" i="1"/>
  <c r="AE29992" i="1"/>
  <c r="AE29993" i="1"/>
  <c r="AE29994" i="1"/>
  <c r="AE29995" i="1"/>
  <c r="AE29996" i="1"/>
  <c r="AE29997" i="1"/>
  <c r="AE29998" i="1"/>
  <c r="AE29999" i="1"/>
  <c r="AE30000" i="1"/>
  <c r="AE30001" i="1"/>
  <c r="AE30002" i="1"/>
  <c r="AE30003" i="1"/>
  <c r="AE30004" i="1"/>
  <c r="AE30005" i="1"/>
  <c r="AE30006" i="1"/>
  <c r="AE30007" i="1"/>
  <c r="AE30008" i="1"/>
  <c r="AE30009" i="1"/>
  <c r="AE30010" i="1"/>
  <c r="AE30011" i="1"/>
  <c r="AE30012" i="1"/>
  <c r="AE30013" i="1"/>
  <c r="AE30014" i="1"/>
  <c r="AE30015" i="1"/>
  <c r="AE30016" i="1"/>
  <c r="AE30017" i="1"/>
  <c r="AE30018" i="1"/>
  <c r="AE30019" i="1"/>
  <c r="AE30020" i="1"/>
  <c r="AE30021" i="1"/>
  <c r="AE30022" i="1"/>
  <c r="AE30023" i="1"/>
  <c r="AE30024" i="1"/>
  <c r="AE30025" i="1"/>
  <c r="AE30026" i="1"/>
  <c r="AE30027" i="1"/>
  <c r="AE30028" i="1"/>
  <c r="AE30029" i="1"/>
  <c r="AE30030" i="1"/>
  <c r="AE30031" i="1"/>
  <c r="AE30032" i="1"/>
  <c r="AE30033" i="1"/>
  <c r="AE30034" i="1"/>
  <c r="AE30035" i="1"/>
  <c r="AE30036" i="1"/>
  <c r="AE30037" i="1"/>
  <c r="AE30038" i="1"/>
  <c r="AE30039" i="1"/>
  <c r="AE30040" i="1"/>
  <c r="AE30041" i="1"/>
  <c r="AE30042" i="1"/>
  <c r="AE30043" i="1"/>
  <c r="AE30044" i="1"/>
  <c r="AE30045" i="1"/>
  <c r="AE30046" i="1"/>
  <c r="AE30047" i="1"/>
  <c r="AE30048" i="1"/>
  <c r="AE30049" i="1"/>
  <c r="AE30050" i="1"/>
  <c r="AE30051" i="1"/>
  <c r="AE30052" i="1"/>
  <c r="AE30053" i="1"/>
  <c r="AE30054" i="1"/>
  <c r="AE30055" i="1"/>
  <c r="AE30056" i="1"/>
  <c r="AE30057" i="1"/>
  <c r="AE30058" i="1"/>
  <c r="AE30059" i="1"/>
  <c r="AE30060" i="1"/>
  <c r="AE30061" i="1"/>
  <c r="AE30062" i="1"/>
  <c r="AE30063" i="1"/>
  <c r="AE30064" i="1"/>
  <c r="AE30065" i="1"/>
  <c r="AE30066" i="1"/>
  <c r="AE30067" i="1"/>
  <c r="AE30068" i="1"/>
  <c r="AE30069" i="1"/>
  <c r="AE30070" i="1"/>
  <c r="AE30071" i="1"/>
  <c r="AE30072" i="1"/>
  <c r="AE30073" i="1"/>
  <c r="AE30074" i="1"/>
  <c r="AE30075" i="1"/>
  <c r="AE30076" i="1"/>
  <c r="AE30077" i="1"/>
  <c r="AE30078" i="1"/>
  <c r="AE30079" i="1"/>
  <c r="AE30080" i="1"/>
  <c r="AE30081" i="1"/>
  <c r="AE30082" i="1"/>
  <c r="AE30083" i="1"/>
  <c r="AE30084" i="1"/>
  <c r="AE30085" i="1"/>
  <c r="AE30086" i="1"/>
  <c r="AE30087" i="1"/>
  <c r="AE30088" i="1"/>
  <c r="AE30089" i="1"/>
  <c r="AE30090" i="1"/>
  <c r="AE30091" i="1"/>
  <c r="AE30092" i="1"/>
  <c r="AE30093" i="1"/>
  <c r="AE30094" i="1"/>
  <c r="AE30095" i="1"/>
  <c r="AE30096" i="1"/>
  <c r="AE30097" i="1"/>
  <c r="AE30098" i="1"/>
  <c r="AE30099" i="1"/>
  <c r="AE30100" i="1"/>
  <c r="AE30101" i="1"/>
  <c r="AE30102" i="1"/>
  <c r="AE30103" i="1"/>
  <c r="AE30104" i="1"/>
  <c r="AE30105" i="1"/>
  <c r="AE30106" i="1"/>
  <c r="AE30107" i="1"/>
  <c r="AE30108" i="1"/>
  <c r="AE30109" i="1"/>
  <c r="AE30110" i="1"/>
  <c r="AE30111" i="1"/>
  <c r="AE30112" i="1"/>
  <c r="AE30113" i="1"/>
  <c r="AE30114" i="1"/>
  <c r="AE30115" i="1"/>
  <c r="AE30116" i="1"/>
  <c r="AE30117" i="1"/>
  <c r="AE30118" i="1"/>
  <c r="AE30119" i="1"/>
  <c r="AE30120" i="1"/>
  <c r="AE30121" i="1"/>
  <c r="AE30122" i="1"/>
  <c r="AE30123" i="1"/>
  <c r="AE30124" i="1"/>
  <c r="AE30125" i="1"/>
  <c r="AE30126" i="1"/>
  <c r="AE30127" i="1"/>
  <c r="AE30128" i="1"/>
  <c r="AE30129" i="1"/>
  <c r="AE30130" i="1"/>
  <c r="AE30131" i="1"/>
  <c r="AE30132" i="1"/>
  <c r="AE30133" i="1"/>
  <c r="AE30134" i="1"/>
  <c r="AE30135" i="1"/>
  <c r="AE30136" i="1"/>
  <c r="AE30137" i="1"/>
  <c r="AE30138" i="1"/>
  <c r="AE30139" i="1"/>
  <c r="AE30140" i="1"/>
  <c r="AE30141" i="1"/>
  <c r="AE30142" i="1"/>
  <c r="AE30143" i="1"/>
  <c r="AE30144" i="1"/>
  <c r="AE30145" i="1"/>
  <c r="AE30146" i="1"/>
  <c r="AE30147" i="1"/>
  <c r="AE30148" i="1"/>
  <c r="AE30149" i="1"/>
  <c r="AE30150" i="1"/>
  <c r="AE30151" i="1"/>
  <c r="AE30152" i="1"/>
  <c r="AE30153" i="1"/>
  <c r="AE30154" i="1"/>
  <c r="AE30155" i="1"/>
  <c r="AE30156" i="1"/>
  <c r="AE30157" i="1"/>
  <c r="AE30158" i="1"/>
  <c r="AE30159" i="1"/>
  <c r="AE30160" i="1"/>
  <c r="AE30161" i="1"/>
  <c r="AE30162" i="1"/>
  <c r="AE30163" i="1"/>
  <c r="AE30164" i="1"/>
  <c r="AE30165" i="1"/>
  <c r="AE30166" i="1"/>
  <c r="AE30167" i="1"/>
  <c r="AE30168" i="1"/>
  <c r="AE30169" i="1"/>
  <c r="AE30170" i="1"/>
  <c r="AE30171" i="1"/>
  <c r="AE30172" i="1"/>
  <c r="AE30173" i="1"/>
  <c r="AE30174" i="1"/>
  <c r="AE30175" i="1"/>
  <c r="AE30176" i="1"/>
  <c r="AE30177" i="1"/>
  <c r="AE30178" i="1"/>
  <c r="AE30179" i="1"/>
  <c r="AE30180" i="1"/>
  <c r="AE30181" i="1"/>
  <c r="AE30182" i="1"/>
  <c r="AE30183" i="1"/>
  <c r="AE30184" i="1"/>
  <c r="AE30185" i="1"/>
  <c r="AE30186" i="1"/>
  <c r="AE30187" i="1"/>
  <c r="AE30188" i="1"/>
  <c r="AE30189" i="1"/>
  <c r="AE30190" i="1"/>
  <c r="AE30191" i="1"/>
  <c r="AE30192" i="1"/>
  <c r="AE30193" i="1"/>
  <c r="AE30194" i="1"/>
  <c r="AE30195" i="1"/>
  <c r="AE30196" i="1"/>
  <c r="AE30197" i="1"/>
  <c r="AE30198" i="1"/>
  <c r="AE30199" i="1"/>
  <c r="AE30200" i="1"/>
  <c r="AE30201" i="1"/>
  <c r="AE30202" i="1"/>
  <c r="AE30203" i="1"/>
  <c r="AE30204" i="1"/>
  <c r="AE30205" i="1"/>
  <c r="AE30206" i="1"/>
  <c r="AE30207" i="1"/>
  <c r="AE30208" i="1"/>
  <c r="AE30209" i="1"/>
  <c r="AE30210" i="1"/>
  <c r="AE30211" i="1"/>
  <c r="AE30212" i="1"/>
  <c r="AE30213" i="1"/>
  <c r="AE30214" i="1"/>
  <c r="AE30215" i="1"/>
  <c r="AE30216" i="1"/>
  <c r="AE30217" i="1"/>
  <c r="AE30218" i="1"/>
  <c r="AE30219" i="1"/>
  <c r="AE30220" i="1"/>
  <c r="AE30221" i="1"/>
  <c r="AE30222" i="1"/>
  <c r="AE30223" i="1"/>
  <c r="AE30224" i="1"/>
  <c r="AE30225" i="1"/>
  <c r="AE30226" i="1"/>
  <c r="AE30227" i="1"/>
  <c r="AE30228" i="1"/>
  <c r="AE30229" i="1"/>
  <c r="AE30230" i="1"/>
  <c r="AE30231" i="1"/>
  <c r="AE30232" i="1"/>
  <c r="AE30233" i="1"/>
  <c r="AE30234" i="1"/>
  <c r="AE30235" i="1"/>
  <c r="AE30236" i="1"/>
  <c r="AE30237" i="1"/>
  <c r="AE30238" i="1"/>
  <c r="AE30239" i="1"/>
  <c r="AE30240" i="1"/>
  <c r="AE30241" i="1"/>
  <c r="AE30242" i="1"/>
  <c r="AE30243" i="1"/>
  <c r="AE30244" i="1"/>
  <c r="AE30245" i="1"/>
  <c r="AE30246" i="1"/>
  <c r="AE30247" i="1"/>
  <c r="AE30248" i="1"/>
  <c r="AE30249" i="1"/>
  <c r="AE30250" i="1"/>
  <c r="AE30251" i="1"/>
  <c r="AE30252" i="1"/>
  <c r="AE30253" i="1"/>
  <c r="AE30254" i="1"/>
  <c r="AE30255" i="1"/>
  <c r="AE30256" i="1"/>
  <c r="AE30257" i="1"/>
  <c r="AE30258" i="1"/>
  <c r="AE30259" i="1"/>
  <c r="AE30260" i="1"/>
  <c r="AE30261" i="1"/>
  <c r="AE30262" i="1"/>
  <c r="AE30263" i="1"/>
  <c r="AE30264" i="1"/>
  <c r="AE30265" i="1"/>
  <c r="AE30266" i="1"/>
  <c r="AE30267" i="1"/>
  <c r="AE30268" i="1"/>
  <c r="AE30269" i="1"/>
  <c r="AE30270" i="1"/>
  <c r="AE30271" i="1"/>
  <c r="AE30272" i="1"/>
  <c r="AE30273" i="1"/>
  <c r="AE30274" i="1"/>
  <c r="AE30275" i="1"/>
  <c r="AE30276" i="1"/>
  <c r="AE30277" i="1"/>
  <c r="AE30278" i="1"/>
  <c r="AE30279" i="1"/>
  <c r="AE30280" i="1"/>
  <c r="AE30281" i="1"/>
  <c r="AE30282" i="1"/>
  <c r="AE30283" i="1"/>
  <c r="AE30284" i="1"/>
  <c r="AE30285" i="1"/>
  <c r="AE30286" i="1"/>
  <c r="AE30287" i="1"/>
  <c r="AE30288" i="1"/>
  <c r="AE30289" i="1"/>
  <c r="AE30290" i="1"/>
  <c r="AE30291" i="1"/>
  <c r="AE30292" i="1"/>
  <c r="AE30293" i="1"/>
  <c r="AE30294" i="1"/>
  <c r="AE30295" i="1"/>
  <c r="AE30296" i="1"/>
  <c r="AE30297" i="1"/>
  <c r="AE30298" i="1"/>
  <c r="AE30299" i="1"/>
  <c r="AE30300" i="1"/>
  <c r="AE30301" i="1"/>
  <c r="AE30302" i="1"/>
  <c r="AE30303" i="1"/>
  <c r="AE30304" i="1"/>
  <c r="AE30305" i="1"/>
  <c r="AE30306" i="1"/>
  <c r="AE30307" i="1"/>
  <c r="AE30308" i="1"/>
  <c r="AE30309" i="1"/>
  <c r="AE30310" i="1"/>
  <c r="AE30311" i="1"/>
  <c r="AE30312" i="1"/>
  <c r="AE30313" i="1"/>
  <c r="AE30314" i="1"/>
  <c r="AE30315" i="1"/>
  <c r="AE30316" i="1"/>
  <c r="AE30317" i="1"/>
  <c r="AE30318" i="1"/>
  <c r="AE30319" i="1"/>
  <c r="AE30320" i="1"/>
  <c r="AE30321" i="1"/>
  <c r="AE30322" i="1"/>
  <c r="AE30323" i="1"/>
  <c r="AE30324" i="1"/>
  <c r="AE30325" i="1"/>
  <c r="AE30326" i="1"/>
  <c r="AE30327" i="1"/>
  <c r="AE30328" i="1"/>
  <c r="AE30329" i="1"/>
  <c r="AE30330" i="1"/>
  <c r="AE30331" i="1"/>
  <c r="AE30332" i="1"/>
  <c r="AE30333" i="1"/>
  <c r="AE30334" i="1"/>
  <c r="AE30335" i="1"/>
  <c r="AE30336" i="1"/>
  <c r="AE30337" i="1"/>
  <c r="AE30338" i="1"/>
  <c r="AE30339" i="1"/>
  <c r="AE30340" i="1"/>
  <c r="AE30341" i="1"/>
  <c r="AE30342" i="1"/>
  <c r="AE30343" i="1"/>
  <c r="AE30344" i="1"/>
  <c r="AE30345" i="1"/>
  <c r="AE30346" i="1"/>
  <c r="AE30347" i="1"/>
  <c r="AE30348" i="1"/>
  <c r="AE30349" i="1"/>
  <c r="AE30350" i="1"/>
  <c r="AE30351" i="1"/>
  <c r="AE30352" i="1"/>
  <c r="AE30353" i="1"/>
  <c r="AE30354" i="1"/>
  <c r="AE30355" i="1"/>
  <c r="AE30356" i="1"/>
  <c r="AE30357" i="1"/>
  <c r="AE30358" i="1"/>
  <c r="AE30359" i="1"/>
  <c r="AE30360" i="1"/>
  <c r="AE30361" i="1"/>
  <c r="AE30362" i="1"/>
  <c r="AE30363" i="1"/>
  <c r="AE30364" i="1"/>
  <c r="AE30365" i="1"/>
  <c r="AE30366" i="1"/>
  <c r="AE30367" i="1"/>
  <c r="AE30368" i="1"/>
  <c r="AE30369" i="1"/>
  <c r="AE30370" i="1"/>
  <c r="AE30371" i="1"/>
  <c r="AE30372" i="1"/>
  <c r="AE30373" i="1"/>
  <c r="AE30374" i="1"/>
  <c r="AE30375" i="1"/>
  <c r="AE30376" i="1"/>
  <c r="AE30377" i="1"/>
  <c r="AE30378" i="1"/>
  <c r="AE30379" i="1"/>
  <c r="AE30380" i="1"/>
  <c r="AE30381" i="1"/>
  <c r="AE30382" i="1"/>
  <c r="AE30383" i="1"/>
  <c r="AE30384" i="1"/>
  <c r="AE30385" i="1"/>
  <c r="AE30386" i="1"/>
  <c r="AE30387" i="1"/>
  <c r="AE30388" i="1"/>
  <c r="AE30389" i="1"/>
  <c r="AE30390" i="1"/>
  <c r="AE30391" i="1"/>
  <c r="AE30392" i="1"/>
  <c r="AE30393" i="1"/>
  <c r="AE30394" i="1"/>
  <c r="AE30395" i="1"/>
  <c r="AE30396" i="1"/>
  <c r="AE30397" i="1"/>
  <c r="AE30398" i="1"/>
  <c r="AE30399" i="1"/>
  <c r="AE30400" i="1"/>
  <c r="AE30401" i="1"/>
  <c r="AE30402" i="1"/>
  <c r="AE30403" i="1"/>
  <c r="AE30404" i="1"/>
  <c r="AE30405" i="1"/>
  <c r="AE30406" i="1"/>
  <c r="AE30407" i="1"/>
  <c r="AE30408" i="1"/>
  <c r="AE30409" i="1"/>
  <c r="AE30410" i="1"/>
  <c r="AE30411" i="1"/>
  <c r="AE30412" i="1"/>
  <c r="AE30413" i="1"/>
  <c r="AE30414" i="1"/>
  <c r="AE30415" i="1"/>
  <c r="AE30416" i="1"/>
  <c r="AE30417" i="1"/>
  <c r="AE30418" i="1"/>
  <c r="AE30419" i="1"/>
  <c r="AE30420" i="1"/>
  <c r="AE30421" i="1"/>
  <c r="AE30422" i="1"/>
  <c r="AE30423" i="1"/>
  <c r="AE30424" i="1"/>
  <c r="AE30425" i="1"/>
  <c r="AE30426" i="1"/>
  <c r="AE30427" i="1"/>
  <c r="AE30428" i="1"/>
  <c r="AE30429" i="1"/>
  <c r="AE30430" i="1"/>
  <c r="AE30431" i="1"/>
  <c r="AE30432" i="1"/>
  <c r="AE30433" i="1"/>
  <c r="AE30434" i="1"/>
  <c r="AE30435" i="1"/>
  <c r="AE30436" i="1"/>
  <c r="AE30437" i="1"/>
  <c r="AE30438" i="1"/>
  <c r="AE30439" i="1"/>
  <c r="AE30440" i="1"/>
  <c r="AE30441" i="1"/>
  <c r="AE30442" i="1"/>
  <c r="AE30443" i="1"/>
  <c r="AE30444" i="1"/>
  <c r="AE30445" i="1"/>
  <c r="AE30446" i="1"/>
  <c r="AE30447" i="1"/>
  <c r="AE30448" i="1"/>
  <c r="AE30449" i="1"/>
  <c r="AE30450" i="1"/>
  <c r="AE30451" i="1"/>
  <c r="AE30452" i="1"/>
  <c r="AE30453" i="1"/>
  <c r="AE30454" i="1"/>
  <c r="AE30455" i="1"/>
  <c r="AE30456" i="1"/>
  <c r="AE30457" i="1"/>
  <c r="AE30458" i="1"/>
  <c r="AE30459" i="1"/>
  <c r="AE30460" i="1"/>
  <c r="AE30461" i="1"/>
  <c r="AE30462" i="1"/>
  <c r="AE30463" i="1"/>
  <c r="AE30464" i="1"/>
  <c r="AE30465" i="1"/>
  <c r="AE30466" i="1"/>
  <c r="AE30467" i="1"/>
  <c r="AE30468" i="1"/>
  <c r="AE30469" i="1"/>
  <c r="AE30470" i="1"/>
  <c r="AE30471" i="1"/>
  <c r="AE30472" i="1"/>
  <c r="AE30473" i="1"/>
  <c r="AE30474" i="1"/>
  <c r="AE30475" i="1"/>
  <c r="AE30476" i="1"/>
  <c r="AE30477" i="1"/>
  <c r="AE30478" i="1"/>
  <c r="AE30479" i="1"/>
  <c r="AE30480" i="1"/>
  <c r="AE30481" i="1"/>
  <c r="AE30482" i="1"/>
  <c r="AE30483" i="1"/>
  <c r="AE30484" i="1"/>
  <c r="AE30485" i="1"/>
  <c r="AE30486" i="1"/>
  <c r="AE30487" i="1"/>
  <c r="AE30488" i="1"/>
  <c r="AE30489" i="1"/>
  <c r="AE30490" i="1"/>
  <c r="AE30491" i="1"/>
  <c r="AE30492" i="1"/>
  <c r="AE30493" i="1"/>
  <c r="AE30494" i="1"/>
  <c r="AE30495" i="1"/>
  <c r="AE30496" i="1"/>
  <c r="AE30497" i="1"/>
  <c r="AE30498" i="1"/>
  <c r="AE30499" i="1"/>
  <c r="AE30500" i="1"/>
  <c r="AE30501" i="1"/>
  <c r="AE30502" i="1"/>
  <c r="AE30503" i="1"/>
  <c r="AE30504" i="1"/>
  <c r="AE30505" i="1"/>
  <c r="AE30506" i="1"/>
  <c r="AE30507" i="1"/>
  <c r="AE30508" i="1"/>
  <c r="AE30509" i="1"/>
  <c r="AE30510" i="1"/>
  <c r="AE30511" i="1"/>
  <c r="AE30512" i="1"/>
  <c r="AE30513" i="1"/>
  <c r="AE30514" i="1"/>
  <c r="AE30515" i="1"/>
  <c r="AE30516" i="1"/>
  <c r="AE30517" i="1"/>
  <c r="AE30518" i="1"/>
  <c r="AE30519" i="1"/>
  <c r="AE30520" i="1"/>
  <c r="AE30521" i="1"/>
  <c r="AE30522" i="1"/>
  <c r="AE30523" i="1"/>
  <c r="AE30524" i="1"/>
  <c r="AE30525" i="1"/>
  <c r="AE30526" i="1"/>
  <c r="AE30527" i="1"/>
  <c r="AE30528" i="1"/>
  <c r="AE30529" i="1"/>
  <c r="AE30530" i="1"/>
  <c r="AE30531" i="1"/>
  <c r="AE30532" i="1"/>
  <c r="AE30533" i="1"/>
  <c r="AE30534" i="1"/>
  <c r="AE30535" i="1"/>
  <c r="AE30536" i="1"/>
  <c r="AE30537" i="1"/>
  <c r="AE30538" i="1"/>
  <c r="AE30539" i="1"/>
  <c r="AE30540" i="1"/>
  <c r="AE30541" i="1"/>
  <c r="AE30542" i="1"/>
  <c r="AE30543" i="1"/>
  <c r="AE30544" i="1"/>
  <c r="AE30545" i="1"/>
  <c r="AE30546" i="1"/>
  <c r="AE30547" i="1"/>
  <c r="AE30548" i="1"/>
  <c r="AE30549" i="1"/>
  <c r="AE30550" i="1"/>
  <c r="AE30551" i="1"/>
  <c r="AE30552" i="1"/>
  <c r="AE30553" i="1"/>
  <c r="AE30554" i="1"/>
  <c r="AE30555" i="1"/>
  <c r="AE30556" i="1"/>
  <c r="AE30557" i="1"/>
  <c r="AE30558" i="1"/>
  <c r="AE30559" i="1"/>
  <c r="AE30560" i="1"/>
  <c r="AE30561" i="1"/>
  <c r="AE30562" i="1"/>
  <c r="AE30563" i="1"/>
  <c r="AE30564" i="1"/>
  <c r="AE30565" i="1"/>
  <c r="AE30566" i="1"/>
  <c r="AE30567" i="1"/>
  <c r="AE30568" i="1"/>
  <c r="AE30569" i="1"/>
  <c r="AE30570" i="1"/>
  <c r="AE30571" i="1"/>
  <c r="AE30572" i="1"/>
  <c r="AE30573" i="1"/>
  <c r="AE30574" i="1"/>
  <c r="AE30575" i="1"/>
  <c r="AE30576" i="1"/>
  <c r="AE30577" i="1"/>
  <c r="AE30578" i="1"/>
  <c r="AE30579" i="1"/>
  <c r="AE30580" i="1"/>
  <c r="AE30581" i="1"/>
  <c r="AE30582" i="1"/>
  <c r="AE30583" i="1"/>
  <c r="AE30584" i="1"/>
  <c r="AE30585" i="1"/>
  <c r="AE30586" i="1"/>
  <c r="AE30587" i="1"/>
  <c r="AE30588" i="1"/>
  <c r="AE30589" i="1"/>
  <c r="AE30590" i="1"/>
  <c r="AE30591" i="1"/>
  <c r="AE30592" i="1"/>
  <c r="AE30593" i="1"/>
  <c r="AE30594" i="1"/>
  <c r="AE30595" i="1"/>
  <c r="AE30596" i="1"/>
  <c r="AE30597" i="1"/>
  <c r="AE30598" i="1"/>
  <c r="AE30599" i="1"/>
  <c r="AE30600" i="1"/>
  <c r="AE30601" i="1"/>
  <c r="AE30602" i="1"/>
  <c r="AE30603" i="1"/>
  <c r="AE30604" i="1"/>
  <c r="AE30605" i="1"/>
  <c r="AE30606" i="1"/>
  <c r="AE30607" i="1"/>
  <c r="AE30608" i="1"/>
  <c r="AE30609" i="1"/>
  <c r="AE30610" i="1"/>
  <c r="AE30611" i="1"/>
  <c r="AE30612" i="1"/>
  <c r="AE30613" i="1"/>
  <c r="AE30614" i="1"/>
  <c r="AE30615" i="1"/>
  <c r="AE30616" i="1"/>
  <c r="AE30617" i="1"/>
  <c r="AE30618" i="1"/>
  <c r="AE30619" i="1"/>
  <c r="AE30620" i="1"/>
  <c r="AE30621" i="1"/>
  <c r="AE30622" i="1"/>
  <c r="AE30623" i="1"/>
  <c r="AE30624" i="1"/>
  <c r="AE30625" i="1"/>
  <c r="AE30626" i="1"/>
  <c r="AE30627" i="1"/>
  <c r="AE30628" i="1"/>
  <c r="AE30629" i="1"/>
  <c r="AE30630" i="1"/>
  <c r="AE30631" i="1"/>
  <c r="AE30632" i="1"/>
  <c r="AE30633" i="1"/>
  <c r="AE30634" i="1"/>
  <c r="AE30635" i="1"/>
  <c r="AE30636" i="1"/>
  <c r="AE30637" i="1"/>
  <c r="AE30638" i="1"/>
  <c r="AE30639" i="1"/>
  <c r="AE30640" i="1"/>
  <c r="AE30641" i="1"/>
  <c r="AE30642" i="1"/>
  <c r="AE30643" i="1"/>
  <c r="AE30644" i="1"/>
  <c r="AE30645" i="1"/>
  <c r="AE30646" i="1"/>
  <c r="AE30647" i="1"/>
  <c r="AE30648" i="1"/>
  <c r="AE30649" i="1"/>
  <c r="AE30650" i="1"/>
  <c r="AE30651" i="1"/>
  <c r="AE30652" i="1"/>
  <c r="AE30653" i="1"/>
  <c r="AE30654" i="1"/>
  <c r="AE30655" i="1"/>
  <c r="AE30656" i="1"/>
  <c r="AE30657" i="1"/>
  <c r="AE30658" i="1"/>
  <c r="AE30659" i="1"/>
  <c r="AE30660" i="1"/>
  <c r="AE30661" i="1"/>
  <c r="AE30662" i="1"/>
  <c r="AE30663" i="1"/>
  <c r="AE30664" i="1"/>
  <c r="AE30665" i="1"/>
  <c r="AE30666" i="1"/>
  <c r="AE30667" i="1"/>
  <c r="AE30668" i="1"/>
  <c r="AE30669" i="1"/>
  <c r="AE30670" i="1"/>
  <c r="AE30671" i="1"/>
  <c r="AE30672" i="1"/>
  <c r="AE30673" i="1"/>
  <c r="AE30674" i="1"/>
  <c r="AE30675" i="1"/>
  <c r="AE30676" i="1"/>
  <c r="AE30677" i="1"/>
  <c r="AE30678" i="1"/>
  <c r="AE30679" i="1"/>
  <c r="AE30680" i="1"/>
  <c r="AE30681" i="1"/>
  <c r="AE30682" i="1"/>
  <c r="AE30683" i="1"/>
  <c r="AE30684" i="1"/>
  <c r="AE30685" i="1"/>
  <c r="AE30686" i="1"/>
  <c r="AE30687" i="1"/>
  <c r="AE30688" i="1"/>
  <c r="AE30689" i="1"/>
  <c r="AE30690" i="1"/>
  <c r="AE30691" i="1"/>
  <c r="AE30692" i="1"/>
  <c r="AE30693" i="1"/>
  <c r="AE30694" i="1"/>
  <c r="AE30695" i="1"/>
  <c r="AE30696" i="1"/>
  <c r="AE30697" i="1"/>
  <c r="AE30698" i="1"/>
  <c r="AE30699" i="1"/>
  <c r="AE30700" i="1"/>
  <c r="AE30701" i="1"/>
  <c r="AE30702" i="1"/>
  <c r="AE30703" i="1"/>
  <c r="AE30704" i="1"/>
  <c r="AE30705" i="1"/>
  <c r="AE30706" i="1"/>
  <c r="AE30707" i="1"/>
  <c r="AE30708" i="1"/>
  <c r="AE30709" i="1"/>
  <c r="AE30710" i="1"/>
  <c r="AE30711" i="1"/>
  <c r="AE30712" i="1"/>
  <c r="AE30713" i="1"/>
  <c r="AE30714" i="1"/>
  <c r="AE30715" i="1"/>
  <c r="AE30716" i="1"/>
  <c r="AE30717" i="1"/>
  <c r="AE30718" i="1"/>
  <c r="AE30719" i="1"/>
  <c r="AE30720" i="1"/>
  <c r="AE30721" i="1"/>
  <c r="AE30722" i="1"/>
  <c r="AE30723" i="1"/>
  <c r="AE30724" i="1"/>
  <c r="AE30725" i="1"/>
  <c r="AE30726" i="1"/>
  <c r="AE30727" i="1"/>
  <c r="AE30728" i="1"/>
  <c r="AE30729" i="1"/>
  <c r="AE30730" i="1"/>
  <c r="AE30731" i="1"/>
  <c r="AE30732" i="1"/>
  <c r="AE30733" i="1"/>
  <c r="AE30734" i="1"/>
  <c r="AE30735" i="1"/>
  <c r="AE30736" i="1"/>
  <c r="AE30737" i="1"/>
  <c r="AE30738" i="1"/>
  <c r="AE30739" i="1"/>
  <c r="AE30740" i="1"/>
  <c r="AE30741" i="1"/>
  <c r="AE30742" i="1"/>
  <c r="AE30743" i="1"/>
  <c r="AE30744" i="1"/>
  <c r="AE30745" i="1"/>
  <c r="AE30746" i="1"/>
  <c r="AE30747" i="1"/>
  <c r="AE30748" i="1"/>
  <c r="AE30749" i="1"/>
  <c r="AE30750" i="1"/>
  <c r="AE30751" i="1"/>
  <c r="AE30752" i="1"/>
  <c r="AE30753" i="1"/>
  <c r="AE30754" i="1"/>
  <c r="AE30755" i="1"/>
  <c r="AE30756" i="1"/>
  <c r="AE30757" i="1"/>
  <c r="AE30758" i="1"/>
  <c r="AE30759" i="1"/>
  <c r="AE30760" i="1"/>
  <c r="AE30761" i="1"/>
  <c r="AE30762" i="1"/>
  <c r="AE30763" i="1"/>
  <c r="AE30764" i="1"/>
  <c r="AE30765" i="1"/>
  <c r="AE30766" i="1"/>
  <c r="AE30767" i="1"/>
  <c r="AE30768" i="1"/>
  <c r="AE30769" i="1"/>
  <c r="AE30770" i="1"/>
  <c r="AE30771" i="1"/>
  <c r="AE30772" i="1"/>
  <c r="AE30773" i="1"/>
  <c r="AE30774" i="1"/>
  <c r="AE30775" i="1"/>
  <c r="AE30776" i="1"/>
  <c r="AE30777" i="1"/>
  <c r="AE30778" i="1"/>
  <c r="AE30779" i="1"/>
  <c r="AE30780" i="1"/>
  <c r="AE30781" i="1"/>
  <c r="AE30782" i="1"/>
  <c r="AE30783" i="1"/>
  <c r="AE30784" i="1"/>
  <c r="AE30785" i="1"/>
  <c r="AE30786" i="1"/>
  <c r="AE30787" i="1"/>
  <c r="AE30788" i="1"/>
  <c r="AE30789" i="1"/>
  <c r="AE30790" i="1"/>
  <c r="AE30791" i="1"/>
  <c r="AE30792" i="1"/>
  <c r="AE30793" i="1"/>
  <c r="AE30794" i="1"/>
  <c r="AE30795" i="1"/>
  <c r="AE30796" i="1"/>
  <c r="AE30797" i="1"/>
  <c r="AE30798" i="1"/>
  <c r="AE30799" i="1"/>
  <c r="AE30800" i="1"/>
  <c r="AE30801" i="1"/>
  <c r="AE30802" i="1"/>
  <c r="AE30803" i="1"/>
  <c r="AE30804" i="1"/>
  <c r="AE30805" i="1"/>
  <c r="AE30806" i="1"/>
  <c r="AE30807" i="1"/>
  <c r="AE30808" i="1"/>
  <c r="AE30809" i="1"/>
  <c r="AE30810" i="1"/>
  <c r="AE30811" i="1"/>
  <c r="AE30812" i="1"/>
  <c r="AE30813" i="1"/>
  <c r="AE30814" i="1"/>
  <c r="AE30815" i="1"/>
  <c r="AE30816" i="1"/>
  <c r="AE30817" i="1"/>
  <c r="AE30818" i="1"/>
  <c r="AE30819" i="1"/>
  <c r="AE30820" i="1"/>
  <c r="AE30821" i="1"/>
  <c r="AE30822" i="1"/>
  <c r="AE30823" i="1"/>
  <c r="AE30824" i="1"/>
  <c r="AE30825" i="1"/>
  <c r="AE30826" i="1"/>
  <c r="AE30827" i="1"/>
  <c r="AE30828" i="1"/>
  <c r="AE30829" i="1"/>
  <c r="AE30830" i="1"/>
  <c r="AE30831" i="1"/>
  <c r="AE30832" i="1"/>
  <c r="AE30833" i="1"/>
  <c r="AE30834" i="1"/>
  <c r="AE30835" i="1"/>
  <c r="AE30836" i="1"/>
  <c r="AE30837" i="1"/>
  <c r="AE30838" i="1"/>
  <c r="AE30839" i="1"/>
  <c r="AE30840" i="1"/>
  <c r="AE30841" i="1"/>
  <c r="AE30842" i="1"/>
  <c r="AE30843" i="1"/>
  <c r="AE30844" i="1"/>
  <c r="AE30845" i="1"/>
  <c r="AE30846" i="1"/>
  <c r="AE30847" i="1"/>
  <c r="AE30848" i="1"/>
  <c r="AE30849" i="1"/>
  <c r="AE30850" i="1"/>
  <c r="AE30851" i="1"/>
  <c r="AE30852" i="1"/>
  <c r="AE30853" i="1"/>
  <c r="AE30854" i="1"/>
  <c r="AE30855" i="1"/>
  <c r="AE30856" i="1"/>
  <c r="AE30857" i="1"/>
  <c r="AE30858" i="1"/>
  <c r="AE30859" i="1"/>
  <c r="AE30860" i="1"/>
  <c r="AE30861" i="1"/>
  <c r="AE30862" i="1"/>
  <c r="AE30863" i="1"/>
  <c r="AE30864" i="1"/>
  <c r="AE30865" i="1"/>
  <c r="AE30866" i="1"/>
  <c r="AE30867" i="1"/>
  <c r="AE30868" i="1"/>
  <c r="AE30869" i="1"/>
  <c r="AE30870" i="1"/>
  <c r="AE30871" i="1"/>
  <c r="AE30872" i="1"/>
  <c r="AE30873" i="1"/>
  <c r="AE30874" i="1"/>
  <c r="AE30875" i="1"/>
  <c r="AE30876" i="1"/>
  <c r="AE30877" i="1"/>
  <c r="AE30878" i="1"/>
  <c r="AE30879" i="1"/>
  <c r="AE30880" i="1"/>
  <c r="AE30881" i="1"/>
  <c r="AE30882" i="1"/>
  <c r="AE30883" i="1"/>
  <c r="AE30884" i="1"/>
  <c r="AE30885" i="1"/>
  <c r="AE30886" i="1"/>
  <c r="AE30887" i="1"/>
  <c r="AE30888" i="1"/>
  <c r="AE30889" i="1"/>
  <c r="AE30890" i="1"/>
  <c r="AE30891" i="1"/>
  <c r="AE30892" i="1"/>
  <c r="AE30893" i="1"/>
  <c r="AE30894" i="1"/>
  <c r="AE30895" i="1"/>
  <c r="AE30896" i="1"/>
  <c r="AE30897" i="1"/>
  <c r="AE30898" i="1"/>
  <c r="AE30899" i="1"/>
  <c r="AE30900" i="1"/>
  <c r="AE30901" i="1"/>
  <c r="AE30902" i="1"/>
  <c r="AE30903" i="1"/>
  <c r="AE30904" i="1"/>
  <c r="AE30905" i="1"/>
  <c r="AE30906" i="1"/>
  <c r="AE30907" i="1"/>
  <c r="AE30908" i="1"/>
  <c r="AE30909" i="1"/>
  <c r="AE30910" i="1"/>
  <c r="AE30911" i="1"/>
  <c r="AE30912" i="1"/>
  <c r="AE30913" i="1"/>
  <c r="AE30914" i="1"/>
  <c r="AE30915" i="1"/>
  <c r="AE30916" i="1"/>
  <c r="AE30917" i="1"/>
  <c r="AE30918" i="1"/>
  <c r="AE30919" i="1"/>
  <c r="AE30920" i="1"/>
  <c r="AE30921" i="1"/>
  <c r="AE30922" i="1"/>
  <c r="AE30923" i="1"/>
  <c r="AE30924" i="1"/>
  <c r="AE30925" i="1"/>
  <c r="AE30926" i="1"/>
  <c r="AE30927" i="1"/>
  <c r="AE30928" i="1"/>
  <c r="AE30929" i="1"/>
  <c r="AE30930" i="1"/>
  <c r="AE30931" i="1"/>
  <c r="AE30932" i="1"/>
  <c r="AE30933" i="1"/>
  <c r="AE30934" i="1"/>
  <c r="AE30935" i="1"/>
  <c r="AE30936" i="1"/>
  <c r="AE30937" i="1"/>
  <c r="AE30938" i="1"/>
  <c r="AE30939" i="1"/>
  <c r="AE30940" i="1"/>
  <c r="AE30941" i="1"/>
  <c r="AE30942" i="1"/>
  <c r="AE30943" i="1"/>
  <c r="AE30944" i="1"/>
  <c r="AE30945" i="1"/>
  <c r="AE30946" i="1"/>
  <c r="AE30947" i="1"/>
  <c r="AE30948" i="1"/>
  <c r="AE30949" i="1"/>
  <c r="AE30950" i="1"/>
  <c r="AE30951" i="1"/>
  <c r="AE30952" i="1"/>
  <c r="AE30953" i="1"/>
  <c r="AE30954" i="1"/>
  <c r="AE30955" i="1"/>
  <c r="AE30956" i="1"/>
  <c r="AE30957" i="1"/>
  <c r="AE30958" i="1"/>
  <c r="AE30959" i="1"/>
  <c r="AE30960" i="1"/>
  <c r="AE30961" i="1"/>
  <c r="AE30962" i="1"/>
  <c r="AE30963" i="1"/>
  <c r="AE30964" i="1"/>
  <c r="AE30965" i="1"/>
  <c r="AE30966" i="1"/>
  <c r="AE30967" i="1"/>
  <c r="AE30968" i="1"/>
  <c r="AE30969" i="1"/>
  <c r="AE30970" i="1"/>
  <c r="AE30971" i="1"/>
  <c r="AE30972" i="1"/>
  <c r="AE30973" i="1"/>
  <c r="AE30974" i="1"/>
  <c r="AE30975" i="1"/>
  <c r="AE30976" i="1"/>
  <c r="AE30977" i="1"/>
  <c r="AE30978" i="1"/>
  <c r="AE30979" i="1"/>
  <c r="AE30980" i="1"/>
  <c r="AE30981" i="1"/>
  <c r="AE30982" i="1"/>
  <c r="AE30983" i="1"/>
  <c r="AE30984" i="1"/>
  <c r="AE30985" i="1"/>
  <c r="AE30986" i="1"/>
  <c r="AE30987" i="1"/>
  <c r="AE30988" i="1"/>
  <c r="AE30989" i="1"/>
  <c r="AE30990" i="1"/>
  <c r="AE30991" i="1"/>
  <c r="AE30992" i="1"/>
  <c r="AE30993" i="1"/>
  <c r="AE30994" i="1"/>
  <c r="AE30995" i="1"/>
  <c r="AE30996" i="1"/>
  <c r="AE30997" i="1"/>
  <c r="AE30998" i="1"/>
  <c r="AE30999" i="1"/>
  <c r="AE31000" i="1"/>
  <c r="AE31001" i="1"/>
  <c r="AE31002" i="1"/>
  <c r="AE31003" i="1"/>
  <c r="AE31004" i="1"/>
  <c r="AE31005" i="1"/>
  <c r="AE31006" i="1"/>
  <c r="AE31007" i="1"/>
  <c r="AE31008" i="1"/>
  <c r="AE31009" i="1"/>
  <c r="AE31010" i="1"/>
  <c r="AE31011" i="1"/>
  <c r="AE31012" i="1"/>
  <c r="AE31013" i="1"/>
  <c r="AE31014" i="1"/>
  <c r="AE31015" i="1"/>
  <c r="AE31016" i="1"/>
  <c r="AE31017" i="1"/>
  <c r="AE31018" i="1"/>
  <c r="AE31019" i="1"/>
  <c r="AE31020" i="1"/>
  <c r="AE31021" i="1"/>
  <c r="AE31022" i="1"/>
  <c r="AE31023" i="1"/>
  <c r="AE31024" i="1"/>
  <c r="AE31025" i="1"/>
  <c r="AE31026" i="1"/>
  <c r="AE31027" i="1"/>
  <c r="AE31028" i="1"/>
  <c r="AE31029" i="1"/>
  <c r="AE31030" i="1"/>
  <c r="AE31031" i="1"/>
  <c r="AE31032" i="1"/>
  <c r="AE31033" i="1"/>
  <c r="AE31034" i="1"/>
  <c r="AE31035" i="1"/>
  <c r="AE31036" i="1"/>
  <c r="AE31037" i="1"/>
  <c r="AE31038" i="1"/>
  <c r="AE31039" i="1"/>
  <c r="AE31040" i="1"/>
  <c r="AE31041" i="1"/>
  <c r="AE31042" i="1"/>
  <c r="AE31043" i="1"/>
  <c r="AE31044" i="1"/>
  <c r="AE31045" i="1"/>
  <c r="AE31046" i="1"/>
  <c r="AE31047" i="1"/>
  <c r="AE31048" i="1"/>
  <c r="AE31049" i="1"/>
  <c r="AE31050" i="1"/>
  <c r="AE31051" i="1"/>
  <c r="AE31052" i="1"/>
  <c r="AE31053" i="1"/>
  <c r="AE31054" i="1"/>
  <c r="AE31055" i="1"/>
  <c r="AE31056" i="1"/>
  <c r="AE31057" i="1"/>
  <c r="AE31058" i="1"/>
  <c r="AE31059" i="1"/>
  <c r="AE31060" i="1"/>
  <c r="AE31061" i="1"/>
  <c r="AE31062" i="1"/>
  <c r="AE31063" i="1"/>
  <c r="AE31064" i="1"/>
  <c r="AE31065" i="1"/>
  <c r="AE31066" i="1"/>
  <c r="AE31067" i="1"/>
  <c r="AE31068" i="1"/>
  <c r="AE31069" i="1"/>
  <c r="AE31070" i="1"/>
  <c r="AE31071" i="1"/>
  <c r="AE31072" i="1"/>
  <c r="AE31073" i="1"/>
  <c r="AE31074" i="1"/>
  <c r="AE31075" i="1"/>
  <c r="AE31076" i="1"/>
  <c r="AE31077" i="1"/>
  <c r="AE31078" i="1"/>
  <c r="AE31079" i="1"/>
  <c r="AE31080" i="1"/>
  <c r="AE31081" i="1"/>
  <c r="AE31082" i="1"/>
  <c r="AE31083" i="1"/>
  <c r="AE31084" i="1"/>
  <c r="AE31085" i="1"/>
  <c r="AE31086" i="1"/>
  <c r="AE31087" i="1"/>
  <c r="AE31088" i="1"/>
  <c r="AE31089" i="1"/>
  <c r="AE31090" i="1"/>
  <c r="AE31091" i="1"/>
  <c r="AE31092" i="1"/>
  <c r="AE31093" i="1"/>
  <c r="AE31094" i="1"/>
  <c r="AE31095" i="1"/>
  <c r="AE31096" i="1"/>
  <c r="AE31097" i="1"/>
  <c r="AE31098" i="1"/>
  <c r="AE31099" i="1"/>
  <c r="AE31100" i="1"/>
  <c r="AE31101" i="1"/>
  <c r="AE31102" i="1"/>
  <c r="AE31103" i="1"/>
  <c r="AE31104" i="1"/>
  <c r="AE31105" i="1"/>
  <c r="AE31106" i="1"/>
  <c r="AE31107" i="1"/>
  <c r="AE31108" i="1"/>
  <c r="AE31109" i="1"/>
  <c r="AE31110" i="1"/>
  <c r="AE31111" i="1"/>
  <c r="AE31112" i="1"/>
  <c r="AE31113" i="1"/>
  <c r="AE31114" i="1"/>
  <c r="AE31115" i="1"/>
  <c r="AE31116" i="1"/>
  <c r="AE31117" i="1"/>
  <c r="AE31118" i="1"/>
  <c r="AE31119" i="1"/>
  <c r="AE31120" i="1"/>
  <c r="AE31121" i="1"/>
  <c r="AE31122" i="1"/>
  <c r="AE31123" i="1"/>
  <c r="AE31124" i="1"/>
  <c r="AE31125" i="1"/>
  <c r="AE31126" i="1"/>
  <c r="AE31127" i="1"/>
  <c r="AE31128" i="1"/>
  <c r="AE31129" i="1"/>
  <c r="AE31130" i="1"/>
  <c r="AE31131" i="1"/>
  <c r="AE31132" i="1"/>
  <c r="AE31133" i="1"/>
  <c r="AE31134" i="1"/>
  <c r="AE31135" i="1"/>
  <c r="AE31136" i="1"/>
  <c r="AE31137" i="1"/>
  <c r="AE31138" i="1"/>
  <c r="AE31139" i="1"/>
  <c r="AE31140" i="1"/>
  <c r="AE31141" i="1"/>
  <c r="AE31142" i="1"/>
  <c r="AE31143" i="1"/>
  <c r="AE31144" i="1"/>
  <c r="AE31145" i="1"/>
  <c r="AE31146" i="1"/>
  <c r="AE31147" i="1"/>
  <c r="AE31148" i="1"/>
  <c r="AE31149" i="1"/>
  <c r="AE31150" i="1"/>
  <c r="AE31151" i="1"/>
  <c r="AE31152" i="1"/>
  <c r="AE31153" i="1"/>
  <c r="AE31154" i="1"/>
  <c r="AE31155" i="1"/>
  <c r="AE31156" i="1"/>
  <c r="AE31157" i="1"/>
  <c r="AE31158" i="1"/>
  <c r="AE31159" i="1"/>
  <c r="AE31160" i="1"/>
  <c r="AE31161" i="1"/>
  <c r="AE31162" i="1"/>
  <c r="AE31163" i="1"/>
  <c r="AE31164" i="1"/>
  <c r="AE31165" i="1"/>
  <c r="AE31166" i="1"/>
  <c r="AE31167" i="1"/>
  <c r="AE31168" i="1"/>
  <c r="AE31169" i="1"/>
  <c r="AE31170" i="1"/>
  <c r="AE31171" i="1"/>
  <c r="AE31172" i="1"/>
  <c r="AE31173" i="1"/>
  <c r="AE31174" i="1"/>
  <c r="AE31175" i="1"/>
  <c r="AE31176" i="1"/>
  <c r="AE31177" i="1"/>
  <c r="AE31178" i="1"/>
  <c r="AE31179" i="1"/>
  <c r="AE31180" i="1"/>
  <c r="AE31181" i="1"/>
  <c r="AE31182" i="1"/>
  <c r="AE31183" i="1"/>
  <c r="AE31184" i="1"/>
  <c r="AE31185" i="1"/>
  <c r="AE31186" i="1"/>
  <c r="AE31187" i="1"/>
  <c r="AE31188" i="1"/>
  <c r="AE31189" i="1"/>
  <c r="AE31190" i="1"/>
  <c r="AE31191" i="1"/>
  <c r="AE31192" i="1"/>
  <c r="AE31193" i="1"/>
  <c r="AE31194" i="1"/>
  <c r="AE31195" i="1"/>
  <c r="AE31196" i="1"/>
  <c r="AE31197" i="1"/>
  <c r="AE31198" i="1"/>
  <c r="AE31199" i="1"/>
  <c r="AE31200" i="1"/>
  <c r="AE31201" i="1"/>
  <c r="AE31202" i="1"/>
  <c r="AE31203" i="1"/>
  <c r="AE31204" i="1"/>
  <c r="AE31205" i="1"/>
  <c r="AE31206" i="1"/>
  <c r="AE31207" i="1"/>
  <c r="AE31208" i="1"/>
  <c r="AE31209" i="1"/>
  <c r="AE31210" i="1"/>
  <c r="AE31211" i="1"/>
  <c r="AE31212" i="1"/>
  <c r="AE31213" i="1"/>
  <c r="AE31214" i="1"/>
  <c r="AE31215" i="1"/>
  <c r="AE31216" i="1"/>
  <c r="AE31217" i="1"/>
  <c r="AE31218" i="1"/>
  <c r="AE31219" i="1"/>
  <c r="AE31220" i="1"/>
  <c r="AE31221" i="1"/>
  <c r="AE31222" i="1"/>
  <c r="AE31223" i="1"/>
  <c r="AE31224" i="1"/>
  <c r="AE31225" i="1"/>
  <c r="AE31226" i="1"/>
  <c r="AE31227" i="1"/>
  <c r="AE31228" i="1"/>
  <c r="AE31229" i="1"/>
  <c r="AE31230" i="1"/>
  <c r="AE31231" i="1"/>
  <c r="AE31232" i="1"/>
  <c r="AE31233" i="1"/>
  <c r="AE31234" i="1"/>
  <c r="AE31235" i="1"/>
  <c r="AE31236" i="1"/>
  <c r="AE31237" i="1"/>
  <c r="AE31238" i="1"/>
  <c r="AE31239" i="1"/>
  <c r="AE31240" i="1"/>
  <c r="AE31241" i="1"/>
  <c r="AE31242" i="1"/>
  <c r="AE31243" i="1"/>
  <c r="AE31244" i="1"/>
  <c r="AE31245" i="1"/>
  <c r="AE31246" i="1"/>
  <c r="AE31247" i="1"/>
  <c r="AE31248" i="1"/>
  <c r="AE31249" i="1"/>
  <c r="AE31250" i="1"/>
  <c r="AE31251" i="1"/>
  <c r="AE31252" i="1"/>
  <c r="AE31253" i="1"/>
  <c r="AE31254" i="1"/>
  <c r="AE31255" i="1"/>
  <c r="AE31256" i="1"/>
  <c r="AE31257" i="1"/>
  <c r="AE31258" i="1"/>
  <c r="AE31259" i="1"/>
  <c r="AE31260" i="1"/>
  <c r="AE31261" i="1"/>
  <c r="AE31262" i="1"/>
  <c r="AE31263" i="1"/>
  <c r="AE31264" i="1"/>
  <c r="AE31265" i="1"/>
  <c r="AE31266" i="1"/>
  <c r="AE31267" i="1"/>
  <c r="AE31268" i="1"/>
  <c r="AE31269" i="1"/>
  <c r="AE31270" i="1"/>
  <c r="AE31271" i="1"/>
  <c r="AE31272" i="1"/>
  <c r="AE31273" i="1"/>
  <c r="AE31274" i="1"/>
  <c r="AE31275" i="1"/>
  <c r="AE31276" i="1"/>
  <c r="AE31277" i="1"/>
  <c r="AE31278" i="1"/>
  <c r="AE31279" i="1"/>
  <c r="AE31280" i="1"/>
  <c r="AE31281" i="1"/>
  <c r="AE31282" i="1"/>
  <c r="AE31283" i="1"/>
  <c r="AE31284" i="1"/>
  <c r="AE31285" i="1"/>
  <c r="AE31286" i="1"/>
  <c r="AE31287" i="1"/>
  <c r="AE31288" i="1"/>
  <c r="AE31289" i="1"/>
  <c r="AE31290" i="1"/>
  <c r="AE31291" i="1"/>
  <c r="AE31292" i="1"/>
  <c r="AE31293" i="1"/>
  <c r="AE31294" i="1"/>
  <c r="AE31295" i="1"/>
  <c r="AE31296" i="1"/>
  <c r="AE31297" i="1"/>
  <c r="AE31298" i="1"/>
  <c r="AE31299" i="1"/>
  <c r="AE31300" i="1"/>
  <c r="AE31301" i="1"/>
  <c r="AE31302" i="1"/>
  <c r="AE31303" i="1"/>
  <c r="AE31304" i="1"/>
  <c r="AE31305" i="1"/>
  <c r="AE31306" i="1"/>
  <c r="AE31307" i="1"/>
  <c r="AE31308" i="1"/>
  <c r="AE31309" i="1"/>
  <c r="AE31310" i="1"/>
  <c r="AE31311" i="1"/>
  <c r="AE31312" i="1"/>
  <c r="AE31313" i="1"/>
  <c r="AE31314" i="1"/>
  <c r="AE31315" i="1"/>
  <c r="AE31316" i="1"/>
  <c r="AE31317" i="1"/>
  <c r="AE31318" i="1"/>
  <c r="AE31319" i="1"/>
  <c r="AE31320" i="1"/>
  <c r="AE31321" i="1"/>
  <c r="AE31322" i="1"/>
  <c r="AE31323" i="1"/>
  <c r="AE31324" i="1"/>
  <c r="AE31325" i="1"/>
  <c r="AE31326" i="1"/>
  <c r="AE31327" i="1"/>
  <c r="AE31328" i="1"/>
  <c r="AE31329" i="1"/>
  <c r="AE31330" i="1"/>
  <c r="AE31331" i="1"/>
  <c r="AE31332" i="1"/>
  <c r="AE31333" i="1"/>
  <c r="AE31334" i="1"/>
  <c r="AE31335" i="1"/>
  <c r="AE31336" i="1"/>
  <c r="AE31337" i="1"/>
  <c r="AE31338" i="1"/>
  <c r="AE31339" i="1"/>
  <c r="AE31340" i="1"/>
  <c r="AE31341" i="1"/>
  <c r="AE31342" i="1"/>
  <c r="AE31343" i="1"/>
  <c r="AE31344" i="1"/>
  <c r="AE31345" i="1"/>
  <c r="AE31346" i="1"/>
  <c r="AE31347" i="1"/>
  <c r="AE31348" i="1"/>
  <c r="AE31349" i="1"/>
  <c r="AE31350" i="1"/>
  <c r="AE31351" i="1"/>
  <c r="AE31352" i="1"/>
  <c r="AE31353" i="1"/>
  <c r="AE31354" i="1"/>
  <c r="AE31355" i="1"/>
  <c r="AE31356" i="1"/>
  <c r="AE31357" i="1"/>
  <c r="AE31358" i="1"/>
  <c r="AE31359" i="1"/>
  <c r="AE31360" i="1"/>
  <c r="AE31361" i="1"/>
  <c r="AE31362" i="1"/>
  <c r="AE31363" i="1"/>
  <c r="AE31364" i="1"/>
  <c r="AE31365" i="1"/>
  <c r="AE31366" i="1"/>
  <c r="AE31367" i="1"/>
  <c r="AE31368" i="1"/>
  <c r="AE31369" i="1"/>
  <c r="AE31370" i="1"/>
  <c r="AE31371" i="1"/>
  <c r="AE31372" i="1"/>
  <c r="AE31373" i="1"/>
  <c r="AE31374" i="1"/>
  <c r="AE31375" i="1"/>
  <c r="AE31376" i="1"/>
  <c r="AE31377" i="1"/>
  <c r="AE31378" i="1"/>
  <c r="AE31379" i="1"/>
  <c r="AE31380" i="1"/>
  <c r="AE31381" i="1"/>
  <c r="AE31382" i="1"/>
  <c r="AE31383" i="1"/>
  <c r="AE31384" i="1"/>
  <c r="AE31385" i="1"/>
  <c r="AE31386" i="1"/>
  <c r="AE31387" i="1"/>
  <c r="AE31388" i="1"/>
  <c r="AE31389" i="1"/>
  <c r="AE31390" i="1"/>
  <c r="AE31391" i="1"/>
  <c r="AE31392" i="1"/>
  <c r="AE31393" i="1"/>
  <c r="AE31394" i="1"/>
  <c r="AE31395" i="1"/>
  <c r="AE31396" i="1"/>
  <c r="AE31397" i="1"/>
  <c r="AE31398" i="1"/>
  <c r="AE31399" i="1"/>
  <c r="AE31400" i="1"/>
  <c r="AE31401" i="1"/>
  <c r="AE31402" i="1"/>
  <c r="AE31403" i="1"/>
  <c r="AE31404" i="1"/>
  <c r="AE31405" i="1"/>
  <c r="AE31406" i="1"/>
  <c r="AE31407" i="1"/>
  <c r="AE31408" i="1"/>
  <c r="AE31409" i="1"/>
  <c r="AE31410" i="1"/>
  <c r="AE31411" i="1"/>
  <c r="AE31412" i="1"/>
  <c r="AE31413" i="1"/>
  <c r="AE31414" i="1"/>
  <c r="AE31415" i="1"/>
  <c r="AE31416" i="1"/>
  <c r="AE31417" i="1"/>
  <c r="AE31418" i="1"/>
  <c r="AE31419" i="1"/>
  <c r="AE31420" i="1"/>
  <c r="AE31421" i="1"/>
  <c r="AE31422" i="1"/>
  <c r="AE31423" i="1"/>
  <c r="AE31424" i="1"/>
  <c r="AE31425" i="1"/>
  <c r="AE31426" i="1"/>
  <c r="AE31427" i="1"/>
  <c r="AE31428" i="1"/>
  <c r="AE31429" i="1"/>
  <c r="AE31430" i="1"/>
  <c r="AE31431" i="1"/>
  <c r="AE31432" i="1"/>
  <c r="AE31433" i="1"/>
  <c r="AE31434" i="1"/>
  <c r="AE31435" i="1"/>
  <c r="AE31436" i="1"/>
  <c r="AE31437" i="1"/>
  <c r="AE31438" i="1"/>
  <c r="AE31439" i="1"/>
  <c r="AE31440" i="1"/>
  <c r="AE31441" i="1"/>
  <c r="AE31442" i="1"/>
  <c r="AE31443" i="1"/>
  <c r="AE31444" i="1"/>
  <c r="AE31445" i="1"/>
  <c r="AE31446" i="1"/>
  <c r="AE31447" i="1"/>
  <c r="AE31448" i="1"/>
  <c r="AE31449" i="1"/>
  <c r="AE31450" i="1"/>
  <c r="AE31451" i="1"/>
  <c r="AE31452" i="1"/>
  <c r="AE31453" i="1"/>
  <c r="AE31454" i="1"/>
  <c r="AE31455" i="1"/>
  <c r="AE31456" i="1"/>
  <c r="AE31457" i="1"/>
  <c r="AE31458" i="1"/>
  <c r="AE31459" i="1"/>
  <c r="AE31460" i="1"/>
  <c r="AE31461" i="1"/>
  <c r="AE31462" i="1"/>
  <c r="AE31463" i="1"/>
  <c r="AE31464" i="1"/>
  <c r="AE31465" i="1"/>
  <c r="AE31466" i="1"/>
  <c r="AE31467" i="1"/>
  <c r="AE31468" i="1"/>
  <c r="AE31469" i="1"/>
  <c r="AE31470" i="1"/>
  <c r="AE31471" i="1"/>
  <c r="AE31472" i="1"/>
  <c r="AE31473" i="1"/>
  <c r="AE31474" i="1"/>
  <c r="AE31475" i="1"/>
  <c r="AE31476" i="1"/>
  <c r="AE31477" i="1"/>
  <c r="AE31478" i="1"/>
  <c r="AE31479" i="1"/>
  <c r="AE31480" i="1"/>
  <c r="AE31481" i="1"/>
  <c r="AE31482" i="1"/>
  <c r="AE31483" i="1"/>
  <c r="AE31484" i="1"/>
  <c r="AE31485" i="1"/>
  <c r="AE31486" i="1"/>
  <c r="AE31487" i="1"/>
  <c r="AE31488" i="1"/>
  <c r="AE31489" i="1"/>
  <c r="AE31490" i="1"/>
  <c r="AE31491" i="1"/>
  <c r="AE31492" i="1"/>
  <c r="AE31493" i="1"/>
  <c r="AE31494" i="1"/>
  <c r="AE31495" i="1"/>
  <c r="AE31496" i="1"/>
  <c r="AE31497" i="1"/>
  <c r="AE31498" i="1"/>
  <c r="AE31499" i="1"/>
  <c r="AE31500" i="1"/>
  <c r="AE31501" i="1"/>
  <c r="AE31502" i="1"/>
  <c r="AE31503" i="1"/>
  <c r="AE31504" i="1"/>
  <c r="AE31505" i="1"/>
  <c r="AE31506" i="1"/>
  <c r="AE31507" i="1"/>
  <c r="AE31508" i="1"/>
  <c r="AE31509" i="1"/>
  <c r="AE31510" i="1"/>
  <c r="AE31511" i="1"/>
  <c r="AE31512" i="1"/>
  <c r="AE31513" i="1"/>
  <c r="AE31514" i="1"/>
  <c r="AE31515" i="1"/>
  <c r="AE31516" i="1"/>
  <c r="AE31517" i="1"/>
  <c r="AE31518" i="1"/>
  <c r="AE31519" i="1"/>
  <c r="AE31520" i="1"/>
  <c r="AE31521" i="1"/>
  <c r="AE31522" i="1"/>
  <c r="AE31523" i="1"/>
  <c r="AE31524" i="1"/>
  <c r="AE31525" i="1"/>
  <c r="AE31526" i="1"/>
  <c r="AE31527" i="1"/>
  <c r="AE31528" i="1"/>
  <c r="AE31529" i="1"/>
  <c r="AE31530" i="1"/>
  <c r="AE31531" i="1"/>
  <c r="AE31532" i="1"/>
  <c r="AE31533" i="1"/>
  <c r="AE31534" i="1"/>
  <c r="AE31535" i="1"/>
  <c r="AE31536" i="1"/>
  <c r="AE31537" i="1"/>
  <c r="AE31538" i="1"/>
  <c r="AE31539" i="1"/>
  <c r="AE31540" i="1"/>
  <c r="AE31541" i="1"/>
  <c r="AE31542" i="1"/>
  <c r="AE31543" i="1"/>
  <c r="AE31544" i="1"/>
  <c r="AE31545" i="1"/>
  <c r="AE31546" i="1"/>
  <c r="AE31547" i="1"/>
  <c r="AE31548" i="1"/>
  <c r="AE31549" i="1"/>
  <c r="AE31550" i="1"/>
  <c r="AE31551" i="1"/>
  <c r="AE31552" i="1"/>
  <c r="AE31553" i="1"/>
  <c r="AE31554" i="1"/>
  <c r="AE31555" i="1"/>
  <c r="AE31556" i="1"/>
  <c r="AE31557" i="1"/>
  <c r="AE31558" i="1"/>
  <c r="AE31559" i="1"/>
  <c r="AE31560" i="1"/>
  <c r="AE31561" i="1"/>
  <c r="AE31562" i="1"/>
  <c r="AE31563" i="1"/>
  <c r="AE31564" i="1"/>
  <c r="AE31565" i="1"/>
  <c r="AE31566" i="1"/>
  <c r="AE31567" i="1"/>
  <c r="AE31568" i="1"/>
  <c r="AE31569" i="1"/>
  <c r="AE31570" i="1"/>
  <c r="AE31571" i="1"/>
  <c r="AE31572" i="1"/>
  <c r="AE31573" i="1"/>
  <c r="AE31574" i="1"/>
  <c r="AE31575" i="1"/>
  <c r="AE31576" i="1"/>
  <c r="AE31577" i="1"/>
  <c r="AE31578" i="1"/>
  <c r="AE31579" i="1"/>
  <c r="AE31580" i="1"/>
  <c r="AE31581" i="1"/>
  <c r="AE31582" i="1"/>
  <c r="AE31583" i="1"/>
  <c r="AE31584" i="1"/>
  <c r="AE31585" i="1"/>
  <c r="AE31586" i="1"/>
  <c r="AE31587" i="1"/>
  <c r="AE31588" i="1"/>
  <c r="AE31589" i="1"/>
  <c r="AE31590" i="1"/>
  <c r="AE31591" i="1"/>
  <c r="AE31592" i="1"/>
  <c r="AE31593" i="1"/>
  <c r="AE31594" i="1"/>
  <c r="AE31595" i="1"/>
  <c r="AE31596" i="1"/>
  <c r="AE31597" i="1"/>
  <c r="AE31598" i="1"/>
  <c r="AE31599" i="1"/>
  <c r="AE31600" i="1"/>
  <c r="AE31601" i="1"/>
  <c r="AE31602" i="1"/>
  <c r="AE31603" i="1"/>
  <c r="AE31604" i="1"/>
  <c r="AE31605" i="1"/>
  <c r="AE31606" i="1"/>
  <c r="AE31607" i="1"/>
  <c r="AE31608" i="1"/>
  <c r="AE31609" i="1"/>
  <c r="AE31610" i="1"/>
  <c r="AE31611" i="1"/>
  <c r="AE31612" i="1"/>
  <c r="AE31613" i="1"/>
  <c r="AE31614" i="1"/>
  <c r="AE31615" i="1"/>
  <c r="AE31616" i="1"/>
  <c r="AE31617" i="1"/>
  <c r="AE31618" i="1"/>
  <c r="AE31619" i="1"/>
  <c r="AE31620" i="1"/>
  <c r="AE31621" i="1"/>
  <c r="AE31622" i="1"/>
  <c r="AE31623" i="1"/>
  <c r="AE31624" i="1"/>
  <c r="AE31625" i="1"/>
  <c r="AE31626" i="1"/>
  <c r="AE31627" i="1"/>
  <c r="AE31628" i="1"/>
  <c r="AE31629" i="1"/>
  <c r="AE31630" i="1"/>
  <c r="AE31631" i="1"/>
  <c r="AE31632" i="1"/>
  <c r="AE31633" i="1"/>
  <c r="AE31634" i="1"/>
  <c r="AE31635" i="1"/>
  <c r="AE31636" i="1"/>
  <c r="AE31637" i="1"/>
  <c r="AE31638" i="1"/>
  <c r="AE31639" i="1"/>
  <c r="AE31640" i="1"/>
  <c r="AE31641" i="1"/>
  <c r="AE31642" i="1"/>
  <c r="AE31643" i="1"/>
  <c r="AE31644" i="1"/>
  <c r="AE31645" i="1"/>
  <c r="AE31646" i="1"/>
  <c r="AE31647" i="1"/>
  <c r="AE31648" i="1"/>
  <c r="AE31649" i="1"/>
  <c r="AE31650" i="1"/>
  <c r="AE31651" i="1"/>
  <c r="AE31652" i="1"/>
  <c r="AE31653" i="1"/>
  <c r="AE31654" i="1"/>
  <c r="AE31655" i="1"/>
  <c r="AE31656" i="1"/>
  <c r="AE31657" i="1"/>
  <c r="AE31658" i="1"/>
  <c r="AE31659" i="1"/>
  <c r="AE31660" i="1"/>
  <c r="AE31661" i="1"/>
  <c r="AE31662" i="1"/>
  <c r="AE31663" i="1"/>
  <c r="AE31664" i="1"/>
  <c r="AE31665" i="1"/>
  <c r="AE31666" i="1"/>
  <c r="AE31667" i="1"/>
  <c r="AE31668" i="1"/>
  <c r="AE31669" i="1"/>
  <c r="AE31670" i="1"/>
  <c r="AE31671" i="1"/>
  <c r="AE31672" i="1"/>
  <c r="AE31673" i="1"/>
  <c r="AE31674" i="1"/>
  <c r="AE31675" i="1"/>
  <c r="AE31676" i="1"/>
  <c r="AE31677" i="1"/>
  <c r="AE31678" i="1"/>
  <c r="AE31679" i="1"/>
  <c r="AE31680" i="1"/>
  <c r="AE31681" i="1"/>
  <c r="AE31682" i="1"/>
  <c r="AE31683" i="1"/>
  <c r="AE31684" i="1"/>
  <c r="AE31685" i="1"/>
  <c r="AE31686" i="1"/>
  <c r="AE31687" i="1"/>
  <c r="AE31688" i="1"/>
  <c r="AE31689" i="1"/>
  <c r="AE31690" i="1"/>
  <c r="AE31691" i="1"/>
  <c r="AE31692" i="1"/>
  <c r="AE31693" i="1"/>
  <c r="AE31694" i="1"/>
  <c r="AE31695" i="1"/>
  <c r="AE31696" i="1"/>
  <c r="AE31697" i="1"/>
  <c r="AE31698" i="1"/>
  <c r="AE31699" i="1"/>
  <c r="AE31700" i="1"/>
  <c r="AE31701" i="1"/>
  <c r="AE31702" i="1"/>
  <c r="AE31703" i="1"/>
  <c r="AE31704" i="1"/>
  <c r="AE31705" i="1"/>
  <c r="AE31706" i="1"/>
  <c r="AE31707" i="1"/>
  <c r="AE31708" i="1"/>
  <c r="AE31709" i="1"/>
  <c r="AE31710" i="1"/>
  <c r="AE31711" i="1"/>
  <c r="AE31712" i="1"/>
  <c r="AE31713" i="1"/>
  <c r="AE31714" i="1"/>
  <c r="AE31715" i="1"/>
  <c r="AE31716" i="1"/>
  <c r="AE31717" i="1"/>
  <c r="AE31718" i="1"/>
  <c r="AE31719" i="1"/>
  <c r="AE31720" i="1"/>
  <c r="AE31721" i="1"/>
  <c r="AE31722" i="1"/>
  <c r="AE31723" i="1"/>
  <c r="AE31724" i="1"/>
  <c r="AE31725" i="1"/>
  <c r="AE31726" i="1"/>
  <c r="AE31727" i="1"/>
  <c r="AE31728" i="1"/>
  <c r="AE31729" i="1"/>
  <c r="AE31730" i="1"/>
  <c r="AE31731" i="1"/>
  <c r="AE31732" i="1"/>
  <c r="AE31733" i="1"/>
  <c r="AE31734" i="1"/>
  <c r="AE31735" i="1"/>
  <c r="AE31736" i="1"/>
  <c r="AE31737" i="1"/>
  <c r="AE31738" i="1"/>
  <c r="AE31739" i="1"/>
  <c r="AE31740" i="1"/>
  <c r="AE31741" i="1"/>
  <c r="AE31742" i="1"/>
  <c r="AE31743" i="1"/>
  <c r="AE31744" i="1"/>
  <c r="AE31745" i="1"/>
  <c r="AE31746" i="1"/>
  <c r="AE31747" i="1"/>
  <c r="AE31748" i="1"/>
  <c r="AE31749" i="1"/>
  <c r="AE31750" i="1"/>
  <c r="AE31751" i="1"/>
  <c r="AE31752" i="1"/>
  <c r="AE31753" i="1"/>
  <c r="AE31754" i="1"/>
  <c r="AE31755" i="1"/>
  <c r="AE31756" i="1"/>
  <c r="AE31757" i="1"/>
  <c r="AE31758" i="1"/>
  <c r="AE31759" i="1"/>
  <c r="AE31760" i="1"/>
  <c r="AE31761" i="1"/>
  <c r="AE31762" i="1"/>
  <c r="AE31763" i="1"/>
  <c r="AE31764" i="1"/>
  <c r="AE31765" i="1"/>
  <c r="AE31766" i="1"/>
  <c r="AE31767" i="1"/>
  <c r="AE31768" i="1"/>
  <c r="AE31769" i="1"/>
  <c r="AE31770" i="1"/>
  <c r="AE31771" i="1"/>
  <c r="AE31772" i="1"/>
  <c r="AE31773" i="1"/>
  <c r="AE31774" i="1"/>
  <c r="AE31775" i="1"/>
  <c r="AE31776" i="1"/>
  <c r="AE31777" i="1"/>
  <c r="AE31778" i="1"/>
  <c r="AE31779" i="1"/>
  <c r="AE31780" i="1"/>
  <c r="AE31781" i="1"/>
  <c r="AE31782" i="1"/>
  <c r="AE31783" i="1"/>
  <c r="AE31784" i="1"/>
  <c r="AE31785" i="1"/>
  <c r="AE31786" i="1"/>
  <c r="AE31787" i="1"/>
  <c r="AE31788" i="1"/>
  <c r="AE31789" i="1"/>
  <c r="AE31790" i="1"/>
  <c r="AE31791" i="1"/>
  <c r="AE31792" i="1"/>
  <c r="AE31793" i="1"/>
  <c r="AE31794" i="1"/>
  <c r="AE31795" i="1"/>
  <c r="AE31796" i="1"/>
  <c r="AE31797" i="1"/>
  <c r="AE31798" i="1"/>
  <c r="AE31799" i="1"/>
  <c r="AE31800" i="1"/>
  <c r="AE31801" i="1"/>
  <c r="AE31802" i="1"/>
  <c r="AE31803" i="1"/>
  <c r="AE31804" i="1"/>
  <c r="AE31805" i="1"/>
  <c r="AE31806" i="1"/>
  <c r="AE31807" i="1"/>
  <c r="AE31808" i="1"/>
  <c r="AE31809" i="1"/>
  <c r="AE31810" i="1"/>
  <c r="AE31811" i="1"/>
  <c r="AE31812" i="1"/>
  <c r="AE31813" i="1"/>
  <c r="AE31814" i="1"/>
  <c r="AE31815" i="1"/>
  <c r="AE31816" i="1"/>
  <c r="AE31817" i="1"/>
  <c r="AE31818" i="1"/>
  <c r="AE31819" i="1"/>
  <c r="AE31820" i="1"/>
  <c r="AE31821" i="1"/>
  <c r="AE31822" i="1"/>
  <c r="AE31823" i="1"/>
  <c r="AE31824" i="1"/>
  <c r="AE31825" i="1"/>
  <c r="AE31826" i="1"/>
  <c r="AE31827" i="1"/>
  <c r="AE31828" i="1"/>
  <c r="AE31829" i="1"/>
  <c r="AE31830" i="1"/>
  <c r="AE31831" i="1"/>
  <c r="AE31832" i="1"/>
  <c r="AE31833" i="1"/>
  <c r="AE31834" i="1"/>
  <c r="AE31835" i="1"/>
  <c r="AE31836" i="1"/>
  <c r="AE31837" i="1"/>
  <c r="AE31838" i="1"/>
  <c r="AE31839" i="1"/>
  <c r="AE31840" i="1"/>
  <c r="AE31841" i="1"/>
  <c r="AE31842" i="1"/>
  <c r="AE31843" i="1"/>
  <c r="AE31844" i="1"/>
  <c r="AE31845" i="1"/>
  <c r="AE31846" i="1"/>
  <c r="AE31847" i="1"/>
  <c r="AE31848" i="1"/>
  <c r="AE31849" i="1"/>
  <c r="AE31850" i="1"/>
  <c r="AE31851" i="1"/>
  <c r="AE31852" i="1"/>
  <c r="AE31853" i="1"/>
  <c r="AE31854" i="1"/>
  <c r="AE31855" i="1"/>
  <c r="AE31856" i="1"/>
  <c r="AE31857" i="1"/>
  <c r="AE31858" i="1"/>
  <c r="AE31859" i="1"/>
  <c r="AE31860" i="1"/>
  <c r="AE31861" i="1"/>
  <c r="AE31862" i="1"/>
  <c r="AE31863" i="1"/>
  <c r="AE31864" i="1"/>
  <c r="AE31865" i="1"/>
  <c r="AE31866" i="1"/>
  <c r="AE31867" i="1"/>
  <c r="AE31868" i="1"/>
  <c r="AE31869" i="1"/>
  <c r="AE31870" i="1"/>
  <c r="AE31871" i="1"/>
  <c r="AE31872" i="1"/>
  <c r="AE31873" i="1"/>
  <c r="AE31874" i="1"/>
  <c r="AE31875" i="1"/>
  <c r="AE31876" i="1"/>
  <c r="AE31877" i="1"/>
  <c r="AE31878" i="1"/>
  <c r="AE31879" i="1"/>
  <c r="AE31880" i="1"/>
  <c r="AE31881" i="1"/>
  <c r="AE31882" i="1"/>
  <c r="AE31883" i="1"/>
  <c r="AE31884" i="1"/>
  <c r="AE31885" i="1"/>
  <c r="AE31886" i="1"/>
  <c r="AE31887" i="1"/>
  <c r="AE31888" i="1"/>
  <c r="AE31889" i="1"/>
  <c r="AE31890" i="1"/>
  <c r="AE31891" i="1"/>
  <c r="AE31892" i="1"/>
  <c r="AE31893" i="1"/>
  <c r="AE31894" i="1"/>
  <c r="AE31895" i="1"/>
  <c r="AE31896" i="1"/>
  <c r="AE31897" i="1"/>
  <c r="AE31898" i="1"/>
  <c r="AE31899" i="1"/>
  <c r="AE31900" i="1"/>
  <c r="AE31901" i="1"/>
  <c r="AE31902" i="1"/>
  <c r="AE31903" i="1"/>
  <c r="AE31904" i="1"/>
  <c r="AE31905" i="1"/>
  <c r="AE31906" i="1"/>
  <c r="AE31907" i="1"/>
  <c r="AE31908" i="1"/>
  <c r="AE31909" i="1"/>
  <c r="AE31910" i="1"/>
  <c r="AE31911" i="1"/>
  <c r="AE31912" i="1"/>
  <c r="AE31913" i="1"/>
  <c r="AE31914" i="1"/>
  <c r="AE31915" i="1"/>
  <c r="AE31916" i="1"/>
  <c r="AE31917" i="1"/>
  <c r="AE31918" i="1"/>
  <c r="AE31919" i="1"/>
  <c r="AE31920" i="1"/>
  <c r="AE31921" i="1"/>
  <c r="AE31922" i="1"/>
  <c r="AE31923" i="1"/>
  <c r="AE31924" i="1"/>
  <c r="AE31925" i="1"/>
  <c r="AE31926" i="1"/>
  <c r="AE31927" i="1"/>
  <c r="AE31928" i="1"/>
  <c r="AE31929" i="1"/>
  <c r="AE31930" i="1"/>
  <c r="AE31931" i="1"/>
  <c r="AE31932" i="1"/>
  <c r="AE31933" i="1"/>
  <c r="AE31934" i="1"/>
  <c r="AE31935" i="1"/>
  <c r="AE31936" i="1"/>
  <c r="AE31937" i="1"/>
  <c r="AE31938" i="1"/>
  <c r="AE31939" i="1"/>
  <c r="AE31940" i="1"/>
  <c r="AE31941" i="1"/>
  <c r="AE31942" i="1"/>
  <c r="AE31943" i="1"/>
  <c r="AE31944" i="1"/>
  <c r="AE31945" i="1"/>
  <c r="AE31946" i="1"/>
  <c r="AE31947" i="1"/>
  <c r="AE31948" i="1"/>
  <c r="AE31949" i="1"/>
  <c r="AE31950" i="1"/>
  <c r="AE31951" i="1"/>
  <c r="AE31952" i="1"/>
  <c r="AE31953" i="1"/>
  <c r="AE31954" i="1"/>
  <c r="AE31955" i="1"/>
  <c r="AE31956" i="1"/>
  <c r="AE31957" i="1"/>
  <c r="AE31958" i="1"/>
  <c r="AE31959" i="1"/>
  <c r="AE31960" i="1"/>
  <c r="AE31961" i="1"/>
  <c r="AE31962" i="1"/>
  <c r="AE31963" i="1"/>
  <c r="AE31964" i="1"/>
  <c r="AE31965" i="1"/>
  <c r="AE31966" i="1"/>
  <c r="AE31967" i="1"/>
  <c r="AE31968" i="1"/>
  <c r="AE31969" i="1"/>
  <c r="AE31970" i="1"/>
  <c r="AE31971" i="1"/>
  <c r="AE31972" i="1"/>
  <c r="AE31973" i="1"/>
  <c r="AE31974" i="1"/>
  <c r="AE31975" i="1"/>
  <c r="AE31976" i="1"/>
  <c r="AE31977" i="1"/>
  <c r="AE31978" i="1"/>
  <c r="AE31979" i="1"/>
  <c r="AE31980" i="1"/>
  <c r="AE31981" i="1"/>
  <c r="AE31982" i="1"/>
  <c r="AE31983" i="1"/>
  <c r="AE31984" i="1"/>
  <c r="AE31985" i="1"/>
  <c r="AE31986" i="1"/>
  <c r="AE31987" i="1"/>
  <c r="AE31988" i="1"/>
  <c r="AE31989" i="1"/>
  <c r="AE31990" i="1"/>
  <c r="AE31991" i="1"/>
  <c r="AE31992" i="1"/>
  <c r="AE31993" i="1"/>
  <c r="AE31994" i="1"/>
  <c r="AE31995" i="1"/>
  <c r="AE31996" i="1"/>
  <c r="AE31997" i="1"/>
  <c r="AE31998" i="1"/>
  <c r="AE31999" i="1"/>
  <c r="AE32000" i="1"/>
  <c r="AE32001" i="1"/>
  <c r="AE32002" i="1"/>
  <c r="AE32003" i="1"/>
  <c r="AE32004" i="1"/>
  <c r="AE32005" i="1"/>
  <c r="AE32006" i="1"/>
  <c r="AE32007" i="1"/>
  <c r="AE32008" i="1"/>
  <c r="AE32009" i="1"/>
  <c r="AE32010" i="1"/>
  <c r="AE32011" i="1"/>
  <c r="AE32012" i="1"/>
  <c r="AE32013" i="1"/>
  <c r="AE32014" i="1"/>
  <c r="AE32015" i="1"/>
  <c r="AE32016" i="1"/>
  <c r="AE32017" i="1"/>
  <c r="AE32018" i="1"/>
  <c r="AE32019" i="1"/>
  <c r="AE32020" i="1"/>
  <c r="AE32021" i="1"/>
  <c r="AE32022" i="1"/>
  <c r="AE32023" i="1"/>
  <c r="AE32024" i="1"/>
  <c r="AE32025" i="1"/>
  <c r="AE32026" i="1"/>
  <c r="AE32027" i="1"/>
  <c r="AE32028" i="1"/>
  <c r="AE32029" i="1"/>
  <c r="AE32030" i="1"/>
  <c r="AE32031" i="1"/>
  <c r="AE32032" i="1"/>
  <c r="AE32033" i="1"/>
  <c r="AE32034" i="1"/>
  <c r="AE32035" i="1"/>
  <c r="AE32036" i="1"/>
  <c r="AE32037" i="1"/>
  <c r="AE32038" i="1"/>
  <c r="AE32039" i="1"/>
  <c r="AE32040" i="1"/>
  <c r="AE32041" i="1"/>
  <c r="AE32042" i="1"/>
  <c r="AE32043" i="1"/>
  <c r="AE32044" i="1"/>
  <c r="AE32045" i="1"/>
  <c r="AE32046" i="1"/>
  <c r="AE32047" i="1"/>
  <c r="AE32048" i="1"/>
  <c r="AE32049" i="1"/>
  <c r="AE32050" i="1"/>
  <c r="AE32051" i="1"/>
  <c r="AE32052" i="1"/>
  <c r="AE32053" i="1"/>
  <c r="AE32054" i="1"/>
  <c r="AE32055" i="1"/>
  <c r="AE32056" i="1"/>
  <c r="AE32057" i="1"/>
  <c r="AE32058" i="1"/>
  <c r="AE32059" i="1"/>
  <c r="AE32060" i="1"/>
  <c r="AE32061" i="1"/>
  <c r="AE32062" i="1"/>
  <c r="AE32063" i="1"/>
  <c r="AE32064" i="1"/>
  <c r="AE32065" i="1"/>
  <c r="AE32066" i="1"/>
  <c r="AE32067" i="1"/>
  <c r="AE32068" i="1"/>
  <c r="AE32069" i="1"/>
  <c r="AE32070" i="1"/>
  <c r="AE32071" i="1"/>
  <c r="AE32072" i="1"/>
  <c r="AE32073" i="1"/>
  <c r="AE32074" i="1"/>
  <c r="AE32075" i="1"/>
  <c r="AE32076" i="1"/>
  <c r="AE32077" i="1"/>
  <c r="AE32078" i="1"/>
  <c r="AE32079" i="1"/>
  <c r="AE32080" i="1"/>
  <c r="AE32081" i="1"/>
  <c r="AE32082" i="1"/>
  <c r="AE32083" i="1"/>
  <c r="AE32084" i="1"/>
  <c r="AE32085" i="1"/>
  <c r="AE32086" i="1"/>
  <c r="AE32087" i="1"/>
  <c r="AE32088" i="1"/>
  <c r="AE32089" i="1"/>
  <c r="AE32090" i="1"/>
  <c r="AE32091" i="1"/>
  <c r="AE32092" i="1"/>
  <c r="AE32093" i="1"/>
  <c r="AE32094" i="1"/>
  <c r="AE32095" i="1"/>
  <c r="AE32096" i="1"/>
  <c r="AE32097" i="1"/>
  <c r="AE32098" i="1"/>
  <c r="AE32099" i="1"/>
  <c r="AE32100" i="1"/>
  <c r="AE32101" i="1"/>
  <c r="AE32102" i="1"/>
  <c r="AE32103" i="1"/>
  <c r="AE32104" i="1"/>
  <c r="AE32105" i="1"/>
  <c r="AE32106" i="1"/>
  <c r="AE32107" i="1"/>
  <c r="AE32108" i="1"/>
  <c r="AE32109" i="1"/>
  <c r="AE32110" i="1"/>
  <c r="AE32111" i="1"/>
  <c r="AE32112" i="1"/>
  <c r="AE32113" i="1"/>
  <c r="AE32114" i="1"/>
  <c r="AE32115" i="1"/>
  <c r="AE32116" i="1"/>
  <c r="AE32117" i="1"/>
  <c r="AE32118" i="1"/>
  <c r="AE32119" i="1"/>
  <c r="AE32120" i="1"/>
  <c r="AE32121" i="1"/>
  <c r="AE32122" i="1"/>
  <c r="AE32123" i="1"/>
  <c r="AE32124" i="1"/>
  <c r="AE32125" i="1"/>
  <c r="AE32126" i="1"/>
  <c r="AE32127" i="1"/>
  <c r="AE32128" i="1"/>
  <c r="AE32129" i="1"/>
  <c r="AE32130" i="1"/>
  <c r="AE32131" i="1"/>
  <c r="AE32132" i="1"/>
  <c r="AE32133" i="1"/>
  <c r="AE32134" i="1"/>
  <c r="AE32135" i="1"/>
  <c r="AE32136" i="1"/>
  <c r="AE32137" i="1"/>
  <c r="AE32138" i="1"/>
  <c r="AE32139" i="1"/>
  <c r="AE32140" i="1"/>
  <c r="AE32141" i="1"/>
  <c r="AE32142" i="1"/>
  <c r="AE32143" i="1"/>
  <c r="AE32144" i="1"/>
  <c r="AE32145" i="1"/>
  <c r="AE32146" i="1"/>
  <c r="AE32147" i="1"/>
  <c r="AE32148" i="1"/>
  <c r="AE32149" i="1"/>
  <c r="AE32150" i="1"/>
  <c r="AE32151" i="1"/>
  <c r="AE32152" i="1"/>
  <c r="AE32153" i="1"/>
  <c r="AE32154" i="1"/>
  <c r="AE32155" i="1"/>
  <c r="AE32156" i="1"/>
  <c r="AE32157" i="1"/>
  <c r="AE32158" i="1"/>
  <c r="AE32159" i="1"/>
  <c r="AE32160" i="1"/>
  <c r="AE32161" i="1"/>
  <c r="AE32162" i="1"/>
  <c r="AE32163" i="1"/>
  <c r="AE32164" i="1"/>
  <c r="AE32165" i="1"/>
  <c r="AE32166" i="1"/>
  <c r="AE32167" i="1"/>
  <c r="AE32168" i="1"/>
  <c r="AE32169" i="1"/>
  <c r="AE32170" i="1"/>
  <c r="AE32171" i="1"/>
  <c r="AE32172" i="1"/>
  <c r="AE32173" i="1"/>
  <c r="AE32174" i="1"/>
  <c r="AE32175" i="1"/>
  <c r="AE32176" i="1"/>
  <c r="AE32177" i="1"/>
  <c r="AE32178" i="1"/>
  <c r="AE32179" i="1"/>
  <c r="AE32180" i="1"/>
  <c r="AE32181" i="1"/>
  <c r="AE32182" i="1"/>
  <c r="AE32183" i="1"/>
  <c r="AE32184" i="1"/>
  <c r="AE32185" i="1"/>
  <c r="AE32186" i="1"/>
  <c r="AE32187" i="1"/>
  <c r="AE32188" i="1"/>
  <c r="AE32189" i="1"/>
  <c r="AE32190" i="1"/>
  <c r="AE32191" i="1"/>
  <c r="AE32192" i="1"/>
  <c r="AE32193" i="1"/>
  <c r="AE32194" i="1"/>
  <c r="AE32195" i="1"/>
  <c r="AE32196" i="1"/>
  <c r="AE32197" i="1"/>
  <c r="AE32198" i="1"/>
  <c r="AE32199" i="1"/>
  <c r="AE32200" i="1"/>
  <c r="AE32201" i="1"/>
  <c r="AE32202" i="1"/>
  <c r="AE32203" i="1"/>
  <c r="AE32204" i="1"/>
  <c r="AE32205" i="1"/>
  <c r="AE32206" i="1"/>
  <c r="AE32207" i="1"/>
  <c r="AE32208" i="1"/>
  <c r="AE32209" i="1"/>
  <c r="AE32210" i="1"/>
  <c r="AE32211" i="1"/>
  <c r="AE32212" i="1"/>
  <c r="AE32213" i="1"/>
  <c r="AE32214" i="1"/>
  <c r="AE32215" i="1"/>
  <c r="AE32216" i="1"/>
  <c r="AE32217" i="1"/>
  <c r="AE32218" i="1"/>
  <c r="AE32219" i="1"/>
  <c r="AE32220" i="1"/>
  <c r="AE32221" i="1"/>
  <c r="AE32222" i="1"/>
  <c r="AE32223" i="1"/>
  <c r="AE32224" i="1"/>
  <c r="AE32225" i="1"/>
  <c r="AE32226" i="1"/>
  <c r="AE32227" i="1"/>
  <c r="AE32228" i="1"/>
  <c r="AE32229" i="1"/>
  <c r="AE32230" i="1"/>
  <c r="AE32231" i="1"/>
  <c r="AE32232" i="1"/>
  <c r="AE32233" i="1"/>
  <c r="AE32234" i="1"/>
  <c r="AE32235" i="1"/>
  <c r="AE32236" i="1"/>
  <c r="AE32237" i="1"/>
  <c r="AE32238" i="1"/>
  <c r="AE32239" i="1"/>
  <c r="AE32240" i="1"/>
  <c r="AE32241" i="1"/>
  <c r="AE32242" i="1"/>
  <c r="AE32243" i="1"/>
  <c r="AE32244" i="1"/>
  <c r="AE32245" i="1"/>
  <c r="AE32246" i="1"/>
  <c r="AE32247" i="1"/>
  <c r="AE32248" i="1"/>
  <c r="AE32249" i="1"/>
  <c r="AE32250" i="1"/>
  <c r="AE32251" i="1"/>
  <c r="AE32252" i="1"/>
  <c r="AE32253" i="1"/>
  <c r="AE32254" i="1"/>
  <c r="AE32255" i="1"/>
  <c r="AE32256" i="1"/>
  <c r="AE32257" i="1"/>
  <c r="AE32258" i="1"/>
  <c r="AE32259" i="1"/>
  <c r="AE32260" i="1"/>
  <c r="AE32261" i="1"/>
  <c r="AE32262" i="1"/>
  <c r="AE32263" i="1"/>
  <c r="AE32264" i="1"/>
  <c r="AE32265" i="1"/>
  <c r="AE32266" i="1"/>
  <c r="AE32267" i="1"/>
  <c r="AE32268" i="1"/>
  <c r="AE32269" i="1"/>
  <c r="AE32270" i="1"/>
  <c r="AE32271" i="1"/>
  <c r="AE32272" i="1"/>
  <c r="AE32273" i="1"/>
  <c r="AE32274" i="1"/>
  <c r="AE32275" i="1"/>
  <c r="AE32276" i="1"/>
  <c r="AE32277" i="1"/>
  <c r="AE32278" i="1"/>
  <c r="AE32279" i="1"/>
  <c r="AE32280" i="1"/>
  <c r="AE32281" i="1"/>
  <c r="AE32282" i="1"/>
  <c r="AE32283" i="1"/>
  <c r="AE32284" i="1"/>
  <c r="AE32285" i="1"/>
  <c r="AE32286" i="1"/>
  <c r="AE32287" i="1"/>
  <c r="AE32288" i="1"/>
  <c r="AE32289" i="1"/>
  <c r="AE32290" i="1"/>
  <c r="AE32291" i="1"/>
  <c r="AE32292" i="1"/>
  <c r="AE32293" i="1"/>
  <c r="AE32294" i="1"/>
  <c r="AE32295" i="1"/>
  <c r="AE32296" i="1"/>
  <c r="AE32297" i="1"/>
  <c r="AE32298" i="1"/>
  <c r="AE32299" i="1"/>
  <c r="AE32300" i="1"/>
  <c r="AE32301" i="1"/>
  <c r="AE32302" i="1"/>
  <c r="AE32303" i="1"/>
  <c r="AE32304" i="1"/>
  <c r="AE32305" i="1"/>
  <c r="AE32306" i="1"/>
  <c r="AE32307" i="1"/>
  <c r="AE32308" i="1"/>
  <c r="AE32309" i="1"/>
  <c r="AE32310" i="1"/>
  <c r="AE32311" i="1"/>
  <c r="AE32312" i="1"/>
  <c r="AE32313" i="1"/>
  <c r="AE32314" i="1"/>
  <c r="AE32315" i="1"/>
  <c r="AE32316" i="1"/>
  <c r="AE32317" i="1"/>
  <c r="AE32318" i="1"/>
  <c r="AE32319" i="1"/>
  <c r="AE32320" i="1"/>
  <c r="AE32321" i="1"/>
  <c r="AE32322" i="1"/>
  <c r="AE32323" i="1"/>
  <c r="AE32324" i="1"/>
  <c r="AE32325" i="1"/>
  <c r="AE32326" i="1"/>
  <c r="AE32327" i="1"/>
  <c r="AE32328" i="1"/>
  <c r="AE32329" i="1"/>
  <c r="AE32330" i="1"/>
  <c r="AE32331" i="1"/>
  <c r="AE32332" i="1"/>
  <c r="AE32333" i="1"/>
  <c r="AE32334" i="1"/>
  <c r="AE32335" i="1"/>
  <c r="AE32336" i="1"/>
  <c r="AE32337" i="1"/>
  <c r="AE32338" i="1"/>
  <c r="AE32339" i="1"/>
  <c r="AE32340" i="1"/>
  <c r="AE32341" i="1"/>
  <c r="AE32342" i="1"/>
  <c r="AE32343" i="1"/>
  <c r="AE32344" i="1"/>
  <c r="AE32345" i="1"/>
  <c r="AE32346" i="1"/>
  <c r="AE32347" i="1"/>
  <c r="AE32348" i="1"/>
  <c r="AE32349" i="1"/>
  <c r="AE32350" i="1"/>
  <c r="AE32351" i="1"/>
  <c r="AE32352" i="1"/>
  <c r="AE32353" i="1"/>
  <c r="AE32354" i="1"/>
  <c r="AE32355" i="1"/>
  <c r="AE32356" i="1"/>
  <c r="AE32357" i="1"/>
  <c r="AE32358" i="1"/>
  <c r="AE32359" i="1"/>
  <c r="AE32360" i="1"/>
  <c r="AE32361" i="1"/>
  <c r="AE32362" i="1"/>
  <c r="AE32363" i="1"/>
  <c r="AE32364" i="1"/>
  <c r="AE32365" i="1"/>
  <c r="AE32366" i="1"/>
  <c r="AE32367" i="1"/>
  <c r="AE32368" i="1"/>
  <c r="AE32369" i="1"/>
  <c r="AE32370" i="1"/>
  <c r="AE32371" i="1"/>
  <c r="AE32372" i="1"/>
  <c r="AE32373" i="1"/>
  <c r="AE32374" i="1"/>
  <c r="AE32375" i="1"/>
  <c r="AE32376" i="1"/>
  <c r="AE32377" i="1"/>
  <c r="AE32378" i="1"/>
  <c r="AE32379" i="1"/>
  <c r="AE32380" i="1"/>
  <c r="AE32381" i="1"/>
  <c r="AE32382" i="1"/>
  <c r="AE32383" i="1"/>
  <c r="AE32384" i="1"/>
  <c r="AE32385" i="1"/>
  <c r="AE32386" i="1"/>
  <c r="AE32387" i="1"/>
  <c r="AE32388" i="1"/>
  <c r="AE32389" i="1"/>
  <c r="AE32390" i="1"/>
  <c r="AE32391" i="1"/>
  <c r="AE32392" i="1"/>
  <c r="AE32393" i="1"/>
  <c r="AE32394" i="1"/>
  <c r="AE32395" i="1"/>
  <c r="AE32396" i="1"/>
  <c r="AE32397" i="1"/>
  <c r="AE32398" i="1"/>
  <c r="AE32399" i="1"/>
  <c r="AE32400" i="1"/>
  <c r="AE32401" i="1"/>
  <c r="AE32402" i="1"/>
  <c r="AE32403" i="1"/>
  <c r="AE32404" i="1"/>
  <c r="AE32405" i="1"/>
  <c r="AE32406" i="1"/>
  <c r="AE32407" i="1"/>
  <c r="AE32408" i="1"/>
  <c r="AE32409" i="1"/>
  <c r="AE32410" i="1"/>
  <c r="AE32411" i="1"/>
  <c r="AE32412" i="1"/>
  <c r="AE32413" i="1"/>
  <c r="AE32414" i="1"/>
  <c r="AE32415" i="1"/>
  <c r="AE32416" i="1"/>
  <c r="AE32417" i="1"/>
  <c r="AE32418" i="1"/>
  <c r="AE32419" i="1"/>
  <c r="AE32420" i="1"/>
  <c r="AE32421" i="1"/>
  <c r="AE32422" i="1"/>
  <c r="AE32423" i="1"/>
  <c r="AE32424" i="1"/>
  <c r="AE32425" i="1"/>
  <c r="AE32426" i="1"/>
  <c r="AE32427" i="1"/>
  <c r="AE32428" i="1"/>
  <c r="AE32429" i="1"/>
  <c r="AE32430" i="1"/>
  <c r="AE32431" i="1"/>
  <c r="AE32432" i="1"/>
  <c r="AE32433" i="1"/>
  <c r="AE32434" i="1"/>
  <c r="AE32435" i="1"/>
  <c r="AE32436" i="1"/>
  <c r="AE32437" i="1"/>
  <c r="AE32438" i="1"/>
  <c r="AE32439" i="1"/>
  <c r="AE32440" i="1"/>
  <c r="AE32441" i="1"/>
  <c r="AE32442" i="1"/>
  <c r="AE32443" i="1"/>
  <c r="AE32444" i="1"/>
  <c r="AE32445" i="1"/>
  <c r="AE32446" i="1"/>
  <c r="AE32447" i="1"/>
  <c r="AE32448" i="1"/>
  <c r="AE32449" i="1"/>
  <c r="AE32450" i="1"/>
  <c r="AE32451" i="1"/>
  <c r="AE32452" i="1"/>
  <c r="AE32453" i="1"/>
  <c r="AE32454" i="1"/>
  <c r="AE32455" i="1"/>
  <c r="AE32456" i="1"/>
  <c r="AE32457" i="1"/>
  <c r="AE32458" i="1"/>
  <c r="AE32459" i="1"/>
  <c r="AE32460" i="1"/>
  <c r="AE32461" i="1"/>
  <c r="AE32462" i="1"/>
  <c r="AE32463" i="1"/>
  <c r="AE32464" i="1"/>
  <c r="AE32465" i="1"/>
  <c r="AE32466" i="1"/>
  <c r="AE32467" i="1"/>
  <c r="AE32468" i="1"/>
  <c r="AE32469" i="1"/>
  <c r="AE32470" i="1"/>
  <c r="AE32471" i="1"/>
  <c r="AE32472" i="1"/>
  <c r="AE32473" i="1"/>
  <c r="AE32474" i="1"/>
  <c r="AE32475" i="1"/>
  <c r="AE32476" i="1"/>
  <c r="AE32477" i="1"/>
  <c r="AE32478" i="1"/>
  <c r="AE32479" i="1"/>
  <c r="AE32480" i="1"/>
  <c r="AE32481" i="1"/>
  <c r="AE32482" i="1"/>
  <c r="AE32483" i="1"/>
  <c r="AE32484" i="1"/>
  <c r="AE32485" i="1"/>
  <c r="AE32486" i="1"/>
  <c r="AE32487" i="1"/>
  <c r="AE32488" i="1"/>
  <c r="AE32489" i="1"/>
  <c r="AE32490" i="1"/>
  <c r="AE32491" i="1"/>
  <c r="AE32492" i="1"/>
  <c r="AE32493" i="1"/>
  <c r="AE32494" i="1"/>
  <c r="AE32495" i="1"/>
  <c r="AE32496" i="1"/>
  <c r="AE32497" i="1"/>
  <c r="AE32498" i="1"/>
  <c r="AE32499" i="1"/>
  <c r="AE32500" i="1"/>
  <c r="AE32501" i="1"/>
  <c r="AE32502" i="1"/>
  <c r="AE32503" i="1"/>
  <c r="AE32504" i="1"/>
  <c r="AE32505" i="1"/>
  <c r="AE32506" i="1"/>
  <c r="AE32507" i="1"/>
  <c r="AE32508" i="1"/>
  <c r="AE32509" i="1"/>
  <c r="AE32510" i="1"/>
  <c r="AE32511" i="1"/>
  <c r="AE32512" i="1"/>
  <c r="AE32513" i="1"/>
  <c r="AE32514" i="1"/>
  <c r="AE32515" i="1"/>
  <c r="AE32516" i="1"/>
  <c r="AE32517" i="1"/>
  <c r="AE32518" i="1"/>
  <c r="AE32519" i="1"/>
  <c r="AE32520" i="1"/>
  <c r="AE32521" i="1"/>
  <c r="AE32522" i="1"/>
  <c r="AE32523" i="1"/>
  <c r="AE32524" i="1"/>
  <c r="AE32525" i="1"/>
  <c r="AE32526" i="1"/>
  <c r="AE32527" i="1"/>
  <c r="AE32528" i="1"/>
  <c r="AE32529" i="1"/>
  <c r="AE32530" i="1"/>
  <c r="AE32531" i="1"/>
  <c r="AE32532" i="1"/>
  <c r="AE32533" i="1"/>
  <c r="AE32534" i="1"/>
  <c r="AE32535" i="1"/>
  <c r="AE32536" i="1"/>
  <c r="AE32537" i="1"/>
  <c r="AE32538" i="1"/>
  <c r="AE32539" i="1"/>
  <c r="AE32540" i="1"/>
  <c r="AE32541" i="1"/>
  <c r="AE32542" i="1"/>
  <c r="AE32543" i="1"/>
  <c r="AE32544" i="1"/>
  <c r="AE32545" i="1"/>
  <c r="AE32546" i="1"/>
  <c r="AE32547" i="1"/>
  <c r="AE32548" i="1"/>
  <c r="AE32549" i="1"/>
  <c r="AE32550" i="1"/>
  <c r="AE32551" i="1"/>
  <c r="AE32552" i="1"/>
  <c r="AE32553" i="1"/>
  <c r="AE32554" i="1"/>
  <c r="AE32555" i="1"/>
  <c r="AE32556" i="1"/>
  <c r="AE32557" i="1"/>
  <c r="AE32558" i="1"/>
  <c r="AE32559" i="1"/>
  <c r="AE32560" i="1"/>
  <c r="AE32561" i="1"/>
  <c r="AE32562" i="1"/>
  <c r="AE32563" i="1"/>
  <c r="AE32564" i="1"/>
  <c r="AE32565" i="1"/>
  <c r="AE32566" i="1"/>
  <c r="AE32567" i="1"/>
  <c r="AE32568" i="1"/>
  <c r="AE32569" i="1"/>
  <c r="AE32570" i="1"/>
  <c r="AE32571" i="1"/>
  <c r="AE32572" i="1"/>
  <c r="AE32573" i="1"/>
  <c r="AE32574" i="1"/>
  <c r="AE32575" i="1"/>
  <c r="AE32576" i="1"/>
  <c r="AE32577" i="1"/>
  <c r="AE32578" i="1"/>
  <c r="AE32579" i="1"/>
  <c r="AE32580" i="1"/>
  <c r="AE32581" i="1"/>
  <c r="AE32582" i="1"/>
  <c r="AE32583" i="1"/>
  <c r="AE32584" i="1"/>
  <c r="AE32585" i="1"/>
  <c r="AE32586" i="1"/>
  <c r="AE32587" i="1"/>
  <c r="AE32588" i="1"/>
  <c r="AE32589" i="1"/>
  <c r="AE32590" i="1"/>
  <c r="AE32591" i="1"/>
  <c r="AE32592" i="1"/>
  <c r="AE32593" i="1"/>
  <c r="AE32594" i="1"/>
  <c r="AE32595" i="1"/>
  <c r="AE32596" i="1"/>
  <c r="AE32597" i="1"/>
  <c r="AE32598" i="1"/>
  <c r="AE32599" i="1"/>
  <c r="AE32600" i="1"/>
  <c r="AE32601" i="1"/>
  <c r="AE32602" i="1"/>
  <c r="AE32603" i="1"/>
  <c r="AE32604" i="1"/>
  <c r="AE32605" i="1"/>
  <c r="AE32606" i="1"/>
  <c r="AE32607" i="1"/>
  <c r="AE32608" i="1"/>
  <c r="AE32609" i="1"/>
  <c r="AE32610" i="1"/>
  <c r="AE32611" i="1"/>
  <c r="AE32612" i="1"/>
  <c r="AE32613" i="1"/>
  <c r="AE32614" i="1"/>
  <c r="AE32615" i="1"/>
  <c r="AE32616" i="1"/>
  <c r="AE32617" i="1"/>
  <c r="AE32618" i="1"/>
  <c r="AE32619" i="1"/>
  <c r="AE32620" i="1"/>
  <c r="AE32621" i="1"/>
  <c r="AE32622" i="1"/>
  <c r="AE32623" i="1"/>
  <c r="AE32624" i="1"/>
  <c r="AE32625" i="1"/>
  <c r="AE32626" i="1"/>
  <c r="AE32627" i="1"/>
  <c r="AE32628" i="1"/>
  <c r="AE32629" i="1"/>
  <c r="AE32630" i="1"/>
  <c r="AE32631" i="1"/>
  <c r="AE32632" i="1"/>
  <c r="AE32633" i="1"/>
  <c r="AE32634" i="1"/>
  <c r="AE32635" i="1"/>
  <c r="AE32636" i="1"/>
  <c r="AE32637" i="1"/>
  <c r="AE32638" i="1"/>
  <c r="AE32639" i="1"/>
  <c r="AE32640" i="1"/>
  <c r="AE32641" i="1"/>
  <c r="AE32642" i="1"/>
  <c r="AE32643" i="1"/>
  <c r="AE32644" i="1"/>
  <c r="AE32645" i="1"/>
  <c r="AE32646" i="1"/>
  <c r="AE32647" i="1"/>
  <c r="AE32648" i="1"/>
  <c r="AE32649" i="1"/>
  <c r="AE32650" i="1"/>
  <c r="AE32651" i="1"/>
  <c r="AE32652" i="1"/>
  <c r="AE32653" i="1"/>
  <c r="AE32654" i="1"/>
  <c r="AE32655" i="1"/>
  <c r="AE32656" i="1"/>
  <c r="AE32657" i="1"/>
  <c r="AE32658" i="1"/>
  <c r="AE32659" i="1"/>
  <c r="AE32660" i="1"/>
  <c r="AE32661" i="1"/>
  <c r="AE32662" i="1"/>
  <c r="AE32663" i="1"/>
  <c r="AE32664" i="1"/>
  <c r="AE32665" i="1"/>
  <c r="AE32666" i="1"/>
  <c r="AE32667" i="1"/>
  <c r="AE32668" i="1"/>
  <c r="AE32669" i="1"/>
  <c r="AE32670" i="1"/>
  <c r="AE32671" i="1"/>
  <c r="AE32672" i="1"/>
  <c r="AE32673" i="1"/>
  <c r="AE32674" i="1"/>
  <c r="AE32675" i="1"/>
  <c r="AE32676" i="1"/>
  <c r="AE32677" i="1"/>
  <c r="AE32678" i="1"/>
  <c r="AE32679" i="1"/>
  <c r="AE32680" i="1"/>
  <c r="AE32681" i="1"/>
  <c r="AE32682" i="1"/>
  <c r="AE32683" i="1"/>
  <c r="AE32684" i="1"/>
  <c r="AE32685" i="1"/>
  <c r="AE32686" i="1"/>
  <c r="AE32687" i="1"/>
  <c r="AE32688" i="1"/>
  <c r="AE32689" i="1"/>
  <c r="AE32690" i="1"/>
  <c r="AE32691" i="1"/>
  <c r="AE32692" i="1"/>
  <c r="AE32693" i="1"/>
  <c r="AE32694" i="1"/>
  <c r="AE32695" i="1"/>
  <c r="AE32696" i="1"/>
  <c r="AE32697" i="1"/>
  <c r="AE32698" i="1"/>
  <c r="AE32699" i="1"/>
  <c r="AE32700" i="1"/>
  <c r="AE32701" i="1"/>
  <c r="AE32702" i="1"/>
  <c r="AE32703" i="1"/>
  <c r="AE32704" i="1"/>
  <c r="AE32705" i="1"/>
  <c r="AE32706" i="1"/>
  <c r="AE32707" i="1"/>
  <c r="AE32708" i="1"/>
  <c r="AE32709" i="1"/>
  <c r="AE32710" i="1"/>
  <c r="AE32711" i="1"/>
  <c r="AE32712" i="1"/>
  <c r="AE32713" i="1"/>
  <c r="AE32714" i="1"/>
  <c r="AE32715" i="1"/>
  <c r="AE32716" i="1"/>
  <c r="AE32717" i="1"/>
  <c r="AE32718" i="1"/>
  <c r="AE32719" i="1"/>
  <c r="AE32720" i="1"/>
  <c r="AE32721" i="1"/>
  <c r="AE32722" i="1"/>
  <c r="AE32723" i="1"/>
  <c r="AE32724" i="1"/>
  <c r="AE32725" i="1"/>
  <c r="AE32726" i="1"/>
  <c r="AE32727" i="1"/>
  <c r="AE32728" i="1"/>
  <c r="AE32729" i="1"/>
  <c r="AE32730" i="1"/>
  <c r="AE32731" i="1"/>
  <c r="AE32732" i="1"/>
  <c r="AE32733" i="1"/>
  <c r="AE32734" i="1"/>
  <c r="AE32735" i="1"/>
  <c r="AE32736" i="1"/>
  <c r="AE32737" i="1"/>
  <c r="AE32738" i="1"/>
  <c r="AE32739" i="1"/>
  <c r="AE32740" i="1"/>
  <c r="AE32741" i="1"/>
  <c r="AE32742" i="1"/>
  <c r="AE32743" i="1"/>
  <c r="AE32744" i="1"/>
  <c r="AE32745" i="1"/>
  <c r="AE32746" i="1"/>
  <c r="AE32747" i="1"/>
  <c r="AE32748" i="1"/>
  <c r="AE32749" i="1"/>
  <c r="AE32750" i="1"/>
  <c r="AE32751" i="1"/>
  <c r="AE32752" i="1"/>
  <c r="AE32753" i="1"/>
  <c r="AE32754" i="1"/>
  <c r="AE32755" i="1"/>
  <c r="AE32756" i="1"/>
  <c r="AE32757" i="1"/>
  <c r="AE32758" i="1"/>
  <c r="AE32759" i="1"/>
  <c r="AE32760" i="1"/>
  <c r="AE32761" i="1"/>
  <c r="AE32762" i="1"/>
  <c r="AE32763" i="1"/>
  <c r="AE32764" i="1"/>
  <c r="AE32765" i="1"/>
  <c r="AE32766" i="1"/>
  <c r="AE32767" i="1"/>
  <c r="AE32768" i="1"/>
  <c r="AE32769" i="1"/>
  <c r="AE32770" i="1"/>
  <c r="AE32771" i="1"/>
  <c r="AE32772" i="1"/>
  <c r="AE32773" i="1"/>
  <c r="AE32774" i="1"/>
  <c r="AE32775" i="1"/>
  <c r="AE32776" i="1"/>
  <c r="AE32777" i="1"/>
  <c r="AE32778" i="1"/>
  <c r="AE32779" i="1"/>
  <c r="AE32780" i="1"/>
  <c r="AE32781" i="1"/>
  <c r="AE32782" i="1"/>
  <c r="AE32783" i="1"/>
  <c r="AE32784" i="1"/>
  <c r="AE32785" i="1"/>
  <c r="AE32786" i="1"/>
  <c r="AE32787" i="1"/>
  <c r="AE32788" i="1"/>
  <c r="AE32789" i="1"/>
  <c r="AE32790" i="1"/>
  <c r="AE32791" i="1"/>
  <c r="AE32792" i="1"/>
  <c r="AE32793" i="1"/>
  <c r="AE32794" i="1"/>
  <c r="AE32795" i="1"/>
  <c r="AE32796" i="1"/>
  <c r="AE32797" i="1"/>
  <c r="AE32798" i="1"/>
  <c r="AE32799" i="1"/>
  <c r="AE32800" i="1"/>
  <c r="AE32801" i="1"/>
  <c r="AE32802" i="1"/>
  <c r="AE32803" i="1"/>
  <c r="AE32804" i="1"/>
  <c r="AE32805" i="1"/>
  <c r="AE32806" i="1"/>
  <c r="AE32807" i="1"/>
  <c r="AE32808" i="1"/>
  <c r="AE32809" i="1"/>
  <c r="AE32810" i="1"/>
  <c r="AE32811" i="1"/>
  <c r="AE32812" i="1"/>
  <c r="AE32813" i="1"/>
  <c r="AE32814" i="1"/>
  <c r="AE32815" i="1"/>
  <c r="AE32816" i="1"/>
  <c r="AE32817" i="1"/>
  <c r="AE32818" i="1"/>
  <c r="AE32819" i="1"/>
  <c r="AE32820" i="1"/>
  <c r="AE32821" i="1"/>
  <c r="AE32822" i="1"/>
  <c r="AE32823" i="1"/>
  <c r="AE32824" i="1"/>
  <c r="AE32825" i="1"/>
  <c r="AE32826" i="1"/>
  <c r="AE32827" i="1"/>
  <c r="AE32828" i="1"/>
  <c r="AE32829" i="1"/>
  <c r="AE32830" i="1"/>
  <c r="AE32831" i="1"/>
  <c r="AE32832" i="1"/>
  <c r="AE32833" i="1"/>
  <c r="AE32834" i="1"/>
  <c r="AE32835" i="1"/>
  <c r="AE32836" i="1"/>
  <c r="AE32837" i="1"/>
  <c r="AE32838" i="1"/>
  <c r="AE32839" i="1"/>
  <c r="AE32840" i="1"/>
  <c r="AE32841" i="1"/>
  <c r="AE32842" i="1"/>
  <c r="AE32843" i="1"/>
  <c r="AE32844" i="1"/>
  <c r="AE32845" i="1"/>
  <c r="AE32846" i="1"/>
  <c r="AE32847" i="1"/>
  <c r="AE32848" i="1"/>
  <c r="AE32849" i="1"/>
  <c r="AE32850" i="1"/>
  <c r="AE32851" i="1"/>
  <c r="AE32852" i="1"/>
  <c r="AE32853" i="1"/>
  <c r="AE32854" i="1"/>
  <c r="AE32855" i="1"/>
  <c r="AE32856" i="1"/>
  <c r="AE32857" i="1"/>
  <c r="AE32858" i="1"/>
  <c r="AE32859" i="1"/>
  <c r="AE32860" i="1"/>
  <c r="AE32861" i="1"/>
  <c r="AE32862" i="1"/>
  <c r="AE32863" i="1"/>
  <c r="AE32864" i="1"/>
  <c r="AE32865" i="1"/>
  <c r="AE32866" i="1"/>
  <c r="AE32867" i="1"/>
  <c r="AE32868" i="1"/>
  <c r="AE32869" i="1"/>
  <c r="AE32870" i="1"/>
  <c r="AE32871" i="1"/>
  <c r="AE32872" i="1"/>
  <c r="AE32873" i="1"/>
  <c r="AE32874" i="1"/>
  <c r="AE32875" i="1"/>
  <c r="AE32876" i="1"/>
  <c r="AE32877" i="1"/>
  <c r="AE32878" i="1"/>
  <c r="AE32879" i="1"/>
  <c r="AE32880" i="1"/>
  <c r="AE32881" i="1"/>
  <c r="AE32882" i="1"/>
  <c r="AE32883" i="1"/>
  <c r="AE32884" i="1"/>
  <c r="AE32885" i="1"/>
  <c r="AE32886" i="1"/>
  <c r="AE32887" i="1"/>
  <c r="AE32888" i="1"/>
  <c r="AE32889" i="1"/>
  <c r="AE32890" i="1"/>
  <c r="AE32891" i="1"/>
  <c r="AE32892" i="1"/>
  <c r="AE32893" i="1"/>
  <c r="AE32894" i="1"/>
  <c r="AE32895" i="1"/>
  <c r="AE32896" i="1"/>
  <c r="AE32897" i="1"/>
  <c r="AE32898" i="1"/>
  <c r="AE32899" i="1"/>
  <c r="AE32900" i="1"/>
  <c r="AE32901" i="1"/>
  <c r="AE32902" i="1"/>
  <c r="AE32903" i="1"/>
  <c r="AE32904" i="1"/>
  <c r="AE32905" i="1"/>
  <c r="AE32906" i="1"/>
  <c r="AE32907" i="1"/>
  <c r="AE32908" i="1"/>
  <c r="AE32909" i="1"/>
  <c r="AE32910" i="1"/>
  <c r="AE32911" i="1"/>
  <c r="AE32912" i="1"/>
  <c r="AE32913" i="1"/>
  <c r="AE32914" i="1"/>
  <c r="AE32915" i="1"/>
  <c r="AE32916" i="1"/>
  <c r="AE32917" i="1"/>
  <c r="AE32918" i="1"/>
  <c r="AE32919" i="1"/>
  <c r="AE32920" i="1"/>
  <c r="AE32921" i="1"/>
  <c r="AE32922" i="1"/>
  <c r="AE32923" i="1"/>
  <c r="AE32924" i="1"/>
  <c r="AE32925" i="1"/>
  <c r="AE32926" i="1"/>
  <c r="AE32927" i="1"/>
  <c r="AE32928" i="1"/>
  <c r="AE32929" i="1"/>
  <c r="AE32930" i="1"/>
  <c r="AE32931" i="1"/>
  <c r="AE32932" i="1"/>
  <c r="AE32933" i="1"/>
  <c r="AE32934" i="1"/>
  <c r="AE32935" i="1"/>
  <c r="AE32936" i="1"/>
  <c r="AE32937" i="1"/>
  <c r="AE32938" i="1"/>
  <c r="AE32939" i="1"/>
  <c r="AE32940" i="1"/>
  <c r="AE32941" i="1"/>
  <c r="AE32942" i="1"/>
  <c r="AE32943" i="1"/>
  <c r="AE32944" i="1"/>
  <c r="AE32945" i="1"/>
  <c r="AE32946" i="1"/>
  <c r="AE32947" i="1"/>
  <c r="AE32948" i="1"/>
  <c r="AE32949" i="1"/>
  <c r="AE32950" i="1"/>
  <c r="AE32951" i="1"/>
  <c r="AE32952" i="1"/>
  <c r="AE32953" i="1"/>
  <c r="AE32954" i="1"/>
  <c r="AE32955" i="1"/>
  <c r="AE32956" i="1"/>
  <c r="AE32957" i="1"/>
  <c r="AE32958" i="1"/>
  <c r="AE32959" i="1"/>
  <c r="AE32960" i="1"/>
  <c r="AE32961" i="1"/>
  <c r="AE32962" i="1"/>
  <c r="AE32963" i="1"/>
  <c r="AE32964" i="1"/>
  <c r="AE32965" i="1"/>
  <c r="AE32966" i="1"/>
  <c r="AE32967" i="1"/>
  <c r="AE32968" i="1"/>
  <c r="AE32969" i="1"/>
  <c r="AE32970" i="1"/>
  <c r="AE32971" i="1"/>
  <c r="AE32972" i="1"/>
  <c r="AE32973" i="1"/>
  <c r="AE32974" i="1"/>
  <c r="AE32975" i="1"/>
  <c r="AE32976" i="1"/>
  <c r="AE32977" i="1"/>
  <c r="AE32978" i="1"/>
  <c r="AE32979" i="1"/>
  <c r="AE32980" i="1"/>
  <c r="AE32981" i="1"/>
  <c r="AE32982" i="1"/>
  <c r="AE32983" i="1"/>
  <c r="AE32984" i="1"/>
  <c r="AE32985" i="1"/>
  <c r="AE32986" i="1"/>
  <c r="AE32987" i="1"/>
  <c r="AE32988" i="1"/>
  <c r="AE32989" i="1"/>
  <c r="AE32990" i="1"/>
  <c r="AE32991" i="1"/>
  <c r="AE32992" i="1"/>
  <c r="AE32993" i="1"/>
  <c r="AE32994" i="1"/>
  <c r="AE32995" i="1"/>
  <c r="AE32996" i="1"/>
  <c r="AE32997" i="1"/>
  <c r="AE32998" i="1"/>
  <c r="AE32999" i="1"/>
  <c r="AE33000" i="1"/>
  <c r="AE33001" i="1"/>
  <c r="AE33002" i="1"/>
  <c r="AE33003" i="1"/>
  <c r="AE33004" i="1"/>
  <c r="AE33005" i="1"/>
  <c r="AE33006" i="1"/>
  <c r="AE33007" i="1"/>
  <c r="AE33008" i="1"/>
  <c r="AE33009" i="1"/>
  <c r="AE33010" i="1"/>
  <c r="AE33011" i="1"/>
  <c r="AE33012" i="1"/>
  <c r="AE33013" i="1"/>
  <c r="AE33014" i="1"/>
  <c r="AE33015" i="1"/>
  <c r="AE33016" i="1"/>
  <c r="AE33017" i="1"/>
  <c r="AE33018" i="1"/>
  <c r="AE33019" i="1"/>
  <c r="AE33020" i="1"/>
  <c r="AE33021" i="1"/>
  <c r="AE33022" i="1"/>
  <c r="AE33023" i="1"/>
  <c r="AE33024" i="1"/>
  <c r="AE33025" i="1"/>
  <c r="AE33026" i="1"/>
  <c r="AE33027" i="1"/>
  <c r="AE33028" i="1"/>
  <c r="AE33029" i="1"/>
  <c r="AE33030" i="1"/>
  <c r="AE33031" i="1"/>
  <c r="AE33032" i="1"/>
  <c r="AE33033" i="1"/>
  <c r="AE33034" i="1"/>
  <c r="AE33035" i="1"/>
  <c r="AE33036" i="1"/>
  <c r="AE33037" i="1"/>
  <c r="AE33038" i="1"/>
  <c r="AE33039" i="1"/>
  <c r="AE33040" i="1"/>
  <c r="AE33041" i="1"/>
  <c r="AE33042" i="1"/>
  <c r="AE33043" i="1"/>
  <c r="AE33044" i="1"/>
  <c r="AE33045" i="1"/>
  <c r="AE33046" i="1"/>
  <c r="AE33047" i="1"/>
  <c r="AE33048" i="1"/>
  <c r="AE33049" i="1"/>
  <c r="AE33050" i="1"/>
  <c r="AE33051" i="1"/>
  <c r="AE33052" i="1"/>
  <c r="AE33053" i="1"/>
  <c r="AE33054" i="1"/>
  <c r="AE33055" i="1"/>
  <c r="AE33056" i="1"/>
  <c r="AE33057" i="1"/>
  <c r="AE33058" i="1"/>
  <c r="AE33059" i="1"/>
  <c r="AE33060" i="1"/>
  <c r="AE33061" i="1"/>
  <c r="AE33062" i="1"/>
  <c r="AE33063" i="1"/>
  <c r="AE33064" i="1"/>
  <c r="AE33065" i="1"/>
  <c r="AE33066" i="1"/>
  <c r="AE33067" i="1"/>
  <c r="AE33068" i="1"/>
  <c r="AE33069" i="1"/>
  <c r="AE33070" i="1"/>
  <c r="AE33071" i="1"/>
  <c r="AE33072" i="1"/>
  <c r="AE33073" i="1"/>
  <c r="AE33074" i="1"/>
  <c r="AE33075" i="1"/>
  <c r="AE33076" i="1"/>
  <c r="AE33077" i="1"/>
  <c r="AE33078" i="1"/>
  <c r="AE33079" i="1"/>
  <c r="AE33080" i="1"/>
  <c r="AE33081" i="1"/>
  <c r="AE33082" i="1"/>
  <c r="AE33083" i="1"/>
  <c r="AE33084" i="1"/>
  <c r="AE33085" i="1"/>
  <c r="AE33086" i="1"/>
  <c r="AE33087" i="1"/>
  <c r="AE33088" i="1"/>
  <c r="AE33089" i="1"/>
  <c r="AE33090" i="1"/>
  <c r="AE33091" i="1"/>
  <c r="AE33092" i="1"/>
  <c r="AE33093" i="1"/>
  <c r="AE33094" i="1"/>
  <c r="AE33095" i="1"/>
  <c r="AE33096" i="1"/>
  <c r="AE33097" i="1"/>
  <c r="AE33098" i="1"/>
  <c r="AE33099" i="1"/>
  <c r="AE33100" i="1"/>
  <c r="AE33101" i="1"/>
  <c r="AE33102" i="1"/>
  <c r="AE33103" i="1"/>
  <c r="AE33104" i="1"/>
  <c r="AE33105" i="1"/>
  <c r="AE33106" i="1"/>
  <c r="AE33107" i="1"/>
  <c r="AE33108" i="1"/>
  <c r="AE33109" i="1"/>
  <c r="AE33110" i="1"/>
  <c r="AE33111" i="1"/>
  <c r="AE33112" i="1"/>
  <c r="AE33113" i="1"/>
  <c r="AE33114" i="1"/>
  <c r="AE33115" i="1"/>
  <c r="AE33116" i="1"/>
  <c r="AE33117" i="1"/>
  <c r="AE33118" i="1"/>
  <c r="AE33119" i="1"/>
  <c r="AE33120" i="1"/>
  <c r="AE33121" i="1"/>
  <c r="AE33122" i="1"/>
  <c r="AE33123" i="1"/>
  <c r="AE33124" i="1"/>
  <c r="AE33125" i="1"/>
  <c r="AE33126" i="1"/>
  <c r="AE33127" i="1"/>
  <c r="AE33128" i="1"/>
  <c r="AE33129" i="1"/>
  <c r="AE33130" i="1"/>
  <c r="AE33131" i="1"/>
  <c r="AE33132" i="1"/>
  <c r="AE33133" i="1"/>
  <c r="AE33134" i="1"/>
  <c r="AE33135" i="1"/>
  <c r="AE33136" i="1"/>
  <c r="AE33137" i="1"/>
  <c r="AE33138" i="1"/>
  <c r="AE33139" i="1"/>
  <c r="AE33140" i="1"/>
  <c r="AE33141" i="1"/>
  <c r="AE33142" i="1"/>
  <c r="AE33143" i="1"/>
  <c r="AE33144" i="1"/>
  <c r="AE33145" i="1"/>
  <c r="AE33146" i="1"/>
  <c r="AE33147" i="1"/>
  <c r="AE33148" i="1"/>
  <c r="AE33149" i="1"/>
  <c r="AE33150" i="1"/>
  <c r="AE33151" i="1"/>
  <c r="AE33152" i="1"/>
  <c r="AE33153" i="1"/>
  <c r="AE33154" i="1"/>
  <c r="AE33155" i="1"/>
  <c r="AE33156" i="1"/>
  <c r="AE33157" i="1"/>
  <c r="AE33158" i="1"/>
  <c r="AE33159" i="1"/>
  <c r="AE33160" i="1"/>
  <c r="AE33161" i="1"/>
  <c r="AE33162" i="1"/>
  <c r="AE33163" i="1"/>
  <c r="AE33164" i="1"/>
  <c r="AE33165" i="1"/>
  <c r="AE33166" i="1"/>
  <c r="AE33167" i="1"/>
  <c r="AE33168" i="1"/>
  <c r="AE33169" i="1"/>
  <c r="AE33170" i="1"/>
  <c r="AE33171" i="1"/>
  <c r="AE33172" i="1"/>
  <c r="AE33173" i="1"/>
  <c r="AE33174" i="1"/>
  <c r="AE33175" i="1"/>
  <c r="AE33176" i="1"/>
  <c r="AE33177" i="1"/>
  <c r="AE33178" i="1"/>
  <c r="AE33179" i="1"/>
  <c r="AE33180" i="1"/>
  <c r="AE33181" i="1"/>
  <c r="AE33182" i="1"/>
  <c r="AE33183" i="1"/>
  <c r="AE33184" i="1"/>
  <c r="AE33185" i="1"/>
  <c r="AE33186" i="1"/>
  <c r="AE33187" i="1"/>
  <c r="AE33188" i="1"/>
  <c r="AE33189" i="1"/>
  <c r="AE33190" i="1"/>
  <c r="AE33191" i="1"/>
  <c r="AE33192" i="1"/>
  <c r="AE33193" i="1"/>
  <c r="AE33194" i="1"/>
  <c r="AE33195" i="1"/>
  <c r="AE33196" i="1"/>
  <c r="AE33197" i="1"/>
  <c r="AE33198" i="1"/>
  <c r="AE33199" i="1"/>
  <c r="AE33200" i="1"/>
  <c r="AE33201" i="1"/>
  <c r="AE33202" i="1"/>
  <c r="AE33203" i="1"/>
  <c r="AE33204" i="1"/>
  <c r="AE33205" i="1"/>
  <c r="AE33206" i="1"/>
  <c r="AE33207" i="1"/>
  <c r="AE33208" i="1"/>
  <c r="AE33209" i="1"/>
  <c r="AE33210" i="1"/>
  <c r="AE33211" i="1"/>
  <c r="AE33212" i="1"/>
  <c r="AE33213" i="1"/>
  <c r="AE33214" i="1"/>
  <c r="AE33215" i="1"/>
  <c r="AE33216" i="1"/>
  <c r="AE33217" i="1"/>
  <c r="AE33218" i="1"/>
  <c r="AE33219" i="1"/>
  <c r="AE33220" i="1"/>
  <c r="AE33221" i="1"/>
  <c r="AE33222" i="1"/>
  <c r="AE33223" i="1"/>
  <c r="AE33224" i="1"/>
  <c r="AE33225" i="1"/>
  <c r="AE33226" i="1"/>
  <c r="AE33227" i="1"/>
  <c r="AE33228" i="1"/>
  <c r="AE33229" i="1"/>
  <c r="AE33230" i="1"/>
  <c r="AE33231" i="1"/>
  <c r="AE33232" i="1"/>
  <c r="AE33233" i="1"/>
  <c r="AE33234" i="1"/>
  <c r="AE33235" i="1"/>
  <c r="AE33236" i="1"/>
  <c r="AE33237" i="1"/>
  <c r="AE33238" i="1"/>
  <c r="AE33239" i="1"/>
  <c r="AE33240" i="1"/>
  <c r="AE33241" i="1"/>
  <c r="AE33242" i="1"/>
  <c r="AE33243" i="1"/>
  <c r="AE33244" i="1"/>
  <c r="AE33245" i="1"/>
  <c r="AE33246" i="1"/>
  <c r="AE33247" i="1"/>
  <c r="AE33248" i="1"/>
  <c r="AE33249" i="1"/>
  <c r="AE33250" i="1"/>
  <c r="AE33251" i="1"/>
  <c r="AE33252" i="1"/>
  <c r="AE33253" i="1"/>
  <c r="AE33254" i="1"/>
  <c r="AE33255" i="1"/>
  <c r="AE33256" i="1"/>
  <c r="AE33257" i="1"/>
  <c r="AE33258" i="1"/>
  <c r="AE33259" i="1"/>
  <c r="AE33260" i="1"/>
  <c r="AE33261" i="1"/>
  <c r="AE33262" i="1"/>
  <c r="AE33263" i="1"/>
  <c r="AE33264" i="1"/>
  <c r="AE33265" i="1"/>
  <c r="AE33266" i="1"/>
  <c r="AE33267" i="1"/>
  <c r="AE33268" i="1"/>
  <c r="AE33269" i="1"/>
  <c r="AE33270" i="1"/>
  <c r="AE33271" i="1"/>
  <c r="AE33272" i="1"/>
  <c r="AE33273" i="1"/>
  <c r="AE33274" i="1"/>
  <c r="AE33275" i="1"/>
  <c r="AE33276" i="1"/>
  <c r="AE33277" i="1"/>
  <c r="AE33278" i="1"/>
  <c r="AE33279" i="1"/>
  <c r="AE33280" i="1"/>
  <c r="AE33281" i="1"/>
  <c r="AE33282" i="1"/>
  <c r="AE33283" i="1"/>
  <c r="AE33284" i="1"/>
  <c r="AE33285" i="1"/>
  <c r="AE33286" i="1"/>
  <c r="AE33287" i="1"/>
  <c r="AE33288" i="1"/>
  <c r="AE33289" i="1"/>
  <c r="AE33290" i="1"/>
  <c r="AE33291" i="1"/>
  <c r="AE33292" i="1"/>
  <c r="AE33293" i="1"/>
  <c r="AE33294" i="1"/>
  <c r="AE33295" i="1"/>
  <c r="AE33296" i="1"/>
  <c r="AE33297" i="1"/>
  <c r="AE33298" i="1"/>
  <c r="AE33299" i="1"/>
  <c r="AE33300" i="1"/>
  <c r="AE33301" i="1"/>
  <c r="AE33302" i="1"/>
  <c r="AE33303" i="1"/>
  <c r="AE33304" i="1"/>
  <c r="AE33305" i="1"/>
  <c r="AE33306" i="1"/>
  <c r="AE33307" i="1"/>
  <c r="AE33308" i="1"/>
  <c r="AE33309" i="1"/>
  <c r="AE33310" i="1"/>
  <c r="AE33311" i="1"/>
  <c r="AE33312" i="1"/>
  <c r="AE33313" i="1"/>
  <c r="AE33314" i="1"/>
  <c r="AE33315" i="1"/>
  <c r="AE33316" i="1"/>
  <c r="AE33317" i="1"/>
  <c r="AE33318" i="1"/>
  <c r="AE33319" i="1"/>
  <c r="AE33320" i="1"/>
  <c r="AE33321" i="1"/>
  <c r="AE33322" i="1"/>
  <c r="AE33323" i="1"/>
  <c r="AE33324" i="1"/>
  <c r="AE33325" i="1"/>
  <c r="AE33326" i="1"/>
  <c r="AE33327" i="1"/>
  <c r="AE33328" i="1"/>
  <c r="AE33329" i="1"/>
  <c r="AE33330" i="1"/>
  <c r="AE33331" i="1"/>
  <c r="AE33332" i="1"/>
  <c r="AE33333" i="1"/>
  <c r="AE33334" i="1"/>
  <c r="AE33335" i="1"/>
  <c r="AE33336" i="1"/>
  <c r="AE33337" i="1"/>
  <c r="AE33338" i="1"/>
  <c r="AE33339" i="1"/>
  <c r="AE33340" i="1"/>
  <c r="AE33341" i="1"/>
  <c r="AE33342" i="1"/>
  <c r="AE33343" i="1"/>
  <c r="AE33344" i="1"/>
  <c r="AE33345" i="1"/>
  <c r="AE33346" i="1"/>
  <c r="AE33347" i="1"/>
  <c r="AE33348" i="1"/>
  <c r="AE33349" i="1"/>
  <c r="AE33350" i="1"/>
  <c r="AE33351" i="1"/>
  <c r="AE33352" i="1"/>
  <c r="AE33353" i="1"/>
  <c r="AE33354" i="1"/>
  <c r="AE33355" i="1"/>
  <c r="AE33356" i="1"/>
  <c r="AE33357" i="1"/>
  <c r="AE33358" i="1"/>
  <c r="AE33359" i="1"/>
  <c r="AE33360" i="1"/>
  <c r="AE33361" i="1"/>
  <c r="AE33362" i="1"/>
  <c r="AE33363" i="1"/>
  <c r="AE33364" i="1"/>
  <c r="AE33365" i="1"/>
  <c r="AE33366" i="1"/>
  <c r="AE33367" i="1"/>
  <c r="AE33368" i="1"/>
  <c r="AE33369" i="1"/>
  <c r="AE33370" i="1"/>
  <c r="AE33371" i="1"/>
  <c r="AE33372" i="1"/>
  <c r="AE33373" i="1"/>
  <c r="AE33374" i="1"/>
  <c r="AE33375" i="1"/>
  <c r="AE33376" i="1"/>
  <c r="AE33377" i="1"/>
  <c r="AE33378" i="1"/>
  <c r="AE33379" i="1"/>
  <c r="AE33380" i="1"/>
  <c r="AE33381" i="1"/>
  <c r="AE33382" i="1"/>
  <c r="AE33383" i="1"/>
  <c r="AE33384" i="1"/>
  <c r="AE33385" i="1"/>
  <c r="AE33386" i="1"/>
  <c r="AE33387" i="1"/>
  <c r="AE33388" i="1"/>
  <c r="AE33389" i="1"/>
  <c r="AE33390" i="1"/>
  <c r="AE33391" i="1"/>
  <c r="AE33392" i="1"/>
  <c r="AE33393" i="1"/>
  <c r="AE33394" i="1"/>
  <c r="AE33395" i="1"/>
  <c r="AE33396" i="1"/>
  <c r="AE33397" i="1"/>
  <c r="AE33398" i="1"/>
  <c r="AE33399" i="1"/>
  <c r="AE33400" i="1"/>
  <c r="AE33401" i="1"/>
  <c r="AE33402" i="1"/>
  <c r="AE33403" i="1"/>
  <c r="AE33404" i="1"/>
  <c r="AE33405" i="1"/>
  <c r="AE33406" i="1"/>
  <c r="AE33407" i="1"/>
  <c r="AE33408" i="1"/>
  <c r="AE33409" i="1"/>
  <c r="AE33410" i="1"/>
  <c r="AE33411" i="1"/>
  <c r="AE33412" i="1"/>
  <c r="AE33413" i="1"/>
  <c r="AE33414" i="1"/>
  <c r="AE33415" i="1"/>
  <c r="AE33416" i="1"/>
  <c r="AE33417" i="1"/>
  <c r="AE33418" i="1"/>
  <c r="AE33419" i="1"/>
  <c r="AE33420" i="1"/>
  <c r="AE33421" i="1"/>
  <c r="AE33422" i="1"/>
  <c r="AE33423" i="1"/>
  <c r="AE33424" i="1"/>
  <c r="AE33425" i="1"/>
  <c r="AE33426" i="1"/>
  <c r="AE33427" i="1"/>
  <c r="AE33428" i="1"/>
  <c r="AE33429" i="1"/>
  <c r="AE33430" i="1"/>
  <c r="AE33431" i="1"/>
  <c r="AE33432" i="1"/>
  <c r="AE33433" i="1"/>
  <c r="AE33434" i="1"/>
  <c r="AE33435" i="1"/>
  <c r="AE33436" i="1"/>
  <c r="AE33437" i="1"/>
  <c r="AE33438" i="1"/>
  <c r="AE33439" i="1"/>
  <c r="AE33440" i="1"/>
  <c r="AE33441" i="1"/>
  <c r="AE33442" i="1"/>
  <c r="AE33443" i="1"/>
  <c r="AE33444" i="1"/>
  <c r="AE33445" i="1"/>
  <c r="AE33446" i="1"/>
  <c r="AE33447" i="1"/>
  <c r="AE33448" i="1"/>
  <c r="AE33449" i="1"/>
  <c r="AE33450" i="1"/>
  <c r="AE33451" i="1"/>
  <c r="AE33452" i="1"/>
  <c r="AE33453" i="1"/>
  <c r="AE33454" i="1"/>
  <c r="AE33455" i="1"/>
  <c r="AE33456" i="1"/>
  <c r="AE33457" i="1"/>
  <c r="AE33458" i="1"/>
  <c r="AE33459" i="1"/>
  <c r="AE33460" i="1"/>
  <c r="AE33461" i="1"/>
  <c r="AE33462" i="1"/>
  <c r="AE33463" i="1"/>
  <c r="AE33464" i="1"/>
  <c r="AE33465" i="1"/>
  <c r="AE33466" i="1"/>
  <c r="AE33467" i="1"/>
  <c r="AE33468" i="1"/>
  <c r="AE33469" i="1"/>
  <c r="AE33470" i="1"/>
  <c r="AE33471" i="1"/>
  <c r="AE33472" i="1"/>
  <c r="AE33473" i="1"/>
  <c r="AE33474" i="1"/>
  <c r="AE33475" i="1"/>
  <c r="AE33476" i="1"/>
  <c r="AE33477" i="1"/>
  <c r="AE33478" i="1"/>
  <c r="AE33479" i="1"/>
  <c r="AE33480" i="1"/>
  <c r="AE33481" i="1"/>
  <c r="AE33482" i="1"/>
  <c r="AE33483" i="1"/>
  <c r="AE33484" i="1"/>
  <c r="AE33485" i="1"/>
  <c r="AE33486" i="1"/>
  <c r="AE33487" i="1"/>
  <c r="AE33488" i="1"/>
  <c r="AE33489" i="1"/>
  <c r="AE33490" i="1"/>
  <c r="AE33491" i="1"/>
  <c r="AE33492" i="1"/>
  <c r="AE33493" i="1"/>
  <c r="AE33494" i="1"/>
  <c r="AE33495" i="1"/>
  <c r="AE33496" i="1"/>
  <c r="AE33497" i="1"/>
  <c r="AE33498" i="1"/>
  <c r="AE33499" i="1"/>
  <c r="AE33500" i="1"/>
  <c r="AE33501" i="1"/>
  <c r="AE33502" i="1"/>
  <c r="AE33503" i="1"/>
  <c r="AE33504" i="1"/>
  <c r="AE33505" i="1"/>
  <c r="AE33506" i="1"/>
  <c r="AE33507" i="1"/>
  <c r="AE33508" i="1"/>
  <c r="AE33509" i="1"/>
  <c r="AE33510" i="1"/>
  <c r="AE33511" i="1"/>
  <c r="AE33512" i="1"/>
  <c r="AE33513" i="1"/>
  <c r="AE33514" i="1"/>
  <c r="AE33515" i="1"/>
  <c r="AE33516" i="1"/>
  <c r="AE33517" i="1"/>
  <c r="AE33518" i="1"/>
  <c r="AE33519" i="1"/>
  <c r="AE33520" i="1"/>
  <c r="AE33521" i="1"/>
  <c r="AE33522" i="1"/>
  <c r="AE33523" i="1"/>
  <c r="AE33524" i="1"/>
  <c r="AE33525" i="1"/>
  <c r="AE33526" i="1"/>
  <c r="AE33527" i="1"/>
  <c r="AE33528" i="1"/>
  <c r="AE33529" i="1"/>
  <c r="AE33530" i="1"/>
  <c r="AE33531" i="1"/>
  <c r="AE33532" i="1"/>
  <c r="AE33533" i="1"/>
  <c r="AE33534" i="1"/>
  <c r="AE33535" i="1"/>
  <c r="AE33536" i="1"/>
  <c r="AE33537" i="1"/>
  <c r="AE33538" i="1"/>
  <c r="AE33539" i="1"/>
  <c r="AE33540" i="1"/>
  <c r="AE33541" i="1"/>
  <c r="AE33542" i="1"/>
  <c r="AE33543" i="1"/>
  <c r="AE33544" i="1"/>
  <c r="AE33545" i="1"/>
  <c r="AE33546" i="1"/>
  <c r="AE33547" i="1"/>
  <c r="AE33548" i="1"/>
  <c r="AE33549" i="1"/>
  <c r="AE33550" i="1"/>
  <c r="AE33551" i="1"/>
  <c r="AE33552" i="1"/>
  <c r="AE33553" i="1"/>
  <c r="AE33554" i="1"/>
  <c r="AE33555" i="1"/>
  <c r="AE33556" i="1"/>
  <c r="AE33557" i="1"/>
  <c r="AE33558" i="1"/>
  <c r="AE33559" i="1"/>
  <c r="AE33560" i="1"/>
  <c r="AE33561" i="1"/>
  <c r="AE33562" i="1"/>
  <c r="AE33563" i="1"/>
  <c r="AE33564" i="1"/>
  <c r="AE33565" i="1"/>
  <c r="AE33566" i="1"/>
  <c r="AE33567" i="1"/>
  <c r="AE33568" i="1"/>
  <c r="AE33569" i="1"/>
  <c r="AE33570" i="1"/>
  <c r="AE33571" i="1"/>
  <c r="AE33572" i="1"/>
  <c r="AE33573" i="1"/>
  <c r="AE33574" i="1"/>
  <c r="AE33575" i="1"/>
  <c r="AE33576" i="1"/>
  <c r="AE33577" i="1"/>
  <c r="AE33578" i="1"/>
  <c r="AE33579" i="1"/>
  <c r="AE33580" i="1"/>
  <c r="AE33581" i="1"/>
  <c r="AE33582" i="1"/>
  <c r="AE33583" i="1"/>
  <c r="AE33584" i="1"/>
  <c r="AE33585" i="1"/>
  <c r="AE33586" i="1"/>
  <c r="AE33587" i="1"/>
  <c r="AE33588" i="1"/>
  <c r="AE33589" i="1"/>
  <c r="AE33590" i="1"/>
  <c r="AE33591" i="1"/>
  <c r="AE33592" i="1"/>
  <c r="AE33593" i="1"/>
  <c r="AE33594" i="1"/>
  <c r="AE33595" i="1"/>
  <c r="AE33596" i="1"/>
  <c r="AE33597" i="1"/>
  <c r="AE33598" i="1"/>
  <c r="AE33599" i="1"/>
  <c r="AE33600" i="1"/>
  <c r="AE33601" i="1"/>
  <c r="AE33602" i="1"/>
  <c r="AE33603" i="1"/>
  <c r="AE33604" i="1"/>
  <c r="AE33605" i="1"/>
  <c r="AE33606" i="1"/>
  <c r="AE33607" i="1"/>
  <c r="AE33608" i="1"/>
  <c r="AE33609" i="1"/>
  <c r="AE33610" i="1"/>
  <c r="AE33611" i="1"/>
  <c r="AE33612" i="1"/>
  <c r="AE33613" i="1"/>
  <c r="AE33614" i="1"/>
  <c r="AE33615" i="1"/>
  <c r="AE33616" i="1"/>
  <c r="AE33617" i="1"/>
  <c r="AE33618" i="1"/>
  <c r="AE33619" i="1"/>
  <c r="AE33620" i="1"/>
  <c r="AE33621" i="1"/>
  <c r="AE33622" i="1"/>
  <c r="AE33623" i="1"/>
  <c r="AE33624" i="1"/>
  <c r="AE33625" i="1"/>
  <c r="AE33626" i="1"/>
  <c r="AE33627" i="1"/>
  <c r="AE33628" i="1"/>
  <c r="AE33629" i="1"/>
  <c r="AE33630" i="1"/>
  <c r="AE33631" i="1"/>
  <c r="AE33632" i="1"/>
  <c r="AE33633" i="1"/>
  <c r="AE33634" i="1"/>
  <c r="AE33635" i="1"/>
  <c r="AE33636" i="1"/>
  <c r="AE33637" i="1"/>
  <c r="AE33638" i="1"/>
  <c r="AE33639" i="1"/>
  <c r="AE33640" i="1"/>
  <c r="AE33641" i="1"/>
  <c r="AE33642" i="1"/>
  <c r="AE33643" i="1"/>
  <c r="AE33644" i="1"/>
  <c r="AE33645" i="1"/>
  <c r="AE33646" i="1"/>
  <c r="AE33647" i="1"/>
  <c r="AE33648" i="1"/>
  <c r="AE33649" i="1"/>
  <c r="AE33650" i="1"/>
  <c r="AE33651" i="1"/>
  <c r="AE33652" i="1"/>
  <c r="AE33653" i="1"/>
  <c r="AE33654" i="1"/>
  <c r="AE33655" i="1"/>
  <c r="AE33656" i="1"/>
  <c r="AE33657" i="1"/>
  <c r="AE33658" i="1"/>
  <c r="AE33659" i="1"/>
  <c r="AE33660" i="1"/>
  <c r="AE33661" i="1"/>
  <c r="AE33662" i="1"/>
  <c r="AE33663" i="1"/>
  <c r="AE33664" i="1"/>
  <c r="AE33665" i="1"/>
  <c r="AE33666" i="1"/>
  <c r="AE33667" i="1"/>
  <c r="AE33668" i="1"/>
  <c r="AE33669" i="1"/>
  <c r="AE33670" i="1"/>
  <c r="AE33671" i="1"/>
  <c r="AE33672" i="1"/>
  <c r="AE33673" i="1"/>
  <c r="AE33674" i="1"/>
  <c r="AE33675" i="1"/>
  <c r="AE33676" i="1"/>
  <c r="AE33677" i="1"/>
  <c r="AE33678" i="1"/>
  <c r="AE33679" i="1"/>
  <c r="AE33680" i="1"/>
  <c r="AE33681" i="1"/>
  <c r="AE33682" i="1"/>
  <c r="AE33683" i="1"/>
  <c r="AE33684" i="1"/>
  <c r="AE33685" i="1"/>
  <c r="AE33686" i="1"/>
  <c r="AE33687" i="1"/>
  <c r="AE33688" i="1"/>
  <c r="AE33689" i="1"/>
  <c r="AE33690" i="1"/>
  <c r="AE33691" i="1"/>
  <c r="AE33692" i="1"/>
  <c r="AE33693" i="1"/>
  <c r="AE33694" i="1"/>
  <c r="AE33695" i="1"/>
  <c r="AE33696" i="1"/>
  <c r="AE33697" i="1"/>
  <c r="AE33698" i="1"/>
  <c r="AE33699" i="1"/>
  <c r="AE33700" i="1"/>
  <c r="AE33701" i="1"/>
  <c r="AE33702" i="1"/>
  <c r="AE33703" i="1"/>
  <c r="AE33704" i="1"/>
  <c r="AE33705" i="1"/>
  <c r="AE33706" i="1"/>
  <c r="AE33707" i="1"/>
  <c r="AE33708" i="1"/>
  <c r="AE33709" i="1"/>
  <c r="AE33710" i="1"/>
  <c r="AE33711" i="1"/>
  <c r="AE33712" i="1"/>
  <c r="AE33713" i="1"/>
  <c r="AE33714" i="1"/>
  <c r="AE33715" i="1"/>
  <c r="AE33716" i="1"/>
  <c r="AE33717" i="1"/>
  <c r="AE33718" i="1"/>
  <c r="AE33719" i="1"/>
  <c r="AE33720" i="1"/>
  <c r="AE33721" i="1"/>
  <c r="AE33722" i="1"/>
  <c r="AE33723" i="1"/>
  <c r="AE33724" i="1"/>
  <c r="AE33725" i="1"/>
  <c r="AE33726" i="1"/>
  <c r="AE33727" i="1"/>
  <c r="AE33728" i="1"/>
  <c r="AE33729" i="1"/>
  <c r="AE33730" i="1"/>
  <c r="AE33731" i="1"/>
  <c r="AE33732" i="1"/>
  <c r="AE33733" i="1"/>
  <c r="AE33734" i="1"/>
  <c r="AE33735" i="1"/>
  <c r="AE33736" i="1"/>
  <c r="AE33737" i="1"/>
  <c r="AE33738" i="1"/>
  <c r="AE33739" i="1"/>
  <c r="AE33740" i="1"/>
  <c r="AE33741" i="1"/>
  <c r="AE33742" i="1"/>
  <c r="AE33743" i="1"/>
  <c r="AE33744" i="1"/>
  <c r="AE33745" i="1"/>
  <c r="AE33746" i="1"/>
  <c r="AE33747" i="1"/>
  <c r="AE33748" i="1"/>
  <c r="AE33749" i="1"/>
  <c r="AE33750" i="1"/>
  <c r="AE33751" i="1"/>
  <c r="AE33752" i="1"/>
  <c r="AE33753" i="1"/>
  <c r="AE33754" i="1"/>
  <c r="AE33755" i="1"/>
  <c r="AE33756" i="1"/>
  <c r="AE33757" i="1"/>
  <c r="AE33758" i="1"/>
  <c r="AE33759" i="1"/>
  <c r="AE33760" i="1"/>
  <c r="AE33761" i="1"/>
  <c r="AE33762" i="1"/>
  <c r="AE33763" i="1"/>
  <c r="AE33764" i="1"/>
  <c r="AE33765" i="1"/>
  <c r="AE33766" i="1"/>
  <c r="AE33767" i="1"/>
  <c r="AE33768" i="1"/>
  <c r="AE33769" i="1"/>
  <c r="AE33770" i="1"/>
  <c r="AE33771" i="1"/>
  <c r="AE33772" i="1"/>
  <c r="AE33773" i="1"/>
  <c r="AE33774" i="1"/>
  <c r="AE33775" i="1"/>
  <c r="AE33776" i="1"/>
  <c r="AE33777" i="1"/>
  <c r="AE33778" i="1"/>
  <c r="AE33779" i="1"/>
  <c r="AE33780" i="1"/>
  <c r="AE33781" i="1"/>
  <c r="AE33782" i="1"/>
  <c r="AE33783" i="1"/>
  <c r="AE33784" i="1"/>
  <c r="AE33785" i="1"/>
  <c r="AE33786" i="1"/>
  <c r="AE33787" i="1"/>
  <c r="AE33788" i="1"/>
  <c r="AE33789" i="1"/>
  <c r="AE33790" i="1"/>
  <c r="AE33791" i="1"/>
  <c r="AE33792" i="1"/>
  <c r="AE33793" i="1"/>
  <c r="AE33794" i="1"/>
  <c r="AE33795" i="1"/>
  <c r="AE33796" i="1"/>
  <c r="AE33797" i="1"/>
  <c r="AE33798" i="1"/>
  <c r="AE33799" i="1"/>
  <c r="AE33800" i="1"/>
  <c r="AE33801" i="1"/>
  <c r="AE33802" i="1"/>
  <c r="AE33803" i="1"/>
  <c r="AE33804" i="1"/>
  <c r="AE33805" i="1"/>
  <c r="AE33806" i="1"/>
  <c r="AE33807" i="1"/>
  <c r="AE33808" i="1"/>
  <c r="AE33809" i="1"/>
  <c r="AE33810" i="1"/>
  <c r="AE33811" i="1"/>
  <c r="AE33812" i="1"/>
  <c r="AE33813" i="1"/>
  <c r="AE33814" i="1"/>
  <c r="AE33815" i="1"/>
  <c r="AE33816" i="1"/>
  <c r="AE33817" i="1"/>
  <c r="AE33818" i="1"/>
  <c r="AE33819" i="1"/>
  <c r="AE33820" i="1"/>
  <c r="AE33821" i="1"/>
  <c r="AE33822" i="1"/>
  <c r="AE33823" i="1"/>
  <c r="AE33824" i="1"/>
  <c r="AE33825" i="1"/>
  <c r="AE33826" i="1"/>
  <c r="AE33827" i="1"/>
  <c r="AE33828" i="1"/>
  <c r="AE33829" i="1"/>
  <c r="AE33830" i="1"/>
  <c r="AE33831" i="1"/>
  <c r="AE33832" i="1"/>
  <c r="AE33833" i="1"/>
  <c r="AE33834" i="1"/>
  <c r="AE33835" i="1"/>
  <c r="AE33836" i="1"/>
  <c r="AE33837" i="1"/>
  <c r="AE33838" i="1"/>
  <c r="AE33839" i="1"/>
  <c r="AE33840" i="1"/>
  <c r="AE33841" i="1"/>
  <c r="AE33842" i="1"/>
  <c r="AE33843" i="1"/>
  <c r="AE33844" i="1"/>
  <c r="AE33845" i="1"/>
  <c r="AE33846" i="1"/>
  <c r="AE33847" i="1"/>
  <c r="AE33848" i="1"/>
  <c r="AE33849" i="1"/>
  <c r="AE33850" i="1"/>
  <c r="AE33851" i="1"/>
  <c r="AE33852" i="1"/>
  <c r="AE33853" i="1"/>
  <c r="AE33854" i="1"/>
  <c r="AE33855" i="1"/>
  <c r="AE33856" i="1"/>
  <c r="AE33857" i="1"/>
  <c r="AE33858" i="1"/>
  <c r="AE33859" i="1"/>
  <c r="AE33860" i="1"/>
  <c r="AE33861" i="1"/>
  <c r="AE33862" i="1"/>
  <c r="AE33863" i="1"/>
  <c r="AE33864" i="1"/>
  <c r="AE33865" i="1"/>
  <c r="AE33866" i="1"/>
  <c r="AE33867" i="1"/>
  <c r="AE33868" i="1"/>
  <c r="AE33869" i="1"/>
  <c r="AE33870" i="1"/>
  <c r="AE33871" i="1"/>
  <c r="AE33872" i="1"/>
  <c r="AE33873" i="1"/>
  <c r="AE33874" i="1"/>
  <c r="AE33875" i="1"/>
  <c r="AE33876" i="1"/>
  <c r="AE33877" i="1"/>
  <c r="AE33878" i="1"/>
  <c r="AE33879" i="1"/>
  <c r="AE33880" i="1"/>
  <c r="AE33881" i="1"/>
  <c r="AE33882" i="1"/>
  <c r="AE33883" i="1"/>
  <c r="AE33884" i="1"/>
  <c r="AE33885" i="1"/>
  <c r="AE33886" i="1"/>
  <c r="AE33887" i="1"/>
  <c r="AE33888" i="1"/>
  <c r="AE33889" i="1"/>
  <c r="AE33890" i="1"/>
  <c r="AE33891" i="1"/>
  <c r="AE33892" i="1"/>
  <c r="AE33893" i="1"/>
  <c r="AE33894" i="1"/>
  <c r="AE33895" i="1"/>
  <c r="AE33896" i="1"/>
  <c r="AE33897" i="1"/>
  <c r="AE33898" i="1"/>
  <c r="AE33899" i="1"/>
  <c r="AE33900" i="1"/>
  <c r="AE33901" i="1"/>
  <c r="AE33902" i="1"/>
  <c r="AE33903" i="1"/>
  <c r="AE33904" i="1"/>
  <c r="AE33905" i="1"/>
  <c r="AE33906" i="1"/>
  <c r="AE33907" i="1"/>
  <c r="AE33908" i="1"/>
  <c r="AE33909" i="1"/>
  <c r="AE33910" i="1"/>
  <c r="AE33911" i="1"/>
  <c r="AE33912" i="1"/>
  <c r="AE33913" i="1"/>
  <c r="AE33914" i="1"/>
  <c r="AE33915" i="1"/>
  <c r="AE33916" i="1"/>
  <c r="AE33917" i="1"/>
  <c r="AE33918" i="1"/>
  <c r="AE33919" i="1"/>
  <c r="AE33920" i="1"/>
  <c r="AE33921" i="1"/>
  <c r="AE33922" i="1"/>
  <c r="AE33923" i="1"/>
  <c r="AE33924" i="1"/>
  <c r="AE33925" i="1"/>
  <c r="AE33926" i="1"/>
  <c r="AE33927" i="1"/>
  <c r="AE33928" i="1"/>
  <c r="AE33929" i="1"/>
  <c r="AE33930" i="1"/>
  <c r="AE33931" i="1"/>
  <c r="AE33932" i="1"/>
  <c r="AE33933" i="1"/>
  <c r="AE33934" i="1"/>
  <c r="AE33935" i="1"/>
  <c r="AE33936" i="1"/>
  <c r="AE33937" i="1"/>
  <c r="AE33938" i="1"/>
  <c r="AE33939" i="1"/>
  <c r="AE33940" i="1"/>
  <c r="AE33941" i="1"/>
  <c r="AE33942" i="1"/>
  <c r="AE33943" i="1"/>
  <c r="AE33944" i="1"/>
  <c r="AE33945" i="1"/>
  <c r="AE33946" i="1"/>
  <c r="AE33947" i="1"/>
  <c r="AE33948" i="1"/>
  <c r="AE33949" i="1"/>
  <c r="AE33950" i="1"/>
  <c r="AE33951" i="1"/>
  <c r="AE33952" i="1"/>
  <c r="AE33953" i="1"/>
  <c r="AE33954" i="1"/>
  <c r="AE33955" i="1"/>
  <c r="AE33956" i="1"/>
  <c r="AE33957" i="1"/>
  <c r="AE33958" i="1"/>
  <c r="AE33959" i="1"/>
  <c r="AE33960" i="1"/>
  <c r="AE33961" i="1"/>
  <c r="AE33962" i="1"/>
  <c r="AE33963" i="1"/>
  <c r="AE33964" i="1"/>
  <c r="AE33965" i="1"/>
  <c r="AE33966" i="1"/>
  <c r="AE33967" i="1"/>
  <c r="AE33968" i="1"/>
  <c r="AE33969" i="1"/>
  <c r="AE33970" i="1"/>
  <c r="AE33971" i="1"/>
  <c r="AE33972" i="1"/>
  <c r="AE33973" i="1"/>
  <c r="AE33974" i="1"/>
  <c r="AE33975" i="1"/>
  <c r="AE33976" i="1"/>
  <c r="AE33977" i="1"/>
  <c r="AE33978" i="1"/>
  <c r="AE33979" i="1"/>
  <c r="AE33980" i="1"/>
  <c r="AE33981" i="1"/>
  <c r="AE33982" i="1"/>
  <c r="AE33983" i="1"/>
  <c r="AE33984" i="1"/>
  <c r="AE33985" i="1"/>
  <c r="AE33986" i="1"/>
  <c r="AE33987" i="1"/>
  <c r="AE33988" i="1"/>
  <c r="AE33989" i="1"/>
  <c r="AE33990" i="1"/>
  <c r="AE33991" i="1"/>
  <c r="AE33992" i="1"/>
  <c r="AE33993" i="1"/>
  <c r="AE33994" i="1"/>
  <c r="AE33995" i="1"/>
  <c r="AE33996" i="1"/>
  <c r="AE33997" i="1"/>
  <c r="AE33998" i="1"/>
  <c r="AE33999" i="1"/>
  <c r="AE34000" i="1"/>
  <c r="AE34001" i="1"/>
  <c r="AE34002" i="1"/>
  <c r="AE34003" i="1"/>
  <c r="AE34004" i="1"/>
  <c r="AE34005" i="1"/>
  <c r="AE34006" i="1"/>
  <c r="AE34007" i="1"/>
  <c r="AE34008" i="1"/>
  <c r="AE34009" i="1"/>
  <c r="AE34010" i="1"/>
  <c r="AE34011" i="1"/>
  <c r="AE34012" i="1"/>
  <c r="AE34013" i="1"/>
  <c r="AE34014" i="1"/>
  <c r="AE34015" i="1"/>
  <c r="AE34016" i="1"/>
  <c r="AE34017" i="1"/>
  <c r="AE34018" i="1"/>
  <c r="AE34019" i="1"/>
  <c r="AE34020" i="1"/>
  <c r="AE34021" i="1"/>
  <c r="AE34022" i="1"/>
  <c r="AE34023" i="1"/>
  <c r="AE34024" i="1"/>
  <c r="AE34025" i="1"/>
  <c r="AE34026" i="1"/>
  <c r="AE34027" i="1"/>
  <c r="AE34028" i="1"/>
  <c r="AE34029" i="1"/>
  <c r="AE34030" i="1"/>
  <c r="AE34031" i="1"/>
  <c r="AE34032" i="1"/>
  <c r="AE34033" i="1"/>
  <c r="AE34034" i="1"/>
  <c r="AE34035" i="1"/>
  <c r="AE34036" i="1"/>
  <c r="AE34037" i="1"/>
  <c r="AE34038" i="1"/>
  <c r="AE34039" i="1"/>
  <c r="AE34040" i="1"/>
  <c r="AE34041" i="1"/>
  <c r="AE34042" i="1"/>
  <c r="AE34043" i="1"/>
  <c r="AE34044" i="1"/>
  <c r="AE34045" i="1"/>
  <c r="AE34046" i="1"/>
  <c r="AE34047" i="1"/>
  <c r="AE34048" i="1"/>
  <c r="AE34049" i="1"/>
  <c r="AE34050" i="1"/>
  <c r="AE34051" i="1"/>
  <c r="AE34052" i="1"/>
  <c r="AE34053" i="1"/>
  <c r="AE34054" i="1"/>
  <c r="AE34055" i="1"/>
  <c r="AE34056" i="1"/>
  <c r="AE34057" i="1"/>
  <c r="AE34058" i="1"/>
  <c r="AE34059" i="1"/>
  <c r="AE34060" i="1"/>
  <c r="AE34061" i="1"/>
  <c r="AE34062" i="1"/>
  <c r="AE34063" i="1"/>
  <c r="AE34064" i="1"/>
  <c r="AE34065" i="1"/>
  <c r="AE34066" i="1"/>
  <c r="AE34067" i="1"/>
  <c r="AE34068" i="1"/>
  <c r="AE34069" i="1"/>
  <c r="AE34070" i="1"/>
  <c r="AE34071" i="1"/>
  <c r="AE34072" i="1"/>
  <c r="AE34073" i="1"/>
  <c r="AE34074" i="1"/>
  <c r="AE34075" i="1"/>
  <c r="AE34076" i="1"/>
  <c r="AE34077" i="1"/>
  <c r="AE34078" i="1"/>
  <c r="AE34079" i="1"/>
  <c r="AE34080" i="1"/>
  <c r="AE34081" i="1"/>
  <c r="AE34082" i="1"/>
  <c r="AE34083" i="1"/>
  <c r="AE34084" i="1"/>
  <c r="AE34085" i="1"/>
  <c r="AE34086" i="1"/>
  <c r="AE34087" i="1"/>
  <c r="AE34088" i="1"/>
  <c r="AE34089" i="1"/>
  <c r="AE34090" i="1"/>
  <c r="AE34091" i="1"/>
  <c r="AE34092" i="1"/>
  <c r="AE34093" i="1"/>
  <c r="AE34094" i="1"/>
  <c r="AE34095" i="1"/>
  <c r="AE34096" i="1"/>
  <c r="AE34097" i="1"/>
  <c r="AE34098" i="1"/>
  <c r="AE34099" i="1"/>
  <c r="AE34100" i="1"/>
  <c r="AE34101" i="1"/>
  <c r="AE34102" i="1"/>
  <c r="AE34103" i="1"/>
  <c r="AE34104" i="1"/>
  <c r="AE34105" i="1"/>
  <c r="AE34106" i="1"/>
  <c r="AE34107" i="1"/>
  <c r="AE34108" i="1"/>
  <c r="AE34109" i="1"/>
  <c r="AE34110" i="1"/>
  <c r="AE34111" i="1"/>
  <c r="AE34112" i="1"/>
  <c r="AE34113" i="1"/>
  <c r="AE34114" i="1"/>
  <c r="AE34115" i="1"/>
  <c r="AE34116" i="1"/>
  <c r="AE34117" i="1"/>
  <c r="AE34118" i="1"/>
  <c r="AE34119" i="1"/>
  <c r="AE34120" i="1"/>
  <c r="AE34121" i="1"/>
  <c r="AE34122" i="1"/>
  <c r="AE34123" i="1"/>
  <c r="AE34124" i="1"/>
  <c r="AE34125" i="1"/>
  <c r="AE34126" i="1"/>
  <c r="AE34127" i="1"/>
  <c r="AE34128" i="1"/>
  <c r="AE34129" i="1"/>
  <c r="AE34130" i="1"/>
  <c r="AE34131" i="1"/>
  <c r="AE34132" i="1"/>
  <c r="AE34133" i="1"/>
  <c r="AE34134" i="1"/>
  <c r="AE34135" i="1"/>
  <c r="AE34136" i="1"/>
  <c r="AE34137" i="1"/>
  <c r="AE34138" i="1"/>
  <c r="AE34139" i="1"/>
  <c r="AE34140" i="1"/>
  <c r="AE34141" i="1"/>
  <c r="AE34142" i="1"/>
  <c r="AE34143" i="1"/>
  <c r="AE34144" i="1"/>
  <c r="AE34145" i="1"/>
  <c r="AE34146" i="1"/>
  <c r="AE34147" i="1"/>
  <c r="AE34148" i="1"/>
  <c r="AE34149" i="1"/>
  <c r="AE34150" i="1"/>
  <c r="AE34151" i="1"/>
  <c r="AE34152" i="1"/>
  <c r="AE34153" i="1"/>
  <c r="AE34154" i="1"/>
  <c r="AE34155" i="1"/>
  <c r="AE34156" i="1"/>
  <c r="AE34157" i="1"/>
  <c r="AE34158" i="1"/>
  <c r="AE34159" i="1"/>
  <c r="AE34160" i="1"/>
  <c r="AE34161" i="1"/>
  <c r="AE34162" i="1"/>
  <c r="AE34163" i="1"/>
  <c r="AE34164" i="1"/>
  <c r="AE34165" i="1"/>
  <c r="AE34166" i="1"/>
  <c r="AE34167" i="1"/>
  <c r="AE34168" i="1"/>
  <c r="AE34169" i="1"/>
  <c r="AE34170" i="1"/>
  <c r="AE34171" i="1"/>
  <c r="AE34172" i="1"/>
  <c r="AE34173" i="1"/>
  <c r="AE34174" i="1"/>
  <c r="AE34175" i="1"/>
  <c r="AE34176" i="1"/>
  <c r="AE34177" i="1"/>
  <c r="AE34178" i="1"/>
  <c r="AE34179" i="1"/>
  <c r="AE34180" i="1"/>
  <c r="AE34181" i="1"/>
  <c r="AE34182" i="1"/>
  <c r="AE34183" i="1"/>
  <c r="AE34184" i="1"/>
  <c r="AE34185" i="1"/>
  <c r="AE34186" i="1"/>
  <c r="AE34187" i="1"/>
  <c r="AE34188" i="1"/>
  <c r="AE34189" i="1"/>
  <c r="AE34190" i="1"/>
  <c r="AE34191" i="1"/>
  <c r="AE34192" i="1"/>
  <c r="AE34193" i="1"/>
  <c r="AE34194" i="1"/>
  <c r="AE34195" i="1"/>
  <c r="AE34196" i="1"/>
  <c r="AE34197" i="1"/>
  <c r="AE34198" i="1"/>
  <c r="AE34199" i="1"/>
  <c r="AE34200" i="1"/>
  <c r="AE34201" i="1"/>
  <c r="AE34202" i="1"/>
  <c r="AE34203" i="1"/>
  <c r="AE34204" i="1"/>
  <c r="AE34205" i="1"/>
  <c r="AE34206" i="1"/>
  <c r="AE34207" i="1"/>
  <c r="AE34208" i="1"/>
  <c r="AE34209" i="1"/>
  <c r="AE34210" i="1"/>
  <c r="AE34211" i="1"/>
  <c r="AE34212" i="1"/>
  <c r="AE34213" i="1"/>
  <c r="AE34214" i="1"/>
  <c r="AE34215" i="1"/>
  <c r="AE34216" i="1"/>
  <c r="AE34217" i="1"/>
  <c r="AE34218" i="1"/>
  <c r="AE34219" i="1"/>
  <c r="AE34220" i="1"/>
  <c r="AE34221" i="1"/>
  <c r="AE34222" i="1"/>
  <c r="AE34223" i="1"/>
  <c r="AE34224" i="1"/>
  <c r="AE34225" i="1"/>
  <c r="AE34226" i="1"/>
  <c r="AE34227" i="1"/>
  <c r="AE34228" i="1"/>
  <c r="AE34229" i="1"/>
  <c r="AE34230" i="1"/>
  <c r="AE34231" i="1"/>
  <c r="AE34232" i="1"/>
  <c r="AE34233" i="1"/>
  <c r="AE34234" i="1"/>
  <c r="AE34235" i="1"/>
  <c r="AE34236" i="1"/>
  <c r="AE34237" i="1"/>
  <c r="AE34238" i="1"/>
  <c r="AE34239" i="1"/>
  <c r="AE34240" i="1"/>
  <c r="AE34241" i="1"/>
  <c r="AE34242" i="1"/>
  <c r="AE34243" i="1"/>
  <c r="AE34244" i="1"/>
  <c r="AE34245" i="1"/>
  <c r="AE34246" i="1"/>
  <c r="AE34247" i="1"/>
  <c r="AE34248" i="1"/>
  <c r="AE34249" i="1"/>
  <c r="AE34250" i="1"/>
  <c r="AE34251" i="1"/>
  <c r="AE34252" i="1"/>
  <c r="AE34253" i="1"/>
  <c r="AE34254" i="1"/>
  <c r="AE34255" i="1"/>
  <c r="AE34256" i="1"/>
  <c r="AE34257" i="1"/>
  <c r="AE34258" i="1"/>
  <c r="AE34259" i="1"/>
  <c r="AE34260" i="1"/>
  <c r="AE34261" i="1"/>
  <c r="AE34262" i="1"/>
  <c r="AE34263" i="1"/>
  <c r="AE34264" i="1"/>
  <c r="AE34265" i="1"/>
  <c r="AE34266" i="1"/>
  <c r="AE34267" i="1"/>
  <c r="AE34268" i="1"/>
  <c r="AE34269" i="1"/>
  <c r="AE34270" i="1"/>
  <c r="AE34271" i="1"/>
  <c r="AE34272" i="1"/>
  <c r="AE34273" i="1"/>
  <c r="AE34274" i="1"/>
  <c r="AE34275" i="1"/>
  <c r="AE34276" i="1"/>
  <c r="AE34277" i="1"/>
  <c r="AE34278" i="1"/>
  <c r="AE34279" i="1"/>
  <c r="AE34280" i="1"/>
  <c r="AE34281" i="1"/>
  <c r="AE34282" i="1"/>
  <c r="AE34283" i="1"/>
  <c r="AE34284" i="1"/>
  <c r="AE34285" i="1"/>
  <c r="AE34286" i="1"/>
  <c r="AE34287" i="1"/>
  <c r="AE34288" i="1"/>
  <c r="AE34289" i="1"/>
  <c r="AE34290" i="1"/>
  <c r="AE34291" i="1"/>
  <c r="AE34292" i="1"/>
  <c r="AE34293" i="1"/>
  <c r="AE34294" i="1"/>
  <c r="AE34295" i="1"/>
  <c r="AE34296" i="1"/>
  <c r="AE34297" i="1"/>
  <c r="AE34298" i="1"/>
  <c r="AE34299" i="1"/>
  <c r="AE34300" i="1"/>
  <c r="AE34301" i="1"/>
  <c r="AE34302" i="1"/>
  <c r="AE34303" i="1"/>
  <c r="AE34304" i="1"/>
  <c r="AE34305" i="1"/>
  <c r="AE34306" i="1"/>
  <c r="AE34307" i="1"/>
  <c r="AE34308" i="1"/>
  <c r="AE34309" i="1"/>
  <c r="AE34310" i="1"/>
  <c r="AE34311" i="1"/>
  <c r="AE34312" i="1"/>
  <c r="AE34313" i="1"/>
  <c r="AE34314" i="1"/>
  <c r="AE34315" i="1"/>
  <c r="AE34316" i="1"/>
  <c r="AE34317" i="1"/>
  <c r="AE34318" i="1"/>
  <c r="AE34319" i="1"/>
  <c r="AE34320" i="1"/>
  <c r="AE34321" i="1"/>
  <c r="AE34322" i="1"/>
  <c r="AE34323" i="1"/>
  <c r="AE34324" i="1"/>
  <c r="AE34325" i="1"/>
  <c r="AE34326" i="1"/>
  <c r="AE34327" i="1"/>
  <c r="AE34328" i="1"/>
  <c r="AE34329" i="1"/>
  <c r="AE34330" i="1"/>
  <c r="AE34331" i="1"/>
  <c r="AE34332" i="1"/>
  <c r="AE34333" i="1"/>
  <c r="AE34334" i="1"/>
  <c r="AE34335" i="1"/>
  <c r="AE34336" i="1"/>
  <c r="AE34337" i="1"/>
  <c r="AE34338" i="1"/>
  <c r="AE34339" i="1"/>
  <c r="AE34340" i="1"/>
  <c r="AE34341" i="1"/>
  <c r="AE34342" i="1"/>
  <c r="AE34343" i="1"/>
  <c r="AE34344" i="1"/>
  <c r="AE34345" i="1"/>
  <c r="AE34346" i="1"/>
  <c r="AE34347" i="1"/>
  <c r="AE34348" i="1"/>
  <c r="AE34349" i="1"/>
  <c r="AE34350" i="1"/>
  <c r="AE34351" i="1"/>
  <c r="AE34352" i="1"/>
  <c r="AE34353" i="1"/>
  <c r="AE34354" i="1"/>
  <c r="AE34355" i="1"/>
  <c r="AE34356" i="1"/>
  <c r="AE34357" i="1"/>
  <c r="AE34358" i="1"/>
  <c r="AE34359" i="1"/>
  <c r="AE34360" i="1"/>
  <c r="AE34361" i="1"/>
  <c r="AE34362" i="1"/>
  <c r="AE34363" i="1"/>
  <c r="AE34364" i="1"/>
  <c r="AE34365" i="1"/>
  <c r="AE34366" i="1"/>
  <c r="AE34367" i="1"/>
  <c r="AE34368" i="1"/>
  <c r="AE34369" i="1"/>
  <c r="AE34370" i="1"/>
  <c r="AE34371" i="1"/>
  <c r="AE34372" i="1"/>
  <c r="AE34373" i="1"/>
  <c r="AE34374" i="1"/>
  <c r="AE34375" i="1"/>
  <c r="AE34376" i="1"/>
  <c r="AE34377" i="1"/>
  <c r="AE34378" i="1"/>
  <c r="AE34379" i="1"/>
  <c r="AE34380" i="1"/>
  <c r="AE34381" i="1"/>
  <c r="AE34382" i="1"/>
  <c r="AE34383" i="1"/>
  <c r="AE34384" i="1"/>
  <c r="AE34385" i="1"/>
  <c r="AE34386" i="1"/>
  <c r="AE34387" i="1"/>
  <c r="AE34388" i="1"/>
  <c r="AE34389" i="1"/>
  <c r="AE34390" i="1"/>
  <c r="AE34391" i="1"/>
  <c r="AE34392" i="1"/>
  <c r="AE34393" i="1"/>
  <c r="AE34394" i="1"/>
  <c r="AE34395" i="1"/>
  <c r="AE34396" i="1"/>
  <c r="AE34397" i="1"/>
  <c r="AE34398" i="1"/>
  <c r="AE34399" i="1"/>
  <c r="AE34400" i="1"/>
  <c r="AE34401" i="1"/>
  <c r="AE34402" i="1"/>
  <c r="AE34403" i="1"/>
  <c r="AE34404" i="1"/>
  <c r="AE34405" i="1"/>
  <c r="AE34406" i="1"/>
  <c r="AE34407" i="1"/>
  <c r="AE34408" i="1"/>
  <c r="AE34409" i="1"/>
  <c r="AE34410" i="1"/>
  <c r="AE34411" i="1"/>
  <c r="AE34412" i="1"/>
  <c r="AE34413" i="1"/>
  <c r="AE34414" i="1"/>
  <c r="AE34415" i="1"/>
  <c r="AE34416" i="1"/>
  <c r="AE34417" i="1"/>
  <c r="AE34418" i="1"/>
  <c r="AE34419" i="1"/>
  <c r="AE34420" i="1"/>
  <c r="AE34421" i="1"/>
  <c r="AE34422" i="1"/>
  <c r="AE34423" i="1"/>
  <c r="AE34424" i="1"/>
  <c r="AE34425" i="1"/>
  <c r="AE34426" i="1"/>
  <c r="AE34427" i="1"/>
  <c r="AE34428" i="1"/>
  <c r="AE34429" i="1"/>
  <c r="AE34430" i="1"/>
  <c r="AE34431" i="1"/>
  <c r="AE34432" i="1"/>
  <c r="AE34433" i="1"/>
  <c r="AE34434" i="1"/>
  <c r="AE34435" i="1"/>
  <c r="AE34436" i="1"/>
  <c r="AE34437" i="1"/>
  <c r="AE34438" i="1"/>
  <c r="AE34439" i="1"/>
  <c r="AE34440" i="1"/>
  <c r="AE34441" i="1"/>
  <c r="AE34442" i="1"/>
  <c r="AE34443" i="1"/>
  <c r="AE34444" i="1"/>
  <c r="AE34445" i="1"/>
  <c r="AE34446" i="1"/>
  <c r="AE34447" i="1"/>
  <c r="AE34448" i="1"/>
  <c r="AE34449" i="1"/>
  <c r="AE34450" i="1"/>
  <c r="AE34451" i="1"/>
  <c r="AE34452" i="1"/>
  <c r="AE34453" i="1"/>
  <c r="AE34454" i="1"/>
  <c r="AE34455" i="1"/>
  <c r="AE34456" i="1"/>
  <c r="AE34457" i="1"/>
  <c r="AE34458" i="1"/>
  <c r="AE34459" i="1"/>
  <c r="AE34460" i="1"/>
  <c r="AE34461" i="1"/>
  <c r="AE34462" i="1"/>
  <c r="AE34463" i="1"/>
  <c r="AE34464" i="1"/>
  <c r="AE34465" i="1"/>
  <c r="AE34466" i="1"/>
  <c r="AE34467" i="1"/>
  <c r="AE34468" i="1"/>
  <c r="AE34469" i="1"/>
  <c r="AE34470" i="1"/>
  <c r="AE34471" i="1"/>
  <c r="AE34472" i="1"/>
  <c r="AE34473" i="1"/>
  <c r="AE34474" i="1"/>
  <c r="AE34475" i="1"/>
  <c r="AE34476" i="1"/>
  <c r="AE34477" i="1"/>
  <c r="AE34478" i="1"/>
  <c r="AE34479" i="1"/>
  <c r="AE34480" i="1"/>
  <c r="AE34481" i="1"/>
  <c r="AE34482" i="1"/>
  <c r="AE34483" i="1"/>
  <c r="AE34484" i="1"/>
  <c r="AE34485" i="1"/>
  <c r="AE34486" i="1"/>
  <c r="AE34487" i="1"/>
  <c r="AE34488" i="1"/>
  <c r="AE34489" i="1"/>
  <c r="AE34490" i="1"/>
  <c r="AE34491" i="1"/>
  <c r="AE34492" i="1"/>
  <c r="AE34493" i="1"/>
  <c r="AE34494" i="1"/>
  <c r="AE34495" i="1"/>
  <c r="AE34496" i="1"/>
  <c r="AE34497" i="1"/>
  <c r="AE34498" i="1"/>
  <c r="AE34499" i="1"/>
  <c r="AE34500" i="1"/>
  <c r="AE34501" i="1"/>
  <c r="AE34502" i="1"/>
  <c r="AE34503" i="1"/>
  <c r="AE34504" i="1"/>
  <c r="AE34505" i="1"/>
  <c r="AE34506" i="1"/>
  <c r="AE34507" i="1"/>
  <c r="AE34508" i="1"/>
  <c r="AE34509" i="1"/>
  <c r="AE34510" i="1"/>
  <c r="AE34511" i="1"/>
  <c r="AE34512" i="1"/>
  <c r="AE34513" i="1"/>
  <c r="AE34514" i="1"/>
  <c r="AE34515" i="1"/>
  <c r="AE34516" i="1"/>
  <c r="AE34517" i="1"/>
  <c r="AE34518" i="1"/>
  <c r="AE34519" i="1"/>
  <c r="AE34520" i="1"/>
  <c r="AE34521" i="1"/>
  <c r="AE34522" i="1"/>
  <c r="AE34523" i="1"/>
  <c r="AE34524" i="1"/>
  <c r="AE34525" i="1"/>
  <c r="AE34526" i="1"/>
  <c r="AE34527" i="1"/>
  <c r="AE34528" i="1"/>
  <c r="AE34529" i="1"/>
  <c r="AE34530" i="1"/>
  <c r="AE34531" i="1"/>
  <c r="AE34532" i="1"/>
  <c r="AE34533" i="1"/>
  <c r="AE34534" i="1"/>
  <c r="AE34535" i="1"/>
  <c r="AE34536" i="1"/>
  <c r="AE34537" i="1"/>
  <c r="AE34538" i="1"/>
  <c r="AE34539" i="1"/>
  <c r="AE34540" i="1"/>
  <c r="AE34541" i="1"/>
  <c r="AE34542" i="1"/>
  <c r="AE34543" i="1"/>
  <c r="AE34544" i="1"/>
  <c r="AE34545" i="1"/>
  <c r="AE34546" i="1"/>
  <c r="AE34547" i="1"/>
  <c r="AE34548" i="1"/>
  <c r="AE34549" i="1"/>
  <c r="AE34550" i="1"/>
  <c r="AE34551" i="1"/>
  <c r="AE34552" i="1"/>
  <c r="AE34553" i="1"/>
  <c r="AE34554" i="1"/>
  <c r="AE34555" i="1"/>
  <c r="AE34556" i="1"/>
  <c r="AE34557" i="1"/>
  <c r="AE34558" i="1"/>
  <c r="AE34559" i="1"/>
  <c r="AE34560" i="1"/>
  <c r="AE34561" i="1"/>
  <c r="AE34562" i="1"/>
  <c r="AE34563" i="1"/>
  <c r="AE34564" i="1"/>
  <c r="AE34565" i="1"/>
  <c r="AE34566" i="1"/>
  <c r="AE34567" i="1"/>
  <c r="AE34568" i="1"/>
  <c r="AE34569" i="1"/>
  <c r="AE34570" i="1"/>
  <c r="AE34571" i="1"/>
  <c r="AE34572" i="1"/>
  <c r="AE34573" i="1"/>
  <c r="AE34574" i="1"/>
  <c r="AE34575" i="1"/>
  <c r="AE34576" i="1"/>
  <c r="AE34577" i="1"/>
  <c r="AE34578" i="1"/>
  <c r="AE34579" i="1"/>
  <c r="AE34580" i="1"/>
  <c r="AE34581" i="1"/>
  <c r="AE34582" i="1"/>
  <c r="AE34583" i="1"/>
  <c r="AE34584" i="1"/>
  <c r="AE34585" i="1"/>
  <c r="AE34586" i="1"/>
  <c r="AE34587" i="1"/>
  <c r="AE34588" i="1"/>
  <c r="AE34589" i="1"/>
  <c r="AE34590" i="1"/>
  <c r="AE34591" i="1"/>
  <c r="AE34592" i="1"/>
  <c r="AE34593" i="1"/>
  <c r="AE34594" i="1"/>
  <c r="AE34595" i="1"/>
  <c r="AE34596" i="1"/>
  <c r="AE34597" i="1"/>
  <c r="AE34598" i="1"/>
  <c r="AE34599" i="1"/>
  <c r="AE34600" i="1"/>
  <c r="AE34601" i="1"/>
  <c r="AE34602" i="1"/>
  <c r="AE34603" i="1"/>
  <c r="AE34604" i="1"/>
  <c r="AE34605" i="1"/>
  <c r="AE34606" i="1"/>
  <c r="AE34607" i="1"/>
  <c r="AE34608" i="1"/>
  <c r="AE34609" i="1"/>
  <c r="AE34610" i="1"/>
  <c r="AE34611" i="1"/>
  <c r="AE34612" i="1"/>
  <c r="AE34613" i="1"/>
  <c r="AE34614" i="1"/>
  <c r="AE34615" i="1"/>
  <c r="AE34616" i="1"/>
  <c r="AE34617" i="1"/>
  <c r="AE34618" i="1"/>
  <c r="AE34619" i="1"/>
  <c r="AE34620" i="1"/>
  <c r="AE34621" i="1"/>
  <c r="AE34622" i="1"/>
  <c r="AE34623" i="1"/>
  <c r="AE34624" i="1"/>
  <c r="AE34625" i="1"/>
  <c r="AE34626" i="1"/>
  <c r="AE34627" i="1"/>
  <c r="AE34628" i="1"/>
  <c r="AE34629" i="1"/>
  <c r="AE34630" i="1"/>
  <c r="AE34631" i="1"/>
  <c r="AE34632" i="1"/>
  <c r="AE34633" i="1"/>
  <c r="AE34634" i="1"/>
  <c r="AE34635" i="1"/>
  <c r="AE34636" i="1"/>
  <c r="AE34637" i="1"/>
  <c r="AE34638" i="1"/>
  <c r="AE34639" i="1"/>
  <c r="AE34640" i="1"/>
  <c r="AE34641" i="1"/>
  <c r="AE34642" i="1"/>
  <c r="AE34643" i="1"/>
  <c r="AE34644" i="1"/>
  <c r="AE34645" i="1"/>
  <c r="AE34646" i="1"/>
  <c r="AE34647" i="1"/>
  <c r="AE34648" i="1"/>
  <c r="AE34649" i="1"/>
  <c r="AE34650" i="1"/>
  <c r="AE34651" i="1"/>
  <c r="AE34652" i="1"/>
  <c r="AE34653" i="1"/>
  <c r="AE34654" i="1"/>
  <c r="AE34655" i="1"/>
  <c r="AE34656" i="1"/>
  <c r="AE34657" i="1"/>
  <c r="AE34658" i="1"/>
  <c r="AE34659" i="1"/>
  <c r="AE34660" i="1"/>
  <c r="AE34661" i="1"/>
  <c r="AE34662" i="1"/>
  <c r="AE34663" i="1"/>
  <c r="AE34664" i="1"/>
  <c r="AE34665" i="1"/>
  <c r="AE34666" i="1"/>
  <c r="AE34667" i="1"/>
  <c r="AE34668" i="1"/>
  <c r="AE34669" i="1"/>
  <c r="AE34670" i="1"/>
  <c r="AE34671" i="1"/>
  <c r="AE34672" i="1"/>
  <c r="AE34673" i="1"/>
  <c r="AE34674" i="1"/>
  <c r="AE34675" i="1"/>
  <c r="AE34676" i="1"/>
  <c r="AE34677" i="1"/>
  <c r="AE34678" i="1"/>
  <c r="AE34679" i="1"/>
  <c r="AE34680" i="1"/>
  <c r="AE34681" i="1"/>
  <c r="AE34682" i="1"/>
  <c r="AE34683" i="1"/>
  <c r="AE34684" i="1"/>
  <c r="AE34685" i="1"/>
  <c r="AE34686" i="1"/>
  <c r="AE34687" i="1"/>
  <c r="AE34688" i="1"/>
  <c r="AE34689" i="1"/>
  <c r="AE34690" i="1"/>
  <c r="AE34691" i="1"/>
  <c r="AE34692" i="1"/>
  <c r="AE34693" i="1"/>
  <c r="AE34694" i="1"/>
  <c r="AE34695" i="1"/>
  <c r="AE34696" i="1"/>
  <c r="AE34697" i="1"/>
  <c r="AE34698" i="1"/>
  <c r="AE34699" i="1"/>
  <c r="AE34700" i="1"/>
  <c r="AE34701" i="1"/>
  <c r="AE34702" i="1"/>
  <c r="AE34703" i="1"/>
  <c r="AE34704" i="1"/>
  <c r="AE34705" i="1"/>
  <c r="AE34706" i="1"/>
  <c r="AE34707" i="1"/>
  <c r="AE34708" i="1"/>
  <c r="AE34709" i="1"/>
  <c r="AE34710" i="1"/>
  <c r="AE34711" i="1"/>
  <c r="AE34712" i="1"/>
  <c r="AE34713" i="1"/>
  <c r="AE34714" i="1"/>
  <c r="AE34715" i="1"/>
  <c r="AE34716" i="1"/>
  <c r="AE34717" i="1"/>
  <c r="AE34718" i="1"/>
  <c r="AE34719" i="1"/>
  <c r="AE34720" i="1"/>
  <c r="AE34721" i="1"/>
  <c r="AE34722" i="1"/>
  <c r="AE34723" i="1"/>
  <c r="AE34724" i="1"/>
  <c r="AE34725" i="1"/>
  <c r="AE34726" i="1"/>
  <c r="AE34727" i="1"/>
  <c r="AE34728" i="1"/>
  <c r="AE34729" i="1"/>
  <c r="AE34730" i="1"/>
  <c r="AE34731" i="1"/>
  <c r="AE34732" i="1"/>
  <c r="AE34733" i="1"/>
  <c r="AE34734" i="1"/>
  <c r="AE34735" i="1"/>
  <c r="AE34736" i="1"/>
  <c r="AE34737" i="1"/>
  <c r="AE34738" i="1"/>
  <c r="AE34739" i="1"/>
  <c r="AE34740" i="1"/>
  <c r="AE34741" i="1"/>
  <c r="AE34742" i="1"/>
  <c r="AE34743" i="1"/>
  <c r="AE34744" i="1"/>
  <c r="AE34745" i="1"/>
  <c r="AE34746" i="1"/>
  <c r="AE34747" i="1"/>
  <c r="AE34748" i="1"/>
  <c r="AE34749" i="1"/>
  <c r="AE34750" i="1"/>
  <c r="AE34751" i="1"/>
  <c r="AE34752" i="1"/>
  <c r="AE34753" i="1"/>
  <c r="AE34754" i="1"/>
  <c r="AE34755" i="1"/>
  <c r="AE34756" i="1"/>
  <c r="AE34757" i="1"/>
  <c r="AE34758" i="1"/>
  <c r="AE34759" i="1"/>
  <c r="AE34760" i="1"/>
  <c r="AE34761" i="1"/>
  <c r="AE34762" i="1"/>
  <c r="AE34763" i="1"/>
  <c r="AE34764" i="1"/>
  <c r="AE34765" i="1"/>
  <c r="AE34766" i="1"/>
  <c r="AE34767" i="1"/>
  <c r="AE34768" i="1"/>
  <c r="AE34769" i="1"/>
  <c r="AE34770" i="1"/>
  <c r="AE34771" i="1"/>
  <c r="AE34772" i="1"/>
  <c r="AE34773" i="1"/>
  <c r="AE34774" i="1"/>
  <c r="AE34775" i="1"/>
  <c r="AE34776" i="1"/>
  <c r="AE34777" i="1"/>
  <c r="AE34778" i="1"/>
  <c r="AE34779" i="1"/>
  <c r="AE34780" i="1"/>
  <c r="AE34781" i="1"/>
  <c r="AE34782" i="1"/>
  <c r="AE34783" i="1"/>
  <c r="AE34784" i="1"/>
  <c r="AE34785" i="1"/>
  <c r="AE34786" i="1"/>
  <c r="AE34787" i="1"/>
  <c r="AE34788" i="1"/>
  <c r="AE34789" i="1"/>
  <c r="AE34790" i="1"/>
  <c r="AE34791" i="1"/>
  <c r="AE34792" i="1"/>
  <c r="AE34793" i="1"/>
  <c r="AE34794" i="1"/>
  <c r="AE34795" i="1"/>
  <c r="AE34796" i="1"/>
  <c r="AE34797" i="1"/>
  <c r="AE34798" i="1"/>
  <c r="AE34799" i="1"/>
  <c r="AE34800" i="1"/>
  <c r="AE34801" i="1"/>
  <c r="AE34802" i="1"/>
  <c r="AE34803" i="1"/>
  <c r="AE34804" i="1"/>
  <c r="AE34805" i="1"/>
  <c r="AE34806" i="1"/>
  <c r="AE34807" i="1"/>
  <c r="AE34808" i="1"/>
  <c r="AE34809" i="1"/>
  <c r="AE34810" i="1"/>
  <c r="AE34811" i="1"/>
  <c r="AE34812" i="1"/>
  <c r="AE34813" i="1"/>
  <c r="AE34814" i="1"/>
  <c r="AE34815" i="1"/>
  <c r="AE34816" i="1"/>
  <c r="AE34817" i="1"/>
  <c r="AE34818" i="1"/>
  <c r="AE34819" i="1"/>
  <c r="AE34820" i="1"/>
  <c r="AE34821" i="1"/>
  <c r="AE34822" i="1"/>
  <c r="AE34823" i="1"/>
  <c r="AE34824" i="1"/>
  <c r="AE34825" i="1"/>
  <c r="AE34826" i="1"/>
  <c r="AE34827" i="1"/>
  <c r="AE34828" i="1"/>
  <c r="AE34829" i="1"/>
  <c r="AE34830" i="1"/>
  <c r="AE34831" i="1"/>
  <c r="AE34832" i="1"/>
  <c r="AE34833" i="1"/>
  <c r="AE34834" i="1"/>
  <c r="AE34835" i="1"/>
  <c r="AE34836" i="1"/>
  <c r="AE34837" i="1"/>
  <c r="AE34838" i="1"/>
  <c r="AE34839" i="1"/>
  <c r="AE34840" i="1"/>
  <c r="AE34841" i="1"/>
  <c r="AE34842" i="1"/>
  <c r="AE34843" i="1"/>
  <c r="AE34844" i="1"/>
  <c r="AE34845" i="1"/>
  <c r="AE34846" i="1"/>
  <c r="AE34847" i="1"/>
  <c r="AE34848" i="1"/>
  <c r="AE34849" i="1"/>
  <c r="AE34850" i="1"/>
  <c r="AE34851" i="1"/>
  <c r="AE34852" i="1"/>
  <c r="AE34853" i="1"/>
  <c r="AE34854" i="1"/>
  <c r="AE34855" i="1"/>
  <c r="AE34856" i="1"/>
  <c r="AE34857" i="1"/>
  <c r="AE34858" i="1"/>
  <c r="AE34859" i="1"/>
  <c r="AE34860" i="1"/>
  <c r="AE34861" i="1"/>
  <c r="AE34862" i="1"/>
  <c r="AE34863" i="1"/>
  <c r="AE34864" i="1"/>
  <c r="AE34865" i="1"/>
  <c r="AE34866" i="1"/>
  <c r="AE34867" i="1"/>
  <c r="AE34868" i="1"/>
  <c r="AE34869" i="1"/>
  <c r="AE34870" i="1"/>
  <c r="AE34871" i="1"/>
  <c r="AE34872" i="1"/>
  <c r="AE34873" i="1"/>
  <c r="AE34874" i="1"/>
  <c r="AE34875" i="1"/>
  <c r="AE34876" i="1"/>
  <c r="AE34877" i="1"/>
  <c r="AE34878" i="1"/>
  <c r="AE34879" i="1"/>
  <c r="AE34880" i="1"/>
  <c r="AE34881" i="1"/>
  <c r="AE34882" i="1"/>
  <c r="AE34883" i="1"/>
  <c r="AE34884" i="1"/>
  <c r="AE34885" i="1"/>
  <c r="AE34886" i="1"/>
  <c r="AE34887" i="1"/>
  <c r="AE34888" i="1"/>
  <c r="AE34889" i="1"/>
  <c r="AE34890" i="1"/>
  <c r="AE34891" i="1"/>
  <c r="AE34892" i="1"/>
  <c r="AE34893" i="1"/>
  <c r="AE34894" i="1"/>
  <c r="AE34895" i="1"/>
  <c r="AE34896" i="1"/>
  <c r="AE34897" i="1"/>
  <c r="AE34898" i="1"/>
  <c r="AE34899" i="1"/>
  <c r="AE34900" i="1"/>
  <c r="AE34901" i="1"/>
  <c r="AE34902" i="1"/>
  <c r="AE34903" i="1"/>
  <c r="AE34904" i="1"/>
  <c r="AE34905" i="1"/>
  <c r="AE34906" i="1"/>
  <c r="AE34907" i="1"/>
  <c r="AE34908" i="1"/>
  <c r="AE34909" i="1"/>
  <c r="AE34910" i="1"/>
  <c r="AE34911" i="1"/>
  <c r="AE34912" i="1"/>
  <c r="AE34913" i="1"/>
  <c r="AE34914" i="1"/>
  <c r="AE34915" i="1"/>
  <c r="AE34916" i="1"/>
  <c r="AE34917" i="1"/>
  <c r="AE34918" i="1"/>
  <c r="AE34919" i="1"/>
  <c r="AE34920" i="1"/>
  <c r="AE34921" i="1"/>
  <c r="AE34922" i="1"/>
  <c r="AE34923" i="1"/>
  <c r="AE34924" i="1"/>
  <c r="AE34925" i="1"/>
  <c r="AE34926" i="1"/>
  <c r="AE34927" i="1"/>
  <c r="AE34928" i="1"/>
  <c r="AE34929" i="1"/>
  <c r="AE34930" i="1"/>
  <c r="AE34931" i="1"/>
  <c r="AE34932" i="1"/>
  <c r="AE34933" i="1"/>
  <c r="AE34934" i="1"/>
  <c r="AE34935" i="1"/>
  <c r="AE34936" i="1"/>
  <c r="AE34937" i="1"/>
  <c r="AE34938" i="1"/>
  <c r="AE34939" i="1"/>
  <c r="AE34940" i="1"/>
  <c r="AE34941" i="1"/>
  <c r="AE34942" i="1"/>
  <c r="AE34943" i="1"/>
  <c r="AE34944" i="1"/>
  <c r="AE34945" i="1"/>
  <c r="AE34946" i="1"/>
  <c r="AE34947" i="1"/>
  <c r="AE34948" i="1"/>
  <c r="AE34949" i="1"/>
  <c r="AE34950" i="1"/>
  <c r="AE34951" i="1"/>
  <c r="AE34952" i="1"/>
  <c r="AE34953" i="1"/>
  <c r="AE34954" i="1"/>
  <c r="AE34955" i="1"/>
  <c r="AE34956" i="1"/>
  <c r="AE34957" i="1"/>
  <c r="AE34958" i="1"/>
  <c r="AE34959" i="1"/>
  <c r="AE34960" i="1"/>
  <c r="AE34961" i="1"/>
  <c r="AE34962" i="1"/>
  <c r="AE34963" i="1"/>
  <c r="AE34964" i="1"/>
  <c r="AE34965" i="1"/>
  <c r="AE34966" i="1"/>
  <c r="AE34967" i="1"/>
  <c r="AE34968" i="1"/>
  <c r="AE34969" i="1"/>
  <c r="AE34970" i="1"/>
  <c r="AE34971" i="1"/>
  <c r="AE34972" i="1"/>
  <c r="AE34973" i="1"/>
  <c r="AE34974" i="1"/>
  <c r="AE34975" i="1"/>
  <c r="AE34976" i="1"/>
  <c r="AE34977" i="1"/>
  <c r="AE34978" i="1"/>
  <c r="AE34979" i="1"/>
  <c r="AE34980" i="1"/>
  <c r="AE34981" i="1"/>
  <c r="AE34982" i="1"/>
  <c r="AE34983" i="1"/>
  <c r="AE34984" i="1"/>
  <c r="AE34985" i="1"/>
  <c r="AE34986" i="1"/>
  <c r="AE34987" i="1"/>
  <c r="AE34988" i="1"/>
  <c r="AE34989" i="1"/>
  <c r="AE34990" i="1"/>
  <c r="AE34991" i="1"/>
  <c r="AE34992" i="1"/>
  <c r="AE34993" i="1"/>
  <c r="AE34994" i="1"/>
  <c r="AE34995" i="1"/>
  <c r="AE34996" i="1"/>
  <c r="AE34997" i="1"/>
  <c r="AE34998" i="1"/>
  <c r="AE34999" i="1"/>
  <c r="AE35000" i="1"/>
  <c r="AE35001" i="1"/>
  <c r="AE35002" i="1"/>
  <c r="AE35003" i="1"/>
  <c r="AE35004" i="1"/>
  <c r="AE35005" i="1"/>
  <c r="AE35006" i="1"/>
  <c r="AE35007" i="1"/>
  <c r="AE35008" i="1"/>
  <c r="AE35009" i="1"/>
  <c r="AE35010" i="1"/>
  <c r="AE35011" i="1"/>
  <c r="AE35012" i="1"/>
  <c r="AE35013" i="1"/>
  <c r="AE35014" i="1"/>
  <c r="AE35015" i="1"/>
  <c r="AE35016" i="1"/>
  <c r="AE35017" i="1"/>
  <c r="AE35018" i="1"/>
  <c r="AE35019" i="1"/>
  <c r="AE35020" i="1"/>
  <c r="AE35021" i="1"/>
  <c r="AE35022" i="1"/>
  <c r="AE35023" i="1"/>
  <c r="AE35024" i="1"/>
  <c r="AE35025" i="1"/>
  <c r="AE35026" i="1"/>
  <c r="AE35027" i="1"/>
  <c r="AE35028" i="1"/>
  <c r="AE35029" i="1"/>
  <c r="AE35030" i="1"/>
  <c r="AE35031" i="1"/>
  <c r="AE35032" i="1"/>
  <c r="AE35033" i="1"/>
  <c r="AE35034" i="1"/>
  <c r="AE35035" i="1"/>
  <c r="AE35036" i="1"/>
  <c r="AE35037" i="1"/>
  <c r="AE35038" i="1"/>
  <c r="AE35039" i="1"/>
  <c r="AE35040" i="1"/>
  <c r="AE35041" i="1"/>
  <c r="AE35042" i="1"/>
  <c r="AE35043" i="1"/>
  <c r="AE35044" i="1"/>
  <c r="AE35045" i="1"/>
  <c r="AE35046" i="1"/>
  <c r="AE35047" i="1"/>
  <c r="AE35048" i="1"/>
  <c r="AE35049" i="1"/>
  <c r="AE35050" i="1"/>
  <c r="AE35051" i="1"/>
  <c r="AE35052" i="1"/>
  <c r="AE35053" i="1"/>
  <c r="AE35054" i="1"/>
  <c r="AE35055" i="1"/>
  <c r="AE35056" i="1"/>
  <c r="AE35057" i="1"/>
  <c r="AE35058" i="1"/>
  <c r="AE35059" i="1"/>
  <c r="AE35060" i="1"/>
  <c r="AE35061" i="1"/>
  <c r="AE35062" i="1"/>
  <c r="AE35063" i="1"/>
  <c r="AE35064" i="1"/>
  <c r="AE35065" i="1"/>
  <c r="AE35066" i="1"/>
  <c r="AE35067" i="1"/>
  <c r="AE35068" i="1"/>
  <c r="AE35069" i="1"/>
  <c r="AE35070" i="1"/>
  <c r="AE35071" i="1"/>
  <c r="AE35072" i="1"/>
  <c r="AE35073" i="1"/>
  <c r="AE35074" i="1"/>
  <c r="AE35075" i="1"/>
  <c r="AE35076" i="1"/>
  <c r="AE35077" i="1"/>
  <c r="AE35078" i="1"/>
  <c r="AE35079" i="1"/>
  <c r="AE35080" i="1"/>
  <c r="AE35081" i="1"/>
  <c r="AE35082" i="1"/>
  <c r="AE35083" i="1"/>
  <c r="AE35084" i="1"/>
  <c r="AE35085" i="1"/>
  <c r="AE35086" i="1"/>
  <c r="AE35087" i="1"/>
  <c r="AE35088" i="1"/>
  <c r="AE35089" i="1"/>
  <c r="AE35090" i="1"/>
  <c r="AE35091" i="1"/>
  <c r="AE35092" i="1"/>
  <c r="AE35093" i="1"/>
  <c r="AE35094" i="1"/>
  <c r="AE35095" i="1"/>
  <c r="AE35096" i="1"/>
  <c r="AE35097" i="1"/>
  <c r="AE35098" i="1"/>
  <c r="AE35099" i="1"/>
  <c r="AE35100" i="1"/>
  <c r="AE35101" i="1"/>
  <c r="AE35102" i="1"/>
  <c r="AE35103" i="1"/>
  <c r="AE35104" i="1"/>
  <c r="AE35105" i="1"/>
  <c r="AE35106" i="1"/>
  <c r="AE35107" i="1"/>
  <c r="AE35108" i="1"/>
  <c r="AE35109" i="1"/>
  <c r="AE35110" i="1"/>
  <c r="AE35111" i="1"/>
  <c r="AE35112" i="1"/>
  <c r="AE35113" i="1"/>
  <c r="AE35114" i="1"/>
  <c r="AE35115" i="1"/>
  <c r="AE35116" i="1"/>
  <c r="AE35117" i="1"/>
  <c r="AE35118" i="1"/>
  <c r="AE35119" i="1"/>
  <c r="AE35120" i="1"/>
  <c r="AE35121" i="1"/>
  <c r="AE35122" i="1"/>
  <c r="AE35123" i="1"/>
  <c r="AE35124" i="1"/>
  <c r="AE35125" i="1"/>
  <c r="AE35126" i="1"/>
  <c r="AE35127" i="1"/>
  <c r="AE35128" i="1"/>
  <c r="AE35129" i="1"/>
  <c r="AE35130" i="1"/>
  <c r="AE35131" i="1"/>
  <c r="AE35132" i="1"/>
  <c r="AE35133" i="1"/>
  <c r="AE35134" i="1"/>
  <c r="AE35135" i="1"/>
  <c r="AE35136" i="1"/>
  <c r="AE35137" i="1"/>
  <c r="AE35138" i="1"/>
  <c r="AE35139" i="1"/>
  <c r="AE35140" i="1"/>
  <c r="AE35141" i="1"/>
  <c r="AE35142" i="1"/>
  <c r="AE35143" i="1"/>
  <c r="AE35144" i="1"/>
  <c r="AE35145" i="1"/>
  <c r="AE35146" i="1"/>
  <c r="AE35147" i="1"/>
  <c r="AE35148" i="1"/>
  <c r="AE35149" i="1"/>
  <c r="AE35150" i="1"/>
  <c r="AE35151" i="1"/>
  <c r="AE35152" i="1"/>
  <c r="AE35153" i="1"/>
  <c r="AE35154" i="1"/>
  <c r="AE35155" i="1"/>
  <c r="AE35156" i="1"/>
  <c r="AE35157" i="1"/>
  <c r="AE35158" i="1"/>
  <c r="AE35159" i="1"/>
  <c r="AE35160" i="1"/>
  <c r="AE35161" i="1"/>
  <c r="AE35162" i="1"/>
  <c r="AE35163" i="1"/>
  <c r="AE35164" i="1"/>
  <c r="AE35165" i="1"/>
  <c r="AE35166" i="1"/>
  <c r="AE35167" i="1"/>
  <c r="AE35168" i="1"/>
  <c r="AE35169" i="1"/>
  <c r="AE35170" i="1"/>
  <c r="AE35171" i="1"/>
  <c r="AE35172" i="1"/>
  <c r="AE35173" i="1"/>
  <c r="AE35174" i="1"/>
  <c r="AE35175" i="1"/>
  <c r="AE35176" i="1"/>
  <c r="AE35177" i="1"/>
  <c r="AE35178" i="1"/>
  <c r="AE35179" i="1"/>
  <c r="AE35180" i="1"/>
  <c r="AE35181" i="1"/>
  <c r="AE35182" i="1"/>
  <c r="AE35183" i="1"/>
  <c r="AE35184" i="1"/>
  <c r="AE35185" i="1"/>
  <c r="AE35186" i="1"/>
  <c r="AE35187" i="1"/>
  <c r="AE35188" i="1"/>
  <c r="AE35189" i="1"/>
  <c r="AE35190" i="1"/>
  <c r="AE35191" i="1"/>
  <c r="AE35192" i="1"/>
  <c r="AE35193" i="1"/>
  <c r="AE35194" i="1"/>
  <c r="AE35195" i="1"/>
  <c r="AE35196" i="1"/>
  <c r="AE35197" i="1"/>
  <c r="AE35198" i="1"/>
  <c r="AE35199" i="1"/>
  <c r="AE35200" i="1"/>
  <c r="AE35201" i="1"/>
  <c r="AE35202" i="1"/>
  <c r="AE35203" i="1"/>
  <c r="AE35204" i="1"/>
  <c r="AE35205" i="1"/>
  <c r="AE35206" i="1"/>
  <c r="AE35207" i="1"/>
  <c r="AE35208" i="1"/>
  <c r="AE35209" i="1"/>
  <c r="AE35210" i="1"/>
  <c r="AE35211" i="1"/>
  <c r="AE35212" i="1"/>
  <c r="AE35213" i="1"/>
  <c r="AE35214" i="1"/>
  <c r="AE35215" i="1"/>
  <c r="AE35216" i="1"/>
  <c r="AE35217" i="1"/>
  <c r="AE35218" i="1"/>
  <c r="AE35219" i="1"/>
  <c r="AE35220" i="1"/>
  <c r="AE35221" i="1"/>
  <c r="AE35222" i="1"/>
  <c r="AE35223" i="1"/>
  <c r="AE35224" i="1"/>
  <c r="AE35225" i="1"/>
  <c r="AE35226" i="1"/>
  <c r="AE35227" i="1"/>
  <c r="AE35228" i="1"/>
  <c r="AE35229" i="1"/>
  <c r="AE35230" i="1"/>
  <c r="AE35231" i="1"/>
  <c r="AE35232" i="1"/>
  <c r="AE35233" i="1"/>
  <c r="AE35234" i="1"/>
  <c r="AE35235" i="1"/>
  <c r="AE35236" i="1"/>
  <c r="AE35237" i="1"/>
  <c r="AE35238" i="1"/>
  <c r="AE35239" i="1"/>
  <c r="AE35240" i="1"/>
  <c r="AE35241" i="1"/>
  <c r="AE35242" i="1"/>
  <c r="AE35243" i="1"/>
  <c r="AE35244" i="1"/>
  <c r="AE35245" i="1"/>
  <c r="AE35246" i="1"/>
  <c r="AE35247" i="1"/>
  <c r="AE35248" i="1"/>
  <c r="AE35249" i="1"/>
  <c r="AE35250" i="1"/>
  <c r="AE35251" i="1"/>
  <c r="AE35252" i="1"/>
  <c r="AE35253" i="1"/>
  <c r="AE35254" i="1"/>
  <c r="AE35255" i="1"/>
  <c r="AE35256" i="1"/>
  <c r="AE35257" i="1"/>
  <c r="AE35258" i="1"/>
  <c r="AE35259" i="1"/>
  <c r="AE35260" i="1"/>
  <c r="AE35261" i="1"/>
  <c r="AE35262" i="1"/>
  <c r="AE35263" i="1"/>
  <c r="AE35264" i="1"/>
  <c r="AE35265" i="1"/>
  <c r="AE35266" i="1"/>
  <c r="AE35267" i="1"/>
  <c r="AE35268" i="1"/>
  <c r="AE35269" i="1"/>
  <c r="AE35270" i="1"/>
  <c r="AE35271" i="1"/>
  <c r="AE35272" i="1"/>
  <c r="AE35273" i="1"/>
  <c r="AE35274" i="1"/>
  <c r="AE35275" i="1"/>
  <c r="AE35276" i="1"/>
  <c r="AE35277" i="1"/>
  <c r="AE35278" i="1"/>
  <c r="AE35279" i="1"/>
  <c r="AE35280" i="1"/>
  <c r="AE35281" i="1"/>
  <c r="AE35282" i="1"/>
  <c r="AE35283" i="1"/>
  <c r="AE35284" i="1"/>
  <c r="AE35285" i="1"/>
  <c r="AE35286" i="1"/>
  <c r="AE35287" i="1"/>
  <c r="AE35288" i="1"/>
  <c r="AE35289" i="1"/>
  <c r="AE35290" i="1"/>
  <c r="AE35291" i="1"/>
  <c r="AE35292" i="1"/>
  <c r="AE35293" i="1"/>
  <c r="AE35294" i="1"/>
  <c r="AE35295" i="1"/>
  <c r="AE35296" i="1"/>
  <c r="AE35297" i="1"/>
  <c r="AE35298" i="1"/>
  <c r="AE35299" i="1"/>
  <c r="AE35300" i="1"/>
  <c r="AE35301" i="1"/>
  <c r="AE35302" i="1"/>
  <c r="AE35303" i="1"/>
  <c r="AE35304" i="1"/>
  <c r="AE35305" i="1"/>
  <c r="AE35306" i="1"/>
  <c r="AE35307" i="1"/>
  <c r="AE35308" i="1"/>
  <c r="AE35309" i="1"/>
  <c r="AE35310" i="1"/>
  <c r="AE35311" i="1"/>
  <c r="AE35312" i="1"/>
  <c r="AE35313" i="1"/>
  <c r="AE35314" i="1"/>
  <c r="AE35315" i="1"/>
  <c r="AE35316" i="1"/>
  <c r="AE35317" i="1"/>
  <c r="AE35318" i="1"/>
  <c r="AE35319" i="1"/>
  <c r="AE35320" i="1"/>
  <c r="AE35321" i="1"/>
  <c r="AE35322" i="1"/>
  <c r="AE35323" i="1"/>
  <c r="AE35324" i="1"/>
  <c r="AE35325" i="1"/>
  <c r="AE35326" i="1"/>
  <c r="AE35327" i="1"/>
  <c r="AE35328" i="1"/>
  <c r="AE35329" i="1"/>
  <c r="AE35330" i="1"/>
  <c r="AE35331" i="1"/>
  <c r="AE35332" i="1"/>
  <c r="AE35333" i="1"/>
  <c r="AE35334" i="1"/>
  <c r="AE35335" i="1"/>
  <c r="AE35336" i="1"/>
  <c r="AE35337" i="1"/>
  <c r="AE35338" i="1"/>
  <c r="AE35339" i="1"/>
  <c r="AE35340" i="1"/>
  <c r="AE35341" i="1"/>
  <c r="AE35342" i="1"/>
  <c r="AE35343" i="1"/>
  <c r="AE35344" i="1"/>
  <c r="AE35345" i="1"/>
  <c r="AE35346" i="1"/>
  <c r="AE35347" i="1"/>
  <c r="AE35348" i="1"/>
  <c r="AE35349" i="1"/>
  <c r="AE35350" i="1"/>
  <c r="AE35351" i="1"/>
  <c r="AE35352" i="1"/>
  <c r="AE35353" i="1"/>
  <c r="AE35354" i="1"/>
  <c r="AE35355" i="1"/>
  <c r="AE35356" i="1"/>
  <c r="AE35357" i="1"/>
  <c r="AE35358" i="1"/>
  <c r="AE35359" i="1"/>
  <c r="AE35360" i="1"/>
  <c r="AE35361" i="1"/>
  <c r="AE35362" i="1"/>
  <c r="AE35363" i="1"/>
  <c r="AE35364" i="1"/>
  <c r="AE35365" i="1"/>
  <c r="AE35366" i="1"/>
  <c r="AE35367" i="1"/>
  <c r="AE35368" i="1"/>
  <c r="AE35369" i="1"/>
  <c r="AE35370" i="1"/>
  <c r="AE35371" i="1"/>
  <c r="AE35372" i="1"/>
  <c r="AE35373" i="1"/>
  <c r="AE35374" i="1"/>
  <c r="AE35375" i="1"/>
  <c r="AE35376" i="1"/>
  <c r="AE35377" i="1"/>
  <c r="AE35378" i="1"/>
  <c r="AE35379" i="1"/>
  <c r="AE35380" i="1"/>
  <c r="AE35381" i="1"/>
  <c r="AE35382" i="1"/>
  <c r="AE35383" i="1"/>
  <c r="AE35384" i="1"/>
  <c r="AE35385" i="1"/>
  <c r="AE35386" i="1"/>
  <c r="AE35387" i="1"/>
  <c r="AE35388" i="1"/>
  <c r="AE35389" i="1"/>
  <c r="AE35390" i="1"/>
  <c r="AE35391" i="1"/>
  <c r="AE35392" i="1"/>
  <c r="AE35393" i="1"/>
  <c r="AE35394" i="1"/>
  <c r="AE35395" i="1"/>
  <c r="AE35396" i="1"/>
  <c r="AE35397" i="1"/>
  <c r="AE35398" i="1"/>
  <c r="AE35399" i="1"/>
  <c r="AE35400" i="1"/>
  <c r="AE35401" i="1"/>
  <c r="AE35402" i="1"/>
  <c r="AE35403" i="1"/>
  <c r="AE35404" i="1"/>
  <c r="AE35405" i="1"/>
  <c r="AE35406" i="1"/>
  <c r="AE35407" i="1"/>
  <c r="AE35408" i="1"/>
  <c r="AE35409" i="1"/>
  <c r="AE35410" i="1"/>
  <c r="AE35411" i="1"/>
  <c r="AE35412" i="1"/>
  <c r="AE35413" i="1"/>
  <c r="AE35414" i="1"/>
  <c r="AE35415" i="1"/>
  <c r="AE35416" i="1"/>
  <c r="AE35417" i="1"/>
  <c r="AE35418" i="1"/>
  <c r="AE35419" i="1"/>
  <c r="AE35420" i="1"/>
  <c r="AE35421" i="1"/>
  <c r="AE35422" i="1"/>
  <c r="AE35423" i="1"/>
  <c r="AE35424" i="1"/>
  <c r="AE35425" i="1"/>
  <c r="AE35426" i="1"/>
  <c r="AE35427" i="1"/>
  <c r="AE35428" i="1"/>
  <c r="AE35429" i="1"/>
  <c r="AE35430" i="1"/>
  <c r="AE35431" i="1"/>
  <c r="AE35432" i="1"/>
  <c r="AE35433" i="1"/>
  <c r="AE35434" i="1"/>
  <c r="AE35435" i="1"/>
  <c r="AE35436" i="1"/>
  <c r="AE35437" i="1"/>
  <c r="AE35438" i="1"/>
  <c r="AE35439" i="1"/>
  <c r="AE35440" i="1"/>
  <c r="AE35441" i="1"/>
  <c r="AE35442" i="1"/>
  <c r="AE35443" i="1"/>
  <c r="AE35444" i="1"/>
  <c r="AE35445" i="1"/>
  <c r="AE35446" i="1"/>
  <c r="AE35447" i="1"/>
  <c r="AE35448" i="1"/>
  <c r="AE35449" i="1"/>
  <c r="AE35450" i="1"/>
  <c r="AE35451" i="1"/>
  <c r="AE35452" i="1"/>
  <c r="AE35453" i="1"/>
  <c r="AE35454" i="1"/>
  <c r="AE35455" i="1"/>
  <c r="AE35456" i="1"/>
  <c r="AE35457" i="1"/>
  <c r="AE35458" i="1"/>
  <c r="AE35459" i="1"/>
  <c r="AE35460" i="1"/>
  <c r="AE35461" i="1"/>
  <c r="AE35462" i="1"/>
  <c r="AE35463" i="1"/>
  <c r="AE35464" i="1"/>
  <c r="AE35465" i="1"/>
  <c r="AE35466" i="1"/>
  <c r="AE35467" i="1"/>
  <c r="AE35468" i="1"/>
  <c r="AE35469" i="1"/>
  <c r="AE35470" i="1"/>
  <c r="AE35471" i="1"/>
  <c r="AE35472" i="1"/>
  <c r="AE35473" i="1"/>
  <c r="AE35474" i="1"/>
  <c r="AE35475" i="1"/>
  <c r="AE35476" i="1"/>
  <c r="AE35477" i="1"/>
  <c r="AE35478" i="1"/>
  <c r="AE35479" i="1"/>
  <c r="AE35480" i="1"/>
  <c r="AE35481" i="1"/>
  <c r="AE35482" i="1"/>
  <c r="AE35483" i="1"/>
  <c r="AE35484" i="1"/>
  <c r="AE35485" i="1"/>
  <c r="AE35486" i="1"/>
  <c r="AE35487" i="1"/>
  <c r="AE35488" i="1"/>
  <c r="AE35489" i="1"/>
  <c r="AE35490" i="1"/>
  <c r="AE35491" i="1"/>
  <c r="AE35492" i="1"/>
  <c r="AE35493" i="1"/>
  <c r="AE35494" i="1"/>
  <c r="AE35495" i="1"/>
  <c r="AE35496" i="1"/>
  <c r="AE35497" i="1"/>
  <c r="AE35498" i="1"/>
  <c r="AE35499" i="1"/>
  <c r="AE35500" i="1"/>
  <c r="AE35501" i="1"/>
  <c r="AE35502" i="1"/>
  <c r="AE35503" i="1"/>
  <c r="AE35504" i="1"/>
  <c r="AE35505" i="1"/>
  <c r="AE35506" i="1"/>
  <c r="AE35507" i="1"/>
  <c r="AE35508" i="1"/>
  <c r="AE35509" i="1"/>
  <c r="AE35510" i="1"/>
  <c r="AE35511" i="1"/>
  <c r="AE35512" i="1"/>
  <c r="AE35513" i="1"/>
  <c r="AE35514" i="1"/>
  <c r="AE35515" i="1"/>
  <c r="AE35516" i="1"/>
  <c r="AE35517" i="1"/>
  <c r="AE35518" i="1"/>
  <c r="AE35519" i="1"/>
  <c r="AE35520" i="1"/>
  <c r="AE35521" i="1"/>
  <c r="AE35522" i="1"/>
  <c r="AE35523" i="1"/>
  <c r="AE35524" i="1"/>
  <c r="AE35525" i="1"/>
  <c r="AE35526" i="1"/>
  <c r="AE35527" i="1"/>
  <c r="AE35528" i="1"/>
  <c r="AE35529" i="1"/>
  <c r="AE35530" i="1"/>
  <c r="AE35531" i="1"/>
  <c r="AE35532" i="1"/>
  <c r="AE35533" i="1"/>
  <c r="AE35534" i="1"/>
  <c r="AE35535" i="1"/>
  <c r="AE35536" i="1"/>
  <c r="AE35537" i="1"/>
  <c r="AE35538" i="1"/>
  <c r="AE35539" i="1"/>
  <c r="AE35540" i="1"/>
  <c r="AE35541" i="1"/>
  <c r="AE35542" i="1"/>
  <c r="AE35543" i="1"/>
  <c r="AE35544" i="1"/>
  <c r="AE35545" i="1"/>
  <c r="AE35546" i="1"/>
  <c r="AE35547" i="1"/>
  <c r="AE35548" i="1"/>
  <c r="AE35549" i="1"/>
  <c r="AE35550" i="1"/>
  <c r="AE35551" i="1"/>
  <c r="AE35552" i="1"/>
  <c r="AE35553" i="1"/>
  <c r="AE35554" i="1"/>
  <c r="AE35555" i="1"/>
  <c r="AE35556" i="1"/>
  <c r="AE35557" i="1"/>
  <c r="AE35558" i="1"/>
  <c r="AE35559" i="1"/>
  <c r="AE35560" i="1"/>
  <c r="AE35561" i="1"/>
  <c r="AE35562" i="1"/>
  <c r="AE35563" i="1"/>
  <c r="AE35564" i="1"/>
  <c r="AE35565" i="1"/>
  <c r="AE35566" i="1"/>
  <c r="AE35567" i="1"/>
  <c r="AE35568" i="1"/>
  <c r="AE35569" i="1"/>
  <c r="AE35570" i="1"/>
  <c r="AE35571" i="1"/>
  <c r="AE35572" i="1"/>
  <c r="AE35573" i="1"/>
  <c r="AE35574" i="1"/>
  <c r="AE35575" i="1"/>
  <c r="AE35576" i="1"/>
  <c r="AE35577" i="1"/>
  <c r="AE35578" i="1"/>
  <c r="AE35579" i="1"/>
  <c r="AE35580" i="1"/>
  <c r="AE35581" i="1"/>
  <c r="AE35582" i="1"/>
  <c r="AE35583" i="1"/>
  <c r="AE35584" i="1"/>
  <c r="AE35585" i="1"/>
  <c r="AE35586" i="1"/>
  <c r="AE35587" i="1"/>
  <c r="AE35588" i="1"/>
  <c r="AE35589" i="1"/>
  <c r="AE35590" i="1"/>
  <c r="AE35591" i="1"/>
  <c r="AE35592" i="1"/>
  <c r="AE35593" i="1"/>
  <c r="AE35594" i="1"/>
  <c r="AE35595" i="1"/>
  <c r="AE35596" i="1"/>
  <c r="AE35597" i="1"/>
  <c r="AE35598" i="1"/>
  <c r="AE35599" i="1"/>
  <c r="AE35600" i="1"/>
  <c r="AE35601" i="1"/>
  <c r="AE35602" i="1"/>
  <c r="AE35603" i="1"/>
  <c r="AE35604" i="1"/>
  <c r="AE35605" i="1"/>
  <c r="AE35606" i="1"/>
  <c r="AE35607" i="1"/>
  <c r="AE35608" i="1"/>
  <c r="AE35609" i="1"/>
  <c r="AE35610" i="1"/>
  <c r="AE35611" i="1"/>
  <c r="AE35612" i="1"/>
  <c r="AE35613" i="1"/>
  <c r="AE35614" i="1"/>
  <c r="AE35615" i="1"/>
  <c r="AE35616" i="1"/>
  <c r="AE35617" i="1"/>
  <c r="AE35618" i="1"/>
  <c r="AE35619" i="1"/>
  <c r="AE35620" i="1"/>
  <c r="AE35621" i="1"/>
  <c r="AE35622" i="1"/>
  <c r="AE35623" i="1"/>
  <c r="AE35624" i="1"/>
  <c r="AE35625" i="1"/>
  <c r="AE35626" i="1"/>
  <c r="AE35627" i="1"/>
  <c r="AE35628" i="1"/>
  <c r="AE35629" i="1"/>
  <c r="AE35630" i="1"/>
  <c r="AE35631" i="1"/>
  <c r="AE35632" i="1"/>
  <c r="AE35633" i="1"/>
  <c r="AE35634" i="1"/>
  <c r="AE35635" i="1"/>
  <c r="AE35636" i="1"/>
  <c r="AE35637" i="1"/>
  <c r="AE35638" i="1"/>
  <c r="AE35639" i="1"/>
  <c r="AE35640" i="1"/>
  <c r="AE35641" i="1"/>
  <c r="AE35642" i="1"/>
  <c r="AE35643" i="1"/>
  <c r="AE35644" i="1"/>
  <c r="AE35645" i="1"/>
  <c r="AE35646" i="1"/>
  <c r="AE35647" i="1"/>
  <c r="AE35648" i="1"/>
  <c r="AE35649" i="1"/>
  <c r="AE35650" i="1"/>
  <c r="AE35651" i="1"/>
  <c r="AE35652" i="1"/>
  <c r="AE35653" i="1"/>
  <c r="AE35654" i="1"/>
  <c r="AE35655" i="1"/>
  <c r="AE35656" i="1"/>
  <c r="AE35657" i="1"/>
  <c r="AE35658" i="1"/>
  <c r="AE35659" i="1"/>
  <c r="AE35660" i="1"/>
  <c r="AE35661" i="1"/>
  <c r="AE35662" i="1"/>
  <c r="AE35663" i="1"/>
  <c r="AE35664" i="1"/>
  <c r="AE35665" i="1"/>
  <c r="AE35666" i="1"/>
  <c r="AE35667" i="1"/>
  <c r="AE35668" i="1"/>
  <c r="AE35669" i="1"/>
  <c r="AE35670" i="1"/>
  <c r="AE35671" i="1"/>
  <c r="AE35672" i="1"/>
  <c r="AE35673" i="1"/>
  <c r="AE35674" i="1"/>
  <c r="AE35675" i="1"/>
  <c r="AE35676" i="1"/>
  <c r="AE35677" i="1"/>
  <c r="AE35678" i="1"/>
  <c r="AE35679" i="1"/>
  <c r="AE35680" i="1"/>
  <c r="AE35681" i="1"/>
  <c r="AE35682" i="1"/>
  <c r="AE35683" i="1"/>
  <c r="AE35684" i="1"/>
  <c r="AE35685" i="1"/>
  <c r="AE35686" i="1"/>
  <c r="AE35687" i="1"/>
  <c r="AE35688" i="1"/>
  <c r="AE35689" i="1"/>
  <c r="AE35690" i="1"/>
  <c r="AE35691" i="1"/>
  <c r="AE35692" i="1"/>
  <c r="AE35693" i="1"/>
  <c r="AE35694" i="1"/>
  <c r="AE35695" i="1"/>
  <c r="AE35696" i="1"/>
  <c r="AE35697" i="1"/>
  <c r="AE35698" i="1"/>
  <c r="AE35699" i="1"/>
  <c r="AE35700" i="1"/>
  <c r="AE35701" i="1"/>
  <c r="AE35702" i="1"/>
  <c r="AE35703" i="1"/>
  <c r="AE35704" i="1"/>
  <c r="AE35705" i="1"/>
  <c r="AE35706" i="1"/>
  <c r="AE35707" i="1"/>
  <c r="AE35708" i="1"/>
  <c r="AE35709" i="1"/>
  <c r="AE35710" i="1"/>
  <c r="AE35711" i="1"/>
  <c r="AE35712" i="1"/>
  <c r="AE35713" i="1"/>
  <c r="AE35714" i="1"/>
  <c r="AE35715" i="1"/>
  <c r="AE35716" i="1"/>
  <c r="AE35717" i="1"/>
  <c r="AE35718" i="1"/>
  <c r="AE35719" i="1"/>
  <c r="AE35720" i="1"/>
  <c r="AE35721" i="1"/>
  <c r="AE35722" i="1"/>
  <c r="AE35723" i="1"/>
  <c r="AE35724" i="1"/>
  <c r="AE35725" i="1"/>
  <c r="AE35726" i="1"/>
  <c r="AE35727" i="1"/>
  <c r="AE35728" i="1"/>
  <c r="AE35729" i="1"/>
  <c r="AE35730" i="1"/>
  <c r="AE35731" i="1"/>
  <c r="AE35732" i="1"/>
  <c r="AE35733" i="1"/>
  <c r="AE35734" i="1"/>
  <c r="AE35735" i="1"/>
  <c r="AE35736" i="1"/>
  <c r="AE35737" i="1"/>
  <c r="AE35738" i="1"/>
  <c r="AE35739" i="1"/>
  <c r="AE35740" i="1"/>
  <c r="AE35741" i="1"/>
  <c r="AE35742" i="1"/>
  <c r="AE35743" i="1"/>
  <c r="AE35744" i="1"/>
  <c r="AE35745" i="1"/>
  <c r="AE35746" i="1"/>
  <c r="AE35747" i="1"/>
  <c r="AE35748" i="1"/>
  <c r="AE35749" i="1"/>
  <c r="AE35750" i="1"/>
  <c r="AE35751" i="1"/>
  <c r="AE35752" i="1"/>
  <c r="AE35753" i="1"/>
  <c r="AE35754" i="1"/>
  <c r="AE35755" i="1"/>
  <c r="AE35756" i="1"/>
  <c r="AE35757" i="1"/>
  <c r="AE35758" i="1"/>
  <c r="AE35759" i="1"/>
  <c r="AE35760" i="1"/>
  <c r="AE35761" i="1"/>
  <c r="AE35762" i="1"/>
  <c r="AE35763" i="1"/>
  <c r="AE35764" i="1"/>
  <c r="AE35765" i="1"/>
  <c r="AE35766" i="1"/>
  <c r="AE35767" i="1"/>
  <c r="AE35768" i="1"/>
  <c r="AE35769" i="1"/>
  <c r="AE35770" i="1"/>
  <c r="AE35771" i="1"/>
  <c r="AE35772" i="1"/>
  <c r="AE35773" i="1"/>
  <c r="AE35774" i="1"/>
  <c r="AE35775" i="1"/>
  <c r="AE35776" i="1"/>
  <c r="AE35777" i="1"/>
  <c r="AE35778" i="1"/>
  <c r="AE35779" i="1"/>
  <c r="AE35780" i="1"/>
  <c r="AE35781" i="1"/>
  <c r="AE35782" i="1"/>
  <c r="AE35783" i="1"/>
  <c r="AE35784" i="1"/>
  <c r="AE35785" i="1"/>
  <c r="AE35786" i="1"/>
  <c r="AE35787" i="1"/>
  <c r="AE35788" i="1"/>
  <c r="AE35789" i="1"/>
  <c r="AE35790" i="1"/>
  <c r="AE35791" i="1"/>
  <c r="AE35792" i="1"/>
  <c r="AE35793" i="1"/>
  <c r="AE35794" i="1"/>
  <c r="AE35795" i="1"/>
  <c r="AE35796" i="1"/>
  <c r="AE35797" i="1"/>
  <c r="AE35798" i="1"/>
  <c r="AE35799" i="1"/>
  <c r="AE35800" i="1"/>
  <c r="AE35801" i="1"/>
  <c r="AE35802" i="1"/>
  <c r="AE35803" i="1"/>
  <c r="AE35804" i="1"/>
  <c r="AE35805" i="1"/>
  <c r="AE35806" i="1"/>
  <c r="AE35807" i="1"/>
  <c r="AE35808" i="1"/>
  <c r="AE35809" i="1"/>
  <c r="AE35810" i="1"/>
  <c r="AE35811" i="1"/>
  <c r="AE35812" i="1"/>
  <c r="AE35813" i="1"/>
  <c r="AE35814" i="1"/>
  <c r="AE35815" i="1"/>
  <c r="AE35816" i="1"/>
  <c r="AE35817" i="1"/>
  <c r="AE35818" i="1"/>
  <c r="AE35819" i="1"/>
  <c r="AE35820" i="1"/>
  <c r="AE35821" i="1"/>
  <c r="AE35822" i="1"/>
  <c r="AE35823" i="1"/>
  <c r="AE35824" i="1"/>
  <c r="AE35825" i="1"/>
  <c r="AE35826" i="1"/>
  <c r="AE35827" i="1"/>
  <c r="AE35828" i="1"/>
  <c r="AE35829" i="1"/>
  <c r="AE35830" i="1"/>
  <c r="AE35831" i="1"/>
  <c r="AE35832" i="1"/>
  <c r="AE35833" i="1"/>
  <c r="AE35834" i="1"/>
  <c r="AE35835" i="1"/>
  <c r="AE35836" i="1"/>
  <c r="AE35837" i="1"/>
  <c r="AE35838" i="1"/>
  <c r="AE35839" i="1"/>
  <c r="AE35840" i="1"/>
  <c r="AE35841" i="1"/>
  <c r="AE35842" i="1"/>
  <c r="AE35843" i="1"/>
  <c r="AE35844" i="1"/>
  <c r="AE35845" i="1"/>
  <c r="AE35846" i="1"/>
  <c r="AE35847" i="1"/>
  <c r="AE35848" i="1"/>
  <c r="AE35849" i="1"/>
  <c r="AE35850" i="1"/>
  <c r="AE35851" i="1"/>
  <c r="AE35852" i="1"/>
  <c r="AE35853" i="1"/>
  <c r="AE35854" i="1"/>
  <c r="AE35855" i="1"/>
  <c r="AE35856" i="1"/>
  <c r="AE35857" i="1"/>
  <c r="AE35858" i="1"/>
  <c r="AE35859" i="1"/>
  <c r="AE35860" i="1"/>
  <c r="AE35861" i="1"/>
  <c r="AE35862" i="1"/>
  <c r="AE35863" i="1"/>
  <c r="AE35864" i="1"/>
  <c r="AE35865" i="1"/>
  <c r="AE35866" i="1"/>
  <c r="AE35867" i="1"/>
  <c r="AE35868" i="1"/>
  <c r="AE35869" i="1"/>
  <c r="AE35870" i="1"/>
  <c r="AE35871" i="1"/>
  <c r="AE35872" i="1"/>
  <c r="AE35873" i="1"/>
  <c r="AE35874" i="1"/>
  <c r="AE35875" i="1"/>
  <c r="AE35876" i="1"/>
  <c r="AE35877" i="1"/>
  <c r="AE35878" i="1"/>
  <c r="AE35879" i="1"/>
  <c r="AE35880" i="1"/>
  <c r="AE35881" i="1"/>
  <c r="AE35882" i="1"/>
  <c r="AE35883" i="1"/>
  <c r="AE35884" i="1"/>
  <c r="AE35885" i="1"/>
  <c r="AE35886" i="1"/>
  <c r="AE35887" i="1"/>
  <c r="AE35888" i="1"/>
  <c r="AE35889" i="1"/>
  <c r="AE35890" i="1"/>
  <c r="AE35891" i="1"/>
  <c r="AE35892" i="1"/>
  <c r="AE35893" i="1"/>
  <c r="AE35894" i="1"/>
  <c r="AE35895" i="1"/>
  <c r="AE35896" i="1"/>
  <c r="AE35897" i="1"/>
  <c r="AE35898" i="1"/>
  <c r="AE35899" i="1"/>
  <c r="AE35900" i="1"/>
  <c r="AE35901" i="1"/>
  <c r="AE35902" i="1"/>
  <c r="AE35903" i="1"/>
  <c r="AE35904" i="1"/>
  <c r="AE35905" i="1"/>
  <c r="AE35906" i="1"/>
  <c r="AE35907" i="1"/>
  <c r="AE35908" i="1"/>
  <c r="AE35909" i="1"/>
  <c r="AE35910" i="1"/>
  <c r="AE35911" i="1"/>
  <c r="AE35912" i="1"/>
  <c r="AE35913" i="1"/>
  <c r="AE35914" i="1"/>
  <c r="AE35915" i="1"/>
  <c r="AE35916" i="1"/>
  <c r="AE35917" i="1"/>
  <c r="AE35918" i="1"/>
  <c r="AE35919" i="1"/>
  <c r="AE35920" i="1"/>
  <c r="AE35921" i="1"/>
  <c r="AE35922" i="1"/>
  <c r="AE35923" i="1"/>
  <c r="AE35924" i="1"/>
  <c r="AE35925" i="1"/>
  <c r="AE35926" i="1"/>
  <c r="AE35927" i="1"/>
  <c r="AE35928" i="1"/>
  <c r="AE35929" i="1"/>
  <c r="AE35930" i="1"/>
  <c r="AE35931" i="1"/>
  <c r="AE35932" i="1"/>
  <c r="AE35933" i="1"/>
  <c r="AE35934" i="1"/>
  <c r="AE35935" i="1"/>
  <c r="AE35936" i="1"/>
  <c r="AE35937" i="1"/>
  <c r="AE35938" i="1"/>
  <c r="AE35939" i="1"/>
  <c r="AE35940" i="1"/>
  <c r="AE35941" i="1"/>
  <c r="AE35942" i="1"/>
  <c r="AE35943" i="1"/>
  <c r="AE35944" i="1"/>
  <c r="AE35945" i="1"/>
  <c r="AE35946" i="1"/>
  <c r="AE35947" i="1"/>
  <c r="AE35948" i="1"/>
  <c r="AE35949" i="1"/>
  <c r="AE35950" i="1"/>
  <c r="AE35951" i="1"/>
  <c r="AE35952" i="1"/>
  <c r="AE35953" i="1"/>
  <c r="AE35954" i="1"/>
  <c r="AE35955" i="1"/>
  <c r="AE35956" i="1"/>
  <c r="AE35957" i="1"/>
  <c r="AE35958" i="1"/>
  <c r="AE35959" i="1"/>
  <c r="AE35960" i="1"/>
  <c r="AE35961" i="1"/>
  <c r="AE35962" i="1"/>
  <c r="AE35963" i="1"/>
  <c r="AE35964" i="1"/>
  <c r="AE35965" i="1"/>
  <c r="AE35966" i="1"/>
  <c r="AE35967" i="1"/>
  <c r="AE35968" i="1"/>
  <c r="AE35969" i="1"/>
  <c r="AE35970" i="1"/>
  <c r="AE35971" i="1"/>
  <c r="AE35972" i="1"/>
  <c r="AE35973" i="1"/>
  <c r="AE35974" i="1"/>
  <c r="AE35975" i="1"/>
  <c r="AE35976" i="1"/>
  <c r="AE35977" i="1"/>
  <c r="AE35978" i="1"/>
  <c r="AE35979" i="1"/>
  <c r="AE35980" i="1"/>
  <c r="AE35981" i="1"/>
  <c r="AE35982" i="1"/>
  <c r="AE35983" i="1"/>
  <c r="AE35984" i="1"/>
  <c r="AE35985" i="1"/>
  <c r="AE35986" i="1"/>
  <c r="AE35987" i="1"/>
  <c r="AE35988" i="1"/>
  <c r="AE35989" i="1"/>
  <c r="AE35990" i="1"/>
  <c r="AE35991" i="1"/>
  <c r="AE35992" i="1"/>
  <c r="AE35993" i="1"/>
  <c r="AE35994" i="1"/>
  <c r="AE35995" i="1"/>
  <c r="AE35996" i="1"/>
  <c r="AE35997" i="1"/>
  <c r="AE35998" i="1"/>
  <c r="AE35999" i="1"/>
  <c r="AE36000" i="1"/>
  <c r="AE36001" i="1"/>
  <c r="AE36002" i="1"/>
  <c r="AE36003" i="1"/>
  <c r="AE36004" i="1"/>
  <c r="AE36005" i="1"/>
  <c r="AE36006" i="1"/>
  <c r="AE36007" i="1"/>
  <c r="AE36008" i="1"/>
  <c r="AE36009" i="1"/>
  <c r="AE36010" i="1"/>
  <c r="AE36011" i="1"/>
  <c r="AE36012" i="1"/>
  <c r="AE36013" i="1"/>
  <c r="AE36014" i="1"/>
  <c r="AE36015" i="1"/>
  <c r="AE36016" i="1"/>
  <c r="AE36017" i="1"/>
  <c r="AE36018" i="1"/>
  <c r="AE36019" i="1"/>
  <c r="AE36020" i="1"/>
  <c r="AE36021" i="1"/>
  <c r="AE36022" i="1"/>
  <c r="AE36023" i="1"/>
  <c r="AE36024" i="1"/>
  <c r="AE36025" i="1"/>
  <c r="AE36026" i="1"/>
  <c r="AE36027" i="1"/>
  <c r="AE36028" i="1"/>
  <c r="AE36029" i="1"/>
  <c r="AE36030" i="1"/>
  <c r="AE36031" i="1"/>
  <c r="AE36032" i="1"/>
  <c r="AE36033" i="1"/>
  <c r="AE36034" i="1"/>
  <c r="AE36035" i="1"/>
  <c r="AE36036" i="1"/>
  <c r="AE36037" i="1"/>
  <c r="AE36038" i="1"/>
  <c r="AE36039" i="1"/>
  <c r="AE36040" i="1"/>
  <c r="AE36041" i="1"/>
  <c r="AE36042" i="1"/>
  <c r="AE36043" i="1"/>
  <c r="AE36044" i="1"/>
  <c r="AE36045" i="1"/>
  <c r="AE36046" i="1"/>
  <c r="AE36047" i="1"/>
  <c r="AE36048" i="1"/>
  <c r="AE36049" i="1"/>
  <c r="AE36050" i="1"/>
  <c r="AE36051" i="1"/>
  <c r="AE36052" i="1"/>
  <c r="AE36053" i="1"/>
  <c r="AE36054" i="1"/>
  <c r="AE36055" i="1"/>
  <c r="AE36056" i="1"/>
  <c r="AE36057" i="1"/>
  <c r="AE36058" i="1"/>
  <c r="AE36059" i="1"/>
  <c r="AE36060" i="1"/>
  <c r="AE36061" i="1"/>
  <c r="AE36062" i="1"/>
  <c r="AE36063" i="1"/>
  <c r="AE36064" i="1"/>
  <c r="AE36065" i="1"/>
  <c r="AE36066" i="1"/>
  <c r="AE36067" i="1"/>
  <c r="AE36068" i="1"/>
  <c r="AE36069" i="1"/>
  <c r="AE36070" i="1"/>
  <c r="AE36071" i="1"/>
  <c r="AE36072" i="1"/>
  <c r="AE36073" i="1"/>
  <c r="AE36074" i="1"/>
  <c r="AE36075" i="1"/>
  <c r="AE36076" i="1"/>
  <c r="AE36077" i="1"/>
  <c r="AE36078" i="1"/>
  <c r="AE36079" i="1"/>
  <c r="AE36080" i="1"/>
  <c r="AE36081" i="1"/>
  <c r="AE36082" i="1"/>
  <c r="AE36083" i="1"/>
  <c r="AE36084" i="1"/>
  <c r="AE36085" i="1"/>
  <c r="AE36086" i="1"/>
  <c r="AE36087" i="1"/>
  <c r="AE36088" i="1"/>
  <c r="AE36089" i="1"/>
  <c r="AE36090" i="1"/>
  <c r="AE36091" i="1"/>
  <c r="AE36092" i="1"/>
  <c r="AE36093" i="1"/>
  <c r="AE36094" i="1"/>
  <c r="AE36095" i="1"/>
  <c r="AE36096" i="1"/>
  <c r="AE36097" i="1"/>
  <c r="AE36098" i="1"/>
  <c r="AE36099" i="1"/>
  <c r="AE36100" i="1"/>
  <c r="AE36101" i="1"/>
  <c r="AE36102" i="1"/>
  <c r="AE36103" i="1"/>
  <c r="AE36104" i="1"/>
  <c r="AE36105" i="1"/>
  <c r="AE36106" i="1"/>
  <c r="AE36107" i="1"/>
  <c r="AE36108" i="1"/>
  <c r="AE36109" i="1"/>
  <c r="AE36110" i="1"/>
  <c r="AE36111" i="1"/>
  <c r="AE36112" i="1"/>
  <c r="AE36113" i="1"/>
  <c r="AE36114" i="1"/>
  <c r="AE36115" i="1"/>
  <c r="AE36116" i="1"/>
  <c r="AE36117" i="1"/>
  <c r="AE36118" i="1"/>
  <c r="AE36119" i="1"/>
  <c r="AE36120" i="1"/>
  <c r="AE36121" i="1"/>
  <c r="AE36122" i="1"/>
  <c r="AE36123" i="1"/>
  <c r="AE36124" i="1"/>
  <c r="AE36125" i="1"/>
  <c r="AE36126" i="1"/>
  <c r="AE36127" i="1"/>
  <c r="AE36128" i="1"/>
  <c r="AE36129" i="1"/>
  <c r="AE36130" i="1"/>
  <c r="AE36131" i="1"/>
  <c r="AE36132" i="1"/>
  <c r="AE36133" i="1"/>
  <c r="AE36134" i="1"/>
  <c r="AE36135" i="1"/>
  <c r="AE36136" i="1"/>
  <c r="AE36137" i="1"/>
  <c r="AE36138" i="1"/>
  <c r="AE36139" i="1"/>
  <c r="AE36140" i="1"/>
  <c r="AE36141" i="1"/>
  <c r="AE36142" i="1"/>
  <c r="AE36143" i="1"/>
  <c r="AE36144" i="1"/>
  <c r="AE36145" i="1"/>
  <c r="AE36146" i="1"/>
  <c r="AE36147" i="1"/>
  <c r="AE36148" i="1"/>
  <c r="AE36149" i="1"/>
  <c r="AE36150" i="1"/>
  <c r="AE36151" i="1"/>
  <c r="AE36152" i="1"/>
  <c r="AE36153" i="1"/>
  <c r="AE36154" i="1"/>
  <c r="AE36155" i="1"/>
  <c r="AE36156" i="1"/>
  <c r="AE36157" i="1"/>
  <c r="AE36158" i="1"/>
  <c r="AE36159" i="1"/>
  <c r="AE36160" i="1"/>
  <c r="AE36161" i="1"/>
  <c r="AE36162" i="1"/>
  <c r="AE36163" i="1"/>
  <c r="AE36164" i="1"/>
  <c r="AE36165" i="1"/>
  <c r="AE36166" i="1"/>
  <c r="AE36167" i="1"/>
  <c r="AE36168" i="1"/>
  <c r="AE36169" i="1"/>
  <c r="AE36170" i="1"/>
  <c r="AE36171" i="1"/>
  <c r="AE36172" i="1"/>
  <c r="AE36173" i="1"/>
  <c r="AE36174" i="1"/>
  <c r="AE36175" i="1"/>
  <c r="AE36176" i="1"/>
  <c r="AE36177" i="1"/>
  <c r="AE36178" i="1"/>
  <c r="AE36179" i="1"/>
  <c r="AE36180" i="1"/>
  <c r="AE36181" i="1"/>
  <c r="AE36182" i="1"/>
  <c r="AE36183" i="1"/>
  <c r="AE36184" i="1"/>
  <c r="AE36185" i="1"/>
  <c r="AE36186" i="1"/>
  <c r="AE36187" i="1"/>
  <c r="AE36188" i="1"/>
  <c r="AE36189" i="1"/>
  <c r="AE36190" i="1"/>
  <c r="AE36191" i="1"/>
  <c r="AE36192" i="1"/>
  <c r="AE36193" i="1"/>
  <c r="AE36194" i="1"/>
  <c r="AE36195" i="1"/>
  <c r="AE36196" i="1"/>
  <c r="AE36197" i="1"/>
  <c r="AE36198" i="1"/>
  <c r="AE36199" i="1"/>
  <c r="AE36200" i="1"/>
  <c r="AE36201" i="1"/>
  <c r="AE36202" i="1"/>
  <c r="AE36203" i="1"/>
  <c r="AE36204" i="1"/>
  <c r="AE36205" i="1"/>
  <c r="AE36206" i="1"/>
  <c r="AE36207" i="1"/>
  <c r="AE36208" i="1"/>
  <c r="AE36209" i="1"/>
  <c r="AE36210" i="1"/>
  <c r="AE36211" i="1"/>
  <c r="AE36212" i="1"/>
  <c r="AE36213" i="1"/>
  <c r="AE36214" i="1"/>
  <c r="AE36215" i="1"/>
  <c r="AE36216" i="1"/>
  <c r="AE36217" i="1"/>
  <c r="AE36218" i="1"/>
  <c r="AE36219" i="1"/>
  <c r="AE36220" i="1"/>
  <c r="AE36221" i="1"/>
  <c r="AE36222" i="1"/>
  <c r="AE36223" i="1"/>
  <c r="AE36224" i="1"/>
  <c r="AE36225" i="1"/>
  <c r="AE36226" i="1"/>
  <c r="AE36227" i="1"/>
  <c r="AE36228" i="1"/>
  <c r="AE36229" i="1"/>
  <c r="AE36230" i="1"/>
  <c r="AE36231" i="1"/>
  <c r="AE36232" i="1"/>
  <c r="AE36233" i="1"/>
  <c r="AE36234" i="1"/>
  <c r="AE36235" i="1"/>
  <c r="AE36236" i="1"/>
  <c r="AE36237" i="1"/>
  <c r="AE36238" i="1"/>
  <c r="AE36239" i="1"/>
  <c r="AE36240" i="1"/>
  <c r="AE36241" i="1"/>
  <c r="AE36242" i="1"/>
  <c r="AE36243" i="1"/>
  <c r="AE36244" i="1"/>
  <c r="AE36245" i="1"/>
  <c r="AE36246" i="1"/>
  <c r="AE36247" i="1"/>
  <c r="AE36248" i="1"/>
  <c r="AE36249" i="1"/>
  <c r="AE36250" i="1"/>
  <c r="AE36251" i="1"/>
  <c r="AE36252" i="1"/>
  <c r="AE36253" i="1"/>
  <c r="AE36254" i="1"/>
  <c r="AE36255" i="1"/>
  <c r="AE36256" i="1"/>
  <c r="AE36257" i="1"/>
  <c r="AE36258" i="1"/>
  <c r="AE36259" i="1"/>
  <c r="AE36260" i="1"/>
  <c r="AE36261" i="1"/>
  <c r="AE36262" i="1"/>
  <c r="AE36263" i="1"/>
  <c r="AE36264" i="1"/>
  <c r="AE36265" i="1"/>
  <c r="AE36266" i="1"/>
  <c r="AE36267" i="1"/>
  <c r="AE36268" i="1"/>
  <c r="AE36269" i="1"/>
  <c r="AE36270" i="1"/>
  <c r="AE36271" i="1"/>
  <c r="AE36272" i="1"/>
  <c r="AE36273" i="1"/>
  <c r="AE36274" i="1"/>
  <c r="AE36275" i="1"/>
  <c r="AE36276" i="1"/>
  <c r="AE36277" i="1"/>
  <c r="AE36278" i="1"/>
  <c r="AE36279" i="1"/>
  <c r="AE36280" i="1"/>
  <c r="AE36281" i="1"/>
  <c r="AE36282" i="1"/>
  <c r="AE36283" i="1"/>
  <c r="AE36284" i="1"/>
  <c r="AE36285" i="1"/>
  <c r="AE36286" i="1"/>
  <c r="AE36287" i="1"/>
  <c r="AE36288" i="1"/>
  <c r="AE36289" i="1"/>
  <c r="AE36290" i="1"/>
  <c r="AE36291" i="1"/>
  <c r="AE36292" i="1"/>
  <c r="AE36293" i="1"/>
  <c r="AE36294" i="1"/>
  <c r="AE36295" i="1"/>
  <c r="AE36296" i="1"/>
  <c r="AE36297" i="1"/>
  <c r="AE36298" i="1"/>
  <c r="AE36299" i="1"/>
  <c r="AE36300" i="1"/>
  <c r="AE36301" i="1"/>
  <c r="AE36302" i="1"/>
  <c r="AE36303" i="1"/>
  <c r="AE36304" i="1"/>
  <c r="AE36305" i="1"/>
  <c r="AE36306" i="1"/>
  <c r="AE36307" i="1"/>
  <c r="AE36308" i="1"/>
  <c r="AE36309" i="1"/>
  <c r="AE36310" i="1"/>
  <c r="AE36311" i="1"/>
  <c r="AE36312" i="1"/>
  <c r="AE36313" i="1"/>
  <c r="AE36314" i="1"/>
  <c r="AE36315" i="1"/>
  <c r="AE36316" i="1"/>
  <c r="AE36317" i="1"/>
  <c r="AE36318" i="1"/>
  <c r="AE36319" i="1"/>
  <c r="AE36320" i="1"/>
  <c r="AE36321" i="1"/>
  <c r="AE36322" i="1"/>
  <c r="AE36323" i="1"/>
  <c r="AE36324" i="1"/>
  <c r="AE36325" i="1"/>
  <c r="AE36326" i="1"/>
  <c r="AE36327" i="1"/>
  <c r="AE36328" i="1"/>
  <c r="AE36329" i="1"/>
  <c r="AE36330" i="1"/>
  <c r="AE36331" i="1"/>
  <c r="AE36332" i="1"/>
  <c r="AE36333" i="1"/>
  <c r="AE36334" i="1"/>
  <c r="AE36335" i="1"/>
  <c r="AE36336" i="1"/>
  <c r="AE36337" i="1"/>
  <c r="AE36338" i="1"/>
  <c r="AE36339" i="1"/>
  <c r="AE36340" i="1"/>
  <c r="AE36341" i="1"/>
  <c r="AE36342" i="1"/>
  <c r="AE36343" i="1"/>
  <c r="AE36344" i="1"/>
  <c r="AE36345" i="1"/>
  <c r="AE36346" i="1"/>
  <c r="AE36347" i="1"/>
  <c r="AE36348" i="1"/>
  <c r="AE36349" i="1"/>
  <c r="AE36350" i="1"/>
  <c r="AE36351" i="1"/>
  <c r="AE36352" i="1"/>
  <c r="AE36353" i="1"/>
  <c r="AE36354" i="1"/>
  <c r="AE36355" i="1"/>
  <c r="AE36356" i="1"/>
  <c r="AE36357" i="1"/>
  <c r="AE36358" i="1"/>
  <c r="AE36359" i="1"/>
  <c r="AE36360" i="1"/>
  <c r="AE36361" i="1"/>
  <c r="AE36362" i="1"/>
  <c r="AE36363" i="1"/>
  <c r="AE36364" i="1"/>
  <c r="AE36365" i="1"/>
  <c r="AE36366" i="1"/>
  <c r="AE36367" i="1"/>
  <c r="AE36368" i="1"/>
  <c r="AE36369" i="1"/>
  <c r="AE36370" i="1"/>
  <c r="AE36371" i="1"/>
  <c r="AE36372" i="1"/>
  <c r="AE36373" i="1"/>
  <c r="AE36374" i="1"/>
  <c r="AE36375" i="1"/>
  <c r="AE36376" i="1"/>
  <c r="AE36377" i="1"/>
  <c r="AE36378" i="1"/>
  <c r="AE36379" i="1"/>
  <c r="AE36380" i="1"/>
  <c r="AE36381" i="1"/>
  <c r="AE36382" i="1"/>
  <c r="AE36383" i="1"/>
  <c r="AE36384" i="1"/>
  <c r="AE36385" i="1"/>
  <c r="AE36386" i="1"/>
  <c r="AE36387" i="1"/>
  <c r="AE36388" i="1"/>
  <c r="AE36389" i="1"/>
  <c r="AE36390" i="1"/>
  <c r="AE36391" i="1"/>
  <c r="AE36392" i="1"/>
  <c r="AE36393" i="1"/>
  <c r="AE36394" i="1"/>
  <c r="AE36395" i="1"/>
  <c r="AE36396" i="1"/>
  <c r="AE36397" i="1"/>
  <c r="AE36398" i="1"/>
  <c r="AE36399" i="1"/>
  <c r="AE36400" i="1"/>
  <c r="AE36401" i="1"/>
  <c r="AE36402" i="1"/>
  <c r="AE36403" i="1"/>
  <c r="AE36404" i="1"/>
  <c r="AE36405" i="1"/>
  <c r="AE36406" i="1"/>
  <c r="AE36407" i="1"/>
  <c r="AE36408" i="1"/>
  <c r="AE36409" i="1"/>
  <c r="AE36410" i="1"/>
  <c r="AE36411" i="1"/>
  <c r="AE36412" i="1"/>
  <c r="AE36413" i="1"/>
  <c r="AE36414" i="1"/>
  <c r="AE36415" i="1"/>
  <c r="AE36416" i="1"/>
  <c r="AE36417" i="1"/>
  <c r="AE36418" i="1"/>
  <c r="AE36419" i="1"/>
  <c r="AE36420" i="1"/>
  <c r="AE36421" i="1"/>
  <c r="AE36422" i="1"/>
  <c r="AE36423" i="1"/>
  <c r="AE36424" i="1"/>
  <c r="AE36425" i="1"/>
  <c r="AE36426" i="1"/>
  <c r="AE36427" i="1"/>
  <c r="AE36428" i="1"/>
  <c r="AE36429" i="1"/>
  <c r="AE36430" i="1"/>
  <c r="AE36431" i="1"/>
  <c r="AE36432" i="1"/>
  <c r="AE36433" i="1"/>
  <c r="AE36434" i="1"/>
  <c r="AE36435" i="1"/>
  <c r="AE36436" i="1"/>
  <c r="AE36437" i="1"/>
  <c r="AE36438" i="1"/>
  <c r="AE36439" i="1"/>
  <c r="AE36440" i="1"/>
  <c r="AE36441" i="1"/>
  <c r="AE36442" i="1"/>
  <c r="AE36443" i="1"/>
  <c r="AE36444" i="1"/>
  <c r="AE36445" i="1"/>
  <c r="AE36446" i="1"/>
  <c r="AE36447" i="1"/>
  <c r="AE36448" i="1"/>
  <c r="AE36449" i="1"/>
  <c r="AE36450" i="1"/>
  <c r="AE36451" i="1"/>
  <c r="AE36452" i="1"/>
  <c r="AE36453" i="1"/>
  <c r="AE36454" i="1"/>
  <c r="AE36455" i="1"/>
  <c r="AE36456" i="1"/>
  <c r="AE36457" i="1"/>
  <c r="AE36458" i="1"/>
  <c r="AE36459" i="1"/>
  <c r="AE36460" i="1"/>
  <c r="AE36461" i="1"/>
  <c r="AE36462" i="1"/>
  <c r="AE36463" i="1"/>
  <c r="AE36464" i="1"/>
  <c r="AE36465" i="1"/>
  <c r="AE36466" i="1"/>
  <c r="AE36467" i="1"/>
  <c r="AE36468" i="1"/>
  <c r="AE36469" i="1"/>
  <c r="AE36470" i="1"/>
  <c r="AE36471" i="1"/>
  <c r="AE36472" i="1"/>
  <c r="AE36473" i="1"/>
  <c r="AE36474" i="1"/>
  <c r="AE36475" i="1"/>
  <c r="AE36476" i="1"/>
  <c r="AE36477" i="1"/>
  <c r="AE36478" i="1"/>
  <c r="AE36479" i="1"/>
  <c r="AE36480" i="1"/>
  <c r="AE36481" i="1"/>
  <c r="AE36482" i="1"/>
  <c r="AE36483" i="1"/>
  <c r="AE36484" i="1"/>
  <c r="AE36485" i="1"/>
  <c r="AE36486" i="1"/>
  <c r="AE36487" i="1"/>
  <c r="AE36488" i="1"/>
  <c r="AE36489" i="1"/>
  <c r="AE36490" i="1"/>
  <c r="AE36491" i="1"/>
  <c r="AE36492" i="1"/>
  <c r="AE36493" i="1"/>
  <c r="AE36494" i="1"/>
  <c r="AE36495" i="1"/>
  <c r="AE36496" i="1"/>
  <c r="AE36497" i="1"/>
  <c r="AE36498" i="1"/>
  <c r="AE36499" i="1"/>
  <c r="AE36500" i="1"/>
  <c r="AE36501" i="1"/>
  <c r="AE36502" i="1"/>
  <c r="AE36503" i="1"/>
  <c r="AE36504" i="1"/>
  <c r="AE36505" i="1"/>
  <c r="AE36506" i="1"/>
  <c r="AE36507" i="1"/>
  <c r="AE36508" i="1"/>
  <c r="AE36509" i="1"/>
  <c r="AE36510" i="1"/>
  <c r="AE36511" i="1"/>
  <c r="AE36512" i="1"/>
  <c r="AE36513" i="1"/>
  <c r="AE36514" i="1"/>
  <c r="AE36515" i="1"/>
  <c r="AE36516" i="1"/>
  <c r="AE36517" i="1"/>
  <c r="AE36518" i="1"/>
  <c r="AE36519" i="1"/>
  <c r="AE36520" i="1"/>
  <c r="AE36521" i="1"/>
  <c r="AE36522" i="1"/>
  <c r="AE36523" i="1"/>
  <c r="AE36524" i="1"/>
  <c r="AE36525" i="1"/>
  <c r="AE36526" i="1"/>
  <c r="AE36527" i="1"/>
  <c r="AE36528" i="1"/>
  <c r="AE36529" i="1"/>
  <c r="AE36530" i="1"/>
  <c r="AE36531" i="1"/>
  <c r="AE36532" i="1"/>
  <c r="AE36533" i="1"/>
  <c r="AE36534" i="1"/>
  <c r="AE36535" i="1"/>
  <c r="AE36536" i="1"/>
  <c r="AE36537" i="1"/>
  <c r="AE36538" i="1"/>
  <c r="AE36539" i="1"/>
  <c r="AE36540" i="1"/>
  <c r="AE36541" i="1"/>
  <c r="AE36542" i="1"/>
  <c r="AE36543" i="1"/>
  <c r="AE36544" i="1"/>
  <c r="AE36545" i="1"/>
  <c r="AE36546" i="1"/>
  <c r="AE36547" i="1"/>
  <c r="AE36548" i="1"/>
  <c r="AE36549" i="1"/>
  <c r="AE36550" i="1"/>
  <c r="AE36551" i="1"/>
  <c r="AE36552" i="1"/>
  <c r="AE36553" i="1"/>
  <c r="AE36554" i="1"/>
  <c r="AE36555" i="1"/>
  <c r="AE36556" i="1"/>
  <c r="AE36557" i="1"/>
  <c r="AE36558" i="1"/>
  <c r="AE36559" i="1"/>
  <c r="AE36560" i="1"/>
  <c r="AE36561" i="1"/>
  <c r="AE36562" i="1"/>
  <c r="AE36563" i="1"/>
  <c r="AE36564" i="1"/>
  <c r="AE36565" i="1"/>
  <c r="AE36566" i="1"/>
  <c r="AE36567" i="1"/>
  <c r="AE36568" i="1"/>
  <c r="AE36569" i="1"/>
  <c r="AE36570" i="1"/>
  <c r="AE36571" i="1"/>
  <c r="AE36572" i="1"/>
  <c r="AE36573" i="1"/>
  <c r="AE36574" i="1"/>
  <c r="AE36575" i="1"/>
  <c r="AE36576" i="1"/>
  <c r="AE36577" i="1"/>
  <c r="AE36578" i="1"/>
  <c r="AE36579" i="1"/>
  <c r="AE36580" i="1"/>
  <c r="AE36581" i="1"/>
  <c r="AE36582" i="1"/>
  <c r="AE36583" i="1"/>
  <c r="AE36584" i="1"/>
  <c r="AE36585" i="1"/>
  <c r="AE36586" i="1"/>
  <c r="AE36587" i="1"/>
  <c r="AE36588" i="1"/>
  <c r="AE36589" i="1"/>
  <c r="AE36590" i="1"/>
  <c r="AE36591" i="1"/>
  <c r="AE36592" i="1"/>
  <c r="AE36593" i="1"/>
  <c r="AE36594" i="1"/>
  <c r="AE36595" i="1"/>
  <c r="AE36596" i="1"/>
  <c r="AE36597" i="1"/>
  <c r="AE36598" i="1"/>
  <c r="AE36599" i="1"/>
  <c r="AE36600" i="1"/>
  <c r="AE36601" i="1"/>
  <c r="AE36602" i="1"/>
  <c r="AE36603" i="1"/>
  <c r="AE36604" i="1"/>
  <c r="AE36605" i="1"/>
  <c r="AE36606" i="1"/>
  <c r="AE36607" i="1"/>
  <c r="AE36608" i="1"/>
  <c r="AE36609" i="1"/>
  <c r="AE36610" i="1"/>
  <c r="AE36611" i="1"/>
  <c r="AE36612" i="1"/>
  <c r="AE36613" i="1"/>
  <c r="AE36614" i="1"/>
  <c r="AE36615" i="1"/>
  <c r="AE36616" i="1"/>
  <c r="AE36617" i="1"/>
  <c r="AE36618" i="1"/>
  <c r="AE36619" i="1"/>
  <c r="AE36620" i="1"/>
  <c r="AE36621" i="1"/>
  <c r="AE36622" i="1"/>
  <c r="AE36623" i="1"/>
  <c r="AE36624" i="1"/>
  <c r="AE36625" i="1"/>
  <c r="AE36626" i="1"/>
  <c r="AE36627" i="1"/>
  <c r="AE36628" i="1"/>
  <c r="AE36629" i="1"/>
  <c r="AE36630" i="1"/>
  <c r="AE36631" i="1"/>
  <c r="AE36632" i="1"/>
  <c r="AE36633" i="1"/>
  <c r="AE36634" i="1"/>
  <c r="AE36635" i="1"/>
  <c r="AE36636" i="1"/>
  <c r="AE36637" i="1"/>
  <c r="AE36638" i="1"/>
  <c r="AE36639" i="1"/>
  <c r="AE36640" i="1"/>
  <c r="AE36641" i="1"/>
  <c r="AE36642" i="1"/>
  <c r="AE36643" i="1"/>
  <c r="AE36644" i="1"/>
  <c r="AE36645" i="1"/>
  <c r="AE36646" i="1"/>
  <c r="AE36647" i="1"/>
  <c r="AE36648" i="1"/>
  <c r="AE36649" i="1"/>
  <c r="AE36650" i="1"/>
  <c r="AE36651" i="1"/>
  <c r="AE36652" i="1"/>
  <c r="AE36653" i="1"/>
  <c r="AE36654" i="1"/>
  <c r="AE36655" i="1"/>
  <c r="AE36656" i="1"/>
  <c r="AE36657" i="1"/>
  <c r="AE36658" i="1"/>
  <c r="AE36659" i="1"/>
  <c r="AE36660" i="1"/>
  <c r="AE36661" i="1"/>
  <c r="AE36662" i="1"/>
  <c r="AE36663" i="1"/>
  <c r="AE36664" i="1"/>
  <c r="AE36665" i="1"/>
  <c r="AE36666" i="1"/>
  <c r="AE36667" i="1"/>
  <c r="AE36668" i="1"/>
  <c r="AE36669" i="1"/>
  <c r="AE36670" i="1"/>
  <c r="AE36671" i="1"/>
  <c r="AE36672" i="1"/>
  <c r="AE36673" i="1"/>
  <c r="AE36674" i="1"/>
  <c r="AE36675" i="1"/>
  <c r="AE36676" i="1"/>
  <c r="AE36677" i="1"/>
  <c r="AE36678" i="1"/>
  <c r="AE36679" i="1"/>
  <c r="AE36680" i="1"/>
  <c r="AE36681" i="1"/>
  <c r="AE36682" i="1"/>
  <c r="AE36683" i="1"/>
  <c r="AE36684" i="1"/>
  <c r="AE36685" i="1"/>
  <c r="AE36686" i="1"/>
  <c r="AE36687" i="1"/>
  <c r="AE36688" i="1"/>
  <c r="AE36689" i="1"/>
  <c r="AE36690" i="1"/>
  <c r="AE36691" i="1"/>
  <c r="AE36692" i="1"/>
  <c r="AE36693" i="1"/>
  <c r="AE36694" i="1"/>
  <c r="AE36695" i="1"/>
  <c r="AE36696" i="1"/>
  <c r="AE36697" i="1"/>
  <c r="AE36698" i="1"/>
  <c r="AE36699" i="1"/>
  <c r="AE36700" i="1"/>
  <c r="AE36701" i="1"/>
  <c r="AE36702" i="1"/>
  <c r="AE36703" i="1"/>
  <c r="AE36704" i="1"/>
  <c r="AE36705" i="1"/>
  <c r="AE36706" i="1"/>
  <c r="AE36707" i="1"/>
  <c r="AE36708" i="1"/>
  <c r="AE36709" i="1"/>
  <c r="AE36710" i="1"/>
  <c r="AE36711" i="1"/>
  <c r="AE36712" i="1"/>
  <c r="AE36713" i="1"/>
  <c r="AE36714" i="1"/>
  <c r="AE36715" i="1"/>
  <c r="AE36716" i="1"/>
  <c r="AE36717" i="1"/>
  <c r="AE36718" i="1"/>
  <c r="AE36719" i="1"/>
  <c r="AE36720" i="1"/>
  <c r="AE36721" i="1"/>
  <c r="AE36722" i="1"/>
  <c r="AE36723" i="1"/>
  <c r="AE36724" i="1"/>
  <c r="AE36725" i="1"/>
  <c r="AE36726" i="1"/>
  <c r="AE36727" i="1"/>
  <c r="AE36728" i="1"/>
  <c r="AE36729" i="1"/>
  <c r="AE36730" i="1"/>
  <c r="AE36731" i="1"/>
  <c r="AE36732" i="1"/>
  <c r="AE36733" i="1"/>
  <c r="AE36734" i="1"/>
  <c r="AE36735" i="1"/>
  <c r="AE36736" i="1"/>
  <c r="AE36737" i="1"/>
  <c r="AE36738" i="1"/>
  <c r="AE36739" i="1"/>
  <c r="AE36740" i="1"/>
  <c r="AE36741" i="1"/>
  <c r="AE36742" i="1"/>
  <c r="AE36743" i="1"/>
  <c r="AE36744" i="1"/>
  <c r="AE36745" i="1"/>
  <c r="AE36746" i="1"/>
  <c r="AE36747" i="1"/>
  <c r="AE36748" i="1"/>
  <c r="AE36749" i="1"/>
  <c r="AE36750" i="1"/>
  <c r="AE36751" i="1"/>
  <c r="AE36752" i="1"/>
  <c r="AE36753" i="1"/>
  <c r="AE36754" i="1"/>
  <c r="AE36755" i="1"/>
  <c r="AE36756" i="1"/>
  <c r="AE36757" i="1"/>
  <c r="AE36758" i="1"/>
  <c r="AE36759" i="1"/>
  <c r="AE36760" i="1"/>
  <c r="AE36761" i="1"/>
  <c r="AE36762" i="1"/>
  <c r="AE36763" i="1"/>
  <c r="AE36764" i="1"/>
  <c r="AE36765" i="1"/>
  <c r="AE36766" i="1"/>
  <c r="AE36767" i="1"/>
  <c r="AE36768" i="1"/>
  <c r="AE36769" i="1"/>
  <c r="AE36770" i="1"/>
  <c r="AE36771" i="1"/>
  <c r="AE36772" i="1"/>
  <c r="AE36773" i="1"/>
  <c r="AE36774" i="1"/>
  <c r="AE36775" i="1"/>
  <c r="AE36776" i="1"/>
  <c r="AE36777" i="1"/>
  <c r="AE36778" i="1"/>
  <c r="AE36779" i="1"/>
  <c r="AE36780" i="1"/>
  <c r="AE36781" i="1"/>
  <c r="AE36782" i="1"/>
  <c r="AE36783" i="1"/>
  <c r="AE36784" i="1"/>
  <c r="AE36785" i="1"/>
  <c r="AE36786" i="1"/>
  <c r="AE36787" i="1"/>
  <c r="AE36788" i="1"/>
  <c r="AE36789" i="1"/>
  <c r="AE36790" i="1"/>
  <c r="AE36791" i="1"/>
  <c r="AE36792" i="1"/>
  <c r="AE36793" i="1"/>
  <c r="AE36794" i="1"/>
  <c r="AE36795" i="1"/>
  <c r="AE36796" i="1"/>
  <c r="AE36797" i="1"/>
  <c r="AE36798" i="1"/>
  <c r="AE36799" i="1"/>
  <c r="AE36800" i="1"/>
  <c r="AE36801" i="1"/>
  <c r="AE36802" i="1"/>
  <c r="AE36803" i="1"/>
  <c r="AE36804" i="1"/>
  <c r="AE36805" i="1"/>
  <c r="AE36806" i="1"/>
  <c r="AE36807" i="1"/>
  <c r="AE36808" i="1"/>
  <c r="AE36809" i="1"/>
  <c r="AE36810" i="1"/>
  <c r="AE36811" i="1"/>
  <c r="AE36812" i="1"/>
  <c r="AE36813" i="1"/>
  <c r="AE36814" i="1"/>
  <c r="AE36815" i="1"/>
  <c r="AE36816" i="1"/>
  <c r="AE36817" i="1"/>
  <c r="AE36818" i="1"/>
  <c r="AE36819" i="1"/>
  <c r="AE36820" i="1"/>
  <c r="AE36821" i="1"/>
  <c r="AE36822" i="1"/>
  <c r="AE36823" i="1"/>
  <c r="AE36824" i="1"/>
  <c r="AE36825" i="1"/>
  <c r="AE36826" i="1"/>
  <c r="AE36827" i="1"/>
  <c r="AE36828" i="1"/>
  <c r="AE36829" i="1"/>
  <c r="AE36830" i="1"/>
  <c r="AE36831" i="1"/>
  <c r="AE36832" i="1"/>
  <c r="AE36833" i="1"/>
  <c r="AE36834" i="1"/>
  <c r="AE36835" i="1"/>
  <c r="AE36836" i="1"/>
  <c r="AE36837" i="1"/>
  <c r="AE36838" i="1"/>
  <c r="AE36839" i="1"/>
  <c r="AE36840" i="1"/>
  <c r="AE36841" i="1"/>
  <c r="AE36842" i="1"/>
  <c r="AE36843" i="1"/>
  <c r="AE36844" i="1"/>
  <c r="AE36845" i="1"/>
  <c r="AE36846" i="1"/>
  <c r="AE36847" i="1"/>
  <c r="AE36848" i="1"/>
  <c r="AE36849" i="1"/>
  <c r="AE36850" i="1"/>
  <c r="AE36851" i="1"/>
  <c r="AE36852" i="1"/>
  <c r="AE36853" i="1"/>
  <c r="AE36854" i="1"/>
  <c r="AE36855" i="1"/>
  <c r="AE36856" i="1"/>
  <c r="AE36857" i="1"/>
  <c r="AE36858" i="1"/>
  <c r="AE36859" i="1"/>
  <c r="AE36860" i="1"/>
  <c r="AE36861" i="1"/>
  <c r="AE36862" i="1"/>
  <c r="AE36863" i="1"/>
  <c r="AE36864" i="1"/>
  <c r="AE36865" i="1"/>
  <c r="AE36866" i="1"/>
  <c r="AE36867" i="1"/>
  <c r="AE36868" i="1"/>
  <c r="AE36869" i="1"/>
  <c r="AE36870" i="1"/>
  <c r="AE36871" i="1"/>
  <c r="AE36872" i="1"/>
  <c r="AE36873" i="1"/>
  <c r="AE36874" i="1"/>
  <c r="AE36875" i="1"/>
  <c r="AE36876" i="1"/>
  <c r="AE36877" i="1"/>
  <c r="AE36878" i="1"/>
  <c r="AE36879" i="1"/>
  <c r="AE36880" i="1"/>
  <c r="AE36881" i="1"/>
  <c r="AE36882" i="1"/>
  <c r="AE36883" i="1"/>
  <c r="AE36884" i="1"/>
  <c r="AE36885" i="1"/>
  <c r="AE36886" i="1"/>
  <c r="AE36887" i="1"/>
  <c r="AE36888" i="1"/>
  <c r="AE36889" i="1"/>
  <c r="AE36890" i="1"/>
  <c r="AE36891" i="1"/>
  <c r="AE36892" i="1"/>
  <c r="AE36893" i="1"/>
  <c r="AE36894" i="1"/>
  <c r="AE36895" i="1"/>
  <c r="AE36896" i="1"/>
  <c r="AE36897" i="1"/>
  <c r="AE36898" i="1"/>
  <c r="AE36899" i="1"/>
  <c r="AE36900" i="1"/>
  <c r="AE36901" i="1"/>
  <c r="AE36902" i="1"/>
  <c r="AE36903" i="1"/>
  <c r="AE36904" i="1"/>
  <c r="AE36905" i="1"/>
  <c r="AE36906" i="1"/>
  <c r="AE36907" i="1"/>
  <c r="AE36908" i="1"/>
  <c r="AE36909" i="1"/>
  <c r="AE36910" i="1"/>
  <c r="AE36911" i="1"/>
  <c r="AE36912" i="1"/>
  <c r="AE36913" i="1"/>
  <c r="AE36914" i="1"/>
  <c r="AE36915" i="1"/>
  <c r="AE36916" i="1"/>
  <c r="AE36917" i="1"/>
  <c r="AE36918" i="1"/>
  <c r="AE36919" i="1"/>
  <c r="AE36920" i="1"/>
  <c r="AE36921" i="1"/>
  <c r="AE36922" i="1"/>
  <c r="AE36923" i="1"/>
  <c r="AE36924" i="1"/>
  <c r="AE36925" i="1"/>
  <c r="AE36926" i="1"/>
  <c r="AE36927" i="1"/>
  <c r="AE36928" i="1"/>
  <c r="AE36929" i="1"/>
  <c r="AE36930" i="1"/>
  <c r="AE36931" i="1"/>
  <c r="AE36932" i="1"/>
  <c r="AE36933" i="1"/>
  <c r="AE36934" i="1"/>
  <c r="AE36935" i="1"/>
  <c r="AE36936" i="1"/>
  <c r="AE36937" i="1"/>
  <c r="AE36938" i="1"/>
  <c r="AE36939" i="1"/>
  <c r="AE36940" i="1"/>
  <c r="AE36941" i="1"/>
  <c r="AE36942" i="1"/>
  <c r="AE36943" i="1"/>
  <c r="AE36944" i="1"/>
  <c r="AE36945" i="1"/>
  <c r="AE36946" i="1"/>
  <c r="AE36947" i="1"/>
  <c r="AE36948" i="1"/>
  <c r="AE36949" i="1"/>
  <c r="AE36950" i="1"/>
  <c r="AE36951" i="1"/>
  <c r="AE36952" i="1"/>
  <c r="AE36953" i="1"/>
  <c r="AE36954" i="1"/>
  <c r="AE36955" i="1"/>
  <c r="AE36956" i="1"/>
  <c r="AE36957" i="1"/>
  <c r="AE36958" i="1"/>
  <c r="AE36959" i="1"/>
  <c r="AE36960" i="1"/>
  <c r="AE36961" i="1"/>
  <c r="AE36962" i="1"/>
  <c r="AE36963" i="1"/>
  <c r="AE36964" i="1"/>
  <c r="AE36965" i="1"/>
  <c r="AE36966" i="1"/>
  <c r="AE36967" i="1"/>
  <c r="AE36968" i="1"/>
  <c r="AE36969" i="1"/>
  <c r="AE36970" i="1"/>
  <c r="AE36971" i="1"/>
  <c r="AE36972" i="1"/>
  <c r="AE36973" i="1"/>
  <c r="AE36974" i="1"/>
  <c r="AE36975" i="1"/>
  <c r="AE36976" i="1"/>
  <c r="AE36977" i="1"/>
  <c r="AE36978" i="1"/>
  <c r="AE36979" i="1"/>
  <c r="AE36980" i="1"/>
  <c r="AE36981" i="1"/>
  <c r="AE36982" i="1"/>
  <c r="AE36983" i="1"/>
  <c r="AE36984" i="1"/>
  <c r="AE36985" i="1"/>
  <c r="AE36986" i="1"/>
  <c r="AE36987" i="1"/>
  <c r="AE36988" i="1"/>
  <c r="AE36989" i="1"/>
  <c r="AE36990" i="1"/>
  <c r="AE36991" i="1"/>
  <c r="AE36992" i="1"/>
  <c r="AE36993" i="1"/>
  <c r="AE36994" i="1"/>
  <c r="AE36995" i="1"/>
  <c r="AE36996" i="1"/>
  <c r="AE36997" i="1"/>
  <c r="AE36998" i="1"/>
  <c r="AE36999" i="1"/>
  <c r="AE37000" i="1"/>
  <c r="AE37001" i="1"/>
  <c r="AE37002" i="1"/>
  <c r="AE37003" i="1"/>
  <c r="AE37004" i="1"/>
  <c r="AE37005" i="1"/>
  <c r="AE37006" i="1"/>
  <c r="AE37007" i="1"/>
  <c r="AE37008" i="1"/>
  <c r="AE37009" i="1"/>
  <c r="AE37010" i="1"/>
  <c r="AE37011" i="1"/>
  <c r="AE37012" i="1"/>
  <c r="AE37013" i="1"/>
  <c r="AE37014" i="1"/>
  <c r="AE37015" i="1"/>
  <c r="AE37016" i="1"/>
  <c r="AE37017" i="1"/>
  <c r="AE37018" i="1"/>
  <c r="AE37019" i="1"/>
  <c r="AE37020" i="1"/>
  <c r="AE37021" i="1"/>
  <c r="AE37022" i="1"/>
  <c r="AE37023" i="1"/>
  <c r="AE37024" i="1"/>
  <c r="AE37025" i="1"/>
  <c r="AE37026" i="1"/>
  <c r="AE37027" i="1"/>
  <c r="AE37028" i="1"/>
  <c r="AE37029" i="1"/>
  <c r="AE37030" i="1"/>
  <c r="AE37031" i="1"/>
  <c r="AE37032" i="1"/>
  <c r="AE37033" i="1"/>
  <c r="AE37034" i="1"/>
  <c r="AE37035" i="1"/>
  <c r="AE37036" i="1"/>
  <c r="AE37037" i="1"/>
  <c r="AE37038" i="1"/>
  <c r="AE37039" i="1"/>
  <c r="AE37040" i="1"/>
  <c r="AE37041" i="1"/>
  <c r="AE37042" i="1"/>
  <c r="AE37043" i="1"/>
  <c r="AE37044" i="1"/>
  <c r="AE37045" i="1"/>
  <c r="AE37046" i="1"/>
  <c r="AE37047" i="1"/>
  <c r="AE37048" i="1"/>
  <c r="AE37049" i="1"/>
  <c r="AE37050" i="1"/>
  <c r="AE37051" i="1"/>
  <c r="AE37052" i="1"/>
  <c r="AE37053" i="1"/>
  <c r="AE37054" i="1"/>
  <c r="AE37055" i="1"/>
  <c r="AE37056" i="1"/>
  <c r="AE37057" i="1"/>
  <c r="AE37058" i="1"/>
  <c r="AE37059" i="1"/>
  <c r="AE37060" i="1"/>
  <c r="AE37061" i="1"/>
  <c r="AE37062" i="1"/>
  <c r="AE37063" i="1"/>
  <c r="AE37064" i="1"/>
  <c r="AE37065" i="1"/>
  <c r="AE37066" i="1"/>
  <c r="AE37067" i="1"/>
  <c r="AE37068" i="1"/>
  <c r="AE37069" i="1"/>
  <c r="AE37070" i="1"/>
  <c r="AE37071" i="1"/>
  <c r="AE37072" i="1"/>
  <c r="AE37073" i="1"/>
  <c r="AE37074" i="1"/>
  <c r="AE37075" i="1"/>
  <c r="AE37076" i="1"/>
  <c r="AE37077" i="1"/>
  <c r="AE37078" i="1"/>
  <c r="AE37079" i="1"/>
  <c r="AE37080" i="1"/>
  <c r="AE37081" i="1"/>
  <c r="AE37082" i="1"/>
  <c r="AE37083" i="1"/>
  <c r="AE37084" i="1"/>
  <c r="AE37085" i="1"/>
  <c r="AE37086" i="1"/>
  <c r="AE37087" i="1"/>
  <c r="AE37088" i="1"/>
  <c r="AE37089" i="1"/>
  <c r="AE37090" i="1"/>
  <c r="AE37091" i="1"/>
  <c r="AE37092" i="1"/>
  <c r="AE37093" i="1"/>
  <c r="AE37094" i="1"/>
  <c r="AE37095" i="1"/>
  <c r="AE37096" i="1"/>
  <c r="AE37097" i="1"/>
  <c r="AE37098" i="1"/>
  <c r="AE37099" i="1"/>
  <c r="AE37100" i="1"/>
  <c r="AE37101" i="1"/>
  <c r="AE37102" i="1"/>
  <c r="AE37103" i="1"/>
  <c r="AE37104" i="1"/>
  <c r="AE37105" i="1"/>
  <c r="AE37106" i="1"/>
  <c r="AE37107" i="1"/>
  <c r="AE37108" i="1"/>
  <c r="AE37109" i="1"/>
  <c r="AE37110" i="1"/>
  <c r="AE37111" i="1"/>
  <c r="AE37112" i="1"/>
  <c r="AE37113" i="1"/>
  <c r="AE37114" i="1"/>
  <c r="AE37115" i="1"/>
  <c r="AE37116" i="1"/>
  <c r="AE37117" i="1"/>
  <c r="AE37118" i="1"/>
  <c r="AE37119" i="1"/>
  <c r="AE37120" i="1"/>
  <c r="AE37121" i="1"/>
  <c r="AE37122" i="1"/>
  <c r="AE37123" i="1"/>
  <c r="AE37124" i="1"/>
  <c r="AE37125" i="1"/>
  <c r="AE37126" i="1"/>
  <c r="AE37127" i="1"/>
  <c r="AE37128" i="1"/>
  <c r="AE37129" i="1"/>
  <c r="AE37130" i="1"/>
  <c r="AE37131" i="1"/>
  <c r="AE37132" i="1"/>
  <c r="AE37133" i="1"/>
  <c r="AE37134" i="1"/>
  <c r="AE37135" i="1"/>
  <c r="AE37136" i="1"/>
  <c r="AE37137" i="1"/>
  <c r="AE37138" i="1"/>
  <c r="AE37139" i="1"/>
  <c r="AE37140" i="1"/>
  <c r="AE37141" i="1"/>
  <c r="AE37142" i="1"/>
  <c r="AE37143" i="1"/>
  <c r="AE37144" i="1"/>
  <c r="AE37145" i="1"/>
  <c r="AE37146" i="1"/>
  <c r="AE37147" i="1"/>
  <c r="AE37148" i="1"/>
  <c r="AE37149" i="1"/>
  <c r="AE37150" i="1"/>
  <c r="AE37151" i="1"/>
  <c r="AE37152" i="1"/>
  <c r="AE37153" i="1"/>
  <c r="AE37154" i="1"/>
  <c r="AE37155" i="1"/>
  <c r="AE37156" i="1"/>
  <c r="AE37157" i="1"/>
  <c r="AE37158" i="1"/>
  <c r="AE37159" i="1"/>
  <c r="AE37160" i="1"/>
  <c r="AE37161" i="1"/>
  <c r="AE37162" i="1"/>
  <c r="AE37163" i="1"/>
  <c r="AE37164" i="1"/>
  <c r="AE37165" i="1"/>
  <c r="AE37166" i="1"/>
  <c r="AE37167" i="1"/>
  <c r="AE37168" i="1"/>
  <c r="AE37169" i="1"/>
  <c r="AE37170" i="1"/>
  <c r="AE37171" i="1"/>
  <c r="AE37172" i="1"/>
  <c r="AE37173" i="1"/>
  <c r="AE37174" i="1"/>
  <c r="AE37175" i="1"/>
  <c r="AE37176" i="1"/>
  <c r="AE37177" i="1"/>
  <c r="AE37178" i="1"/>
  <c r="AE37179" i="1"/>
  <c r="AE37180" i="1"/>
  <c r="AE37181" i="1"/>
  <c r="AE37182" i="1"/>
  <c r="AE37183" i="1"/>
  <c r="AE37184" i="1"/>
  <c r="AE37185" i="1"/>
  <c r="AE37186" i="1"/>
  <c r="AE37187" i="1"/>
  <c r="AE37188" i="1"/>
  <c r="AE37189" i="1"/>
  <c r="AE37190" i="1"/>
  <c r="AE37191" i="1"/>
  <c r="AE37192" i="1"/>
  <c r="AE37193" i="1"/>
  <c r="AE37194" i="1"/>
  <c r="AE37195" i="1"/>
  <c r="AE37196" i="1"/>
  <c r="AE37197" i="1"/>
  <c r="AE37198" i="1"/>
  <c r="AE37199" i="1"/>
  <c r="AE37200" i="1"/>
  <c r="AE37201" i="1"/>
  <c r="AE37202" i="1"/>
  <c r="AE37203" i="1"/>
  <c r="AE37204" i="1"/>
  <c r="AE37205" i="1"/>
  <c r="AE37206" i="1"/>
  <c r="AE37207" i="1"/>
  <c r="AE37208" i="1"/>
  <c r="AE37209" i="1"/>
  <c r="AE37210" i="1"/>
  <c r="AE37211" i="1"/>
  <c r="AE37212" i="1"/>
  <c r="AE37213" i="1"/>
  <c r="AE37214" i="1"/>
  <c r="AE37215" i="1"/>
  <c r="AE37216" i="1"/>
  <c r="AE37217" i="1"/>
  <c r="AE37218" i="1"/>
  <c r="AE37219" i="1"/>
  <c r="AE37220" i="1"/>
  <c r="AE37221" i="1"/>
  <c r="AE37222" i="1"/>
  <c r="AE37223" i="1"/>
  <c r="AE37224" i="1"/>
  <c r="AE37225" i="1"/>
  <c r="AE37226" i="1"/>
  <c r="AE37227" i="1"/>
  <c r="AE37228" i="1"/>
  <c r="AE37229" i="1"/>
  <c r="AE37230" i="1"/>
  <c r="AE37231" i="1"/>
  <c r="AE37232" i="1"/>
  <c r="AE37233" i="1"/>
  <c r="AE37234" i="1"/>
  <c r="AE37235" i="1"/>
  <c r="AE37236" i="1"/>
  <c r="AE37237" i="1"/>
  <c r="AE37238" i="1"/>
  <c r="AE37239" i="1"/>
  <c r="AE37240" i="1"/>
  <c r="AE37241" i="1"/>
  <c r="AE37242" i="1"/>
  <c r="AE37243" i="1"/>
  <c r="AE37244" i="1"/>
  <c r="AE37245" i="1"/>
  <c r="AE37246" i="1"/>
  <c r="AE37247" i="1"/>
  <c r="AE37248" i="1"/>
  <c r="AE37249" i="1"/>
  <c r="AE37250" i="1"/>
  <c r="AE37251" i="1"/>
  <c r="AE37252" i="1"/>
  <c r="AE37253" i="1"/>
  <c r="AE37254" i="1"/>
  <c r="AE37255" i="1"/>
  <c r="AE37256" i="1"/>
  <c r="AE37257" i="1"/>
  <c r="AE37258" i="1"/>
  <c r="AE37259" i="1"/>
  <c r="AE37260" i="1"/>
  <c r="AE37261" i="1"/>
  <c r="AE37262" i="1"/>
  <c r="AE37263" i="1"/>
  <c r="AE37264" i="1"/>
  <c r="AE37265" i="1"/>
  <c r="AE37266" i="1"/>
  <c r="AE37267" i="1"/>
  <c r="AE37268" i="1"/>
  <c r="AE37269" i="1"/>
  <c r="AE37270" i="1"/>
  <c r="AE37271" i="1"/>
  <c r="AE37272" i="1"/>
  <c r="AE37273" i="1"/>
  <c r="AE37274" i="1"/>
  <c r="AE37275" i="1"/>
  <c r="AE37276" i="1"/>
  <c r="AE37277" i="1"/>
  <c r="AE37278" i="1"/>
  <c r="AE37279" i="1"/>
  <c r="AE37280" i="1"/>
  <c r="AE37281" i="1"/>
  <c r="AE37282" i="1"/>
  <c r="AE37283" i="1"/>
  <c r="AE37284" i="1"/>
  <c r="AE37285" i="1"/>
  <c r="AE37286" i="1"/>
  <c r="AE37287" i="1"/>
  <c r="AE37288" i="1"/>
  <c r="AE37289" i="1"/>
  <c r="AE37290" i="1"/>
  <c r="AE37291" i="1"/>
  <c r="AE37292" i="1"/>
  <c r="AE37293" i="1"/>
  <c r="AE37294" i="1"/>
  <c r="AE37295" i="1"/>
  <c r="AE37296" i="1"/>
  <c r="AE37297" i="1"/>
  <c r="AE37298" i="1"/>
  <c r="AE37299" i="1"/>
  <c r="AE37300" i="1"/>
  <c r="AE37301" i="1"/>
  <c r="AE37302" i="1"/>
  <c r="AE37303" i="1"/>
  <c r="AE37304" i="1"/>
  <c r="AE37305" i="1"/>
  <c r="AE37306" i="1"/>
  <c r="AE37307" i="1"/>
  <c r="AE37308" i="1"/>
  <c r="AE37309" i="1"/>
  <c r="AE37310" i="1"/>
  <c r="AE37311" i="1"/>
  <c r="AE37312" i="1"/>
  <c r="AE37313" i="1"/>
  <c r="AE37314" i="1"/>
  <c r="AE37315" i="1"/>
  <c r="AE37316" i="1"/>
  <c r="AE37317" i="1"/>
  <c r="AE37318" i="1"/>
  <c r="AE37319" i="1"/>
  <c r="AE37320" i="1"/>
  <c r="AE37321" i="1"/>
  <c r="AE37322" i="1"/>
  <c r="AE37323" i="1"/>
  <c r="AE37324" i="1"/>
  <c r="AE37325" i="1"/>
  <c r="AE37326" i="1"/>
  <c r="AE37327" i="1"/>
  <c r="AE37328" i="1"/>
  <c r="AE37329" i="1"/>
  <c r="AE37330" i="1"/>
  <c r="AE37331" i="1"/>
  <c r="AE37332" i="1"/>
  <c r="AE37333" i="1"/>
  <c r="AE37334" i="1"/>
  <c r="AE37335" i="1"/>
  <c r="AE37336" i="1"/>
  <c r="AE37337" i="1"/>
  <c r="AE37338" i="1"/>
  <c r="AE37339" i="1"/>
  <c r="AE37340" i="1"/>
  <c r="AE37341" i="1"/>
  <c r="AE37342" i="1"/>
  <c r="AE37343" i="1"/>
  <c r="AE37344" i="1"/>
  <c r="AE37345" i="1"/>
  <c r="AE37346" i="1"/>
  <c r="AE37347" i="1"/>
  <c r="AE37348" i="1"/>
  <c r="AE37349" i="1"/>
  <c r="AE37350" i="1"/>
  <c r="AE37351" i="1"/>
  <c r="AE37352" i="1"/>
  <c r="AE37353" i="1"/>
  <c r="AE37354" i="1"/>
  <c r="AE37355" i="1"/>
  <c r="AE37356" i="1"/>
  <c r="AE37357" i="1"/>
  <c r="AE37358" i="1"/>
  <c r="AE37359" i="1"/>
  <c r="AE37360" i="1"/>
  <c r="AE37361" i="1"/>
  <c r="AE37362" i="1"/>
  <c r="AE37363" i="1"/>
  <c r="AE37364" i="1"/>
  <c r="AE37365" i="1"/>
  <c r="AE37366" i="1"/>
  <c r="AE37367" i="1"/>
  <c r="AE37368" i="1"/>
  <c r="AE37369" i="1"/>
  <c r="AE37370" i="1"/>
  <c r="AE37371" i="1"/>
  <c r="AE37372" i="1"/>
  <c r="AE37373" i="1"/>
  <c r="AE37374" i="1"/>
  <c r="AE37375" i="1"/>
  <c r="AE37376" i="1"/>
  <c r="AE37377" i="1"/>
  <c r="AE37378" i="1"/>
  <c r="AE37379" i="1"/>
  <c r="AE37380" i="1"/>
  <c r="AE37381" i="1"/>
  <c r="AE37382" i="1"/>
  <c r="AE37383" i="1"/>
  <c r="AE37384" i="1"/>
  <c r="AE37385" i="1"/>
  <c r="AE37386" i="1"/>
  <c r="AE37387" i="1"/>
  <c r="AE37388" i="1"/>
  <c r="AE37389" i="1"/>
  <c r="AE37390" i="1"/>
  <c r="AE37391" i="1"/>
  <c r="AE37392" i="1"/>
  <c r="AE37393" i="1"/>
  <c r="AE37394" i="1"/>
  <c r="AE37395" i="1"/>
  <c r="AE37396" i="1"/>
  <c r="AE37397" i="1"/>
  <c r="AE37398" i="1"/>
  <c r="AE37399" i="1"/>
  <c r="AE37400" i="1"/>
  <c r="AE37401" i="1"/>
  <c r="AE37402" i="1"/>
  <c r="AE37403" i="1"/>
  <c r="AE37404" i="1"/>
  <c r="AE37405" i="1"/>
  <c r="AE37406" i="1"/>
  <c r="AE37407" i="1"/>
  <c r="AE37408" i="1"/>
  <c r="AE37409" i="1"/>
  <c r="AE37410" i="1"/>
  <c r="AE37411" i="1"/>
  <c r="AE37412" i="1"/>
  <c r="AE37413" i="1"/>
  <c r="AE37414" i="1"/>
  <c r="AE37415" i="1"/>
  <c r="AE37416" i="1"/>
  <c r="AE37417" i="1"/>
  <c r="AE37418" i="1"/>
  <c r="AE37419" i="1"/>
  <c r="AE37420" i="1"/>
  <c r="AE37421" i="1"/>
  <c r="AE37422" i="1"/>
  <c r="AE37423" i="1"/>
  <c r="AE37424" i="1"/>
  <c r="AE37425" i="1"/>
  <c r="AE37426" i="1"/>
  <c r="AE37427" i="1"/>
  <c r="AE37428" i="1"/>
  <c r="AE37429" i="1"/>
  <c r="AE37430" i="1"/>
  <c r="AE37431" i="1"/>
  <c r="AE37432" i="1"/>
  <c r="AE37433" i="1"/>
  <c r="AE37434" i="1"/>
  <c r="AE37435" i="1"/>
  <c r="AE37436" i="1"/>
  <c r="AE37437" i="1"/>
  <c r="AE37438" i="1"/>
  <c r="AE37439" i="1"/>
  <c r="AE37440" i="1"/>
  <c r="AE37441" i="1"/>
  <c r="AE37442" i="1"/>
  <c r="AE37443" i="1"/>
  <c r="AE37444" i="1"/>
  <c r="AE37445" i="1"/>
  <c r="AE37446" i="1"/>
  <c r="AE37447" i="1"/>
  <c r="AE37448" i="1"/>
  <c r="AE37449" i="1"/>
  <c r="AE37450" i="1"/>
  <c r="AE37451" i="1"/>
  <c r="AE37452" i="1"/>
  <c r="AE37453" i="1"/>
  <c r="AE37454" i="1"/>
  <c r="AE37455" i="1"/>
  <c r="AE37456" i="1"/>
  <c r="AE37457" i="1"/>
  <c r="AE37458" i="1"/>
  <c r="AE37459" i="1"/>
  <c r="AE37460" i="1"/>
  <c r="AE37461" i="1"/>
  <c r="AE37462" i="1"/>
  <c r="AE37463" i="1"/>
  <c r="AE37464" i="1"/>
  <c r="AE37465" i="1"/>
  <c r="AE37466" i="1"/>
  <c r="AE37467" i="1"/>
  <c r="AE37468" i="1"/>
  <c r="AE37469" i="1"/>
  <c r="AE37470" i="1"/>
  <c r="AE37471" i="1"/>
  <c r="AE37472" i="1"/>
  <c r="AE37473" i="1"/>
  <c r="AE37474" i="1"/>
  <c r="AE37475" i="1"/>
  <c r="AE37476" i="1"/>
  <c r="AE37477" i="1"/>
  <c r="AE37478" i="1"/>
  <c r="AE37479" i="1"/>
  <c r="AE37480" i="1"/>
  <c r="AE37481" i="1"/>
  <c r="AE37482" i="1"/>
  <c r="AE37483" i="1"/>
  <c r="AE37484" i="1"/>
  <c r="AE37485" i="1"/>
  <c r="AE37486" i="1"/>
  <c r="AE37487" i="1"/>
  <c r="AE37488" i="1"/>
  <c r="AE37489" i="1"/>
  <c r="AE37490" i="1"/>
  <c r="AE37491" i="1"/>
  <c r="AE37492" i="1"/>
  <c r="AE37493" i="1"/>
  <c r="AE37494" i="1"/>
  <c r="AE37495" i="1"/>
  <c r="AE37496" i="1"/>
  <c r="AE37497" i="1"/>
  <c r="AE37498" i="1"/>
  <c r="AE37499" i="1"/>
  <c r="AE37500" i="1"/>
  <c r="AE37501" i="1"/>
  <c r="AE37502" i="1"/>
  <c r="AE37503" i="1"/>
  <c r="AE37504" i="1"/>
  <c r="AE37505" i="1"/>
  <c r="AE37506" i="1"/>
  <c r="AE37507" i="1"/>
  <c r="AE37508" i="1"/>
  <c r="AE37509" i="1"/>
  <c r="AE37510" i="1"/>
  <c r="AE37511" i="1"/>
  <c r="AE37512" i="1"/>
  <c r="AE37513" i="1"/>
  <c r="AE37514" i="1"/>
  <c r="AE37515" i="1"/>
  <c r="AE37516" i="1"/>
  <c r="AE37517" i="1"/>
  <c r="AE37518" i="1"/>
  <c r="AE37519" i="1"/>
  <c r="AE37520" i="1"/>
  <c r="AE37521" i="1"/>
  <c r="AE37522" i="1"/>
  <c r="AE37523" i="1"/>
  <c r="AE37524" i="1"/>
  <c r="AE37525" i="1"/>
  <c r="AE37526" i="1"/>
  <c r="AE37527" i="1"/>
  <c r="AE37528" i="1"/>
  <c r="AE37529" i="1"/>
  <c r="AE37530" i="1"/>
  <c r="AE37531" i="1"/>
  <c r="AE37532" i="1"/>
  <c r="AE37533" i="1"/>
  <c r="AE37534" i="1"/>
  <c r="AE37535" i="1"/>
  <c r="AE37536" i="1"/>
  <c r="AE37537" i="1"/>
  <c r="AE37538" i="1"/>
  <c r="AE37539" i="1"/>
  <c r="AE37540" i="1"/>
  <c r="AE37541" i="1"/>
  <c r="AE37542" i="1"/>
  <c r="AE37543" i="1"/>
  <c r="AE37544" i="1"/>
  <c r="AE37545" i="1"/>
  <c r="AE37546" i="1"/>
  <c r="AE37547" i="1"/>
  <c r="AE37548" i="1"/>
  <c r="AE37549" i="1"/>
  <c r="AE37550" i="1"/>
  <c r="AE37551" i="1"/>
  <c r="AE37552" i="1"/>
  <c r="AE37553" i="1"/>
  <c r="AE37554" i="1"/>
  <c r="AE37555" i="1"/>
  <c r="AE37556" i="1"/>
  <c r="AE37557" i="1"/>
  <c r="AE37558" i="1"/>
  <c r="AE37559" i="1"/>
  <c r="AE37560" i="1"/>
  <c r="AE37561" i="1"/>
  <c r="AE37562" i="1"/>
  <c r="AE37563" i="1"/>
  <c r="AE37564" i="1"/>
  <c r="AE37565" i="1"/>
  <c r="AE37566" i="1"/>
  <c r="AE37567" i="1"/>
  <c r="AE37568" i="1"/>
  <c r="AE37569" i="1"/>
  <c r="AE37570" i="1"/>
  <c r="AE37571" i="1"/>
  <c r="AE37572" i="1"/>
  <c r="AE37573" i="1"/>
  <c r="AE37574" i="1"/>
  <c r="AE37575" i="1"/>
  <c r="AE37576" i="1"/>
  <c r="AE37577" i="1"/>
  <c r="AE37578" i="1"/>
  <c r="AE37579" i="1"/>
  <c r="AE37580" i="1"/>
  <c r="AE37581" i="1"/>
  <c r="AE37582" i="1"/>
  <c r="AE37583" i="1"/>
  <c r="AE37584" i="1"/>
  <c r="AE37585" i="1"/>
  <c r="AE37586" i="1"/>
  <c r="AE37587" i="1"/>
  <c r="AE37588" i="1"/>
  <c r="AE37589" i="1"/>
  <c r="AE37590" i="1"/>
  <c r="AE37591" i="1"/>
  <c r="AE37592" i="1"/>
  <c r="AE37593" i="1"/>
  <c r="AE37594" i="1"/>
  <c r="AE37595" i="1"/>
  <c r="AE37596" i="1"/>
  <c r="AE37597" i="1"/>
  <c r="AE37598" i="1"/>
  <c r="AE37599" i="1"/>
  <c r="AE37600" i="1"/>
  <c r="AE37601" i="1"/>
  <c r="AE37602" i="1"/>
  <c r="AE37603" i="1"/>
  <c r="AE37604" i="1"/>
  <c r="AE37605" i="1"/>
  <c r="AE37606" i="1"/>
  <c r="AE37607" i="1"/>
  <c r="AE37608" i="1"/>
  <c r="AE37609" i="1"/>
  <c r="AE37610" i="1"/>
  <c r="AE37611" i="1"/>
  <c r="AE37612" i="1"/>
  <c r="AE37613" i="1"/>
  <c r="AE37614" i="1"/>
  <c r="AE37615" i="1"/>
  <c r="AE37616" i="1"/>
  <c r="AE37617" i="1"/>
  <c r="AE37618" i="1"/>
  <c r="AE37619" i="1"/>
  <c r="AE37620" i="1"/>
  <c r="AE37621" i="1"/>
  <c r="AE37622" i="1"/>
  <c r="AE37623" i="1"/>
  <c r="AE37624" i="1"/>
  <c r="AE37625" i="1"/>
  <c r="AE37626" i="1"/>
  <c r="AE37627" i="1"/>
  <c r="AE37628" i="1"/>
  <c r="AE37629" i="1"/>
  <c r="AE37630" i="1"/>
  <c r="AE37631" i="1"/>
  <c r="AE37632" i="1"/>
  <c r="AE37633" i="1"/>
  <c r="AE37634" i="1"/>
  <c r="AE37635" i="1"/>
  <c r="AE37636" i="1"/>
  <c r="AE37637" i="1"/>
  <c r="AE37638" i="1"/>
  <c r="AE37639" i="1"/>
  <c r="AE37640" i="1"/>
  <c r="AE37641" i="1"/>
  <c r="AE37642" i="1"/>
  <c r="AE37643" i="1"/>
  <c r="AE37644" i="1"/>
  <c r="AE37645" i="1"/>
  <c r="AE37646" i="1"/>
  <c r="AE37647" i="1"/>
  <c r="AE37648" i="1"/>
  <c r="AE37649" i="1"/>
  <c r="AE37650" i="1"/>
  <c r="AE37651" i="1"/>
  <c r="AE37652" i="1"/>
  <c r="AE37653" i="1"/>
  <c r="AE37654" i="1"/>
  <c r="AE37655" i="1"/>
  <c r="AE37656" i="1"/>
  <c r="AE37657" i="1"/>
  <c r="AE37658" i="1"/>
  <c r="AE37659" i="1"/>
  <c r="AE37660" i="1"/>
  <c r="AE37661" i="1"/>
  <c r="AE37662" i="1"/>
  <c r="AE37663" i="1"/>
  <c r="AE37664" i="1"/>
  <c r="AE37665" i="1"/>
  <c r="AE37666" i="1"/>
  <c r="AE37667" i="1"/>
  <c r="AE37668" i="1"/>
  <c r="AE37669" i="1"/>
  <c r="AE37670" i="1"/>
  <c r="AE37671" i="1"/>
  <c r="AE37672" i="1"/>
  <c r="AE37673" i="1"/>
  <c r="AE37674" i="1"/>
  <c r="AE37675" i="1"/>
  <c r="AE37676" i="1"/>
  <c r="AE37677" i="1"/>
  <c r="AE37678" i="1"/>
  <c r="AE37679" i="1"/>
  <c r="AE37680" i="1"/>
  <c r="AE37681" i="1"/>
  <c r="AE37682" i="1"/>
  <c r="AE37683" i="1"/>
  <c r="AE37684" i="1"/>
  <c r="AE37685" i="1"/>
  <c r="AE37686" i="1"/>
  <c r="AE37687" i="1"/>
  <c r="AE37688" i="1"/>
  <c r="AE37689" i="1"/>
  <c r="AE37690" i="1"/>
  <c r="AE37691" i="1"/>
  <c r="AE37692" i="1"/>
  <c r="AE37693" i="1"/>
  <c r="AE37694" i="1"/>
  <c r="AE37695" i="1"/>
  <c r="AE37696" i="1"/>
  <c r="AE37697" i="1"/>
  <c r="AE37698" i="1"/>
  <c r="AE37699" i="1"/>
  <c r="AE37700" i="1"/>
  <c r="AE37701" i="1"/>
  <c r="AE37702" i="1"/>
  <c r="AE37703" i="1"/>
  <c r="AE37704" i="1"/>
  <c r="AE37705" i="1"/>
  <c r="AE37706" i="1"/>
  <c r="AE37707" i="1"/>
  <c r="AE37708" i="1"/>
  <c r="AE37709" i="1"/>
  <c r="AE37710" i="1"/>
  <c r="AE37711" i="1"/>
  <c r="AE37712" i="1"/>
  <c r="AE37713" i="1"/>
  <c r="AE37714" i="1"/>
  <c r="AE37715" i="1"/>
  <c r="AE37716" i="1"/>
  <c r="AE37717" i="1"/>
  <c r="AE37718" i="1"/>
  <c r="AE37719" i="1"/>
  <c r="AE37720" i="1"/>
  <c r="AE37721" i="1"/>
  <c r="AE37722" i="1"/>
  <c r="AE37723" i="1"/>
  <c r="AE37724" i="1"/>
  <c r="AE37725" i="1"/>
  <c r="AE37726" i="1"/>
  <c r="AE37727" i="1"/>
  <c r="AE37728" i="1"/>
  <c r="AE37729" i="1"/>
  <c r="AE37730" i="1"/>
  <c r="AE37731" i="1"/>
  <c r="AE37732" i="1"/>
  <c r="AE37733" i="1"/>
  <c r="AE37734" i="1"/>
  <c r="AE37735" i="1"/>
  <c r="AE37736" i="1"/>
  <c r="AE37737" i="1"/>
  <c r="AE37738" i="1"/>
  <c r="AE37739" i="1"/>
  <c r="AE37740" i="1"/>
  <c r="AE37741" i="1"/>
  <c r="AE37742" i="1"/>
  <c r="AE37743" i="1"/>
  <c r="AE37744" i="1"/>
  <c r="AE37745" i="1"/>
  <c r="AE37746" i="1"/>
  <c r="AE37747" i="1"/>
  <c r="AE37748" i="1"/>
  <c r="AE37749" i="1"/>
  <c r="AE37750" i="1"/>
  <c r="AE37751" i="1"/>
  <c r="AE37752" i="1"/>
  <c r="AE37753" i="1"/>
  <c r="AE37754" i="1"/>
  <c r="AE37755" i="1"/>
  <c r="AE37756" i="1"/>
  <c r="AE37757" i="1"/>
  <c r="AE37758" i="1"/>
  <c r="AE37759" i="1"/>
  <c r="AE37760" i="1"/>
  <c r="AE37761" i="1"/>
  <c r="AE37762" i="1"/>
  <c r="AE37763" i="1"/>
  <c r="AE37764" i="1"/>
  <c r="AE37765" i="1"/>
  <c r="AE37766" i="1"/>
  <c r="AE37767" i="1"/>
  <c r="AE37768" i="1"/>
  <c r="AE37769" i="1"/>
  <c r="AE37770" i="1"/>
  <c r="AE37771" i="1"/>
  <c r="AE37772" i="1"/>
  <c r="AE37773" i="1"/>
  <c r="AE37774" i="1"/>
  <c r="AE37775" i="1"/>
  <c r="AE37776" i="1"/>
  <c r="AE37777" i="1"/>
  <c r="AE37778" i="1"/>
  <c r="AE37779" i="1"/>
  <c r="AE37780" i="1"/>
  <c r="AE37781" i="1"/>
  <c r="AE37782" i="1"/>
  <c r="AE37783" i="1"/>
  <c r="AE37784" i="1"/>
  <c r="AE37785" i="1"/>
  <c r="AE37786" i="1"/>
  <c r="AE37787" i="1"/>
  <c r="AE37788" i="1"/>
  <c r="AE37789" i="1"/>
  <c r="AE37790" i="1"/>
  <c r="AE37791" i="1"/>
  <c r="AE37792" i="1"/>
  <c r="AE37793" i="1"/>
  <c r="AE37794" i="1"/>
  <c r="AE37795" i="1"/>
  <c r="AE37796" i="1"/>
  <c r="AE37797" i="1"/>
  <c r="AE37798" i="1"/>
  <c r="AE37799" i="1"/>
  <c r="AE37800" i="1"/>
  <c r="AE37801" i="1"/>
  <c r="AE37802" i="1"/>
  <c r="AE37803" i="1"/>
  <c r="AE37804" i="1"/>
  <c r="AE37805" i="1"/>
  <c r="AE37806" i="1"/>
  <c r="AE37807" i="1"/>
  <c r="AE37808" i="1"/>
  <c r="AE37809" i="1"/>
  <c r="AE37810" i="1"/>
  <c r="AE37811" i="1"/>
  <c r="AE37812" i="1"/>
  <c r="AE37813" i="1"/>
  <c r="AE37814" i="1"/>
  <c r="AE37815" i="1"/>
  <c r="AE37816" i="1"/>
  <c r="AE37817" i="1"/>
  <c r="AE37818" i="1"/>
  <c r="AE37819" i="1"/>
  <c r="AE37820" i="1"/>
  <c r="AE37821" i="1"/>
  <c r="AE37822" i="1"/>
  <c r="AE37823" i="1"/>
  <c r="AE37824" i="1"/>
  <c r="AE37825" i="1"/>
  <c r="AE37826" i="1"/>
  <c r="AE37827" i="1"/>
  <c r="AE37828" i="1"/>
  <c r="AE37829" i="1"/>
  <c r="AE37830" i="1"/>
  <c r="AE37831" i="1"/>
  <c r="AE37832" i="1"/>
  <c r="AE37833" i="1"/>
  <c r="AE37834" i="1"/>
  <c r="AE37835" i="1"/>
  <c r="AE37836" i="1"/>
  <c r="AE37837" i="1"/>
  <c r="AE37838" i="1"/>
  <c r="AE37839" i="1"/>
  <c r="AE37840" i="1"/>
  <c r="AE37841" i="1"/>
  <c r="AE37842" i="1"/>
  <c r="AE37843" i="1"/>
  <c r="AE37844" i="1"/>
  <c r="AE37845" i="1"/>
  <c r="AE37846" i="1"/>
  <c r="AE37847" i="1"/>
  <c r="AE37848" i="1"/>
  <c r="AE37849" i="1"/>
  <c r="AE37850" i="1"/>
  <c r="AE37851" i="1"/>
  <c r="AE37852" i="1"/>
  <c r="AE37853" i="1"/>
  <c r="AE37854" i="1"/>
  <c r="AE37855" i="1"/>
  <c r="AE37856" i="1"/>
  <c r="AE37857" i="1"/>
  <c r="AE37858" i="1"/>
  <c r="AE37859" i="1"/>
  <c r="AE37860" i="1"/>
  <c r="AE37861" i="1"/>
  <c r="AE37862" i="1"/>
  <c r="AE37863" i="1"/>
  <c r="AE37864" i="1"/>
  <c r="AE37865" i="1"/>
  <c r="AE37866" i="1"/>
  <c r="AE37867" i="1"/>
  <c r="AE37868" i="1"/>
  <c r="AE37869" i="1"/>
  <c r="AE37870" i="1"/>
  <c r="AE37871" i="1"/>
  <c r="AE37872" i="1"/>
  <c r="AE37873" i="1"/>
  <c r="AE37874" i="1"/>
  <c r="AE37875" i="1"/>
  <c r="AE37876" i="1"/>
  <c r="AE37877" i="1"/>
  <c r="AE37878" i="1"/>
  <c r="AE37879" i="1"/>
  <c r="AE37880" i="1"/>
  <c r="AE37881" i="1"/>
  <c r="AE37882" i="1"/>
  <c r="AE37883" i="1"/>
  <c r="AE37884" i="1"/>
  <c r="AE37885" i="1"/>
  <c r="AE37886" i="1"/>
  <c r="AE37887" i="1"/>
  <c r="AE37888" i="1"/>
  <c r="AE37889" i="1"/>
  <c r="AE37890" i="1"/>
  <c r="AE37891" i="1"/>
  <c r="AE37892" i="1"/>
  <c r="AE37893" i="1"/>
  <c r="AE37894" i="1"/>
  <c r="AE37895" i="1"/>
  <c r="AE37896" i="1"/>
  <c r="AE37897" i="1"/>
  <c r="AE37898" i="1"/>
  <c r="AE37899" i="1"/>
  <c r="AE37900" i="1"/>
  <c r="AE37901" i="1"/>
  <c r="AE37902" i="1"/>
  <c r="AE37903" i="1"/>
  <c r="AE37904" i="1"/>
  <c r="AE37905" i="1"/>
  <c r="AE37906" i="1"/>
  <c r="AE37907" i="1"/>
  <c r="AE37908" i="1"/>
  <c r="AE37909" i="1"/>
  <c r="AE37910" i="1"/>
  <c r="AE37911" i="1"/>
  <c r="AE37912" i="1"/>
  <c r="AE37913" i="1"/>
  <c r="AE37914" i="1"/>
  <c r="AE37915" i="1"/>
  <c r="AE37916" i="1"/>
  <c r="AE37917" i="1"/>
  <c r="AE37918" i="1"/>
  <c r="AE37919" i="1"/>
  <c r="AE37920" i="1"/>
  <c r="AE37921" i="1"/>
  <c r="AE37922" i="1"/>
  <c r="AE37923" i="1"/>
  <c r="AE37924" i="1"/>
  <c r="AE37925" i="1"/>
  <c r="AE37926" i="1"/>
  <c r="AE37927" i="1"/>
  <c r="AE37928" i="1"/>
  <c r="AE37929" i="1"/>
  <c r="AE37930" i="1"/>
  <c r="AE37931" i="1"/>
  <c r="AE37932" i="1"/>
  <c r="AE37933" i="1"/>
  <c r="AE37934" i="1"/>
  <c r="AE37935" i="1"/>
  <c r="AE37936" i="1"/>
  <c r="AE37937" i="1"/>
  <c r="AE37938" i="1"/>
  <c r="AE37939" i="1"/>
  <c r="AE37940" i="1"/>
  <c r="AE37941" i="1"/>
  <c r="AE37942" i="1"/>
  <c r="AE37943" i="1"/>
  <c r="AE37944" i="1"/>
  <c r="AE37945" i="1"/>
  <c r="AE37946" i="1"/>
  <c r="AE37947" i="1"/>
  <c r="AE37948" i="1"/>
  <c r="AE37949" i="1"/>
  <c r="AE37950" i="1"/>
  <c r="AE37951" i="1"/>
  <c r="AE37952" i="1"/>
  <c r="AE37953" i="1"/>
  <c r="AE37954" i="1"/>
  <c r="AE37955" i="1"/>
  <c r="AE37956" i="1"/>
  <c r="AE37957" i="1"/>
  <c r="AE37958" i="1"/>
  <c r="AE37959" i="1"/>
  <c r="AE37960" i="1"/>
  <c r="AE37961" i="1"/>
  <c r="AE37962" i="1"/>
  <c r="AE37963" i="1"/>
  <c r="AE37964" i="1"/>
  <c r="AE37965" i="1"/>
  <c r="AE37966" i="1"/>
  <c r="AE37967" i="1"/>
  <c r="AE37968" i="1"/>
  <c r="AE37969" i="1"/>
  <c r="AE37970" i="1"/>
  <c r="AE37971" i="1"/>
  <c r="AE37972" i="1"/>
  <c r="AE37973" i="1"/>
  <c r="AE37974" i="1"/>
  <c r="AE37975" i="1"/>
  <c r="AE37976" i="1"/>
  <c r="AE37977" i="1"/>
  <c r="AE37978" i="1"/>
  <c r="AE37979" i="1"/>
  <c r="AE37980" i="1"/>
  <c r="AE37981" i="1"/>
  <c r="AE37982" i="1"/>
  <c r="AE37983" i="1"/>
  <c r="AE37984" i="1"/>
  <c r="AE37985" i="1"/>
  <c r="AE37986" i="1"/>
  <c r="AE37987" i="1"/>
  <c r="AE37988" i="1"/>
  <c r="AE37989" i="1"/>
  <c r="AE37990" i="1"/>
  <c r="AE37991" i="1"/>
  <c r="AE37992" i="1"/>
  <c r="AE37993" i="1"/>
  <c r="AE37994" i="1"/>
  <c r="AE37995" i="1"/>
  <c r="AE37996" i="1"/>
  <c r="AE37997" i="1"/>
  <c r="AE37998" i="1"/>
  <c r="AE37999" i="1"/>
  <c r="AE38000" i="1"/>
  <c r="AE38001" i="1"/>
  <c r="AE38002" i="1"/>
  <c r="AE38003" i="1"/>
  <c r="AE38004" i="1"/>
  <c r="AE38005" i="1"/>
  <c r="AE38006" i="1"/>
  <c r="AE38007" i="1"/>
  <c r="AE38008" i="1"/>
  <c r="AE38009" i="1"/>
  <c r="AE38010" i="1"/>
  <c r="AE38011" i="1"/>
  <c r="AE38012" i="1"/>
  <c r="AE38013" i="1"/>
  <c r="AE38014" i="1"/>
  <c r="AE38015" i="1"/>
  <c r="AE38016" i="1"/>
  <c r="AE38017" i="1"/>
  <c r="AE38018" i="1"/>
  <c r="AE38019" i="1"/>
  <c r="AE38020" i="1"/>
  <c r="AE38021" i="1"/>
  <c r="AE38022" i="1"/>
  <c r="AE38023" i="1"/>
  <c r="AE38024" i="1"/>
  <c r="AE38025" i="1"/>
  <c r="AE38026" i="1"/>
  <c r="AE38027" i="1"/>
  <c r="AE38028" i="1"/>
  <c r="AE38029" i="1"/>
  <c r="AE38030" i="1"/>
  <c r="AE38031" i="1"/>
  <c r="AE38032" i="1"/>
  <c r="AE38033" i="1"/>
  <c r="AE38034" i="1"/>
  <c r="AE38035" i="1"/>
  <c r="AE38036" i="1"/>
  <c r="AE38037" i="1"/>
  <c r="AE38038" i="1"/>
  <c r="AE38039" i="1"/>
  <c r="AE38040" i="1"/>
  <c r="AE38041" i="1"/>
  <c r="AE38042" i="1"/>
  <c r="AE38043" i="1"/>
  <c r="AE38044" i="1"/>
  <c r="AE38045" i="1"/>
  <c r="AE38046" i="1"/>
  <c r="AE38047" i="1"/>
  <c r="AE38048" i="1"/>
  <c r="AE38049" i="1"/>
  <c r="AE38050" i="1"/>
  <c r="AE38051" i="1"/>
  <c r="AE38052" i="1"/>
  <c r="AE38053" i="1"/>
  <c r="AE38054" i="1"/>
  <c r="AE38055" i="1"/>
  <c r="AE38056" i="1"/>
  <c r="AE38057" i="1"/>
  <c r="AE38058" i="1"/>
  <c r="AE38059" i="1"/>
  <c r="AE38060" i="1"/>
  <c r="AE38061" i="1"/>
  <c r="AE38062" i="1"/>
  <c r="AE38063" i="1"/>
  <c r="AE38064" i="1"/>
  <c r="AE38065" i="1"/>
  <c r="AE38066" i="1"/>
  <c r="AE38067" i="1"/>
  <c r="AE38068" i="1"/>
  <c r="AE38069" i="1"/>
  <c r="AE38070" i="1"/>
  <c r="AE38071" i="1"/>
  <c r="AE38072" i="1"/>
  <c r="AE38073" i="1"/>
  <c r="AE38074" i="1"/>
  <c r="AE38075" i="1"/>
  <c r="AE38076" i="1"/>
  <c r="AE38077" i="1"/>
  <c r="AE38078" i="1"/>
  <c r="AE38079" i="1"/>
  <c r="AE38080" i="1"/>
  <c r="AE38081" i="1"/>
  <c r="AE38082" i="1"/>
  <c r="AE38083" i="1"/>
  <c r="AE38084" i="1"/>
  <c r="AE38085" i="1"/>
  <c r="AE38086" i="1"/>
  <c r="AE38087" i="1"/>
  <c r="AE38088" i="1"/>
  <c r="AE38089" i="1"/>
  <c r="AE38090" i="1"/>
  <c r="AE38091" i="1"/>
  <c r="AE38092" i="1"/>
  <c r="AE38093" i="1"/>
  <c r="AE38094" i="1"/>
  <c r="AE38095" i="1"/>
  <c r="AE38096" i="1"/>
  <c r="AE38097" i="1"/>
  <c r="AE38098" i="1"/>
  <c r="AE38099" i="1"/>
  <c r="AE38100" i="1"/>
  <c r="AE38101" i="1"/>
  <c r="AE38102" i="1"/>
  <c r="AE38103" i="1"/>
  <c r="AE38104" i="1"/>
  <c r="AE38105" i="1"/>
  <c r="AE38106" i="1"/>
  <c r="AE38107" i="1"/>
  <c r="AE38108" i="1"/>
  <c r="AE38109" i="1"/>
  <c r="AE38110" i="1"/>
  <c r="AE38111" i="1"/>
  <c r="AE38112" i="1"/>
  <c r="AE38113" i="1"/>
  <c r="AE38114" i="1"/>
  <c r="AE38115" i="1"/>
  <c r="AE38116" i="1"/>
  <c r="AE38117" i="1"/>
  <c r="AE38118" i="1"/>
  <c r="AE38119" i="1"/>
  <c r="AE38120" i="1"/>
  <c r="AE38121" i="1"/>
  <c r="AE38122" i="1"/>
  <c r="AE38123" i="1"/>
  <c r="AE38124" i="1"/>
  <c r="AE38125" i="1"/>
  <c r="AE38126" i="1"/>
  <c r="AE38127" i="1"/>
  <c r="AE38128" i="1"/>
  <c r="AE38129" i="1"/>
  <c r="AE38130" i="1"/>
  <c r="AE38131" i="1"/>
  <c r="AE38132" i="1"/>
  <c r="AE38133" i="1"/>
  <c r="AE38134" i="1"/>
  <c r="AE38135" i="1"/>
  <c r="AE38136" i="1"/>
  <c r="AE38137" i="1"/>
  <c r="AE38138" i="1"/>
  <c r="AE38139" i="1"/>
  <c r="AE38140" i="1"/>
  <c r="AE38141" i="1"/>
  <c r="AE38142" i="1"/>
  <c r="AE38143" i="1"/>
  <c r="AE38144" i="1"/>
  <c r="AE38145" i="1"/>
  <c r="AE38146" i="1"/>
  <c r="AE38147" i="1"/>
  <c r="AE38148" i="1"/>
  <c r="AE38149" i="1"/>
  <c r="AE38150" i="1"/>
  <c r="AE38151" i="1"/>
  <c r="AE38152" i="1"/>
  <c r="AE38153" i="1"/>
  <c r="AE38154" i="1"/>
  <c r="AE38155" i="1"/>
  <c r="AE38156" i="1"/>
  <c r="AE38157" i="1"/>
  <c r="AE38158" i="1"/>
  <c r="AE38159" i="1"/>
  <c r="AE38160" i="1"/>
  <c r="AE38161" i="1"/>
  <c r="AE38162" i="1"/>
  <c r="AE38163" i="1"/>
  <c r="AE38164" i="1"/>
  <c r="AE38165" i="1"/>
  <c r="AE38166" i="1"/>
  <c r="AE38167" i="1"/>
  <c r="AE38168" i="1"/>
  <c r="AE38169" i="1"/>
  <c r="AE38170" i="1"/>
  <c r="AE38171" i="1"/>
  <c r="AE38172" i="1"/>
  <c r="AE38173" i="1"/>
  <c r="AE38174" i="1"/>
  <c r="AE38175" i="1"/>
  <c r="AE38176" i="1"/>
  <c r="AE38177" i="1"/>
  <c r="AE38178" i="1"/>
  <c r="AE38179" i="1"/>
  <c r="AE38180" i="1"/>
  <c r="AE38181" i="1"/>
  <c r="AE38182" i="1"/>
  <c r="AE38183" i="1"/>
  <c r="AE38184" i="1"/>
  <c r="AE38185" i="1"/>
  <c r="AE38186" i="1"/>
  <c r="AE38187" i="1"/>
  <c r="AE38188" i="1"/>
  <c r="AE38189" i="1"/>
  <c r="AE38190" i="1"/>
  <c r="AE38191" i="1"/>
  <c r="AE38192" i="1"/>
  <c r="AE38193" i="1"/>
  <c r="AE38194" i="1"/>
  <c r="AE38195" i="1"/>
  <c r="AE38196" i="1"/>
  <c r="AE38197" i="1"/>
  <c r="AE38198" i="1"/>
  <c r="AE38199" i="1"/>
  <c r="AE38200" i="1"/>
  <c r="AE38201" i="1"/>
  <c r="AE38202" i="1"/>
  <c r="AE38203" i="1"/>
  <c r="AE38204" i="1"/>
  <c r="AE38205" i="1"/>
  <c r="AE38206" i="1"/>
  <c r="AE38207" i="1"/>
  <c r="AE38208" i="1"/>
  <c r="AE38209" i="1"/>
  <c r="AE38210" i="1"/>
  <c r="AE38211" i="1"/>
  <c r="AE38212" i="1"/>
  <c r="AE38213" i="1"/>
  <c r="AE38214" i="1"/>
  <c r="AE38215" i="1"/>
  <c r="AE38216" i="1"/>
  <c r="AE38217" i="1"/>
  <c r="AE38218" i="1"/>
  <c r="AE38219" i="1"/>
  <c r="AE38220" i="1"/>
  <c r="AE38221" i="1"/>
  <c r="AE38222" i="1"/>
  <c r="AE38223" i="1"/>
  <c r="AE38224" i="1"/>
  <c r="AE38225" i="1"/>
  <c r="AE38226" i="1"/>
  <c r="AE38227" i="1"/>
  <c r="AE38228" i="1"/>
  <c r="AE38229" i="1"/>
  <c r="AE38230" i="1"/>
  <c r="AE38231" i="1"/>
  <c r="AE38232" i="1"/>
  <c r="AE38233" i="1"/>
  <c r="AE38234" i="1"/>
  <c r="AE38235" i="1"/>
  <c r="AE38236" i="1"/>
  <c r="AE38237" i="1"/>
  <c r="AE38238" i="1"/>
  <c r="AE38239" i="1"/>
  <c r="AE38240" i="1"/>
  <c r="AE38241" i="1"/>
  <c r="AE38242" i="1"/>
  <c r="AE38243" i="1"/>
  <c r="AE38244" i="1"/>
  <c r="AE38245" i="1"/>
  <c r="AE38246" i="1"/>
  <c r="AE38247" i="1"/>
  <c r="AE38248" i="1"/>
  <c r="AE38249" i="1"/>
  <c r="AE38250" i="1"/>
  <c r="AE38251" i="1"/>
  <c r="AE38252" i="1"/>
  <c r="AE38253" i="1"/>
  <c r="AE38254" i="1"/>
  <c r="AE38255" i="1"/>
  <c r="AE38256" i="1"/>
  <c r="AE38257" i="1"/>
  <c r="AE38258" i="1"/>
  <c r="AE38259" i="1"/>
  <c r="AE38260" i="1"/>
  <c r="AE38261" i="1"/>
  <c r="AE38262" i="1"/>
  <c r="AE38263" i="1"/>
  <c r="AE38264" i="1"/>
  <c r="AE38265" i="1"/>
  <c r="AE38266" i="1"/>
  <c r="AE38267" i="1"/>
  <c r="AE38268" i="1"/>
  <c r="AE38269" i="1"/>
  <c r="AE38270" i="1"/>
  <c r="AE38271" i="1"/>
  <c r="AE38272" i="1"/>
  <c r="AE38273" i="1"/>
  <c r="AE38274" i="1"/>
  <c r="AE38275" i="1"/>
  <c r="AE38276" i="1"/>
  <c r="AE38277" i="1"/>
  <c r="AE38278" i="1"/>
  <c r="AE38279" i="1"/>
  <c r="AE38280" i="1"/>
  <c r="AE38281" i="1"/>
  <c r="AE38282" i="1"/>
  <c r="AE38283" i="1"/>
  <c r="AE38284" i="1"/>
  <c r="AE38285" i="1"/>
  <c r="AE38286" i="1"/>
  <c r="AE38287" i="1"/>
  <c r="AE38288" i="1"/>
  <c r="AE38289" i="1"/>
  <c r="AE38290" i="1"/>
  <c r="AE38291" i="1"/>
  <c r="AE38292" i="1"/>
  <c r="AE38293" i="1"/>
  <c r="AE38294" i="1"/>
  <c r="AE38295" i="1"/>
  <c r="AE38296" i="1"/>
  <c r="AE38297" i="1"/>
  <c r="AE38298" i="1"/>
  <c r="AE38299" i="1"/>
  <c r="AE38300" i="1"/>
  <c r="AE38301" i="1"/>
  <c r="AE38302" i="1"/>
  <c r="AE38303" i="1"/>
  <c r="AE38304" i="1"/>
  <c r="AE38305" i="1"/>
  <c r="AE38306" i="1"/>
  <c r="AE38307" i="1"/>
  <c r="AE38308" i="1"/>
  <c r="AE38309" i="1"/>
  <c r="AE38310" i="1"/>
  <c r="AE38311" i="1"/>
  <c r="AE38312" i="1"/>
  <c r="AE38313" i="1"/>
  <c r="AE38314" i="1"/>
  <c r="AE38315" i="1"/>
  <c r="AE38316" i="1"/>
  <c r="AE38317" i="1"/>
  <c r="AE38318" i="1"/>
  <c r="AE38319" i="1"/>
  <c r="AE38320" i="1"/>
  <c r="AE38321" i="1"/>
  <c r="AE38322" i="1"/>
  <c r="AE38323" i="1"/>
  <c r="AE38324" i="1"/>
  <c r="AE38325" i="1"/>
  <c r="AE38326" i="1"/>
  <c r="AE38327" i="1"/>
  <c r="AE38328" i="1"/>
  <c r="AE38329" i="1"/>
  <c r="AE38330" i="1"/>
  <c r="AE38331" i="1"/>
  <c r="AE38332" i="1"/>
  <c r="AE38333" i="1"/>
  <c r="AE38334" i="1"/>
  <c r="AE38335" i="1"/>
  <c r="AE38336" i="1"/>
  <c r="AE38337" i="1"/>
  <c r="AE38338" i="1"/>
  <c r="AE38339" i="1"/>
  <c r="AE38340" i="1"/>
  <c r="AE38341" i="1"/>
  <c r="AE38342" i="1"/>
  <c r="AE38343" i="1"/>
  <c r="AE38344" i="1"/>
  <c r="AE38345" i="1"/>
  <c r="AE38346" i="1"/>
  <c r="AE38347" i="1"/>
  <c r="AE38348" i="1"/>
  <c r="AE38349" i="1"/>
  <c r="AE38350" i="1"/>
  <c r="AE38351" i="1"/>
  <c r="AE38352" i="1"/>
  <c r="AE38353" i="1"/>
  <c r="AE38354" i="1"/>
  <c r="AE38355" i="1"/>
  <c r="AE38356" i="1"/>
  <c r="AE38357" i="1"/>
  <c r="AE38358" i="1"/>
  <c r="AE38359" i="1"/>
  <c r="AE38360" i="1"/>
  <c r="AE38361" i="1"/>
  <c r="AE38362" i="1"/>
  <c r="AE38363" i="1"/>
  <c r="AE38364" i="1"/>
  <c r="AE38365" i="1"/>
  <c r="AE38366" i="1"/>
  <c r="AE38367" i="1"/>
  <c r="AE38368" i="1"/>
  <c r="AE38369" i="1"/>
  <c r="AE38370" i="1"/>
  <c r="AE38371" i="1"/>
  <c r="AE38372" i="1"/>
  <c r="AE38373" i="1"/>
  <c r="AE38374" i="1"/>
  <c r="AE38375" i="1"/>
  <c r="AE38376" i="1"/>
  <c r="AE38377" i="1"/>
  <c r="AE38378" i="1"/>
  <c r="AE38379" i="1"/>
  <c r="AE38380" i="1"/>
  <c r="AE38381" i="1"/>
  <c r="AE38382" i="1"/>
  <c r="AE38383" i="1"/>
  <c r="AE38384" i="1"/>
  <c r="AE38385" i="1"/>
  <c r="AE38386" i="1"/>
  <c r="AE38387" i="1"/>
  <c r="AE38388" i="1"/>
  <c r="AE38389" i="1"/>
  <c r="AE38390" i="1"/>
  <c r="AE38391" i="1"/>
  <c r="AE38392" i="1"/>
  <c r="AE38393" i="1"/>
  <c r="AE38394" i="1"/>
  <c r="AE38395" i="1"/>
  <c r="AE38396" i="1"/>
  <c r="AE38397" i="1"/>
  <c r="AE38398" i="1"/>
  <c r="AE38399" i="1"/>
  <c r="AE38400" i="1"/>
  <c r="AE38401" i="1"/>
  <c r="AE38402" i="1"/>
  <c r="AE38403" i="1"/>
  <c r="AE38404" i="1"/>
  <c r="AE38405" i="1"/>
  <c r="AE38406" i="1"/>
  <c r="AE38407" i="1"/>
  <c r="AE38408" i="1"/>
  <c r="AE38409" i="1"/>
  <c r="AE38410" i="1"/>
  <c r="AE38411" i="1"/>
  <c r="AE38412" i="1"/>
  <c r="AE38413" i="1"/>
  <c r="AE38414" i="1"/>
  <c r="AE38415" i="1"/>
  <c r="AE38416" i="1"/>
  <c r="AE38417" i="1"/>
  <c r="AE38418" i="1"/>
  <c r="AE38419" i="1"/>
  <c r="AE38420" i="1"/>
  <c r="AE38421" i="1"/>
  <c r="AE38422" i="1"/>
  <c r="AE38423" i="1"/>
  <c r="AE38424" i="1"/>
  <c r="AE38425" i="1"/>
  <c r="AE38426" i="1"/>
  <c r="AE38427" i="1"/>
  <c r="AE38428" i="1"/>
  <c r="AE38429" i="1"/>
  <c r="AE38430" i="1"/>
  <c r="AE38431" i="1"/>
  <c r="AE38432" i="1"/>
  <c r="AE38433" i="1"/>
  <c r="AE38434" i="1"/>
  <c r="AE38435" i="1"/>
  <c r="AE38436" i="1"/>
  <c r="AE38437" i="1"/>
  <c r="AE38438" i="1"/>
  <c r="AE38439" i="1"/>
  <c r="AE38440" i="1"/>
  <c r="AE38441" i="1"/>
  <c r="AE38442" i="1"/>
  <c r="AE38443" i="1"/>
  <c r="AE38444" i="1"/>
  <c r="AE38445" i="1"/>
  <c r="AE38446" i="1"/>
  <c r="AE38447" i="1"/>
  <c r="AE38448" i="1"/>
  <c r="AE38449" i="1"/>
  <c r="AE38450" i="1"/>
  <c r="AE38451" i="1"/>
  <c r="AE38452" i="1"/>
  <c r="AE38453" i="1"/>
  <c r="AE38454" i="1"/>
  <c r="AE38455" i="1"/>
  <c r="AE38456" i="1"/>
  <c r="AE38457" i="1"/>
  <c r="AE38458" i="1"/>
  <c r="AE38459" i="1"/>
  <c r="AE38460" i="1"/>
  <c r="AE38461" i="1"/>
  <c r="AE38462" i="1"/>
  <c r="AE38463" i="1"/>
  <c r="AE38464" i="1"/>
  <c r="AE38465" i="1"/>
  <c r="AE38466" i="1"/>
  <c r="AE38467" i="1"/>
  <c r="AE38468" i="1"/>
  <c r="AE38469" i="1"/>
  <c r="AE38470" i="1"/>
  <c r="AE38471" i="1"/>
  <c r="AE38472" i="1"/>
  <c r="AE38473" i="1"/>
  <c r="AE38474" i="1"/>
  <c r="AE38475" i="1"/>
  <c r="AE38476" i="1"/>
  <c r="AE38477" i="1"/>
  <c r="AE38478" i="1"/>
  <c r="AE38479" i="1"/>
  <c r="AE38480" i="1"/>
  <c r="AE38481" i="1"/>
  <c r="AE38482" i="1"/>
  <c r="AE38483" i="1"/>
  <c r="AE38484" i="1"/>
  <c r="AE38485" i="1"/>
  <c r="AE38486" i="1"/>
  <c r="AE38487" i="1"/>
  <c r="AE38488" i="1"/>
  <c r="AE38489" i="1"/>
  <c r="AE38490" i="1"/>
  <c r="AE38491" i="1"/>
  <c r="AE38492" i="1"/>
  <c r="AE38493" i="1"/>
  <c r="AE38494" i="1"/>
  <c r="AE38495" i="1"/>
  <c r="AE38496" i="1"/>
  <c r="AE38497" i="1"/>
  <c r="AE38498" i="1"/>
  <c r="AE38499" i="1"/>
  <c r="AE38500" i="1"/>
  <c r="AE38501" i="1"/>
  <c r="AE38502" i="1"/>
  <c r="AE38503" i="1"/>
  <c r="AE38504" i="1"/>
  <c r="AE38505" i="1"/>
  <c r="AE38506" i="1"/>
  <c r="AE38507" i="1"/>
  <c r="AE38508" i="1"/>
  <c r="AE38509" i="1"/>
  <c r="AE38510" i="1"/>
  <c r="AE38511" i="1"/>
  <c r="AE38512" i="1"/>
  <c r="AE38513" i="1"/>
  <c r="AE38514" i="1"/>
  <c r="AE38515" i="1"/>
  <c r="AE38516" i="1"/>
  <c r="AE38517" i="1"/>
  <c r="AE38518" i="1"/>
  <c r="AE38519" i="1"/>
  <c r="AE38520" i="1"/>
  <c r="AE38521" i="1"/>
  <c r="AE38522" i="1"/>
  <c r="AE38523" i="1"/>
  <c r="AE38524" i="1"/>
  <c r="AE38525" i="1"/>
  <c r="AE38526" i="1"/>
  <c r="AE38527" i="1"/>
  <c r="AE38528" i="1"/>
  <c r="AE38529" i="1"/>
  <c r="AE38530" i="1"/>
  <c r="AE38531" i="1"/>
  <c r="AE38532" i="1"/>
  <c r="AE38533" i="1"/>
  <c r="AE38534" i="1"/>
  <c r="AE38535" i="1"/>
  <c r="AE38536" i="1"/>
  <c r="AE38537" i="1"/>
  <c r="AE38538" i="1"/>
  <c r="AE38539" i="1"/>
  <c r="AE38540" i="1"/>
  <c r="AE38541" i="1"/>
  <c r="AE38542" i="1"/>
  <c r="AE38543" i="1"/>
  <c r="AE38544" i="1"/>
  <c r="AE38545" i="1"/>
  <c r="AE38546" i="1"/>
  <c r="AE38547" i="1"/>
  <c r="AE38548" i="1"/>
  <c r="AE38549" i="1"/>
  <c r="AE38550" i="1"/>
  <c r="AE38551" i="1"/>
  <c r="AE38552" i="1"/>
  <c r="AE38553" i="1"/>
  <c r="AE38554" i="1"/>
  <c r="AE38555" i="1"/>
  <c r="AE38556" i="1"/>
  <c r="AE38557" i="1"/>
  <c r="AE38558" i="1"/>
  <c r="AE38559" i="1"/>
  <c r="AE38560" i="1"/>
  <c r="AE38561" i="1"/>
  <c r="AE38562" i="1"/>
  <c r="AE38563" i="1"/>
  <c r="AE38564" i="1"/>
  <c r="AE38565" i="1"/>
  <c r="AE38566" i="1"/>
  <c r="AE38567" i="1"/>
  <c r="AE38568" i="1"/>
  <c r="AE38569" i="1"/>
  <c r="AE38570" i="1"/>
  <c r="AE38571" i="1"/>
  <c r="AE38572" i="1"/>
  <c r="AE38573" i="1"/>
  <c r="AE38574" i="1"/>
  <c r="AE38575" i="1"/>
  <c r="AE38576" i="1"/>
  <c r="AE38577" i="1"/>
  <c r="AE38578" i="1"/>
  <c r="AE38579" i="1"/>
  <c r="AE38580" i="1"/>
  <c r="AE38581" i="1"/>
  <c r="AE38582" i="1"/>
  <c r="AE38583" i="1"/>
  <c r="AE38584" i="1"/>
  <c r="AE38585" i="1"/>
  <c r="AE38586" i="1"/>
  <c r="AE38587" i="1"/>
  <c r="AE38588" i="1"/>
  <c r="AE38589" i="1"/>
  <c r="AE38590" i="1"/>
  <c r="AE38591" i="1"/>
  <c r="AE38592" i="1"/>
  <c r="AE38593" i="1"/>
  <c r="AE38594" i="1"/>
  <c r="AE38595" i="1"/>
  <c r="AE38596" i="1"/>
  <c r="AE38597" i="1"/>
  <c r="AE38598" i="1"/>
  <c r="AE38599" i="1"/>
  <c r="AE38600" i="1"/>
  <c r="AE38601" i="1"/>
  <c r="AE38602" i="1"/>
  <c r="AE38603" i="1"/>
  <c r="AE38604" i="1"/>
  <c r="AE38605" i="1"/>
  <c r="AE38606" i="1"/>
  <c r="AE38607" i="1"/>
  <c r="AE38608" i="1"/>
  <c r="AE38609" i="1"/>
  <c r="AE38610" i="1"/>
  <c r="AE38611" i="1"/>
  <c r="AE38612" i="1"/>
  <c r="AE38613" i="1"/>
  <c r="AE38614" i="1"/>
  <c r="AE38615" i="1"/>
  <c r="AE38616" i="1"/>
  <c r="AE38617" i="1"/>
  <c r="AE38618" i="1"/>
  <c r="AE38619" i="1"/>
  <c r="AE38620" i="1"/>
  <c r="AE38621" i="1"/>
  <c r="AE38622" i="1"/>
  <c r="AE38623" i="1"/>
  <c r="AE38624" i="1"/>
  <c r="AE38625" i="1"/>
  <c r="AE38626" i="1"/>
  <c r="AE38627" i="1"/>
  <c r="AE38628" i="1"/>
  <c r="AE38629" i="1"/>
  <c r="AE38630" i="1"/>
  <c r="AE38631" i="1"/>
  <c r="AE38632" i="1"/>
  <c r="AE38633" i="1"/>
  <c r="AE38634" i="1"/>
  <c r="AE38635" i="1"/>
  <c r="AE38636" i="1"/>
  <c r="AE38637" i="1"/>
  <c r="AE38638" i="1"/>
  <c r="AE38639" i="1"/>
  <c r="AE38640" i="1"/>
  <c r="AE38641" i="1"/>
  <c r="AE38642" i="1"/>
  <c r="AE38643" i="1"/>
  <c r="AE38644" i="1"/>
  <c r="AE38645" i="1"/>
  <c r="AE38646" i="1"/>
  <c r="AE38647" i="1"/>
  <c r="AE38648" i="1"/>
  <c r="AE38649" i="1"/>
  <c r="AE38650" i="1"/>
  <c r="AE38651" i="1"/>
  <c r="AE38652" i="1"/>
  <c r="AE38653" i="1"/>
  <c r="AE38654" i="1"/>
  <c r="AE38655" i="1"/>
  <c r="AE38656" i="1"/>
  <c r="AE38657" i="1"/>
  <c r="AE38658" i="1"/>
  <c r="AE38659" i="1"/>
  <c r="AE38660" i="1"/>
  <c r="AE38661" i="1"/>
  <c r="AE38662" i="1"/>
  <c r="AE38663" i="1"/>
  <c r="AE38664" i="1"/>
  <c r="AE38665" i="1"/>
  <c r="AE38666" i="1"/>
  <c r="AE38667" i="1"/>
  <c r="AE38668" i="1"/>
  <c r="AE38669" i="1"/>
  <c r="AE38670" i="1"/>
  <c r="AE38671" i="1"/>
  <c r="AE38672" i="1"/>
  <c r="AE38673" i="1"/>
  <c r="AE38674" i="1"/>
  <c r="AE38675" i="1"/>
  <c r="AE38676" i="1"/>
  <c r="AE38677" i="1"/>
  <c r="AE38678" i="1"/>
  <c r="AE38679" i="1"/>
  <c r="AE38680" i="1"/>
  <c r="AE38681" i="1"/>
  <c r="AE38682" i="1"/>
  <c r="AE38683" i="1"/>
  <c r="AE38684" i="1"/>
  <c r="AE38685" i="1"/>
  <c r="AE38686" i="1"/>
  <c r="AE38687" i="1"/>
  <c r="AE38688" i="1"/>
  <c r="AE38689" i="1"/>
  <c r="AE38690" i="1"/>
  <c r="AE38691" i="1"/>
  <c r="AE38692" i="1"/>
  <c r="AE38693" i="1"/>
  <c r="AE38694" i="1"/>
  <c r="AE38695" i="1"/>
  <c r="AE38696" i="1"/>
  <c r="AE38697" i="1"/>
  <c r="AE38698" i="1"/>
  <c r="AE38699" i="1"/>
  <c r="AE38700" i="1"/>
  <c r="AE38701" i="1"/>
  <c r="AE38702" i="1"/>
  <c r="AE38703" i="1"/>
  <c r="AE38704" i="1"/>
  <c r="AE38705" i="1"/>
  <c r="AE38706" i="1"/>
  <c r="AE38707" i="1"/>
  <c r="AE38708" i="1"/>
  <c r="AE38709" i="1"/>
  <c r="AE38710" i="1"/>
  <c r="AE38711" i="1"/>
  <c r="AE38712" i="1"/>
  <c r="AE38713" i="1"/>
  <c r="AE38714" i="1"/>
  <c r="AE38715" i="1"/>
  <c r="AE38716" i="1"/>
  <c r="AE38717" i="1"/>
  <c r="AE38718" i="1"/>
  <c r="AE38719" i="1"/>
  <c r="AE38720" i="1"/>
  <c r="AE38721" i="1"/>
  <c r="AE38722" i="1"/>
  <c r="AE38723" i="1"/>
  <c r="AE38724" i="1"/>
  <c r="AE38725" i="1"/>
  <c r="AE38726" i="1"/>
  <c r="AE38727" i="1"/>
  <c r="AE38728" i="1"/>
  <c r="AE38729" i="1"/>
  <c r="AE38730" i="1"/>
  <c r="AE38731" i="1"/>
  <c r="AE38732" i="1"/>
  <c r="AE38733" i="1"/>
  <c r="AE38734" i="1"/>
  <c r="AE38735" i="1"/>
  <c r="AE38736" i="1"/>
  <c r="AE38737" i="1"/>
  <c r="AE38738" i="1"/>
  <c r="AE38739" i="1"/>
  <c r="AE38740" i="1"/>
  <c r="AE38741" i="1"/>
  <c r="AE38742" i="1"/>
  <c r="AE38743" i="1"/>
  <c r="AE38744" i="1"/>
  <c r="AE38745" i="1"/>
  <c r="AE38746" i="1"/>
  <c r="AE38747" i="1"/>
  <c r="AE38748" i="1"/>
  <c r="AE38749" i="1"/>
  <c r="AE38750" i="1"/>
  <c r="AE38751" i="1"/>
  <c r="AE38752" i="1"/>
  <c r="AE38753" i="1"/>
  <c r="AE38754" i="1"/>
  <c r="AE38755" i="1"/>
  <c r="AE38756" i="1"/>
  <c r="AE38757" i="1"/>
  <c r="AE38758" i="1"/>
  <c r="AE38759" i="1"/>
  <c r="AE38760" i="1"/>
  <c r="AE38761" i="1"/>
  <c r="AE38762" i="1"/>
  <c r="AE38763" i="1"/>
  <c r="AE38764" i="1"/>
  <c r="AE38765" i="1"/>
  <c r="AE38766" i="1"/>
  <c r="AE38767" i="1"/>
  <c r="AE38768" i="1"/>
  <c r="AE38769" i="1"/>
  <c r="AE38770" i="1"/>
  <c r="AE38771" i="1"/>
  <c r="AE38772" i="1"/>
  <c r="AE38773" i="1"/>
  <c r="AE38774" i="1"/>
  <c r="AE38775" i="1"/>
  <c r="AE38776" i="1"/>
  <c r="AE38777" i="1"/>
  <c r="AE38778" i="1"/>
  <c r="AE38779" i="1"/>
  <c r="AE38780" i="1"/>
  <c r="AE38781" i="1"/>
  <c r="AE38782" i="1"/>
  <c r="AE38783" i="1"/>
  <c r="AE38784" i="1"/>
  <c r="AE38785" i="1"/>
  <c r="AE38786" i="1"/>
  <c r="AE38787" i="1"/>
  <c r="AE38788" i="1"/>
  <c r="AE38789" i="1"/>
  <c r="AE38790" i="1"/>
  <c r="AE38791" i="1"/>
  <c r="AE38792" i="1"/>
  <c r="AE38793" i="1"/>
  <c r="AE38794" i="1"/>
  <c r="AE38795" i="1"/>
  <c r="AE38796" i="1"/>
  <c r="AE38797" i="1"/>
  <c r="AE38798" i="1"/>
  <c r="AE38799" i="1"/>
  <c r="AE38800" i="1"/>
  <c r="AE38801" i="1"/>
  <c r="AE38802" i="1"/>
  <c r="AE38803" i="1"/>
  <c r="AE38804" i="1"/>
  <c r="AE38805" i="1"/>
  <c r="AE38806" i="1"/>
  <c r="AE38807" i="1"/>
  <c r="AE38808" i="1"/>
  <c r="AE38809" i="1"/>
  <c r="AE38810" i="1"/>
  <c r="AE38811" i="1"/>
  <c r="AE38812" i="1"/>
  <c r="AE38813" i="1"/>
  <c r="AE38814" i="1"/>
  <c r="AE38815" i="1"/>
  <c r="AE38816" i="1"/>
  <c r="AE38817" i="1"/>
  <c r="AE38818" i="1"/>
  <c r="AE38819" i="1"/>
  <c r="AE38820" i="1"/>
  <c r="AE38821" i="1"/>
  <c r="AE38822" i="1"/>
  <c r="AE38823" i="1"/>
  <c r="AE38824" i="1"/>
  <c r="AE38825" i="1"/>
  <c r="AE38826" i="1"/>
  <c r="AE38827" i="1"/>
  <c r="AE38828" i="1"/>
  <c r="AE38829" i="1"/>
  <c r="AE38830" i="1"/>
  <c r="AE38831" i="1"/>
  <c r="AE38832" i="1"/>
  <c r="AE38833" i="1"/>
  <c r="AE38834" i="1"/>
  <c r="AE38835" i="1"/>
  <c r="AE38836" i="1"/>
  <c r="AE38837" i="1"/>
  <c r="AE38838" i="1"/>
  <c r="AE38839" i="1"/>
  <c r="AE38840" i="1"/>
  <c r="AE38841" i="1"/>
  <c r="AE38842" i="1"/>
  <c r="AE38843" i="1"/>
  <c r="AE38844" i="1"/>
  <c r="AE38845" i="1"/>
  <c r="AE38846" i="1"/>
  <c r="AE38847" i="1"/>
  <c r="AE38848" i="1"/>
  <c r="AE38849" i="1"/>
  <c r="AE38850" i="1"/>
  <c r="AE38851" i="1"/>
  <c r="AE38852" i="1"/>
  <c r="AE38853" i="1"/>
  <c r="AE38854" i="1"/>
  <c r="AE38855" i="1"/>
  <c r="AE38856" i="1"/>
  <c r="AE38857" i="1"/>
  <c r="AE38858" i="1"/>
  <c r="AE38859" i="1"/>
  <c r="AE38860" i="1"/>
  <c r="AE38861" i="1"/>
  <c r="AE38862" i="1"/>
  <c r="AE38863" i="1"/>
  <c r="AE38864" i="1"/>
  <c r="AE38865" i="1"/>
  <c r="AE38866" i="1"/>
  <c r="AE38867" i="1"/>
  <c r="AE38868" i="1"/>
  <c r="AE38869" i="1"/>
  <c r="AE38870" i="1"/>
  <c r="AE38871" i="1"/>
  <c r="AE38872" i="1"/>
  <c r="AE38873" i="1"/>
  <c r="AE38874" i="1"/>
  <c r="AE38875" i="1"/>
  <c r="AE38876" i="1"/>
  <c r="AE38877" i="1"/>
  <c r="AE38878" i="1"/>
  <c r="AE38879" i="1"/>
  <c r="AE38880" i="1"/>
  <c r="AE38881" i="1"/>
  <c r="AE38882" i="1"/>
  <c r="AE38883" i="1"/>
  <c r="AE38884" i="1"/>
  <c r="AE38885" i="1"/>
  <c r="AE38886" i="1"/>
  <c r="AE38887" i="1"/>
  <c r="AE38888" i="1"/>
  <c r="AE38889" i="1"/>
  <c r="AE38890" i="1"/>
  <c r="AE38891" i="1"/>
  <c r="AE38892" i="1"/>
  <c r="AE38893" i="1"/>
  <c r="AE38894" i="1"/>
  <c r="AE38895" i="1"/>
  <c r="AE38896" i="1"/>
  <c r="AE38897" i="1"/>
  <c r="AE38898" i="1"/>
  <c r="AE38899" i="1"/>
  <c r="AE38900" i="1"/>
  <c r="AE38901" i="1"/>
  <c r="AE38902" i="1"/>
  <c r="AE38903" i="1"/>
  <c r="AE38904" i="1"/>
  <c r="AE38905" i="1"/>
  <c r="AE38906" i="1"/>
  <c r="AE38907" i="1"/>
  <c r="AE38908" i="1"/>
  <c r="AE38909" i="1"/>
  <c r="AE38910" i="1"/>
  <c r="AE38911" i="1"/>
  <c r="AE38912" i="1"/>
  <c r="AE38913" i="1"/>
  <c r="AE38914" i="1"/>
  <c r="AE38915" i="1"/>
  <c r="AE38916" i="1"/>
  <c r="AE38917" i="1"/>
  <c r="AE38918" i="1"/>
  <c r="AE38919" i="1"/>
  <c r="AE38920" i="1"/>
  <c r="AE38921" i="1"/>
  <c r="AE38922" i="1"/>
  <c r="AE38923" i="1"/>
  <c r="AE38924" i="1"/>
  <c r="AE38925" i="1"/>
  <c r="AE38926" i="1"/>
  <c r="AE38927" i="1"/>
  <c r="AE38928" i="1"/>
  <c r="AE38929" i="1"/>
  <c r="AE38930" i="1"/>
  <c r="AE38931" i="1"/>
  <c r="AE38932" i="1"/>
  <c r="AE38933" i="1"/>
  <c r="AE38934" i="1"/>
  <c r="AE38935" i="1"/>
  <c r="AE38936" i="1"/>
  <c r="AE38937" i="1"/>
  <c r="AE38938" i="1"/>
  <c r="AE38939" i="1"/>
  <c r="AE38940" i="1"/>
  <c r="AE38941" i="1"/>
  <c r="AE38942" i="1"/>
  <c r="AE38943" i="1"/>
  <c r="AE38944" i="1"/>
  <c r="AE38945" i="1"/>
  <c r="AE38946" i="1"/>
  <c r="AE38947" i="1"/>
  <c r="AE38948" i="1"/>
  <c r="AE38949" i="1"/>
  <c r="AE38950" i="1"/>
  <c r="AE38951" i="1"/>
  <c r="AE38952" i="1"/>
  <c r="AE38953" i="1"/>
  <c r="AE38954" i="1"/>
  <c r="AE38955" i="1"/>
  <c r="AE38956" i="1"/>
  <c r="AE38957" i="1"/>
  <c r="AE38958" i="1"/>
  <c r="AE38959" i="1"/>
  <c r="AE38960" i="1"/>
  <c r="AE38961" i="1"/>
  <c r="AE38962" i="1"/>
  <c r="AE38963" i="1"/>
  <c r="AE38964" i="1"/>
  <c r="AE38965" i="1"/>
  <c r="AE38966" i="1"/>
  <c r="AE38967" i="1"/>
  <c r="AE38968" i="1"/>
  <c r="AE38969" i="1"/>
  <c r="AE38970" i="1"/>
  <c r="AE38971" i="1"/>
  <c r="AE38972" i="1"/>
  <c r="AE38973" i="1"/>
  <c r="AE38974" i="1"/>
  <c r="AE38975" i="1"/>
  <c r="AE38976" i="1"/>
  <c r="AE38977" i="1"/>
  <c r="AE38978" i="1"/>
  <c r="AE38979" i="1"/>
  <c r="AE38980" i="1"/>
  <c r="AE38981" i="1"/>
  <c r="AE38982" i="1"/>
  <c r="AE38983" i="1"/>
  <c r="AE38984" i="1"/>
  <c r="AE38985" i="1"/>
  <c r="AE38986" i="1"/>
  <c r="AE38987" i="1"/>
  <c r="AE38988" i="1"/>
  <c r="AE38989" i="1"/>
  <c r="AE38990" i="1"/>
  <c r="AE38991" i="1"/>
  <c r="AE38992" i="1"/>
  <c r="AE38993" i="1"/>
  <c r="AE38994" i="1"/>
  <c r="AE38995" i="1"/>
  <c r="AE38996" i="1"/>
  <c r="AE38997" i="1"/>
  <c r="AE38998" i="1"/>
  <c r="AE38999" i="1"/>
  <c r="AE39000" i="1"/>
  <c r="AE39001" i="1"/>
  <c r="AE39002" i="1"/>
  <c r="AE39003" i="1"/>
  <c r="AE39004" i="1"/>
  <c r="AE39005" i="1"/>
  <c r="AE39006" i="1"/>
  <c r="AE39007" i="1"/>
  <c r="AE39008" i="1"/>
  <c r="AE39009" i="1"/>
  <c r="AE39010" i="1"/>
  <c r="AE39011" i="1"/>
  <c r="AE39012" i="1"/>
  <c r="AE39013" i="1"/>
  <c r="AE39014" i="1"/>
  <c r="AE39015" i="1"/>
  <c r="AE39016" i="1"/>
  <c r="AE39017" i="1"/>
  <c r="AE39018" i="1"/>
  <c r="AE39019" i="1"/>
  <c r="AE39020" i="1"/>
  <c r="AE39021" i="1"/>
  <c r="AE39022" i="1"/>
  <c r="AE39023" i="1"/>
  <c r="AE39024" i="1"/>
  <c r="AE39025" i="1"/>
  <c r="AE39026" i="1"/>
  <c r="AE39027" i="1"/>
  <c r="AE39028" i="1"/>
  <c r="AE39029" i="1"/>
  <c r="AE39030" i="1"/>
  <c r="AE39031" i="1"/>
  <c r="AE39032" i="1"/>
  <c r="AE39033" i="1"/>
  <c r="AE39034" i="1"/>
  <c r="AE39035" i="1"/>
  <c r="AE39036" i="1"/>
  <c r="AE39037" i="1"/>
  <c r="AE39038" i="1"/>
  <c r="AE39039" i="1"/>
  <c r="AE39040" i="1"/>
  <c r="AE39041" i="1"/>
  <c r="AE39042" i="1"/>
  <c r="AE39043" i="1"/>
  <c r="AE39044" i="1"/>
  <c r="AE39045" i="1"/>
  <c r="AE39046" i="1"/>
  <c r="AE39047" i="1"/>
  <c r="AE39048" i="1"/>
  <c r="AE39049" i="1"/>
  <c r="AE39050" i="1"/>
  <c r="AE39051" i="1"/>
  <c r="AE39052" i="1"/>
  <c r="AE39053" i="1"/>
  <c r="AE39054" i="1"/>
  <c r="AE39055" i="1"/>
  <c r="AE39056" i="1"/>
  <c r="AE39057" i="1"/>
  <c r="AE39058" i="1"/>
  <c r="AE39059" i="1"/>
  <c r="AE39060" i="1"/>
  <c r="AE39061" i="1"/>
  <c r="AE39062" i="1"/>
  <c r="AE39063" i="1"/>
  <c r="AE39064" i="1"/>
  <c r="AE39065" i="1"/>
  <c r="AE39066" i="1"/>
  <c r="AE39067" i="1"/>
  <c r="AE39068" i="1"/>
  <c r="AE39069" i="1"/>
  <c r="AE39070" i="1"/>
  <c r="AE39071" i="1"/>
  <c r="AE39072" i="1"/>
  <c r="AE39073" i="1"/>
  <c r="AE39074" i="1"/>
  <c r="AE39075" i="1"/>
  <c r="AE39076" i="1"/>
  <c r="AE39077" i="1"/>
  <c r="AE39078" i="1"/>
  <c r="AE39079" i="1"/>
  <c r="AE39080" i="1"/>
  <c r="AE39081" i="1"/>
  <c r="AE39082" i="1"/>
  <c r="AE39083" i="1"/>
  <c r="AE39084" i="1"/>
  <c r="AE39085" i="1"/>
  <c r="AE39086" i="1"/>
  <c r="AE39087" i="1"/>
  <c r="AE39088" i="1"/>
  <c r="AE39089" i="1"/>
  <c r="AE39090" i="1"/>
  <c r="AE39091" i="1"/>
  <c r="AE39092" i="1"/>
  <c r="AE39093" i="1"/>
  <c r="AE39094" i="1"/>
  <c r="AE39095" i="1"/>
  <c r="AE39096" i="1"/>
  <c r="AE39097" i="1"/>
  <c r="AE39098" i="1"/>
  <c r="AE39099" i="1"/>
  <c r="AE39100" i="1"/>
  <c r="AE39101" i="1"/>
  <c r="AE39102" i="1"/>
  <c r="AE39103" i="1"/>
  <c r="AE39104" i="1"/>
  <c r="AE39105" i="1"/>
  <c r="AE39106" i="1"/>
  <c r="AE39107" i="1"/>
  <c r="AE39108" i="1"/>
  <c r="AE39109" i="1"/>
  <c r="AE39110" i="1"/>
  <c r="AE39111" i="1"/>
  <c r="AE39112" i="1"/>
  <c r="AE39113" i="1"/>
  <c r="AE39114" i="1"/>
  <c r="AE39115" i="1"/>
  <c r="AE39116" i="1"/>
  <c r="AE39117" i="1"/>
  <c r="AE39118" i="1"/>
  <c r="AE39119" i="1"/>
  <c r="AE39120" i="1"/>
  <c r="AE39121" i="1"/>
  <c r="AE39122" i="1"/>
  <c r="AE39123" i="1"/>
  <c r="AE39124" i="1"/>
  <c r="AE39125" i="1"/>
  <c r="AE39126" i="1"/>
  <c r="AE39127" i="1"/>
  <c r="AE39128" i="1"/>
  <c r="AE39129" i="1"/>
  <c r="AE39130" i="1"/>
  <c r="AE39131" i="1"/>
  <c r="AE39132" i="1"/>
  <c r="AE39133" i="1"/>
  <c r="AE39134" i="1"/>
  <c r="AE39135" i="1"/>
  <c r="AE39136" i="1"/>
  <c r="AE39137" i="1"/>
  <c r="AE39138" i="1"/>
  <c r="AE39139" i="1"/>
  <c r="AE39140" i="1"/>
  <c r="AE39141" i="1"/>
  <c r="AE39142" i="1"/>
  <c r="AE39143" i="1"/>
  <c r="AE39144" i="1"/>
  <c r="AE39145" i="1"/>
  <c r="AE39146" i="1"/>
  <c r="AE39147" i="1"/>
  <c r="AE39148" i="1"/>
  <c r="AE39149" i="1"/>
  <c r="AE39150" i="1"/>
  <c r="AE39151" i="1"/>
  <c r="AE39152" i="1"/>
  <c r="AE39153" i="1"/>
  <c r="AE39154" i="1"/>
  <c r="AE39155" i="1"/>
  <c r="AE39156" i="1"/>
  <c r="AE39157" i="1"/>
  <c r="AE39158" i="1"/>
  <c r="AE39159" i="1"/>
  <c r="AE39160" i="1"/>
  <c r="AE39161" i="1"/>
  <c r="AE39162" i="1"/>
  <c r="AE39163" i="1"/>
  <c r="AE39164" i="1"/>
  <c r="AE39165" i="1"/>
  <c r="AE39166" i="1"/>
  <c r="AE39167" i="1"/>
  <c r="AE39168" i="1"/>
  <c r="AE39169" i="1"/>
  <c r="AE39170" i="1"/>
  <c r="AE39171" i="1"/>
  <c r="AE39172" i="1"/>
  <c r="AE39173" i="1"/>
  <c r="AE39174" i="1"/>
  <c r="AE39175" i="1"/>
  <c r="AE39176" i="1"/>
  <c r="AE39177" i="1"/>
  <c r="AE39178" i="1"/>
  <c r="AE39179" i="1"/>
  <c r="AE39180" i="1"/>
  <c r="AE39181" i="1"/>
  <c r="AE39182" i="1"/>
  <c r="AE39183" i="1"/>
  <c r="AE39184" i="1"/>
  <c r="AE39185" i="1"/>
  <c r="AE39186" i="1"/>
  <c r="AE39187" i="1"/>
  <c r="AE39188" i="1"/>
  <c r="AE39189" i="1"/>
  <c r="AE39190" i="1"/>
  <c r="AE39191" i="1"/>
  <c r="AE39192" i="1"/>
  <c r="AE39193" i="1"/>
  <c r="AE39194" i="1"/>
  <c r="AE39195" i="1"/>
  <c r="AE39196" i="1"/>
  <c r="AE39197" i="1"/>
  <c r="AE39198" i="1"/>
  <c r="AE39199" i="1"/>
  <c r="AE39200" i="1"/>
  <c r="AE39201" i="1"/>
  <c r="AE39202" i="1"/>
  <c r="AE39203" i="1"/>
  <c r="AE39204" i="1"/>
  <c r="AE39205" i="1"/>
  <c r="AE39206" i="1"/>
  <c r="AE39207" i="1"/>
  <c r="AE39208" i="1"/>
  <c r="AE39209" i="1"/>
  <c r="AE39210" i="1"/>
  <c r="AE39211" i="1"/>
  <c r="AE39212" i="1"/>
  <c r="AE39213" i="1"/>
  <c r="AE39214" i="1"/>
  <c r="AE39215" i="1"/>
  <c r="AE39216" i="1"/>
  <c r="AE39217" i="1"/>
  <c r="AE39218" i="1"/>
  <c r="AE39219" i="1"/>
  <c r="AE39220" i="1"/>
  <c r="AE39221" i="1"/>
  <c r="AE39222" i="1"/>
  <c r="AE39223" i="1"/>
  <c r="AE39224" i="1"/>
  <c r="AE39225" i="1"/>
  <c r="AE39226" i="1"/>
  <c r="AE39227" i="1"/>
  <c r="AE39228" i="1"/>
  <c r="AE39229" i="1"/>
  <c r="AE39230" i="1"/>
  <c r="AE39231" i="1"/>
  <c r="AE39232" i="1"/>
  <c r="AE39233" i="1"/>
  <c r="AE39234" i="1"/>
  <c r="AE39235" i="1"/>
  <c r="AE39236" i="1"/>
  <c r="AE39237" i="1"/>
  <c r="AE39238" i="1"/>
  <c r="AE39239" i="1"/>
  <c r="AE39240" i="1"/>
  <c r="AE39241" i="1"/>
  <c r="AE39242" i="1"/>
  <c r="AE39243" i="1"/>
  <c r="AE39244" i="1"/>
  <c r="AE39245" i="1"/>
  <c r="AE39246" i="1"/>
  <c r="AE39247" i="1"/>
  <c r="AE39248" i="1"/>
  <c r="AE39249" i="1"/>
  <c r="AE39250" i="1"/>
  <c r="AE39251" i="1"/>
  <c r="AE39252" i="1"/>
  <c r="AE39253" i="1"/>
  <c r="AE39254" i="1"/>
  <c r="AE39255" i="1"/>
  <c r="AE39256" i="1"/>
  <c r="AE39257" i="1"/>
  <c r="AE39258" i="1"/>
  <c r="AE39259" i="1"/>
  <c r="AE39260" i="1"/>
  <c r="AE39261" i="1"/>
  <c r="AE39262" i="1"/>
  <c r="AE39263" i="1"/>
  <c r="AE39264" i="1"/>
  <c r="AE39265" i="1"/>
  <c r="AE39266" i="1"/>
  <c r="AE39267" i="1"/>
  <c r="AE39268" i="1"/>
  <c r="AE39269" i="1"/>
  <c r="AE39270" i="1"/>
  <c r="AE39271" i="1"/>
  <c r="AE39272" i="1"/>
  <c r="AE39273" i="1"/>
  <c r="AE39274" i="1"/>
  <c r="AE39275" i="1"/>
  <c r="AE39276" i="1"/>
  <c r="AE39277" i="1"/>
  <c r="AE39278" i="1"/>
  <c r="AE39279" i="1"/>
  <c r="AE39280" i="1"/>
  <c r="AE39281" i="1"/>
  <c r="AE39282" i="1"/>
  <c r="AE39283" i="1"/>
  <c r="AE39284" i="1"/>
  <c r="AE39285" i="1"/>
  <c r="AE39286" i="1"/>
  <c r="AE39287" i="1"/>
  <c r="AE39288" i="1"/>
  <c r="AE39289" i="1"/>
  <c r="AE39290" i="1"/>
  <c r="AE39291" i="1"/>
  <c r="AE39292" i="1"/>
  <c r="AE39293" i="1"/>
  <c r="AE39294" i="1"/>
  <c r="AE39295" i="1"/>
  <c r="AE39296" i="1"/>
  <c r="AE39297" i="1"/>
  <c r="AE39298" i="1"/>
  <c r="AE39299" i="1"/>
  <c r="AE39300" i="1"/>
  <c r="AE39301" i="1"/>
  <c r="AE39302" i="1"/>
  <c r="AE39303" i="1"/>
  <c r="AE39304" i="1"/>
  <c r="AE39305" i="1"/>
  <c r="AE39306" i="1"/>
  <c r="AE39307" i="1"/>
  <c r="AE39308" i="1"/>
  <c r="AE39309" i="1"/>
  <c r="AE39310" i="1"/>
  <c r="AE39311" i="1"/>
  <c r="AE39312" i="1"/>
  <c r="AE39313" i="1"/>
  <c r="AE39314" i="1"/>
  <c r="AE39315" i="1"/>
  <c r="AE39316" i="1"/>
  <c r="AE39317" i="1"/>
  <c r="AE39318" i="1"/>
  <c r="AE39319" i="1"/>
  <c r="AE39320" i="1"/>
  <c r="AE39321" i="1"/>
  <c r="AE39322" i="1"/>
  <c r="AE39323" i="1"/>
  <c r="AE39324" i="1"/>
  <c r="AE39325" i="1"/>
  <c r="AE39326" i="1"/>
  <c r="AE39327" i="1"/>
  <c r="AE39328" i="1"/>
  <c r="AE39329" i="1"/>
  <c r="AE39330" i="1"/>
  <c r="AE39331" i="1"/>
  <c r="AE39332" i="1"/>
  <c r="AE39333" i="1"/>
  <c r="AE39334" i="1"/>
  <c r="AE39335" i="1"/>
  <c r="AE39336" i="1"/>
  <c r="AE39337" i="1"/>
  <c r="AE39338" i="1"/>
  <c r="AE39339" i="1"/>
  <c r="AE39340" i="1"/>
  <c r="AE39341" i="1"/>
  <c r="AE39342" i="1"/>
  <c r="AE39343" i="1"/>
  <c r="AE39344" i="1"/>
  <c r="AE39345" i="1"/>
  <c r="AE39346" i="1"/>
  <c r="AE39347" i="1"/>
  <c r="AE39348" i="1"/>
  <c r="AE39349" i="1"/>
  <c r="AE39350" i="1"/>
  <c r="AE39351" i="1"/>
  <c r="AE39352" i="1"/>
  <c r="AE39353" i="1"/>
  <c r="AE39354" i="1"/>
  <c r="AE39355" i="1"/>
  <c r="AE39356" i="1"/>
  <c r="AE39357" i="1"/>
  <c r="AE39358" i="1"/>
  <c r="AE39359" i="1"/>
  <c r="AE39360" i="1"/>
  <c r="AE39361" i="1"/>
  <c r="AE39362" i="1"/>
  <c r="AE39363" i="1"/>
  <c r="AE39364" i="1"/>
  <c r="AE39365" i="1"/>
  <c r="AE39366" i="1"/>
  <c r="AE39367" i="1"/>
  <c r="AE39368" i="1"/>
  <c r="AE39369" i="1"/>
  <c r="AE39370" i="1"/>
  <c r="AE39371" i="1"/>
  <c r="AE39372" i="1"/>
  <c r="AE39373" i="1"/>
  <c r="AE39374" i="1"/>
  <c r="AE39375" i="1"/>
  <c r="AE39376" i="1"/>
  <c r="AE39377" i="1"/>
  <c r="AE39378" i="1"/>
  <c r="AE39379" i="1"/>
  <c r="AE39380" i="1"/>
  <c r="AE39381" i="1"/>
  <c r="AE39382" i="1"/>
  <c r="AE39383" i="1"/>
  <c r="AE39384" i="1"/>
  <c r="AE39385" i="1"/>
  <c r="AE39386" i="1"/>
  <c r="AE39387" i="1"/>
  <c r="AE39388" i="1"/>
  <c r="AE39389" i="1"/>
  <c r="AE39390" i="1"/>
  <c r="AE39391" i="1"/>
  <c r="AE39392" i="1"/>
  <c r="AE39393" i="1"/>
  <c r="AE39394" i="1"/>
  <c r="AE39395" i="1"/>
  <c r="AE39396" i="1"/>
  <c r="AE39397" i="1"/>
  <c r="AE39398" i="1"/>
  <c r="AE39399" i="1"/>
  <c r="AE39400" i="1"/>
  <c r="AE39401" i="1"/>
  <c r="AE39402" i="1"/>
  <c r="AE39403" i="1"/>
  <c r="AE39404" i="1"/>
  <c r="AE39405" i="1"/>
  <c r="AE39406" i="1"/>
  <c r="AE39407" i="1"/>
  <c r="AE39408" i="1"/>
  <c r="AE39409" i="1"/>
  <c r="AE39410" i="1"/>
  <c r="AE39411" i="1"/>
  <c r="AE39412" i="1"/>
  <c r="AE39413" i="1"/>
  <c r="AE39414" i="1"/>
  <c r="AE39415" i="1"/>
  <c r="AE39416" i="1"/>
  <c r="AE39417" i="1"/>
  <c r="AE39418" i="1"/>
  <c r="AE39419" i="1"/>
  <c r="AE39420" i="1"/>
  <c r="AE39421" i="1"/>
  <c r="AE39422" i="1"/>
  <c r="AE39423" i="1"/>
  <c r="AE39424" i="1"/>
  <c r="AE39425" i="1"/>
  <c r="AE39426" i="1"/>
  <c r="AE39427" i="1"/>
  <c r="AE39428" i="1"/>
  <c r="AE39429" i="1"/>
  <c r="AE39430" i="1"/>
  <c r="AE39431" i="1"/>
  <c r="AE39432" i="1"/>
  <c r="AE39433" i="1"/>
  <c r="AE39434" i="1"/>
  <c r="AE39435" i="1"/>
  <c r="AE39436" i="1"/>
  <c r="AE39437" i="1"/>
  <c r="AE39438" i="1"/>
  <c r="AE39439" i="1"/>
  <c r="AE39440" i="1"/>
  <c r="AE39441" i="1"/>
  <c r="AE39442" i="1"/>
  <c r="AE39443" i="1"/>
  <c r="AE39444" i="1"/>
  <c r="AE39445" i="1"/>
  <c r="AE39446" i="1"/>
  <c r="AE39447" i="1"/>
  <c r="AE39448" i="1"/>
  <c r="AE39449" i="1"/>
  <c r="AE39450" i="1"/>
  <c r="AE39451" i="1"/>
  <c r="AE39452" i="1"/>
  <c r="AE39453" i="1"/>
  <c r="AE39454" i="1"/>
  <c r="AE39455" i="1"/>
  <c r="AE39456" i="1"/>
  <c r="AE39457" i="1"/>
  <c r="AE39458" i="1"/>
  <c r="AE39459" i="1"/>
  <c r="AE39460" i="1"/>
  <c r="AE39461" i="1"/>
  <c r="AE39462" i="1"/>
  <c r="AE39463" i="1"/>
  <c r="AE39464" i="1"/>
  <c r="AE39465" i="1"/>
  <c r="AE39466" i="1"/>
  <c r="AE39467" i="1"/>
  <c r="AE39468" i="1"/>
  <c r="AE39469" i="1"/>
  <c r="AE39470" i="1"/>
  <c r="AE39471" i="1"/>
  <c r="AE39472" i="1"/>
  <c r="AE39473" i="1"/>
  <c r="AE39474" i="1"/>
  <c r="AE39475" i="1"/>
  <c r="AE39476" i="1"/>
  <c r="AE39477" i="1"/>
  <c r="AE39478" i="1"/>
  <c r="AE39479" i="1"/>
  <c r="AE39480" i="1"/>
  <c r="AE39481" i="1"/>
  <c r="AE39482" i="1"/>
  <c r="AE39483" i="1"/>
  <c r="AE39484" i="1"/>
  <c r="AE39485" i="1"/>
  <c r="AE39486" i="1"/>
  <c r="AE39487" i="1"/>
  <c r="AE39488" i="1"/>
  <c r="AE39489" i="1"/>
  <c r="AE39490" i="1"/>
  <c r="AE39491" i="1"/>
  <c r="AE39492" i="1"/>
  <c r="AE39493" i="1"/>
  <c r="AE39494" i="1"/>
  <c r="AE39495" i="1"/>
  <c r="AE39496" i="1"/>
  <c r="AE39497" i="1"/>
  <c r="AE39498" i="1"/>
  <c r="AE39499" i="1"/>
  <c r="AE39500" i="1"/>
  <c r="AE39501" i="1"/>
  <c r="AE39502" i="1"/>
  <c r="AE39503" i="1"/>
  <c r="AE39504" i="1"/>
  <c r="AE39505" i="1"/>
  <c r="AE39506" i="1"/>
  <c r="AE39507" i="1"/>
  <c r="AE39508" i="1"/>
  <c r="AE39509" i="1"/>
  <c r="AE39510" i="1"/>
  <c r="AE39511" i="1"/>
  <c r="AE39512" i="1"/>
  <c r="AE39513" i="1"/>
  <c r="AE39514" i="1"/>
  <c r="AE39515" i="1"/>
  <c r="AE39516" i="1"/>
  <c r="AE39517" i="1"/>
  <c r="AE39518" i="1"/>
  <c r="AE39519" i="1"/>
  <c r="AE39520" i="1"/>
  <c r="AE39521" i="1"/>
  <c r="AE39522" i="1"/>
  <c r="AE39523" i="1"/>
  <c r="AE39524" i="1"/>
  <c r="AE39525" i="1"/>
  <c r="AE39526" i="1"/>
  <c r="AE39527" i="1"/>
  <c r="AE39528" i="1"/>
  <c r="AE39529" i="1"/>
  <c r="AE39530" i="1"/>
  <c r="AE39531" i="1"/>
  <c r="AE39532" i="1"/>
  <c r="AE39533" i="1"/>
  <c r="AE39534" i="1"/>
  <c r="AE39535" i="1"/>
  <c r="AE39536" i="1"/>
  <c r="AE39537" i="1"/>
  <c r="AE39538" i="1"/>
  <c r="AE39539" i="1"/>
  <c r="AE39540" i="1"/>
  <c r="AE39541" i="1"/>
  <c r="AE39542" i="1"/>
  <c r="AE39543" i="1"/>
  <c r="AE39544" i="1"/>
  <c r="AE39545" i="1"/>
  <c r="AE39546" i="1"/>
  <c r="AE39547" i="1"/>
  <c r="AE39548" i="1"/>
  <c r="AE39549" i="1"/>
  <c r="AE39550" i="1"/>
  <c r="AE39551" i="1"/>
  <c r="AE39552" i="1"/>
  <c r="AE39553" i="1"/>
  <c r="AE39554" i="1"/>
  <c r="AE39555" i="1"/>
  <c r="AE39556" i="1"/>
  <c r="AE39557" i="1"/>
  <c r="AE39558" i="1"/>
  <c r="AE39559" i="1"/>
  <c r="AE39560" i="1"/>
  <c r="AE39561" i="1"/>
  <c r="AE39562" i="1"/>
  <c r="AE39563" i="1"/>
  <c r="AE39564" i="1"/>
  <c r="AE39565" i="1"/>
  <c r="AE39566" i="1"/>
  <c r="AE39567" i="1"/>
  <c r="AE39568" i="1"/>
  <c r="AE39569" i="1"/>
  <c r="AE39570" i="1"/>
  <c r="AE39571" i="1"/>
  <c r="AE39572" i="1"/>
  <c r="AE39573" i="1"/>
  <c r="AE39574" i="1"/>
  <c r="AE39575" i="1"/>
  <c r="AE39576" i="1"/>
  <c r="AE39577" i="1"/>
  <c r="AE39578" i="1"/>
  <c r="AE39579" i="1"/>
  <c r="AE39580" i="1"/>
  <c r="AE39581" i="1"/>
  <c r="AE39582" i="1"/>
  <c r="AE39583" i="1"/>
  <c r="AE39584" i="1"/>
  <c r="AE39585" i="1"/>
  <c r="AE39586" i="1"/>
  <c r="AE39587" i="1"/>
  <c r="AE39588" i="1"/>
  <c r="AE39589" i="1"/>
  <c r="AE39590" i="1"/>
  <c r="AE39591" i="1"/>
  <c r="AE39592" i="1"/>
  <c r="AE39593" i="1"/>
  <c r="AE39594" i="1"/>
  <c r="AE39595" i="1"/>
  <c r="AE39596" i="1"/>
  <c r="AE39597" i="1"/>
  <c r="AE39598" i="1"/>
  <c r="AE39599" i="1"/>
  <c r="AE39600" i="1"/>
  <c r="AE39601" i="1"/>
  <c r="AE39602" i="1"/>
  <c r="AE39603" i="1"/>
  <c r="AE39604" i="1"/>
  <c r="AE39605" i="1"/>
  <c r="AE39606" i="1"/>
  <c r="AE39607" i="1"/>
  <c r="AE39608" i="1"/>
  <c r="AE39609" i="1"/>
  <c r="AE39610" i="1"/>
  <c r="AE39611" i="1"/>
  <c r="AE39612" i="1"/>
  <c r="AE39613" i="1"/>
  <c r="AE39614" i="1"/>
  <c r="AE39615" i="1"/>
  <c r="AE39616" i="1"/>
  <c r="AE39617" i="1"/>
  <c r="AE39618" i="1"/>
  <c r="AE39619" i="1"/>
  <c r="AE39620" i="1"/>
  <c r="AE39621" i="1"/>
  <c r="AE39622" i="1"/>
  <c r="AE39623" i="1"/>
  <c r="AE39624" i="1"/>
  <c r="AE39625" i="1"/>
  <c r="AE39626" i="1"/>
  <c r="AE39627" i="1"/>
  <c r="AE39628" i="1"/>
  <c r="AE39629" i="1"/>
  <c r="AE39630" i="1"/>
  <c r="AE39631" i="1"/>
  <c r="AE39632" i="1"/>
  <c r="AE39633" i="1"/>
  <c r="AE39634" i="1"/>
  <c r="AE39635" i="1"/>
  <c r="AE39636" i="1"/>
  <c r="AE39637" i="1"/>
  <c r="AE39638" i="1"/>
  <c r="AE39639" i="1"/>
  <c r="AE39640" i="1"/>
  <c r="AE39641" i="1"/>
  <c r="AE39642" i="1"/>
  <c r="AE39643" i="1"/>
  <c r="AE39644" i="1"/>
  <c r="AE39645" i="1"/>
  <c r="AE39646" i="1"/>
  <c r="AE39647" i="1"/>
  <c r="AE39648" i="1"/>
  <c r="AE39649" i="1"/>
  <c r="AE39650" i="1"/>
  <c r="AE39651" i="1"/>
  <c r="AE39652" i="1"/>
  <c r="AE39653" i="1"/>
  <c r="AE39654" i="1"/>
  <c r="AE39655" i="1"/>
  <c r="AE39656" i="1"/>
  <c r="AE39657" i="1"/>
  <c r="AE39658" i="1"/>
  <c r="AE39659" i="1"/>
  <c r="AE39660" i="1"/>
  <c r="AE39661" i="1"/>
  <c r="AE39662" i="1"/>
  <c r="AE39663" i="1"/>
  <c r="AE39664" i="1"/>
  <c r="AE39665" i="1"/>
  <c r="AE39666" i="1"/>
  <c r="AE39667" i="1"/>
  <c r="AE39668" i="1"/>
  <c r="AE39669" i="1"/>
  <c r="AE39670" i="1"/>
  <c r="AE39671" i="1"/>
  <c r="AE39672" i="1"/>
  <c r="AE39673" i="1"/>
  <c r="AE39674" i="1"/>
  <c r="AE39675" i="1"/>
  <c r="AE39676" i="1"/>
  <c r="AE39677" i="1"/>
  <c r="AE39678" i="1"/>
  <c r="AE39679" i="1"/>
  <c r="AE39680" i="1"/>
  <c r="AE39681" i="1"/>
  <c r="AE39682" i="1"/>
  <c r="AE39683" i="1"/>
  <c r="AE39684" i="1"/>
  <c r="AE39685" i="1"/>
  <c r="AE39686" i="1"/>
  <c r="AE39687" i="1"/>
  <c r="AE39688" i="1"/>
  <c r="AE39689" i="1"/>
  <c r="AE39690" i="1"/>
  <c r="AE39691" i="1"/>
  <c r="AE39692" i="1"/>
  <c r="AE39693" i="1"/>
  <c r="AE39694" i="1"/>
  <c r="AE39695" i="1"/>
  <c r="AE39696" i="1"/>
  <c r="AE39697" i="1"/>
  <c r="AE39698" i="1"/>
  <c r="AE39699" i="1"/>
  <c r="AE39700" i="1"/>
  <c r="AE39701" i="1"/>
  <c r="AE39702" i="1"/>
  <c r="AE39703" i="1"/>
  <c r="AE39704" i="1"/>
  <c r="AE39705" i="1"/>
  <c r="AE39706" i="1"/>
  <c r="AE39707" i="1"/>
  <c r="AE39708" i="1"/>
  <c r="AE39709" i="1"/>
  <c r="AE39710" i="1"/>
  <c r="AE39711" i="1"/>
  <c r="AE39712" i="1"/>
  <c r="AE39713" i="1"/>
  <c r="AE39714" i="1"/>
  <c r="AE39715" i="1"/>
  <c r="AE39716" i="1"/>
  <c r="AE39717" i="1"/>
  <c r="AE39718" i="1"/>
  <c r="AE39719" i="1"/>
  <c r="AE39720" i="1"/>
  <c r="AE39721" i="1"/>
  <c r="AE39722" i="1"/>
  <c r="AE39723" i="1"/>
  <c r="AE39724" i="1"/>
  <c r="AE39725" i="1"/>
  <c r="AE39726" i="1"/>
  <c r="AE39727" i="1"/>
  <c r="AE39728" i="1"/>
  <c r="AE39729" i="1"/>
  <c r="AE39730" i="1"/>
  <c r="AE39731" i="1"/>
  <c r="AE39732" i="1"/>
  <c r="AE39733" i="1"/>
  <c r="AE39734" i="1"/>
  <c r="AE39735" i="1"/>
  <c r="AE39736" i="1"/>
  <c r="AE39737" i="1"/>
  <c r="AE39738" i="1"/>
  <c r="AE39739" i="1"/>
  <c r="AE39740" i="1"/>
  <c r="AE39741" i="1"/>
  <c r="AE39742" i="1"/>
  <c r="AE39743" i="1"/>
  <c r="AE39744" i="1"/>
  <c r="AE39745" i="1"/>
  <c r="AE39746" i="1"/>
  <c r="AE39747" i="1"/>
  <c r="AE39748" i="1"/>
  <c r="AE39749" i="1"/>
  <c r="AE39750" i="1"/>
  <c r="AE39751" i="1"/>
  <c r="AE39752" i="1"/>
  <c r="AE39753" i="1"/>
  <c r="AE39754" i="1"/>
  <c r="AE39755" i="1"/>
  <c r="AE39756" i="1"/>
  <c r="AE39757" i="1"/>
  <c r="AE39758" i="1"/>
  <c r="AE39759" i="1"/>
  <c r="AE39760" i="1"/>
  <c r="AE39761" i="1"/>
  <c r="AE39762" i="1"/>
  <c r="AE39763" i="1"/>
  <c r="AE39764" i="1"/>
  <c r="AE39765" i="1"/>
  <c r="AE39766" i="1"/>
  <c r="AE39767" i="1"/>
  <c r="AE39768" i="1"/>
  <c r="AE39769" i="1"/>
  <c r="AE39770" i="1"/>
  <c r="AE39771" i="1"/>
  <c r="AE39772" i="1"/>
  <c r="AE39773" i="1"/>
  <c r="AE39774" i="1"/>
  <c r="AE39775" i="1"/>
  <c r="AE39776" i="1"/>
  <c r="AE39777" i="1"/>
  <c r="AE39778" i="1"/>
  <c r="AE39779" i="1"/>
  <c r="AE39780" i="1"/>
  <c r="AE39781" i="1"/>
  <c r="AE39782" i="1"/>
  <c r="AE39783" i="1"/>
  <c r="AE39784" i="1"/>
  <c r="AE39785" i="1"/>
  <c r="AE39786" i="1"/>
  <c r="AE39787" i="1"/>
  <c r="AE39788" i="1"/>
  <c r="AE39789" i="1"/>
  <c r="AE39790" i="1"/>
  <c r="AE39791" i="1"/>
  <c r="AE39792" i="1"/>
  <c r="AE39793" i="1"/>
  <c r="AE39794" i="1"/>
  <c r="AE39795" i="1"/>
  <c r="AE39796" i="1"/>
  <c r="AE39797" i="1"/>
  <c r="AE39798" i="1"/>
  <c r="AE39799" i="1"/>
  <c r="AE39800" i="1"/>
  <c r="AE39801" i="1"/>
  <c r="AE39802" i="1"/>
  <c r="AE39803" i="1"/>
  <c r="AE39804" i="1"/>
  <c r="AE39805" i="1"/>
  <c r="AE39806" i="1"/>
  <c r="AE39807" i="1"/>
  <c r="AE39808" i="1"/>
  <c r="AE39809" i="1"/>
  <c r="AE39810" i="1"/>
  <c r="AE39811" i="1"/>
  <c r="AE39812" i="1"/>
  <c r="AE39813" i="1"/>
  <c r="AE39814" i="1"/>
  <c r="AE39815" i="1"/>
  <c r="AE39816" i="1"/>
  <c r="AE39817" i="1"/>
  <c r="AE39818" i="1"/>
  <c r="AE39819" i="1"/>
  <c r="AE39820" i="1"/>
  <c r="AE39821" i="1"/>
  <c r="AE39822" i="1"/>
  <c r="AE39823" i="1"/>
  <c r="AE39824" i="1"/>
  <c r="AE39825" i="1"/>
  <c r="AE39826" i="1"/>
  <c r="AE39827" i="1"/>
  <c r="AE39828" i="1"/>
  <c r="AE39829" i="1"/>
  <c r="AE39830" i="1"/>
  <c r="AE39831" i="1"/>
  <c r="AE39832" i="1"/>
  <c r="AE39833" i="1"/>
  <c r="AE39834" i="1"/>
  <c r="AE39835" i="1"/>
  <c r="AE39836" i="1"/>
  <c r="AE39837" i="1"/>
  <c r="AE39838" i="1"/>
  <c r="AE39839" i="1"/>
  <c r="AE39840" i="1"/>
  <c r="AE39841" i="1"/>
  <c r="AE39842" i="1"/>
  <c r="AE39843" i="1"/>
  <c r="AE39844" i="1"/>
  <c r="AE39845" i="1"/>
  <c r="AE39846" i="1"/>
  <c r="AE39847" i="1"/>
  <c r="AE39848" i="1"/>
  <c r="AE39849" i="1"/>
  <c r="AE39850" i="1"/>
  <c r="AE39851" i="1"/>
  <c r="AE39852" i="1"/>
  <c r="AE39853" i="1"/>
  <c r="AE39854" i="1"/>
  <c r="AE39855" i="1"/>
  <c r="AE39856" i="1"/>
  <c r="AE39857" i="1"/>
  <c r="AE39858" i="1"/>
  <c r="AE39859" i="1"/>
  <c r="AE39860" i="1"/>
  <c r="AE39861" i="1"/>
  <c r="AE39862" i="1"/>
  <c r="AE39863" i="1"/>
  <c r="AE39864" i="1"/>
  <c r="AE39865" i="1"/>
  <c r="AE39866" i="1"/>
  <c r="AE39867" i="1"/>
  <c r="AE39868" i="1"/>
  <c r="AE39869" i="1"/>
  <c r="AE39870" i="1"/>
  <c r="AE39871" i="1"/>
  <c r="AE39872" i="1"/>
  <c r="AE39873" i="1"/>
  <c r="AE39874" i="1"/>
  <c r="AE39875" i="1"/>
  <c r="AE39876" i="1"/>
  <c r="AE39877" i="1"/>
  <c r="AE39878" i="1"/>
  <c r="AE39879" i="1"/>
  <c r="AE39880" i="1"/>
  <c r="AE39881" i="1"/>
  <c r="AE39882" i="1"/>
  <c r="AE39883" i="1"/>
  <c r="AE39884" i="1"/>
  <c r="AE39885" i="1"/>
  <c r="AE39886" i="1"/>
  <c r="AE39887" i="1"/>
  <c r="AE39888" i="1"/>
  <c r="AE39889" i="1"/>
  <c r="AE39890" i="1"/>
  <c r="AE39891" i="1"/>
  <c r="AE39892" i="1"/>
  <c r="AE39893" i="1"/>
  <c r="AE39894" i="1"/>
  <c r="AE39895" i="1"/>
  <c r="AE39896" i="1"/>
  <c r="AE39897" i="1"/>
  <c r="AE39898" i="1"/>
  <c r="AE39899" i="1"/>
  <c r="AE39900" i="1"/>
  <c r="AE39901" i="1"/>
  <c r="AE39902" i="1"/>
  <c r="AE39903" i="1"/>
  <c r="AE39904" i="1"/>
  <c r="AE39905" i="1"/>
  <c r="AE39906" i="1"/>
  <c r="AE39907" i="1"/>
  <c r="AE39908" i="1"/>
  <c r="AE39909" i="1"/>
  <c r="AE39910" i="1"/>
  <c r="AE39911" i="1"/>
  <c r="AE39912" i="1"/>
  <c r="AE39913" i="1"/>
  <c r="AE39914" i="1"/>
  <c r="AE39915" i="1"/>
  <c r="AE39916" i="1"/>
  <c r="AE39917" i="1"/>
  <c r="AE39918" i="1"/>
  <c r="AE39919" i="1"/>
  <c r="AE39920" i="1"/>
  <c r="AE39921" i="1"/>
  <c r="AE39922" i="1"/>
  <c r="AE39923" i="1"/>
  <c r="AE39924" i="1"/>
  <c r="AE39925" i="1"/>
  <c r="AE39926" i="1"/>
  <c r="AE39927" i="1"/>
  <c r="AE39928" i="1"/>
  <c r="AE39929" i="1"/>
  <c r="AE39930" i="1"/>
  <c r="AE39931" i="1"/>
  <c r="AE39932" i="1"/>
  <c r="AE39933" i="1"/>
  <c r="AE39934" i="1"/>
  <c r="AE39935" i="1"/>
  <c r="AE39936" i="1"/>
  <c r="AE39937" i="1"/>
  <c r="AE39938" i="1"/>
  <c r="AE39939" i="1"/>
  <c r="AE39940" i="1"/>
  <c r="AE39941" i="1"/>
  <c r="AE39942" i="1"/>
  <c r="AE39943" i="1"/>
  <c r="AE39944" i="1"/>
  <c r="AE39945" i="1"/>
  <c r="AE39946" i="1"/>
  <c r="AE39947" i="1"/>
  <c r="AE39948" i="1"/>
  <c r="AE39949" i="1"/>
  <c r="AE39950" i="1"/>
  <c r="AE39951" i="1"/>
  <c r="AE39952" i="1"/>
  <c r="AE39953" i="1"/>
  <c r="AE39954" i="1"/>
  <c r="AE39955" i="1"/>
  <c r="AE39956" i="1"/>
  <c r="AE39957" i="1"/>
  <c r="AE39958" i="1"/>
  <c r="AE39959" i="1"/>
  <c r="AE39960" i="1"/>
  <c r="AE39961" i="1"/>
  <c r="AE39962" i="1"/>
  <c r="AE39963" i="1"/>
  <c r="AE39964" i="1"/>
  <c r="AE39965" i="1"/>
  <c r="AE39966" i="1"/>
  <c r="AE39967" i="1"/>
  <c r="AE39968" i="1"/>
  <c r="AE39969" i="1"/>
  <c r="AE39970" i="1"/>
  <c r="AE39971" i="1"/>
  <c r="AE39972" i="1"/>
  <c r="AE39973" i="1"/>
  <c r="AE39974" i="1"/>
  <c r="AE39975" i="1"/>
  <c r="AE39976" i="1"/>
  <c r="AE39977" i="1"/>
  <c r="AE39978" i="1"/>
  <c r="AE39979" i="1"/>
  <c r="AE39980" i="1"/>
  <c r="AE39981" i="1"/>
  <c r="AE39982" i="1"/>
  <c r="AE39983" i="1"/>
  <c r="AE39984" i="1"/>
  <c r="AE39985" i="1"/>
  <c r="AE39986" i="1"/>
  <c r="AE39987" i="1"/>
  <c r="AE39988" i="1"/>
  <c r="AE39989" i="1"/>
  <c r="AE39990" i="1"/>
  <c r="AE39991" i="1"/>
  <c r="AE39992" i="1"/>
  <c r="AE39993" i="1"/>
  <c r="AE39994" i="1"/>
  <c r="AE39995" i="1"/>
  <c r="AE39996" i="1"/>
  <c r="AE39997" i="1"/>
  <c r="AE39998" i="1"/>
  <c r="AE39999" i="1"/>
  <c r="AE40000" i="1"/>
  <c r="AE40001" i="1"/>
  <c r="AE40002" i="1"/>
  <c r="AE40003" i="1"/>
  <c r="AE40004" i="1"/>
  <c r="AE40005" i="1"/>
  <c r="AE40006" i="1"/>
  <c r="AE40007" i="1"/>
  <c r="AE40008" i="1"/>
  <c r="AE40009" i="1"/>
  <c r="AE40010" i="1"/>
  <c r="AE40011" i="1"/>
  <c r="AE40012" i="1"/>
  <c r="AE40013" i="1"/>
  <c r="AE40014" i="1"/>
  <c r="AE40015" i="1"/>
  <c r="AE40016" i="1"/>
  <c r="AE40017" i="1"/>
  <c r="AE40018" i="1"/>
  <c r="AE40019" i="1"/>
  <c r="AE40020" i="1"/>
  <c r="AE40021" i="1"/>
  <c r="AE40022" i="1"/>
  <c r="AE40023" i="1"/>
  <c r="AE40024" i="1"/>
  <c r="AE40025" i="1"/>
  <c r="AE40026" i="1"/>
  <c r="AE40027" i="1"/>
  <c r="AE40028" i="1"/>
  <c r="AE40029" i="1"/>
  <c r="AE40030" i="1"/>
  <c r="AE40031" i="1"/>
  <c r="AE40032" i="1"/>
  <c r="AE40033" i="1"/>
  <c r="AE40034" i="1"/>
  <c r="AE40035" i="1"/>
  <c r="AE40036" i="1"/>
  <c r="AE40037" i="1"/>
  <c r="AE40038" i="1"/>
  <c r="AE40039" i="1"/>
  <c r="AE40040" i="1"/>
  <c r="AE40041" i="1"/>
  <c r="AE40042" i="1"/>
  <c r="AE40043" i="1"/>
  <c r="AE40044" i="1"/>
  <c r="AE40045" i="1"/>
  <c r="AE40046" i="1"/>
  <c r="AE40047" i="1"/>
  <c r="AE40048" i="1"/>
  <c r="AE40049" i="1"/>
  <c r="AE40050" i="1"/>
  <c r="AE40051" i="1"/>
  <c r="AE40052" i="1"/>
  <c r="AE40053" i="1"/>
  <c r="AE40054" i="1"/>
  <c r="AE40055" i="1"/>
  <c r="AE40056" i="1"/>
  <c r="AE40057" i="1"/>
  <c r="AE40058" i="1"/>
  <c r="AE40059" i="1"/>
  <c r="AE40060" i="1"/>
  <c r="AE40061" i="1"/>
  <c r="AE40062" i="1"/>
  <c r="AE40063" i="1"/>
  <c r="AE40064" i="1"/>
  <c r="AE40065" i="1"/>
  <c r="AE40066" i="1"/>
  <c r="AE40067" i="1"/>
  <c r="AE40068" i="1"/>
  <c r="AE40069" i="1"/>
  <c r="AE40070" i="1"/>
  <c r="AE40071" i="1"/>
  <c r="AE40072" i="1"/>
  <c r="AE40073" i="1"/>
  <c r="AE40074" i="1"/>
  <c r="AE40075" i="1"/>
  <c r="AE40076" i="1"/>
  <c r="AE40077" i="1"/>
  <c r="AE40078" i="1"/>
  <c r="AE40079" i="1"/>
  <c r="AE40080" i="1"/>
  <c r="AE40081" i="1"/>
  <c r="AE40082" i="1"/>
  <c r="AE40083" i="1"/>
  <c r="AE40084" i="1"/>
  <c r="AE40085" i="1"/>
  <c r="AE40086" i="1"/>
  <c r="AE40087" i="1"/>
  <c r="AE40088" i="1"/>
  <c r="AE40089" i="1"/>
  <c r="AE40090" i="1"/>
  <c r="AE40091" i="1"/>
  <c r="AE40092" i="1"/>
  <c r="AE40093" i="1"/>
  <c r="AE40094" i="1"/>
  <c r="AE40095" i="1"/>
  <c r="AE40096" i="1"/>
  <c r="AE40097" i="1"/>
  <c r="AE40098" i="1"/>
  <c r="AE40099" i="1"/>
  <c r="AE40100" i="1"/>
  <c r="AE40101" i="1"/>
  <c r="AE40102" i="1"/>
  <c r="AE40103" i="1"/>
  <c r="AE40104" i="1"/>
  <c r="AE40105" i="1"/>
  <c r="AE40106" i="1"/>
  <c r="AE40107" i="1"/>
  <c r="AE40108" i="1"/>
  <c r="AE40109" i="1"/>
  <c r="AE40110" i="1"/>
  <c r="AE40111" i="1"/>
  <c r="AE40112" i="1"/>
  <c r="AE40113" i="1"/>
  <c r="AE40114" i="1"/>
  <c r="AE40115" i="1"/>
  <c r="AE40116" i="1"/>
  <c r="AE40117" i="1"/>
  <c r="AE40118" i="1"/>
  <c r="AE40119" i="1"/>
  <c r="AE40120" i="1"/>
  <c r="AE40121" i="1"/>
  <c r="AE40122" i="1"/>
  <c r="AE40123" i="1"/>
  <c r="AE40124" i="1"/>
  <c r="AE40125" i="1"/>
  <c r="AE40126" i="1"/>
  <c r="AE40127" i="1"/>
  <c r="AE40128" i="1"/>
  <c r="AE40129" i="1"/>
  <c r="AE40130" i="1"/>
  <c r="AE40131" i="1"/>
  <c r="AE40132" i="1"/>
  <c r="AE40133" i="1"/>
  <c r="AE40134" i="1"/>
  <c r="AE40135" i="1"/>
  <c r="AE40136" i="1"/>
  <c r="AE40137" i="1"/>
  <c r="AE40138" i="1"/>
  <c r="AE40139" i="1"/>
  <c r="AE40140" i="1"/>
  <c r="AE40141" i="1"/>
  <c r="AE40142" i="1"/>
  <c r="AE40143" i="1"/>
  <c r="AE40144" i="1"/>
  <c r="AE40145" i="1"/>
  <c r="AE40146" i="1"/>
  <c r="AE40147" i="1"/>
  <c r="AE40148" i="1"/>
  <c r="AE40149" i="1"/>
  <c r="AE40150" i="1"/>
  <c r="AE40151" i="1"/>
  <c r="AE40152" i="1"/>
  <c r="AE40153" i="1"/>
  <c r="AE40154" i="1"/>
  <c r="AE40155" i="1"/>
  <c r="AE40156" i="1"/>
  <c r="AE40157" i="1"/>
  <c r="AE40158" i="1"/>
  <c r="AE40159" i="1"/>
  <c r="AE40160" i="1"/>
  <c r="AE40161" i="1"/>
  <c r="AE40162" i="1"/>
  <c r="AE40163" i="1"/>
  <c r="AE40164" i="1"/>
  <c r="AE40165" i="1"/>
  <c r="AE40166" i="1"/>
  <c r="AE40167" i="1"/>
  <c r="AE40168" i="1"/>
  <c r="AE40169" i="1"/>
  <c r="AE40170" i="1"/>
  <c r="AE40171" i="1"/>
  <c r="AE40172" i="1"/>
  <c r="AE40173" i="1"/>
  <c r="AE40174" i="1"/>
  <c r="AE40175" i="1"/>
  <c r="AE40176" i="1"/>
  <c r="AE40177" i="1"/>
  <c r="AE40178" i="1"/>
  <c r="AE40179" i="1"/>
  <c r="AE40180" i="1"/>
  <c r="AE40181" i="1"/>
  <c r="AE40182" i="1"/>
  <c r="AE40183" i="1"/>
  <c r="AE40184" i="1"/>
  <c r="AE40185" i="1"/>
  <c r="AE40186" i="1"/>
  <c r="AE40187" i="1"/>
  <c r="AE40188" i="1"/>
  <c r="AE40189" i="1"/>
  <c r="AE40190" i="1"/>
  <c r="AE40191" i="1"/>
  <c r="AE40192" i="1"/>
  <c r="AE40193" i="1"/>
  <c r="AE40194" i="1"/>
  <c r="AE40195" i="1"/>
  <c r="AE40196" i="1"/>
  <c r="AE40197" i="1"/>
  <c r="AE40198" i="1"/>
  <c r="AE40199" i="1"/>
  <c r="AE40200" i="1"/>
  <c r="AE40201" i="1"/>
  <c r="AE40202" i="1"/>
  <c r="AE40203" i="1"/>
  <c r="AE40204" i="1"/>
  <c r="AE40205" i="1"/>
  <c r="AE40206" i="1"/>
  <c r="AE40207" i="1"/>
  <c r="AE40208" i="1"/>
  <c r="AE40209" i="1"/>
  <c r="AE40210" i="1"/>
  <c r="AE40211" i="1"/>
  <c r="AE40212" i="1"/>
  <c r="AE40213" i="1"/>
  <c r="AE40214" i="1"/>
  <c r="AE40215" i="1"/>
  <c r="AE40216" i="1"/>
  <c r="AE40217" i="1"/>
  <c r="AE40218" i="1"/>
  <c r="AE40219" i="1"/>
  <c r="AE40220" i="1"/>
  <c r="AE40221" i="1"/>
  <c r="AE40222" i="1"/>
  <c r="AE40223" i="1"/>
  <c r="AE40224" i="1"/>
  <c r="AE40225" i="1"/>
  <c r="AE40226" i="1"/>
  <c r="AE40227" i="1"/>
  <c r="AE40228" i="1"/>
  <c r="AE40229" i="1"/>
  <c r="AE40230" i="1"/>
  <c r="AE40231" i="1"/>
  <c r="AE40232" i="1"/>
  <c r="AE40233" i="1"/>
  <c r="AE40234" i="1"/>
  <c r="AE40235" i="1"/>
  <c r="AE40236" i="1"/>
  <c r="AE40237" i="1"/>
  <c r="AE40238" i="1"/>
  <c r="AE40239" i="1"/>
  <c r="AE40240" i="1"/>
  <c r="AE40241" i="1"/>
  <c r="AE40242" i="1"/>
  <c r="AE40243" i="1"/>
  <c r="AE40244" i="1"/>
  <c r="AE40245" i="1"/>
  <c r="AE40246" i="1"/>
  <c r="AE40247" i="1"/>
  <c r="AE40248" i="1"/>
  <c r="AE40249" i="1"/>
  <c r="AE40250" i="1"/>
  <c r="AE40251" i="1"/>
  <c r="AE40252" i="1"/>
  <c r="AE40253" i="1"/>
  <c r="AE40254" i="1"/>
  <c r="AE40255" i="1"/>
  <c r="AE40256" i="1"/>
  <c r="AE40257" i="1"/>
  <c r="AE40258" i="1"/>
  <c r="AE40259" i="1"/>
  <c r="AE40260" i="1"/>
  <c r="AE40261" i="1"/>
  <c r="AE40262" i="1"/>
  <c r="AE40263" i="1"/>
  <c r="AE40264" i="1"/>
  <c r="AE40265" i="1"/>
  <c r="AE40266" i="1"/>
  <c r="AE40267" i="1"/>
  <c r="AE40268" i="1"/>
  <c r="AE40269" i="1"/>
  <c r="AE40270" i="1"/>
  <c r="AE40271" i="1"/>
  <c r="AE40272" i="1"/>
  <c r="AE40273" i="1"/>
  <c r="AE40274" i="1"/>
  <c r="AE40275" i="1"/>
  <c r="AE40276" i="1"/>
  <c r="AE40277" i="1"/>
  <c r="AE40278" i="1"/>
  <c r="AE40279" i="1"/>
  <c r="AE40280" i="1"/>
  <c r="AE40281" i="1"/>
  <c r="AE40282" i="1"/>
  <c r="AE40283" i="1"/>
  <c r="AE40284" i="1"/>
  <c r="AE40285" i="1"/>
  <c r="AE40286" i="1"/>
  <c r="AE40287" i="1"/>
  <c r="AE40288" i="1"/>
  <c r="AE40289" i="1"/>
  <c r="AE40290" i="1"/>
  <c r="AE40291" i="1"/>
  <c r="AE40292" i="1"/>
  <c r="AE40293" i="1"/>
  <c r="AE40294" i="1"/>
  <c r="AE40295" i="1"/>
  <c r="AE40296" i="1"/>
  <c r="AE40297" i="1"/>
  <c r="AE40298" i="1"/>
  <c r="AE40299" i="1"/>
  <c r="AE40300" i="1"/>
  <c r="AE40301" i="1"/>
  <c r="AE40302" i="1"/>
  <c r="AE40303" i="1"/>
  <c r="AE40304" i="1"/>
  <c r="AE40305" i="1"/>
  <c r="AE40306" i="1"/>
  <c r="AE40307" i="1"/>
  <c r="AE40308" i="1"/>
  <c r="AE40309" i="1"/>
  <c r="AE40310" i="1"/>
  <c r="AE40311" i="1"/>
  <c r="AE40312" i="1"/>
  <c r="AE40313" i="1"/>
  <c r="AE40314" i="1"/>
  <c r="AE40315" i="1"/>
  <c r="AE40316" i="1"/>
  <c r="AE40317" i="1"/>
  <c r="AE40318" i="1"/>
  <c r="AE40319" i="1"/>
  <c r="AE40320" i="1"/>
  <c r="AE40321" i="1"/>
  <c r="AE40322" i="1"/>
  <c r="AE40323" i="1"/>
  <c r="AE40324" i="1"/>
  <c r="AE40325" i="1"/>
  <c r="AE40326" i="1"/>
  <c r="AE40327" i="1"/>
  <c r="AE40328" i="1"/>
  <c r="AE40329" i="1"/>
  <c r="AE40330" i="1"/>
  <c r="AE40331" i="1"/>
  <c r="AE40332" i="1"/>
  <c r="AE40333" i="1"/>
  <c r="AE40334" i="1"/>
  <c r="AE40335" i="1"/>
  <c r="AE40336" i="1"/>
  <c r="AE40337" i="1"/>
  <c r="AE40338" i="1"/>
  <c r="AE40339" i="1"/>
  <c r="AE40340" i="1"/>
  <c r="AE40341" i="1"/>
  <c r="AE40342" i="1"/>
  <c r="AE40343" i="1"/>
  <c r="AE40344" i="1"/>
  <c r="AE40345" i="1"/>
  <c r="AE40346" i="1"/>
  <c r="AE40347" i="1"/>
  <c r="AE40348" i="1"/>
  <c r="AE40349" i="1"/>
  <c r="AE40350" i="1"/>
  <c r="AE40351" i="1"/>
  <c r="AE40352" i="1"/>
  <c r="AE40353" i="1"/>
  <c r="AE40354" i="1"/>
  <c r="AE40355" i="1"/>
  <c r="AE40356" i="1"/>
  <c r="AE40357" i="1"/>
  <c r="AE40358" i="1"/>
  <c r="AE40359" i="1"/>
  <c r="AE40360" i="1"/>
  <c r="AE40361" i="1"/>
  <c r="AE40362" i="1"/>
  <c r="AE40363" i="1"/>
  <c r="AE40364" i="1"/>
  <c r="AE40365" i="1"/>
  <c r="AE40366" i="1"/>
  <c r="AE40367" i="1"/>
  <c r="AE40368" i="1"/>
  <c r="AE40369" i="1"/>
  <c r="AE40370" i="1"/>
  <c r="AE40371" i="1"/>
  <c r="AE40372" i="1"/>
  <c r="AE40373" i="1"/>
  <c r="AE40374" i="1"/>
  <c r="AE40375" i="1"/>
  <c r="AE40376" i="1"/>
  <c r="AE40377" i="1"/>
  <c r="AE40378" i="1"/>
  <c r="AE40379" i="1"/>
  <c r="AE40380" i="1"/>
  <c r="AE40381" i="1"/>
  <c r="AE40382" i="1"/>
  <c r="AE40383" i="1"/>
  <c r="AE40384" i="1"/>
  <c r="AE40385" i="1"/>
  <c r="AE40386" i="1"/>
  <c r="AE40387" i="1"/>
  <c r="AE40388" i="1"/>
  <c r="AE40389" i="1"/>
  <c r="AE40390" i="1"/>
  <c r="AE40391" i="1"/>
  <c r="AE40392" i="1"/>
  <c r="AE40393" i="1"/>
  <c r="AE40394" i="1"/>
  <c r="AE40395" i="1"/>
  <c r="AE40396" i="1"/>
  <c r="AE40397" i="1"/>
  <c r="AE40398" i="1"/>
  <c r="AE40399" i="1"/>
  <c r="AE40400" i="1"/>
  <c r="AE40401" i="1"/>
  <c r="AE40402" i="1"/>
  <c r="AE40403" i="1"/>
  <c r="AE40404" i="1"/>
  <c r="AE40405" i="1"/>
  <c r="AE40406" i="1"/>
  <c r="AE40407" i="1"/>
  <c r="AE40408" i="1"/>
  <c r="AE40409" i="1"/>
  <c r="AE40410" i="1"/>
  <c r="AE40411" i="1"/>
  <c r="AE40412" i="1"/>
  <c r="AE40413" i="1"/>
  <c r="AE40414" i="1"/>
  <c r="AE40415" i="1"/>
  <c r="AE40416" i="1"/>
  <c r="AE40417" i="1"/>
  <c r="AE40418" i="1"/>
  <c r="AE40419" i="1"/>
  <c r="AE40420" i="1"/>
  <c r="AE40421" i="1"/>
  <c r="AE40422" i="1"/>
  <c r="AE40423" i="1"/>
  <c r="AE40424" i="1"/>
  <c r="AE40425" i="1"/>
  <c r="AE40426" i="1"/>
  <c r="AE40427" i="1"/>
  <c r="AE40428" i="1"/>
  <c r="AE40429" i="1"/>
  <c r="AE40430" i="1"/>
  <c r="AE40431" i="1"/>
  <c r="AE40432" i="1"/>
  <c r="AE40433" i="1"/>
  <c r="AE40434" i="1"/>
  <c r="AE40435" i="1"/>
  <c r="AE40436" i="1"/>
  <c r="AE40437" i="1"/>
  <c r="AE40438" i="1"/>
  <c r="AE40439" i="1"/>
  <c r="AE40440" i="1"/>
  <c r="AE40441" i="1"/>
  <c r="AE40442" i="1"/>
  <c r="AE40443" i="1"/>
  <c r="AE40444" i="1"/>
  <c r="AE40445" i="1"/>
  <c r="AE40446" i="1"/>
  <c r="AE40447" i="1"/>
  <c r="AE40448" i="1"/>
  <c r="AE40449" i="1"/>
  <c r="AE40450" i="1"/>
  <c r="AE40451" i="1"/>
  <c r="AE40452" i="1"/>
  <c r="AE40453" i="1"/>
  <c r="AE40454" i="1"/>
  <c r="AE40455" i="1"/>
  <c r="AE40456" i="1"/>
  <c r="AE40457" i="1"/>
  <c r="AE40458" i="1"/>
  <c r="AE40459" i="1"/>
  <c r="AE40460" i="1"/>
  <c r="AE40461" i="1"/>
  <c r="AE40462" i="1"/>
  <c r="AE40463" i="1"/>
  <c r="AE40464" i="1"/>
  <c r="AE40465" i="1"/>
  <c r="AE40466" i="1"/>
  <c r="AE40467" i="1"/>
  <c r="AE40468" i="1"/>
  <c r="AE40469" i="1"/>
  <c r="AE40470" i="1"/>
  <c r="AE40471" i="1"/>
  <c r="AE40472" i="1"/>
  <c r="AE40473" i="1"/>
  <c r="AE40474" i="1"/>
  <c r="AE40475" i="1"/>
  <c r="AE40476" i="1"/>
  <c r="AE40477" i="1"/>
  <c r="AE40478" i="1"/>
  <c r="AE40479" i="1"/>
  <c r="AE40480" i="1"/>
  <c r="AE40481" i="1"/>
  <c r="AE40482" i="1"/>
  <c r="AE40483" i="1"/>
  <c r="AE40484" i="1"/>
  <c r="AE40485" i="1"/>
  <c r="AE40486" i="1"/>
  <c r="AE40487" i="1"/>
  <c r="AE40488" i="1"/>
  <c r="AE40489" i="1"/>
  <c r="AE40490" i="1"/>
  <c r="AE40491" i="1"/>
  <c r="AE40492" i="1"/>
  <c r="AE40493" i="1"/>
  <c r="AE40494" i="1"/>
  <c r="AE40495" i="1"/>
  <c r="AE40496" i="1"/>
  <c r="AE40497" i="1"/>
  <c r="AE40498" i="1"/>
  <c r="AE40499" i="1"/>
  <c r="AE40500" i="1"/>
  <c r="AE40501" i="1"/>
  <c r="AE40502" i="1"/>
  <c r="AE40503" i="1"/>
  <c r="AE40504" i="1"/>
  <c r="AE40505" i="1"/>
  <c r="AE40506" i="1"/>
  <c r="AE40507" i="1"/>
  <c r="AE40508" i="1"/>
  <c r="AE40509" i="1"/>
  <c r="AE40510" i="1"/>
  <c r="AE40511" i="1"/>
  <c r="AE40512" i="1"/>
  <c r="AE40513" i="1"/>
  <c r="AE40514" i="1"/>
  <c r="AE40515" i="1"/>
  <c r="AE40516" i="1"/>
  <c r="AE40517" i="1"/>
  <c r="AE40518" i="1"/>
  <c r="AE40519" i="1"/>
  <c r="AE40520" i="1"/>
  <c r="AE40521" i="1"/>
  <c r="AE40522" i="1"/>
  <c r="AE40523" i="1"/>
  <c r="AE40524" i="1"/>
  <c r="AE40525" i="1"/>
  <c r="AE40526" i="1"/>
  <c r="AE40527" i="1"/>
  <c r="AE40528" i="1"/>
  <c r="AE40529" i="1"/>
  <c r="AE40530" i="1"/>
  <c r="AE40531" i="1"/>
  <c r="AE40532" i="1"/>
  <c r="AE40533" i="1"/>
  <c r="AE40534" i="1"/>
  <c r="AE40535" i="1"/>
  <c r="AE40536" i="1"/>
  <c r="AE40537" i="1"/>
  <c r="AE40538" i="1"/>
  <c r="AE40539" i="1"/>
  <c r="AE40540" i="1"/>
  <c r="AE40541" i="1"/>
  <c r="AE40542" i="1"/>
  <c r="AE40543" i="1"/>
  <c r="AE40544" i="1"/>
  <c r="AE40545" i="1"/>
  <c r="AE40546" i="1"/>
  <c r="AE40547" i="1"/>
  <c r="AE40548" i="1"/>
  <c r="AE40549" i="1"/>
  <c r="AE40550" i="1"/>
  <c r="AE40551" i="1"/>
  <c r="AE40552" i="1"/>
  <c r="AE40553" i="1"/>
  <c r="AE40554" i="1"/>
  <c r="AE40555" i="1"/>
  <c r="AE40556" i="1"/>
  <c r="AE40557" i="1"/>
  <c r="AE40558" i="1"/>
  <c r="AE40559" i="1"/>
  <c r="AE40560" i="1"/>
  <c r="AE40561" i="1"/>
  <c r="AE40562" i="1"/>
  <c r="AE40563" i="1"/>
  <c r="AE40564" i="1"/>
  <c r="AE40565" i="1"/>
  <c r="AE40566" i="1"/>
  <c r="AE40567" i="1"/>
  <c r="AE40568" i="1"/>
  <c r="AE40569" i="1"/>
  <c r="AE40570" i="1"/>
  <c r="AE40571" i="1"/>
  <c r="AE40572" i="1"/>
  <c r="AE40573" i="1"/>
  <c r="AE40574" i="1"/>
  <c r="AE40575" i="1"/>
  <c r="AE40576" i="1"/>
  <c r="AE40577" i="1"/>
  <c r="AE40578" i="1"/>
  <c r="AE40579" i="1"/>
  <c r="AE40580" i="1"/>
  <c r="AE40581" i="1"/>
  <c r="AE40582" i="1"/>
  <c r="AE40583" i="1"/>
  <c r="AE40584" i="1"/>
  <c r="AE40585" i="1"/>
  <c r="AE40586" i="1"/>
  <c r="AE40587" i="1"/>
  <c r="AE40588" i="1"/>
  <c r="AE40589" i="1"/>
  <c r="AE40590" i="1"/>
  <c r="AE40591" i="1"/>
  <c r="AE40592" i="1"/>
  <c r="AE40593" i="1"/>
  <c r="AE40594" i="1"/>
  <c r="AE40595" i="1"/>
  <c r="AE40596" i="1"/>
  <c r="AE40597" i="1"/>
  <c r="AE40598" i="1"/>
  <c r="AE40599" i="1"/>
  <c r="AE40600" i="1"/>
  <c r="AE40601" i="1"/>
  <c r="AE40602" i="1"/>
  <c r="AE40603" i="1"/>
  <c r="AE40604" i="1"/>
  <c r="AE40605" i="1"/>
  <c r="AE40606" i="1"/>
  <c r="AE40607" i="1"/>
  <c r="AE40608" i="1"/>
  <c r="AE40609" i="1"/>
  <c r="AE40610" i="1"/>
  <c r="AE40611" i="1"/>
  <c r="AE40612" i="1"/>
  <c r="AE40613" i="1"/>
  <c r="AE40614" i="1"/>
  <c r="AE40615" i="1"/>
  <c r="AE40616" i="1"/>
  <c r="AE40617" i="1"/>
  <c r="AE40618" i="1"/>
  <c r="AE40619" i="1"/>
  <c r="AE40620" i="1"/>
  <c r="AE40621" i="1"/>
  <c r="AE40622" i="1"/>
  <c r="AE40623" i="1"/>
  <c r="AE40624" i="1"/>
  <c r="AE40625" i="1"/>
  <c r="AE40626" i="1"/>
  <c r="AE40627" i="1"/>
  <c r="AE40628" i="1"/>
  <c r="AE40629" i="1"/>
  <c r="AE40630" i="1"/>
  <c r="AE40631" i="1"/>
  <c r="AE40632" i="1"/>
  <c r="AE40633" i="1"/>
  <c r="AE40634" i="1"/>
  <c r="AE40635" i="1"/>
  <c r="AE40636" i="1"/>
  <c r="AE40637" i="1"/>
  <c r="AE40638" i="1"/>
  <c r="AE40639" i="1"/>
  <c r="AE40640" i="1"/>
  <c r="AE40641" i="1"/>
  <c r="AE40642" i="1"/>
  <c r="AE40643" i="1"/>
  <c r="AE40644" i="1"/>
  <c r="AE40645" i="1"/>
  <c r="AE40646" i="1"/>
  <c r="AE40647" i="1"/>
  <c r="AE40648" i="1"/>
  <c r="AE40649" i="1"/>
  <c r="AE40650" i="1"/>
  <c r="AE40651" i="1"/>
  <c r="AE40652" i="1"/>
  <c r="AE40653" i="1"/>
  <c r="AE40654" i="1"/>
  <c r="AE40655" i="1"/>
  <c r="AE40656" i="1"/>
  <c r="AE40657" i="1"/>
  <c r="AE40658" i="1"/>
  <c r="AE40659" i="1"/>
  <c r="AE40660" i="1"/>
  <c r="AE40661" i="1"/>
  <c r="AE40662" i="1"/>
  <c r="AE40663" i="1"/>
  <c r="AE40664" i="1"/>
  <c r="AE40665" i="1"/>
  <c r="AE40666" i="1"/>
  <c r="AE40667" i="1"/>
  <c r="AE40668" i="1"/>
  <c r="AE40669" i="1"/>
  <c r="AE40670" i="1"/>
  <c r="AE40671" i="1"/>
  <c r="AE40672" i="1"/>
  <c r="AE40673" i="1"/>
  <c r="AE40674" i="1"/>
  <c r="AE40675" i="1"/>
  <c r="AE40676" i="1"/>
  <c r="AE40677" i="1"/>
  <c r="AE40678" i="1"/>
  <c r="AE40679" i="1"/>
  <c r="AE40680" i="1"/>
  <c r="AE40681" i="1"/>
  <c r="AE40682" i="1"/>
  <c r="AE40683" i="1"/>
  <c r="AE40684" i="1"/>
  <c r="AE40685" i="1"/>
  <c r="AE40686" i="1"/>
  <c r="AE40687" i="1"/>
  <c r="AE40688" i="1"/>
  <c r="AE40689" i="1"/>
  <c r="AE40690" i="1"/>
  <c r="AE40691" i="1"/>
  <c r="AE40692" i="1"/>
  <c r="AE40693" i="1"/>
  <c r="AE40694" i="1"/>
  <c r="AE40695" i="1"/>
  <c r="AE40696" i="1"/>
  <c r="AE40697" i="1"/>
  <c r="AE40698" i="1"/>
  <c r="AE40699" i="1"/>
  <c r="AE40700" i="1"/>
  <c r="AE40701" i="1"/>
  <c r="AE40702" i="1"/>
  <c r="AE40703" i="1"/>
  <c r="AE40704" i="1"/>
  <c r="AE40705" i="1"/>
  <c r="AE40706" i="1"/>
  <c r="AE40707" i="1"/>
  <c r="AE40708" i="1"/>
  <c r="AE40709" i="1"/>
  <c r="AE40710" i="1"/>
  <c r="AE40711" i="1"/>
  <c r="AE40712" i="1"/>
  <c r="AE40713" i="1"/>
  <c r="AE40714" i="1"/>
  <c r="AE40715" i="1"/>
  <c r="AE40716" i="1"/>
  <c r="AE40717" i="1"/>
  <c r="AE40718" i="1"/>
  <c r="AE40719" i="1"/>
  <c r="AE40720" i="1"/>
  <c r="AE40721" i="1"/>
  <c r="AE40722" i="1"/>
  <c r="AE40723" i="1"/>
  <c r="AE40724" i="1"/>
  <c r="AE40725" i="1"/>
  <c r="AE40726" i="1"/>
  <c r="AE40727" i="1"/>
  <c r="AE40728" i="1"/>
  <c r="AE40729" i="1"/>
  <c r="AE40730" i="1"/>
  <c r="AE40731" i="1"/>
  <c r="AE40732" i="1"/>
  <c r="AE40733" i="1"/>
  <c r="AE40734" i="1"/>
  <c r="AE40735" i="1"/>
  <c r="AE40736" i="1"/>
  <c r="AE40737" i="1"/>
  <c r="AE40738" i="1"/>
  <c r="AE40739" i="1"/>
  <c r="AE40740" i="1"/>
  <c r="AE40741" i="1"/>
  <c r="AE40742" i="1"/>
  <c r="AE40743" i="1"/>
  <c r="AE40744" i="1"/>
  <c r="AE40745" i="1"/>
  <c r="AE40746" i="1"/>
  <c r="AE40747" i="1"/>
  <c r="AE40748" i="1"/>
  <c r="AE40749" i="1"/>
  <c r="AE40750" i="1"/>
  <c r="AE40751" i="1"/>
  <c r="AE40752" i="1"/>
  <c r="AE40753" i="1"/>
  <c r="AE40754" i="1"/>
  <c r="AE40755" i="1"/>
  <c r="AE40756" i="1"/>
  <c r="AE40757" i="1"/>
  <c r="AE40758" i="1"/>
  <c r="AE40759" i="1"/>
  <c r="AE40760" i="1"/>
  <c r="AE40761" i="1"/>
  <c r="AE40762" i="1"/>
  <c r="AE40763" i="1"/>
  <c r="AE40764" i="1"/>
  <c r="AE40765" i="1"/>
  <c r="AE40766" i="1"/>
  <c r="AE40767" i="1"/>
  <c r="AE40768" i="1"/>
  <c r="AE40769" i="1"/>
  <c r="AE40770" i="1"/>
  <c r="AE40771" i="1"/>
  <c r="AE40772" i="1"/>
  <c r="AE40773" i="1"/>
  <c r="AE40774" i="1"/>
  <c r="AE40775" i="1"/>
  <c r="AE40776" i="1"/>
  <c r="AE40777" i="1"/>
  <c r="AE40778" i="1"/>
  <c r="AE40779" i="1"/>
  <c r="AE40780" i="1"/>
  <c r="AE40781" i="1"/>
  <c r="AE40782" i="1"/>
  <c r="AE40783" i="1"/>
  <c r="AE40784" i="1"/>
  <c r="AE40785" i="1"/>
  <c r="AE40786" i="1"/>
  <c r="AE40787" i="1"/>
  <c r="AE40788" i="1"/>
  <c r="AE40789" i="1"/>
  <c r="AE40790" i="1"/>
  <c r="AE40791" i="1"/>
  <c r="AE40792" i="1"/>
  <c r="AE40793" i="1"/>
  <c r="AE40794" i="1"/>
  <c r="AE40795" i="1"/>
  <c r="AE40796" i="1"/>
  <c r="AE40797" i="1"/>
  <c r="AE40798" i="1"/>
  <c r="AE40799" i="1"/>
  <c r="AE40800" i="1"/>
  <c r="AE40801" i="1"/>
  <c r="AE40802" i="1"/>
  <c r="AE40803" i="1"/>
  <c r="AE40804" i="1"/>
  <c r="AE40805" i="1"/>
  <c r="AE40806" i="1"/>
  <c r="AE40807" i="1"/>
  <c r="AE40808" i="1"/>
  <c r="AE40809" i="1"/>
  <c r="AE40810" i="1"/>
  <c r="AE40811" i="1"/>
  <c r="AE40812" i="1"/>
  <c r="AE40813" i="1"/>
  <c r="AE40814" i="1"/>
  <c r="AE40815" i="1"/>
  <c r="AE40816" i="1"/>
  <c r="AE40817" i="1"/>
  <c r="AE40818" i="1"/>
  <c r="AE40819" i="1"/>
  <c r="AE40820" i="1"/>
  <c r="AE40821" i="1"/>
  <c r="AE40822" i="1"/>
  <c r="AE40823" i="1"/>
  <c r="AE40824" i="1"/>
  <c r="AE40825" i="1"/>
  <c r="AE40826" i="1"/>
  <c r="AE40827" i="1"/>
  <c r="AE40828" i="1"/>
  <c r="AE40829" i="1"/>
  <c r="AE40830" i="1"/>
  <c r="AE40831" i="1"/>
  <c r="AE40832" i="1"/>
  <c r="AE40833" i="1"/>
  <c r="AE40834" i="1"/>
  <c r="AE40835" i="1"/>
  <c r="AE40836" i="1"/>
  <c r="AE40837" i="1"/>
  <c r="AE40838" i="1"/>
  <c r="AE40839" i="1"/>
  <c r="AE40840" i="1"/>
  <c r="AE40841" i="1"/>
  <c r="AE40842" i="1"/>
  <c r="AE40843" i="1"/>
  <c r="AE40844" i="1"/>
  <c r="AE40845" i="1"/>
  <c r="AE40846" i="1"/>
  <c r="AE40847" i="1"/>
  <c r="AE40848" i="1"/>
  <c r="AE40849" i="1"/>
  <c r="AE40850" i="1"/>
  <c r="AE40851" i="1"/>
  <c r="AE40852" i="1"/>
  <c r="AE40853" i="1"/>
  <c r="AE40854" i="1"/>
  <c r="AE40855" i="1"/>
  <c r="AE40856" i="1"/>
  <c r="AE40857" i="1"/>
  <c r="AE40858" i="1"/>
  <c r="AE40859" i="1"/>
  <c r="AE40860" i="1"/>
  <c r="AE40861" i="1"/>
  <c r="AE40862" i="1"/>
  <c r="AE40863" i="1"/>
  <c r="AE40864" i="1"/>
  <c r="AE40865" i="1"/>
  <c r="AE40866" i="1"/>
  <c r="AE40867" i="1"/>
  <c r="AE40868" i="1"/>
  <c r="AE40869" i="1"/>
  <c r="AE40870" i="1"/>
  <c r="AE40871" i="1"/>
  <c r="AE40872" i="1"/>
  <c r="AE40873" i="1"/>
  <c r="AE40874" i="1"/>
  <c r="AE40875" i="1"/>
  <c r="AE40876" i="1"/>
  <c r="AE40877" i="1"/>
  <c r="AE40878" i="1"/>
  <c r="AE40879" i="1"/>
  <c r="AE40880" i="1"/>
  <c r="AE40881" i="1"/>
  <c r="AE40882" i="1"/>
  <c r="AE40883" i="1"/>
  <c r="AE40884" i="1"/>
  <c r="AE40885" i="1"/>
  <c r="AE40886" i="1"/>
  <c r="AE40887" i="1"/>
  <c r="AE40888" i="1"/>
  <c r="AE40889" i="1"/>
  <c r="AE40890" i="1"/>
  <c r="AE40891" i="1"/>
  <c r="AE40892" i="1"/>
  <c r="AE40893" i="1"/>
  <c r="AE40894" i="1"/>
  <c r="AE40895" i="1"/>
  <c r="AE40896" i="1"/>
  <c r="AE40897" i="1"/>
  <c r="AE40898" i="1"/>
  <c r="AE40899" i="1"/>
  <c r="AE40900" i="1"/>
  <c r="AE40901" i="1"/>
  <c r="AE40902" i="1"/>
  <c r="AE40903" i="1"/>
  <c r="AE40904" i="1"/>
  <c r="AE40905" i="1"/>
  <c r="AE40906" i="1"/>
  <c r="AE40907" i="1"/>
  <c r="AE40908" i="1"/>
  <c r="AE40909" i="1"/>
  <c r="AE40910" i="1"/>
  <c r="AE40911" i="1"/>
  <c r="AE40912" i="1"/>
  <c r="AE40913" i="1"/>
  <c r="AE40914" i="1"/>
  <c r="AE40915" i="1"/>
  <c r="AE40916" i="1"/>
  <c r="AE40917" i="1"/>
  <c r="AE40918" i="1"/>
  <c r="AE40919" i="1"/>
  <c r="AE40920" i="1"/>
  <c r="AE40921" i="1"/>
  <c r="AE40922" i="1"/>
  <c r="AE40923" i="1"/>
  <c r="AE40924" i="1"/>
  <c r="AE40925" i="1"/>
  <c r="AE40926" i="1"/>
  <c r="AE40927" i="1"/>
  <c r="AE40928" i="1"/>
  <c r="AE40929" i="1"/>
  <c r="AE40930" i="1"/>
  <c r="AE40931" i="1"/>
  <c r="AE40932" i="1"/>
  <c r="AE40933" i="1"/>
  <c r="AE40934" i="1"/>
  <c r="AE40935" i="1"/>
  <c r="AE40936" i="1"/>
  <c r="AE40937" i="1"/>
  <c r="AE40938" i="1"/>
  <c r="AE40939" i="1"/>
  <c r="AE40940" i="1"/>
  <c r="AE40941" i="1"/>
  <c r="AE40942" i="1"/>
  <c r="AE40943" i="1"/>
  <c r="AE40944" i="1"/>
  <c r="AE40945" i="1"/>
  <c r="AE40946" i="1"/>
  <c r="AE40947" i="1"/>
  <c r="AE40948" i="1"/>
  <c r="AE40949" i="1"/>
  <c r="AE40950" i="1"/>
  <c r="AE40951" i="1"/>
  <c r="AE40952" i="1"/>
  <c r="AE40953" i="1"/>
  <c r="AE40954" i="1"/>
  <c r="AE40955" i="1"/>
  <c r="AE40956" i="1"/>
  <c r="AE40957" i="1"/>
  <c r="AE40958" i="1"/>
  <c r="AE40959" i="1"/>
  <c r="AE40960" i="1"/>
  <c r="AE40961" i="1"/>
  <c r="AE40962" i="1"/>
  <c r="AE40963" i="1"/>
  <c r="AE40964" i="1"/>
  <c r="AE40965" i="1"/>
  <c r="AE40966" i="1"/>
  <c r="AE40967" i="1"/>
  <c r="AE40968" i="1"/>
  <c r="AE40969" i="1"/>
  <c r="AE40970" i="1"/>
  <c r="AE40971" i="1"/>
  <c r="AE40972" i="1"/>
  <c r="AE40973" i="1"/>
  <c r="AE40974" i="1"/>
  <c r="AE40975" i="1"/>
  <c r="AE40976" i="1"/>
  <c r="AE40977" i="1"/>
  <c r="AE40978" i="1"/>
  <c r="AE40979" i="1"/>
  <c r="AE40980" i="1"/>
  <c r="AE40981" i="1"/>
  <c r="AE40982" i="1"/>
  <c r="AE40983" i="1"/>
  <c r="AE40984" i="1"/>
  <c r="AE40985" i="1"/>
  <c r="AE40986" i="1"/>
  <c r="AE40987" i="1"/>
  <c r="AE40988" i="1"/>
  <c r="AE40989" i="1"/>
  <c r="AE40990" i="1"/>
  <c r="AE40991" i="1"/>
  <c r="AE40992" i="1"/>
  <c r="AE40993" i="1"/>
  <c r="AE40994" i="1"/>
  <c r="AE40995" i="1"/>
  <c r="AE40996" i="1"/>
  <c r="AE40997" i="1"/>
  <c r="AE40998" i="1"/>
  <c r="AE40999" i="1"/>
  <c r="AE41000" i="1"/>
  <c r="AE41001" i="1"/>
  <c r="AE41002" i="1"/>
  <c r="AE41003" i="1"/>
  <c r="AE41004" i="1"/>
  <c r="AE41005" i="1"/>
  <c r="AE41006" i="1"/>
  <c r="AE41007" i="1"/>
  <c r="AE41008" i="1"/>
  <c r="AE41009" i="1"/>
  <c r="AE41010" i="1"/>
  <c r="AE41011" i="1"/>
  <c r="AE41012" i="1"/>
  <c r="AE41013" i="1"/>
  <c r="AE41014" i="1"/>
  <c r="AE41015" i="1"/>
  <c r="AE41016" i="1"/>
  <c r="AE41017" i="1"/>
  <c r="AE41018" i="1"/>
  <c r="AE41019" i="1"/>
  <c r="AE41020" i="1"/>
  <c r="AE41021" i="1"/>
  <c r="AE41022" i="1"/>
  <c r="AE41023" i="1"/>
  <c r="AE41024" i="1"/>
  <c r="AE41025" i="1"/>
  <c r="AE41026" i="1"/>
  <c r="AE41027" i="1"/>
  <c r="AE41028" i="1"/>
  <c r="AE41029" i="1"/>
  <c r="AE41030" i="1"/>
  <c r="AE41031" i="1"/>
  <c r="AE41032" i="1"/>
  <c r="AE41033" i="1"/>
  <c r="AE41034" i="1"/>
  <c r="AE41035" i="1"/>
  <c r="AE41036" i="1"/>
  <c r="AE41037" i="1"/>
  <c r="AE41038" i="1"/>
  <c r="AE41039" i="1"/>
  <c r="AE41040" i="1"/>
  <c r="AE41041" i="1"/>
  <c r="AE41042" i="1"/>
  <c r="AE41043" i="1"/>
  <c r="AE41044" i="1"/>
  <c r="AE41045" i="1"/>
  <c r="AE41046" i="1"/>
  <c r="AE41047" i="1"/>
  <c r="AE41048" i="1"/>
  <c r="AE41049" i="1"/>
  <c r="AE41050" i="1"/>
  <c r="AE41051" i="1"/>
  <c r="AE41052" i="1"/>
  <c r="AE41053" i="1"/>
  <c r="AE41054" i="1"/>
  <c r="AE41055" i="1"/>
  <c r="AE41056" i="1"/>
  <c r="AE41057" i="1"/>
  <c r="AE41058" i="1"/>
  <c r="AE41059" i="1"/>
  <c r="AE41060" i="1"/>
  <c r="AE41061" i="1"/>
  <c r="AE41062" i="1"/>
  <c r="AE41063" i="1"/>
  <c r="AE41064" i="1"/>
  <c r="AE41065" i="1"/>
  <c r="AE41066" i="1"/>
  <c r="AE41067" i="1"/>
  <c r="AE41068" i="1"/>
  <c r="AE41069" i="1"/>
  <c r="AE41070" i="1"/>
  <c r="AE41071" i="1"/>
  <c r="AE41072" i="1"/>
  <c r="AE41073" i="1"/>
  <c r="AE41074" i="1"/>
  <c r="AE41075" i="1"/>
  <c r="AE41076" i="1"/>
  <c r="AE41077" i="1"/>
  <c r="AE41078" i="1"/>
  <c r="AE41079" i="1"/>
  <c r="AE41080" i="1"/>
  <c r="AE41081" i="1"/>
  <c r="AE41082" i="1"/>
  <c r="AE41083" i="1"/>
  <c r="AE41084" i="1"/>
  <c r="AE41085" i="1"/>
  <c r="AE41086" i="1"/>
  <c r="AE41087" i="1"/>
  <c r="AE41088" i="1"/>
  <c r="AE41089" i="1"/>
  <c r="AE41090" i="1"/>
  <c r="AE41091" i="1"/>
  <c r="AE41092" i="1"/>
  <c r="AE41093" i="1"/>
  <c r="AE41094" i="1"/>
  <c r="AE41095" i="1"/>
  <c r="AE41096" i="1"/>
  <c r="AE41097" i="1"/>
  <c r="AE41098" i="1"/>
  <c r="AE41099" i="1"/>
  <c r="AE41100" i="1"/>
  <c r="AE41101" i="1"/>
  <c r="AE41102" i="1"/>
  <c r="AE41103" i="1"/>
  <c r="AE41104" i="1"/>
  <c r="AE41105" i="1"/>
  <c r="AE41106" i="1"/>
  <c r="AE41107" i="1"/>
  <c r="AE41108" i="1"/>
  <c r="AE41109" i="1"/>
  <c r="AE41110" i="1"/>
  <c r="AE41111" i="1"/>
  <c r="AE41112" i="1"/>
  <c r="AE41113" i="1"/>
  <c r="AE41114" i="1"/>
  <c r="AE41115" i="1"/>
  <c r="AE41116" i="1"/>
  <c r="AE41117" i="1"/>
  <c r="AE41118" i="1"/>
  <c r="AE41119" i="1"/>
  <c r="AE41120" i="1"/>
  <c r="AE41121" i="1"/>
  <c r="AE41122" i="1"/>
  <c r="AE41123" i="1"/>
  <c r="AE41124" i="1"/>
  <c r="AE41125" i="1"/>
  <c r="AE41126" i="1"/>
  <c r="AE41127" i="1"/>
  <c r="AE41128" i="1"/>
  <c r="AE41129" i="1"/>
  <c r="AE41130" i="1"/>
  <c r="AE41131" i="1"/>
  <c r="AE41132" i="1"/>
  <c r="AE41133" i="1"/>
  <c r="AE41134" i="1"/>
  <c r="AE41135" i="1"/>
  <c r="AE41136" i="1"/>
  <c r="AE41137" i="1"/>
  <c r="AE41138" i="1"/>
  <c r="AE41139" i="1"/>
  <c r="AE41140" i="1"/>
  <c r="AE41141" i="1"/>
  <c r="AE41142" i="1"/>
  <c r="AE41143" i="1"/>
  <c r="AE41144" i="1"/>
  <c r="AE41145" i="1"/>
  <c r="AE41146" i="1"/>
  <c r="AE41147" i="1"/>
  <c r="AE41148" i="1"/>
  <c r="AE41149" i="1"/>
  <c r="AE41150" i="1"/>
  <c r="AE41151" i="1"/>
  <c r="AE41152" i="1"/>
  <c r="AE41153" i="1"/>
  <c r="AE41154" i="1"/>
  <c r="AE41155" i="1"/>
  <c r="AE41156" i="1"/>
  <c r="AE41157" i="1"/>
  <c r="AE41158" i="1"/>
  <c r="AE41159" i="1"/>
  <c r="AE41160" i="1"/>
  <c r="AE41161" i="1"/>
  <c r="AE41162" i="1"/>
  <c r="AE41163" i="1"/>
  <c r="AE41164" i="1"/>
  <c r="AE41165" i="1"/>
  <c r="AE41166" i="1"/>
  <c r="AE41167" i="1"/>
  <c r="AE41168" i="1"/>
  <c r="AE41169" i="1"/>
  <c r="AE41170" i="1"/>
  <c r="AE41171" i="1"/>
  <c r="AE41172" i="1"/>
  <c r="AE41173" i="1"/>
  <c r="AE41174" i="1"/>
  <c r="AE41175" i="1"/>
  <c r="AE41176" i="1"/>
  <c r="AE41177" i="1"/>
  <c r="AE41178" i="1"/>
  <c r="AE41179" i="1"/>
  <c r="AE41180" i="1"/>
  <c r="AE41181" i="1"/>
  <c r="AE41182" i="1"/>
  <c r="AE41183" i="1"/>
  <c r="AE41184" i="1"/>
  <c r="AE41185" i="1"/>
  <c r="AE41186" i="1"/>
  <c r="AE41187" i="1"/>
  <c r="AE41188" i="1"/>
  <c r="AE41189" i="1"/>
  <c r="AE41190" i="1"/>
  <c r="AE41191" i="1"/>
  <c r="AE41192" i="1"/>
  <c r="AE41193" i="1"/>
  <c r="AE41194" i="1"/>
  <c r="AE41195" i="1"/>
  <c r="AE41196" i="1"/>
  <c r="AE41197" i="1"/>
  <c r="AE41198" i="1"/>
  <c r="AE41199" i="1"/>
  <c r="AE41200" i="1"/>
  <c r="AE41201" i="1"/>
  <c r="AE41202" i="1"/>
  <c r="AE41203" i="1"/>
  <c r="AE41204" i="1"/>
  <c r="AE41205" i="1"/>
  <c r="AE41206" i="1"/>
  <c r="AE41207" i="1"/>
  <c r="AE41208" i="1"/>
  <c r="AE41209" i="1"/>
  <c r="AE41210" i="1"/>
  <c r="AE41211" i="1"/>
  <c r="AE41212" i="1"/>
  <c r="AE41213" i="1"/>
  <c r="AE41214" i="1"/>
  <c r="AE41215" i="1"/>
  <c r="AE41216" i="1"/>
  <c r="AE41217" i="1"/>
  <c r="AE41218" i="1"/>
  <c r="AE41219" i="1"/>
  <c r="AE41220" i="1"/>
  <c r="AE41221" i="1"/>
  <c r="AE41222" i="1"/>
  <c r="AE41223" i="1"/>
  <c r="AE41224" i="1"/>
  <c r="AE41225" i="1"/>
  <c r="AE41226" i="1"/>
  <c r="AE41227" i="1"/>
  <c r="AE41228" i="1"/>
  <c r="AE41229" i="1"/>
  <c r="AE41230" i="1"/>
  <c r="AE41231" i="1"/>
  <c r="AE41232" i="1"/>
  <c r="AE41233" i="1"/>
  <c r="AE41234" i="1"/>
  <c r="AE41235" i="1"/>
  <c r="AE41236" i="1"/>
  <c r="AE41237" i="1"/>
  <c r="AE41238" i="1"/>
  <c r="AE41239" i="1"/>
  <c r="AE41240" i="1"/>
  <c r="AE41241" i="1"/>
  <c r="AE41242" i="1"/>
  <c r="AE41243" i="1"/>
  <c r="AE41244" i="1"/>
  <c r="AE41245" i="1"/>
  <c r="AE41246" i="1"/>
  <c r="AE41247" i="1"/>
  <c r="AE41248" i="1"/>
  <c r="AE41249" i="1"/>
  <c r="AE41250" i="1"/>
  <c r="AE41251" i="1"/>
  <c r="AE41252" i="1"/>
  <c r="AE41253" i="1"/>
  <c r="AE41254" i="1"/>
  <c r="AE41255" i="1"/>
  <c r="AE41256" i="1"/>
  <c r="AE41257" i="1"/>
  <c r="AE41258" i="1"/>
  <c r="AE41259" i="1"/>
  <c r="AE41260" i="1"/>
  <c r="AE41261" i="1"/>
  <c r="AE41262" i="1"/>
  <c r="AE41263" i="1"/>
  <c r="AE41264" i="1"/>
  <c r="AE41265" i="1"/>
  <c r="AE41266" i="1"/>
  <c r="AE41267" i="1"/>
  <c r="AE41268" i="1"/>
  <c r="AE41269" i="1"/>
  <c r="AE41270" i="1"/>
  <c r="AE41271" i="1"/>
  <c r="AE41272" i="1"/>
  <c r="AE41273" i="1"/>
  <c r="AE41274" i="1"/>
  <c r="AE41275" i="1"/>
  <c r="AE41276" i="1"/>
  <c r="AE41277" i="1"/>
  <c r="AE41278" i="1"/>
  <c r="AE41279" i="1"/>
  <c r="AE41280" i="1"/>
  <c r="AE41281" i="1"/>
  <c r="AE41282" i="1"/>
  <c r="AE41283" i="1"/>
  <c r="AE41284" i="1"/>
  <c r="AE41285" i="1"/>
  <c r="AE41286" i="1"/>
  <c r="AE41287" i="1"/>
  <c r="AE41288" i="1"/>
  <c r="AE41289" i="1"/>
  <c r="AE41290" i="1"/>
  <c r="AE41291" i="1"/>
  <c r="AE41292" i="1"/>
  <c r="AE41293" i="1"/>
  <c r="AE41294" i="1"/>
  <c r="AE41295" i="1"/>
  <c r="AE41296" i="1"/>
  <c r="AE41297" i="1"/>
  <c r="AE41298" i="1"/>
  <c r="AE41299" i="1"/>
  <c r="AE41300" i="1"/>
  <c r="AE41301" i="1"/>
  <c r="AE41302" i="1"/>
  <c r="AE41303" i="1"/>
  <c r="AE41304" i="1"/>
  <c r="AE41305" i="1"/>
  <c r="AE41306" i="1"/>
  <c r="AE41307" i="1"/>
  <c r="AE41308" i="1"/>
  <c r="AE41309" i="1"/>
  <c r="AE41310" i="1"/>
  <c r="AE41311" i="1"/>
  <c r="AE41312" i="1"/>
  <c r="AE41313" i="1"/>
  <c r="AE41314" i="1"/>
  <c r="AE41315" i="1"/>
  <c r="AE41316" i="1"/>
  <c r="AE41317" i="1"/>
  <c r="AE41318" i="1"/>
  <c r="AE41319" i="1"/>
  <c r="AE41320" i="1"/>
  <c r="AE41321" i="1"/>
  <c r="AE41322" i="1"/>
  <c r="AE41323" i="1"/>
  <c r="AE41324" i="1"/>
  <c r="AE41325" i="1"/>
  <c r="AE41326" i="1"/>
  <c r="AE41327" i="1"/>
  <c r="AE41328" i="1"/>
  <c r="AE41329" i="1"/>
  <c r="AE41330" i="1"/>
  <c r="AE41331" i="1"/>
  <c r="AE41332" i="1"/>
  <c r="AE41333" i="1"/>
  <c r="AE41334" i="1"/>
  <c r="AE41335" i="1"/>
  <c r="AE41336" i="1"/>
  <c r="AE41337" i="1"/>
  <c r="AE41338" i="1"/>
  <c r="AE41339" i="1"/>
  <c r="AE41340" i="1"/>
  <c r="AE41341" i="1"/>
  <c r="AE41342" i="1"/>
  <c r="AE41343" i="1"/>
  <c r="AE41344" i="1"/>
  <c r="AE41345" i="1"/>
  <c r="AE41346" i="1"/>
  <c r="AE41347" i="1"/>
  <c r="AE41348" i="1"/>
  <c r="AE41349" i="1"/>
  <c r="AE41350" i="1"/>
  <c r="AE41351" i="1"/>
  <c r="AE41352" i="1"/>
  <c r="AE41353" i="1"/>
  <c r="AE41354" i="1"/>
  <c r="AE41355" i="1"/>
  <c r="AE41356" i="1"/>
  <c r="AE41357" i="1"/>
  <c r="AE41358" i="1"/>
  <c r="AE41359" i="1"/>
  <c r="AE41360" i="1"/>
  <c r="AE41361" i="1"/>
  <c r="AE41362" i="1"/>
  <c r="AE41363" i="1"/>
  <c r="AE41364" i="1"/>
  <c r="AE41365" i="1"/>
  <c r="AE41366" i="1"/>
  <c r="AE41367" i="1"/>
  <c r="AE41368" i="1"/>
  <c r="AE41369" i="1"/>
  <c r="AE41370" i="1"/>
  <c r="AE41371" i="1"/>
  <c r="AE41372" i="1"/>
  <c r="AE41373" i="1"/>
  <c r="AE41374" i="1"/>
  <c r="AE41375" i="1"/>
  <c r="AE41376" i="1"/>
  <c r="AE41377" i="1"/>
  <c r="AE41378" i="1"/>
  <c r="AE41379" i="1"/>
  <c r="AE41380" i="1"/>
  <c r="AE41381" i="1"/>
  <c r="AE41382" i="1"/>
  <c r="AE41383" i="1"/>
  <c r="AE41384" i="1"/>
  <c r="AE41385" i="1"/>
  <c r="AE41386" i="1"/>
  <c r="AE41387" i="1"/>
  <c r="AE41388" i="1"/>
  <c r="AE41389" i="1"/>
  <c r="AE41390" i="1"/>
  <c r="AE41391" i="1"/>
  <c r="AE41392" i="1"/>
  <c r="AE41393" i="1"/>
  <c r="AE41394" i="1"/>
  <c r="AE41395" i="1"/>
  <c r="AE41396" i="1"/>
  <c r="AE41397" i="1"/>
  <c r="AE41398" i="1"/>
  <c r="AE41399" i="1"/>
  <c r="AE41400" i="1"/>
  <c r="AE41401" i="1"/>
  <c r="AE41402" i="1"/>
  <c r="AE41403" i="1"/>
  <c r="AE41404" i="1"/>
  <c r="AE41405" i="1"/>
  <c r="AE41406" i="1"/>
  <c r="AE41407" i="1"/>
  <c r="AE41408" i="1"/>
  <c r="AE41409" i="1"/>
  <c r="AE41410" i="1"/>
  <c r="AE41411" i="1"/>
  <c r="AE41412" i="1"/>
  <c r="AE41413" i="1"/>
  <c r="AE41414" i="1"/>
  <c r="AE41415" i="1"/>
  <c r="AE41416" i="1"/>
  <c r="AE41417" i="1"/>
  <c r="AE41418" i="1"/>
  <c r="AE41419" i="1"/>
  <c r="AE41420" i="1"/>
  <c r="AE41421" i="1"/>
  <c r="AE41422" i="1"/>
  <c r="AE41423" i="1"/>
  <c r="AE41424" i="1"/>
  <c r="AE41425" i="1"/>
  <c r="AE41426" i="1"/>
  <c r="AE41427" i="1"/>
  <c r="AE41428" i="1"/>
  <c r="AE41429" i="1"/>
  <c r="AE41430" i="1"/>
  <c r="AE41431" i="1"/>
  <c r="AE41432" i="1"/>
  <c r="AE41433" i="1"/>
  <c r="AE41434" i="1"/>
  <c r="AE41435" i="1"/>
  <c r="AE41436" i="1"/>
  <c r="AE41437" i="1"/>
  <c r="AE41438" i="1"/>
  <c r="AE41439" i="1"/>
  <c r="AE41440" i="1"/>
  <c r="AE41441" i="1"/>
  <c r="AE41442" i="1"/>
  <c r="AE41443" i="1"/>
  <c r="AE41444" i="1"/>
  <c r="AE41445" i="1"/>
  <c r="AE41446" i="1"/>
  <c r="AE41447" i="1"/>
  <c r="AE41448" i="1"/>
  <c r="AE41449" i="1"/>
  <c r="AE41450" i="1"/>
  <c r="AE41451" i="1"/>
  <c r="AE41452" i="1"/>
  <c r="AE41453" i="1"/>
  <c r="AE41454" i="1"/>
  <c r="AE41455" i="1"/>
  <c r="AE41456" i="1"/>
  <c r="AE41457" i="1"/>
  <c r="AE41458" i="1"/>
  <c r="AE41459" i="1"/>
  <c r="AE41460" i="1"/>
  <c r="AE41461" i="1"/>
  <c r="AE41462" i="1"/>
  <c r="AE41463" i="1"/>
  <c r="AE41464" i="1"/>
  <c r="AE41465" i="1"/>
  <c r="AE41466" i="1"/>
  <c r="AE41467" i="1"/>
  <c r="AE41468" i="1"/>
  <c r="AE41469" i="1"/>
  <c r="AE41470" i="1"/>
  <c r="AE41471" i="1"/>
  <c r="AE41472" i="1"/>
  <c r="AE41473" i="1"/>
  <c r="AE41474" i="1"/>
  <c r="AE41475" i="1"/>
  <c r="AE41476" i="1"/>
  <c r="AE41477" i="1"/>
  <c r="AE41478" i="1"/>
  <c r="AE41479" i="1"/>
  <c r="AE41480" i="1"/>
  <c r="AE41481" i="1"/>
  <c r="AE41482" i="1"/>
  <c r="AE41483" i="1"/>
  <c r="AE41484" i="1"/>
  <c r="AE41485" i="1"/>
  <c r="AE41486" i="1"/>
  <c r="AE41487" i="1"/>
  <c r="AE41488" i="1"/>
  <c r="AE41489" i="1"/>
  <c r="AE41490" i="1"/>
  <c r="AE41491" i="1"/>
  <c r="AE41492" i="1"/>
  <c r="AE41493" i="1"/>
  <c r="AE41494" i="1"/>
  <c r="AE41495" i="1"/>
  <c r="AE41496" i="1"/>
  <c r="AE41497" i="1"/>
  <c r="AE41498" i="1"/>
  <c r="AE41499" i="1"/>
  <c r="AE41500" i="1"/>
  <c r="AE41501" i="1"/>
  <c r="AE41502" i="1"/>
  <c r="AE41503" i="1"/>
  <c r="AE41504" i="1"/>
  <c r="AE41505" i="1"/>
  <c r="AE41506" i="1"/>
  <c r="AE41507" i="1"/>
  <c r="AE41508" i="1"/>
  <c r="AE41509" i="1"/>
  <c r="AE41510" i="1"/>
  <c r="AE41511" i="1"/>
  <c r="AE41512" i="1"/>
  <c r="AE41513" i="1"/>
  <c r="AE41514" i="1"/>
  <c r="AE41515" i="1"/>
  <c r="AE41516" i="1"/>
  <c r="AE41517" i="1"/>
  <c r="AE41518" i="1"/>
  <c r="AE41519" i="1"/>
  <c r="AE41520" i="1"/>
  <c r="AE41521" i="1"/>
  <c r="AE41522" i="1"/>
  <c r="AE41523" i="1"/>
  <c r="AE41524" i="1"/>
  <c r="AE41525" i="1"/>
  <c r="AE41526" i="1"/>
  <c r="AE41527" i="1"/>
  <c r="AE41528" i="1"/>
  <c r="AE41529" i="1"/>
  <c r="AE41530" i="1"/>
  <c r="AE41531" i="1"/>
  <c r="AE41532" i="1"/>
  <c r="AE41533" i="1"/>
  <c r="AE41534" i="1"/>
  <c r="AE41535" i="1"/>
  <c r="AE41536" i="1"/>
  <c r="AE41537" i="1"/>
  <c r="AE41538" i="1"/>
  <c r="AE41539" i="1"/>
  <c r="AE41540" i="1"/>
  <c r="AE41541" i="1"/>
  <c r="AE41542" i="1"/>
  <c r="AE41543" i="1"/>
  <c r="AE41544" i="1"/>
  <c r="AE41545" i="1"/>
  <c r="AE41546" i="1"/>
  <c r="AE41547" i="1"/>
  <c r="AE41548" i="1"/>
  <c r="AE41549" i="1"/>
  <c r="AE41550" i="1"/>
  <c r="AE41551" i="1"/>
  <c r="AE41552" i="1"/>
  <c r="AE41553" i="1"/>
  <c r="AE41554" i="1"/>
  <c r="AE41555" i="1"/>
  <c r="AE41556" i="1"/>
  <c r="AE41557" i="1"/>
  <c r="AE41558" i="1"/>
  <c r="AE41559" i="1"/>
  <c r="AE41560" i="1"/>
  <c r="AE41561" i="1"/>
  <c r="AE41562" i="1"/>
  <c r="AE41563" i="1"/>
  <c r="AE41564" i="1"/>
  <c r="AE41565" i="1"/>
  <c r="AE41566" i="1"/>
  <c r="AE41567" i="1"/>
  <c r="AE41568" i="1"/>
  <c r="AE41569" i="1"/>
  <c r="AE41570" i="1"/>
  <c r="AE41571" i="1"/>
  <c r="AE41572" i="1"/>
  <c r="AE41573" i="1"/>
  <c r="AE41574" i="1"/>
  <c r="AE41575" i="1"/>
  <c r="AE41576" i="1"/>
  <c r="AE41577" i="1"/>
  <c r="AE41578" i="1"/>
  <c r="AE41579" i="1"/>
  <c r="AE41580" i="1"/>
  <c r="AE41581" i="1"/>
  <c r="AE41582" i="1"/>
  <c r="AE41583" i="1"/>
  <c r="AE41584" i="1"/>
  <c r="AE41585" i="1"/>
  <c r="AE41586" i="1"/>
  <c r="AE41587" i="1"/>
  <c r="AE41588" i="1"/>
  <c r="AE41589" i="1"/>
  <c r="AE41590" i="1"/>
  <c r="AE41591" i="1"/>
  <c r="AE41592" i="1"/>
  <c r="AE41593" i="1"/>
  <c r="AE41594" i="1"/>
  <c r="AE41595" i="1"/>
  <c r="AE41596" i="1"/>
  <c r="AE41597" i="1"/>
  <c r="AE41598" i="1"/>
  <c r="AE41599" i="1"/>
  <c r="AE41600" i="1"/>
  <c r="AE41601" i="1"/>
  <c r="AE41602" i="1"/>
  <c r="AE41603" i="1"/>
  <c r="AE41604" i="1"/>
  <c r="AE41605" i="1"/>
  <c r="AE41606" i="1"/>
  <c r="AE41607" i="1"/>
  <c r="AE41608" i="1"/>
  <c r="AE41609" i="1"/>
  <c r="AE41610" i="1"/>
  <c r="AE41611" i="1"/>
  <c r="AE41612" i="1"/>
  <c r="AE41613" i="1"/>
  <c r="AE41614" i="1"/>
  <c r="AE41615" i="1"/>
  <c r="AE41616" i="1"/>
  <c r="AE41617" i="1"/>
  <c r="AE41618" i="1"/>
  <c r="AE41619" i="1"/>
  <c r="AE41620" i="1"/>
  <c r="AE41621" i="1"/>
  <c r="AE41622" i="1"/>
  <c r="AE41623" i="1"/>
  <c r="AE41624" i="1"/>
  <c r="AE41625" i="1"/>
  <c r="AE41626" i="1"/>
  <c r="AE41627" i="1"/>
  <c r="AE41628" i="1"/>
  <c r="AE41629" i="1"/>
  <c r="AE41630" i="1"/>
  <c r="AE41631" i="1"/>
  <c r="AE41632" i="1"/>
  <c r="AE41633" i="1"/>
  <c r="AE41634" i="1"/>
  <c r="AE41635" i="1"/>
  <c r="AE41636" i="1"/>
  <c r="AE41637" i="1"/>
  <c r="AE41638" i="1"/>
  <c r="AE41639" i="1"/>
  <c r="AE41640" i="1"/>
  <c r="AE41641" i="1"/>
  <c r="AE41642" i="1"/>
  <c r="AE41643" i="1"/>
  <c r="AE41644" i="1"/>
  <c r="AE41645" i="1"/>
  <c r="AE41646" i="1"/>
  <c r="AE41647" i="1"/>
  <c r="AE41648" i="1"/>
  <c r="AE41649" i="1"/>
  <c r="AE41650" i="1"/>
  <c r="AE41651" i="1"/>
  <c r="AE41652" i="1"/>
  <c r="AE41653" i="1"/>
  <c r="AE41654" i="1"/>
  <c r="AE41655" i="1"/>
  <c r="AE41656" i="1"/>
  <c r="AE41657" i="1"/>
  <c r="AE41658" i="1"/>
  <c r="AE41659" i="1"/>
  <c r="AE41660" i="1"/>
  <c r="AE41661" i="1"/>
  <c r="AE41662" i="1"/>
  <c r="AE41663" i="1"/>
  <c r="AE41664" i="1"/>
  <c r="AE41665" i="1"/>
  <c r="AE41666" i="1"/>
  <c r="AE41667" i="1"/>
  <c r="AE41668" i="1"/>
  <c r="AE41669" i="1"/>
  <c r="AE41670" i="1"/>
  <c r="AE41671" i="1"/>
  <c r="AE41672" i="1"/>
  <c r="AE41673" i="1"/>
  <c r="AE41674" i="1"/>
  <c r="AE41675" i="1"/>
  <c r="AE41676" i="1"/>
  <c r="AE41677" i="1"/>
  <c r="AE41678" i="1"/>
  <c r="AE41679" i="1"/>
  <c r="AE41680" i="1"/>
  <c r="AE41681" i="1"/>
  <c r="AE41682" i="1"/>
  <c r="AE41683" i="1"/>
  <c r="AE41684" i="1"/>
  <c r="AE41685" i="1"/>
  <c r="AE41686" i="1"/>
  <c r="AE41687" i="1"/>
  <c r="AE41688" i="1"/>
  <c r="AE41689" i="1"/>
  <c r="AE41690" i="1"/>
  <c r="AE41691" i="1"/>
  <c r="AE41692" i="1"/>
  <c r="AE41693" i="1"/>
  <c r="AE41694" i="1"/>
  <c r="AE41695" i="1"/>
  <c r="AE41696" i="1"/>
  <c r="AE41697" i="1"/>
  <c r="AE41698" i="1"/>
  <c r="AE41699" i="1"/>
  <c r="AE41700" i="1"/>
  <c r="AE41701" i="1"/>
  <c r="AE41702" i="1"/>
  <c r="AE41703" i="1"/>
  <c r="AE41704" i="1"/>
  <c r="AE41705" i="1"/>
  <c r="AE41706" i="1"/>
  <c r="AE41707" i="1"/>
  <c r="AE41708" i="1"/>
  <c r="AE41709" i="1"/>
  <c r="AE41710" i="1"/>
  <c r="AE41711" i="1"/>
  <c r="AE41712" i="1"/>
  <c r="AE41713" i="1"/>
  <c r="AE41714" i="1"/>
  <c r="AE41715" i="1"/>
  <c r="AE41716" i="1"/>
  <c r="AE41717" i="1"/>
  <c r="AE41718" i="1"/>
  <c r="AE41719" i="1"/>
  <c r="AE41720" i="1"/>
  <c r="AE41721" i="1"/>
  <c r="AE41722" i="1"/>
  <c r="AE41723" i="1"/>
  <c r="AE41724" i="1"/>
  <c r="AE41725" i="1"/>
  <c r="AE41726" i="1"/>
  <c r="AE41727" i="1"/>
  <c r="AE41728" i="1"/>
  <c r="AE41729" i="1"/>
  <c r="AE41730" i="1"/>
  <c r="AE41731" i="1"/>
  <c r="AE41732" i="1"/>
  <c r="AE41733" i="1"/>
  <c r="AE41734" i="1"/>
  <c r="AE41735" i="1"/>
  <c r="AE41736" i="1"/>
  <c r="AE41737" i="1"/>
  <c r="AE41738" i="1"/>
  <c r="AE41739" i="1"/>
  <c r="AE41740" i="1"/>
  <c r="AE41741" i="1"/>
  <c r="AE41742" i="1"/>
  <c r="AE41743" i="1"/>
  <c r="AE41744" i="1"/>
  <c r="AE41745" i="1"/>
  <c r="AE41746" i="1"/>
  <c r="AE41747" i="1"/>
  <c r="AE41748" i="1"/>
  <c r="AE41749" i="1"/>
  <c r="AE41750" i="1"/>
  <c r="AE41751" i="1"/>
  <c r="AE41752" i="1"/>
  <c r="AE41753" i="1"/>
  <c r="AE41754" i="1"/>
  <c r="AE41755" i="1"/>
  <c r="AE41756" i="1"/>
  <c r="AE41757" i="1"/>
  <c r="AE41758" i="1"/>
  <c r="AE41759" i="1"/>
  <c r="AE41760" i="1"/>
  <c r="AE41761" i="1"/>
  <c r="AE41762" i="1"/>
  <c r="AE41763" i="1"/>
  <c r="AE41764" i="1"/>
  <c r="AE41765" i="1"/>
  <c r="AE41766" i="1"/>
  <c r="AE41767" i="1"/>
  <c r="AE41768" i="1"/>
  <c r="AE41769" i="1"/>
  <c r="AE41770" i="1"/>
  <c r="AE41771" i="1"/>
  <c r="AE41772" i="1"/>
  <c r="AE41773" i="1"/>
  <c r="AE41774" i="1"/>
  <c r="AE41775" i="1"/>
  <c r="AE41776" i="1"/>
  <c r="AE41777" i="1"/>
  <c r="AE41778" i="1"/>
  <c r="AE41779" i="1"/>
  <c r="AE41780" i="1"/>
  <c r="AE41781" i="1"/>
  <c r="AE41782" i="1"/>
  <c r="AE41783" i="1"/>
  <c r="AE41784" i="1"/>
  <c r="AE41785" i="1"/>
  <c r="AE41786" i="1"/>
  <c r="AE41787" i="1"/>
  <c r="AE41788" i="1"/>
  <c r="AE41789" i="1"/>
  <c r="AE41790" i="1"/>
  <c r="AE41791" i="1"/>
  <c r="AE41792" i="1"/>
  <c r="AE41793" i="1"/>
  <c r="AE41794" i="1"/>
  <c r="AE41795" i="1"/>
  <c r="AE41796" i="1"/>
  <c r="AE41797" i="1"/>
  <c r="AE41798" i="1"/>
  <c r="AE41799" i="1"/>
  <c r="AE41800" i="1"/>
  <c r="AE41801" i="1"/>
  <c r="AE41802" i="1"/>
  <c r="AE41803" i="1"/>
  <c r="AE41804" i="1"/>
  <c r="AE41805" i="1"/>
  <c r="AE41806" i="1"/>
  <c r="AE41807" i="1"/>
  <c r="AE41808" i="1"/>
  <c r="AE41809" i="1"/>
  <c r="AE41810" i="1"/>
  <c r="AE41811" i="1"/>
  <c r="AE41812" i="1"/>
  <c r="AE41813" i="1"/>
  <c r="AE41814" i="1"/>
  <c r="AE41815" i="1"/>
  <c r="AE41816" i="1"/>
  <c r="AE41817" i="1"/>
  <c r="AE41818" i="1"/>
  <c r="AE41819" i="1"/>
  <c r="AE41820" i="1"/>
  <c r="AE41821" i="1"/>
  <c r="AE41822" i="1"/>
  <c r="AE41823" i="1"/>
  <c r="AE41824" i="1"/>
  <c r="AE41825" i="1"/>
  <c r="AE41826" i="1"/>
  <c r="AE41827" i="1"/>
  <c r="AE41828" i="1"/>
  <c r="AE41829" i="1"/>
  <c r="AE41830" i="1"/>
  <c r="AE41831" i="1"/>
  <c r="AE41832" i="1"/>
  <c r="AE41833" i="1"/>
  <c r="AE41834" i="1"/>
  <c r="AE41835" i="1"/>
  <c r="AE41836" i="1"/>
  <c r="AE41837" i="1"/>
  <c r="AE41838" i="1"/>
  <c r="AE41839" i="1"/>
  <c r="AE41840" i="1"/>
  <c r="AE41841" i="1"/>
  <c r="AE41842" i="1"/>
  <c r="AE41843" i="1"/>
  <c r="AE41844" i="1"/>
  <c r="AE41845" i="1"/>
  <c r="AE41846" i="1"/>
  <c r="AE41847" i="1"/>
  <c r="AE41848" i="1"/>
  <c r="AE41849" i="1"/>
  <c r="AE41850" i="1"/>
  <c r="AE41851" i="1"/>
  <c r="AE41852" i="1"/>
  <c r="AE41853" i="1"/>
  <c r="AE41854" i="1"/>
  <c r="AE41855" i="1"/>
  <c r="AE41856" i="1"/>
  <c r="AE41857" i="1"/>
  <c r="AE41858" i="1"/>
  <c r="AE41859" i="1"/>
  <c r="AE41860" i="1"/>
  <c r="AE41861" i="1"/>
  <c r="AE41862" i="1"/>
  <c r="AE41863" i="1"/>
  <c r="AE41864" i="1"/>
  <c r="AE41865" i="1"/>
  <c r="AE41866" i="1"/>
  <c r="AE41867" i="1"/>
  <c r="AE41868" i="1"/>
  <c r="AE41869" i="1"/>
  <c r="AE41870" i="1"/>
  <c r="AE41871" i="1"/>
  <c r="AE41872" i="1"/>
  <c r="AE41873" i="1"/>
  <c r="AE41874" i="1"/>
  <c r="AE41875" i="1"/>
  <c r="AE41876" i="1"/>
  <c r="AE41877" i="1"/>
  <c r="AE41878" i="1"/>
  <c r="AE41879" i="1"/>
  <c r="AE41880" i="1"/>
  <c r="AE41881" i="1"/>
  <c r="AE41882" i="1"/>
  <c r="AE41883" i="1"/>
  <c r="AE41884" i="1"/>
  <c r="AE41885" i="1"/>
  <c r="AE41886" i="1"/>
  <c r="AE41887" i="1"/>
  <c r="AE41888" i="1"/>
  <c r="AE41889" i="1"/>
  <c r="AE41890" i="1"/>
  <c r="AE41891" i="1"/>
  <c r="AE41892" i="1"/>
  <c r="AE41893" i="1"/>
  <c r="AE41894" i="1"/>
  <c r="AE41895" i="1"/>
  <c r="AE41896" i="1"/>
  <c r="AE41897" i="1"/>
  <c r="AE41898" i="1"/>
  <c r="AE41899" i="1"/>
  <c r="AE41900" i="1"/>
  <c r="AE41901" i="1"/>
  <c r="AE41902" i="1"/>
  <c r="AE41903" i="1"/>
  <c r="AE41904" i="1"/>
  <c r="AE41905" i="1"/>
  <c r="AE41906" i="1"/>
  <c r="AE41907" i="1"/>
  <c r="AE41908" i="1"/>
  <c r="AE41909" i="1"/>
  <c r="AE41910" i="1"/>
  <c r="AE41911" i="1"/>
  <c r="AE41912" i="1"/>
  <c r="AE41913" i="1"/>
  <c r="AE41914" i="1"/>
  <c r="AE41915" i="1"/>
  <c r="AE41916" i="1"/>
  <c r="AE41917" i="1"/>
  <c r="AE41918" i="1"/>
  <c r="AE41919" i="1"/>
  <c r="AE41920" i="1"/>
  <c r="AE41921" i="1"/>
  <c r="AE41922" i="1"/>
  <c r="AE41923" i="1"/>
  <c r="AE41924" i="1"/>
  <c r="AE41925" i="1"/>
  <c r="AE41926" i="1"/>
  <c r="AE41927" i="1"/>
  <c r="AE41928" i="1"/>
  <c r="AE41929" i="1"/>
  <c r="AE41930" i="1"/>
  <c r="AE41931" i="1"/>
  <c r="AE41932" i="1"/>
  <c r="AE41933" i="1"/>
  <c r="AE41934" i="1"/>
  <c r="AE41935" i="1"/>
  <c r="AE41936" i="1"/>
  <c r="AE41937" i="1"/>
  <c r="AE41938" i="1"/>
  <c r="AE41939" i="1"/>
  <c r="AE41940" i="1"/>
  <c r="AE41941" i="1"/>
  <c r="AE41942" i="1"/>
  <c r="AE41943" i="1"/>
  <c r="AE41944" i="1"/>
  <c r="AE41945" i="1"/>
  <c r="AE41946" i="1"/>
  <c r="AE41947" i="1"/>
  <c r="AE41948" i="1"/>
  <c r="AE41949" i="1"/>
  <c r="AE41950" i="1"/>
  <c r="AE41951" i="1"/>
  <c r="AE41952" i="1"/>
  <c r="AE41953" i="1"/>
  <c r="AE41954" i="1"/>
  <c r="AE41955" i="1"/>
  <c r="AE41956" i="1"/>
  <c r="AE41957" i="1"/>
  <c r="AE41958" i="1"/>
  <c r="AE41959" i="1"/>
  <c r="AE41960" i="1"/>
  <c r="AE41961" i="1"/>
  <c r="AE41962" i="1"/>
  <c r="AE41963" i="1"/>
  <c r="AE41964" i="1"/>
  <c r="AE41965" i="1"/>
  <c r="AE41966" i="1"/>
  <c r="AE41967" i="1"/>
  <c r="AE41968" i="1"/>
  <c r="AE41969" i="1"/>
  <c r="AE41970" i="1"/>
  <c r="AE41971" i="1"/>
  <c r="AE41972" i="1"/>
  <c r="AE41973" i="1"/>
  <c r="AE41974" i="1"/>
  <c r="AE41975" i="1"/>
  <c r="AE41976" i="1"/>
  <c r="AE41977" i="1"/>
  <c r="AE41978" i="1"/>
  <c r="AE41979" i="1"/>
  <c r="AE41980" i="1"/>
  <c r="AE41981" i="1"/>
  <c r="AE41982" i="1"/>
  <c r="AE41983" i="1"/>
  <c r="AE41984" i="1"/>
  <c r="AE41985" i="1"/>
  <c r="AE41986" i="1"/>
  <c r="AE41987" i="1"/>
  <c r="AE41988" i="1"/>
  <c r="AE41989" i="1"/>
  <c r="AE41990" i="1"/>
  <c r="AE41991" i="1"/>
  <c r="AE41992" i="1"/>
  <c r="AE41993" i="1"/>
  <c r="AE41994" i="1"/>
  <c r="AE41995" i="1"/>
  <c r="AE41996" i="1"/>
  <c r="AE41997" i="1"/>
  <c r="AE41998" i="1"/>
  <c r="AE41999" i="1"/>
  <c r="AE42000" i="1"/>
  <c r="AE42001" i="1"/>
  <c r="AE42002" i="1"/>
  <c r="AE42003" i="1"/>
  <c r="AE42004" i="1"/>
  <c r="AE42005" i="1"/>
  <c r="AE42006" i="1"/>
  <c r="AE42007" i="1"/>
  <c r="AE42008" i="1"/>
  <c r="AE42009" i="1"/>
  <c r="AE42010" i="1"/>
  <c r="AE42011" i="1"/>
  <c r="AE42012" i="1"/>
  <c r="AE42013" i="1"/>
  <c r="AE42014" i="1"/>
  <c r="AE42015" i="1"/>
  <c r="AE42016" i="1"/>
  <c r="AE42017" i="1"/>
  <c r="AE42018" i="1"/>
  <c r="AE42019" i="1"/>
  <c r="AE42020" i="1"/>
  <c r="AE42021" i="1"/>
  <c r="AE42022" i="1"/>
  <c r="AE42023" i="1"/>
  <c r="AE42024" i="1"/>
  <c r="AE42025" i="1"/>
  <c r="AE42026" i="1"/>
  <c r="AE42027" i="1"/>
  <c r="AE42028" i="1"/>
  <c r="AE42029" i="1"/>
  <c r="AE42030" i="1"/>
  <c r="AE42031" i="1"/>
  <c r="AE42032" i="1"/>
  <c r="AE42033" i="1"/>
  <c r="AE42034" i="1"/>
  <c r="AE42035" i="1"/>
  <c r="AE42036" i="1"/>
  <c r="AE42037" i="1"/>
  <c r="AE42038" i="1"/>
  <c r="AE42039" i="1"/>
  <c r="AE42040" i="1"/>
  <c r="AE42041" i="1"/>
  <c r="AE42042" i="1"/>
  <c r="AE42043" i="1"/>
  <c r="AE42044" i="1"/>
  <c r="AE42045" i="1"/>
  <c r="AE42046" i="1"/>
  <c r="AE42047" i="1"/>
  <c r="AE42048" i="1"/>
  <c r="AE42049" i="1"/>
  <c r="AE42050" i="1"/>
  <c r="AE42051" i="1"/>
  <c r="AE42052" i="1"/>
  <c r="AE42053" i="1"/>
  <c r="AE42054" i="1"/>
  <c r="AE42055" i="1"/>
  <c r="AE42056" i="1"/>
  <c r="AE42057" i="1"/>
  <c r="AE42058" i="1"/>
  <c r="AE42059" i="1"/>
  <c r="AE42060" i="1"/>
  <c r="AE42061" i="1"/>
  <c r="AE42062" i="1"/>
  <c r="AE42063" i="1"/>
  <c r="AE42064" i="1"/>
  <c r="AE42065" i="1"/>
  <c r="AE42066" i="1"/>
  <c r="AE42067" i="1"/>
  <c r="AE42068" i="1"/>
  <c r="AE42069" i="1"/>
  <c r="AE42070" i="1"/>
  <c r="AE42071" i="1"/>
  <c r="AE42072" i="1"/>
  <c r="AE42073" i="1"/>
  <c r="AE42074" i="1"/>
  <c r="AE42075" i="1"/>
  <c r="AE42076" i="1"/>
  <c r="AE42077" i="1"/>
  <c r="AE42078" i="1"/>
  <c r="AE42079" i="1"/>
  <c r="AE42080" i="1"/>
  <c r="AE42081" i="1"/>
  <c r="AE42082" i="1"/>
  <c r="AE42083" i="1"/>
  <c r="AE42084" i="1"/>
  <c r="AE42085" i="1"/>
  <c r="AE42086" i="1"/>
  <c r="AE42087" i="1"/>
  <c r="AE42088" i="1"/>
  <c r="AE42089" i="1"/>
  <c r="AE42090" i="1"/>
  <c r="AE42091" i="1"/>
  <c r="AE42092" i="1"/>
  <c r="AE42093" i="1"/>
  <c r="AE42094" i="1"/>
  <c r="AE42095" i="1"/>
  <c r="AE42096" i="1"/>
  <c r="AE42097" i="1"/>
  <c r="AE42098" i="1"/>
  <c r="AE42099" i="1"/>
  <c r="AE42100" i="1"/>
  <c r="AE42101" i="1"/>
  <c r="AE42102" i="1"/>
  <c r="AE42103" i="1"/>
  <c r="AE42104" i="1"/>
  <c r="AE42105" i="1"/>
  <c r="AE42106" i="1"/>
  <c r="AE42107" i="1"/>
  <c r="AE42108" i="1"/>
  <c r="AE42109" i="1"/>
  <c r="AE42110" i="1"/>
  <c r="AE42111" i="1"/>
  <c r="AE42112" i="1"/>
  <c r="AE42113" i="1"/>
  <c r="AE42114" i="1"/>
  <c r="AE42115" i="1"/>
  <c r="AE42116" i="1"/>
  <c r="AE42117" i="1"/>
  <c r="AE42118" i="1"/>
  <c r="AE42119" i="1"/>
  <c r="AE42120" i="1"/>
  <c r="AE42121" i="1"/>
  <c r="AE42122" i="1"/>
  <c r="AE42123" i="1"/>
  <c r="AE42124" i="1"/>
  <c r="AE42125" i="1"/>
  <c r="AE42126" i="1"/>
  <c r="AE42127" i="1"/>
  <c r="AE42128" i="1"/>
  <c r="AE42129" i="1"/>
  <c r="AE42130" i="1"/>
  <c r="AE42131" i="1"/>
  <c r="AE42132" i="1"/>
  <c r="AE42133" i="1"/>
  <c r="AE42134" i="1"/>
  <c r="AE42135" i="1"/>
  <c r="AE42136" i="1"/>
  <c r="AE42137" i="1"/>
  <c r="AE42138" i="1"/>
  <c r="AE42139" i="1"/>
  <c r="AE42140" i="1"/>
  <c r="AE42141" i="1"/>
  <c r="AE42142" i="1"/>
  <c r="AE42143" i="1"/>
  <c r="AE42144" i="1"/>
  <c r="AE42145" i="1"/>
  <c r="AE42146" i="1"/>
  <c r="AE42147" i="1"/>
  <c r="AE42148" i="1"/>
  <c r="AE42149" i="1"/>
  <c r="AE42150" i="1"/>
  <c r="AE42151" i="1"/>
  <c r="AE42152" i="1"/>
  <c r="AE42153" i="1"/>
  <c r="AE42154" i="1"/>
  <c r="AE42155" i="1"/>
  <c r="AE42156" i="1"/>
  <c r="AE42157" i="1"/>
  <c r="AE42158" i="1"/>
  <c r="AE42159" i="1"/>
  <c r="AE42160" i="1"/>
  <c r="AE42161" i="1"/>
  <c r="AE42162" i="1"/>
  <c r="AE42163" i="1"/>
  <c r="AE42164" i="1"/>
  <c r="AE42165" i="1"/>
  <c r="AE42166" i="1"/>
  <c r="AE42167" i="1"/>
  <c r="AE42168" i="1"/>
  <c r="AE42169" i="1"/>
  <c r="AE42170" i="1"/>
  <c r="AE42171" i="1"/>
  <c r="AE42172" i="1"/>
  <c r="AE42173" i="1"/>
  <c r="AE42174" i="1"/>
  <c r="AE42175" i="1"/>
  <c r="AE42176" i="1"/>
  <c r="AE42177" i="1"/>
  <c r="AE42178" i="1"/>
  <c r="AE42179" i="1"/>
  <c r="AE42180" i="1"/>
  <c r="AE42181" i="1"/>
  <c r="AE42182" i="1"/>
  <c r="AE42183" i="1"/>
  <c r="AE42184" i="1"/>
  <c r="AE42185" i="1"/>
  <c r="AE42186" i="1"/>
  <c r="AE42187" i="1"/>
  <c r="AE42188" i="1"/>
  <c r="AE42189" i="1"/>
  <c r="AE42190" i="1"/>
  <c r="AE42191" i="1"/>
  <c r="AE42192" i="1"/>
  <c r="AE42193" i="1"/>
  <c r="AE42194" i="1"/>
  <c r="AE42195" i="1"/>
  <c r="AE42196" i="1"/>
  <c r="AE42197" i="1"/>
  <c r="AE42198" i="1"/>
  <c r="AE42199" i="1"/>
  <c r="AE42200" i="1"/>
  <c r="AE42201" i="1"/>
  <c r="AE42202" i="1"/>
  <c r="AE42203" i="1"/>
  <c r="AE42204" i="1"/>
  <c r="AE42205" i="1"/>
  <c r="AE42206" i="1"/>
  <c r="AE42207" i="1"/>
  <c r="AE42208" i="1"/>
  <c r="AE42209" i="1"/>
  <c r="AE42210" i="1"/>
  <c r="AE42211" i="1"/>
  <c r="AE42212" i="1"/>
  <c r="AE42213" i="1"/>
  <c r="AE42214" i="1"/>
  <c r="AE42215" i="1"/>
  <c r="AE42216" i="1"/>
  <c r="AE42217" i="1"/>
  <c r="AE42218" i="1"/>
  <c r="AE42219" i="1"/>
  <c r="AE42220" i="1"/>
  <c r="AE42221" i="1"/>
  <c r="AE42222" i="1"/>
  <c r="AE42223" i="1"/>
  <c r="AE42224" i="1"/>
  <c r="AE42225" i="1"/>
  <c r="AE42226" i="1"/>
  <c r="AE42227" i="1"/>
  <c r="AE42228" i="1"/>
  <c r="AE42229" i="1"/>
  <c r="AE42230" i="1"/>
  <c r="AE42231" i="1"/>
  <c r="AE42232" i="1"/>
  <c r="AE42233" i="1"/>
  <c r="AE42234" i="1"/>
  <c r="AE42235" i="1"/>
  <c r="AE42236" i="1"/>
  <c r="AE42237" i="1"/>
  <c r="AE42238" i="1"/>
  <c r="AE42239" i="1"/>
  <c r="AE42240" i="1"/>
  <c r="AE42241" i="1"/>
  <c r="AE42242" i="1"/>
  <c r="AE42243" i="1"/>
  <c r="AE42244" i="1"/>
  <c r="AE42245" i="1"/>
  <c r="AE42246" i="1"/>
  <c r="AE42247" i="1"/>
  <c r="AE42248" i="1"/>
  <c r="AE42249" i="1"/>
  <c r="AE42250" i="1"/>
  <c r="AE42251" i="1"/>
  <c r="AE42252" i="1"/>
  <c r="AE42253" i="1"/>
  <c r="AE42254" i="1"/>
  <c r="AE42255" i="1"/>
  <c r="AE42256" i="1"/>
  <c r="AE42257" i="1"/>
  <c r="AE42258" i="1"/>
  <c r="AE42259" i="1"/>
  <c r="AE42260" i="1"/>
  <c r="AE42261" i="1"/>
  <c r="AE42262" i="1"/>
  <c r="AE42263" i="1"/>
  <c r="AE42264" i="1"/>
  <c r="AE42265" i="1"/>
  <c r="AE42266" i="1"/>
  <c r="AE42267" i="1"/>
  <c r="AE42268" i="1"/>
  <c r="AE42269" i="1"/>
  <c r="AE42270" i="1"/>
  <c r="AE42271" i="1"/>
  <c r="AE42272" i="1"/>
  <c r="AE42273" i="1"/>
  <c r="AE42274" i="1"/>
  <c r="AE42275" i="1"/>
  <c r="AE42276" i="1"/>
  <c r="AE42277" i="1"/>
  <c r="AE42278" i="1"/>
  <c r="AE42279" i="1"/>
  <c r="AE42280" i="1"/>
  <c r="AE42281" i="1"/>
  <c r="AE42282" i="1"/>
  <c r="AE42283" i="1"/>
  <c r="AE42284" i="1"/>
  <c r="AE42285" i="1"/>
  <c r="AE42286" i="1"/>
  <c r="AE42287" i="1"/>
  <c r="AE42288" i="1"/>
  <c r="AE42289" i="1"/>
  <c r="AE42290" i="1"/>
  <c r="AE42291" i="1"/>
  <c r="AE42292" i="1"/>
  <c r="AE42293" i="1"/>
  <c r="AE42294" i="1"/>
  <c r="AE42295" i="1"/>
  <c r="AE42296" i="1"/>
  <c r="AE42297" i="1"/>
  <c r="AE42298" i="1"/>
  <c r="AE42299" i="1"/>
  <c r="AE42300" i="1"/>
  <c r="AE42301" i="1"/>
  <c r="AE42302" i="1"/>
  <c r="AE42303" i="1"/>
  <c r="AE42304" i="1"/>
  <c r="AE42305" i="1"/>
  <c r="AE42306" i="1"/>
  <c r="AE42307" i="1"/>
  <c r="AE42308" i="1"/>
  <c r="AE42309" i="1"/>
  <c r="AE42310" i="1"/>
  <c r="AE42311" i="1"/>
  <c r="AE42312" i="1"/>
  <c r="AE42313" i="1"/>
  <c r="AE42314" i="1"/>
  <c r="AE42315" i="1"/>
  <c r="AE42316" i="1"/>
  <c r="AE42317" i="1"/>
  <c r="AE42318" i="1"/>
  <c r="AE42319" i="1"/>
  <c r="AE42320" i="1"/>
  <c r="AE42321" i="1"/>
  <c r="AE42322" i="1"/>
  <c r="AE42323" i="1"/>
  <c r="AE42324" i="1"/>
  <c r="AE42325" i="1"/>
  <c r="AE42326" i="1"/>
  <c r="AE42327" i="1"/>
  <c r="AE42328" i="1"/>
  <c r="AE42329" i="1"/>
  <c r="AE42330" i="1"/>
  <c r="AE42331" i="1"/>
  <c r="AE42332" i="1"/>
  <c r="AE42333" i="1"/>
  <c r="AE42334" i="1"/>
  <c r="AE42335" i="1"/>
  <c r="AE42336" i="1"/>
  <c r="AE42337" i="1"/>
  <c r="AE42338" i="1"/>
  <c r="AE42339" i="1"/>
  <c r="AE42340" i="1"/>
  <c r="AE42341" i="1"/>
  <c r="AE42342" i="1"/>
  <c r="AE42343" i="1"/>
  <c r="AE42344" i="1"/>
  <c r="AE42345" i="1"/>
  <c r="AE42346" i="1"/>
  <c r="AE42347" i="1"/>
  <c r="AE42348" i="1"/>
  <c r="AE42349" i="1"/>
  <c r="AE42350" i="1"/>
  <c r="AE42351" i="1"/>
  <c r="AE42352" i="1"/>
  <c r="AE42353" i="1"/>
  <c r="AE42354" i="1"/>
  <c r="AE42355" i="1"/>
  <c r="AE42356" i="1"/>
  <c r="AE42357" i="1"/>
  <c r="AE42358" i="1"/>
  <c r="AE42359" i="1"/>
  <c r="AE42360" i="1"/>
  <c r="AE42361" i="1"/>
  <c r="AE42362" i="1"/>
  <c r="AE42363" i="1"/>
  <c r="AE42364" i="1"/>
  <c r="AE42365" i="1"/>
  <c r="AE42366" i="1"/>
  <c r="AE42367" i="1"/>
  <c r="AE42368" i="1"/>
  <c r="AE42369" i="1"/>
  <c r="AE42370" i="1"/>
  <c r="AE42371" i="1"/>
  <c r="AE42372" i="1"/>
  <c r="AE42373" i="1"/>
  <c r="AE42374" i="1"/>
  <c r="AE42375" i="1"/>
  <c r="AE42376" i="1"/>
  <c r="AE42377" i="1"/>
  <c r="AE42378" i="1"/>
  <c r="AE42379" i="1"/>
  <c r="AE42380" i="1"/>
  <c r="AE42381" i="1"/>
  <c r="AE42382" i="1"/>
  <c r="AE42383" i="1"/>
  <c r="AE42384" i="1"/>
  <c r="AE42385" i="1"/>
  <c r="AE42386" i="1"/>
  <c r="AE42387" i="1"/>
  <c r="AE42388" i="1"/>
  <c r="AE42389" i="1"/>
  <c r="AE42390" i="1"/>
  <c r="AE42391" i="1"/>
  <c r="AE42392" i="1"/>
  <c r="AE42393" i="1"/>
  <c r="AE42394" i="1"/>
  <c r="AE42395" i="1"/>
  <c r="AE42396" i="1"/>
  <c r="AE42397" i="1"/>
  <c r="AE42398" i="1"/>
  <c r="AE42399" i="1"/>
  <c r="AE42400" i="1"/>
  <c r="AE42401" i="1"/>
  <c r="AE42402" i="1"/>
  <c r="AE42403" i="1"/>
  <c r="AE42404" i="1"/>
  <c r="AE42405" i="1"/>
  <c r="AE42406" i="1"/>
  <c r="AE42407" i="1"/>
  <c r="AE42408" i="1"/>
  <c r="AE42409" i="1"/>
  <c r="AE42410" i="1"/>
  <c r="AE42411" i="1"/>
  <c r="AE42412" i="1"/>
  <c r="AE42413" i="1"/>
  <c r="AE42414" i="1"/>
  <c r="AE42415" i="1"/>
  <c r="AE42416" i="1"/>
  <c r="AE42417" i="1"/>
  <c r="AE42418" i="1"/>
  <c r="AE42419" i="1"/>
  <c r="AE42420" i="1"/>
  <c r="AE42421" i="1"/>
  <c r="AE42422" i="1"/>
  <c r="AE42423" i="1"/>
  <c r="AE42424" i="1"/>
  <c r="AE42425" i="1"/>
  <c r="AE42426" i="1"/>
  <c r="AE42427" i="1"/>
  <c r="AE42428" i="1"/>
  <c r="AE42429" i="1"/>
  <c r="AE42430" i="1"/>
  <c r="AE42431" i="1"/>
  <c r="AE42432" i="1"/>
  <c r="AE42433" i="1"/>
  <c r="AE42434" i="1"/>
  <c r="AE42435" i="1"/>
  <c r="AE42436" i="1"/>
  <c r="AE42437" i="1"/>
  <c r="AE42438" i="1"/>
  <c r="AE42439" i="1"/>
  <c r="AE42440" i="1"/>
  <c r="AE42441" i="1"/>
  <c r="AE42442" i="1"/>
  <c r="AE42443" i="1"/>
  <c r="AE42444" i="1"/>
  <c r="AE42445" i="1"/>
  <c r="AE42446" i="1"/>
  <c r="AE42447" i="1"/>
  <c r="AE42448" i="1"/>
  <c r="AE42449" i="1"/>
  <c r="AE42450" i="1"/>
  <c r="AE42451" i="1"/>
  <c r="AE42452" i="1"/>
  <c r="AE42453" i="1"/>
  <c r="AE42454" i="1"/>
  <c r="AE42455" i="1"/>
  <c r="AE42456" i="1"/>
  <c r="AE42457" i="1"/>
  <c r="AE42458" i="1"/>
  <c r="AE42459" i="1"/>
  <c r="AE42460" i="1"/>
  <c r="AE42461" i="1"/>
  <c r="AE42462" i="1"/>
  <c r="AE42463" i="1"/>
  <c r="AE42464" i="1"/>
  <c r="AE42465" i="1"/>
  <c r="AE42466" i="1"/>
  <c r="AE42467" i="1"/>
  <c r="AE42468" i="1"/>
  <c r="AE42469" i="1"/>
  <c r="AE42470" i="1"/>
  <c r="AE42471" i="1"/>
  <c r="AE42472" i="1"/>
  <c r="AE42473" i="1"/>
  <c r="AE42474" i="1"/>
  <c r="AE42475" i="1"/>
  <c r="AE42476" i="1"/>
  <c r="AE42477" i="1"/>
  <c r="AE42478" i="1"/>
  <c r="AE42479" i="1"/>
  <c r="AE42480" i="1"/>
  <c r="AE42481" i="1"/>
  <c r="AE42482" i="1"/>
  <c r="AE42483" i="1"/>
  <c r="AE42484" i="1"/>
  <c r="AE42485" i="1"/>
  <c r="AE42486" i="1"/>
  <c r="AE42487" i="1"/>
  <c r="AE42488" i="1"/>
  <c r="AE42489" i="1"/>
  <c r="AE42490" i="1"/>
  <c r="AE42491" i="1"/>
  <c r="AE42492" i="1"/>
  <c r="AE42493" i="1"/>
  <c r="AE42494" i="1"/>
  <c r="AE42495" i="1"/>
  <c r="AE42496" i="1"/>
  <c r="AE42497" i="1"/>
  <c r="AE42498" i="1"/>
  <c r="AE42499" i="1"/>
  <c r="AE42500" i="1"/>
  <c r="AE42501" i="1"/>
  <c r="AE42502" i="1"/>
  <c r="AE42503" i="1"/>
  <c r="AE42504" i="1"/>
  <c r="AE42505" i="1"/>
  <c r="AE42506" i="1"/>
  <c r="AE42507" i="1"/>
  <c r="AE42508" i="1"/>
  <c r="AE42509" i="1"/>
  <c r="AE42510" i="1"/>
  <c r="AE42511" i="1"/>
  <c r="AE42512" i="1"/>
  <c r="AE42513" i="1"/>
  <c r="AE42514" i="1"/>
  <c r="AE42515" i="1"/>
  <c r="AE42516" i="1"/>
  <c r="AE42517" i="1"/>
  <c r="AE42518" i="1"/>
  <c r="AE42519" i="1"/>
  <c r="AE42520" i="1"/>
  <c r="AE42521" i="1"/>
  <c r="AE42522" i="1"/>
  <c r="AE42523" i="1"/>
  <c r="AE42524" i="1"/>
  <c r="AE42525" i="1"/>
  <c r="AE42526" i="1"/>
  <c r="AE42527" i="1"/>
  <c r="AE42528" i="1"/>
  <c r="AE42529" i="1"/>
  <c r="AE42530" i="1"/>
  <c r="AE42531" i="1"/>
  <c r="AE42532" i="1"/>
  <c r="AE42533" i="1"/>
  <c r="AE42534" i="1"/>
  <c r="AE42535" i="1"/>
  <c r="AE42536" i="1"/>
  <c r="AE42537" i="1"/>
  <c r="AE42538" i="1"/>
  <c r="AE42539" i="1"/>
  <c r="AE42540" i="1"/>
  <c r="AE42541" i="1"/>
  <c r="AE42542" i="1"/>
  <c r="AE42543" i="1"/>
  <c r="AE42544" i="1"/>
  <c r="AE42545" i="1"/>
  <c r="AE42546" i="1"/>
  <c r="AE42547" i="1"/>
  <c r="AE42548" i="1"/>
  <c r="AE42549" i="1"/>
  <c r="AE42550" i="1"/>
  <c r="AE42551" i="1"/>
  <c r="AE42552" i="1"/>
  <c r="AE42553" i="1"/>
  <c r="AE42554" i="1"/>
  <c r="AE42555" i="1"/>
  <c r="AE42556" i="1"/>
  <c r="AE42557" i="1"/>
  <c r="AE42558" i="1"/>
  <c r="AE42559" i="1"/>
  <c r="AE42560" i="1"/>
  <c r="AE42561" i="1"/>
  <c r="AE42562" i="1"/>
  <c r="AE42563" i="1"/>
  <c r="AE42564" i="1"/>
  <c r="AE42565" i="1"/>
  <c r="AE42566" i="1"/>
  <c r="AE42567" i="1"/>
  <c r="AE42568" i="1"/>
  <c r="AE42569" i="1"/>
  <c r="AE42570" i="1"/>
  <c r="AE42571" i="1"/>
  <c r="AE42572" i="1"/>
  <c r="AE42573" i="1"/>
  <c r="AE42574" i="1"/>
  <c r="AE42575" i="1"/>
  <c r="AE42576" i="1"/>
  <c r="AE42577" i="1"/>
  <c r="AE42578" i="1"/>
  <c r="AE42579" i="1"/>
  <c r="AE42580" i="1"/>
  <c r="AE42581" i="1"/>
  <c r="AE42582" i="1"/>
  <c r="AE42583" i="1"/>
  <c r="AE42584" i="1"/>
  <c r="AE42585" i="1"/>
  <c r="AE42586" i="1"/>
  <c r="AE42587" i="1"/>
  <c r="AE42588" i="1"/>
  <c r="AE42589" i="1"/>
  <c r="AE42590" i="1"/>
  <c r="AE42591" i="1"/>
  <c r="AE42592" i="1"/>
  <c r="AE42593" i="1"/>
  <c r="AE42594" i="1"/>
  <c r="AE42595" i="1"/>
  <c r="AE42596" i="1"/>
  <c r="AE42597" i="1"/>
  <c r="AE42598" i="1"/>
  <c r="AE42599" i="1"/>
  <c r="AE42600" i="1"/>
  <c r="AE42601" i="1"/>
  <c r="AE42602" i="1"/>
  <c r="AE42603" i="1"/>
  <c r="AE42604" i="1"/>
  <c r="AE42605" i="1"/>
  <c r="AE42606" i="1"/>
  <c r="AE42607" i="1"/>
  <c r="AE42608" i="1"/>
  <c r="AE42609" i="1"/>
  <c r="AE42610" i="1"/>
  <c r="AE42611" i="1"/>
  <c r="AE42612" i="1"/>
  <c r="AE42613" i="1"/>
  <c r="AE42614" i="1"/>
  <c r="AE42615" i="1"/>
  <c r="AE42616" i="1"/>
  <c r="AE42617" i="1"/>
  <c r="AE42618" i="1"/>
  <c r="AE42619" i="1"/>
  <c r="AE42620" i="1"/>
  <c r="AE42621" i="1"/>
  <c r="AE42622" i="1"/>
  <c r="AE42623" i="1"/>
  <c r="AE42624" i="1"/>
  <c r="AE42625" i="1"/>
  <c r="AE42626" i="1"/>
  <c r="AE42627" i="1"/>
  <c r="AE42628" i="1"/>
  <c r="AE42629" i="1"/>
  <c r="AE42630" i="1"/>
  <c r="AE42631" i="1"/>
  <c r="AE42632" i="1"/>
  <c r="AE42633" i="1"/>
  <c r="AE42634" i="1"/>
  <c r="AE42635" i="1"/>
  <c r="AE42636" i="1"/>
  <c r="AE42637" i="1"/>
  <c r="AE42638" i="1"/>
  <c r="AE42639" i="1"/>
  <c r="AE42640" i="1"/>
  <c r="AE42641" i="1"/>
  <c r="AE42642" i="1"/>
  <c r="AE42643" i="1"/>
  <c r="AE42644" i="1"/>
  <c r="AE42645" i="1"/>
  <c r="AE42646" i="1"/>
  <c r="AE42647" i="1"/>
  <c r="AE42648" i="1"/>
  <c r="AE42649" i="1"/>
  <c r="AE42650" i="1"/>
  <c r="AE42651" i="1"/>
  <c r="AE42652" i="1"/>
  <c r="AE42653" i="1"/>
  <c r="AE42654" i="1"/>
  <c r="AE42655" i="1"/>
  <c r="AE42656" i="1"/>
  <c r="AE42657" i="1"/>
  <c r="AE42658" i="1"/>
  <c r="AE42659" i="1"/>
  <c r="AE42660" i="1"/>
  <c r="AE42661" i="1"/>
  <c r="AE42662" i="1"/>
  <c r="AE42663" i="1"/>
  <c r="AE42664" i="1"/>
  <c r="AE42665" i="1"/>
  <c r="AE42666" i="1"/>
  <c r="AE42667" i="1"/>
  <c r="AE42668" i="1"/>
  <c r="AE42669" i="1"/>
  <c r="AE42670" i="1"/>
  <c r="AE42671" i="1"/>
  <c r="AE42672" i="1"/>
  <c r="AE42673" i="1"/>
  <c r="AE42674" i="1"/>
  <c r="AE42675" i="1"/>
  <c r="AE42676" i="1"/>
  <c r="AE42677" i="1"/>
  <c r="AE42678" i="1"/>
  <c r="AE42679" i="1"/>
  <c r="AE42680" i="1"/>
  <c r="AE42681" i="1"/>
  <c r="AE42682" i="1"/>
  <c r="AE42683" i="1"/>
  <c r="AE42684" i="1"/>
  <c r="AE42685" i="1"/>
  <c r="AE42686" i="1"/>
  <c r="AE42687" i="1"/>
  <c r="AE42688" i="1"/>
  <c r="AE42689" i="1"/>
  <c r="AE42690" i="1"/>
  <c r="AE42691" i="1"/>
  <c r="AE42692" i="1"/>
  <c r="AE42693" i="1"/>
  <c r="AE42694" i="1"/>
  <c r="AE42695" i="1"/>
  <c r="AE42696" i="1"/>
  <c r="AE42697" i="1"/>
  <c r="AE42698" i="1"/>
  <c r="AE42699" i="1"/>
  <c r="AE42700" i="1"/>
  <c r="AE42701" i="1"/>
  <c r="AE42702" i="1"/>
  <c r="AE42703" i="1"/>
  <c r="AE42704" i="1"/>
  <c r="AE42705" i="1"/>
  <c r="AE42706" i="1"/>
  <c r="AE42707" i="1"/>
  <c r="AE42708" i="1"/>
  <c r="AE42709" i="1"/>
  <c r="AE42710" i="1"/>
  <c r="AE42711" i="1"/>
  <c r="AE42712" i="1"/>
  <c r="AE42713" i="1"/>
  <c r="AE42714" i="1"/>
  <c r="AE42715" i="1"/>
  <c r="AE42716" i="1"/>
  <c r="AE42717" i="1"/>
  <c r="AE42718" i="1"/>
  <c r="AE42719" i="1"/>
  <c r="AE42720" i="1"/>
  <c r="AE42721" i="1"/>
  <c r="AE42722" i="1"/>
  <c r="AE42723" i="1"/>
  <c r="AE42724" i="1"/>
  <c r="AE42725" i="1"/>
  <c r="AE42726" i="1"/>
  <c r="AE42727" i="1"/>
  <c r="AE42728" i="1"/>
  <c r="AE42729" i="1"/>
  <c r="AE42730" i="1"/>
  <c r="AE42731" i="1"/>
  <c r="AE42732" i="1"/>
  <c r="AE42733" i="1"/>
  <c r="AE42734" i="1"/>
  <c r="AE42735" i="1"/>
  <c r="AE42736" i="1"/>
  <c r="AE42737" i="1"/>
  <c r="AE42738" i="1"/>
  <c r="AE42739" i="1"/>
  <c r="AE42740" i="1"/>
  <c r="AE42741" i="1"/>
  <c r="AE42742" i="1"/>
  <c r="AE42743" i="1"/>
  <c r="AE42744" i="1"/>
  <c r="AE42745" i="1"/>
  <c r="AE42746" i="1"/>
  <c r="AE42747" i="1"/>
  <c r="AE42748" i="1"/>
  <c r="AE42749" i="1"/>
  <c r="AE42750" i="1"/>
  <c r="AE42751" i="1"/>
  <c r="AE42752" i="1"/>
  <c r="AE42753" i="1"/>
  <c r="AE42754" i="1"/>
  <c r="AE42755" i="1"/>
  <c r="AE42756" i="1"/>
  <c r="AE42757" i="1"/>
  <c r="AE42758" i="1"/>
  <c r="AE42759" i="1"/>
  <c r="AE42760" i="1"/>
  <c r="AE42761" i="1"/>
  <c r="AE42762" i="1"/>
  <c r="AE42763" i="1"/>
  <c r="AE42764" i="1"/>
  <c r="AE42765" i="1"/>
  <c r="AE42766" i="1"/>
  <c r="AE42767" i="1"/>
  <c r="AE42768" i="1"/>
  <c r="AE42769" i="1"/>
  <c r="AE42770" i="1"/>
  <c r="AE42771" i="1"/>
  <c r="AE42772" i="1"/>
  <c r="AE42773" i="1"/>
  <c r="AE42774" i="1"/>
  <c r="AE42775" i="1"/>
  <c r="AE42776" i="1"/>
  <c r="AE42777" i="1"/>
  <c r="AE42778" i="1"/>
  <c r="AE42779" i="1"/>
  <c r="AE42780" i="1"/>
  <c r="AE42781" i="1"/>
  <c r="AE42782" i="1"/>
  <c r="AE42783" i="1"/>
  <c r="AE42784" i="1"/>
  <c r="AE42785" i="1"/>
  <c r="AE42786" i="1"/>
  <c r="AE42787" i="1"/>
  <c r="AE42788" i="1"/>
  <c r="AE42789" i="1"/>
  <c r="AE42790" i="1"/>
  <c r="AE42791" i="1"/>
  <c r="AE42792" i="1"/>
  <c r="AE42793" i="1"/>
  <c r="AE42794" i="1"/>
  <c r="AE42795" i="1"/>
  <c r="AE42796" i="1"/>
  <c r="AE42797" i="1"/>
  <c r="AE42798" i="1"/>
  <c r="AE42799" i="1"/>
  <c r="AE42800" i="1"/>
  <c r="AE42801" i="1"/>
  <c r="AE42802" i="1"/>
  <c r="AE42803" i="1"/>
  <c r="AE42804" i="1"/>
  <c r="AE42805" i="1"/>
  <c r="AE42806" i="1"/>
  <c r="AE42807" i="1"/>
  <c r="AE42808" i="1"/>
  <c r="AE42809" i="1"/>
  <c r="AE42810" i="1"/>
  <c r="AE42811" i="1"/>
  <c r="AE42812" i="1"/>
  <c r="AE42813" i="1"/>
  <c r="AE42814" i="1"/>
  <c r="AE42815" i="1"/>
  <c r="AE42816" i="1"/>
  <c r="AE42817" i="1"/>
  <c r="AE42818" i="1"/>
  <c r="AE42819" i="1"/>
  <c r="AE42820" i="1"/>
  <c r="AE42821" i="1"/>
  <c r="AE42822" i="1"/>
  <c r="AE42823" i="1"/>
  <c r="AE42824" i="1"/>
  <c r="AE42825" i="1"/>
  <c r="AE42826" i="1"/>
  <c r="AE42827" i="1"/>
  <c r="AE42828" i="1"/>
  <c r="AE42829" i="1"/>
  <c r="AE42830" i="1"/>
  <c r="AE42831" i="1"/>
  <c r="AE42832" i="1"/>
  <c r="AE42833" i="1"/>
  <c r="AE42834" i="1"/>
  <c r="AE42835" i="1"/>
  <c r="AE42836" i="1"/>
  <c r="AE42837" i="1"/>
  <c r="AE42838" i="1"/>
  <c r="AE42839" i="1"/>
  <c r="AE42840" i="1"/>
  <c r="AE42841" i="1"/>
  <c r="AE42842" i="1"/>
  <c r="AE42843" i="1"/>
  <c r="AE42844" i="1"/>
  <c r="AE42845" i="1"/>
  <c r="AE42846" i="1"/>
  <c r="AE42847" i="1"/>
  <c r="AE42848" i="1"/>
  <c r="AE42849" i="1"/>
  <c r="AE42850" i="1"/>
  <c r="AE42851" i="1"/>
  <c r="AE42852" i="1"/>
  <c r="AE42853" i="1"/>
  <c r="AE42854" i="1"/>
  <c r="AE42855" i="1"/>
  <c r="AE42856" i="1"/>
  <c r="AE42857" i="1"/>
  <c r="AE42858" i="1"/>
  <c r="AE42859" i="1"/>
  <c r="AE42860" i="1"/>
  <c r="AE42861" i="1"/>
  <c r="AE42862" i="1"/>
  <c r="AE42863" i="1"/>
  <c r="AE42864" i="1"/>
  <c r="AE42865" i="1"/>
  <c r="AE42866" i="1"/>
  <c r="AE42867" i="1"/>
  <c r="AE42868" i="1"/>
  <c r="AE42869" i="1"/>
  <c r="AE42870" i="1"/>
  <c r="AE42871" i="1"/>
  <c r="AE42872" i="1"/>
  <c r="AE42873" i="1"/>
  <c r="AE42874" i="1"/>
  <c r="AE42875" i="1"/>
  <c r="AE42876" i="1"/>
  <c r="AE42877" i="1"/>
  <c r="AE42878" i="1"/>
  <c r="AE42879" i="1"/>
  <c r="AE42880" i="1"/>
  <c r="AE42881" i="1"/>
  <c r="AE42882" i="1"/>
  <c r="AE42883" i="1"/>
  <c r="AE42884" i="1"/>
  <c r="AE42885" i="1"/>
  <c r="AE42886" i="1"/>
  <c r="AE42887" i="1"/>
  <c r="AE42888" i="1"/>
  <c r="AE42889" i="1"/>
  <c r="AE42890" i="1"/>
  <c r="AE42891" i="1"/>
  <c r="AE42892" i="1"/>
  <c r="AE42893" i="1"/>
  <c r="AE42894" i="1"/>
  <c r="AE42895" i="1"/>
  <c r="AE42896" i="1"/>
  <c r="AE42897" i="1"/>
  <c r="AE42898" i="1"/>
  <c r="AE42899" i="1"/>
  <c r="AE42900" i="1"/>
  <c r="AE42901" i="1"/>
  <c r="AE42902" i="1"/>
  <c r="AE42903" i="1"/>
  <c r="AE42904" i="1"/>
  <c r="AE42905" i="1"/>
  <c r="AE42906" i="1"/>
  <c r="AE42907" i="1"/>
  <c r="AE42908" i="1"/>
  <c r="AE42909" i="1"/>
  <c r="AE42910" i="1"/>
  <c r="AE42911" i="1"/>
  <c r="AE42912" i="1"/>
  <c r="AE42913" i="1"/>
  <c r="AE42914" i="1"/>
  <c r="AE42915" i="1"/>
  <c r="AE42916" i="1"/>
  <c r="AE42917" i="1"/>
  <c r="AE42918" i="1"/>
  <c r="AE42919" i="1"/>
  <c r="AE42920" i="1"/>
  <c r="AE42921" i="1"/>
  <c r="AE42922" i="1"/>
  <c r="AE42923" i="1"/>
  <c r="AE42924" i="1"/>
  <c r="AE42925" i="1"/>
  <c r="AE42926" i="1"/>
  <c r="AE42927" i="1"/>
  <c r="AE42928" i="1"/>
  <c r="AE42929" i="1"/>
  <c r="AE42930" i="1"/>
  <c r="AE42931" i="1"/>
  <c r="AE42932" i="1"/>
  <c r="AE42933" i="1"/>
  <c r="AE42934" i="1"/>
  <c r="AE42935" i="1"/>
  <c r="AE42936" i="1"/>
  <c r="AE42937" i="1"/>
  <c r="AE42938" i="1"/>
  <c r="AE42939" i="1"/>
  <c r="AE42940" i="1"/>
  <c r="AE42941" i="1"/>
  <c r="AE42942" i="1"/>
  <c r="AE42943" i="1"/>
  <c r="AE42944" i="1"/>
  <c r="AE42945" i="1"/>
  <c r="AE42946" i="1"/>
  <c r="AE42947" i="1"/>
  <c r="AE42948" i="1"/>
  <c r="AE42949" i="1"/>
  <c r="AE42950" i="1"/>
  <c r="AE42951" i="1"/>
  <c r="AE42952" i="1"/>
  <c r="AE42953" i="1"/>
  <c r="AE42954" i="1"/>
  <c r="AE42955" i="1"/>
  <c r="AE42956" i="1"/>
  <c r="AE42957" i="1"/>
  <c r="AE42958" i="1"/>
  <c r="AE42959" i="1"/>
  <c r="AE42960" i="1"/>
  <c r="AE42961" i="1"/>
  <c r="AE42962" i="1"/>
  <c r="AE42963" i="1"/>
  <c r="AE42964" i="1"/>
  <c r="AE42965" i="1"/>
  <c r="AE42966" i="1"/>
  <c r="AE42967" i="1"/>
  <c r="AE42968" i="1"/>
  <c r="AE42969" i="1"/>
  <c r="AE42970" i="1"/>
  <c r="AE42971" i="1"/>
  <c r="AE42972" i="1"/>
  <c r="AE42973" i="1"/>
  <c r="AE42974" i="1"/>
  <c r="AE42975" i="1"/>
  <c r="AE42976" i="1"/>
  <c r="AE42977" i="1"/>
  <c r="AE42978" i="1"/>
  <c r="AE42979" i="1"/>
  <c r="AE42980" i="1"/>
  <c r="AE42981" i="1"/>
  <c r="AE42982" i="1"/>
  <c r="AE42983" i="1"/>
  <c r="AE42984" i="1"/>
  <c r="AE42985" i="1"/>
  <c r="AE42986" i="1"/>
  <c r="AE42987" i="1"/>
  <c r="AE42988" i="1"/>
  <c r="AE42989" i="1"/>
  <c r="AE42990" i="1"/>
  <c r="AE42991" i="1"/>
  <c r="AE42992" i="1"/>
  <c r="AE42993" i="1"/>
  <c r="AE42994" i="1"/>
  <c r="AE42995" i="1"/>
  <c r="AE42996" i="1"/>
  <c r="AE42997" i="1"/>
  <c r="AE42998" i="1"/>
  <c r="AE42999" i="1"/>
  <c r="AE43000" i="1"/>
  <c r="AE43001" i="1"/>
  <c r="AE43002" i="1"/>
  <c r="AE43003" i="1"/>
  <c r="AE43004" i="1"/>
  <c r="AE43005" i="1"/>
  <c r="AE43006" i="1"/>
  <c r="AE43007" i="1"/>
  <c r="AE43008" i="1"/>
  <c r="AE43009" i="1"/>
  <c r="AE43010" i="1"/>
  <c r="AE43011" i="1"/>
  <c r="AE43012" i="1"/>
  <c r="AE43013" i="1"/>
  <c r="AE43014" i="1"/>
  <c r="AE43015" i="1"/>
  <c r="AE43016" i="1"/>
  <c r="AE43017" i="1"/>
  <c r="AE43018" i="1"/>
  <c r="AE43019" i="1"/>
  <c r="AE43020" i="1"/>
  <c r="AE43021" i="1"/>
  <c r="AE43022" i="1"/>
  <c r="AE43023" i="1"/>
  <c r="AE43024" i="1"/>
  <c r="AE43025" i="1"/>
  <c r="AE43026" i="1"/>
  <c r="AE43027" i="1"/>
  <c r="AE43028" i="1"/>
  <c r="AE43029" i="1"/>
  <c r="AE43030" i="1"/>
  <c r="AE43031" i="1"/>
  <c r="AE43032" i="1"/>
  <c r="AE43033" i="1"/>
  <c r="AE43034" i="1"/>
  <c r="AE43035" i="1"/>
  <c r="AE43036" i="1"/>
  <c r="AE43037" i="1"/>
  <c r="AE43038" i="1"/>
  <c r="AE43039" i="1"/>
  <c r="AE43040" i="1"/>
  <c r="AE43041" i="1"/>
  <c r="AE43042" i="1"/>
  <c r="AE43043" i="1"/>
  <c r="AE43044" i="1"/>
  <c r="AE43045" i="1"/>
  <c r="AE43046" i="1"/>
  <c r="AE43047" i="1"/>
  <c r="AE43048" i="1"/>
  <c r="AE43049" i="1"/>
  <c r="AE43050" i="1"/>
  <c r="AE43051" i="1"/>
  <c r="AE43052" i="1"/>
  <c r="AE43053" i="1"/>
  <c r="AE43054" i="1"/>
  <c r="AE43055" i="1"/>
  <c r="AE43056" i="1"/>
  <c r="AE43057" i="1"/>
  <c r="AE43058" i="1"/>
  <c r="AE43059" i="1"/>
  <c r="AE43060" i="1"/>
  <c r="AE43061" i="1"/>
  <c r="AE43062" i="1"/>
  <c r="AE43063" i="1"/>
  <c r="AE43064" i="1"/>
  <c r="AE43065" i="1"/>
  <c r="AE43066" i="1"/>
  <c r="AE43067" i="1"/>
  <c r="AE43068" i="1"/>
  <c r="AE43069" i="1"/>
  <c r="AE43070" i="1"/>
  <c r="AE43071" i="1"/>
  <c r="AE43072" i="1"/>
  <c r="AE43073" i="1"/>
  <c r="AE43074" i="1"/>
  <c r="AE43075" i="1"/>
  <c r="AE43076" i="1"/>
  <c r="AE43077" i="1"/>
  <c r="AE43078" i="1"/>
  <c r="AE43079" i="1"/>
  <c r="AE43080" i="1"/>
  <c r="AE43081" i="1"/>
  <c r="AE43082" i="1"/>
  <c r="AE43083" i="1"/>
  <c r="AE43084" i="1"/>
  <c r="AE43085" i="1"/>
  <c r="AE43086" i="1"/>
  <c r="AE43087" i="1"/>
  <c r="AE43088" i="1"/>
  <c r="AE43089" i="1"/>
  <c r="AE43090" i="1"/>
  <c r="AE43091" i="1"/>
  <c r="AE43092" i="1"/>
  <c r="AE43093" i="1"/>
  <c r="AE43094" i="1"/>
  <c r="AE43095" i="1"/>
  <c r="AE43096" i="1"/>
  <c r="AE43097" i="1"/>
  <c r="AE43098" i="1"/>
  <c r="AE43099" i="1"/>
  <c r="AE43100" i="1"/>
  <c r="AE43101" i="1"/>
  <c r="AE43102" i="1"/>
  <c r="AE43103" i="1"/>
  <c r="AE43104" i="1"/>
  <c r="AE43105" i="1"/>
  <c r="AE43106" i="1"/>
  <c r="AE43107" i="1"/>
  <c r="AE43108" i="1"/>
  <c r="AE43109" i="1"/>
  <c r="AE43110" i="1"/>
  <c r="AE43111" i="1"/>
  <c r="AE43112" i="1"/>
  <c r="AE43113" i="1"/>
  <c r="AE43114" i="1"/>
  <c r="AE43115" i="1"/>
  <c r="AE43116" i="1"/>
  <c r="AE43117" i="1"/>
  <c r="AE43118" i="1"/>
  <c r="AE43119" i="1"/>
  <c r="AE43120" i="1"/>
  <c r="AE43121" i="1"/>
  <c r="AE43122" i="1"/>
  <c r="AE43123" i="1"/>
  <c r="AE43124" i="1"/>
  <c r="AE43125" i="1"/>
  <c r="AE43126" i="1"/>
  <c r="AE43127" i="1"/>
  <c r="AE43128" i="1"/>
  <c r="AE43129" i="1"/>
  <c r="AE43130" i="1"/>
  <c r="AE43131" i="1"/>
  <c r="AE43132" i="1"/>
  <c r="AE43133" i="1"/>
  <c r="AE43134" i="1"/>
  <c r="AE43135" i="1"/>
  <c r="AE43136" i="1"/>
  <c r="AE43137" i="1"/>
  <c r="AE43138" i="1"/>
  <c r="AE43139" i="1"/>
  <c r="AE43140" i="1"/>
  <c r="AE43141" i="1"/>
  <c r="AE43142" i="1"/>
  <c r="AE43143" i="1"/>
  <c r="AE43144" i="1"/>
  <c r="AE43145" i="1"/>
  <c r="AE43146" i="1"/>
  <c r="AE43147" i="1"/>
  <c r="AE43148" i="1"/>
  <c r="AE43149" i="1"/>
  <c r="AE43150" i="1"/>
  <c r="AE43151" i="1"/>
  <c r="AE43152" i="1"/>
  <c r="AE43153" i="1"/>
  <c r="AE43154" i="1"/>
  <c r="AE43155" i="1"/>
  <c r="AE43156" i="1"/>
  <c r="AE43157" i="1"/>
  <c r="AE43158" i="1"/>
  <c r="AE43159" i="1"/>
  <c r="AE43160" i="1"/>
  <c r="AE43161" i="1"/>
  <c r="AE43162" i="1"/>
  <c r="AE43163" i="1"/>
  <c r="AE43164" i="1"/>
  <c r="AE43165" i="1"/>
  <c r="AE43166" i="1"/>
  <c r="AE43167" i="1"/>
  <c r="AE43168" i="1"/>
  <c r="AE43169" i="1"/>
  <c r="AE43170" i="1"/>
  <c r="AE43171" i="1"/>
  <c r="AE43172" i="1"/>
  <c r="AE43173" i="1"/>
  <c r="AE43174" i="1"/>
  <c r="AE43175" i="1"/>
  <c r="AE43176" i="1"/>
  <c r="AE43177" i="1"/>
  <c r="AE43178" i="1"/>
  <c r="AE43179" i="1"/>
  <c r="AE43180" i="1"/>
  <c r="AE43181" i="1"/>
  <c r="AE43182" i="1"/>
  <c r="AE43183" i="1"/>
  <c r="AE43184" i="1"/>
  <c r="AE43185" i="1"/>
  <c r="AE43186" i="1"/>
  <c r="AE43187" i="1"/>
  <c r="AE43188" i="1"/>
  <c r="AE43189" i="1"/>
  <c r="AE43190" i="1"/>
  <c r="AE43191" i="1"/>
  <c r="AE43192" i="1"/>
  <c r="AE43193" i="1"/>
  <c r="AE43194" i="1"/>
  <c r="AE43195" i="1"/>
  <c r="AE43196" i="1"/>
  <c r="AE43197" i="1"/>
  <c r="AE43198" i="1"/>
  <c r="AE43199" i="1"/>
  <c r="AE43200" i="1"/>
  <c r="AE43201" i="1"/>
  <c r="AE43202" i="1"/>
  <c r="AE43203" i="1"/>
  <c r="AE43204" i="1"/>
  <c r="AE43205" i="1"/>
  <c r="AE43206" i="1"/>
  <c r="AE43207" i="1"/>
  <c r="AE43208" i="1"/>
  <c r="AE43209" i="1"/>
  <c r="AE43210" i="1"/>
  <c r="AE43211" i="1"/>
  <c r="AE43212" i="1"/>
  <c r="AE43213" i="1"/>
  <c r="AE43214" i="1"/>
  <c r="AE43215" i="1"/>
  <c r="AE43216" i="1"/>
  <c r="AE43217" i="1"/>
  <c r="AE43218" i="1"/>
  <c r="AE43219" i="1"/>
  <c r="AE43220" i="1"/>
  <c r="AE43221" i="1"/>
  <c r="AE43222" i="1"/>
  <c r="AE43223" i="1"/>
  <c r="AE43224" i="1"/>
  <c r="AE43225" i="1"/>
  <c r="AE43226" i="1"/>
  <c r="AE43227" i="1"/>
  <c r="AE43228" i="1"/>
  <c r="AE43229" i="1"/>
  <c r="AE43230" i="1"/>
  <c r="AE43231" i="1"/>
  <c r="AE43232" i="1"/>
  <c r="AE43233" i="1"/>
  <c r="AE43234" i="1"/>
  <c r="AE43235" i="1"/>
  <c r="AE43236" i="1"/>
  <c r="AE43237" i="1"/>
  <c r="AE43238" i="1"/>
  <c r="AE43239" i="1"/>
  <c r="AE43240" i="1"/>
  <c r="AE43241" i="1"/>
  <c r="AE43242" i="1"/>
  <c r="AE43243" i="1"/>
  <c r="AE43244" i="1"/>
  <c r="AE43245" i="1"/>
  <c r="AE43246" i="1"/>
  <c r="AE43247" i="1"/>
  <c r="AE43248" i="1"/>
  <c r="AE43249" i="1"/>
  <c r="AE43250" i="1"/>
  <c r="AE43251" i="1"/>
  <c r="AE43252" i="1"/>
  <c r="AE43253" i="1"/>
  <c r="AE43254" i="1"/>
  <c r="AE43255" i="1"/>
  <c r="AE43256" i="1"/>
  <c r="AE43257" i="1"/>
  <c r="AE43258" i="1"/>
  <c r="AE43259" i="1"/>
  <c r="AE43260" i="1"/>
  <c r="AE43261" i="1"/>
  <c r="AE43262" i="1"/>
  <c r="AE43263" i="1"/>
  <c r="AE43264" i="1"/>
  <c r="AE43265" i="1"/>
  <c r="AE43266" i="1"/>
  <c r="AE43267" i="1"/>
  <c r="AE43268" i="1"/>
  <c r="AE43269" i="1"/>
  <c r="AE43270" i="1"/>
  <c r="AE43271" i="1"/>
  <c r="AE43272" i="1"/>
  <c r="AE43273" i="1"/>
  <c r="AE43274" i="1"/>
  <c r="AE43275" i="1"/>
  <c r="AE43276" i="1"/>
  <c r="AE43277" i="1"/>
  <c r="AE43278" i="1"/>
  <c r="AE43279" i="1"/>
  <c r="AE43280" i="1"/>
  <c r="AE43281" i="1"/>
  <c r="AE43282" i="1"/>
  <c r="AE43283" i="1"/>
  <c r="AE43284" i="1"/>
  <c r="AE43285" i="1"/>
  <c r="AE43286" i="1"/>
  <c r="AE43287" i="1"/>
  <c r="AE43288" i="1"/>
  <c r="AE43289" i="1"/>
  <c r="AE43290" i="1"/>
  <c r="AE43291" i="1"/>
  <c r="AE43292" i="1"/>
  <c r="AE43293" i="1"/>
  <c r="AE43294" i="1"/>
  <c r="AE43295" i="1"/>
  <c r="AE43296" i="1"/>
  <c r="AE43297" i="1"/>
  <c r="AE43298" i="1"/>
  <c r="AE43299" i="1"/>
  <c r="AE43300" i="1"/>
  <c r="AE43301" i="1"/>
  <c r="AE43302" i="1"/>
  <c r="AE43303" i="1"/>
  <c r="AE43304" i="1"/>
  <c r="AE43305" i="1"/>
  <c r="AE43306" i="1"/>
  <c r="AE43307" i="1"/>
  <c r="AE43308" i="1"/>
  <c r="AE43309" i="1"/>
  <c r="AE43310" i="1"/>
  <c r="AE43311" i="1"/>
  <c r="AE43312" i="1"/>
  <c r="AE43313" i="1"/>
  <c r="AE43314" i="1"/>
  <c r="AE43315" i="1"/>
  <c r="AE43316" i="1"/>
  <c r="AE43317" i="1"/>
  <c r="AE43318" i="1"/>
  <c r="AE43319" i="1"/>
  <c r="AE43320" i="1"/>
  <c r="AE43321" i="1"/>
  <c r="AE43322" i="1"/>
  <c r="AE43323" i="1"/>
  <c r="AE43324" i="1"/>
  <c r="AE43325" i="1"/>
  <c r="AE43326" i="1"/>
  <c r="AE43327" i="1"/>
  <c r="AE43328" i="1"/>
  <c r="AE43329" i="1"/>
  <c r="AE43330" i="1"/>
  <c r="AE43331" i="1"/>
  <c r="AE43332" i="1"/>
  <c r="AE43333" i="1"/>
  <c r="AE43334" i="1"/>
  <c r="AE43335" i="1"/>
  <c r="AE43336" i="1"/>
  <c r="AE43337" i="1"/>
  <c r="AE43338" i="1"/>
  <c r="AE43339" i="1"/>
  <c r="AE43340" i="1"/>
  <c r="AE43341" i="1"/>
  <c r="AE43342" i="1"/>
  <c r="AE43343" i="1"/>
  <c r="AE43344" i="1"/>
  <c r="AE43345" i="1"/>
  <c r="AE43346" i="1"/>
  <c r="AE43347" i="1"/>
  <c r="AE43348" i="1"/>
  <c r="AE43349" i="1"/>
  <c r="AE43350" i="1"/>
  <c r="AE43351" i="1"/>
  <c r="AE43352" i="1"/>
  <c r="AE43353" i="1"/>
  <c r="AE43354" i="1"/>
  <c r="AE43355" i="1"/>
  <c r="AE43356" i="1"/>
  <c r="AE43357" i="1"/>
  <c r="AE43358" i="1"/>
  <c r="AE43359" i="1"/>
  <c r="AE43360" i="1"/>
  <c r="AE43361" i="1"/>
  <c r="AE43362" i="1"/>
  <c r="AE43363" i="1"/>
  <c r="AE43364" i="1"/>
  <c r="AE43365" i="1"/>
  <c r="AE43366" i="1"/>
  <c r="AE43367" i="1"/>
  <c r="AE43368" i="1"/>
  <c r="AE43369" i="1"/>
  <c r="AE43370" i="1"/>
  <c r="AE43371" i="1"/>
  <c r="AE43372" i="1"/>
  <c r="AE43373" i="1"/>
  <c r="AE43374" i="1"/>
  <c r="AE43375" i="1"/>
  <c r="AE43376" i="1"/>
  <c r="AE43377" i="1"/>
  <c r="AE43378" i="1"/>
  <c r="AE43379" i="1"/>
  <c r="AE43380" i="1"/>
  <c r="AE43381" i="1"/>
  <c r="AE43382" i="1"/>
  <c r="AE43383" i="1"/>
  <c r="AE43384" i="1"/>
  <c r="AE43385" i="1"/>
  <c r="AE43386" i="1"/>
  <c r="AE43387" i="1"/>
  <c r="AE43388" i="1"/>
  <c r="AE43389" i="1"/>
  <c r="AE43390" i="1"/>
  <c r="AE43391" i="1"/>
  <c r="AE43392" i="1"/>
  <c r="AE43393" i="1"/>
  <c r="AE43394" i="1"/>
  <c r="AE43395" i="1"/>
  <c r="AE43396" i="1"/>
  <c r="AE43397" i="1"/>
  <c r="AE43398" i="1"/>
  <c r="AE43399" i="1"/>
  <c r="AE43400" i="1"/>
  <c r="AE43401" i="1"/>
  <c r="AE43402" i="1"/>
  <c r="AE43403" i="1"/>
  <c r="AE43404" i="1"/>
  <c r="AE43405" i="1"/>
  <c r="AE43406" i="1"/>
  <c r="AE43407" i="1"/>
  <c r="AE43408" i="1"/>
  <c r="AE43409" i="1"/>
  <c r="AE43410" i="1"/>
  <c r="AE43411" i="1"/>
  <c r="AE43412" i="1"/>
  <c r="AE43413" i="1"/>
  <c r="AE43414" i="1"/>
  <c r="AE43415" i="1"/>
  <c r="AE43416" i="1"/>
  <c r="AE43417" i="1"/>
  <c r="AE43418" i="1"/>
  <c r="AE43419" i="1"/>
  <c r="AE43420" i="1"/>
  <c r="AE43421" i="1"/>
  <c r="AE43422" i="1"/>
  <c r="AE43423" i="1"/>
  <c r="AE43424" i="1"/>
  <c r="AE43425" i="1"/>
  <c r="AE43426" i="1"/>
  <c r="AE43427" i="1"/>
  <c r="AE43428" i="1"/>
  <c r="AE43429" i="1"/>
  <c r="AE43430" i="1"/>
  <c r="AE43431" i="1"/>
  <c r="AE43432" i="1"/>
  <c r="AE43433" i="1"/>
  <c r="AE43434" i="1"/>
  <c r="AE43435" i="1"/>
  <c r="AE43436" i="1"/>
  <c r="AE43437" i="1"/>
  <c r="AE43438" i="1"/>
  <c r="AE43439" i="1"/>
  <c r="AE43440" i="1"/>
  <c r="AE43441" i="1"/>
  <c r="AE43442" i="1"/>
  <c r="AE43443" i="1"/>
  <c r="AE43444" i="1"/>
  <c r="AE43445" i="1"/>
  <c r="AE43446" i="1"/>
  <c r="AE43447" i="1"/>
  <c r="AE43448" i="1"/>
  <c r="AE43449" i="1"/>
  <c r="AE43450" i="1"/>
  <c r="AE43451" i="1"/>
  <c r="AE43452" i="1"/>
  <c r="AE43453" i="1"/>
  <c r="AE43454" i="1"/>
  <c r="AE43455" i="1"/>
  <c r="AE43456" i="1"/>
  <c r="AE43457" i="1"/>
  <c r="AE43458" i="1"/>
  <c r="AE43459" i="1"/>
  <c r="AE43460" i="1"/>
  <c r="AE43461" i="1"/>
  <c r="AE43462" i="1"/>
  <c r="AE43463" i="1"/>
  <c r="AE43464" i="1"/>
  <c r="AE43465" i="1"/>
  <c r="AE43466" i="1"/>
  <c r="AE43467" i="1"/>
  <c r="AE43468" i="1"/>
  <c r="AE43469" i="1"/>
  <c r="AE43470" i="1"/>
  <c r="AE43471" i="1"/>
  <c r="AE43472" i="1"/>
  <c r="AE43473" i="1"/>
  <c r="AE43474" i="1"/>
  <c r="AE43475" i="1"/>
  <c r="AE43476" i="1"/>
  <c r="AE43477" i="1"/>
  <c r="AE43478" i="1"/>
  <c r="AE43479" i="1"/>
  <c r="AE43480" i="1"/>
  <c r="AE43481" i="1"/>
  <c r="AE43482" i="1"/>
  <c r="AE43483" i="1"/>
  <c r="AE43484" i="1"/>
  <c r="AE43485" i="1"/>
  <c r="AE43486" i="1"/>
  <c r="AE43487" i="1"/>
  <c r="AE43488" i="1"/>
  <c r="AE43489" i="1"/>
  <c r="AE43490" i="1"/>
  <c r="AE43491" i="1"/>
  <c r="AE43492" i="1"/>
  <c r="AE43493" i="1"/>
  <c r="AE43494" i="1"/>
  <c r="AE43495" i="1"/>
  <c r="AE43496" i="1"/>
  <c r="AE43497" i="1"/>
  <c r="AE43498" i="1"/>
  <c r="AE43499" i="1"/>
  <c r="AE43500" i="1"/>
  <c r="AE43501" i="1"/>
  <c r="AE43502" i="1"/>
  <c r="AE43503" i="1"/>
  <c r="AE43504" i="1"/>
  <c r="AE43505" i="1"/>
  <c r="AE43506" i="1"/>
  <c r="AE43507" i="1"/>
  <c r="AE43508" i="1"/>
  <c r="AE43509" i="1"/>
  <c r="AE43510" i="1"/>
  <c r="AE43511" i="1"/>
  <c r="AE43512" i="1"/>
  <c r="AE43513" i="1"/>
  <c r="AE43514" i="1"/>
  <c r="AE43515" i="1"/>
  <c r="AE43516" i="1"/>
  <c r="AE43517" i="1"/>
  <c r="AE43518" i="1"/>
  <c r="AE43519" i="1"/>
  <c r="AE43520" i="1"/>
  <c r="AE43521" i="1"/>
  <c r="AE43522" i="1"/>
  <c r="AE43523" i="1"/>
  <c r="AE43524" i="1"/>
  <c r="AE43525" i="1"/>
  <c r="AE43526" i="1"/>
  <c r="AE43527" i="1"/>
  <c r="AE43528" i="1"/>
  <c r="AE43529" i="1"/>
  <c r="AE43530" i="1"/>
  <c r="AE43531" i="1"/>
  <c r="AE43532" i="1"/>
  <c r="AE43533" i="1"/>
  <c r="AE43534" i="1"/>
  <c r="AE43535" i="1"/>
  <c r="AE43536" i="1"/>
  <c r="AE43537" i="1"/>
  <c r="AE43538" i="1"/>
  <c r="AE43539" i="1"/>
  <c r="AE43540" i="1"/>
  <c r="AE43541" i="1"/>
  <c r="AE43542" i="1"/>
  <c r="AE43543" i="1"/>
  <c r="AE43544" i="1"/>
  <c r="AE43545" i="1"/>
  <c r="AE43546" i="1"/>
  <c r="AE43547" i="1"/>
  <c r="AE43548" i="1"/>
  <c r="AE43549" i="1"/>
  <c r="AE43550" i="1"/>
  <c r="AE43551" i="1"/>
  <c r="AE43552" i="1"/>
  <c r="AE43553" i="1"/>
  <c r="AE43554" i="1"/>
  <c r="AE43555" i="1"/>
  <c r="AE43556" i="1"/>
  <c r="AE43557" i="1"/>
  <c r="AE43558" i="1"/>
  <c r="AE43559" i="1"/>
  <c r="AE43560" i="1"/>
  <c r="AE43561" i="1"/>
  <c r="AE43562" i="1"/>
  <c r="AE43563" i="1"/>
  <c r="AE43564" i="1"/>
  <c r="AE43565" i="1"/>
  <c r="AE43566" i="1"/>
  <c r="AE43567" i="1"/>
  <c r="AE43568" i="1"/>
  <c r="AE43569" i="1"/>
  <c r="AE43570" i="1"/>
  <c r="AE43571" i="1"/>
  <c r="AE43572" i="1"/>
  <c r="AE43573" i="1"/>
  <c r="AE43574" i="1"/>
  <c r="AE43575" i="1"/>
  <c r="AE43576" i="1"/>
  <c r="AE43577" i="1"/>
  <c r="AE43578" i="1"/>
  <c r="AE43579" i="1"/>
  <c r="AE43580" i="1"/>
  <c r="AE43581" i="1"/>
  <c r="AE43582" i="1"/>
  <c r="AE43583" i="1"/>
  <c r="AE43584" i="1"/>
  <c r="AE43585" i="1"/>
  <c r="AE43586" i="1"/>
  <c r="AE43587" i="1"/>
  <c r="AE43588" i="1"/>
  <c r="AE43589" i="1"/>
  <c r="AE43590" i="1"/>
  <c r="AE43591" i="1"/>
  <c r="AE43592" i="1"/>
  <c r="AE43593" i="1"/>
  <c r="AE43594" i="1"/>
  <c r="AE43595" i="1"/>
  <c r="AE43596" i="1"/>
  <c r="AE43597" i="1"/>
  <c r="AE43598" i="1"/>
  <c r="AE43599" i="1"/>
  <c r="AE43600" i="1"/>
  <c r="AE43601" i="1"/>
  <c r="AE43602" i="1"/>
  <c r="AE43603" i="1"/>
  <c r="AE43604" i="1"/>
  <c r="AE43605" i="1"/>
  <c r="AE43606" i="1"/>
  <c r="AE43607" i="1"/>
  <c r="AE43608" i="1"/>
  <c r="AE43609" i="1"/>
  <c r="AE43610" i="1"/>
  <c r="AE43611" i="1"/>
  <c r="AE43612" i="1"/>
  <c r="AE43613" i="1"/>
  <c r="AE43614" i="1"/>
  <c r="AE43615" i="1"/>
  <c r="AE43616" i="1"/>
  <c r="AE43617" i="1"/>
  <c r="AE43618" i="1"/>
  <c r="AE43619" i="1"/>
  <c r="AE43620" i="1"/>
  <c r="AE43621" i="1"/>
  <c r="AE43622" i="1"/>
  <c r="AE43623" i="1"/>
  <c r="AE43624" i="1"/>
  <c r="AE43625" i="1"/>
  <c r="AE43626" i="1"/>
  <c r="AE43627" i="1"/>
  <c r="AE43628" i="1"/>
  <c r="AE43629" i="1"/>
  <c r="AE43630" i="1"/>
  <c r="AE43631" i="1"/>
  <c r="AE43632" i="1"/>
  <c r="AE43633" i="1"/>
  <c r="AE43634" i="1"/>
  <c r="AE43635" i="1"/>
  <c r="AE43636" i="1"/>
  <c r="AE43637" i="1"/>
  <c r="AE43638" i="1"/>
  <c r="AE43639" i="1"/>
  <c r="AE43640" i="1"/>
  <c r="AE43641" i="1"/>
  <c r="AE43642" i="1"/>
  <c r="AE43643" i="1"/>
  <c r="AE43644" i="1"/>
  <c r="AE43645" i="1"/>
  <c r="AE43646" i="1"/>
  <c r="AE43647" i="1"/>
  <c r="AE43648" i="1"/>
  <c r="AE43649" i="1"/>
  <c r="AE43650" i="1"/>
  <c r="AE43651" i="1"/>
  <c r="AE43652" i="1"/>
  <c r="AE43653" i="1"/>
  <c r="AE43654" i="1"/>
  <c r="AE43655" i="1"/>
  <c r="AE43656" i="1"/>
  <c r="AE43657" i="1"/>
  <c r="AE43658" i="1"/>
  <c r="AE43659" i="1"/>
  <c r="AE43660" i="1"/>
  <c r="AE43661" i="1"/>
  <c r="AE43662" i="1"/>
  <c r="AE43663" i="1"/>
  <c r="AE43664" i="1"/>
  <c r="AE43665" i="1"/>
  <c r="AE43666" i="1"/>
  <c r="AE43667" i="1"/>
  <c r="AE43668" i="1"/>
  <c r="AE43669" i="1"/>
  <c r="AE43670" i="1"/>
  <c r="AE43671" i="1"/>
  <c r="AE43672" i="1"/>
  <c r="AE43673" i="1"/>
  <c r="AE43674" i="1"/>
  <c r="AE43675" i="1"/>
  <c r="AE43676" i="1"/>
  <c r="AE43677" i="1"/>
  <c r="AE43678" i="1"/>
  <c r="AE43679" i="1"/>
  <c r="AE43680" i="1"/>
  <c r="AE43681" i="1"/>
  <c r="AE43682" i="1"/>
  <c r="AE43683" i="1"/>
  <c r="AE43684" i="1"/>
  <c r="AE43685" i="1"/>
  <c r="AE43686" i="1"/>
  <c r="AE43687" i="1"/>
  <c r="AE43688" i="1"/>
  <c r="AE43689" i="1"/>
  <c r="AE43690" i="1"/>
  <c r="AE43691" i="1"/>
  <c r="AE43692" i="1"/>
  <c r="AE43693" i="1"/>
  <c r="AE43694" i="1"/>
  <c r="AE43695" i="1"/>
  <c r="AE43696" i="1"/>
  <c r="AE43697" i="1"/>
  <c r="AE43698" i="1"/>
  <c r="AE43699" i="1"/>
  <c r="AE43700" i="1"/>
  <c r="AE43701" i="1"/>
  <c r="AE43702" i="1"/>
  <c r="AE43703" i="1"/>
  <c r="AE43704" i="1"/>
  <c r="AE43705" i="1"/>
  <c r="AE43706" i="1"/>
  <c r="AE43707" i="1"/>
  <c r="AE43708" i="1"/>
  <c r="AE43709" i="1"/>
  <c r="AE43710" i="1"/>
  <c r="AE43711" i="1"/>
  <c r="AE43712" i="1"/>
  <c r="AE43713" i="1"/>
  <c r="AE43714" i="1"/>
  <c r="AE43715" i="1"/>
  <c r="AE43716" i="1"/>
  <c r="AE43717" i="1"/>
  <c r="AE43718" i="1"/>
  <c r="AE43719" i="1"/>
  <c r="AE43720" i="1"/>
  <c r="AE43721" i="1"/>
  <c r="AE43722" i="1"/>
  <c r="AE43723" i="1"/>
  <c r="AE43724" i="1"/>
  <c r="AE43725" i="1"/>
  <c r="AE43726" i="1"/>
  <c r="AE43727" i="1"/>
  <c r="AE43728" i="1"/>
  <c r="AE43729" i="1"/>
  <c r="AE43730" i="1"/>
  <c r="AE43731" i="1"/>
  <c r="AE43732" i="1"/>
  <c r="AE43733" i="1"/>
  <c r="AE43734" i="1"/>
  <c r="AE43735" i="1"/>
  <c r="AE43736" i="1"/>
  <c r="AE43737" i="1"/>
  <c r="AE43738" i="1"/>
  <c r="AE43739" i="1"/>
  <c r="AE43740" i="1"/>
  <c r="AE43741" i="1"/>
  <c r="AE43742" i="1"/>
  <c r="AE43743" i="1"/>
  <c r="AE43744" i="1"/>
  <c r="AE43745" i="1"/>
  <c r="AE43746" i="1"/>
  <c r="AE43747" i="1"/>
  <c r="AE43748" i="1"/>
  <c r="AE43749" i="1"/>
  <c r="AE43750" i="1"/>
  <c r="AE43751" i="1"/>
  <c r="AE43752" i="1"/>
  <c r="AE43753" i="1"/>
  <c r="AE43754" i="1"/>
  <c r="AE43755" i="1"/>
  <c r="AE43756" i="1"/>
  <c r="AE43757" i="1"/>
  <c r="AE43758" i="1"/>
  <c r="AE43759" i="1"/>
  <c r="AE43760" i="1"/>
  <c r="AE43761" i="1"/>
  <c r="AE43762" i="1"/>
  <c r="AE43763" i="1"/>
  <c r="AE43764" i="1"/>
  <c r="AE43765" i="1"/>
  <c r="AE43766" i="1"/>
  <c r="AE43767" i="1"/>
  <c r="AE43768" i="1"/>
  <c r="AE43769" i="1"/>
  <c r="AE43770" i="1"/>
  <c r="AE43771" i="1"/>
  <c r="AE43772" i="1"/>
  <c r="AE43773" i="1"/>
  <c r="AE43774" i="1"/>
  <c r="AE43775" i="1"/>
  <c r="AE43776" i="1"/>
  <c r="AE43777" i="1"/>
  <c r="AE43778" i="1"/>
  <c r="AE43779" i="1"/>
  <c r="AE43780" i="1"/>
  <c r="AE43781" i="1"/>
  <c r="AE43782" i="1"/>
  <c r="AE43783" i="1"/>
  <c r="AE43784" i="1"/>
  <c r="AE43785" i="1"/>
  <c r="AE43786" i="1"/>
  <c r="AE43787" i="1"/>
  <c r="AE43788" i="1"/>
  <c r="AE43789" i="1"/>
  <c r="AE43790" i="1"/>
  <c r="AE43791" i="1"/>
  <c r="AE43792" i="1"/>
  <c r="AE43793" i="1"/>
  <c r="AE43794" i="1"/>
  <c r="AE43795" i="1"/>
  <c r="AE43796" i="1"/>
  <c r="AE43797" i="1"/>
  <c r="AE43798" i="1"/>
  <c r="AE43799" i="1"/>
  <c r="AE43800" i="1"/>
  <c r="AE43801" i="1"/>
  <c r="AE43802" i="1"/>
  <c r="AE43803" i="1"/>
  <c r="AE43804" i="1"/>
  <c r="AE43805" i="1"/>
  <c r="AE43806" i="1"/>
  <c r="AE43807" i="1"/>
  <c r="AE43808" i="1"/>
  <c r="AE43809" i="1"/>
  <c r="AE43810" i="1"/>
  <c r="AE43811" i="1"/>
  <c r="AE43812" i="1"/>
  <c r="AE43813" i="1"/>
  <c r="AE43814" i="1"/>
  <c r="AE43815" i="1"/>
  <c r="AE43816" i="1"/>
  <c r="AE43817" i="1"/>
  <c r="AE43818" i="1"/>
  <c r="AE43819" i="1"/>
  <c r="AE43820" i="1"/>
  <c r="AE43821" i="1"/>
  <c r="AE43822" i="1"/>
  <c r="AE43823" i="1"/>
  <c r="AE43824" i="1"/>
  <c r="AE43825" i="1"/>
  <c r="AE43826" i="1"/>
  <c r="AE43827" i="1"/>
  <c r="AE43828" i="1"/>
  <c r="AE43829" i="1"/>
  <c r="AE43830" i="1"/>
  <c r="AE43831" i="1"/>
  <c r="AE43832" i="1"/>
  <c r="AE43833" i="1"/>
  <c r="AE43834" i="1"/>
  <c r="AE43835" i="1"/>
  <c r="AE43836" i="1"/>
  <c r="AE43837" i="1"/>
  <c r="AE43838" i="1"/>
  <c r="AE43839" i="1"/>
  <c r="AE43840" i="1"/>
  <c r="AE43841" i="1"/>
  <c r="AE43842" i="1"/>
  <c r="AE43843" i="1"/>
  <c r="AE43844" i="1"/>
  <c r="AE43845" i="1"/>
  <c r="AE43846" i="1"/>
  <c r="AE43847" i="1"/>
  <c r="AE43848" i="1"/>
  <c r="AE43849" i="1"/>
  <c r="AE43850" i="1"/>
  <c r="AE43851" i="1"/>
  <c r="AE43852" i="1"/>
  <c r="AE43853" i="1"/>
  <c r="AE43854" i="1"/>
  <c r="AE43855" i="1"/>
  <c r="AE43856" i="1"/>
  <c r="AE43857" i="1"/>
  <c r="AE43858" i="1"/>
  <c r="AE43859" i="1"/>
  <c r="AE43860" i="1"/>
  <c r="AE43861" i="1"/>
  <c r="AE43862" i="1"/>
  <c r="AE43863" i="1"/>
  <c r="AE43864" i="1"/>
  <c r="AE43865" i="1"/>
  <c r="AE43866" i="1"/>
  <c r="AE43867" i="1"/>
  <c r="AE43868" i="1"/>
  <c r="AE43869" i="1"/>
  <c r="AE43870" i="1"/>
  <c r="AE43871" i="1"/>
  <c r="AE43872" i="1"/>
  <c r="AE43873" i="1"/>
  <c r="AE43874" i="1"/>
  <c r="AE43875" i="1"/>
  <c r="AE43876" i="1"/>
  <c r="AE43877" i="1"/>
  <c r="AE43878" i="1"/>
  <c r="AE43879" i="1"/>
  <c r="AE43880" i="1"/>
  <c r="AE43881" i="1"/>
  <c r="AE43882" i="1"/>
  <c r="AE43883" i="1"/>
  <c r="AE43884" i="1"/>
  <c r="AE43885" i="1"/>
  <c r="AE43886" i="1"/>
  <c r="AE43887" i="1"/>
  <c r="AE43888" i="1"/>
  <c r="AE43889" i="1"/>
  <c r="AE43890" i="1"/>
  <c r="AE43891" i="1"/>
  <c r="AE43892" i="1"/>
  <c r="AE43893" i="1"/>
  <c r="AE43894" i="1"/>
  <c r="AE43895" i="1"/>
  <c r="AE43896" i="1"/>
  <c r="AE43897" i="1"/>
  <c r="AE43898" i="1"/>
  <c r="AE43899" i="1"/>
  <c r="AE43900" i="1"/>
  <c r="AE43901" i="1"/>
  <c r="AE43902" i="1"/>
  <c r="AE43903" i="1"/>
  <c r="AE43904" i="1"/>
  <c r="AE43905" i="1"/>
  <c r="AE43906" i="1"/>
  <c r="AE43907" i="1"/>
  <c r="AE43908" i="1"/>
  <c r="AE43909" i="1"/>
  <c r="AE43910" i="1"/>
  <c r="AE43911" i="1"/>
  <c r="AE43912" i="1"/>
  <c r="AE43913" i="1"/>
  <c r="AE43914" i="1"/>
  <c r="AE43915" i="1"/>
  <c r="AE43916" i="1"/>
  <c r="AE43917" i="1"/>
  <c r="AE43918" i="1"/>
  <c r="AE43919" i="1"/>
  <c r="AE43920" i="1"/>
  <c r="AE43921" i="1"/>
  <c r="AE43922" i="1"/>
  <c r="AE43923" i="1"/>
  <c r="AE43924" i="1"/>
  <c r="AE43925" i="1"/>
  <c r="AE43926" i="1"/>
  <c r="AE43927" i="1"/>
  <c r="AE43928" i="1"/>
  <c r="AE43929" i="1"/>
  <c r="AE43930" i="1"/>
  <c r="AE43931" i="1"/>
  <c r="AE43932" i="1"/>
  <c r="AE43933" i="1"/>
  <c r="AE43934" i="1"/>
  <c r="AE43935" i="1"/>
  <c r="AE43936" i="1"/>
  <c r="AE43937" i="1"/>
  <c r="AE43938" i="1"/>
  <c r="AE43939" i="1"/>
  <c r="AE43940" i="1"/>
  <c r="AE43941" i="1"/>
  <c r="AE43942" i="1"/>
  <c r="AE43943" i="1"/>
  <c r="AE43944" i="1"/>
  <c r="AE43945" i="1"/>
  <c r="AE43946" i="1"/>
  <c r="AE43947" i="1"/>
  <c r="AE43948" i="1"/>
  <c r="AE43949" i="1"/>
  <c r="AE43950" i="1"/>
  <c r="AE43951" i="1"/>
  <c r="AE43952" i="1"/>
  <c r="AE43953" i="1"/>
  <c r="AE43954" i="1"/>
  <c r="AE43955" i="1"/>
  <c r="AE43956" i="1"/>
  <c r="AE43957" i="1"/>
  <c r="AE43958" i="1"/>
  <c r="AE43959" i="1"/>
  <c r="AE43960" i="1"/>
  <c r="AE43961" i="1"/>
  <c r="AE43962" i="1"/>
  <c r="AE43963" i="1"/>
  <c r="AE43964" i="1"/>
  <c r="AE43965" i="1"/>
  <c r="AE43966" i="1"/>
  <c r="AE43967" i="1"/>
  <c r="AE43968" i="1"/>
  <c r="AE43969" i="1"/>
  <c r="AE43970" i="1"/>
  <c r="AE43971" i="1"/>
  <c r="AE43972" i="1"/>
  <c r="AE43973" i="1"/>
  <c r="AE43974" i="1"/>
  <c r="AE43975" i="1"/>
  <c r="AE43976" i="1"/>
  <c r="AE43977" i="1"/>
  <c r="AE43978" i="1"/>
  <c r="AE43979" i="1"/>
  <c r="AE43980" i="1"/>
  <c r="AE43981" i="1"/>
  <c r="AE43982" i="1"/>
  <c r="AE43983" i="1"/>
  <c r="AE43984" i="1"/>
  <c r="AE43985" i="1"/>
  <c r="AE43986" i="1"/>
  <c r="AE43987" i="1"/>
  <c r="AE43988" i="1"/>
  <c r="AE43989" i="1"/>
  <c r="AE43990" i="1"/>
  <c r="AE43991" i="1"/>
  <c r="AE43992" i="1"/>
  <c r="AE43993" i="1"/>
  <c r="AE43994" i="1"/>
  <c r="AE43995" i="1"/>
  <c r="AE43996" i="1"/>
  <c r="AE43997" i="1"/>
  <c r="AE43998" i="1"/>
  <c r="AE43999" i="1"/>
  <c r="AE44000" i="1"/>
  <c r="AE44001" i="1"/>
  <c r="AE44002" i="1"/>
  <c r="AE44003" i="1"/>
  <c r="AE44004" i="1"/>
  <c r="AE44005" i="1"/>
  <c r="AE44006" i="1"/>
  <c r="AE44007" i="1"/>
  <c r="AE44008" i="1"/>
  <c r="AE44009" i="1"/>
  <c r="AE44010" i="1"/>
  <c r="AE44011" i="1"/>
  <c r="AE44012" i="1"/>
  <c r="AE44013" i="1"/>
  <c r="AE44014" i="1"/>
  <c r="AE44015" i="1"/>
  <c r="AE44016" i="1"/>
  <c r="AE44017" i="1"/>
  <c r="AE44018" i="1"/>
  <c r="AE44019" i="1"/>
  <c r="AE44020" i="1"/>
  <c r="AE44021" i="1"/>
  <c r="AE44022" i="1"/>
  <c r="AE44023" i="1"/>
  <c r="AE44024" i="1"/>
  <c r="AE44025" i="1"/>
  <c r="AE44026" i="1"/>
  <c r="AE44027" i="1"/>
  <c r="AE44028" i="1"/>
  <c r="AE44029" i="1"/>
  <c r="AE44030" i="1"/>
  <c r="AE44031" i="1"/>
  <c r="AE44032" i="1"/>
  <c r="AE44033" i="1"/>
  <c r="AE44034" i="1"/>
  <c r="AE44035" i="1"/>
  <c r="AE44036" i="1"/>
  <c r="AE44037" i="1"/>
  <c r="AE44038" i="1"/>
  <c r="AE44039" i="1"/>
  <c r="AE44040" i="1"/>
  <c r="AE44041" i="1"/>
  <c r="AE44042" i="1"/>
  <c r="AE44043" i="1"/>
  <c r="AE44044" i="1"/>
  <c r="AE44045" i="1"/>
  <c r="AE44046" i="1"/>
  <c r="AE44047" i="1"/>
  <c r="AE44048" i="1"/>
  <c r="AE44049" i="1"/>
  <c r="AE44050" i="1"/>
  <c r="AE44051" i="1"/>
  <c r="AE44052" i="1"/>
  <c r="AE44053" i="1"/>
  <c r="AE44054" i="1"/>
  <c r="AE44055" i="1"/>
  <c r="AE44056" i="1"/>
  <c r="AE44057" i="1"/>
  <c r="AE44058" i="1"/>
  <c r="AE44059" i="1"/>
  <c r="AE44060" i="1"/>
  <c r="AE44061" i="1"/>
  <c r="AE44062" i="1"/>
  <c r="AE44063" i="1"/>
  <c r="AE44064" i="1"/>
  <c r="AE44065" i="1"/>
  <c r="AE44066" i="1"/>
  <c r="AE44067" i="1"/>
  <c r="AE44068" i="1"/>
  <c r="AE44069" i="1"/>
  <c r="AE44070" i="1"/>
  <c r="AE44071" i="1"/>
  <c r="AE44072" i="1"/>
  <c r="AE44073" i="1"/>
  <c r="AE44074" i="1"/>
  <c r="AE44075" i="1"/>
  <c r="AE44076" i="1"/>
  <c r="AE44077" i="1"/>
  <c r="AE44078" i="1"/>
  <c r="AE44079" i="1"/>
  <c r="AE44080" i="1"/>
  <c r="AE44081" i="1"/>
  <c r="AE44082" i="1"/>
  <c r="AE44083" i="1"/>
  <c r="AE44084" i="1"/>
  <c r="AE44085" i="1"/>
  <c r="AE44086" i="1"/>
  <c r="AE44087" i="1"/>
  <c r="AE44088" i="1"/>
  <c r="AE44089" i="1"/>
  <c r="AE44090" i="1"/>
  <c r="AE44091" i="1"/>
  <c r="AE44092" i="1"/>
  <c r="AE44093" i="1"/>
  <c r="AE44094" i="1"/>
  <c r="AE44095" i="1"/>
  <c r="AE44096" i="1"/>
  <c r="AE44097" i="1"/>
  <c r="AE44098" i="1"/>
  <c r="AE44099" i="1"/>
  <c r="AE44100" i="1"/>
  <c r="AE44101" i="1"/>
  <c r="AE44102" i="1"/>
  <c r="AE44103" i="1"/>
  <c r="AE44104" i="1"/>
  <c r="AE44105" i="1"/>
  <c r="AE44106" i="1"/>
  <c r="AE44107" i="1"/>
  <c r="AE44108" i="1"/>
  <c r="AE44109" i="1"/>
  <c r="AE44110" i="1"/>
  <c r="AE44111" i="1"/>
  <c r="AE44112" i="1"/>
  <c r="AE44113" i="1"/>
  <c r="AE44114" i="1"/>
  <c r="AE44115" i="1"/>
  <c r="AE44116" i="1"/>
  <c r="AE44117" i="1"/>
  <c r="AE44118" i="1"/>
  <c r="AE44119" i="1"/>
  <c r="AE44120" i="1"/>
  <c r="AE44121" i="1"/>
  <c r="AE44122" i="1"/>
  <c r="AE44123" i="1"/>
  <c r="AE44124" i="1"/>
  <c r="AE44125" i="1"/>
  <c r="AE44126" i="1"/>
  <c r="AE44127" i="1"/>
  <c r="AE44128" i="1"/>
  <c r="AE44129" i="1"/>
  <c r="AE44130" i="1"/>
  <c r="AE44131" i="1"/>
  <c r="AE44132" i="1"/>
  <c r="AE44133" i="1"/>
  <c r="AE44134" i="1"/>
  <c r="AE44135" i="1"/>
  <c r="AE44136" i="1"/>
  <c r="AE44137" i="1"/>
  <c r="AE44138" i="1"/>
  <c r="AE44139" i="1"/>
  <c r="AE44140" i="1"/>
  <c r="AE44141" i="1"/>
  <c r="AE44142" i="1"/>
  <c r="AE44143" i="1"/>
  <c r="AE44144" i="1"/>
  <c r="AE44145" i="1"/>
  <c r="AE44146" i="1"/>
  <c r="AE44147" i="1"/>
  <c r="AE44148" i="1"/>
  <c r="AE44149" i="1"/>
  <c r="AE44150" i="1"/>
  <c r="AE44151" i="1"/>
  <c r="AE44152" i="1"/>
  <c r="AE44153" i="1"/>
  <c r="AE44154" i="1"/>
  <c r="AE44155" i="1"/>
  <c r="AE44156" i="1"/>
  <c r="AE44157" i="1"/>
  <c r="AE44158" i="1"/>
  <c r="AE44159" i="1"/>
  <c r="AE44160" i="1"/>
  <c r="AE44161" i="1"/>
  <c r="AE44162" i="1"/>
  <c r="AE44163" i="1"/>
  <c r="AE44164" i="1"/>
  <c r="AE44165" i="1"/>
  <c r="AE44166" i="1"/>
  <c r="AE44167" i="1"/>
  <c r="AE44168" i="1"/>
  <c r="AE44169" i="1"/>
  <c r="AE44170" i="1"/>
  <c r="AE44171" i="1"/>
  <c r="AE44172" i="1"/>
  <c r="AE44173" i="1"/>
  <c r="AE44174" i="1"/>
  <c r="AE44175" i="1"/>
  <c r="AE44176" i="1"/>
  <c r="AE44177" i="1"/>
  <c r="AE44178" i="1"/>
  <c r="AE44179" i="1"/>
  <c r="AE44180" i="1"/>
  <c r="AE44181" i="1"/>
  <c r="AE44182" i="1"/>
  <c r="AE44183" i="1"/>
  <c r="AE44184" i="1"/>
  <c r="AE44185" i="1"/>
  <c r="AE44186" i="1"/>
  <c r="AE44187" i="1"/>
  <c r="AE44188" i="1"/>
  <c r="AE44189" i="1"/>
  <c r="AE44190" i="1"/>
  <c r="AE44191" i="1"/>
  <c r="AE44192" i="1"/>
  <c r="AE44193" i="1"/>
  <c r="AE44194" i="1"/>
  <c r="AE44195" i="1"/>
  <c r="AE44196" i="1"/>
  <c r="AE44197" i="1"/>
  <c r="AE44198" i="1"/>
  <c r="AE44199" i="1"/>
  <c r="AE44200" i="1"/>
  <c r="AE44201" i="1"/>
  <c r="AE44202" i="1"/>
  <c r="AE44203" i="1"/>
  <c r="AE44204" i="1"/>
  <c r="AE44205" i="1"/>
  <c r="AE44206" i="1"/>
  <c r="AE44207" i="1"/>
  <c r="AE44208" i="1"/>
  <c r="AE44209" i="1"/>
  <c r="AE44210" i="1"/>
  <c r="AE44211" i="1"/>
  <c r="AE44212" i="1"/>
  <c r="AE44213" i="1"/>
  <c r="AE44214" i="1"/>
  <c r="AE44215" i="1"/>
  <c r="AE44216" i="1"/>
  <c r="AE44217" i="1"/>
  <c r="AE44218" i="1"/>
  <c r="AE44219" i="1"/>
  <c r="AE44220" i="1"/>
  <c r="AE44221" i="1"/>
  <c r="AE44222" i="1"/>
  <c r="AE44223" i="1"/>
  <c r="AE44224" i="1"/>
  <c r="AE44225" i="1"/>
  <c r="AE44226" i="1"/>
  <c r="AE44227" i="1"/>
  <c r="AE44228" i="1"/>
  <c r="AE44229" i="1"/>
  <c r="AE44230" i="1"/>
  <c r="AE44231" i="1"/>
  <c r="AE44232" i="1"/>
  <c r="AE44233" i="1"/>
  <c r="AE44234" i="1"/>
  <c r="AE44235" i="1"/>
  <c r="AE44236" i="1"/>
  <c r="AE44237" i="1"/>
  <c r="AE44238" i="1"/>
  <c r="AE44239" i="1"/>
  <c r="AE44240" i="1"/>
  <c r="AE44241" i="1"/>
  <c r="AE44242" i="1"/>
  <c r="AE44243" i="1"/>
  <c r="AE44244" i="1"/>
  <c r="AE44245" i="1"/>
  <c r="AE44246" i="1"/>
  <c r="AE44247" i="1"/>
  <c r="AE44248" i="1"/>
  <c r="AE44249" i="1"/>
  <c r="AE44250" i="1"/>
  <c r="AE44251" i="1"/>
  <c r="AE44252" i="1"/>
  <c r="AE44253" i="1"/>
  <c r="AE44254" i="1"/>
  <c r="AE44255" i="1"/>
  <c r="AE44256" i="1"/>
  <c r="AE44257" i="1"/>
  <c r="AE44258" i="1"/>
  <c r="AE44259" i="1"/>
  <c r="AE44260" i="1"/>
  <c r="AE44261" i="1"/>
  <c r="AE44262" i="1"/>
  <c r="AE44263" i="1"/>
  <c r="AE44264" i="1"/>
  <c r="AE44265" i="1"/>
  <c r="AE44266" i="1"/>
  <c r="AE44267" i="1"/>
  <c r="AE44268" i="1"/>
  <c r="AE44269" i="1"/>
  <c r="AE44270" i="1"/>
  <c r="AE44271" i="1"/>
  <c r="AE44272" i="1"/>
  <c r="AE44273" i="1"/>
  <c r="AE44274" i="1"/>
  <c r="AE44275" i="1"/>
  <c r="AE44276" i="1"/>
  <c r="AE44277" i="1"/>
  <c r="AE44278" i="1"/>
  <c r="AE44279" i="1"/>
  <c r="AE44280" i="1"/>
  <c r="AE44281" i="1"/>
  <c r="AE44282" i="1"/>
  <c r="AE44283" i="1"/>
  <c r="AE44284" i="1"/>
  <c r="AE44285" i="1"/>
  <c r="AE44286" i="1"/>
  <c r="AE44287" i="1"/>
  <c r="AE44288" i="1"/>
  <c r="AE44289" i="1"/>
  <c r="AE44290" i="1"/>
  <c r="AE44291" i="1"/>
  <c r="AE44292" i="1"/>
  <c r="AE44293" i="1"/>
  <c r="AE44294" i="1"/>
  <c r="AE44295" i="1"/>
  <c r="AE44296" i="1"/>
  <c r="AE44297" i="1"/>
  <c r="AE44298" i="1"/>
  <c r="AE44299" i="1"/>
  <c r="AE44300" i="1"/>
  <c r="AE44301" i="1"/>
  <c r="AE44302" i="1"/>
  <c r="AE44303" i="1"/>
  <c r="AE44304" i="1"/>
  <c r="AE44305" i="1"/>
  <c r="AE44306" i="1"/>
  <c r="AE44307" i="1"/>
  <c r="AE44308" i="1"/>
  <c r="AE44309" i="1"/>
  <c r="AE44310" i="1"/>
  <c r="AE44311" i="1"/>
  <c r="AE44312" i="1"/>
  <c r="AE44313" i="1"/>
  <c r="AE44314" i="1"/>
  <c r="AE44315" i="1"/>
  <c r="AE44316" i="1"/>
  <c r="AE44317" i="1"/>
  <c r="AE44318" i="1"/>
  <c r="AE44319" i="1"/>
  <c r="AE44320" i="1"/>
  <c r="AE44321" i="1"/>
  <c r="AE44322" i="1"/>
  <c r="AE44323" i="1"/>
  <c r="AE44324" i="1"/>
  <c r="AE44325" i="1"/>
  <c r="AE44326" i="1"/>
  <c r="AE44327" i="1"/>
  <c r="AE44328" i="1"/>
  <c r="AE44329" i="1"/>
  <c r="AE44330" i="1"/>
  <c r="AE44331" i="1"/>
  <c r="AE44332" i="1"/>
  <c r="AE44333" i="1"/>
  <c r="AE44334" i="1"/>
  <c r="AE44335" i="1"/>
  <c r="AE44336" i="1"/>
  <c r="AE44337" i="1"/>
  <c r="AE44338" i="1"/>
  <c r="AE44339" i="1"/>
  <c r="AE44340" i="1"/>
  <c r="AE44341" i="1"/>
  <c r="AE44342" i="1"/>
  <c r="AE44343" i="1"/>
  <c r="AE44344" i="1"/>
  <c r="AE44345" i="1"/>
  <c r="AE44346" i="1"/>
  <c r="AE44347" i="1"/>
  <c r="AE44348" i="1"/>
  <c r="AE44349" i="1"/>
  <c r="AE44350" i="1"/>
  <c r="AE44351" i="1"/>
  <c r="AE44352" i="1"/>
  <c r="AE44353" i="1"/>
  <c r="AE44354" i="1"/>
  <c r="AE44355" i="1"/>
  <c r="AE44356" i="1"/>
  <c r="AE44357" i="1"/>
  <c r="AE44358" i="1"/>
  <c r="AE44359" i="1"/>
  <c r="AE44360" i="1"/>
  <c r="AE44361" i="1"/>
  <c r="AE44362" i="1"/>
  <c r="AE44363" i="1"/>
  <c r="AE44364" i="1"/>
  <c r="AE44365" i="1"/>
  <c r="AE44366" i="1"/>
  <c r="AE44367" i="1"/>
  <c r="AE44368" i="1"/>
  <c r="AE44369" i="1"/>
  <c r="AE44370" i="1"/>
  <c r="AE44371" i="1"/>
  <c r="AE44372" i="1"/>
  <c r="AE44373" i="1"/>
  <c r="AE44374" i="1"/>
  <c r="AE44375" i="1"/>
  <c r="AE44376" i="1"/>
  <c r="AE44377" i="1"/>
  <c r="AE44378" i="1"/>
  <c r="AE44379" i="1"/>
  <c r="AE44380" i="1"/>
  <c r="AE44381" i="1"/>
  <c r="AE44382" i="1"/>
  <c r="AE44383" i="1"/>
  <c r="AE44384" i="1"/>
  <c r="AE44385" i="1"/>
  <c r="AE44386" i="1"/>
  <c r="AE44387" i="1"/>
  <c r="AE44388" i="1"/>
  <c r="AE44389" i="1"/>
  <c r="AE44390" i="1"/>
  <c r="AE44391" i="1"/>
  <c r="AE44392" i="1"/>
  <c r="AE44393" i="1"/>
  <c r="AE44394" i="1"/>
  <c r="AE44395" i="1"/>
  <c r="AE44396" i="1"/>
  <c r="AE44397" i="1"/>
  <c r="AE44398" i="1"/>
  <c r="AE44399" i="1"/>
  <c r="AE44400" i="1"/>
  <c r="AE44401" i="1"/>
  <c r="AE44402" i="1"/>
  <c r="AE44403" i="1"/>
  <c r="AE44404" i="1"/>
  <c r="AE44405" i="1"/>
  <c r="AE44406" i="1"/>
  <c r="AE44407" i="1"/>
  <c r="AE44408" i="1"/>
  <c r="AE44409" i="1"/>
  <c r="AE44410" i="1"/>
  <c r="AE44411" i="1"/>
  <c r="AE44412" i="1"/>
  <c r="AE44413" i="1"/>
  <c r="AE44414" i="1"/>
  <c r="AE44415" i="1"/>
  <c r="AE44416" i="1"/>
  <c r="AE44417" i="1"/>
  <c r="AE44418" i="1"/>
  <c r="AE44419" i="1"/>
  <c r="AE44420" i="1"/>
  <c r="AE44421" i="1"/>
  <c r="AE44422" i="1"/>
  <c r="AE44423" i="1"/>
  <c r="AE44424" i="1"/>
  <c r="AE44425" i="1"/>
  <c r="AE44426" i="1"/>
  <c r="AE44427" i="1"/>
  <c r="AE44428" i="1"/>
  <c r="AE44429" i="1"/>
  <c r="AE44430" i="1"/>
  <c r="AE44431" i="1"/>
  <c r="AE44432" i="1"/>
  <c r="AE44433" i="1"/>
  <c r="AE44434" i="1"/>
  <c r="AE44435" i="1"/>
  <c r="AE44436" i="1"/>
  <c r="AE44437" i="1"/>
  <c r="AE44438" i="1"/>
  <c r="AE44439" i="1"/>
  <c r="AE44440" i="1"/>
  <c r="AE44441" i="1"/>
  <c r="AE44442" i="1"/>
  <c r="AE44443" i="1"/>
  <c r="AE44444" i="1"/>
  <c r="AE44445" i="1"/>
  <c r="AE44446" i="1"/>
  <c r="AE44447" i="1"/>
  <c r="AE44448" i="1"/>
  <c r="AE44449" i="1"/>
  <c r="AE44450" i="1"/>
  <c r="AE44451" i="1"/>
  <c r="AE44452" i="1"/>
  <c r="AE44453" i="1"/>
  <c r="AE44454" i="1"/>
  <c r="AE44455" i="1"/>
  <c r="AE44456" i="1"/>
  <c r="AE44457" i="1"/>
  <c r="AE44458" i="1"/>
  <c r="AE44459" i="1"/>
  <c r="AE44460" i="1"/>
  <c r="AE44461" i="1"/>
  <c r="AE44462" i="1"/>
  <c r="AE44463" i="1"/>
  <c r="AE44464" i="1"/>
  <c r="AE44465" i="1"/>
  <c r="AE44466" i="1"/>
  <c r="AE44467" i="1"/>
  <c r="AE44468" i="1"/>
  <c r="AE44469" i="1"/>
  <c r="AE44470" i="1"/>
  <c r="AE44471" i="1"/>
  <c r="AE44472" i="1"/>
  <c r="AE44473" i="1"/>
  <c r="AE44474" i="1"/>
  <c r="AE44475" i="1"/>
  <c r="AE44476" i="1"/>
  <c r="AE44477" i="1"/>
  <c r="AE44478" i="1"/>
  <c r="AE44479" i="1"/>
  <c r="AE44480" i="1"/>
  <c r="AE44481" i="1"/>
  <c r="AE44482" i="1"/>
  <c r="AE44483" i="1"/>
  <c r="AE44484" i="1"/>
  <c r="AE44485" i="1"/>
  <c r="AE44486" i="1"/>
  <c r="AE44487" i="1"/>
  <c r="AE44488" i="1"/>
  <c r="AE44489" i="1"/>
  <c r="AE44490" i="1"/>
  <c r="AE44491" i="1"/>
  <c r="AE44492" i="1"/>
  <c r="AE44493" i="1"/>
  <c r="AE44494" i="1"/>
  <c r="AE44495" i="1"/>
  <c r="AE44496" i="1"/>
  <c r="AE44497" i="1"/>
  <c r="AE44498" i="1"/>
  <c r="AE44499" i="1"/>
  <c r="AE44500" i="1"/>
  <c r="AE44501" i="1"/>
  <c r="AE44502" i="1"/>
  <c r="AE44503" i="1"/>
  <c r="AE44504" i="1"/>
  <c r="AE44505" i="1"/>
  <c r="AE44506" i="1"/>
  <c r="AE44507" i="1"/>
  <c r="AE44508" i="1"/>
  <c r="AE44509" i="1"/>
  <c r="AE44510" i="1"/>
  <c r="AE44511" i="1"/>
  <c r="AE44512" i="1"/>
  <c r="AE44513" i="1"/>
  <c r="AE44514" i="1"/>
  <c r="AE44515" i="1"/>
  <c r="AE44516" i="1"/>
  <c r="AE44517" i="1"/>
  <c r="AE44518" i="1"/>
  <c r="AE44519" i="1"/>
  <c r="AE44520" i="1"/>
  <c r="AE44521" i="1"/>
  <c r="AE44522" i="1"/>
  <c r="AE44523" i="1"/>
  <c r="AE44524" i="1"/>
  <c r="AE44525" i="1"/>
  <c r="AE44526" i="1"/>
  <c r="AE44527" i="1"/>
  <c r="AE44528" i="1"/>
  <c r="AE44529" i="1"/>
  <c r="AE44530" i="1"/>
  <c r="AE44531" i="1"/>
  <c r="AE44532" i="1"/>
  <c r="AE44533" i="1"/>
  <c r="AE44534" i="1"/>
  <c r="AE44535" i="1"/>
  <c r="AE44536" i="1"/>
  <c r="AE44537" i="1"/>
  <c r="AE44538" i="1"/>
  <c r="AE44539" i="1"/>
  <c r="AE44540" i="1"/>
  <c r="AE44541" i="1"/>
  <c r="AE44542" i="1"/>
  <c r="AE44543" i="1"/>
  <c r="AE44544" i="1"/>
  <c r="AE44545" i="1"/>
  <c r="AE44546" i="1"/>
  <c r="AE44547" i="1"/>
  <c r="AE44548" i="1"/>
  <c r="AE44549" i="1"/>
  <c r="AE44550" i="1"/>
  <c r="AE44551" i="1"/>
  <c r="AE44552" i="1"/>
  <c r="AE44553" i="1"/>
  <c r="AE44554" i="1"/>
  <c r="AE44555" i="1"/>
  <c r="AE44556" i="1"/>
  <c r="AE44557" i="1"/>
  <c r="AE44558" i="1"/>
  <c r="AE44559" i="1"/>
  <c r="AE44560" i="1"/>
  <c r="AE44561" i="1"/>
  <c r="AE44562" i="1"/>
  <c r="AE44563" i="1"/>
  <c r="AE44564" i="1"/>
  <c r="AE44565" i="1"/>
  <c r="AE44566" i="1"/>
  <c r="AE44567" i="1"/>
  <c r="AE44568" i="1"/>
  <c r="AE44569" i="1"/>
  <c r="AE44570" i="1"/>
  <c r="AE44571" i="1"/>
  <c r="AE44572" i="1"/>
  <c r="AE44573" i="1"/>
  <c r="AE44574" i="1"/>
  <c r="AE44575" i="1"/>
  <c r="AE44576" i="1"/>
  <c r="AE44577" i="1"/>
  <c r="AE44578" i="1"/>
  <c r="AE44579" i="1"/>
  <c r="AE44580" i="1"/>
  <c r="AE44581" i="1"/>
  <c r="AE44582" i="1"/>
  <c r="AE44583" i="1"/>
  <c r="AE44584" i="1"/>
  <c r="AE44585" i="1"/>
  <c r="AE44586" i="1"/>
  <c r="AE44587" i="1"/>
  <c r="AE44588" i="1"/>
  <c r="AE44589" i="1"/>
  <c r="AE44590" i="1"/>
  <c r="AE44591" i="1"/>
  <c r="AE44592" i="1"/>
  <c r="AE44593" i="1"/>
  <c r="AE44594" i="1"/>
  <c r="AE44595" i="1"/>
  <c r="AE44596" i="1"/>
  <c r="AE44597" i="1"/>
  <c r="AE44598" i="1"/>
  <c r="AE44599" i="1"/>
  <c r="AE44600" i="1"/>
  <c r="AE44601" i="1"/>
  <c r="AE44602" i="1"/>
  <c r="AE44603" i="1"/>
  <c r="AE44604" i="1"/>
  <c r="AE44605" i="1"/>
  <c r="AE44606" i="1"/>
  <c r="AE44607" i="1"/>
  <c r="AE44608" i="1"/>
  <c r="AE44609" i="1"/>
  <c r="AE44610" i="1"/>
  <c r="AE44611" i="1"/>
  <c r="AE44612" i="1"/>
  <c r="AE44613" i="1"/>
  <c r="AE44614" i="1"/>
  <c r="AE44615" i="1"/>
  <c r="AE44616" i="1"/>
  <c r="AE44617" i="1"/>
  <c r="AE44618" i="1"/>
  <c r="AE44619" i="1"/>
  <c r="AE44620" i="1"/>
  <c r="AE44621" i="1"/>
  <c r="AE44622" i="1"/>
  <c r="AE44623" i="1"/>
  <c r="AE44624" i="1"/>
  <c r="AE44625" i="1"/>
  <c r="AE44626" i="1"/>
  <c r="AE44627" i="1"/>
  <c r="AE44628" i="1"/>
  <c r="AE44629" i="1"/>
  <c r="AE44630" i="1"/>
  <c r="AE44631" i="1"/>
  <c r="AE44632" i="1"/>
  <c r="AE44633" i="1"/>
  <c r="AE44634" i="1"/>
  <c r="AE44635" i="1"/>
  <c r="AE44636" i="1"/>
  <c r="AE44637" i="1"/>
  <c r="AE44638" i="1"/>
  <c r="AE44639" i="1"/>
  <c r="AE44640" i="1"/>
  <c r="AE44641" i="1"/>
  <c r="AE44642" i="1"/>
  <c r="AE44643" i="1"/>
  <c r="AE44644" i="1"/>
  <c r="AE44645" i="1"/>
  <c r="AE44646" i="1"/>
  <c r="AE44647" i="1"/>
  <c r="AE44648" i="1"/>
  <c r="AE44649" i="1"/>
  <c r="AE44650" i="1"/>
  <c r="AE44651" i="1"/>
  <c r="AE44652" i="1"/>
  <c r="AE44653" i="1"/>
  <c r="AE44654" i="1"/>
  <c r="AE44655" i="1"/>
  <c r="AE44656" i="1"/>
  <c r="AE44657" i="1"/>
  <c r="AE44658" i="1"/>
  <c r="AE44659" i="1"/>
  <c r="AE44660" i="1"/>
  <c r="AE44661" i="1"/>
  <c r="AE44662" i="1"/>
  <c r="AE44663" i="1"/>
  <c r="AE44664" i="1"/>
  <c r="AE44665" i="1"/>
  <c r="AE44666" i="1"/>
  <c r="AE44667" i="1"/>
  <c r="AE44668" i="1"/>
  <c r="AE44669" i="1"/>
  <c r="AE44670" i="1"/>
  <c r="AE44671" i="1"/>
  <c r="AE44672" i="1"/>
  <c r="AE44673" i="1"/>
  <c r="AE44674" i="1"/>
  <c r="AE44675" i="1"/>
  <c r="AE44676" i="1"/>
  <c r="AE44677" i="1"/>
  <c r="AE44678" i="1"/>
  <c r="AE44679" i="1"/>
  <c r="AE44680" i="1"/>
  <c r="AE44681" i="1"/>
  <c r="AE44682" i="1"/>
  <c r="AE44683" i="1"/>
  <c r="AE44684" i="1"/>
  <c r="AE44685" i="1"/>
  <c r="AE44686" i="1"/>
  <c r="AE44687" i="1"/>
  <c r="AE44688" i="1"/>
  <c r="AE44689" i="1"/>
  <c r="AE44690" i="1"/>
  <c r="AE44691" i="1"/>
  <c r="AE44692" i="1"/>
  <c r="AE44693" i="1"/>
  <c r="AE44694" i="1"/>
  <c r="AE44695" i="1"/>
  <c r="AE44696" i="1"/>
  <c r="AE44697" i="1"/>
  <c r="AE44698" i="1"/>
  <c r="AE44699" i="1"/>
  <c r="AE44700" i="1"/>
  <c r="AE44701" i="1"/>
  <c r="AE44702" i="1"/>
  <c r="AE44703" i="1"/>
  <c r="AE44704" i="1"/>
  <c r="AE44705" i="1"/>
  <c r="AE44706" i="1"/>
  <c r="AE44707" i="1"/>
  <c r="AE44708" i="1"/>
  <c r="AE44709" i="1"/>
  <c r="AE44710" i="1"/>
  <c r="AE44711" i="1"/>
  <c r="AE44712" i="1"/>
  <c r="AE44713" i="1"/>
  <c r="AE44714" i="1"/>
  <c r="AE44715" i="1"/>
  <c r="AE44716" i="1"/>
  <c r="AE44717" i="1"/>
  <c r="AE44718" i="1"/>
  <c r="AE44719" i="1"/>
  <c r="AE44720" i="1"/>
  <c r="AE44721" i="1"/>
  <c r="AE44722" i="1"/>
  <c r="AE44723" i="1"/>
  <c r="AE44724" i="1"/>
  <c r="AE44725" i="1"/>
  <c r="AE44726" i="1"/>
  <c r="AE44727" i="1"/>
  <c r="AE44728" i="1"/>
  <c r="AE44729" i="1"/>
  <c r="AE44730" i="1"/>
  <c r="AE44731" i="1"/>
  <c r="AE44732" i="1"/>
  <c r="AE44733" i="1"/>
  <c r="AE44734" i="1"/>
  <c r="AE44735" i="1"/>
  <c r="AE44736" i="1"/>
  <c r="AE44737" i="1"/>
  <c r="AE44738" i="1"/>
  <c r="AE44739" i="1"/>
  <c r="AE44740" i="1"/>
  <c r="AE44741" i="1"/>
  <c r="AE44742" i="1"/>
  <c r="AE44743" i="1"/>
  <c r="AE44744" i="1"/>
  <c r="AE44745" i="1"/>
  <c r="AE44746" i="1"/>
  <c r="AE44747" i="1"/>
  <c r="AE44748" i="1"/>
  <c r="AE44749" i="1"/>
  <c r="AE44750" i="1"/>
  <c r="AE44751" i="1"/>
  <c r="AE44752" i="1"/>
  <c r="AE44753" i="1"/>
  <c r="AE44754" i="1"/>
  <c r="AE44755" i="1"/>
  <c r="AE44756" i="1"/>
  <c r="AE44757" i="1"/>
  <c r="AE44758" i="1"/>
  <c r="AE44759" i="1"/>
  <c r="AE44760" i="1"/>
  <c r="AE44761" i="1"/>
  <c r="AE44762" i="1"/>
  <c r="AE44763" i="1"/>
  <c r="AE44764" i="1"/>
  <c r="AE44765" i="1"/>
  <c r="AE44766" i="1"/>
  <c r="AE44767" i="1"/>
  <c r="AE44768" i="1"/>
  <c r="AE44769" i="1"/>
  <c r="AE44770" i="1"/>
  <c r="AE44771" i="1"/>
  <c r="AE44772" i="1"/>
  <c r="AE44773" i="1"/>
  <c r="AE44774" i="1"/>
  <c r="AE44775" i="1"/>
  <c r="AE44776" i="1"/>
  <c r="AE44777" i="1"/>
  <c r="AE44778" i="1"/>
  <c r="AE44779" i="1"/>
  <c r="AE44780" i="1"/>
  <c r="AE44781" i="1"/>
  <c r="AE44782" i="1"/>
  <c r="AE44783" i="1"/>
  <c r="AE44784" i="1"/>
  <c r="AE44785" i="1"/>
  <c r="AE44786" i="1"/>
  <c r="AE44787" i="1"/>
  <c r="AE44788" i="1"/>
  <c r="AE44789" i="1"/>
  <c r="AE44790" i="1"/>
  <c r="AE44791" i="1"/>
  <c r="AE44792" i="1"/>
  <c r="AE44793" i="1"/>
  <c r="AE44794" i="1"/>
  <c r="AE44795" i="1"/>
  <c r="AE44796" i="1"/>
  <c r="AE44797" i="1"/>
  <c r="AE44798" i="1"/>
  <c r="AE44799" i="1"/>
  <c r="AE44800" i="1"/>
  <c r="AE44801" i="1"/>
  <c r="AE44802" i="1"/>
  <c r="AE44803" i="1"/>
  <c r="AE44804" i="1"/>
  <c r="AE44805" i="1"/>
  <c r="AE44806" i="1"/>
  <c r="AE44807" i="1"/>
  <c r="AE44808" i="1"/>
  <c r="AE44809" i="1"/>
  <c r="AE44810" i="1"/>
  <c r="AE44811" i="1"/>
  <c r="AE44812" i="1"/>
  <c r="AE44813" i="1"/>
  <c r="AE44814" i="1"/>
  <c r="AE44815" i="1"/>
  <c r="AE44816" i="1"/>
  <c r="AE44817" i="1"/>
  <c r="AE44818" i="1"/>
  <c r="AE44819" i="1"/>
  <c r="AE44820" i="1"/>
  <c r="AE44821" i="1"/>
  <c r="AE44822" i="1"/>
  <c r="AE44823" i="1"/>
  <c r="AE44824" i="1"/>
  <c r="AE44825" i="1"/>
  <c r="AE44826" i="1"/>
  <c r="AE44827" i="1"/>
  <c r="AE44828" i="1"/>
  <c r="AE44829" i="1"/>
  <c r="AE44830" i="1"/>
  <c r="AE44831" i="1"/>
  <c r="AE44832" i="1"/>
  <c r="AE44833" i="1"/>
  <c r="AE44834" i="1"/>
  <c r="AE44835" i="1"/>
  <c r="AE44836" i="1"/>
  <c r="AE44837" i="1"/>
  <c r="AE44838" i="1"/>
  <c r="AE44839" i="1"/>
  <c r="AE44840" i="1"/>
  <c r="AE44841" i="1"/>
  <c r="AE44842" i="1"/>
  <c r="AE44843" i="1"/>
  <c r="AE44844" i="1"/>
  <c r="AE44845" i="1"/>
  <c r="AE44846" i="1"/>
  <c r="AE44847" i="1"/>
  <c r="AE44848" i="1"/>
  <c r="AE44849" i="1"/>
  <c r="AE44850" i="1"/>
  <c r="AE44851" i="1"/>
  <c r="AE44852" i="1"/>
  <c r="AE44853" i="1"/>
  <c r="AE44854" i="1"/>
  <c r="AE44855" i="1"/>
  <c r="AE44856" i="1"/>
  <c r="AE44857" i="1"/>
  <c r="AE44858" i="1"/>
  <c r="AE44859" i="1"/>
  <c r="AE44860" i="1"/>
  <c r="AE44861" i="1"/>
  <c r="AE44862" i="1"/>
  <c r="AE44863" i="1"/>
  <c r="AE44864" i="1"/>
  <c r="AE44865" i="1"/>
  <c r="AE44866" i="1"/>
  <c r="AE44867" i="1"/>
  <c r="AE44868" i="1"/>
  <c r="AE44869" i="1"/>
  <c r="AE44870" i="1"/>
  <c r="AE44871" i="1"/>
  <c r="AE44872" i="1"/>
  <c r="AE44873" i="1"/>
  <c r="AE44874" i="1"/>
  <c r="AE44875" i="1"/>
  <c r="AE44876" i="1"/>
  <c r="AE44877" i="1"/>
  <c r="AE44878" i="1"/>
  <c r="AE44879" i="1"/>
  <c r="AE44880" i="1"/>
  <c r="AE44881" i="1"/>
  <c r="AE44882" i="1"/>
  <c r="AE44883" i="1"/>
  <c r="AE44884" i="1"/>
  <c r="AE44885" i="1"/>
  <c r="AE44886" i="1"/>
  <c r="AE44887" i="1"/>
  <c r="AE44888" i="1"/>
  <c r="AE44889" i="1"/>
  <c r="AE44890" i="1"/>
  <c r="AE44891" i="1"/>
  <c r="AE44892" i="1"/>
  <c r="AE44893" i="1"/>
  <c r="AE44894" i="1"/>
  <c r="AE44895" i="1"/>
  <c r="AE44896" i="1"/>
  <c r="AE44897" i="1"/>
  <c r="AE44898" i="1"/>
  <c r="AE44899" i="1"/>
  <c r="AE44900" i="1"/>
  <c r="AE44901" i="1"/>
  <c r="AE44902" i="1"/>
  <c r="AE44903" i="1"/>
  <c r="AE44904" i="1"/>
  <c r="AE44905" i="1"/>
  <c r="AE44906" i="1"/>
  <c r="AE44907" i="1"/>
  <c r="AE44908" i="1"/>
  <c r="AE44909" i="1"/>
  <c r="AE44910" i="1"/>
  <c r="AE44911" i="1"/>
  <c r="AE44912" i="1"/>
  <c r="AE44913" i="1"/>
  <c r="AE44914" i="1"/>
  <c r="AE44915" i="1"/>
  <c r="AE44916" i="1"/>
  <c r="AE44917" i="1"/>
  <c r="AE44918" i="1"/>
  <c r="AE44919" i="1"/>
  <c r="AE44920" i="1"/>
  <c r="AE44921" i="1"/>
  <c r="AE44922" i="1"/>
  <c r="AE44923" i="1"/>
  <c r="AE44924" i="1"/>
  <c r="AE44925" i="1"/>
  <c r="AE44926" i="1"/>
  <c r="AE44927" i="1"/>
  <c r="AE44928" i="1"/>
  <c r="AE44929" i="1"/>
  <c r="AE44930" i="1"/>
  <c r="AE44931" i="1"/>
  <c r="AE44932" i="1"/>
  <c r="AE44933" i="1"/>
  <c r="AE44934" i="1"/>
  <c r="AE44935" i="1"/>
  <c r="AE44936" i="1"/>
  <c r="AE44937" i="1"/>
  <c r="AE44938" i="1"/>
  <c r="AE44939" i="1"/>
  <c r="AE44940" i="1"/>
  <c r="AE44941" i="1"/>
  <c r="AE44942" i="1"/>
  <c r="AE44943" i="1"/>
  <c r="AE44944" i="1"/>
  <c r="AE44945" i="1"/>
  <c r="AE44946" i="1"/>
  <c r="AE44947" i="1"/>
  <c r="AE44948" i="1"/>
  <c r="AE44949" i="1"/>
  <c r="AE44950" i="1"/>
  <c r="AE44951" i="1"/>
  <c r="AE44952" i="1"/>
  <c r="AE44953" i="1"/>
  <c r="AE44954" i="1"/>
  <c r="AE44955" i="1"/>
  <c r="AE44956" i="1"/>
  <c r="AE44957" i="1"/>
  <c r="AE44958" i="1"/>
  <c r="AE44959" i="1"/>
  <c r="AE44960" i="1"/>
  <c r="AE44961" i="1"/>
  <c r="AE44962" i="1"/>
  <c r="AE44963" i="1"/>
  <c r="AE44964" i="1"/>
  <c r="AE44965" i="1"/>
  <c r="AE44966" i="1"/>
  <c r="AE44967" i="1"/>
  <c r="AE44968" i="1"/>
  <c r="AE44969" i="1"/>
  <c r="AE44970" i="1"/>
  <c r="AE44971" i="1"/>
  <c r="AE44972" i="1"/>
  <c r="AE44973" i="1"/>
  <c r="AE44974" i="1"/>
  <c r="AE44975" i="1"/>
  <c r="AE44976" i="1"/>
  <c r="AE44977" i="1"/>
  <c r="AE44978" i="1"/>
  <c r="AE44979" i="1"/>
  <c r="AE44980" i="1"/>
  <c r="AE44981" i="1"/>
  <c r="AE44982" i="1"/>
  <c r="AE44983" i="1"/>
  <c r="AE44984" i="1"/>
  <c r="AE44985" i="1"/>
  <c r="AE44986" i="1"/>
  <c r="AE44987" i="1"/>
  <c r="AE44988" i="1"/>
  <c r="AE44989" i="1"/>
  <c r="AE44990" i="1"/>
  <c r="AE44991" i="1"/>
  <c r="AE44992" i="1"/>
  <c r="AE44993" i="1"/>
  <c r="AE44994" i="1"/>
  <c r="AE44995" i="1"/>
  <c r="AE44996" i="1"/>
  <c r="AE44997" i="1"/>
  <c r="AE44998" i="1"/>
  <c r="AE44999" i="1"/>
  <c r="AE45000" i="1"/>
  <c r="AE45001" i="1"/>
  <c r="AE45002" i="1"/>
  <c r="AE45003" i="1"/>
  <c r="AE45004" i="1"/>
  <c r="AE45005" i="1"/>
  <c r="AE45006" i="1"/>
  <c r="AE45007" i="1"/>
  <c r="AE45008" i="1"/>
  <c r="AE45009" i="1"/>
  <c r="AE45010" i="1"/>
  <c r="AE45011" i="1"/>
  <c r="AE45012" i="1"/>
  <c r="AE45013" i="1"/>
  <c r="AE45014" i="1"/>
  <c r="AE45015" i="1"/>
  <c r="AE45016" i="1"/>
  <c r="AE45017" i="1"/>
  <c r="AE45018" i="1"/>
  <c r="AE45019" i="1"/>
  <c r="AE45020" i="1"/>
  <c r="AE45021" i="1"/>
  <c r="AE45022" i="1"/>
  <c r="AE45023" i="1"/>
  <c r="AE45024" i="1"/>
  <c r="AE45025" i="1"/>
  <c r="AE45026" i="1"/>
  <c r="AE45027" i="1"/>
  <c r="AE45028" i="1"/>
  <c r="AE45029" i="1"/>
  <c r="AE45030" i="1"/>
  <c r="AE45031" i="1"/>
  <c r="AE45032" i="1"/>
  <c r="AE45033" i="1"/>
  <c r="AE45034" i="1"/>
  <c r="AE45035" i="1"/>
  <c r="AE45036" i="1"/>
  <c r="AE45037" i="1"/>
  <c r="AE45038" i="1"/>
  <c r="AE45039" i="1"/>
  <c r="AE45040" i="1"/>
  <c r="AE45041" i="1"/>
  <c r="AE45042" i="1"/>
  <c r="AE45043" i="1"/>
  <c r="AE45044" i="1"/>
  <c r="AE45045" i="1"/>
  <c r="AE45046" i="1"/>
  <c r="AE45047" i="1"/>
  <c r="AE45048" i="1"/>
  <c r="AE45049" i="1"/>
  <c r="AE45050" i="1"/>
  <c r="AE45051" i="1"/>
  <c r="AE45052" i="1"/>
  <c r="AE45053" i="1"/>
  <c r="AE45054" i="1"/>
  <c r="AE45055" i="1"/>
  <c r="AE45056" i="1"/>
  <c r="AE45057" i="1"/>
  <c r="AE45058" i="1"/>
  <c r="AE45059" i="1"/>
  <c r="AE45060" i="1"/>
  <c r="AE45061" i="1"/>
  <c r="AE45062" i="1"/>
  <c r="AE45063" i="1"/>
  <c r="AE45064" i="1"/>
  <c r="AE45065" i="1"/>
  <c r="AE45066" i="1"/>
  <c r="AE45067" i="1"/>
  <c r="AE45068" i="1"/>
  <c r="AE45069" i="1"/>
  <c r="AE45070" i="1"/>
  <c r="AE45071" i="1"/>
  <c r="AE45072" i="1"/>
  <c r="AE45073" i="1"/>
  <c r="AE45074" i="1"/>
  <c r="AE45075" i="1"/>
  <c r="AE45076" i="1"/>
  <c r="AE45077" i="1"/>
  <c r="AE45078" i="1"/>
  <c r="AE45079" i="1"/>
  <c r="AE45080" i="1"/>
  <c r="AE45081" i="1"/>
  <c r="AE45082" i="1"/>
  <c r="AE45083" i="1"/>
  <c r="AE45084" i="1"/>
  <c r="AE45085" i="1"/>
  <c r="AE45086" i="1"/>
  <c r="AE45087" i="1"/>
  <c r="AE45088" i="1"/>
  <c r="AE45089" i="1"/>
  <c r="AE45090" i="1"/>
  <c r="AE45091" i="1"/>
  <c r="AE45092" i="1"/>
  <c r="AE45093" i="1"/>
  <c r="AE45094" i="1"/>
  <c r="AE45095" i="1"/>
  <c r="AE45096" i="1"/>
  <c r="AE45097" i="1"/>
  <c r="AE45098" i="1"/>
  <c r="AE45099" i="1"/>
  <c r="AE45100" i="1"/>
  <c r="AE45101" i="1"/>
  <c r="AE45102" i="1"/>
  <c r="AE45103" i="1"/>
  <c r="AE45104" i="1"/>
  <c r="AE45105" i="1"/>
  <c r="AE45106" i="1"/>
  <c r="AE45107" i="1"/>
  <c r="AE45108" i="1"/>
  <c r="AE45109" i="1"/>
  <c r="AE45110" i="1"/>
  <c r="AE45111" i="1"/>
  <c r="AE45112" i="1"/>
  <c r="AE45113" i="1"/>
  <c r="AE45114" i="1"/>
  <c r="AE45115" i="1"/>
  <c r="AE45116" i="1"/>
  <c r="AE45117" i="1"/>
  <c r="AE45118" i="1"/>
  <c r="AE45119" i="1"/>
  <c r="AE45120" i="1"/>
  <c r="AE45121" i="1"/>
  <c r="AE45122" i="1"/>
  <c r="AE45123" i="1"/>
  <c r="AE45124" i="1"/>
  <c r="AE45125" i="1"/>
  <c r="AE45126" i="1"/>
  <c r="AE45127" i="1"/>
  <c r="AE45128" i="1"/>
  <c r="AE45129" i="1"/>
  <c r="AE45130" i="1"/>
  <c r="AE45131" i="1"/>
  <c r="AE45132" i="1"/>
  <c r="AE45133" i="1"/>
  <c r="AE45134" i="1"/>
  <c r="AE45135" i="1"/>
  <c r="AE45136" i="1"/>
  <c r="AE45137" i="1"/>
  <c r="AE45138" i="1"/>
  <c r="AE45139" i="1"/>
  <c r="AE45140" i="1"/>
  <c r="AE45141" i="1"/>
  <c r="AE45142" i="1"/>
  <c r="AE45143" i="1"/>
  <c r="AE45144" i="1"/>
  <c r="AE45145" i="1"/>
  <c r="AE45146" i="1"/>
  <c r="AE45147" i="1"/>
  <c r="AE45148" i="1"/>
  <c r="AE45149" i="1"/>
  <c r="AE45150" i="1"/>
  <c r="AE45151" i="1"/>
  <c r="AE45152" i="1"/>
  <c r="AE45153" i="1"/>
  <c r="AE45154" i="1"/>
  <c r="AE45155" i="1"/>
  <c r="AE45156" i="1"/>
  <c r="AE45157" i="1"/>
  <c r="AE45158" i="1"/>
  <c r="AE45159" i="1"/>
  <c r="AE45160" i="1"/>
  <c r="AE45161" i="1"/>
  <c r="AE45162" i="1"/>
  <c r="AE45163" i="1"/>
  <c r="AE45164" i="1"/>
  <c r="AE45165" i="1"/>
  <c r="AE45166" i="1"/>
  <c r="AE45167" i="1"/>
  <c r="AE45168" i="1"/>
  <c r="AE45169" i="1"/>
  <c r="AE45170" i="1"/>
  <c r="AE45171" i="1"/>
  <c r="AE45172" i="1"/>
  <c r="AE45173" i="1"/>
  <c r="AE45174" i="1"/>
  <c r="AE45175" i="1"/>
  <c r="AE45176" i="1"/>
  <c r="AE45177" i="1"/>
  <c r="AE45178" i="1"/>
  <c r="AE45179" i="1"/>
  <c r="AE45180" i="1"/>
  <c r="AE45181" i="1"/>
  <c r="AE45182" i="1"/>
  <c r="AE45183" i="1"/>
  <c r="AE45184" i="1"/>
  <c r="AE45185" i="1"/>
  <c r="AE45186" i="1"/>
  <c r="AE45187" i="1"/>
  <c r="AE45188" i="1"/>
  <c r="AE45189" i="1"/>
  <c r="AE45190" i="1"/>
  <c r="AE45191" i="1"/>
  <c r="AE45192" i="1"/>
  <c r="AE45193" i="1"/>
  <c r="AE45194" i="1"/>
  <c r="AE45195" i="1"/>
  <c r="AE45196" i="1"/>
  <c r="AE45197" i="1"/>
  <c r="AE45198" i="1"/>
  <c r="AE45199" i="1"/>
  <c r="AE45200" i="1"/>
  <c r="AE45201" i="1"/>
  <c r="AE45202" i="1"/>
  <c r="AE45203" i="1"/>
  <c r="AE45204" i="1"/>
  <c r="AE45205" i="1"/>
  <c r="AE45206" i="1"/>
  <c r="AE45207" i="1"/>
  <c r="AE45208" i="1"/>
  <c r="AE45209" i="1"/>
  <c r="AE45210" i="1"/>
  <c r="AE45211" i="1"/>
  <c r="AE45212" i="1"/>
  <c r="AE45213" i="1"/>
  <c r="AE45214" i="1"/>
  <c r="AE45215" i="1"/>
  <c r="AE45216" i="1"/>
  <c r="AE45217" i="1"/>
  <c r="AE45218" i="1"/>
  <c r="AE45219" i="1"/>
  <c r="AE45220" i="1"/>
  <c r="AE45221" i="1"/>
  <c r="AE45222" i="1"/>
  <c r="AE45223" i="1"/>
  <c r="AE45224" i="1"/>
  <c r="AE45225" i="1"/>
  <c r="AE45226" i="1"/>
  <c r="AE45227" i="1"/>
  <c r="AE45228" i="1"/>
  <c r="AE45229" i="1"/>
  <c r="AE45230" i="1"/>
  <c r="AE45231" i="1"/>
  <c r="AE45232" i="1"/>
  <c r="AE45233" i="1"/>
  <c r="AE45234" i="1"/>
  <c r="AE45235" i="1"/>
  <c r="AE45236" i="1"/>
  <c r="AE45237" i="1"/>
  <c r="AE45238" i="1"/>
  <c r="AE45239" i="1"/>
  <c r="AE45240" i="1"/>
  <c r="AE45241" i="1"/>
  <c r="AE45242" i="1"/>
  <c r="AE45243" i="1"/>
  <c r="AE45244" i="1"/>
  <c r="AE45245" i="1"/>
  <c r="AE45246" i="1"/>
  <c r="AE45247" i="1"/>
  <c r="AE45248" i="1"/>
  <c r="AE45249" i="1"/>
  <c r="AE45250" i="1"/>
  <c r="AE45251" i="1"/>
  <c r="AE45252" i="1"/>
  <c r="AE45253" i="1"/>
  <c r="AE45254" i="1"/>
  <c r="AE45255" i="1"/>
  <c r="AE45256" i="1"/>
  <c r="AE45257" i="1"/>
  <c r="AE45258" i="1"/>
  <c r="AE45259" i="1"/>
  <c r="AE45260" i="1"/>
  <c r="AE45261" i="1"/>
  <c r="AE45262" i="1"/>
  <c r="AE45263" i="1"/>
  <c r="AE45264" i="1"/>
  <c r="AE45265" i="1"/>
  <c r="AE45266" i="1"/>
  <c r="AE45267" i="1"/>
  <c r="AE45268" i="1"/>
  <c r="AE45269" i="1"/>
  <c r="AE45270" i="1"/>
  <c r="AE45271" i="1"/>
  <c r="AE45272" i="1"/>
  <c r="AE45273" i="1"/>
  <c r="AE45274" i="1"/>
  <c r="AE45275" i="1"/>
  <c r="AE45276" i="1"/>
  <c r="AE45277" i="1"/>
  <c r="AE45278" i="1"/>
  <c r="AE45279" i="1"/>
  <c r="AE45280" i="1"/>
  <c r="AE45281" i="1"/>
  <c r="AE45282" i="1"/>
  <c r="AE45283" i="1"/>
  <c r="AE45284" i="1"/>
  <c r="AE45285" i="1"/>
  <c r="AE45286" i="1"/>
  <c r="AE45287" i="1"/>
  <c r="AE45288" i="1"/>
  <c r="AE45289" i="1"/>
  <c r="AE45290" i="1"/>
  <c r="AE45291" i="1"/>
  <c r="AE45292" i="1"/>
  <c r="AE45293" i="1"/>
  <c r="AE45294" i="1"/>
  <c r="AE45295" i="1"/>
  <c r="AE45296" i="1"/>
  <c r="AE45297" i="1"/>
  <c r="AE45298" i="1"/>
  <c r="AE45299" i="1"/>
  <c r="AE45300" i="1"/>
  <c r="AE45301" i="1"/>
  <c r="AE45302" i="1"/>
  <c r="AE45303" i="1"/>
  <c r="AE45304" i="1"/>
  <c r="AE45305" i="1"/>
  <c r="AE45306" i="1"/>
  <c r="AE45307" i="1"/>
  <c r="AE45308" i="1"/>
  <c r="AE45309" i="1"/>
  <c r="AE45310" i="1"/>
  <c r="AE45311" i="1"/>
  <c r="AE45312" i="1"/>
  <c r="AE45313" i="1"/>
  <c r="AE45314" i="1"/>
  <c r="AE45315" i="1"/>
  <c r="AE45316" i="1"/>
  <c r="AE45317" i="1"/>
  <c r="AE45318" i="1"/>
  <c r="AE45319" i="1"/>
  <c r="AE45320" i="1"/>
  <c r="AE45321" i="1"/>
  <c r="AE45322" i="1"/>
  <c r="AE45323" i="1"/>
  <c r="AE45324" i="1"/>
  <c r="AE45325" i="1"/>
  <c r="AE45326" i="1"/>
  <c r="AE45327" i="1"/>
  <c r="AE45328" i="1"/>
  <c r="AE45329" i="1"/>
  <c r="AE45330" i="1"/>
  <c r="AE45331" i="1"/>
  <c r="AE45332" i="1"/>
  <c r="AE45333" i="1"/>
  <c r="AE45334" i="1"/>
  <c r="AE45335" i="1"/>
  <c r="AE45336" i="1"/>
  <c r="AE45337" i="1"/>
  <c r="AE45338" i="1"/>
  <c r="AE45339" i="1"/>
  <c r="AE45340" i="1"/>
  <c r="AE45341" i="1"/>
  <c r="AE45342" i="1"/>
  <c r="AE45343" i="1"/>
  <c r="AE45344" i="1"/>
  <c r="AE45345" i="1"/>
  <c r="AE45346" i="1"/>
  <c r="AE45347" i="1"/>
  <c r="AE45348" i="1"/>
  <c r="AE45349" i="1"/>
  <c r="AE45350" i="1"/>
  <c r="AE45351" i="1"/>
  <c r="AE45352" i="1"/>
  <c r="AE45353" i="1"/>
  <c r="AE45354" i="1"/>
  <c r="AE45355" i="1"/>
  <c r="AE45356" i="1"/>
  <c r="AE45357" i="1"/>
  <c r="AE45358" i="1"/>
  <c r="AE45359" i="1"/>
  <c r="AE45360" i="1"/>
  <c r="AE45361" i="1"/>
  <c r="AE45362" i="1"/>
  <c r="AE45363" i="1"/>
  <c r="AE45364" i="1"/>
  <c r="AE45365" i="1"/>
  <c r="AE45366" i="1"/>
  <c r="AE45367" i="1"/>
  <c r="AE45368" i="1"/>
  <c r="AE45369" i="1"/>
  <c r="AE45370" i="1"/>
  <c r="AE45371" i="1"/>
  <c r="AE45372" i="1"/>
  <c r="AE45373" i="1"/>
  <c r="AE45374" i="1"/>
  <c r="AE45375" i="1"/>
  <c r="AE45376" i="1"/>
  <c r="AE45377" i="1"/>
  <c r="AE45378" i="1"/>
  <c r="AE45379" i="1"/>
  <c r="AE45380" i="1"/>
  <c r="AE45381" i="1"/>
  <c r="AE45382" i="1"/>
  <c r="AE45383" i="1"/>
  <c r="AE45384" i="1"/>
  <c r="AE45385" i="1"/>
  <c r="AE45386" i="1"/>
  <c r="AE45387" i="1"/>
  <c r="AE45388" i="1"/>
  <c r="AE45389" i="1"/>
  <c r="AE45390" i="1"/>
  <c r="AE45391" i="1"/>
  <c r="AE45392" i="1"/>
  <c r="AE45393" i="1"/>
  <c r="AE45394" i="1"/>
  <c r="AE45395" i="1"/>
  <c r="AE45396" i="1"/>
  <c r="AE45397" i="1"/>
  <c r="AE45398" i="1"/>
  <c r="AE45399" i="1"/>
  <c r="AE45400" i="1"/>
  <c r="AE45401" i="1"/>
  <c r="AE45402" i="1"/>
  <c r="AE45403" i="1"/>
  <c r="AE45404" i="1"/>
  <c r="AE45405" i="1"/>
  <c r="AE45406" i="1"/>
  <c r="AE45407" i="1"/>
  <c r="AE45408" i="1"/>
  <c r="AE45409" i="1"/>
  <c r="AE45410" i="1"/>
  <c r="AE45411" i="1"/>
  <c r="AE45412" i="1"/>
  <c r="AE45413" i="1"/>
  <c r="AE45414" i="1"/>
  <c r="AE45415" i="1"/>
  <c r="AE45416" i="1"/>
  <c r="AE45417" i="1"/>
  <c r="AE45418" i="1"/>
  <c r="AE45419" i="1"/>
  <c r="AE45420" i="1"/>
  <c r="AE45421" i="1"/>
  <c r="AE45422" i="1"/>
  <c r="AE45423" i="1"/>
  <c r="AE45424" i="1"/>
  <c r="AE45425" i="1"/>
  <c r="AE45426" i="1"/>
  <c r="AE45427" i="1"/>
  <c r="AE45428" i="1"/>
  <c r="AE45429" i="1"/>
  <c r="AE45430" i="1"/>
  <c r="AE45431" i="1"/>
  <c r="AE45432" i="1"/>
  <c r="AE45433" i="1"/>
  <c r="AE45434" i="1"/>
  <c r="AE45435" i="1"/>
  <c r="AE45436" i="1"/>
  <c r="AE45437" i="1"/>
  <c r="AE45438" i="1"/>
  <c r="AE45439" i="1"/>
  <c r="AE45440" i="1"/>
  <c r="AE45441" i="1"/>
  <c r="AE45442" i="1"/>
  <c r="AE45443" i="1"/>
  <c r="AE45444" i="1"/>
  <c r="AE45445" i="1"/>
  <c r="AE45446" i="1"/>
  <c r="AE45447" i="1"/>
  <c r="AE45448" i="1"/>
  <c r="AE45449" i="1"/>
  <c r="AE45450" i="1"/>
  <c r="AE45451" i="1"/>
  <c r="AE45452" i="1"/>
  <c r="AE45453" i="1"/>
  <c r="AE45454" i="1"/>
  <c r="AE45455" i="1"/>
  <c r="AE45456" i="1"/>
  <c r="AE45457" i="1"/>
  <c r="AE45458" i="1"/>
  <c r="AE45459" i="1"/>
  <c r="AE45460" i="1"/>
  <c r="AE45461" i="1"/>
  <c r="AE45462" i="1"/>
  <c r="AE45463" i="1"/>
  <c r="AE45464" i="1"/>
  <c r="AE45465" i="1"/>
  <c r="AE45466" i="1"/>
  <c r="AE45467" i="1"/>
  <c r="AE45468" i="1"/>
  <c r="AE45469" i="1"/>
  <c r="AE45470" i="1"/>
  <c r="AE45471" i="1"/>
  <c r="AE45472" i="1"/>
  <c r="AE45473" i="1"/>
  <c r="AE45474" i="1"/>
  <c r="AE45475" i="1"/>
  <c r="AE45476" i="1"/>
  <c r="AE45477" i="1"/>
  <c r="AE45478" i="1"/>
  <c r="AE45479" i="1"/>
  <c r="AE45480" i="1"/>
  <c r="AE45481" i="1"/>
  <c r="AE45482" i="1"/>
  <c r="AE45483" i="1"/>
  <c r="AE45484" i="1"/>
  <c r="AE45485" i="1"/>
  <c r="AE45486" i="1"/>
  <c r="AE45487" i="1"/>
  <c r="AE45488" i="1"/>
  <c r="AE45489" i="1"/>
  <c r="AE45490" i="1"/>
  <c r="AE45491" i="1"/>
  <c r="AE45492" i="1"/>
  <c r="AE45493" i="1"/>
  <c r="AE45494" i="1"/>
  <c r="AE45495" i="1"/>
  <c r="AE45496" i="1"/>
  <c r="AE45497" i="1"/>
  <c r="AE45498" i="1"/>
  <c r="AE45499" i="1"/>
  <c r="AE45500" i="1"/>
  <c r="AE45501" i="1"/>
  <c r="AE45502" i="1"/>
  <c r="AE45503" i="1"/>
  <c r="AE45504" i="1"/>
  <c r="AE45505" i="1"/>
  <c r="AE45506" i="1"/>
  <c r="AE45507" i="1"/>
  <c r="AE45508" i="1"/>
  <c r="AE45509" i="1"/>
  <c r="AE45510" i="1"/>
  <c r="AE45511" i="1"/>
  <c r="AE45512" i="1"/>
  <c r="AE45513" i="1"/>
  <c r="AE45514" i="1"/>
  <c r="AE45515" i="1"/>
  <c r="AE45516" i="1"/>
  <c r="AE45517" i="1"/>
  <c r="AE45518" i="1"/>
  <c r="AE45519" i="1"/>
  <c r="AE45520" i="1"/>
  <c r="AE45521" i="1"/>
  <c r="AE45522" i="1"/>
  <c r="AE45523" i="1"/>
  <c r="AE45524" i="1"/>
  <c r="AE45525" i="1"/>
  <c r="AE45526" i="1"/>
  <c r="AE45527" i="1"/>
  <c r="AE45528" i="1"/>
  <c r="AE45529" i="1"/>
  <c r="AE45530" i="1"/>
  <c r="AE45531" i="1"/>
  <c r="AE45532" i="1"/>
  <c r="AE45533" i="1"/>
  <c r="AE45534" i="1"/>
  <c r="AE45535" i="1"/>
  <c r="AE45536" i="1"/>
  <c r="AE45537" i="1"/>
  <c r="AE45538" i="1"/>
  <c r="AE45539" i="1"/>
  <c r="AE45540" i="1"/>
  <c r="AE45541" i="1"/>
  <c r="AE45542" i="1"/>
  <c r="AE45543" i="1"/>
  <c r="AE45544" i="1"/>
  <c r="AE45545" i="1"/>
  <c r="AE45546" i="1"/>
  <c r="AE45547" i="1"/>
  <c r="AE45548" i="1"/>
  <c r="AE45549" i="1"/>
  <c r="AE45550" i="1"/>
  <c r="AE45551" i="1"/>
  <c r="AE45552" i="1"/>
  <c r="AE45553" i="1"/>
  <c r="AE45554" i="1"/>
  <c r="AE45555" i="1"/>
  <c r="AE45556" i="1"/>
  <c r="AE45557" i="1"/>
  <c r="AE45558" i="1"/>
  <c r="AE45559" i="1"/>
  <c r="AE45560" i="1"/>
  <c r="AE45561" i="1"/>
  <c r="AE45562" i="1"/>
  <c r="AE45563" i="1"/>
  <c r="AE45564" i="1"/>
  <c r="AE45565" i="1"/>
  <c r="AE45566" i="1"/>
  <c r="AE45567" i="1"/>
  <c r="AE45568" i="1"/>
  <c r="AE45569" i="1"/>
  <c r="AE45570" i="1"/>
  <c r="AE45571" i="1"/>
  <c r="AE45572" i="1"/>
  <c r="AE45573" i="1"/>
  <c r="AE45574" i="1"/>
  <c r="AE45575" i="1"/>
  <c r="AE45576" i="1"/>
  <c r="AE45577" i="1"/>
  <c r="AE45578" i="1"/>
  <c r="AE45579" i="1"/>
  <c r="AE45580" i="1"/>
  <c r="AE45581" i="1"/>
  <c r="AE45582" i="1"/>
  <c r="AE45583" i="1"/>
  <c r="AE45584" i="1"/>
  <c r="AE45585" i="1"/>
  <c r="AE45586" i="1"/>
  <c r="AE45587" i="1"/>
  <c r="AE45588" i="1"/>
  <c r="AE45589" i="1"/>
  <c r="AE45590" i="1"/>
  <c r="AE45591" i="1"/>
  <c r="AE45592" i="1"/>
  <c r="AE45593" i="1"/>
  <c r="AE45594" i="1"/>
  <c r="AE45595" i="1"/>
  <c r="AE45596" i="1"/>
  <c r="AE45597" i="1"/>
  <c r="AE45598" i="1"/>
  <c r="AE45599" i="1"/>
  <c r="AE45600" i="1"/>
  <c r="AE45601" i="1"/>
  <c r="AE45602" i="1"/>
  <c r="AE45603" i="1"/>
  <c r="AE45604" i="1"/>
  <c r="AE45605" i="1"/>
  <c r="AE45606" i="1"/>
  <c r="AE45607" i="1"/>
  <c r="AE45608" i="1"/>
  <c r="AE45609" i="1"/>
  <c r="AE45610" i="1"/>
  <c r="AE45611" i="1"/>
  <c r="AE45612" i="1"/>
  <c r="AE45613" i="1"/>
  <c r="AE45614" i="1"/>
  <c r="AE45615" i="1"/>
  <c r="AE45616" i="1"/>
  <c r="AE45617" i="1"/>
  <c r="AE45618" i="1"/>
  <c r="AE45619" i="1"/>
  <c r="AE45620" i="1"/>
  <c r="AE45621" i="1"/>
  <c r="AE45622" i="1"/>
  <c r="AE45623" i="1"/>
  <c r="AE45624" i="1"/>
  <c r="AE45625" i="1"/>
  <c r="AE45626" i="1"/>
  <c r="AE45627" i="1"/>
  <c r="AE45628" i="1"/>
  <c r="AE45629" i="1"/>
  <c r="AE45630" i="1"/>
  <c r="AE45631" i="1"/>
  <c r="AE45632" i="1"/>
  <c r="AE45633" i="1"/>
  <c r="AE45634" i="1"/>
  <c r="AE45635" i="1"/>
  <c r="AE45636" i="1"/>
  <c r="AE45637" i="1"/>
  <c r="AE45638" i="1"/>
  <c r="AE45639" i="1"/>
  <c r="AE45640" i="1"/>
  <c r="AE45641" i="1"/>
  <c r="AE45642" i="1"/>
  <c r="AE45643" i="1"/>
  <c r="AE45644" i="1"/>
  <c r="AE45645" i="1"/>
  <c r="AE45646" i="1"/>
  <c r="AE45647" i="1"/>
  <c r="AE45648" i="1"/>
  <c r="AE45649" i="1"/>
  <c r="AE45650" i="1"/>
  <c r="AE45651" i="1"/>
  <c r="AE45652" i="1"/>
  <c r="AE45653" i="1"/>
  <c r="AE45654" i="1"/>
  <c r="AE45655" i="1"/>
  <c r="AE45656" i="1"/>
  <c r="AE45657" i="1"/>
  <c r="AE45658" i="1"/>
  <c r="AE45659" i="1"/>
  <c r="AE45660" i="1"/>
  <c r="AE45661" i="1"/>
  <c r="AE45662" i="1"/>
  <c r="AE45663" i="1"/>
  <c r="AE45664" i="1"/>
  <c r="AE45665" i="1"/>
  <c r="AE45666" i="1"/>
  <c r="AE45667" i="1"/>
  <c r="AE45668" i="1"/>
  <c r="AE45669" i="1"/>
  <c r="AE45670" i="1"/>
  <c r="AE45671" i="1"/>
  <c r="AE45672" i="1"/>
  <c r="AE45673" i="1"/>
  <c r="AE45674" i="1"/>
  <c r="AE45675" i="1"/>
  <c r="AE45676" i="1"/>
  <c r="AE45677" i="1"/>
  <c r="AE45678" i="1"/>
  <c r="AE45679" i="1"/>
  <c r="AE45680" i="1"/>
  <c r="AE45681" i="1"/>
  <c r="AE45682" i="1"/>
  <c r="AE45683" i="1"/>
  <c r="AE45684" i="1"/>
  <c r="AE45685" i="1"/>
  <c r="AE45686" i="1"/>
  <c r="AE45687" i="1"/>
  <c r="AE45688" i="1"/>
  <c r="AE45689" i="1"/>
  <c r="AE45690" i="1"/>
  <c r="AE45691" i="1"/>
  <c r="AE45692" i="1"/>
  <c r="AE45693" i="1"/>
  <c r="AE45694" i="1"/>
  <c r="AE45695" i="1"/>
  <c r="AE45696" i="1"/>
  <c r="AE45697" i="1"/>
  <c r="AE45698" i="1"/>
  <c r="AE45699" i="1"/>
  <c r="AE45700" i="1"/>
  <c r="AE45701" i="1"/>
  <c r="AE45702" i="1"/>
  <c r="AE45703" i="1"/>
  <c r="AE45704" i="1"/>
  <c r="AE45705" i="1"/>
  <c r="AE45706" i="1"/>
  <c r="AE45707" i="1"/>
  <c r="AE45708" i="1"/>
  <c r="AE45709" i="1"/>
  <c r="AE45710" i="1"/>
  <c r="AE45711" i="1"/>
  <c r="AE45712" i="1"/>
  <c r="AE45713" i="1"/>
  <c r="AE45714" i="1"/>
  <c r="AE45715" i="1"/>
  <c r="AE45716" i="1"/>
  <c r="AE45717" i="1"/>
  <c r="AE45718" i="1"/>
  <c r="AE45719" i="1"/>
  <c r="AE45720" i="1"/>
  <c r="AE45721" i="1"/>
  <c r="AE45722" i="1"/>
  <c r="AE45723" i="1"/>
  <c r="AE45724" i="1"/>
  <c r="AE45725" i="1"/>
  <c r="AE45726" i="1"/>
  <c r="AE45727" i="1"/>
  <c r="AE45728" i="1"/>
  <c r="AE45729" i="1"/>
  <c r="AE45730" i="1"/>
  <c r="AE45731" i="1"/>
  <c r="AE45732" i="1"/>
  <c r="AE45733" i="1"/>
  <c r="AE45734" i="1"/>
  <c r="AE45735" i="1"/>
  <c r="AE45736" i="1"/>
  <c r="AE45737" i="1"/>
  <c r="AE45738" i="1"/>
  <c r="AE45739" i="1"/>
  <c r="AE45740" i="1"/>
  <c r="AE45741" i="1"/>
  <c r="AE45742" i="1"/>
  <c r="AE45743" i="1"/>
  <c r="AE45744" i="1"/>
  <c r="AE45745" i="1"/>
  <c r="AE45746" i="1"/>
  <c r="AE45747" i="1"/>
  <c r="AE45748" i="1"/>
  <c r="AE45749" i="1"/>
  <c r="AE45750" i="1"/>
  <c r="AE45751" i="1"/>
  <c r="AE45752" i="1"/>
  <c r="AE45753" i="1"/>
  <c r="AE45754" i="1"/>
  <c r="AE45755" i="1"/>
  <c r="AE45756" i="1"/>
  <c r="AE45757" i="1"/>
  <c r="AE45758" i="1"/>
  <c r="AE45759" i="1"/>
  <c r="AE45760" i="1"/>
  <c r="AE45761" i="1"/>
  <c r="AE45762" i="1"/>
  <c r="AE45763" i="1"/>
  <c r="AE45764" i="1"/>
  <c r="AE45765" i="1"/>
  <c r="AE45766" i="1"/>
  <c r="AE45767" i="1"/>
  <c r="AE45768" i="1"/>
  <c r="AE45769" i="1"/>
  <c r="AE45770" i="1"/>
  <c r="AE45771" i="1"/>
  <c r="AE45772" i="1"/>
  <c r="AE45773" i="1"/>
  <c r="AE45774" i="1"/>
  <c r="AE45775" i="1"/>
  <c r="AE45776" i="1"/>
  <c r="AE45777" i="1"/>
  <c r="AE45778" i="1"/>
  <c r="AE45779" i="1"/>
  <c r="AE45780" i="1"/>
  <c r="AE45781" i="1"/>
  <c r="AE45782" i="1"/>
  <c r="AE45783" i="1"/>
  <c r="AE45784" i="1"/>
  <c r="AE45785" i="1"/>
  <c r="AE45786" i="1"/>
  <c r="AE45787" i="1"/>
  <c r="AE45788" i="1"/>
  <c r="AE45789" i="1"/>
  <c r="AE45790" i="1"/>
  <c r="AE45791" i="1"/>
  <c r="AE45792" i="1"/>
  <c r="AE45793" i="1"/>
  <c r="AE45794" i="1"/>
  <c r="AE45795" i="1"/>
  <c r="AE45796" i="1"/>
  <c r="AE45797" i="1"/>
  <c r="AE45798" i="1"/>
  <c r="AE45799" i="1"/>
  <c r="AE45800" i="1"/>
  <c r="AE45801" i="1"/>
  <c r="AE45802" i="1"/>
  <c r="AE45803" i="1"/>
  <c r="AE45804" i="1"/>
  <c r="AE45805" i="1"/>
  <c r="AE45806" i="1"/>
  <c r="AE45807" i="1"/>
  <c r="AE45808" i="1"/>
  <c r="AE45809" i="1"/>
  <c r="AE45810" i="1"/>
  <c r="AE45811" i="1"/>
  <c r="AE45812" i="1"/>
  <c r="AE45813" i="1"/>
  <c r="AE45814" i="1"/>
  <c r="AE45815" i="1"/>
  <c r="AE45816" i="1"/>
  <c r="AE45817" i="1"/>
  <c r="AE45818" i="1"/>
  <c r="AE45819" i="1"/>
  <c r="AE45820" i="1"/>
  <c r="AE45821" i="1"/>
  <c r="AE45822" i="1"/>
  <c r="AE45823" i="1"/>
  <c r="AE45824" i="1"/>
  <c r="AE45825" i="1"/>
  <c r="AE45826" i="1"/>
  <c r="AE45827" i="1"/>
  <c r="AE45828" i="1"/>
  <c r="AE45829" i="1"/>
  <c r="AE45830" i="1"/>
  <c r="AE45831" i="1"/>
  <c r="AE45832" i="1"/>
  <c r="AE45833" i="1"/>
  <c r="AE45834" i="1"/>
  <c r="AE45835" i="1"/>
  <c r="AE45836" i="1"/>
  <c r="AE45837" i="1"/>
  <c r="AE45838" i="1"/>
  <c r="AE45839" i="1"/>
  <c r="AE45840" i="1"/>
  <c r="AE45841" i="1"/>
  <c r="AE45842" i="1"/>
  <c r="AE45843" i="1"/>
  <c r="AE45844" i="1"/>
  <c r="AE45845" i="1"/>
  <c r="AE45846" i="1"/>
  <c r="AE45847" i="1"/>
  <c r="AE45848" i="1"/>
  <c r="AE45849" i="1"/>
  <c r="AE45850" i="1"/>
  <c r="AE45851" i="1"/>
  <c r="AE45852" i="1"/>
  <c r="AE45853" i="1"/>
  <c r="AE45854" i="1"/>
  <c r="AE45855" i="1"/>
  <c r="AE45856" i="1"/>
  <c r="AE45857" i="1"/>
  <c r="AE45858" i="1"/>
  <c r="AE45859" i="1"/>
  <c r="AE45860" i="1"/>
  <c r="AE45861" i="1"/>
  <c r="AE45862" i="1"/>
  <c r="AE45863" i="1"/>
  <c r="AE45864" i="1"/>
  <c r="AE45865" i="1"/>
  <c r="AE45866" i="1"/>
  <c r="AE45867" i="1"/>
  <c r="AE45868" i="1"/>
  <c r="AE45869" i="1"/>
  <c r="AE45870" i="1"/>
  <c r="AE45871" i="1"/>
  <c r="AE45872" i="1"/>
  <c r="AE45873" i="1"/>
  <c r="AE45874" i="1"/>
  <c r="AE45875" i="1"/>
  <c r="AE45876" i="1"/>
  <c r="AE45877" i="1"/>
  <c r="AE45878" i="1"/>
  <c r="AE45879" i="1"/>
  <c r="AE45880" i="1"/>
  <c r="AE45881" i="1"/>
  <c r="AE45882" i="1"/>
  <c r="AE45883" i="1"/>
  <c r="AE45884" i="1"/>
  <c r="AE45885" i="1"/>
  <c r="AE45886" i="1"/>
  <c r="AE45887" i="1"/>
  <c r="AE45888" i="1"/>
  <c r="AE45889" i="1"/>
  <c r="AE45890" i="1"/>
  <c r="AE45891" i="1"/>
  <c r="AE45892" i="1"/>
  <c r="AE45893" i="1"/>
  <c r="AE45894" i="1"/>
  <c r="AE45895" i="1"/>
  <c r="AE45896" i="1"/>
  <c r="AE45897" i="1"/>
  <c r="AE45898" i="1"/>
  <c r="AE45899" i="1"/>
  <c r="AE45900" i="1"/>
  <c r="AE45901" i="1"/>
  <c r="AE45902" i="1"/>
  <c r="AE45903" i="1"/>
  <c r="AE45904" i="1"/>
  <c r="AE45905" i="1"/>
  <c r="AE45906" i="1"/>
  <c r="AE45907" i="1"/>
  <c r="AE45908" i="1"/>
  <c r="AE45909" i="1"/>
  <c r="AE45910" i="1"/>
  <c r="AE45911" i="1"/>
  <c r="AE45912" i="1"/>
  <c r="AE45913" i="1"/>
  <c r="AE45914" i="1"/>
  <c r="AE45915" i="1"/>
  <c r="AE45916" i="1"/>
  <c r="AE45917" i="1"/>
  <c r="AE45918" i="1"/>
  <c r="AE45919" i="1"/>
  <c r="AE45920" i="1"/>
  <c r="AE45921" i="1"/>
  <c r="AE45922" i="1"/>
  <c r="AE45923" i="1"/>
  <c r="AE45924" i="1"/>
  <c r="AE45925" i="1"/>
  <c r="AE45926" i="1"/>
  <c r="AE45927" i="1"/>
  <c r="AE45928" i="1"/>
  <c r="AE45929" i="1"/>
  <c r="AE45930" i="1"/>
  <c r="AE45931" i="1"/>
  <c r="AE45932" i="1"/>
  <c r="AE45933" i="1"/>
  <c r="AE45934" i="1"/>
  <c r="AE45935" i="1"/>
  <c r="AE45936" i="1"/>
  <c r="AE45937" i="1"/>
  <c r="AE45938" i="1"/>
  <c r="AE45939" i="1"/>
  <c r="AE45940" i="1"/>
  <c r="AE45941" i="1"/>
  <c r="AE45942" i="1"/>
  <c r="AE45943" i="1"/>
  <c r="AE45944" i="1"/>
  <c r="AE45945" i="1"/>
  <c r="AE45946" i="1"/>
  <c r="AE45947" i="1"/>
  <c r="AE45948" i="1"/>
  <c r="AE45949" i="1"/>
  <c r="AE45950" i="1"/>
  <c r="AE45951" i="1"/>
  <c r="AE45952" i="1"/>
  <c r="AE45953" i="1"/>
  <c r="AE45954" i="1"/>
  <c r="AE45955" i="1"/>
  <c r="AE45956" i="1"/>
  <c r="AE45957" i="1"/>
  <c r="AE45958" i="1"/>
  <c r="AE45959" i="1"/>
  <c r="AE45960" i="1"/>
  <c r="AE45961" i="1"/>
  <c r="AE45962" i="1"/>
  <c r="AE45963" i="1"/>
  <c r="AE45964" i="1"/>
  <c r="AE45965" i="1"/>
  <c r="AE45966" i="1"/>
  <c r="AE45967" i="1"/>
  <c r="AE45968" i="1"/>
  <c r="AE45969" i="1"/>
  <c r="AE45970" i="1"/>
  <c r="AE45971" i="1"/>
  <c r="AE45972" i="1"/>
  <c r="AE45973" i="1"/>
  <c r="AE45974" i="1"/>
  <c r="AE45975" i="1"/>
  <c r="AE45976" i="1"/>
  <c r="AE45977" i="1"/>
  <c r="AE45978" i="1"/>
  <c r="AE45979" i="1"/>
  <c r="AE45980" i="1"/>
  <c r="AE45981" i="1"/>
  <c r="AE45982" i="1"/>
  <c r="AE45983" i="1"/>
  <c r="AE45984" i="1"/>
  <c r="AE45985" i="1"/>
  <c r="AE45986" i="1"/>
  <c r="AE45987" i="1"/>
  <c r="AE45988" i="1"/>
  <c r="AE45989" i="1"/>
  <c r="AE45990" i="1"/>
  <c r="AE45991" i="1"/>
  <c r="AE45992" i="1"/>
  <c r="AE45993" i="1"/>
  <c r="AE45994" i="1"/>
  <c r="AE45995" i="1"/>
  <c r="AE45996" i="1"/>
  <c r="AE45997" i="1"/>
  <c r="AE45998" i="1"/>
  <c r="AE45999" i="1"/>
  <c r="AE46000" i="1"/>
  <c r="AE46001" i="1"/>
  <c r="AE46002" i="1"/>
  <c r="AE46003" i="1"/>
  <c r="AE46004" i="1"/>
  <c r="AE46005" i="1"/>
  <c r="AE46006" i="1"/>
  <c r="AE46007" i="1"/>
  <c r="AE46008" i="1"/>
  <c r="AE46009" i="1"/>
  <c r="AE46010" i="1"/>
  <c r="AE46011" i="1"/>
  <c r="AE46012" i="1"/>
  <c r="AE46013" i="1"/>
  <c r="AE46014" i="1"/>
  <c r="AE46015" i="1"/>
  <c r="AE46016" i="1"/>
  <c r="AE46017" i="1"/>
  <c r="AE46018" i="1"/>
  <c r="AE46019" i="1"/>
  <c r="AE46020" i="1"/>
  <c r="AE46021" i="1"/>
  <c r="AE46022" i="1"/>
  <c r="AE46023" i="1"/>
  <c r="AE46024" i="1"/>
  <c r="AE46025" i="1"/>
  <c r="AE46026" i="1"/>
  <c r="AE46027" i="1"/>
  <c r="AE46028" i="1"/>
  <c r="AE46029" i="1"/>
  <c r="AE46030" i="1"/>
  <c r="AE46031" i="1"/>
  <c r="AE46032" i="1"/>
  <c r="AE46033" i="1"/>
  <c r="AE46034" i="1"/>
  <c r="AE46035" i="1"/>
  <c r="AE46036" i="1"/>
  <c r="AE46037" i="1"/>
  <c r="AE46038" i="1"/>
  <c r="AE46039" i="1"/>
  <c r="AE46040" i="1"/>
  <c r="AE46041" i="1"/>
  <c r="AE46042" i="1"/>
  <c r="AE46043" i="1"/>
  <c r="AE46044" i="1"/>
  <c r="AE46045" i="1"/>
  <c r="AE46046" i="1"/>
  <c r="AE46047" i="1"/>
  <c r="AE46048" i="1"/>
  <c r="AE46049" i="1"/>
  <c r="AE46050" i="1"/>
  <c r="AE46051" i="1"/>
  <c r="AE46052" i="1"/>
  <c r="AE46053" i="1"/>
  <c r="AE46054" i="1"/>
  <c r="AE46055" i="1"/>
  <c r="AE46056" i="1"/>
  <c r="AE46057" i="1"/>
  <c r="AE46058" i="1"/>
  <c r="AE46059" i="1"/>
  <c r="AE46060" i="1"/>
  <c r="AE46061" i="1"/>
  <c r="AE46062" i="1"/>
  <c r="AE46063" i="1"/>
  <c r="AE46064" i="1"/>
  <c r="AE46065" i="1"/>
  <c r="AE46066" i="1"/>
  <c r="AE46067" i="1"/>
  <c r="AE46068" i="1"/>
  <c r="AE46069" i="1"/>
  <c r="AE46070" i="1"/>
  <c r="AE46071" i="1"/>
  <c r="AE46072" i="1"/>
  <c r="AE46073" i="1"/>
  <c r="AE46074" i="1"/>
  <c r="AE46075" i="1"/>
  <c r="AE46076" i="1"/>
  <c r="AE46077" i="1"/>
  <c r="AE46078" i="1"/>
  <c r="AE46079" i="1"/>
  <c r="AE46080" i="1"/>
  <c r="AE46081" i="1"/>
  <c r="AE46082" i="1"/>
  <c r="AE46083" i="1"/>
  <c r="AE46084" i="1"/>
  <c r="AE46085" i="1"/>
  <c r="AE46086" i="1"/>
  <c r="AE46087" i="1"/>
  <c r="AE46088" i="1"/>
  <c r="AE46089" i="1"/>
  <c r="AE46090" i="1"/>
  <c r="AE46091" i="1"/>
  <c r="AE46092" i="1"/>
  <c r="AE46093" i="1"/>
  <c r="AE46094" i="1"/>
  <c r="AE46095" i="1"/>
  <c r="AE46096" i="1"/>
  <c r="AE46097" i="1"/>
  <c r="AE46098" i="1"/>
  <c r="AE46099" i="1"/>
  <c r="AE46100" i="1"/>
  <c r="AE46101" i="1"/>
  <c r="AE46102" i="1"/>
  <c r="AE46103" i="1"/>
  <c r="AE46104" i="1"/>
  <c r="AE46105" i="1"/>
  <c r="AE46106" i="1"/>
  <c r="AE46107" i="1"/>
  <c r="AE46108" i="1"/>
  <c r="AE46109" i="1"/>
  <c r="AE46110" i="1"/>
  <c r="AE46111" i="1"/>
  <c r="AE46112" i="1"/>
  <c r="AE46113" i="1"/>
  <c r="AE46114" i="1"/>
  <c r="AE46115" i="1"/>
  <c r="AE46116" i="1"/>
  <c r="AE46117" i="1"/>
  <c r="AE46118" i="1"/>
  <c r="AE46119" i="1"/>
  <c r="AE46120" i="1"/>
  <c r="AE46121" i="1"/>
  <c r="AE46122" i="1"/>
  <c r="AE46123" i="1"/>
  <c r="AE46124" i="1"/>
  <c r="AE46125" i="1"/>
  <c r="AE46126" i="1"/>
  <c r="AE46127" i="1"/>
  <c r="AE46128" i="1"/>
  <c r="AE46129" i="1"/>
  <c r="AE46130" i="1"/>
  <c r="AE46131" i="1"/>
  <c r="AE46132" i="1"/>
  <c r="AE46133" i="1"/>
  <c r="AE46134" i="1"/>
  <c r="AE46135" i="1"/>
  <c r="AE46136" i="1"/>
  <c r="AE46137" i="1"/>
  <c r="AE46138" i="1"/>
  <c r="AE46139" i="1"/>
  <c r="AE46140" i="1"/>
  <c r="AE46141" i="1"/>
  <c r="AE46142" i="1"/>
  <c r="AE46143" i="1"/>
  <c r="AE46144" i="1"/>
  <c r="AE46145" i="1"/>
  <c r="AE46146" i="1"/>
  <c r="AE46147" i="1"/>
  <c r="AE46148" i="1"/>
  <c r="AE46149" i="1"/>
  <c r="AE46150" i="1"/>
  <c r="AE46151" i="1"/>
  <c r="AE46152" i="1"/>
  <c r="AE46153" i="1"/>
  <c r="AE46154" i="1"/>
  <c r="AE46155" i="1"/>
  <c r="AE46156" i="1"/>
  <c r="AE46157" i="1"/>
  <c r="AE46158" i="1"/>
  <c r="AE46159" i="1"/>
  <c r="AE46160" i="1"/>
  <c r="AE46161" i="1"/>
  <c r="AE46162" i="1"/>
  <c r="AE46163" i="1"/>
  <c r="AE46164" i="1"/>
  <c r="AE46165" i="1"/>
  <c r="AE46166" i="1"/>
  <c r="AE46167" i="1"/>
  <c r="AE46168" i="1"/>
  <c r="AE46169" i="1"/>
  <c r="AE46170" i="1"/>
  <c r="AE46171" i="1"/>
  <c r="AE46172" i="1"/>
  <c r="AE46173" i="1"/>
  <c r="AE46174" i="1"/>
  <c r="AE46175" i="1"/>
  <c r="AE46176" i="1"/>
  <c r="AE46177" i="1"/>
  <c r="AE46178" i="1"/>
  <c r="AE46179" i="1"/>
  <c r="AE46180" i="1"/>
  <c r="AE46181" i="1"/>
  <c r="AE46182" i="1"/>
  <c r="AE46183" i="1"/>
  <c r="AE46184" i="1"/>
  <c r="AE46185" i="1"/>
  <c r="AE46186" i="1"/>
  <c r="AE46187" i="1"/>
  <c r="AE46188" i="1"/>
  <c r="AE46189" i="1"/>
  <c r="AE46190" i="1"/>
  <c r="AE46191" i="1"/>
  <c r="AE46192" i="1"/>
  <c r="AE46193" i="1"/>
  <c r="AE46194" i="1"/>
  <c r="AE46195" i="1"/>
  <c r="AE46196" i="1"/>
  <c r="AE46197" i="1"/>
  <c r="AE46198" i="1"/>
  <c r="AE46199" i="1"/>
  <c r="AE46200" i="1"/>
  <c r="AE46201" i="1"/>
  <c r="AE46202" i="1"/>
  <c r="AE46203" i="1"/>
  <c r="AE46204" i="1"/>
  <c r="AE46205" i="1"/>
  <c r="AE46206" i="1"/>
  <c r="AE46207" i="1"/>
  <c r="AE46208" i="1"/>
  <c r="AE46209" i="1"/>
  <c r="AE46210" i="1"/>
  <c r="AE46211" i="1"/>
  <c r="AE46212" i="1"/>
  <c r="AE46213" i="1"/>
  <c r="AE46214" i="1"/>
  <c r="AE46215" i="1"/>
  <c r="AE46216" i="1"/>
  <c r="AE46217" i="1"/>
  <c r="AE46218" i="1"/>
  <c r="AE46219" i="1"/>
  <c r="AE46220" i="1"/>
  <c r="AE46221" i="1"/>
  <c r="AE46222" i="1"/>
  <c r="AE46223" i="1"/>
  <c r="AE46224" i="1"/>
  <c r="AE46225" i="1"/>
  <c r="AE46226" i="1"/>
  <c r="AE46227" i="1"/>
  <c r="AE46228" i="1"/>
  <c r="AE46229" i="1"/>
  <c r="AE46230" i="1"/>
  <c r="AE46231" i="1"/>
  <c r="AE46232" i="1"/>
  <c r="AE46233" i="1"/>
  <c r="AE46234" i="1"/>
  <c r="AE46235" i="1"/>
  <c r="AE46236" i="1"/>
  <c r="AE46237" i="1"/>
  <c r="AE46238" i="1"/>
  <c r="AE46239" i="1"/>
  <c r="AE46240" i="1"/>
  <c r="AE46241" i="1"/>
  <c r="AE46242" i="1"/>
  <c r="AE46243" i="1"/>
  <c r="AE46244" i="1"/>
  <c r="AE46245" i="1"/>
  <c r="AE46246" i="1"/>
  <c r="AE46247" i="1"/>
  <c r="AE46248" i="1"/>
  <c r="AE46249" i="1"/>
  <c r="AE46250" i="1"/>
  <c r="AE46251" i="1"/>
  <c r="AE46252" i="1"/>
  <c r="AE46253" i="1"/>
  <c r="AE46254" i="1"/>
  <c r="AE46255" i="1"/>
  <c r="AE46256" i="1"/>
  <c r="AE46257" i="1"/>
  <c r="AE46258" i="1"/>
  <c r="AE46259" i="1"/>
  <c r="AE46260" i="1"/>
  <c r="AE46261" i="1"/>
  <c r="AE46262" i="1"/>
  <c r="AE46263" i="1"/>
  <c r="AE46264" i="1"/>
  <c r="AE46265" i="1"/>
  <c r="AE46266" i="1"/>
  <c r="AE46267" i="1"/>
  <c r="AE46268" i="1"/>
  <c r="AE46269" i="1"/>
  <c r="AE46270" i="1"/>
  <c r="AE46271" i="1"/>
  <c r="AE46272" i="1"/>
  <c r="AE46273" i="1"/>
  <c r="AE46274" i="1"/>
  <c r="AE46275" i="1"/>
  <c r="AE46276" i="1"/>
  <c r="AE46277" i="1"/>
  <c r="AE46278" i="1"/>
  <c r="AE46279" i="1"/>
  <c r="AE46280" i="1"/>
  <c r="AE46281" i="1"/>
  <c r="AE46282" i="1"/>
  <c r="AE46283" i="1"/>
  <c r="AE46284" i="1"/>
  <c r="AE46285" i="1"/>
  <c r="AE46286" i="1"/>
  <c r="AE46287" i="1"/>
  <c r="AE46288" i="1"/>
  <c r="AE46289" i="1"/>
  <c r="AE46290" i="1"/>
  <c r="AE46291" i="1"/>
  <c r="AE46292" i="1"/>
  <c r="AE46293" i="1"/>
  <c r="AE46294" i="1"/>
  <c r="AE46295" i="1"/>
  <c r="AE46296" i="1"/>
  <c r="AE46297" i="1"/>
  <c r="AE46298" i="1"/>
  <c r="AE46299" i="1"/>
  <c r="AE46300" i="1"/>
  <c r="AE46301" i="1"/>
  <c r="AE46302" i="1"/>
  <c r="AE46303" i="1"/>
  <c r="AE46304" i="1"/>
  <c r="AE46305" i="1"/>
  <c r="AE46306" i="1"/>
  <c r="AE46307" i="1"/>
  <c r="AE46308" i="1"/>
  <c r="AE46309" i="1"/>
  <c r="AE46310" i="1"/>
  <c r="AE46311" i="1"/>
  <c r="AE46312" i="1"/>
  <c r="AE46313" i="1"/>
  <c r="AE46314" i="1"/>
  <c r="AE46315" i="1"/>
  <c r="AE46316" i="1"/>
  <c r="AE46317" i="1"/>
  <c r="AE46318" i="1"/>
  <c r="AE46319" i="1"/>
  <c r="AE46320" i="1"/>
  <c r="AE46321" i="1"/>
  <c r="AE46322" i="1"/>
  <c r="AE46323" i="1"/>
  <c r="AE46324" i="1"/>
  <c r="AE46325" i="1"/>
  <c r="AE46326" i="1"/>
  <c r="AE46327" i="1"/>
  <c r="AE46328" i="1"/>
  <c r="AE46329" i="1"/>
  <c r="AE46330" i="1"/>
  <c r="AE46331" i="1"/>
  <c r="AE46332" i="1"/>
  <c r="AE46333" i="1"/>
  <c r="AE46334" i="1"/>
  <c r="AE46335" i="1"/>
  <c r="AE46336" i="1"/>
  <c r="AE46337" i="1"/>
  <c r="AE46338" i="1"/>
  <c r="AE46339" i="1"/>
  <c r="AE46340" i="1"/>
  <c r="AE46341" i="1"/>
  <c r="AE46342" i="1"/>
  <c r="AE46343" i="1"/>
  <c r="AE46344" i="1"/>
  <c r="AE46345" i="1"/>
  <c r="AE46346" i="1"/>
  <c r="AE46347" i="1"/>
  <c r="AE46348" i="1"/>
  <c r="AE46349" i="1"/>
  <c r="AE46350" i="1"/>
  <c r="AE46351" i="1"/>
  <c r="AE46352" i="1"/>
  <c r="AE46353" i="1"/>
  <c r="AE46354" i="1"/>
  <c r="AE46355" i="1"/>
  <c r="AE46356" i="1"/>
  <c r="AE46357" i="1"/>
  <c r="AE46358" i="1"/>
  <c r="AE46359" i="1"/>
  <c r="AE46360" i="1"/>
  <c r="AE46361" i="1"/>
  <c r="AE46362" i="1"/>
  <c r="AE46363" i="1"/>
  <c r="AE46364" i="1"/>
  <c r="AE46365" i="1"/>
  <c r="AE46366" i="1"/>
  <c r="AE46367" i="1"/>
  <c r="AE46368" i="1"/>
  <c r="AE46369" i="1"/>
  <c r="AE46370" i="1"/>
  <c r="AE46371" i="1"/>
  <c r="AE46372" i="1"/>
  <c r="AE46373" i="1"/>
  <c r="AE46374" i="1"/>
  <c r="AE46375" i="1"/>
  <c r="AE46376" i="1"/>
  <c r="AE46377" i="1"/>
  <c r="AE46378" i="1"/>
  <c r="AE46379" i="1"/>
  <c r="AE46380" i="1"/>
  <c r="AE46381" i="1"/>
  <c r="AE46382" i="1"/>
  <c r="AE46383" i="1"/>
  <c r="AE46384" i="1"/>
  <c r="AE46385" i="1"/>
  <c r="AE46386" i="1"/>
  <c r="AE46387" i="1"/>
  <c r="AE46388" i="1"/>
  <c r="AE46389" i="1"/>
  <c r="AE46390" i="1"/>
  <c r="AE46391" i="1"/>
  <c r="AE46392" i="1"/>
  <c r="AE46393" i="1"/>
  <c r="AE46394" i="1"/>
  <c r="AE46395" i="1"/>
  <c r="AE46396" i="1"/>
  <c r="AE46397" i="1"/>
  <c r="AE46398" i="1"/>
  <c r="AE46399" i="1"/>
  <c r="AE46400" i="1"/>
  <c r="AE46401" i="1"/>
  <c r="AE46402" i="1"/>
  <c r="AE46403" i="1"/>
  <c r="AE46404" i="1"/>
  <c r="AE46405" i="1"/>
  <c r="AE46406" i="1"/>
  <c r="AE46407" i="1"/>
  <c r="AE46408" i="1"/>
  <c r="AE46409" i="1"/>
  <c r="AE46410" i="1"/>
  <c r="AE46411" i="1"/>
  <c r="AE46412" i="1"/>
  <c r="AE46413" i="1"/>
  <c r="AE46414" i="1"/>
  <c r="AE46415" i="1"/>
  <c r="AE46416" i="1"/>
  <c r="AE46417" i="1"/>
  <c r="AE46418" i="1"/>
  <c r="AE46419" i="1"/>
  <c r="AE46420" i="1"/>
  <c r="AE46421" i="1"/>
  <c r="AE46422" i="1"/>
  <c r="AE46423" i="1"/>
  <c r="AE46424" i="1"/>
  <c r="AE46425" i="1"/>
  <c r="AE46426" i="1"/>
  <c r="AE46427" i="1"/>
  <c r="AE46428" i="1"/>
  <c r="AE46429" i="1"/>
  <c r="AE46430" i="1"/>
  <c r="AE46431" i="1"/>
  <c r="AE46432" i="1"/>
  <c r="AE46433" i="1"/>
  <c r="AE46434" i="1"/>
  <c r="AE46435" i="1"/>
  <c r="AE46436" i="1"/>
  <c r="AE46437" i="1"/>
  <c r="AE46438" i="1"/>
  <c r="AE46439" i="1"/>
  <c r="AE46440" i="1"/>
  <c r="AE46441" i="1"/>
  <c r="AE46442" i="1"/>
  <c r="AE46443" i="1"/>
  <c r="AE46444" i="1"/>
  <c r="AE46445" i="1"/>
  <c r="AE46446" i="1"/>
  <c r="AE46447" i="1"/>
  <c r="AE46448" i="1"/>
  <c r="AE46449" i="1"/>
  <c r="AE46450" i="1"/>
  <c r="AE46451" i="1"/>
  <c r="AE46452" i="1"/>
  <c r="AE46453" i="1"/>
  <c r="AE46454" i="1"/>
  <c r="AE46455" i="1"/>
  <c r="AE46456" i="1"/>
  <c r="AE46457" i="1"/>
  <c r="AE46458" i="1"/>
  <c r="AE46459" i="1"/>
  <c r="AE46460" i="1"/>
  <c r="AE46461" i="1"/>
  <c r="AE46462" i="1"/>
  <c r="AE46463" i="1"/>
  <c r="AE46464" i="1"/>
  <c r="AE46465" i="1"/>
  <c r="AE46466" i="1"/>
  <c r="AE46467" i="1"/>
  <c r="AE46468" i="1"/>
  <c r="AE46469" i="1"/>
  <c r="AE46470" i="1"/>
  <c r="AE46471" i="1"/>
  <c r="AE46472" i="1"/>
  <c r="AE46473" i="1"/>
  <c r="AE46474" i="1"/>
  <c r="AE46475" i="1"/>
  <c r="AE46476" i="1"/>
  <c r="AE46477" i="1"/>
  <c r="AE46478" i="1"/>
  <c r="AE46479" i="1"/>
  <c r="AE46480" i="1"/>
  <c r="AE46481" i="1"/>
  <c r="AE46482" i="1"/>
  <c r="AE46483" i="1"/>
  <c r="AE46484" i="1"/>
  <c r="AE46485" i="1"/>
  <c r="AE46486" i="1"/>
  <c r="AE46487" i="1"/>
  <c r="AE46488" i="1"/>
  <c r="AE46489" i="1"/>
  <c r="AE46490" i="1"/>
  <c r="AE46491" i="1"/>
  <c r="AE46492" i="1"/>
  <c r="AE46493" i="1"/>
  <c r="AE46494" i="1"/>
  <c r="AE46495" i="1"/>
  <c r="AE46496" i="1"/>
  <c r="AE46497" i="1"/>
  <c r="AE46498" i="1"/>
  <c r="AE46499" i="1"/>
  <c r="AE46500" i="1"/>
  <c r="AE46501" i="1"/>
  <c r="AE46502" i="1"/>
  <c r="AE46503" i="1"/>
  <c r="AE46504" i="1"/>
  <c r="AE46505" i="1"/>
  <c r="AE46506" i="1"/>
  <c r="AE46507" i="1"/>
  <c r="AE46508" i="1"/>
  <c r="AE46509" i="1"/>
  <c r="AE46510" i="1"/>
  <c r="AE46511" i="1"/>
  <c r="AE46512" i="1"/>
  <c r="AE46513" i="1"/>
  <c r="AE46514" i="1"/>
  <c r="AE46515" i="1"/>
  <c r="AE46516" i="1"/>
  <c r="AE46517" i="1"/>
  <c r="AE46518" i="1"/>
  <c r="AE46519" i="1"/>
  <c r="AE46520" i="1"/>
  <c r="AE46521" i="1"/>
  <c r="AE46522" i="1"/>
  <c r="AE46523" i="1"/>
  <c r="AE46524" i="1"/>
  <c r="AE46525" i="1"/>
  <c r="AE46526" i="1"/>
  <c r="AE46527" i="1"/>
  <c r="AE46528" i="1"/>
  <c r="AE46529" i="1"/>
  <c r="AE46530" i="1"/>
  <c r="AE46531" i="1"/>
  <c r="AE46532" i="1"/>
  <c r="AE46533" i="1"/>
  <c r="AE46534" i="1"/>
  <c r="AE46535" i="1"/>
  <c r="AE46536" i="1"/>
  <c r="AE46537" i="1"/>
  <c r="AE46538" i="1"/>
  <c r="AE46539" i="1"/>
  <c r="AE46540" i="1"/>
  <c r="AE46541" i="1"/>
  <c r="AE46542" i="1"/>
  <c r="AE46543" i="1"/>
  <c r="AE46544" i="1"/>
  <c r="AE46545" i="1"/>
  <c r="AE46546" i="1"/>
  <c r="AE46547" i="1"/>
  <c r="AE46548" i="1"/>
  <c r="AE46549" i="1"/>
  <c r="AE46550" i="1"/>
  <c r="AE46551" i="1"/>
  <c r="AE46552" i="1"/>
  <c r="AE46553" i="1"/>
  <c r="AE46554" i="1"/>
  <c r="AE46555" i="1"/>
  <c r="AE46556" i="1"/>
  <c r="AE46557" i="1"/>
  <c r="AE46558" i="1"/>
  <c r="AE46559" i="1"/>
  <c r="AE46560" i="1"/>
  <c r="AE46561" i="1"/>
  <c r="AE46562" i="1"/>
  <c r="AE46563" i="1"/>
  <c r="AE46564" i="1"/>
  <c r="AE46565" i="1"/>
  <c r="AE46566" i="1"/>
  <c r="AE46567" i="1"/>
  <c r="AE46568" i="1"/>
  <c r="AE46569" i="1"/>
  <c r="AE46570" i="1"/>
  <c r="AE46571" i="1"/>
  <c r="AE46572" i="1"/>
  <c r="AE46573" i="1"/>
  <c r="AE46574" i="1"/>
  <c r="AE46575" i="1"/>
  <c r="AE46576" i="1"/>
  <c r="AE46577" i="1"/>
  <c r="AE46578" i="1"/>
  <c r="AE46579" i="1"/>
  <c r="AE46580" i="1"/>
  <c r="AE46581" i="1"/>
  <c r="AE46582" i="1"/>
  <c r="AE46583" i="1"/>
  <c r="AE46584" i="1"/>
  <c r="AE46585" i="1"/>
  <c r="AE46586" i="1"/>
  <c r="AE46587" i="1"/>
  <c r="AE46588" i="1"/>
  <c r="AE46589" i="1"/>
  <c r="AE46590" i="1"/>
  <c r="AE46591" i="1"/>
  <c r="AE46592" i="1"/>
  <c r="AE46593" i="1"/>
  <c r="AE46594" i="1"/>
  <c r="AE46595" i="1"/>
  <c r="AE46596" i="1"/>
  <c r="AE46597" i="1"/>
  <c r="AE46598" i="1"/>
  <c r="AE46599" i="1"/>
  <c r="AE46600" i="1"/>
  <c r="AE46601" i="1"/>
  <c r="AE46602" i="1"/>
  <c r="AE46603" i="1"/>
  <c r="AE46604" i="1"/>
  <c r="AE46605" i="1"/>
  <c r="AE46606" i="1"/>
  <c r="AE46607" i="1"/>
  <c r="AE46608" i="1"/>
  <c r="AE46609" i="1"/>
  <c r="AE46610" i="1"/>
  <c r="AE46611" i="1"/>
  <c r="AE46612" i="1"/>
  <c r="AE46613" i="1"/>
  <c r="AE46614" i="1"/>
  <c r="AE46615" i="1"/>
  <c r="AE46616" i="1"/>
  <c r="AE46617" i="1"/>
  <c r="AE46618" i="1"/>
  <c r="AE46619" i="1"/>
  <c r="AE46620" i="1"/>
  <c r="AE46621" i="1"/>
  <c r="AE46622" i="1"/>
  <c r="AE46623" i="1"/>
  <c r="AE46624" i="1"/>
  <c r="AE46625" i="1"/>
  <c r="AE46626" i="1"/>
  <c r="AE46627" i="1"/>
  <c r="AE46628" i="1"/>
  <c r="AE46629" i="1"/>
  <c r="AE46630" i="1"/>
  <c r="AE46631" i="1"/>
  <c r="AE46632" i="1"/>
  <c r="AE46633" i="1"/>
  <c r="AE46634" i="1"/>
  <c r="AE46635" i="1"/>
  <c r="AE46636" i="1"/>
  <c r="AE46637" i="1"/>
  <c r="AE46638" i="1"/>
  <c r="AE46639" i="1"/>
  <c r="AE46640" i="1"/>
  <c r="AE46641" i="1"/>
  <c r="AE46642" i="1"/>
  <c r="AE46643" i="1"/>
  <c r="AE46644" i="1"/>
  <c r="AE46645" i="1"/>
  <c r="AE46646" i="1"/>
  <c r="AE46647" i="1"/>
  <c r="AE46648" i="1"/>
  <c r="AE46649" i="1"/>
  <c r="AE46650" i="1"/>
  <c r="AE46651" i="1"/>
  <c r="AE46652" i="1"/>
  <c r="AE46653" i="1"/>
  <c r="AE46654" i="1"/>
  <c r="AE46655" i="1"/>
  <c r="AE46656" i="1"/>
  <c r="AE46657" i="1"/>
  <c r="AE46658" i="1"/>
  <c r="AE46659" i="1"/>
  <c r="AE46660" i="1"/>
  <c r="AE46661" i="1"/>
  <c r="AE46662" i="1"/>
  <c r="AE46663" i="1"/>
  <c r="AE46664" i="1"/>
  <c r="AE46665" i="1"/>
  <c r="AE46666" i="1"/>
  <c r="AE46667" i="1"/>
  <c r="AE46668" i="1"/>
  <c r="AE46669" i="1"/>
  <c r="AE46670" i="1"/>
  <c r="AE46671" i="1"/>
  <c r="AE46672" i="1"/>
  <c r="AE46673" i="1"/>
  <c r="AE46674" i="1"/>
  <c r="AE46675" i="1"/>
  <c r="AE46676" i="1"/>
  <c r="AE46677" i="1"/>
  <c r="AE46678" i="1"/>
  <c r="AE46679" i="1"/>
  <c r="AE46680" i="1"/>
  <c r="AE46681" i="1"/>
  <c r="AE46682" i="1"/>
  <c r="AE46683" i="1"/>
  <c r="AE46684" i="1"/>
  <c r="AE46685" i="1"/>
  <c r="AE46686" i="1"/>
  <c r="AE46687" i="1"/>
  <c r="AE46688" i="1"/>
  <c r="AE46689" i="1"/>
  <c r="AE46690" i="1"/>
  <c r="AE46691" i="1"/>
  <c r="AE46692" i="1"/>
  <c r="AE46693" i="1"/>
  <c r="AE46694" i="1"/>
  <c r="AE46695" i="1"/>
  <c r="AE46696" i="1"/>
  <c r="AE46697" i="1"/>
  <c r="AE46698" i="1"/>
  <c r="AE46699" i="1"/>
  <c r="AE46700" i="1"/>
  <c r="AE46701" i="1"/>
  <c r="AE46702" i="1"/>
  <c r="AE46703" i="1"/>
  <c r="AE46704" i="1"/>
  <c r="AE46705" i="1"/>
  <c r="AE46706" i="1"/>
  <c r="AE46707" i="1"/>
  <c r="AE46708" i="1"/>
  <c r="AE46709" i="1"/>
  <c r="AE46710" i="1"/>
  <c r="AE46711" i="1"/>
  <c r="AE46712" i="1"/>
  <c r="AE46713" i="1"/>
  <c r="AE46714" i="1"/>
  <c r="AE46715" i="1"/>
  <c r="AE46716" i="1"/>
  <c r="AE46717" i="1"/>
  <c r="AE46718" i="1"/>
  <c r="AE46719" i="1"/>
  <c r="AE46720" i="1"/>
  <c r="AE46721" i="1"/>
  <c r="AE46722" i="1"/>
  <c r="AE46723" i="1"/>
  <c r="AE46724" i="1"/>
  <c r="AE46725" i="1"/>
  <c r="AE46726" i="1"/>
  <c r="AE46727" i="1"/>
  <c r="AE46728" i="1"/>
  <c r="AE46729" i="1"/>
  <c r="AE46730" i="1"/>
  <c r="AE46731" i="1"/>
  <c r="AE46732" i="1"/>
  <c r="AE46733" i="1"/>
  <c r="AE46734" i="1"/>
  <c r="AE46735" i="1"/>
  <c r="AE46736" i="1"/>
  <c r="AE46737" i="1"/>
  <c r="AE46738" i="1"/>
  <c r="AE46739" i="1"/>
  <c r="AE46740" i="1"/>
  <c r="AE46741" i="1"/>
  <c r="AE46742" i="1"/>
  <c r="AE46743" i="1"/>
  <c r="AE46744" i="1"/>
  <c r="AE46745" i="1"/>
  <c r="AE46746" i="1"/>
  <c r="AE46747" i="1"/>
  <c r="AE46748" i="1"/>
  <c r="AE46749" i="1"/>
  <c r="AE46750" i="1"/>
  <c r="AE46751" i="1"/>
  <c r="AE46752" i="1"/>
  <c r="AE46753" i="1"/>
  <c r="AE46754" i="1"/>
  <c r="AE46755" i="1"/>
  <c r="AE46756" i="1"/>
  <c r="AE46757" i="1"/>
  <c r="AE46758" i="1"/>
  <c r="AE46759" i="1"/>
  <c r="AE46760" i="1"/>
  <c r="AE46761" i="1"/>
  <c r="AE46762" i="1"/>
  <c r="AE46763" i="1"/>
  <c r="AE46764" i="1"/>
  <c r="AE46765" i="1"/>
  <c r="AE46766" i="1"/>
  <c r="AE46767" i="1"/>
  <c r="AE46768" i="1"/>
  <c r="AE46769" i="1"/>
  <c r="AE46770" i="1"/>
  <c r="AE46771" i="1"/>
  <c r="AE46772" i="1"/>
  <c r="AE46773" i="1"/>
  <c r="AE46774" i="1"/>
  <c r="AE46775" i="1"/>
  <c r="AE46776" i="1"/>
  <c r="AE46777" i="1"/>
  <c r="AE46778" i="1"/>
  <c r="AE46779" i="1"/>
  <c r="AE46780" i="1"/>
  <c r="AE46781" i="1"/>
  <c r="AE46782" i="1"/>
  <c r="AE46783" i="1"/>
  <c r="AE46784" i="1"/>
  <c r="AE46785" i="1"/>
  <c r="AE46786" i="1"/>
  <c r="AE46787" i="1"/>
  <c r="AE46788" i="1"/>
  <c r="AE46789" i="1"/>
  <c r="AE46790" i="1"/>
  <c r="AE46791" i="1"/>
  <c r="AE46792" i="1"/>
  <c r="AE46793" i="1"/>
  <c r="AE46794" i="1"/>
  <c r="AE46795" i="1"/>
  <c r="AE46796" i="1"/>
  <c r="AE46797" i="1"/>
  <c r="AE46798" i="1"/>
  <c r="AE46799" i="1"/>
  <c r="AE46800" i="1"/>
  <c r="AE46801" i="1"/>
  <c r="AE46802" i="1"/>
  <c r="AE46803" i="1"/>
  <c r="AE46804" i="1"/>
  <c r="AE46805" i="1"/>
  <c r="AE46806" i="1"/>
  <c r="AE46807" i="1"/>
  <c r="AE46808" i="1"/>
  <c r="AE46809" i="1"/>
  <c r="AE46810" i="1"/>
  <c r="AE46811" i="1"/>
  <c r="AE46812" i="1"/>
  <c r="AE46813" i="1"/>
  <c r="AE46814" i="1"/>
  <c r="AE46815" i="1"/>
  <c r="AE46816" i="1"/>
  <c r="AE46817" i="1"/>
  <c r="AE46818" i="1"/>
  <c r="AE46819" i="1"/>
  <c r="AE46820" i="1"/>
  <c r="AE46821" i="1"/>
  <c r="AE46822" i="1"/>
  <c r="AE46823" i="1"/>
  <c r="AE46824" i="1"/>
  <c r="AE46825" i="1"/>
  <c r="AE46826" i="1"/>
  <c r="AE46827" i="1"/>
  <c r="AE46828" i="1"/>
  <c r="AE46829" i="1"/>
  <c r="AE46830" i="1"/>
  <c r="AE46831" i="1"/>
  <c r="AE46832" i="1"/>
  <c r="AE46833" i="1"/>
  <c r="AE46834" i="1"/>
  <c r="AE46835" i="1"/>
  <c r="AE46836" i="1"/>
  <c r="AE46837" i="1"/>
  <c r="AE46838" i="1"/>
  <c r="AE46839" i="1"/>
  <c r="AE46840" i="1"/>
  <c r="AE46841" i="1"/>
  <c r="AE46842" i="1"/>
  <c r="AE46843" i="1"/>
  <c r="AE46844" i="1"/>
  <c r="AE46845" i="1"/>
  <c r="AE46846" i="1"/>
  <c r="AE46847" i="1"/>
  <c r="AE46848" i="1"/>
  <c r="AE46849" i="1"/>
  <c r="AE46850" i="1"/>
  <c r="AE46851" i="1"/>
  <c r="AE46852" i="1"/>
  <c r="AE46853" i="1"/>
  <c r="AE46854" i="1"/>
  <c r="AE46855" i="1"/>
  <c r="AE46856" i="1"/>
  <c r="AE46857" i="1"/>
  <c r="AE46858" i="1"/>
  <c r="AE46859" i="1"/>
  <c r="AE46860" i="1"/>
  <c r="AE46861" i="1"/>
  <c r="AE46862" i="1"/>
  <c r="AE46863" i="1"/>
  <c r="AE46864" i="1"/>
  <c r="AE46865" i="1"/>
  <c r="AE46866" i="1"/>
  <c r="AE46867" i="1"/>
  <c r="AE46868" i="1"/>
  <c r="AE46869" i="1"/>
  <c r="AE46870" i="1"/>
  <c r="AE46871" i="1"/>
  <c r="AE46872" i="1"/>
  <c r="AE46873" i="1"/>
  <c r="AE46874" i="1"/>
  <c r="AE46875" i="1"/>
  <c r="AE46876" i="1"/>
  <c r="AE46877" i="1"/>
  <c r="AE46878" i="1"/>
  <c r="AE46879" i="1"/>
  <c r="AE46880" i="1"/>
  <c r="AE46881" i="1"/>
  <c r="AE46882" i="1"/>
  <c r="AE46883" i="1"/>
  <c r="AE46884" i="1"/>
  <c r="AE46885" i="1"/>
  <c r="AE46886" i="1"/>
  <c r="AE46887" i="1"/>
  <c r="AE46888" i="1"/>
  <c r="AE46889" i="1"/>
  <c r="AE46890" i="1"/>
  <c r="AE46891" i="1"/>
  <c r="AE46892" i="1"/>
  <c r="AE46893" i="1"/>
  <c r="AE46894" i="1"/>
  <c r="AE46895" i="1"/>
  <c r="AE46896" i="1"/>
  <c r="AE46897" i="1"/>
  <c r="AE46898" i="1"/>
  <c r="AE46899" i="1"/>
  <c r="AE46900" i="1"/>
  <c r="AE46901" i="1"/>
  <c r="AE46902" i="1"/>
  <c r="AE46903" i="1"/>
  <c r="AE46904" i="1"/>
  <c r="AE46905" i="1"/>
  <c r="AE46906" i="1"/>
  <c r="AE46907" i="1"/>
  <c r="AE46908" i="1"/>
  <c r="AE46909" i="1"/>
  <c r="AE46910" i="1"/>
  <c r="AE46911" i="1"/>
  <c r="AE46912" i="1"/>
  <c r="AE46913" i="1"/>
  <c r="AE46914" i="1"/>
  <c r="AE46915" i="1"/>
  <c r="AE46916" i="1"/>
  <c r="AE46917" i="1"/>
  <c r="AE46918" i="1"/>
  <c r="AE46919" i="1"/>
  <c r="AE46920" i="1"/>
  <c r="AE46921" i="1"/>
  <c r="AE46922" i="1"/>
  <c r="AE46923" i="1"/>
  <c r="AE46924" i="1"/>
  <c r="AE46925" i="1"/>
  <c r="AE46926" i="1"/>
  <c r="AE46927" i="1"/>
  <c r="AE46928" i="1"/>
  <c r="AE46929" i="1"/>
  <c r="AE46930" i="1"/>
  <c r="AE46931" i="1"/>
  <c r="AE46932" i="1"/>
  <c r="AE46933" i="1"/>
  <c r="AE46934" i="1"/>
  <c r="AE46935" i="1"/>
  <c r="AE46936" i="1"/>
  <c r="AE46937" i="1"/>
  <c r="AE46938" i="1"/>
  <c r="AE46939" i="1"/>
  <c r="AE46940" i="1"/>
  <c r="AE46941" i="1"/>
  <c r="AE46942" i="1"/>
  <c r="AE46943" i="1"/>
  <c r="AE46944" i="1"/>
  <c r="AE46945" i="1"/>
  <c r="AE46946" i="1"/>
  <c r="AE46947" i="1"/>
  <c r="AE46948" i="1"/>
  <c r="AE46949" i="1"/>
  <c r="AE46950" i="1"/>
  <c r="AE46951" i="1"/>
  <c r="AE46952" i="1"/>
  <c r="AE46953" i="1"/>
  <c r="AE46954" i="1"/>
  <c r="AE46955" i="1"/>
  <c r="AE46956" i="1"/>
  <c r="AE46957" i="1"/>
  <c r="AE46958" i="1"/>
  <c r="AE46959" i="1"/>
  <c r="AE46960" i="1"/>
  <c r="AE46961" i="1"/>
  <c r="AE46962" i="1"/>
  <c r="AE46963" i="1"/>
  <c r="AE46964" i="1"/>
  <c r="AE46965" i="1"/>
  <c r="AE46966" i="1"/>
  <c r="AE46967" i="1"/>
  <c r="AE46968" i="1"/>
  <c r="AE46969" i="1"/>
  <c r="AE46970" i="1"/>
  <c r="AE46971" i="1"/>
  <c r="AE46972" i="1"/>
  <c r="AE46973" i="1"/>
  <c r="AE46974" i="1"/>
  <c r="AE46975" i="1"/>
  <c r="AE46976" i="1"/>
  <c r="AE46977" i="1"/>
  <c r="AE46978" i="1"/>
  <c r="AE46979" i="1"/>
  <c r="AE46980" i="1"/>
  <c r="AE46981" i="1"/>
  <c r="AE46982" i="1"/>
  <c r="AE46983" i="1"/>
  <c r="AE46984" i="1"/>
  <c r="AE46985" i="1"/>
  <c r="AE46986" i="1"/>
  <c r="AE46987" i="1"/>
  <c r="AE46988" i="1"/>
  <c r="AE46989" i="1"/>
  <c r="AE46990" i="1"/>
  <c r="AE46991" i="1"/>
  <c r="AE46992" i="1"/>
  <c r="AE46993" i="1"/>
  <c r="AE46994" i="1"/>
  <c r="AE46995" i="1"/>
  <c r="AE46996" i="1"/>
  <c r="AE46997" i="1"/>
  <c r="AE46998" i="1"/>
  <c r="AE46999" i="1"/>
  <c r="AE47000" i="1"/>
  <c r="AE47001" i="1"/>
  <c r="AE47002" i="1"/>
  <c r="AE47003" i="1"/>
  <c r="AE47004" i="1"/>
  <c r="AE47005" i="1"/>
  <c r="AE47006" i="1"/>
  <c r="AE47007" i="1"/>
  <c r="AE47008" i="1"/>
  <c r="AE47009" i="1"/>
  <c r="AE47010" i="1"/>
  <c r="AE47011" i="1"/>
  <c r="AE47012" i="1"/>
  <c r="AE47013" i="1"/>
  <c r="AE47014" i="1"/>
  <c r="AE47015" i="1"/>
  <c r="AE47016" i="1"/>
  <c r="AE47017" i="1"/>
  <c r="AE47018" i="1"/>
  <c r="AE47019" i="1"/>
  <c r="AE47020" i="1"/>
  <c r="AE47021" i="1"/>
  <c r="AE47022" i="1"/>
  <c r="AE47023" i="1"/>
  <c r="AE47024" i="1"/>
  <c r="AE47025" i="1"/>
  <c r="AE47026" i="1"/>
  <c r="AE47027" i="1"/>
  <c r="AE47028" i="1"/>
  <c r="AE47029" i="1"/>
  <c r="AE47030" i="1"/>
  <c r="AE47031" i="1"/>
  <c r="AE47032" i="1"/>
  <c r="AE47033" i="1"/>
  <c r="AE47034" i="1"/>
  <c r="AE47035" i="1"/>
  <c r="AE47036" i="1"/>
  <c r="AE47037" i="1"/>
  <c r="AE47038" i="1"/>
  <c r="AE47039" i="1"/>
  <c r="AE47040" i="1"/>
  <c r="AE47041" i="1"/>
  <c r="AE47042" i="1"/>
  <c r="AE47043" i="1"/>
  <c r="AE47044" i="1"/>
  <c r="AE47045" i="1"/>
  <c r="AE47046" i="1"/>
  <c r="AE47047" i="1"/>
  <c r="AE47048" i="1"/>
  <c r="AE47049" i="1"/>
  <c r="AE47050" i="1"/>
  <c r="AE47051" i="1"/>
  <c r="AE47052" i="1"/>
  <c r="AE47053" i="1"/>
  <c r="AE47054" i="1"/>
  <c r="AE47055" i="1"/>
  <c r="AE47056" i="1"/>
  <c r="AE47057" i="1"/>
  <c r="AE47058" i="1"/>
  <c r="AE47059" i="1"/>
  <c r="AE47060" i="1"/>
  <c r="AE47061" i="1"/>
  <c r="AE47062" i="1"/>
  <c r="AE47063" i="1"/>
  <c r="AE47064" i="1"/>
  <c r="AE47065" i="1"/>
  <c r="AE47066" i="1"/>
  <c r="AE47067" i="1"/>
  <c r="AE47068" i="1"/>
  <c r="AE47069" i="1"/>
  <c r="AE47070" i="1"/>
  <c r="AE47071" i="1"/>
  <c r="AE47072" i="1"/>
  <c r="AE47073" i="1"/>
  <c r="AE47074" i="1"/>
  <c r="AE47075" i="1"/>
  <c r="AE47076" i="1"/>
  <c r="AE47077" i="1"/>
  <c r="AE47078" i="1"/>
  <c r="AE47079" i="1"/>
  <c r="AE47080" i="1"/>
  <c r="AE47081" i="1"/>
  <c r="AE47082" i="1"/>
  <c r="AE47083" i="1"/>
  <c r="AE47084" i="1"/>
  <c r="AE47085" i="1"/>
  <c r="AE47086" i="1"/>
  <c r="AE47087" i="1"/>
  <c r="AE47088" i="1"/>
  <c r="AE47089" i="1"/>
  <c r="AE47090" i="1"/>
  <c r="AE47091" i="1"/>
  <c r="AE47092" i="1"/>
  <c r="AE47093" i="1"/>
  <c r="AE47094" i="1"/>
  <c r="AE47095" i="1"/>
  <c r="AE47096" i="1"/>
  <c r="AE47097" i="1"/>
  <c r="AE47098" i="1"/>
  <c r="AE47099" i="1"/>
  <c r="AE47100" i="1"/>
  <c r="AE47101" i="1"/>
  <c r="AE47102" i="1"/>
  <c r="AE47103" i="1"/>
  <c r="AE47104" i="1"/>
  <c r="AE47105" i="1"/>
  <c r="AE47106" i="1"/>
  <c r="AE47107" i="1"/>
  <c r="AE47108" i="1"/>
  <c r="AE47109" i="1"/>
  <c r="AE47110" i="1"/>
  <c r="AE47111" i="1"/>
  <c r="AE47112" i="1"/>
  <c r="AE47113" i="1"/>
  <c r="AE47114" i="1"/>
  <c r="AE47115" i="1"/>
  <c r="AE47116" i="1"/>
  <c r="AE47117" i="1"/>
  <c r="AE47118" i="1"/>
  <c r="AE47119" i="1"/>
  <c r="AE47120" i="1"/>
  <c r="AE47121" i="1"/>
  <c r="AE47122" i="1"/>
  <c r="AE47123" i="1"/>
  <c r="AE47124" i="1"/>
  <c r="AE47125" i="1"/>
  <c r="AE47126" i="1"/>
  <c r="AE47127" i="1"/>
  <c r="AE47128" i="1"/>
  <c r="AE47129" i="1"/>
  <c r="AE47130" i="1"/>
  <c r="AE47131" i="1"/>
  <c r="AE47132" i="1"/>
  <c r="AE47133" i="1"/>
  <c r="AE47134" i="1"/>
  <c r="AE47135" i="1"/>
  <c r="AE47136" i="1"/>
  <c r="AE47137" i="1"/>
  <c r="AE47138" i="1"/>
  <c r="AE47139" i="1"/>
  <c r="AE47140" i="1"/>
  <c r="AE47141" i="1"/>
  <c r="AE47142" i="1"/>
  <c r="AE47143" i="1"/>
  <c r="AE47144" i="1"/>
  <c r="AE47145" i="1"/>
  <c r="AE47146" i="1"/>
  <c r="AE47147" i="1"/>
  <c r="AE47148" i="1"/>
  <c r="AE47149" i="1"/>
  <c r="AE47150" i="1"/>
  <c r="AE47151" i="1"/>
  <c r="AE47152" i="1"/>
  <c r="AE47153" i="1"/>
  <c r="AE47154" i="1"/>
  <c r="AE47155" i="1"/>
  <c r="AE47156" i="1"/>
  <c r="AE47157" i="1"/>
  <c r="AE47158" i="1"/>
  <c r="AE47159" i="1"/>
  <c r="AE47160" i="1"/>
  <c r="AE47161" i="1"/>
  <c r="AE47162" i="1"/>
  <c r="AE47163" i="1"/>
  <c r="AE47164" i="1"/>
  <c r="AE47165" i="1"/>
  <c r="AE47166" i="1"/>
  <c r="AE47167" i="1"/>
  <c r="AE47168" i="1"/>
  <c r="AE47169" i="1"/>
  <c r="AE47170" i="1"/>
  <c r="AE47171" i="1"/>
  <c r="AE47172" i="1"/>
  <c r="AE47173" i="1"/>
  <c r="AE47174" i="1"/>
  <c r="AE47175" i="1"/>
  <c r="AE47176" i="1"/>
  <c r="AE47177" i="1"/>
  <c r="AE47178" i="1"/>
  <c r="AE47179" i="1"/>
  <c r="AE47180" i="1"/>
  <c r="AE47181" i="1"/>
  <c r="AE47182" i="1"/>
  <c r="AE47183" i="1"/>
  <c r="AE47184" i="1"/>
  <c r="AE47185" i="1"/>
  <c r="AE47186" i="1"/>
  <c r="AE47187" i="1"/>
  <c r="AE47188" i="1"/>
  <c r="AE47189" i="1"/>
  <c r="AE47190" i="1"/>
  <c r="AE47191" i="1"/>
  <c r="AE47192" i="1"/>
  <c r="AE47193" i="1"/>
  <c r="AE47194" i="1"/>
  <c r="AE47195" i="1"/>
  <c r="AE47196" i="1"/>
  <c r="AE47197" i="1"/>
  <c r="AE47198" i="1"/>
  <c r="AE47199" i="1"/>
  <c r="AE47200" i="1"/>
  <c r="AE47201" i="1"/>
  <c r="AE47202" i="1"/>
  <c r="AE47203" i="1"/>
  <c r="AE47204" i="1"/>
  <c r="AE47205" i="1"/>
  <c r="AE47206" i="1"/>
  <c r="AE47207" i="1"/>
  <c r="AE47208" i="1"/>
  <c r="AE47209" i="1"/>
  <c r="AE47210" i="1"/>
  <c r="AE47211" i="1"/>
  <c r="AE47212" i="1"/>
  <c r="AE47213" i="1"/>
  <c r="AE47214" i="1"/>
  <c r="AE47215" i="1"/>
  <c r="AE47216" i="1"/>
  <c r="AE47217" i="1"/>
  <c r="AE47218" i="1"/>
  <c r="AE47219" i="1"/>
  <c r="AE47220" i="1"/>
  <c r="AE47221" i="1"/>
  <c r="AE47222" i="1"/>
  <c r="AE47223" i="1"/>
  <c r="AE47224" i="1"/>
  <c r="AE47225" i="1"/>
  <c r="AE47226" i="1"/>
  <c r="AE47227" i="1"/>
  <c r="AE47228" i="1"/>
  <c r="AE47229" i="1"/>
  <c r="AE47230" i="1"/>
  <c r="AE47231" i="1"/>
  <c r="AE47232" i="1"/>
  <c r="AE47233" i="1"/>
  <c r="AE47234" i="1"/>
  <c r="AE47235" i="1"/>
  <c r="AE47236" i="1"/>
  <c r="AE47237" i="1"/>
  <c r="AE47238" i="1"/>
  <c r="AE47239" i="1"/>
  <c r="AE47240" i="1"/>
  <c r="AE47241" i="1"/>
  <c r="AE47242" i="1"/>
  <c r="AE47243" i="1"/>
  <c r="AE47244" i="1"/>
  <c r="AE47245" i="1"/>
  <c r="AE47246" i="1"/>
  <c r="AE47247" i="1"/>
  <c r="AE47248" i="1"/>
  <c r="AE47249" i="1"/>
  <c r="AE47250" i="1"/>
  <c r="AE47251" i="1"/>
  <c r="AE47252" i="1"/>
  <c r="AE47253" i="1"/>
  <c r="AE47254" i="1"/>
  <c r="AE47255" i="1"/>
  <c r="AE47256" i="1"/>
  <c r="AE47257" i="1"/>
  <c r="AE47258" i="1"/>
  <c r="AE47259" i="1"/>
  <c r="AE47260" i="1"/>
  <c r="AE47261" i="1"/>
  <c r="AE47262" i="1"/>
  <c r="AE47263" i="1"/>
  <c r="AE47264" i="1"/>
  <c r="AE47265" i="1"/>
  <c r="AE47266" i="1"/>
  <c r="AE47267" i="1"/>
  <c r="AE47268" i="1"/>
  <c r="AE47269" i="1"/>
  <c r="AE47270" i="1"/>
  <c r="AE47271" i="1"/>
  <c r="AE47272" i="1"/>
  <c r="AE47273" i="1"/>
  <c r="AE47274" i="1"/>
  <c r="AE47275" i="1"/>
  <c r="AE47276" i="1"/>
  <c r="AE47277" i="1"/>
  <c r="AE47278" i="1"/>
  <c r="AE47279" i="1"/>
  <c r="AE47280" i="1"/>
  <c r="AE47281" i="1"/>
  <c r="AE47282" i="1"/>
  <c r="AE47283" i="1"/>
  <c r="AE47284" i="1"/>
  <c r="AE47285" i="1"/>
  <c r="AE47286" i="1"/>
  <c r="AE47287" i="1"/>
  <c r="AE47288" i="1"/>
  <c r="AE47289" i="1"/>
  <c r="AE47290" i="1"/>
  <c r="AE47291" i="1"/>
  <c r="AE47292" i="1"/>
  <c r="AE47293" i="1"/>
  <c r="AE47294" i="1"/>
  <c r="AE47295" i="1"/>
  <c r="AE47296" i="1"/>
  <c r="AE47297" i="1"/>
  <c r="AE47298" i="1"/>
  <c r="AE47299" i="1"/>
  <c r="AE47300" i="1"/>
  <c r="AE47301" i="1"/>
  <c r="AE47302" i="1"/>
  <c r="AE47303" i="1"/>
  <c r="AE47304" i="1"/>
  <c r="AE47305" i="1"/>
  <c r="AE47306" i="1"/>
  <c r="AE47307" i="1"/>
  <c r="AE47308" i="1"/>
  <c r="AE47309" i="1"/>
  <c r="AE47310" i="1"/>
  <c r="AE47311" i="1"/>
  <c r="AE47312" i="1"/>
  <c r="AE47313" i="1"/>
  <c r="AE47314" i="1"/>
  <c r="AE47315" i="1"/>
  <c r="AE47316" i="1"/>
  <c r="AE47317" i="1"/>
  <c r="AE47318" i="1"/>
  <c r="AE47319" i="1"/>
  <c r="AE47320" i="1"/>
  <c r="AE47321" i="1"/>
  <c r="AE47322" i="1"/>
  <c r="AE47323" i="1"/>
  <c r="AE47324" i="1"/>
  <c r="AE47325" i="1"/>
  <c r="AE47326" i="1"/>
  <c r="AE47327" i="1"/>
  <c r="AE47328" i="1"/>
  <c r="AE47329" i="1"/>
  <c r="AE47330" i="1"/>
  <c r="AE47331" i="1"/>
  <c r="AE47332" i="1"/>
  <c r="AE47333" i="1"/>
  <c r="AE47334" i="1"/>
  <c r="AE47335" i="1"/>
  <c r="AE47336" i="1"/>
  <c r="AE47337" i="1"/>
  <c r="AE47338" i="1"/>
  <c r="AE47339" i="1"/>
  <c r="AE47340" i="1"/>
  <c r="AE47341" i="1"/>
  <c r="AE47342" i="1"/>
  <c r="AE47343" i="1"/>
  <c r="AE47344" i="1"/>
  <c r="AE47345" i="1"/>
  <c r="AE47346" i="1"/>
  <c r="AE47347" i="1"/>
  <c r="AE47348" i="1"/>
  <c r="AE47349" i="1"/>
  <c r="AE47350" i="1"/>
  <c r="AE47351" i="1"/>
  <c r="AE47352" i="1"/>
  <c r="AE47353" i="1"/>
  <c r="AE47354" i="1"/>
  <c r="AE47355" i="1"/>
  <c r="AE47356" i="1"/>
  <c r="AE47357" i="1"/>
  <c r="AE47358" i="1"/>
  <c r="AE47359" i="1"/>
  <c r="AE47360" i="1"/>
  <c r="AE47361" i="1"/>
  <c r="AE47362" i="1"/>
  <c r="AE47363" i="1"/>
  <c r="AE47364" i="1"/>
  <c r="AE47365" i="1"/>
  <c r="AE47366" i="1"/>
  <c r="AE47367" i="1"/>
  <c r="AE47368" i="1"/>
  <c r="AE47369" i="1"/>
  <c r="AE47370" i="1"/>
  <c r="AE47371" i="1"/>
  <c r="AE47372" i="1"/>
  <c r="AE47373" i="1"/>
  <c r="AE47374" i="1"/>
  <c r="AE47375" i="1"/>
  <c r="AE47376" i="1"/>
  <c r="AE47377" i="1"/>
  <c r="AE47378" i="1"/>
  <c r="AE47379" i="1"/>
  <c r="AE47380" i="1"/>
  <c r="AE47381" i="1"/>
  <c r="AE47382" i="1"/>
  <c r="AE47383" i="1"/>
  <c r="AE47384" i="1"/>
  <c r="AE47385" i="1"/>
  <c r="AE47386" i="1"/>
  <c r="AE47387" i="1"/>
  <c r="AE47388" i="1"/>
  <c r="AE47389" i="1"/>
  <c r="AE47390" i="1"/>
  <c r="AE47391" i="1"/>
  <c r="AE47392" i="1"/>
  <c r="AE47393" i="1"/>
  <c r="AE47394" i="1"/>
  <c r="AE47395" i="1"/>
  <c r="AE47396" i="1"/>
  <c r="AE47397" i="1"/>
  <c r="AE47398" i="1"/>
  <c r="AE47399" i="1"/>
  <c r="AE47400" i="1"/>
  <c r="AE47401" i="1"/>
  <c r="AE47402" i="1"/>
  <c r="AE47403" i="1"/>
  <c r="AE47404" i="1"/>
  <c r="AE47405" i="1"/>
  <c r="AE47406" i="1"/>
  <c r="AE47407" i="1"/>
  <c r="AE47408" i="1"/>
  <c r="AE47409" i="1"/>
  <c r="AE47410" i="1"/>
  <c r="AE47411" i="1"/>
  <c r="AE47412" i="1"/>
  <c r="AE47413" i="1"/>
  <c r="AE47414" i="1"/>
  <c r="AE47415" i="1"/>
  <c r="AE47416" i="1"/>
  <c r="AE47417" i="1"/>
  <c r="AE47418" i="1"/>
  <c r="AE47419" i="1"/>
  <c r="AE47420" i="1"/>
  <c r="AE47421" i="1"/>
  <c r="AE47422" i="1"/>
  <c r="AE47423" i="1"/>
  <c r="AE47424" i="1"/>
  <c r="AE47425" i="1"/>
  <c r="AE47426" i="1"/>
  <c r="AE47427" i="1"/>
  <c r="AE47428" i="1"/>
  <c r="AE47429" i="1"/>
  <c r="AE47430" i="1"/>
  <c r="AE47431" i="1"/>
  <c r="AE47432" i="1"/>
  <c r="AE47433" i="1"/>
  <c r="AE47434" i="1"/>
  <c r="AE47435" i="1"/>
  <c r="AE47436" i="1"/>
  <c r="AE47437" i="1"/>
  <c r="AE47438" i="1"/>
  <c r="AE47439" i="1"/>
  <c r="AE47440" i="1"/>
  <c r="AE47441" i="1"/>
  <c r="AE47442" i="1"/>
  <c r="AE47443" i="1"/>
  <c r="AE47444" i="1"/>
  <c r="AE47445" i="1"/>
  <c r="AE47446" i="1"/>
  <c r="AE47447" i="1"/>
  <c r="AE47448" i="1"/>
  <c r="AE47449" i="1"/>
  <c r="AE47450" i="1"/>
  <c r="AE47451" i="1"/>
  <c r="AE47452" i="1"/>
  <c r="AE47453" i="1"/>
  <c r="AE47454" i="1"/>
  <c r="AE47455" i="1"/>
  <c r="AE47456" i="1"/>
  <c r="AE47457" i="1"/>
  <c r="AE47458" i="1"/>
  <c r="AE47459" i="1"/>
  <c r="AE47460" i="1"/>
  <c r="AE47461" i="1"/>
  <c r="AE47462" i="1"/>
  <c r="AE47463" i="1"/>
  <c r="AE47464" i="1"/>
  <c r="AE47465" i="1"/>
  <c r="AE47466" i="1"/>
  <c r="AE47467" i="1"/>
  <c r="AE47468" i="1"/>
  <c r="AE47469" i="1"/>
  <c r="AE47470" i="1"/>
  <c r="AE47471" i="1"/>
  <c r="AE47472" i="1"/>
  <c r="AE47473" i="1"/>
  <c r="AE47474" i="1"/>
  <c r="AE47475" i="1"/>
  <c r="AE47476" i="1"/>
  <c r="AE47477" i="1"/>
  <c r="AE47478" i="1"/>
  <c r="AE47479" i="1"/>
  <c r="AE47480" i="1"/>
  <c r="AE47481" i="1"/>
  <c r="AE47482" i="1"/>
  <c r="AE47483" i="1"/>
  <c r="AE47484" i="1"/>
  <c r="AE47485" i="1"/>
  <c r="AE47486" i="1"/>
  <c r="AE47487" i="1"/>
  <c r="AE47488" i="1"/>
  <c r="AE47489" i="1"/>
  <c r="AE47490" i="1"/>
  <c r="AE47491" i="1"/>
  <c r="AE47492" i="1"/>
  <c r="AE47493" i="1"/>
  <c r="AE47494" i="1"/>
  <c r="AE47495" i="1"/>
  <c r="AE47496" i="1"/>
  <c r="AE47497" i="1"/>
  <c r="AE47498" i="1"/>
  <c r="AE47499" i="1"/>
  <c r="AE47500" i="1"/>
  <c r="AE47501" i="1"/>
  <c r="AE47502" i="1"/>
  <c r="AE47503" i="1"/>
  <c r="AE47504" i="1"/>
  <c r="AE47505" i="1"/>
  <c r="AE47506" i="1"/>
  <c r="AE47507" i="1"/>
  <c r="AE47508" i="1"/>
  <c r="AE47509" i="1"/>
  <c r="AE47510" i="1"/>
  <c r="AE47511" i="1"/>
  <c r="AE47512" i="1"/>
  <c r="AE47513" i="1"/>
  <c r="AE47514" i="1"/>
  <c r="AE47515" i="1"/>
  <c r="AE47516" i="1"/>
  <c r="AE47517" i="1"/>
  <c r="AE47518" i="1"/>
  <c r="AE47519" i="1"/>
  <c r="AE47520" i="1"/>
  <c r="AE47521" i="1"/>
  <c r="AE47522" i="1"/>
  <c r="AE47523" i="1"/>
  <c r="AE47524" i="1"/>
  <c r="AE47525" i="1"/>
  <c r="AE47526" i="1"/>
  <c r="AE47527" i="1"/>
  <c r="AE47528" i="1"/>
  <c r="AE47529" i="1"/>
  <c r="AE47530" i="1"/>
  <c r="AE47531" i="1"/>
  <c r="AE47532" i="1"/>
  <c r="AE47533" i="1"/>
  <c r="AE47534" i="1"/>
  <c r="AE47535" i="1"/>
  <c r="AE47536" i="1"/>
  <c r="AE47537" i="1"/>
  <c r="AE47538" i="1"/>
  <c r="AE47539" i="1"/>
  <c r="AE47540" i="1"/>
  <c r="AE47541" i="1"/>
  <c r="AE47542" i="1"/>
  <c r="AE47543" i="1"/>
  <c r="AE47544" i="1"/>
  <c r="AE47545" i="1"/>
  <c r="AE47546" i="1"/>
  <c r="AE47547" i="1"/>
  <c r="AE47548" i="1"/>
  <c r="AE47549" i="1"/>
  <c r="AE47550" i="1"/>
  <c r="AE47551" i="1"/>
  <c r="AE47552" i="1"/>
  <c r="AE47553" i="1"/>
  <c r="AE47554" i="1"/>
  <c r="AE47555" i="1"/>
  <c r="AE47556" i="1"/>
  <c r="AE47557" i="1"/>
  <c r="AE47558" i="1"/>
  <c r="AE47559" i="1"/>
  <c r="AE47560" i="1"/>
  <c r="AE47561" i="1"/>
  <c r="AE47562" i="1"/>
  <c r="AE47563" i="1"/>
  <c r="AE47564" i="1"/>
  <c r="AE47565" i="1"/>
  <c r="AE47566" i="1"/>
  <c r="AE47567" i="1"/>
  <c r="AE47568" i="1"/>
  <c r="AE47569" i="1"/>
  <c r="AE47570" i="1"/>
  <c r="AE47571" i="1"/>
  <c r="AE47572" i="1"/>
  <c r="AE47573" i="1"/>
  <c r="AE47574" i="1"/>
  <c r="AE47575" i="1"/>
  <c r="AE47576" i="1"/>
  <c r="AE47577" i="1"/>
  <c r="AE47578" i="1"/>
  <c r="AE47579" i="1"/>
  <c r="AE47580" i="1"/>
  <c r="AE47581" i="1"/>
  <c r="AE47582" i="1"/>
  <c r="AE47583" i="1"/>
  <c r="AE47584" i="1"/>
  <c r="AE47585" i="1"/>
  <c r="AE47586" i="1"/>
  <c r="AE47587" i="1"/>
  <c r="AE47588" i="1"/>
  <c r="AE47589" i="1"/>
  <c r="AE47590" i="1"/>
  <c r="AE47591" i="1"/>
  <c r="AE47592" i="1"/>
  <c r="AE47593" i="1"/>
  <c r="AE47594" i="1"/>
  <c r="AE47595" i="1"/>
  <c r="AE47596" i="1"/>
  <c r="AE47597" i="1"/>
  <c r="AE47598" i="1"/>
  <c r="AE47599" i="1"/>
  <c r="AE47600" i="1"/>
  <c r="AE47601" i="1"/>
  <c r="AE47602" i="1"/>
  <c r="AE47603" i="1"/>
  <c r="AE47604" i="1"/>
  <c r="AE47605" i="1"/>
  <c r="AE47606" i="1"/>
  <c r="AE47607" i="1"/>
  <c r="AE47608" i="1"/>
  <c r="AE47609" i="1"/>
  <c r="AE47610" i="1"/>
  <c r="AE47611" i="1"/>
  <c r="AE47612" i="1"/>
  <c r="AE47613" i="1"/>
  <c r="AE47614" i="1"/>
  <c r="AE47615" i="1"/>
  <c r="AE47616" i="1"/>
  <c r="AE47617" i="1"/>
  <c r="AE47618" i="1"/>
  <c r="AE47619" i="1"/>
  <c r="AE47620" i="1"/>
  <c r="AE47621" i="1"/>
  <c r="AE47622" i="1"/>
  <c r="AE47623" i="1"/>
  <c r="AE47624" i="1"/>
  <c r="AE47625" i="1"/>
  <c r="AE47626" i="1"/>
  <c r="AE47627" i="1"/>
  <c r="AE47628" i="1"/>
  <c r="AE47629" i="1"/>
  <c r="AE47630" i="1"/>
  <c r="AE47631" i="1"/>
  <c r="AE47632" i="1"/>
  <c r="AE47633" i="1"/>
  <c r="AE47634" i="1"/>
  <c r="AE47635" i="1"/>
  <c r="AE47636" i="1"/>
  <c r="AE47637" i="1"/>
  <c r="AE47638" i="1"/>
  <c r="AE47639" i="1"/>
  <c r="AE47640" i="1"/>
  <c r="AE47641" i="1"/>
  <c r="AE47642" i="1"/>
  <c r="AE47643" i="1"/>
  <c r="AE47644" i="1"/>
  <c r="AE47645" i="1"/>
  <c r="AE47646" i="1"/>
  <c r="AE47647" i="1"/>
  <c r="AE47648" i="1"/>
  <c r="AE47649" i="1"/>
  <c r="AE47650" i="1"/>
  <c r="AE47651" i="1"/>
  <c r="AE47652" i="1"/>
  <c r="AE47653" i="1"/>
  <c r="AE47654" i="1"/>
  <c r="AE47655" i="1"/>
  <c r="AE47656" i="1"/>
  <c r="AE47657" i="1"/>
  <c r="AE47658" i="1"/>
  <c r="AE47659" i="1"/>
  <c r="AE47660" i="1"/>
  <c r="AE47661" i="1"/>
  <c r="AE47662" i="1"/>
  <c r="AE47663" i="1"/>
  <c r="AE47664" i="1"/>
  <c r="AE47665" i="1"/>
  <c r="AE47666" i="1"/>
  <c r="AE47667" i="1"/>
  <c r="AE47668" i="1"/>
  <c r="AE47669" i="1"/>
  <c r="AE47670" i="1"/>
  <c r="AE47671" i="1"/>
  <c r="AE47672" i="1"/>
  <c r="AE47673" i="1"/>
  <c r="AE47674" i="1"/>
  <c r="AE47675" i="1"/>
  <c r="AE47676" i="1"/>
  <c r="AE47677" i="1"/>
  <c r="AE47678" i="1"/>
  <c r="AE47679" i="1"/>
  <c r="AE47680" i="1"/>
  <c r="AE47681" i="1"/>
  <c r="AE47682" i="1"/>
  <c r="AE47683" i="1"/>
  <c r="AE47684" i="1"/>
  <c r="AE47685" i="1"/>
  <c r="AE47686" i="1"/>
  <c r="AE47687" i="1"/>
  <c r="AE47688" i="1"/>
  <c r="AE47689" i="1"/>
  <c r="AE47690" i="1"/>
  <c r="AE47691" i="1"/>
  <c r="AE47692" i="1"/>
  <c r="AE47693" i="1"/>
  <c r="AE47694" i="1"/>
  <c r="AE47695" i="1"/>
  <c r="AE47696" i="1"/>
  <c r="AE47697" i="1"/>
  <c r="AE47698" i="1"/>
  <c r="AE47699" i="1"/>
  <c r="AE47700" i="1"/>
  <c r="AE47701" i="1"/>
  <c r="AE47702" i="1"/>
  <c r="AE47703" i="1"/>
  <c r="AE47704" i="1"/>
  <c r="AE47705" i="1"/>
  <c r="AE47706" i="1"/>
  <c r="AE47707" i="1"/>
  <c r="AE47708" i="1"/>
  <c r="AE47709" i="1"/>
  <c r="AE47710" i="1"/>
  <c r="AE47711" i="1"/>
  <c r="AE47712" i="1"/>
  <c r="AE47713" i="1"/>
  <c r="AE47714" i="1"/>
  <c r="AE47715" i="1"/>
  <c r="AE47716" i="1"/>
  <c r="AE47717" i="1"/>
  <c r="AE47718" i="1"/>
  <c r="AE47719" i="1"/>
  <c r="AE47720" i="1"/>
  <c r="AE47721" i="1"/>
  <c r="AE47722" i="1"/>
  <c r="AE47723" i="1"/>
  <c r="AE47724" i="1"/>
  <c r="AE47725" i="1"/>
  <c r="AE47726" i="1"/>
  <c r="AE47727" i="1"/>
  <c r="AE47728" i="1"/>
  <c r="AE47729" i="1"/>
  <c r="AE47730" i="1"/>
  <c r="AE47731" i="1"/>
  <c r="AE47732" i="1"/>
  <c r="AE47733" i="1"/>
  <c r="AE47734" i="1"/>
  <c r="AE47735" i="1"/>
  <c r="AE47736" i="1"/>
  <c r="AE47737" i="1"/>
  <c r="AE47738" i="1"/>
  <c r="AE47739" i="1"/>
  <c r="AE47740" i="1"/>
  <c r="AE47741" i="1"/>
  <c r="AE47742" i="1"/>
  <c r="AE47743" i="1"/>
  <c r="AE47744" i="1"/>
  <c r="AE47745" i="1"/>
  <c r="AE47746" i="1"/>
  <c r="AE47747" i="1"/>
  <c r="AE47748" i="1"/>
  <c r="AE47749" i="1"/>
  <c r="AE47750" i="1"/>
  <c r="AE47751" i="1"/>
  <c r="AE47752" i="1"/>
  <c r="AE47753" i="1"/>
  <c r="AE47754" i="1"/>
  <c r="AE47755" i="1"/>
  <c r="AE47756" i="1"/>
  <c r="AE47757" i="1"/>
  <c r="AE47758" i="1"/>
  <c r="AE47759" i="1"/>
  <c r="AE47760" i="1"/>
  <c r="AE47761" i="1"/>
  <c r="AE47762" i="1"/>
  <c r="AE47763" i="1"/>
  <c r="AE47764" i="1"/>
  <c r="AE47765" i="1"/>
  <c r="AE47766" i="1"/>
  <c r="AE47767" i="1"/>
  <c r="AE47768" i="1"/>
  <c r="AE47769" i="1"/>
  <c r="AE47770" i="1"/>
  <c r="AE47771" i="1"/>
  <c r="AE47772" i="1"/>
  <c r="AE47773" i="1"/>
  <c r="AE47774" i="1"/>
  <c r="AE47775" i="1"/>
  <c r="AE47776" i="1"/>
  <c r="AE47777" i="1"/>
  <c r="AE47778" i="1"/>
  <c r="AE47779" i="1"/>
  <c r="AE47780" i="1"/>
  <c r="AE47781" i="1"/>
  <c r="AE47782" i="1"/>
  <c r="AE47783" i="1"/>
  <c r="AE47784" i="1"/>
  <c r="AE47785" i="1"/>
  <c r="AE47786" i="1"/>
  <c r="AE47787" i="1"/>
  <c r="AE47788" i="1"/>
  <c r="AE47789" i="1"/>
  <c r="AE47790" i="1"/>
  <c r="AE47791" i="1"/>
  <c r="AE47792" i="1"/>
  <c r="AE47793" i="1"/>
  <c r="AE47794" i="1"/>
  <c r="AE47795" i="1"/>
  <c r="AE47796" i="1"/>
  <c r="AE47797" i="1"/>
  <c r="AE47798" i="1"/>
  <c r="AE47799" i="1"/>
  <c r="AE47800" i="1"/>
  <c r="AE47801" i="1"/>
  <c r="AE47802" i="1"/>
  <c r="AE47803" i="1"/>
  <c r="AE47804" i="1"/>
  <c r="AE47805" i="1"/>
  <c r="AE47806" i="1"/>
  <c r="AE47807" i="1"/>
  <c r="AE47808" i="1"/>
  <c r="AE47809" i="1"/>
  <c r="AE47810" i="1"/>
  <c r="AE47811" i="1"/>
  <c r="AE47812" i="1"/>
  <c r="AE47813" i="1"/>
  <c r="AE47814" i="1"/>
  <c r="AE47815" i="1"/>
  <c r="AE47816" i="1"/>
  <c r="AE47817" i="1"/>
  <c r="AE47818" i="1"/>
  <c r="AE47819" i="1"/>
  <c r="AE47820" i="1"/>
  <c r="AE47821" i="1"/>
  <c r="AE47822" i="1"/>
  <c r="AE47823" i="1"/>
  <c r="AE47824" i="1"/>
  <c r="AE47825" i="1"/>
  <c r="AE47826" i="1"/>
  <c r="AE47827" i="1"/>
  <c r="AE47828" i="1"/>
  <c r="AE47829" i="1"/>
  <c r="AE47830" i="1"/>
  <c r="AE47831" i="1"/>
  <c r="AE47832" i="1"/>
  <c r="AE47833" i="1"/>
  <c r="AE47834" i="1"/>
  <c r="AE47835" i="1"/>
  <c r="AE47836" i="1"/>
  <c r="AE47837" i="1"/>
  <c r="AE47838" i="1"/>
  <c r="AE47839" i="1"/>
  <c r="AE47840" i="1"/>
  <c r="AE47841" i="1"/>
  <c r="AE47842" i="1"/>
  <c r="AE47843" i="1"/>
  <c r="AE47844" i="1"/>
  <c r="AE47845" i="1"/>
  <c r="AE47846" i="1"/>
  <c r="AE47847" i="1"/>
  <c r="AE47848" i="1"/>
  <c r="AE47849" i="1"/>
  <c r="AE47850" i="1"/>
  <c r="AE47851" i="1"/>
  <c r="AE47852" i="1"/>
  <c r="AE47853" i="1"/>
  <c r="AE47854" i="1"/>
  <c r="AE47855" i="1"/>
  <c r="AE47856" i="1"/>
  <c r="AE47857" i="1"/>
  <c r="AE47858" i="1"/>
  <c r="AE47859" i="1"/>
  <c r="AE47860" i="1"/>
  <c r="AE47861" i="1"/>
  <c r="AE47862" i="1"/>
  <c r="AE47863" i="1"/>
  <c r="AE47864" i="1"/>
  <c r="AE47865" i="1"/>
  <c r="AE47866" i="1"/>
  <c r="AE47867" i="1"/>
  <c r="AE47868" i="1"/>
  <c r="AE47869" i="1"/>
  <c r="AE47870" i="1"/>
  <c r="AE47871" i="1"/>
  <c r="AE47872" i="1"/>
  <c r="AE47873" i="1"/>
  <c r="AE47874" i="1"/>
  <c r="AE47875" i="1"/>
  <c r="AE47876" i="1"/>
  <c r="AE47877" i="1"/>
  <c r="AE47878" i="1"/>
  <c r="AE47879" i="1"/>
  <c r="AE47880" i="1"/>
  <c r="AE47881" i="1"/>
  <c r="AE47882" i="1"/>
  <c r="AE47883" i="1"/>
  <c r="AE47884" i="1"/>
  <c r="AE47885" i="1"/>
  <c r="AE47886" i="1"/>
  <c r="AE47887" i="1"/>
  <c r="AE47888" i="1"/>
  <c r="AE47889" i="1"/>
  <c r="AE47890" i="1"/>
  <c r="AE47891" i="1"/>
  <c r="AE47892" i="1"/>
  <c r="AE47893" i="1"/>
  <c r="AE47894" i="1"/>
  <c r="AE47895" i="1"/>
  <c r="AE47896" i="1"/>
  <c r="AE47897" i="1"/>
  <c r="AE47898" i="1"/>
  <c r="AE47899" i="1"/>
  <c r="AE47900" i="1"/>
  <c r="AE47901" i="1"/>
  <c r="AE47902" i="1"/>
  <c r="AE47903" i="1"/>
  <c r="AE47904" i="1"/>
  <c r="AE47905" i="1"/>
  <c r="AE47906" i="1"/>
  <c r="AE47907" i="1"/>
  <c r="AE47908" i="1"/>
  <c r="AE47909" i="1"/>
  <c r="AE47910" i="1"/>
  <c r="AE47911" i="1"/>
  <c r="AE47912" i="1"/>
  <c r="AE47913" i="1"/>
  <c r="AE47914" i="1"/>
  <c r="AE47915" i="1"/>
  <c r="AE47916" i="1"/>
  <c r="AE47917" i="1"/>
  <c r="AE47918" i="1"/>
  <c r="AE47919" i="1"/>
  <c r="AE47920" i="1"/>
  <c r="AE47921" i="1"/>
  <c r="AE47922" i="1"/>
  <c r="AE47923" i="1"/>
  <c r="AE47924" i="1"/>
  <c r="AE47925" i="1"/>
  <c r="AE47926" i="1"/>
  <c r="AE47927" i="1"/>
  <c r="AE47928" i="1"/>
  <c r="AE47929" i="1"/>
  <c r="AE47930" i="1"/>
  <c r="AE47931" i="1"/>
  <c r="AE47932" i="1"/>
  <c r="AE47933" i="1"/>
  <c r="AE47934" i="1"/>
  <c r="AE47935" i="1"/>
  <c r="AE47936" i="1"/>
  <c r="AE47937" i="1"/>
  <c r="AE47938" i="1"/>
  <c r="AE47939" i="1"/>
  <c r="AE47940" i="1"/>
  <c r="AE47941" i="1"/>
  <c r="AE47942" i="1"/>
  <c r="AE47943" i="1"/>
  <c r="AE47944" i="1"/>
  <c r="AE47945" i="1"/>
  <c r="AE47946" i="1"/>
  <c r="AE47947" i="1"/>
  <c r="AE47948" i="1"/>
  <c r="AE47949" i="1"/>
  <c r="AE47950" i="1"/>
  <c r="AE47951" i="1"/>
  <c r="AE47952" i="1"/>
  <c r="AE47953" i="1"/>
  <c r="AE47954" i="1"/>
  <c r="AE47955" i="1"/>
  <c r="AE47956" i="1"/>
  <c r="AE47957" i="1"/>
  <c r="AE47958" i="1"/>
  <c r="AE47959" i="1"/>
  <c r="AE47960" i="1"/>
  <c r="AE47961" i="1"/>
  <c r="AE47962" i="1"/>
  <c r="AE47963" i="1"/>
  <c r="AE47964" i="1"/>
  <c r="AE47965" i="1"/>
  <c r="AE47966" i="1"/>
  <c r="AE47967" i="1"/>
  <c r="AE47968" i="1"/>
  <c r="AE47969" i="1"/>
  <c r="AE47970" i="1"/>
  <c r="AE47971" i="1"/>
  <c r="AE47972" i="1"/>
  <c r="AE47973" i="1"/>
  <c r="AE47974" i="1"/>
  <c r="AE47975" i="1"/>
  <c r="AE47976" i="1"/>
  <c r="AE47977" i="1"/>
  <c r="AE47978" i="1"/>
  <c r="AE47979" i="1"/>
  <c r="AE47980" i="1"/>
  <c r="AE47981" i="1"/>
  <c r="AE47982" i="1"/>
  <c r="AE47983" i="1"/>
  <c r="AE47984" i="1"/>
  <c r="AE47985" i="1"/>
  <c r="AE47986" i="1"/>
  <c r="AE47987" i="1"/>
  <c r="AE47988" i="1"/>
  <c r="AE47989" i="1"/>
  <c r="AE47990" i="1"/>
  <c r="AE47991" i="1"/>
  <c r="AE47992" i="1"/>
  <c r="AE47993" i="1"/>
  <c r="AE47994" i="1"/>
  <c r="AE47995" i="1"/>
  <c r="AE47996" i="1"/>
  <c r="AE47997" i="1"/>
  <c r="AE47998" i="1"/>
  <c r="AE47999" i="1"/>
  <c r="AE48000" i="1"/>
  <c r="AE48001" i="1"/>
  <c r="AE48002" i="1"/>
  <c r="AE48003" i="1"/>
  <c r="AE48004" i="1"/>
  <c r="AE48005" i="1"/>
  <c r="AE48006" i="1"/>
  <c r="AE48007" i="1"/>
  <c r="AE48008" i="1"/>
  <c r="AE48009" i="1"/>
  <c r="AE48010" i="1"/>
  <c r="AE48011" i="1"/>
  <c r="AE48012" i="1"/>
  <c r="AE48013" i="1"/>
  <c r="AE48014" i="1"/>
  <c r="AE48015" i="1"/>
  <c r="AE48016" i="1"/>
  <c r="AE48017" i="1"/>
  <c r="AE48018" i="1"/>
  <c r="AE48019" i="1"/>
  <c r="AE48020" i="1"/>
  <c r="AE48021" i="1"/>
  <c r="AE48022" i="1"/>
  <c r="AE48023" i="1"/>
  <c r="AE48024" i="1"/>
  <c r="AE48025" i="1"/>
  <c r="AE48026" i="1"/>
  <c r="AE48027" i="1"/>
  <c r="AE48028" i="1"/>
  <c r="AE48029" i="1"/>
  <c r="AE48030" i="1"/>
  <c r="AE48031" i="1"/>
  <c r="AE48032" i="1"/>
  <c r="AE48033" i="1"/>
  <c r="AE48034" i="1"/>
  <c r="AE48035" i="1"/>
  <c r="AE48036" i="1"/>
  <c r="AE48037" i="1"/>
  <c r="AE48038" i="1"/>
  <c r="AE48039" i="1"/>
  <c r="AE48040" i="1"/>
  <c r="AE48041" i="1"/>
  <c r="AE48042" i="1"/>
  <c r="AE48043" i="1"/>
  <c r="AE48044" i="1"/>
  <c r="AE48045" i="1"/>
  <c r="AE48046" i="1"/>
  <c r="AE48047" i="1"/>
  <c r="AE48048" i="1"/>
  <c r="AE48049" i="1"/>
  <c r="AE48050" i="1"/>
  <c r="AE48051" i="1"/>
  <c r="AE48052" i="1"/>
  <c r="AE48053" i="1"/>
  <c r="AE48054" i="1"/>
  <c r="AE48055" i="1"/>
  <c r="AE48056" i="1"/>
  <c r="AE48057" i="1"/>
  <c r="AE48058" i="1"/>
  <c r="AE48059" i="1"/>
  <c r="AE48060" i="1"/>
  <c r="AE48061" i="1"/>
  <c r="AE48062" i="1"/>
  <c r="AE48063" i="1"/>
  <c r="AE48064" i="1"/>
  <c r="AE48065" i="1"/>
  <c r="AE48066" i="1"/>
  <c r="AE48067" i="1"/>
  <c r="AE48068" i="1"/>
  <c r="AE48069" i="1"/>
  <c r="AE48070" i="1"/>
  <c r="AE48071" i="1"/>
  <c r="AE48072" i="1"/>
  <c r="AE48073" i="1"/>
  <c r="AE48074" i="1"/>
  <c r="AE48075" i="1"/>
  <c r="AE48076" i="1"/>
  <c r="AE48077" i="1"/>
  <c r="AE48078" i="1"/>
  <c r="AE48079" i="1"/>
  <c r="AE48080" i="1"/>
  <c r="AE48081" i="1"/>
  <c r="AE48082" i="1"/>
  <c r="AE48083" i="1"/>
  <c r="AE48084" i="1"/>
  <c r="AE48085" i="1"/>
  <c r="AE48086" i="1"/>
  <c r="AE48087" i="1"/>
  <c r="AE48088" i="1"/>
  <c r="AE48089" i="1"/>
  <c r="AE48090" i="1"/>
  <c r="AE48091" i="1"/>
  <c r="AE48092" i="1"/>
  <c r="AE48093" i="1"/>
  <c r="AE48094" i="1"/>
  <c r="AE48095" i="1"/>
  <c r="AE48096" i="1"/>
  <c r="AE48097" i="1"/>
  <c r="AE48098" i="1"/>
  <c r="AE48099" i="1"/>
  <c r="AE48100" i="1"/>
  <c r="AE48101" i="1"/>
  <c r="AE48102" i="1"/>
  <c r="AE48103" i="1"/>
  <c r="AE48104" i="1"/>
  <c r="AE48105" i="1"/>
  <c r="AE48106" i="1"/>
  <c r="AE48107" i="1"/>
  <c r="AE48108" i="1"/>
  <c r="AE48109" i="1"/>
  <c r="AE48110" i="1"/>
  <c r="AE48111" i="1"/>
  <c r="AE48112" i="1"/>
  <c r="AE48113" i="1"/>
  <c r="AE48114" i="1"/>
  <c r="AE48115" i="1"/>
  <c r="AE48116" i="1"/>
  <c r="AE48117" i="1"/>
  <c r="AE48118" i="1"/>
  <c r="AE48119" i="1"/>
  <c r="AE48120" i="1"/>
  <c r="AE48121" i="1"/>
  <c r="AE48122" i="1"/>
  <c r="AE48123" i="1"/>
  <c r="AE48124" i="1"/>
  <c r="AE48125" i="1"/>
  <c r="AE48126" i="1"/>
  <c r="AE48127" i="1"/>
  <c r="AE48128" i="1"/>
  <c r="AE48129" i="1"/>
  <c r="AE48130" i="1"/>
  <c r="AE48131" i="1"/>
  <c r="AE48132" i="1"/>
  <c r="AE48133" i="1"/>
  <c r="AE48134" i="1"/>
  <c r="AE48135" i="1"/>
  <c r="AE48136" i="1"/>
  <c r="AE48137" i="1"/>
  <c r="AE48138" i="1"/>
  <c r="AE48139" i="1"/>
  <c r="AE48140" i="1"/>
  <c r="AE48141" i="1"/>
  <c r="AE48142" i="1"/>
  <c r="AE48143" i="1"/>
  <c r="AE48144" i="1"/>
  <c r="AE48145" i="1"/>
  <c r="AE48146" i="1"/>
  <c r="AE48147" i="1"/>
  <c r="AE48148" i="1"/>
  <c r="AE48149" i="1"/>
  <c r="AE48150" i="1"/>
  <c r="AE48151" i="1"/>
  <c r="AE48152" i="1"/>
  <c r="AE48153" i="1"/>
  <c r="AE48154" i="1"/>
  <c r="AE48155" i="1"/>
  <c r="AE48156" i="1"/>
  <c r="AE48157" i="1"/>
  <c r="AE48158" i="1"/>
  <c r="AE48159" i="1"/>
  <c r="AE48160" i="1"/>
  <c r="AE48161" i="1"/>
  <c r="AE48162" i="1"/>
  <c r="AE48163" i="1"/>
  <c r="AE48164" i="1"/>
  <c r="AE48165" i="1"/>
  <c r="AE48166" i="1"/>
  <c r="AE48167" i="1"/>
  <c r="AE48168" i="1"/>
  <c r="AE48169" i="1"/>
  <c r="AE48170" i="1"/>
  <c r="AE48171" i="1"/>
  <c r="AE48172" i="1"/>
  <c r="AE48173" i="1"/>
  <c r="AE48174" i="1"/>
  <c r="AE48175" i="1"/>
  <c r="AE48176" i="1"/>
  <c r="AE48177" i="1"/>
  <c r="AE48178" i="1"/>
  <c r="AE48179" i="1"/>
  <c r="AE48180" i="1"/>
  <c r="AE48181" i="1"/>
  <c r="AE48182" i="1"/>
  <c r="AE48183" i="1"/>
  <c r="AE48184" i="1"/>
  <c r="AE48185" i="1"/>
  <c r="AE48186" i="1"/>
  <c r="AE48187" i="1"/>
  <c r="AE48188" i="1"/>
  <c r="AE48189" i="1"/>
  <c r="AE48190" i="1"/>
  <c r="AE48191" i="1"/>
  <c r="AE48192" i="1"/>
  <c r="AE48193" i="1"/>
  <c r="AE48194" i="1"/>
  <c r="AE48195" i="1"/>
  <c r="AE48196" i="1"/>
  <c r="AE48197" i="1"/>
  <c r="AE48198" i="1"/>
  <c r="AE48199" i="1"/>
  <c r="AE48200" i="1"/>
  <c r="AE48201" i="1"/>
  <c r="AE48202" i="1"/>
  <c r="AE48203" i="1"/>
  <c r="AE48204" i="1"/>
  <c r="AE48205" i="1"/>
  <c r="AE48206" i="1"/>
  <c r="AE48207" i="1"/>
  <c r="AE48208" i="1"/>
  <c r="AE48209" i="1"/>
  <c r="AE48210" i="1"/>
  <c r="AE48211" i="1"/>
  <c r="AE48212" i="1"/>
  <c r="AE48213" i="1"/>
  <c r="AE48214" i="1"/>
  <c r="AE48215" i="1"/>
  <c r="AE48216" i="1"/>
  <c r="AE48217" i="1"/>
  <c r="AE48218" i="1"/>
  <c r="AE48219" i="1"/>
  <c r="AE48220" i="1"/>
  <c r="AE48221" i="1"/>
  <c r="AE48222" i="1"/>
  <c r="AE48223" i="1"/>
  <c r="AE48224" i="1"/>
  <c r="AE48225" i="1"/>
  <c r="AE48226" i="1"/>
  <c r="AE48227" i="1"/>
  <c r="AE48228" i="1"/>
  <c r="AE48229" i="1"/>
  <c r="AE48230" i="1"/>
  <c r="AE48231" i="1"/>
  <c r="AE48232" i="1"/>
  <c r="AE48233" i="1"/>
  <c r="AE48234" i="1"/>
  <c r="AE48235" i="1"/>
  <c r="AE48236" i="1"/>
  <c r="AE48237" i="1"/>
  <c r="AE48238" i="1"/>
  <c r="AE48239" i="1"/>
  <c r="AE48240" i="1"/>
  <c r="AE48241" i="1"/>
  <c r="AE48242" i="1"/>
  <c r="AE48243" i="1"/>
  <c r="AE48244" i="1"/>
  <c r="AE48245" i="1"/>
  <c r="AE48246" i="1"/>
  <c r="AE48247" i="1"/>
  <c r="AE48248" i="1"/>
  <c r="AE48249" i="1"/>
  <c r="AE48250" i="1"/>
  <c r="AE48251" i="1"/>
  <c r="AE48252" i="1"/>
  <c r="AE48253" i="1"/>
  <c r="AE48254" i="1"/>
  <c r="AE48255" i="1"/>
  <c r="AE48256" i="1"/>
  <c r="AE48257" i="1"/>
  <c r="AE48258" i="1"/>
  <c r="AE48259" i="1"/>
  <c r="AE48260" i="1"/>
  <c r="AE48261" i="1"/>
  <c r="AE48262" i="1"/>
  <c r="AE48263" i="1"/>
  <c r="AE48264" i="1"/>
  <c r="AE48265" i="1"/>
  <c r="AE48266" i="1"/>
  <c r="AE48267" i="1"/>
  <c r="AE48268" i="1"/>
  <c r="AE48269" i="1"/>
  <c r="AE48270" i="1"/>
  <c r="AE48271" i="1"/>
  <c r="AE48272" i="1"/>
  <c r="AE48273" i="1"/>
  <c r="AE48274" i="1"/>
  <c r="AE48275" i="1"/>
  <c r="AE48276" i="1"/>
  <c r="AE48277" i="1"/>
  <c r="AE48278" i="1"/>
  <c r="AE48279" i="1"/>
  <c r="AE48280" i="1"/>
  <c r="AE48281" i="1"/>
  <c r="AE48282" i="1"/>
  <c r="AE48283" i="1"/>
  <c r="AE48284" i="1"/>
  <c r="AE48285" i="1"/>
  <c r="AE48286" i="1"/>
  <c r="AE48287" i="1"/>
  <c r="AE48288" i="1"/>
  <c r="AE48289" i="1"/>
  <c r="AE48290" i="1"/>
  <c r="AE48291" i="1"/>
  <c r="AE48292" i="1"/>
  <c r="AE48293" i="1"/>
  <c r="AE48294" i="1"/>
  <c r="AE48295" i="1"/>
  <c r="AE48296" i="1"/>
  <c r="AE48297" i="1"/>
  <c r="AE48298" i="1"/>
  <c r="AE48299" i="1"/>
  <c r="AE48300" i="1"/>
  <c r="AE48301" i="1"/>
  <c r="AE48302" i="1"/>
  <c r="AE48303" i="1"/>
  <c r="AE48304" i="1"/>
  <c r="AE48305" i="1"/>
  <c r="AE48306" i="1"/>
  <c r="AE48307" i="1"/>
  <c r="AE48308" i="1"/>
  <c r="AE48309" i="1"/>
  <c r="AE48310" i="1"/>
  <c r="AE48311" i="1"/>
  <c r="AE48312" i="1"/>
  <c r="AE48313" i="1"/>
  <c r="AE48314" i="1"/>
  <c r="AE48315" i="1"/>
  <c r="AE48316" i="1"/>
  <c r="AE48317" i="1"/>
  <c r="AE48318" i="1"/>
  <c r="AE48319" i="1"/>
  <c r="AE48320" i="1"/>
  <c r="AE48321" i="1"/>
  <c r="AE48322" i="1"/>
  <c r="AE48323" i="1"/>
  <c r="AE48324" i="1"/>
  <c r="AE48325" i="1"/>
  <c r="AE48326" i="1"/>
  <c r="AE48327" i="1"/>
  <c r="AE48328" i="1"/>
  <c r="AE48329" i="1"/>
  <c r="AE48330" i="1"/>
  <c r="AE48331" i="1"/>
  <c r="AE48332" i="1"/>
  <c r="AE48333" i="1"/>
  <c r="AE48334" i="1"/>
  <c r="AE48335" i="1"/>
  <c r="AE48336" i="1"/>
  <c r="AE48337" i="1"/>
  <c r="AE48338" i="1"/>
  <c r="AE48339" i="1"/>
  <c r="AE48340" i="1"/>
  <c r="AE48341" i="1"/>
  <c r="AE48342" i="1"/>
  <c r="AE48343" i="1"/>
  <c r="AE48344" i="1"/>
  <c r="AE48345" i="1"/>
  <c r="AE48346" i="1"/>
  <c r="AE48347" i="1"/>
  <c r="AE48348" i="1"/>
  <c r="AE48349" i="1"/>
  <c r="AE48350" i="1"/>
  <c r="AE48351" i="1"/>
  <c r="AE48352" i="1"/>
  <c r="AE48353" i="1"/>
  <c r="AE48354" i="1"/>
  <c r="AE48355" i="1"/>
  <c r="AE48356" i="1"/>
  <c r="AE48357" i="1"/>
  <c r="AE48358" i="1"/>
  <c r="AE48359" i="1"/>
  <c r="AE48360" i="1"/>
  <c r="AE48361" i="1"/>
  <c r="AE48362" i="1"/>
  <c r="AE48363" i="1"/>
  <c r="AE48364" i="1"/>
  <c r="AE48365" i="1"/>
  <c r="AE48366" i="1"/>
  <c r="AE48367" i="1"/>
  <c r="AE48368" i="1"/>
  <c r="AE48369" i="1"/>
  <c r="AE48370" i="1"/>
  <c r="AE48371" i="1"/>
  <c r="AE48372" i="1"/>
  <c r="AE48373" i="1"/>
  <c r="AE48374" i="1"/>
  <c r="AE48375" i="1"/>
  <c r="AE48376" i="1"/>
  <c r="AE48377" i="1"/>
  <c r="AE48378" i="1"/>
  <c r="AE48379" i="1"/>
  <c r="AE48380" i="1"/>
  <c r="AE48381" i="1"/>
  <c r="AE48382" i="1"/>
  <c r="AE48383" i="1"/>
  <c r="AE48384" i="1"/>
  <c r="AE48385" i="1"/>
  <c r="AE48386" i="1"/>
  <c r="AE48387" i="1"/>
  <c r="AE48388" i="1"/>
  <c r="AE48389" i="1"/>
  <c r="AE48390" i="1"/>
  <c r="AE48391" i="1"/>
  <c r="AE48392" i="1"/>
  <c r="AE48393" i="1"/>
  <c r="AE48394" i="1"/>
  <c r="AE48395" i="1"/>
  <c r="AE48396" i="1"/>
  <c r="AE48397" i="1"/>
  <c r="AE48398" i="1"/>
  <c r="AE48399" i="1"/>
  <c r="AE48400" i="1"/>
  <c r="AE48401" i="1"/>
  <c r="AE48402" i="1"/>
  <c r="AE48403" i="1"/>
  <c r="AE48404" i="1"/>
  <c r="AE48405" i="1"/>
  <c r="AE48406" i="1"/>
  <c r="AE48407" i="1"/>
  <c r="AE48408" i="1"/>
  <c r="AE48409" i="1"/>
  <c r="AE48410" i="1"/>
  <c r="AE48411" i="1"/>
  <c r="AE48412" i="1"/>
  <c r="AE48413" i="1"/>
  <c r="AE48414" i="1"/>
  <c r="AE48415" i="1"/>
  <c r="AE48416" i="1"/>
  <c r="AE48417" i="1"/>
  <c r="AE48418" i="1"/>
  <c r="AE48419" i="1"/>
  <c r="AE48420" i="1"/>
  <c r="AE48421" i="1"/>
  <c r="AE48422" i="1"/>
  <c r="AE48423" i="1"/>
  <c r="AE48424" i="1"/>
  <c r="AE48425" i="1"/>
  <c r="AE48426" i="1"/>
  <c r="AE48427" i="1"/>
  <c r="AE48428" i="1"/>
  <c r="AE48429" i="1"/>
  <c r="AE48430" i="1"/>
  <c r="AE48431" i="1"/>
  <c r="AE48432" i="1"/>
  <c r="AE48433" i="1"/>
  <c r="AE48434" i="1"/>
  <c r="AE48435" i="1"/>
  <c r="AE48436" i="1"/>
  <c r="AE48437" i="1"/>
  <c r="AE48438" i="1"/>
  <c r="AE48439" i="1"/>
  <c r="AE48440" i="1"/>
  <c r="AE48441" i="1"/>
  <c r="AE48442" i="1"/>
  <c r="AE48443" i="1"/>
  <c r="AE48444" i="1"/>
  <c r="AE48445" i="1"/>
  <c r="AE48446" i="1"/>
  <c r="AE48447" i="1"/>
  <c r="AE48448" i="1"/>
  <c r="AE48449" i="1"/>
  <c r="AE48450" i="1"/>
  <c r="AE48451" i="1"/>
  <c r="AE48452" i="1"/>
  <c r="AE48453" i="1"/>
  <c r="AE48454" i="1"/>
  <c r="AE48455" i="1"/>
  <c r="AE48456" i="1"/>
  <c r="AE48457" i="1"/>
  <c r="AE48458" i="1"/>
  <c r="AE48459" i="1"/>
  <c r="AE48460" i="1"/>
  <c r="AE48461" i="1"/>
  <c r="AE48462" i="1"/>
  <c r="AE48463" i="1"/>
  <c r="AE48464" i="1"/>
  <c r="AE48465" i="1"/>
  <c r="AE48466" i="1"/>
  <c r="AE48467" i="1"/>
  <c r="AE48468" i="1"/>
  <c r="AE48469" i="1"/>
  <c r="AE48470" i="1"/>
  <c r="AE48471" i="1"/>
  <c r="AE48472" i="1"/>
  <c r="AE48473" i="1"/>
  <c r="AE48474" i="1"/>
  <c r="AE48475" i="1"/>
  <c r="AE48476" i="1"/>
  <c r="AE48477" i="1"/>
  <c r="AE48478" i="1"/>
  <c r="AE48479" i="1"/>
  <c r="AE48480" i="1"/>
  <c r="AE48481" i="1"/>
  <c r="AE48482" i="1"/>
  <c r="AE48483" i="1"/>
  <c r="AE48484" i="1"/>
  <c r="AE48485" i="1"/>
  <c r="AE48486" i="1"/>
  <c r="AE48487" i="1"/>
  <c r="AE48488" i="1"/>
  <c r="AE48489" i="1"/>
  <c r="AE48490" i="1"/>
  <c r="AE48491" i="1"/>
  <c r="AE48492" i="1"/>
  <c r="AE48493" i="1"/>
  <c r="AE48494" i="1"/>
  <c r="AE48495" i="1"/>
  <c r="AE48496" i="1"/>
  <c r="AE48497" i="1"/>
  <c r="AE48498" i="1"/>
  <c r="AE48499" i="1"/>
  <c r="AE48500" i="1"/>
  <c r="AE48501" i="1"/>
  <c r="AE48502" i="1"/>
  <c r="AE48503" i="1"/>
  <c r="AE48504" i="1"/>
  <c r="AE48505" i="1"/>
  <c r="AE48506" i="1"/>
  <c r="AE48507" i="1"/>
  <c r="AE48508" i="1"/>
  <c r="AE48509" i="1"/>
  <c r="AE48510" i="1"/>
  <c r="AE48511" i="1"/>
  <c r="AE48512" i="1"/>
  <c r="AE48513" i="1"/>
  <c r="AE48514" i="1"/>
  <c r="AE48515" i="1"/>
  <c r="AE48516" i="1"/>
  <c r="AE48517" i="1"/>
  <c r="AE48518" i="1"/>
  <c r="AE48519" i="1"/>
  <c r="AE48520" i="1"/>
  <c r="AE48521" i="1"/>
  <c r="AE48522" i="1"/>
  <c r="AE48523" i="1"/>
  <c r="AE48524" i="1"/>
  <c r="AE48525" i="1"/>
  <c r="AE48526" i="1"/>
  <c r="AE48527" i="1"/>
  <c r="AE48528" i="1"/>
  <c r="AE48529" i="1"/>
  <c r="AE48530" i="1"/>
  <c r="AE48531" i="1"/>
  <c r="AE48532" i="1"/>
  <c r="AE48533" i="1"/>
  <c r="AE48534" i="1"/>
  <c r="AE48535" i="1"/>
  <c r="AE48536" i="1"/>
  <c r="AE48537" i="1"/>
  <c r="AE48538" i="1"/>
  <c r="AE48539" i="1"/>
  <c r="AE48540" i="1"/>
  <c r="AE48541" i="1"/>
  <c r="AE48542" i="1"/>
  <c r="AE48543" i="1"/>
  <c r="AE48544" i="1"/>
  <c r="AE48545" i="1"/>
  <c r="AE48546" i="1"/>
  <c r="AE48547" i="1"/>
  <c r="AE48548" i="1"/>
  <c r="AE48549" i="1"/>
  <c r="AE48550" i="1"/>
  <c r="AE48551" i="1"/>
  <c r="AE48552" i="1"/>
  <c r="AE48553" i="1"/>
  <c r="AE48554" i="1"/>
  <c r="AE48555" i="1"/>
  <c r="AE48556" i="1"/>
  <c r="AE48557" i="1"/>
  <c r="AE48558" i="1"/>
  <c r="AE48559" i="1"/>
  <c r="AE48560" i="1"/>
  <c r="AE48561" i="1"/>
  <c r="AE48562" i="1"/>
  <c r="AE48563" i="1"/>
  <c r="AE48564" i="1"/>
  <c r="AE48565" i="1"/>
  <c r="AE48566" i="1"/>
  <c r="AE48567" i="1"/>
  <c r="AE48568" i="1"/>
  <c r="AE48569" i="1"/>
  <c r="AE48570" i="1"/>
  <c r="AE48571" i="1"/>
  <c r="AE48572" i="1"/>
  <c r="AE48573" i="1"/>
  <c r="AE48574" i="1"/>
  <c r="AE48575" i="1"/>
  <c r="AE48576" i="1"/>
  <c r="AE48577" i="1"/>
  <c r="AE48578" i="1"/>
  <c r="AE48579" i="1"/>
  <c r="AE48580" i="1"/>
  <c r="AE48581" i="1"/>
  <c r="AE48582" i="1"/>
  <c r="AE48583" i="1"/>
  <c r="AE48584" i="1"/>
  <c r="AE48585" i="1"/>
  <c r="AE48586" i="1"/>
  <c r="AE48587" i="1"/>
  <c r="AE48588" i="1"/>
  <c r="AE48589" i="1"/>
  <c r="AE48590" i="1"/>
  <c r="AE48591" i="1"/>
  <c r="AE48592" i="1"/>
  <c r="AE48593" i="1"/>
  <c r="AE48594" i="1"/>
  <c r="AE48595" i="1"/>
  <c r="AE48596" i="1"/>
  <c r="AE48597" i="1"/>
  <c r="AE48598" i="1"/>
  <c r="AE48599" i="1"/>
  <c r="AE48600" i="1"/>
  <c r="AE48601" i="1"/>
  <c r="AE48602" i="1"/>
  <c r="AE48603" i="1"/>
  <c r="AE48604" i="1"/>
  <c r="AE48605" i="1"/>
  <c r="AE48606" i="1"/>
  <c r="AE48607" i="1"/>
  <c r="AE48608" i="1"/>
  <c r="AE48609" i="1"/>
  <c r="AE48610" i="1"/>
  <c r="AE48611" i="1"/>
  <c r="AE48612" i="1"/>
  <c r="AE48613" i="1"/>
  <c r="AE48614" i="1"/>
  <c r="AE48615" i="1"/>
  <c r="AE48616" i="1"/>
  <c r="AE48617" i="1"/>
  <c r="AE48618" i="1"/>
  <c r="AE48619" i="1"/>
  <c r="AE48620" i="1"/>
  <c r="AE48621" i="1"/>
  <c r="AE48622" i="1"/>
  <c r="AE48623" i="1"/>
  <c r="AE48624" i="1"/>
  <c r="AE48625" i="1"/>
  <c r="AE48626" i="1"/>
  <c r="AE48627" i="1"/>
  <c r="AE48628" i="1"/>
  <c r="AE48629" i="1"/>
  <c r="AE48630" i="1"/>
  <c r="AE48631" i="1"/>
  <c r="AE48632" i="1"/>
  <c r="AE48633" i="1"/>
  <c r="AE48634" i="1"/>
  <c r="AE48635" i="1"/>
  <c r="AE48636" i="1"/>
  <c r="AE48637" i="1"/>
  <c r="AE48638" i="1"/>
  <c r="AE48639" i="1"/>
  <c r="AE48640" i="1"/>
  <c r="AE48641" i="1"/>
  <c r="AE48642" i="1"/>
  <c r="AE48643" i="1"/>
  <c r="AE48644" i="1"/>
  <c r="AE48645" i="1"/>
  <c r="AE48646" i="1"/>
  <c r="AE48647" i="1"/>
  <c r="AE48648" i="1"/>
  <c r="AE48649" i="1"/>
  <c r="AE48650" i="1"/>
  <c r="AE48651" i="1"/>
  <c r="AE48652" i="1"/>
  <c r="AE48653" i="1"/>
  <c r="AE48654" i="1"/>
  <c r="AE48655" i="1"/>
  <c r="AE48656" i="1"/>
  <c r="AE48657" i="1"/>
  <c r="AE48658" i="1"/>
  <c r="AE48659" i="1"/>
  <c r="AE48660" i="1"/>
  <c r="AE48661" i="1"/>
  <c r="AE48662" i="1"/>
  <c r="AE48663" i="1"/>
  <c r="AE48664" i="1"/>
  <c r="AE48665" i="1"/>
  <c r="AE48666" i="1"/>
  <c r="AE48667" i="1"/>
  <c r="AE48668" i="1"/>
  <c r="AE48669" i="1"/>
  <c r="AE48670" i="1"/>
  <c r="AE48671" i="1"/>
  <c r="AE48672" i="1"/>
  <c r="AE48673" i="1"/>
  <c r="AE48674" i="1"/>
  <c r="AE48675" i="1"/>
  <c r="AE48676" i="1"/>
  <c r="AE48677" i="1"/>
  <c r="AE48678" i="1"/>
  <c r="AE48679" i="1"/>
  <c r="AE48680" i="1"/>
  <c r="AE48681" i="1"/>
  <c r="AE48682" i="1"/>
  <c r="AE48683" i="1"/>
  <c r="AE48684" i="1"/>
  <c r="AE48685" i="1"/>
  <c r="AE48686" i="1"/>
  <c r="AE48687" i="1"/>
  <c r="AE48688" i="1"/>
  <c r="AE48689" i="1"/>
  <c r="AE48690" i="1"/>
  <c r="AE48691" i="1"/>
  <c r="AE48692" i="1"/>
  <c r="AE48693" i="1"/>
  <c r="AE48694" i="1"/>
  <c r="AE48695" i="1"/>
  <c r="AE48696" i="1"/>
  <c r="AE48697" i="1"/>
  <c r="AE48698" i="1"/>
  <c r="AE48699" i="1"/>
  <c r="AE48700" i="1"/>
  <c r="AE48701" i="1"/>
  <c r="AE48702" i="1"/>
  <c r="AE48703" i="1"/>
  <c r="AE48704" i="1"/>
  <c r="AE48705" i="1"/>
  <c r="AE48706" i="1"/>
  <c r="AE48707" i="1"/>
  <c r="AE48708" i="1"/>
  <c r="AE48709" i="1"/>
  <c r="AE48710" i="1"/>
  <c r="AE48711" i="1"/>
  <c r="AE48712" i="1"/>
  <c r="AE48713" i="1"/>
  <c r="AE48714" i="1"/>
  <c r="AE48715" i="1"/>
  <c r="AE48716" i="1"/>
  <c r="AE48717" i="1"/>
  <c r="AE48718" i="1"/>
  <c r="AE48719" i="1"/>
  <c r="AE48720" i="1"/>
  <c r="AE48721" i="1"/>
  <c r="AE48722" i="1"/>
  <c r="AE48723" i="1"/>
  <c r="AE48724" i="1"/>
  <c r="AE48725" i="1"/>
  <c r="AE48726" i="1"/>
  <c r="AE48727" i="1"/>
  <c r="AE48728" i="1"/>
  <c r="AE48729" i="1"/>
  <c r="AE48730" i="1"/>
  <c r="AE48731" i="1"/>
  <c r="AE48732" i="1"/>
  <c r="AE48733" i="1"/>
  <c r="AE48734" i="1"/>
  <c r="AE48735" i="1"/>
  <c r="AE48736" i="1"/>
  <c r="AE48737" i="1"/>
  <c r="AE48738" i="1"/>
  <c r="AE48739" i="1"/>
  <c r="AE48740" i="1"/>
  <c r="AE48741" i="1"/>
  <c r="AE48742" i="1"/>
  <c r="AE48743" i="1"/>
  <c r="AE48744" i="1"/>
  <c r="AE48745" i="1"/>
  <c r="AE48746" i="1"/>
  <c r="AE48747" i="1"/>
  <c r="AE48748" i="1"/>
  <c r="AE48749" i="1"/>
  <c r="AE48750" i="1"/>
  <c r="AE48751" i="1"/>
  <c r="AE48752" i="1"/>
  <c r="AE48753" i="1"/>
  <c r="AE48754" i="1"/>
  <c r="AE48755" i="1"/>
  <c r="AE48756" i="1"/>
  <c r="AE48757" i="1"/>
  <c r="AE48758" i="1"/>
  <c r="AE48759" i="1"/>
  <c r="AE48760" i="1"/>
  <c r="AE48761" i="1"/>
  <c r="AE48762" i="1"/>
  <c r="AE48763" i="1"/>
  <c r="AE48764" i="1"/>
  <c r="AE48765" i="1"/>
  <c r="AE48766" i="1"/>
  <c r="AE48767" i="1"/>
  <c r="AE48768" i="1"/>
  <c r="AE48769" i="1"/>
  <c r="AE48770" i="1"/>
  <c r="AE48771" i="1"/>
  <c r="AE48772" i="1"/>
  <c r="AE48773" i="1"/>
  <c r="AE48774" i="1"/>
  <c r="AE48775" i="1"/>
  <c r="AE48776" i="1"/>
  <c r="AE48777" i="1"/>
  <c r="AE48778" i="1"/>
  <c r="AE48779" i="1"/>
  <c r="AE48780" i="1"/>
  <c r="AE48781" i="1"/>
  <c r="AE48782" i="1"/>
  <c r="AE48783" i="1"/>
  <c r="AE48784" i="1"/>
  <c r="AE48785" i="1"/>
  <c r="AE48786" i="1"/>
  <c r="AE48787" i="1"/>
  <c r="AE48788" i="1"/>
  <c r="AE48789" i="1"/>
  <c r="AE48790" i="1"/>
  <c r="AE48791" i="1"/>
  <c r="AE48792" i="1"/>
  <c r="AE48793" i="1"/>
  <c r="AE48794" i="1"/>
  <c r="AE48795" i="1"/>
  <c r="AE48796" i="1"/>
  <c r="AE48797" i="1"/>
  <c r="AE48798" i="1"/>
  <c r="AE48799" i="1"/>
  <c r="AE48800" i="1"/>
  <c r="AE48801" i="1"/>
  <c r="AE48802" i="1"/>
  <c r="AE48803" i="1"/>
  <c r="AE48804" i="1"/>
  <c r="AE48805" i="1"/>
  <c r="AE48806" i="1"/>
  <c r="AE48807" i="1"/>
  <c r="AE48808" i="1"/>
  <c r="AE48809" i="1"/>
  <c r="AE48810" i="1"/>
  <c r="AE48811" i="1"/>
  <c r="AE48812" i="1"/>
  <c r="AE48813" i="1"/>
  <c r="AE48814" i="1"/>
  <c r="AE48815" i="1"/>
  <c r="AE48816" i="1"/>
  <c r="AE48817" i="1"/>
  <c r="AE48818" i="1"/>
  <c r="AE48819" i="1"/>
  <c r="AE48820" i="1"/>
  <c r="AE48821" i="1"/>
  <c r="AE48822" i="1"/>
  <c r="AE48823" i="1"/>
  <c r="AE48824" i="1"/>
  <c r="AE48825" i="1"/>
  <c r="AE48826" i="1"/>
  <c r="AE48827" i="1"/>
  <c r="AE48828" i="1"/>
  <c r="AE48829" i="1"/>
  <c r="AE48830" i="1"/>
  <c r="AE48831" i="1"/>
  <c r="AE48832" i="1"/>
  <c r="AE48833" i="1"/>
  <c r="AE48834" i="1"/>
  <c r="AE48835" i="1"/>
  <c r="AE48836" i="1"/>
  <c r="AE48837" i="1"/>
  <c r="AE48838" i="1"/>
  <c r="AE48839" i="1"/>
  <c r="AE48840" i="1"/>
  <c r="AE48841" i="1"/>
  <c r="AE48842" i="1"/>
  <c r="AE48843" i="1"/>
  <c r="AE48844" i="1"/>
  <c r="AE48845" i="1"/>
  <c r="AE48846" i="1"/>
  <c r="AE48847" i="1"/>
  <c r="AE48848" i="1"/>
  <c r="AE48849" i="1"/>
  <c r="AE48850" i="1"/>
  <c r="AE48851" i="1"/>
  <c r="AE48852" i="1"/>
  <c r="AE48853" i="1"/>
  <c r="AE48854" i="1"/>
  <c r="AE48855" i="1"/>
  <c r="AE48856" i="1"/>
  <c r="AE48857" i="1"/>
  <c r="AE48858" i="1"/>
  <c r="AE48859" i="1"/>
  <c r="AE48860" i="1"/>
  <c r="AE48861" i="1"/>
  <c r="AE48862" i="1"/>
  <c r="AE48863" i="1"/>
  <c r="AE48864" i="1"/>
  <c r="AE48865" i="1"/>
  <c r="AE48866" i="1"/>
  <c r="AE48867" i="1"/>
  <c r="AE48868" i="1"/>
  <c r="AE48869" i="1"/>
  <c r="AE48870" i="1"/>
  <c r="AE48871" i="1"/>
  <c r="AE48872" i="1"/>
  <c r="AE48873" i="1"/>
  <c r="AE48874" i="1"/>
  <c r="AE48875" i="1"/>
  <c r="AE48876" i="1"/>
  <c r="AE48877" i="1"/>
  <c r="AE48878" i="1"/>
  <c r="AE48879" i="1"/>
  <c r="AE48880" i="1"/>
  <c r="AE48881" i="1"/>
  <c r="AE48882" i="1"/>
  <c r="AE48883" i="1"/>
  <c r="AE48884" i="1"/>
  <c r="AE48885" i="1"/>
  <c r="AE48886" i="1"/>
  <c r="AE48887" i="1"/>
  <c r="AE48888" i="1"/>
  <c r="AE48889" i="1"/>
  <c r="AE48890" i="1"/>
  <c r="AE48891" i="1"/>
  <c r="AE48892" i="1"/>
  <c r="AE48893" i="1"/>
  <c r="AE48894" i="1"/>
  <c r="AE48895" i="1"/>
  <c r="AE48896" i="1"/>
  <c r="AE48897" i="1"/>
  <c r="AE48898" i="1"/>
  <c r="AE48899" i="1"/>
  <c r="AE48900" i="1"/>
  <c r="AE48901" i="1"/>
  <c r="AE48902" i="1"/>
  <c r="AE48903" i="1"/>
  <c r="AE48904" i="1"/>
  <c r="AE48905" i="1"/>
  <c r="AE48906" i="1"/>
  <c r="AE48907" i="1"/>
  <c r="AE48908" i="1"/>
  <c r="AE48909" i="1"/>
  <c r="AE48910" i="1"/>
  <c r="AE48911" i="1"/>
  <c r="AE48912" i="1"/>
  <c r="AE48913" i="1"/>
  <c r="AE48914" i="1"/>
  <c r="AE48915" i="1"/>
  <c r="AE48916" i="1"/>
  <c r="AE48917" i="1"/>
  <c r="AE48918" i="1"/>
  <c r="AE48919" i="1"/>
  <c r="AE48920" i="1"/>
  <c r="AE48921" i="1"/>
  <c r="AE48922" i="1"/>
  <c r="AE48923" i="1"/>
  <c r="AE48924" i="1"/>
  <c r="AE48925" i="1"/>
  <c r="AE48926" i="1"/>
  <c r="AE48927" i="1"/>
  <c r="AE48928" i="1"/>
  <c r="AE48929" i="1"/>
  <c r="AE48930" i="1"/>
  <c r="AE48931" i="1"/>
  <c r="AE48932" i="1"/>
  <c r="AE48933" i="1"/>
  <c r="AE48934" i="1"/>
  <c r="AE48935" i="1"/>
  <c r="AE48936" i="1"/>
  <c r="AE48937" i="1"/>
  <c r="AE48938" i="1"/>
  <c r="AE48939" i="1"/>
  <c r="AE48940" i="1"/>
  <c r="AE48941" i="1"/>
  <c r="AE48942" i="1"/>
  <c r="AE48943" i="1"/>
  <c r="AE48944" i="1"/>
  <c r="AE48945" i="1"/>
  <c r="AE48946" i="1"/>
  <c r="AE48947" i="1"/>
  <c r="AE48948" i="1"/>
  <c r="AE48949" i="1"/>
  <c r="AE48950" i="1"/>
  <c r="AE48951" i="1"/>
  <c r="AE48952" i="1"/>
  <c r="AE48953" i="1"/>
  <c r="AE48954" i="1"/>
  <c r="AE48955" i="1"/>
  <c r="AE48956" i="1"/>
  <c r="AE48957" i="1"/>
  <c r="AE48958" i="1"/>
  <c r="AE48959" i="1"/>
  <c r="AE48960" i="1"/>
  <c r="AE48961" i="1"/>
  <c r="AE48962" i="1"/>
  <c r="AE48963" i="1"/>
  <c r="AE48964" i="1"/>
  <c r="AE48965" i="1"/>
  <c r="AE48966" i="1"/>
  <c r="AE48967" i="1"/>
  <c r="AE48968" i="1"/>
  <c r="AE48969" i="1"/>
  <c r="AE48970" i="1"/>
  <c r="AE48971" i="1"/>
  <c r="AE48972" i="1"/>
  <c r="AE48973" i="1"/>
  <c r="AE48974" i="1"/>
  <c r="AE48975" i="1"/>
  <c r="AE48976" i="1"/>
  <c r="AE48977" i="1"/>
  <c r="AE48978" i="1"/>
  <c r="AE48979" i="1"/>
  <c r="AE48980" i="1"/>
  <c r="AE48981" i="1"/>
  <c r="AE48982" i="1"/>
  <c r="AE48983" i="1"/>
  <c r="AE48984" i="1"/>
  <c r="AE48985" i="1"/>
  <c r="AE48986" i="1"/>
  <c r="AE48987" i="1"/>
  <c r="AE48988" i="1"/>
  <c r="AE48989" i="1"/>
  <c r="AE48990" i="1"/>
  <c r="AE48991" i="1"/>
  <c r="AE48992" i="1"/>
  <c r="AE48993" i="1"/>
  <c r="AE48994" i="1"/>
  <c r="AE48995" i="1"/>
  <c r="AE48996" i="1"/>
  <c r="AE48997" i="1"/>
  <c r="AE48998" i="1"/>
  <c r="AE48999" i="1"/>
  <c r="AE49000" i="1"/>
  <c r="AE49001" i="1"/>
  <c r="AE49002" i="1"/>
  <c r="AE49003" i="1"/>
  <c r="AE49004" i="1"/>
  <c r="AE49005" i="1"/>
  <c r="AE49006" i="1"/>
  <c r="AE49007" i="1"/>
  <c r="AE49008" i="1"/>
  <c r="AE49009" i="1"/>
  <c r="AE49010" i="1"/>
  <c r="AE49011" i="1"/>
  <c r="AE49012" i="1"/>
  <c r="AE49013" i="1"/>
  <c r="AE49014" i="1"/>
  <c r="AE49015" i="1"/>
  <c r="AE49016" i="1"/>
  <c r="AE49017" i="1"/>
  <c r="AE49018" i="1"/>
  <c r="AE49019" i="1"/>
  <c r="AE49020" i="1"/>
  <c r="AE49021" i="1"/>
  <c r="AE49022" i="1"/>
  <c r="AE49023" i="1"/>
  <c r="AE49024" i="1"/>
  <c r="AE49025" i="1"/>
  <c r="AE49026" i="1"/>
  <c r="AE49027" i="1"/>
  <c r="AE49028" i="1"/>
  <c r="AE49029" i="1"/>
  <c r="AE49030" i="1"/>
  <c r="AE49031" i="1"/>
  <c r="AE49032" i="1"/>
  <c r="AE49033" i="1"/>
  <c r="AE49034" i="1"/>
  <c r="AE49035" i="1"/>
  <c r="AE49036" i="1"/>
  <c r="AE49037" i="1"/>
  <c r="AE49038" i="1"/>
  <c r="AE49039" i="1"/>
  <c r="AE49040" i="1"/>
  <c r="AE49041" i="1"/>
  <c r="AE49042" i="1"/>
  <c r="AE49043" i="1"/>
  <c r="AE49044" i="1"/>
  <c r="AE49045" i="1"/>
  <c r="AE49046" i="1"/>
  <c r="AE49047" i="1"/>
  <c r="AE49048" i="1"/>
  <c r="AE49049" i="1"/>
  <c r="AE49050" i="1"/>
  <c r="AE49051" i="1"/>
  <c r="AE49052" i="1"/>
  <c r="AE49053" i="1"/>
  <c r="AE49054" i="1"/>
  <c r="AE49055" i="1"/>
  <c r="AE49056" i="1"/>
  <c r="AE49057" i="1"/>
  <c r="AE49058" i="1"/>
  <c r="AE49059" i="1"/>
  <c r="AE49060" i="1"/>
  <c r="AE49061" i="1"/>
  <c r="AE49062" i="1"/>
  <c r="AE49063" i="1"/>
  <c r="AE49064" i="1"/>
  <c r="AE49065" i="1"/>
  <c r="AE49066" i="1"/>
  <c r="AE49067" i="1"/>
  <c r="AE49068" i="1"/>
  <c r="AE49069" i="1"/>
  <c r="AE49070" i="1"/>
  <c r="AE49071" i="1"/>
  <c r="AE49072" i="1"/>
  <c r="AE49073" i="1"/>
  <c r="AE49074" i="1"/>
  <c r="AE49075" i="1"/>
  <c r="AE49076" i="1"/>
  <c r="AE49077" i="1"/>
  <c r="AE49078" i="1"/>
  <c r="AE49079" i="1"/>
  <c r="AE49080" i="1"/>
  <c r="AE49081" i="1"/>
  <c r="AE49082" i="1"/>
  <c r="AE49083" i="1"/>
  <c r="AE49084" i="1"/>
  <c r="AE49085" i="1"/>
  <c r="AE49086" i="1"/>
  <c r="AE49087" i="1"/>
  <c r="AE49088" i="1"/>
  <c r="AE49089" i="1"/>
  <c r="AE49090" i="1"/>
  <c r="AE49091" i="1"/>
  <c r="AE49092" i="1"/>
  <c r="AE49093" i="1"/>
  <c r="AE49094" i="1"/>
  <c r="AE49095" i="1"/>
  <c r="AE49096" i="1"/>
  <c r="AE49097" i="1"/>
  <c r="AE49098" i="1"/>
  <c r="AE49099" i="1"/>
  <c r="AE49100" i="1"/>
  <c r="AE49101" i="1"/>
  <c r="AE49102" i="1"/>
  <c r="AE49103" i="1"/>
  <c r="AE49104" i="1"/>
  <c r="AE49105" i="1"/>
  <c r="AE49106" i="1"/>
  <c r="AE49107" i="1"/>
  <c r="AE49108" i="1"/>
  <c r="AE49109" i="1"/>
  <c r="AE49110" i="1"/>
  <c r="AE49111" i="1"/>
  <c r="AE49112" i="1"/>
  <c r="AE49113" i="1"/>
  <c r="AE49114" i="1"/>
  <c r="AE49115" i="1"/>
  <c r="AE49116" i="1"/>
  <c r="AE49117" i="1"/>
  <c r="AE49118" i="1"/>
  <c r="AE49119" i="1"/>
  <c r="AE49120" i="1"/>
  <c r="AE49121" i="1"/>
  <c r="AE49122" i="1"/>
  <c r="AE49123" i="1"/>
  <c r="AE49124" i="1"/>
  <c r="AE49125" i="1"/>
  <c r="AE49126" i="1"/>
  <c r="AE49127" i="1"/>
  <c r="AE49128" i="1"/>
  <c r="AE49129" i="1"/>
  <c r="AE49130" i="1"/>
  <c r="AE49131" i="1"/>
  <c r="AE49132" i="1"/>
  <c r="AE49133" i="1"/>
  <c r="AE49134" i="1"/>
  <c r="AE49135" i="1"/>
  <c r="AE49136" i="1"/>
  <c r="AE49137" i="1"/>
  <c r="AE49138" i="1"/>
  <c r="AE49139" i="1"/>
  <c r="AE49140" i="1"/>
  <c r="AE49141" i="1"/>
  <c r="AE49142" i="1"/>
  <c r="AE49143" i="1"/>
  <c r="AE49144" i="1"/>
  <c r="AE49145" i="1"/>
  <c r="AE49146" i="1"/>
  <c r="AE49147" i="1"/>
  <c r="AE49148" i="1"/>
  <c r="AE49149" i="1"/>
  <c r="AE49150" i="1"/>
  <c r="AE49151" i="1"/>
  <c r="AE49152" i="1"/>
  <c r="AE49153" i="1"/>
  <c r="AE49154" i="1"/>
  <c r="AE49155" i="1"/>
  <c r="AE49156" i="1"/>
  <c r="AE49157" i="1"/>
  <c r="AE49158" i="1"/>
  <c r="AE49159" i="1"/>
  <c r="AE49160" i="1"/>
  <c r="AE49161" i="1"/>
  <c r="AE49162" i="1"/>
  <c r="AE49163" i="1"/>
  <c r="AE49164" i="1"/>
  <c r="AE49165" i="1"/>
  <c r="AE49166" i="1"/>
  <c r="AE49167" i="1"/>
  <c r="AE49168" i="1"/>
  <c r="AE49169" i="1"/>
  <c r="AE49170" i="1"/>
  <c r="AE49171" i="1"/>
  <c r="AE49172" i="1"/>
  <c r="AE49173" i="1"/>
  <c r="AE49174" i="1"/>
  <c r="AE49175" i="1"/>
  <c r="AE49176" i="1"/>
  <c r="AE49177" i="1"/>
  <c r="AE49178" i="1"/>
  <c r="AE49179" i="1"/>
  <c r="AE49180" i="1"/>
  <c r="AE49181" i="1"/>
  <c r="AE49182" i="1"/>
  <c r="AE49183" i="1"/>
  <c r="AE49184" i="1"/>
  <c r="AE49185" i="1"/>
  <c r="AE49186" i="1"/>
  <c r="AE49187" i="1"/>
  <c r="AE49188" i="1"/>
  <c r="AE49189" i="1"/>
  <c r="AE49190" i="1"/>
  <c r="AE49191" i="1"/>
  <c r="AE49192" i="1"/>
  <c r="AE49193" i="1"/>
  <c r="AE49194" i="1"/>
  <c r="AE49195" i="1"/>
  <c r="AE49196" i="1"/>
  <c r="AE49197" i="1"/>
  <c r="AE49198" i="1"/>
  <c r="AE49199" i="1"/>
  <c r="AE49200" i="1"/>
  <c r="AE49201" i="1"/>
  <c r="AE49202" i="1"/>
  <c r="AE49203" i="1"/>
  <c r="AE49204" i="1"/>
  <c r="AE49205" i="1"/>
  <c r="AE49206" i="1"/>
  <c r="AE49207" i="1"/>
  <c r="AE49208" i="1"/>
  <c r="AE49209" i="1"/>
  <c r="AE49210" i="1"/>
  <c r="AE49211" i="1"/>
  <c r="AE49212" i="1"/>
  <c r="AE49213" i="1"/>
  <c r="AE49214" i="1"/>
  <c r="AE49215" i="1"/>
  <c r="AE49216" i="1"/>
  <c r="AE49217" i="1"/>
  <c r="AE49218" i="1"/>
  <c r="AE49219" i="1"/>
  <c r="AE49220" i="1"/>
  <c r="AE49221" i="1"/>
  <c r="AE49222" i="1"/>
  <c r="AE49223" i="1"/>
  <c r="AE49224" i="1"/>
  <c r="AE49225" i="1"/>
  <c r="AE49226" i="1"/>
  <c r="AE49227" i="1"/>
  <c r="AE49228" i="1"/>
  <c r="AE49229" i="1"/>
  <c r="AE49230" i="1"/>
  <c r="AE49231" i="1"/>
  <c r="AE49232" i="1"/>
  <c r="AE49233" i="1"/>
  <c r="AE49234" i="1"/>
  <c r="AE49235" i="1"/>
  <c r="AE49236" i="1"/>
  <c r="AE49237" i="1"/>
  <c r="AE49238" i="1"/>
  <c r="AE49239" i="1"/>
  <c r="AE49240" i="1"/>
  <c r="AE49241" i="1"/>
  <c r="AE49242" i="1"/>
  <c r="AE49243" i="1"/>
  <c r="AE49244" i="1"/>
  <c r="AE49245" i="1"/>
  <c r="AE49246" i="1"/>
  <c r="AE49247" i="1"/>
  <c r="AE49248" i="1"/>
  <c r="AE49249" i="1"/>
  <c r="AE49250" i="1"/>
  <c r="AE49251" i="1"/>
  <c r="AE49252" i="1"/>
  <c r="AE49253" i="1"/>
  <c r="AE49254" i="1"/>
  <c r="AE49255" i="1"/>
  <c r="AE49256" i="1"/>
  <c r="AE49257" i="1"/>
  <c r="AE49258" i="1"/>
  <c r="AE49259" i="1"/>
  <c r="AE49260" i="1"/>
  <c r="AE49261" i="1"/>
  <c r="AE49262" i="1"/>
  <c r="AE49263" i="1"/>
  <c r="AE49264" i="1"/>
  <c r="AE49265" i="1"/>
  <c r="AE49266" i="1"/>
  <c r="AE49267" i="1"/>
  <c r="AE49268" i="1"/>
  <c r="AE49269" i="1"/>
  <c r="AE49270" i="1"/>
  <c r="AE49271" i="1"/>
  <c r="AE49272" i="1"/>
  <c r="AE49273" i="1"/>
  <c r="AE49274" i="1"/>
  <c r="AE49275" i="1"/>
  <c r="AE49276" i="1"/>
  <c r="AE49277" i="1"/>
  <c r="AE49278" i="1"/>
  <c r="AE49279" i="1"/>
  <c r="AE49280" i="1"/>
  <c r="AE49281" i="1"/>
  <c r="AE49282" i="1"/>
  <c r="AE49283" i="1"/>
  <c r="AE49284" i="1"/>
  <c r="AE49285" i="1"/>
  <c r="AE49286" i="1"/>
  <c r="AE49287" i="1"/>
  <c r="AE49288" i="1"/>
  <c r="AE49289" i="1"/>
  <c r="AE49290" i="1"/>
  <c r="AE49291" i="1"/>
  <c r="AE49292" i="1"/>
  <c r="AE49293" i="1"/>
  <c r="AE49294" i="1"/>
  <c r="AE49295" i="1"/>
  <c r="AE49296" i="1"/>
  <c r="AE49297" i="1"/>
  <c r="AE49298" i="1"/>
  <c r="AE49299" i="1"/>
  <c r="AE49300" i="1"/>
  <c r="AE49301" i="1"/>
  <c r="AE49302" i="1"/>
  <c r="AE49303" i="1"/>
  <c r="AE49304" i="1"/>
  <c r="AE49305" i="1"/>
  <c r="AE49306" i="1"/>
  <c r="AE49307" i="1"/>
  <c r="AE49308" i="1"/>
  <c r="AE49309" i="1"/>
  <c r="AE49310" i="1"/>
  <c r="AE49311" i="1"/>
  <c r="AE49312" i="1"/>
  <c r="AE49313" i="1"/>
  <c r="AE49314" i="1"/>
  <c r="AE49315" i="1"/>
  <c r="AE49316" i="1"/>
  <c r="AE49317" i="1"/>
  <c r="AE49318" i="1"/>
  <c r="AE49319" i="1"/>
  <c r="AE49320" i="1"/>
  <c r="AE49321" i="1"/>
  <c r="AE49322" i="1"/>
  <c r="AE49323" i="1"/>
  <c r="AE49324" i="1"/>
  <c r="AE49325" i="1"/>
  <c r="AE49326" i="1"/>
  <c r="AE49327" i="1"/>
  <c r="AE49328" i="1"/>
  <c r="AE49329" i="1"/>
  <c r="AE49330" i="1"/>
  <c r="AE49331" i="1"/>
  <c r="AE49332" i="1"/>
  <c r="AE49333" i="1"/>
  <c r="AE49334" i="1"/>
  <c r="AE49335" i="1"/>
  <c r="AE49336" i="1"/>
  <c r="AE49337" i="1"/>
  <c r="AE49338" i="1"/>
  <c r="AE49339" i="1"/>
  <c r="AE49340" i="1"/>
  <c r="AE49341" i="1"/>
  <c r="AE49342" i="1"/>
  <c r="AE49343" i="1"/>
  <c r="AE49344" i="1"/>
  <c r="AE49345" i="1"/>
  <c r="AE49346" i="1"/>
  <c r="AE49347" i="1"/>
  <c r="AE49348" i="1"/>
  <c r="AE49349" i="1"/>
  <c r="AE49350" i="1"/>
  <c r="AE49351" i="1"/>
  <c r="AE49352" i="1"/>
  <c r="AE49353" i="1"/>
  <c r="AE49354" i="1"/>
  <c r="AE49355" i="1"/>
  <c r="AE49356" i="1"/>
  <c r="AE49357" i="1"/>
  <c r="AE49358" i="1"/>
  <c r="AE49359" i="1"/>
  <c r="AE49360" i="1"/>
  <c r="AE49361" i="1"/>
  <c r="AE49362" i="1"/>
  <c r="AE49363" i="1"/>
  <c r="AE49364" i="1"/>
  <c r="AE49365" i="1"/>
  <c r="AE49366" i="1"/>
  <c r="AE49367" i="1"/>
  <c r="AE49368" i="1"/>
  <c r="AE49369" i="1"/>
  <c r="AE49370" i="1"/>
  <c r="AE49371" i="1"/>
  <c r="AE49372" i="1"/>
  <c r="AE49373" i="1"/>
  <c r="AE49374" i="1"/>
  <c r="AE49375" i="1"/>
  <c r="AE49376" i="1"/>
  <c r="AE49377" i="1"/>
  <c r="AE49378" i="1"/>
  <c r="AE49379" i="1"/>
  <c r="AE49380" i="1"/>
  <c r="AE49381" i="1"/>
  <c r="AE49382" i="1"/>
  <c r="AE49383" i="1"/>
  <c r="AE49384" i="1"/>
  <c r="AE49385" i="1"/>
  <c r="AE49386" i="1"/>
  <c r="AE49387" i="1"/>
  <c r="AE49388" i="1"/>
  <c r="AE49389" i="1"/>
  <c r="AE49390" i="1"/>
  <c r="AE49391" i="1"/>
  <c r="AE49392" i="1"/>
  <c r="AE49393" i="1"/>
  <c r="AE49394" i="1"/>
  <c r="AE49395" i="1"/>
  <c r="AE49396" i="1"/>
  <c r="AE49397" i="1"/>
  <c r="AE49398" i="1"/>
  <c r="AE49399" i="1"/>
  <c r="AE49400" i="1"/>
  <c r="AE49401" i="1"/>
  <c r="AE49402" i="1"/>
  <c r="AE49403" i="1"/>
  <c r="AE49404" i="1"/>
  <c r="AE49405" i="1"/>
  <c r="AE49406" i="1"/>
  <c r="AE49407" i="1"/>
  <c r="AE49408" i="1"/>
  <c r="AE49409" i="1"/>
  <c r="AE49410" i="1"/>
  <c r="AE49411" i="1"/>
  <c r="AE49412" i="1"/>
  <c r="AE49413" i="1"/>
  <c r="AE49414" i="1"/>
  <c r="AE49415" i="1"/>
  <c r="AE49416" i="1"/>
  <c r="AE49417" i="1"/>
  <c r="AE49418" i="1"/>
  <c r="AE49419" i="1"/>
  <c r="AE49420" i="1"/>
  <c r="AE49421" i="1"/>
  <c r="AE49422" i="1"/>
  <c r="AE49423" i="1"/>
  <c r="AE49424" i="1"/>
  <c r="AE49425" i="1"/>
  <c r="AE49426" i="1"/>
  <c r="AE49427" i="1"/>
  <c r="AE49428" i="1"/>
  <c r="AE49429" i="1"/>
  <c r="AE49430" i="1"/>
  <c r="AE49431" i="1"/>
  <c r="AE49432" i="1"/>
  <c r="AE49433" i="1"/>
  <c r="AE49434" i="1"/>
  <c r="AE49435" i="1"/>
  <c r="AE49436" i="1"/>
  <c r="AE49437" i="1"/>
  <c r="AE49438" i="1"/>
  <c r="AE49439" i="1"/>
  <c r="AE49440" i="1"/>
  <c r="AE49441" i="1"/>
  <c r="AE49442" i="1"/>
  <c r="AE49443" i="1"/>
  <c r="AE49444" i="1"/>
  <c r="AE49445" i="1"/>
  <c r="AE49446" i="1"/>
  <c r="AE49447" i="1"/>
  <c r="AE49448" i="1"/>
  <c r="AE49449" i="1"/>
  <c r="AE49450" i="1"/>
  <c r="AE49451" i="1"/>
  <c r="AE49452" i="1"/>
  <c r="AE49453" i="1"/>
  <c r="AE49454" i="1"/>
  <c r="AE49455" i="1"/>
  <c r="AE49456" i="1"/>
  <c r="AE49457" i="1"/>
  <c r="AE49458" i="1"/>
  <c r="AE49459" i="1"/>
  <c r="AE49460" i="1"/>
  <c r="AE49461" i="1"/>
  <c r="AE49462" i="1"/>
  <c r="AE49463" i="1"/>
  <c r="AE49464" i="1"/>
  <c r="AE49465" i="1"/>
  <c r="AE49466" i="1"/>
  <c r="AE49467" i="1"/>
  <c r="AE49468" i="1"/>
  <c r="AE49469" i="1"/>
  <c r="AE49470" i="1"/>
  <c r="AE49471" i="1"/>
  <c r="AE49472" i="1"/>
  <c r="AE49473" i="1"/>
  <c r="AE49474" i="1"/>
  <c r="AE49475" i="1"/>
  <c r="AE49476" i="1"/>
  <c r="AE49477" i="1"/>
  <c r="AE49478" i="1"/>
  <c r="AE49479" i="1"/>
  <c r="AE49480" i="1"/>
  <c r="AE49481" i="1"/>
  <c r="AE49482" i="1"/>
  <c r="AE49483" i="1"/>
  <c r="AE49484" i="1"/>
  <c r="AE49485" i="1"/>
  <c r="AE49486" i="1"/>
  <c r="AE49487" i="1"/>
  <c r="AE49488" i="1"/>
  <c r="AE49489" i="1"/>
  <c r="AE49490" i="1"/>
  <c r="AE49491" i="1"/>
  <c r="AE49492" i="1"/>
  <c r="AE49493" i="1"/>
  <c r="AE49494" i="1"/>
  <c r="AE49495" i="1"/>
  <c r="AE49496" i="1"/>
  <c r="AE49497" i="1"/>
  <c r="AE49498" i="1"/>
  <c r="AE49499" i="1"/>
  <c r="AE49500" i="1"/>
  <c r="AE49501" i="1"/>
  <c r="AE49502" i="1"/>
  <c r="AE49503" i="1"/>
  <c r="AE49504" i="1"/>
  <c r="AE49505" i="1"/>
  <c r="AE49506" i="1"/>
  <c r="AE49507" i="1"/>
  <c r="AE49508" i="1"/>
  <c r="AE49509" i="1"/>
  <c r="AE49510" i="1"/>
  <c r="AE49511" i="1"/>
  <c r="AE49512" i="1"/>
  <c r="AE49513" i="1"/>
  <c r="AE49514" i="1"/>
  <c r="AE49515" i="1"/>
  <c r="AE49516" i="1"/>
  <c r="AE49517" i="1"/>
  <c r="AE49518" i="1"/>
  <c r="AE49519" i="1"/>
  <c r="AE49520" i="1"/>
  <c r="AE49521" i="1"/>
  <c r="AE49522" i="1"/>
  <c r="AE49523" i="1"/>
  <c r="AE49524" i="1"/>
  <c r="AE49525" i="1"/>
  <c r="AE49526" i="1"/>
  <c r="AE49527" i="1"/>
  <c r="AE49528" i="1"/>
  <c r="AE49529" i="1"/>
  <c r="AE49530" i="1"/>
  <c r="AE49531" i="1"/>
  <c r="AE49532" i="1"/>
  <c r="AE49533" i="1"/>
  <c r="AE49534" i="1"/>
  <c r="AE49535" i="1"/>
  <c r="AE49536" i="1"/>
  <c r="AE49537" i="1"/>
  <c r="AE49538" i="1"/>
  <c r="AE49539" i="1"/>
  <c r="AE49540" i="1"/>
  <c r="AE49541" i="1"/>
  <c r="AE49542" i="1"/>
  <c r="AE49543" i="1"/>
  <c r="AE49544" i="1"/>
  <c r="AE49545" i="1"/>
  <c r="AE49546" i="1"/>
  <c r="AE49547" i="1"/>
  <c r="AE49548" i="1"/>
  <c r="AE49549" i="1"/>
  <c r="AE49550" i="1"/>
  <c r="AE49551" i="1"/>
  <c r="AE49552" i="1"/>
  <c r="AE49553" i="1"/>
  <c r="AE49554" i="1"/>
  <c r="AE49555" i="1"/>
  <c r="AE49556" i="1"/>
  <c r="AE49557" i="1"/>
  <c r="AE49558" i="1"/>
  <c r="AE49559" i="1"/>
  <c r="AE49560" i="1"/>
  <c r="AE49561" i="1"/>
  <c r="AE49562" i="1"/>
  <c r="AE49563" i="1"/>
  <c r="AE49564" i="1"/>
  <c r="AE49565" i="1"/>
  <c r="AE49566" i="1"/>
  <c r="AE49567" i="1"/>
  <c r="AE49568" i="1"/>
  <c r="AE49569" i="1"/>
  <c r="AE49570" i="1"/>
  <c r="AE49571" i="1"/>
  <c r="AE49572" i="1"/>
  <c r="AE49573" i="1"/>
  <c r="AE49574" i="1"/>
  <c r="AE49575" i="1"/>
  <c r="AE49576" i="1"/>
  <c r="AE49577" i="1"/>
  <c r="AE49578" i="1"/>
  <c r="AE49579" i="1"/>
  <c r="AE49580" i="1"/>
  <c r="AE49581" i="1"/>
  <c r="AE49582" i="1"/>
  <c r="AE49583" i="1"/>
  <c r="AE49584" i="1"/>
  <c r="AE49585" i="1"/>
  <c r="AE49586" i="1"/>
  <c r="AE49587" i="1"/>
  <c r="AE49588" i="1"/>
  <c r="AE49589" i="1"/>
  <c r="AE49590" i="1"/>
  <c r="AE49591" i="1"/>
  <c r="AE49592" i="1"/>
  <c r="AE49593" i="1"/>
  <c r="AE49594" i="1"/>
  <c r="AE49595" i="1"/>
  <c r="AE49596" i="1"/>
  <c r="AE49597" i="1"/>
  <c r="AE49598" i="1"/>
  <c r="AE49599" i="1"/>
  <c r="AE49600" i="1"/>
  <c r="AE49601" i="1"/>
  <c r="AE49602" i="1"/>
  <c r="AE49603" i="1"/>
  <c r="AE49604" i="1"/>
  <c r="AE49605" i="1"/>
  <c r="AE49606" i="1"/>
  <c r="AE49607" i="1"/>
  <c r="AE49608" i="1"/>
  <c r="AE49609" i="1"/>
  <c r="AE49610" i="1"/>
  <c r="AE49611" i="1"/>
  <c r="AE49612" i="1"/>
  <c r="AE49613" i="1"/>
  <c r="AE49614" i="1"/>
  <c r="AE49615" i="1"/>
  <c r="AE49616" i="1"/>
  <c r="AE49617" i="1"/>
  <c r="AE49618" i="1"/>
  <c r="AE49619" i="1"/>
  <c r="AE49620" i="1"/>
  <c r="AE49621" i="1"/>
  <c r="AE49622" i="1"/>
  <c r="AE49623" i="1"/>
  <c r="AE49624" i="1"/>
  <c r="AE49625" i="1"/>
  <c r="AE49626" i="1"/>
  <c r="AE49627" i="1"/>
  <c r="AE49628" i="1"/>
  <c r="AE49629" i="1"/>
  <c r="AE49630" i="1"/>
  <c r="AE49631" i="1"/>
  <c r="AE49632" i="1"/>
  <c r="AE49633" i="1"/>
  <c r="AE49634" i="1"/>
  <c r="AE49635" i="1"/>
  <c r="AE49636" i="1"/>
  <c r="AE49637" i="1"/>
  <c r="AE49638" i="1"/>
  <c r="AE49639" i="1"/>
  <c r="AE49640" i="1"/>
  <c r="AE49641" i="1"/>
  <c r="AE49642" i="1"/>
  <c r="AE49643" i="1"/>
  <c r="AE49644" i="1"/>
  <c r="AE49645" i="1"/>
  <c r="AE49646" i="1"/>
  <c r="AE49647" i="1"/>
  <c r="AE49648" i="1"/>
  <c r="AE49649" i="1"/>
  <c r="AE49650" i="1"/>
  <c r="AE49651" i="1"/>
  <c r="AE49652" i="1"/>
  <c r="AE49653" i="1"/>
  <c r="AE49654" i="1"/>
  <c r="AE49655" i="1"/>
  <c r="AE49656" i="1"/>
  <c r="AE49657" i="1"/>
  <c r="AE49658" i="1"/>
  <c r="AE49659" i="1"/>
  <c r="AE49660" i="1"/>
  <c r="AE49661" i="1"/>
  <c r="AE49662" i="1"/>
  <c r="AE49663" i="1"/>
  <c r="AE49664" i="1"/>
  <c r="AE49665" i="1"/>
  <c r="AE49666" i="1"/>
  <c r="AE49667" i="1"/>
  <c r="AE49668" i="1"/>
  <c r="AE49669" i="1"/>
  <c r="AE49670" i="1"/>
  <c r="AE49671" i="1"/>
  <c r="AE49672" i="1"/>
  <c r="AE49673" i="1"/>
  <c r="AE49674" i="1"/>
  <c r="AE49675" i="1"/>
  <c r="AE49676" i="1"/>
  <c r="AE49677" i="1"/>
  <c r="AE49678" i="1"/>
  <c r="AE49679" i="1"/>
  <c r="AE49680" i="1"/>
  <c r="AE49681" i="1"/>
  <c r="AE49682" i="1"/>
  <c r="AE49683" i="1"/>
  <c r="AE49684" i="1"/>
  <c r="AE49685" i="1"/>
  <c r="AE49686" i="1"/>
  <c r="AE49687" i="1"/>
  <c r="AE49688" i="1"/>
  <c r="AE49689" i="1"/>
  <c r="AE49690" i="1"/>
  <c r="AE49691" i="1"/>
  <c r="AE49692" i="1"/>
  <c r="AE49693" i="1"/>
  <c r="AE49694" i="1"/>
  <c r="AE49695" i="1"/>
  <c r="AE49696" i="1"/>
  <c r="AE49697" i="1"/>
  <c r="AE49698" i="1"/>
  <c r="AE49699" i="1"/>
  <c r="AE49700" i="1"/>
  <c r="AE49701" i="1"/>
  <c r="AE49702" i="1"/>
  <c r="AE49703" i="1"/>
  <c r="AE49704" i="1"/>
  <c r="AE49705" i="1"/>
  <c r="AE49706" i="1"/>
  <c r="AE49707" i="1"/>
  <c r="AE49708" i="1"/>
  <c r="AE49709" i="1"/>
  <c r="AE49710" i="1"/>
  <c r="AE49711" i="1"/>
  <c r="AE49712" i="1"/>
  <c r="AE49713" i="1"/>
  <c r="AE49714" i="1"/>
  <c r="AE49715" i="1"/>
  <c r="AE49716" i="1"/>
  <c r="AE49717" i="1"/>
  <c r="AE49718" i="1"/>
  <c r="AE49719" i="1"/>
  <c r="AE49720" i="1"/>
  <c r="AE49721" i="1"/>
  <c r="AE49722" i="1"/>
  <c r="AE49723" i="1"/>
  <c r="AE49724" i="1"/>
  <c r="AE49725" i="1"/>
  <c r="AE49726" i="1"/>
  <c r="AE49727" i="1"/>
  <c r="AE49728" i="1"/>
  <c r="AE49729" i="1"/>
  <c r="AE49730" i="1"/>
  <c r="AE49731" i="1"/>
  <c r="AE49732" i="1"/>
  <c r="AE49733" i="1"/>
  <c r="AE49734" i="1"/>
  <c r="AE49735" i="1"/>
  <c r="AE49736" i="1"/>
  <c r="AE49737" i="1"/>
  <c r="AE49738" i="1"/>
  <c r="AE49739" i="1"/>
  <c r="AE49740" i="1"/>
  <c r="AE49741" i="1"/>
  <c r="AE49742" i="1"/>
  <c r="AE49743" i="1"/>
  <c r="AE49744" i="1"/>
  <c r="AE49745" i="1"/>
  <c r="AE49746" i="1"/>
  <c r="AE49747" i="1"/>
  <c r="AE49748" i="1"/>
  <c r="AE49749" i="1"/>
  <c r="AE49750" i="1"/>
  <c r="AE49751" i="1"/>
  <c r="AE49752" i="1"/>
  <c r="AE49753" i="1"/>
  <c r="AE49754" i="1"/>
  <c r="AE49755" i="1"/>
  <c r="AE49756" i="1"/>
  <c r="AE49757" i="1"/>
  <c r="AE49758" i="1"/>
  <c r="AE49759" i="1"/>
  <c r="AE49760" i="1"/>
  <c r="AE49761" i="1"/>
  <c r="AE49762" i="1"/>
  <c r="AE49763" i="1"/>
  <c r="AE49764" i="1"/>
  <c r="AE49765" i="1"/>
  <c r="AE49766" i="1"/>
  <c r="AE49767" i="1"/>
  <c r="AE49768" i="1"/>
  <c r="AE49769" i="1"/>
  <c r="AE49770" i="1"/>
  <c r="AE49771" i="1"/>
  <c r="AE49772" i="1"/>
  <c r="AE49773" i="1"/>
  <c r="AE49774" i="1"/>
  <c r="AE49775" i="1"/>
  <c r="AE49776" i="1"/>
  <c r="AE49777" i="1"/>
  <c r="AE49778" i="1"/>
  <c r="AE49779" i="1"/>
  <c r="AE49780" i="1"/>
  <c r="AE49781" i="1"/>
  <c r="AE49782" i="1"/>
  <c r="AE49783" i="1"/>
  <c r="AE49784" i="1"/>
  <c r="AE49785" i="1"/>
  <c r="AE49786" i="1"/>
  <c r="AE49787" i="1"/>
  <c r="AE49788" i="1"/>
  <c r="AE49789" i="1"/>
  <c r="AE49790" i="1"/>
  <c r="AE49791" i="1"/>
  <c r="AE49792" i="1"/>
  <c r="AE49793" i="1"/>
  <c r="AE49794" i="1"/>
  <c r="AE49795" i="1"/>
  <c r="AE49796" i="1"/>
  <c r="AE49797" i="1"/>
  <c r="AE49798" i="1"/>
  <c r="AE49799" i="1"/>
  <c r="AE49800" i="1"/>
  <c r="AE49801" i="1"/>
  <c r="AE49802" i="1"/>
  <c r="AE49803" i="1"/>
  <c r="AE49804" i="1"/>
  <c r="AE49805" i="1"/>
  <c r="AE49806" i="1"/>
  <c r="AE49807" i="1"/>
  <c r="AE49808" i="1"/>
  <c r="AE49809" i="1"/>
  <c r="AE49810" i="1"/>
  <c r="AE49811" i="1"/>
  <c r="AE49812" i="1"/>
  <c r="AE49813" i="1"/>
  <c r="AE49814" i="1"/>
  <c r="AE49815" i="1"/>
  <c r="AE49816" i="1"/>
  <c r="AE49817" i="1"/>
  <c r="AE49818" i="1"/>
  <c r="AE49819" i="1"/>
  <c r="AE49820" i="1"/>
  <c r="AE49821" i="1"/>
  <c r="AE49822" i="1"/>
  <c r="AE49823" i="1"/>
  <c r="AE49824" i="1"/>
  <c r="AE49825" i="1"/>
  <c r="AE49826" i="1"/>
  <c r="AE49827" i="1"/>
  <c r="AE49828" i="1"/>
  <c r="AE49829" i="1"/>
  <c r="AE49830" i="1"/>
  <c r="AE49831" i="1"/>
  <c r="AE49832" i="1"/>
  <c r="AE49833" i="1"/>
  <c r="AE49834" i="1"/>
  <c r="AE49835" i="1"/>
  <c r="AE49836" i="1"/>
  <c r="AE49837" i="1"/>
  <c r="AE49838" i="1"/>
  <c r="AE49839" i="1"/>
  <c r="AE49840" i="1"/>
  <c r="AE49841" i="1"/>
  <c r="AE49842" i="1"/>
  <c r="AE49843" i="1"/>
  <c r="AE49844" i="1"/>
  <c r="AE49845" i="1"/>
  <c r="AE49846" i="1"/>
  <c r="AE49847" i="1"/>
  <c r="AE49848" i="1"/>
  <c r="AE49849" i="1"/>
  <c r="AE49850" i="1"/>
  <c r="AE49851" i="1"/>
  <c r="AE49852" i="1"/>
  <c r="AE49853" i="1"/>
  <c r="AE49854" i="1"/>
  <c r="AE49855" i="1"/>
  <c r="AE49856" i="1"/>
  <c r="AE49857" i="1"/>
  <c r="AE49858" i="1"/>
  <c r="AE49859" i="1"/>
  <c r="AE49860" i="1"/>
  <c r="AE49861" i="1"/>
  <c r="AE49862" i="1"/>
  <c r="AE49863" i="1"/>
  <c r="AE49864" i="1"/>
  <c r="AE49865" i="1"/>
  <c r="AE49866" i="1"/>
  <c r="AE49867" i="1"/>
  <c r="AE49868" i="1"/>
  <c r="AE49869" i="1"/>
  <c r="AE49870" i="1"/>
  <c r="AE49871" i="1"/>
  <c r="AE49872" i="1"/>
  <c r="AE49873" i="1"/>
  <c r="AE49874" i="1"/>
  <c r="AE49875" i="1"/>
  <c r="AE49876" i="1"/>
  <c r="AE49877" i="1"/>
  <c r="AE49878" i="1"/>
  <c r="AE49879" i="1"/>
  <c r="AE49880" i="1"/>
  <c r="AE49881" i="1"/>
  <c r="AE49882" i="1"/>
  <c r="AE49883" i="1"/>
  <c r="AE49884" i="1"/>
  <c r="AE49885" i="1"/>
  <c r="AE49886" i="1"/>
  <c r="AE49887" i="1"/>
  <c r="AE49888" i="1"/>
  <c r="AE49889" i="1"/>
  <c r="AE49890" i="1"/>
  <c r="AE49891" i="1"/>
  <c r="AE49892" i="1"/>
  <c r="AE49893" i="1"/>
  <c r="AE49894" i="1"/>
  <c r="AE49895" i="1"/>
  <c r="AE49896" i="1"/>
  <c r="AE49897" i="1"/>
  <c r="AE49898" i="1"/>
  <c r="AE49899" i="1"/>
  <c r="AE49900" i="1"/>
  <c r="AE49901" i="1"/>
  <c r="AE49902" i="1"/>
  <c r="AE49903" i="1"/>
  <c r="AE49904" i="1"/>
  <c r="AE49905" i="1"/>
  <c r="AE49906" i="1"/>
  <c r="AE49907" i="1"/>
  <c r="AE49908" i="1"/>
  <c r="AE49909" i="1"/>
  <c r="AE49910" i="1"/>
  <c r="AE49911" i="1"/>
  <c r="AE49912" i="1"/>
  <c r="AE49913" i="1"/>
  <c r="AE49914" i="1"/>
  <c r="AE49915" i="1"/>
  <c r="AE49916" i="1"/>
  <c r="AE49917" i="1"/>
  <c r="AE49918" i="1"/>
  <c r="AE49919" i="1"/>
  <c r="AE49920" i="1"/>
  <c r="AE49921" i="1"/>
  <c r="AE49922" i="1"/>
  <c r="AE49923" i="1"/>
  <c r="AE49924" i="1"/>
  <c r="AE49925" i="1"/>
  <c r="AE49926" i="1"/>
  <c r="AE49927" i="1"/>
  <c r="AE49928" i="1"/>
  <c r="AE49929" i="1"/>
  <c r="AE49930" i="1"/>
  <c r="AE49931" i="1"/>
  <c r="AE49932" i="1"/>
  <c r="AE49933" i="1"/>
  <c r="AE49934" i="1"/>
  <c r="AE49935" i="1"/>
  <c r="AE49936" i="1"/>
  <c r="AE49937" i="1"/>
  <c r="AE49938" i="1"/>
  <c r="AE49939" i="1"/>
  <c r="AE49940" i="1"/>
  <c r="AE49941" i="1"/>
  <c r="AE49942" i="1"/>
  <c r="AE49943" i="1"/>
  <c r="AE49944" i="1"/>
  <c r="AE49945" i="1"/>
  <c r="AE49946" i="1"/>
  <c r="AE49947" i="1"/>
  <c r="AE49948" i="1"/>
  <c r="AE49949" i="1"/>
  <c r="AE49950" i="1"/>
  <c r="AE49951" i="1"/>
  <c r="AE49952" i="1"/>
  <c r="AE49953" i="1"/>
  <c r="AE49954" i="1"/>
  <c r="AE49955" i="1"/>
  <c r="AE49956" i="1"/>
  <c r="AE49957" i="1"/>
  <c r="AE49958" i="1"/>
  <c r="AE49959" i="1"/>
  <c r="AE49960" i="1"/>
  <c r="AE49961" i="1"/>
  <c r="AE49962" i="1"/>
  <c r="AE49963" i="1"/>
  <c r="AE49964" i="1"/>
  <c r="AE49965" i="1"/>
  <c r="AE49966" i="1"/>
  <c r="AE49967" i="1"/>
  <c r="AE49968" i="1"/>
  <c r="AE49969" i="1"/>
  <c r="AE49970" i="1"/>
  <c r="AE49971" i="1"/>
  <c r="AE49972" i="1"/>
  <c r="AE49973" i="1"/>
  <c r="AE49974" i="1"/>
  <c r="AE49975" i="1"/>
  <c r="AE49976" i="1"/>
  <c r="AE49977" i="1"/>
  <c r="AE49978" i="1"/>
  <c r="AE49979" i="1"/>
  <c r="AE49980" i="1"/>
  <c r="AE49981" i="1"/>
  <c r="AE49982" i="1"/>
  <c r="AE49983" i="1"/>
  <c r="AE49984" i="1"/>
  <c r="AE49985" i="1"/>
  <c r="AE49986" i="1"/>
  <c r="AE49987" i="1"/>
  <c r="AE49988" i="1"/>
  <c r="AE49989" i="1"/>
  <c r="AE49990" i="1"/>
  <c r="AE49991" i="1"/>
  <c r="AE49992" i="1"/>
  <c r="AE49993" i="1"/>
  <c r="AE49994" i="1"/>
  <c r="AE49995" i="1"/>
  <c r="AE49996" i="1"/>
  <c r="AE49997" i="1"/>
  <c r="AE49998" i="1"/>
  <c r="AE49999" i="1"/>
  <c r="AE50000" i="1"/>
  <c r="AE50001" i="1"/>
  <c r="AE50002" i="1"/>
  <c r="AE50003" i="1"/>
  <c r="AE50004" i="1"/>
  <c r="AE50005" i="1"/>
  <c r="AE50006" i="1"/>
  <c r="AE50007" i="1"/>
  <c r="AE50008" i="1"/>
  <c r="AE50009" i="1"/>
  <c r="AE50010" i="1"/>
  <c r="AE50011" i="1"/>
  <c r="AE50012" i="1"/>
  <c r="AE50013" i="1"/>
  <c r="AE50014" i="1"/>
  <c r="AE50015" i="1"/>
  <c r="AE50016" i="1"/>
  <c r="AE50017" i="1"/>
  <c r="AE50018" i="1"/>
  <c r="AE50019" i="1"/>
  <c r="AE50020" i="1"/>
  <c r="AE50021" i="1"/>
  <c r="AE50022" i="1"/>
  <c r="AE50023" i="1"/>
  <c r="AE50024" i="1"/>
  <c r="AE50025" i="1"/>
  <c r="AE50026" i="1"/>
  <c r="AE50027" i="1"/>
  <c r="AE50028" i="1"/>
  <c r="AE50029" i="1"/>
  <c r="AE50030" i="1"/>
  <c r="AE50031" i="1"/>
  <c r="AE50032" i="1"/>
  <c r="AE50033" i="1"/>
  <c r="AE50034" i="1"/>
  <c r="AE50035" i="1"/>
  <c r="AE50036" i="1"/>
  <c r="AE50037" i="1"/>
  <c r="AE50038" i="1"/>
  <c r="AE50039" i="1"/>
  <c r="AE50040" i="1"/>
  <c r="AE50041" i="1"/>
  <c r="AE50042" i="1"/>
  <c r="AE50043" i="1"/>
  <c r="AE50044" i="1"/>
  <c r="AE50045" i="1"/>
  <c r="AE50046" i="1"/>
  <c r="AE50047" i="1"/>
  <c r="AE50048" i="1"/>
  <c r="AE50049" i="1"/>
  <c r="AE50050" i="1"/>
  <c r="AE50051" i="1"/>
  <c r="AE50052" i="1"/>
  <c r="AE50053" i="1"/>
  <c r="AE50054" i="1"/>
  <c r="AE50055" i="1"/>
  <c r="AE50056" i="1"/>
  <c r="AE50057" i="1"/>
  <c r="AE50058" i="1"/>
  <c r="AE50059" i="1"/>
  <c r="AE50060" i="1"/>
  <c r="AE50061" i="1"/>
  <c r="AE50062" i="1"/>
  <c r="AE50063" i="1"/>
  <c r="AE50064" i="1"/>
  <c r="AE50065" i="1"/>
  <c r="AE50066" i="1"/>
  <c r="AE50067" i="1"/>
  <c r="AE50068" i="1"/>
  <c r="AE50069" i="1"/>
  <c r="AE50070" i="1"/>
  <c r="AE50071" i="1"/>
  <c r="AE50072" i="1"/>
  <c r="AE50073" i="1"/>
  <c r="AE50074" i="1"/>
  <c r="AE50075" i="1"/>
  <c r="AE50076" i="1"/>
  <c r="AE50077" i="1"/>
  <c r="AE50078" i="1"/>
  <c r="AE50079" i="1"/>
  <c r="AE50080" i="1"/>
  <c r="AE50081" i="1"/>
  <c r="AE50082" i="1"/>
  <c r="AE50083" i="1"/>
  <c r="AE50084" i="1"/>
  <c r="AE50085" i="1"/>
  <c r="AE50086" i="1"/>
  <c r="AE50087" i="1"/>
  <c r="AE50088" i="1"/>
  <c r="AE50089" i="1"/>
  <c r="AE50090" i="1"/>
  <c r="AE50091" i="1"/>
  <c r="AE50092" i="1"/>
  <c r="AE50093" i="1"/>
  <c r="AE50094" i="1"/>
  <c r="AE50095" i="1"/>
  <c r="AE50096" i="1"/>
  <c r="AE50097" i="1"/>
  <c r="AE50098" i="1"/>
  <c r="AE50099" i="1"/>
  <c r="AE50100" i="1"/>
  <c r="AE50101" i="1"/>
  <c r="AE50102" i="1"/>
  <c r="AE50103" i="1"/>
  <c r="AE50104" i="1"/>
  <c r="AE50105" i="1"/>
  <c r="AE50106" i="1"/>
  <c r="AE50107" i="1"/>
  <c r="AE50108" i="1"/>
  <c r="AE50109" i="1"/>
  <c r="AE50110" i="1"/>
  <c r="AE50111" i="1"/>
  <c r="AE50112" i="1"/>
  <c r="AE50113" i="1"/>
  <c r="AE50114" i="1"/>
  <c r="AE50115" i="1"/>
  <c r="AE50116" i="1"/>
  <c r="AE50117" i="1"/>
  <c r="AE50118" i="1"/>
  <c r="AE50119" i="1"/>
  <c r="AE50120" i="1"/>
  <c r="AE50121" i="1"/>
  <c r="AE50122" i="1"/>
  <c r="AE50123" i="1"/>
  <c r="AE50124" i="1"/>
  <c r="AE50125" i="1"/>
  <c r="AE50126" i="1"/>
  <c r="AE50127" i="1"/>
  <c r="AE50128" i="1"/>
  <c r="AE50129" i="1"/>
  <c r="AE50130" i="1"/>
  <c r="AE50131" i="1"/>
  <c r="AE50132" i="1"/>
  <c r="AE50133" i="1"/>
  <c r="AE50134" i="1"/>
  <c r="AE50135" i="1"/>
  <c r="AE50136" i="1"/>
  <c r="AE50137" i="1"/>
  <c r="AE50138" i="1"/>
  <c r="AE50139" i="1"/>
  <c r="AE50140" i="1"/>
  <c r="AE50141" i="1"/>
  <c r="AE50142" i="1"/>
  <c r="AE50143" i="1"/>
  <c r="AE50144" i="1"/>
  <c r="AE50145" i="1"/>
  <c r="AE50146" i="1"/>
  <c r="AE50147" i="1"/>
  <c r="AE50148" i="1"/>
  <c r="AE50149" i="1"/>
  <c r="AE50150" i="1"/>
  <c r="AE50151" i="1"/>
  <c r="AE50152" i="1"/>
  <c r="AE50153" i="1"/>
  <c r="AE50154" i="1"/>
  <c r="AE50155" i="1"/>
  <c r="AE50156" i="1"/>
  <c r="AE50157" i="1"/>
  <c r="AE50158" i="1"/>
  <c r="AE50159" i="1"/>
  <c r="AE50160" i="1"/>
  <c r="AE50161" i="1"/>
  <c r="AE50162" i="1"/>
  <c r="AE50163" i="1"/>
  <c r="AE50164" i="1"/>
  <c r="AE50165" i="1"/>
  <c r="AE50166" i="1"/>
  <c r="AE50167" i="1"/>
  <c r="AE50168" i="1"/>
  <c r="AE50169" i="1"/>
  <c r="AE50170" i="1"/>
  <c r="AE50171" i="1"/>
  <c r="AE50172" i="1"/>
  <c r="AE50173" i="1"/>
  <c r="AE50174" i="1"/>
  <c r="AE50175" i="1"/>
  <c r="AE50176" i="1"/>
  <c r="AE50177" i="1"/>
  <c r="AE50178" i="1"/>
  <c r="AE50179" i="1"/>
  <c r="AE50180" i="1"/>
  <c r="AE50181" i="1"/>
  <c r="AE50182" i="1"/>
  <c r="AE50183" i="1"/>
  <c r="AE50184" i="1"/>
  <c r="AE50185" i="1"/>
  <c r="AE50186" i="1"/>
  <c r="AE50187" i="1"/>
  <c r="AE50188" i="1"/>
  <c r="AE50189" i="1"/>
  <c r="AE50190" i="1"/>
  <c r="AE50191" i="1"/>
  <c r="AE50192" i="1"/>
  <c r="AE50193" i="1"/>
  <c r="AE50194" i="1"/>
  <c r="AE50195" i="1"/>
  <c r="AE50196" i="1"/>
  <c r="AE50197" i="1"/>
  <c r="AE50198" i="1"/>
  <c r="AE50199" i="1"/>
  <c r="AE50200" i="1"/>
  <c r="AE50201" i="1"/>
  <c r="AE50202" i="1"/>
  <c r="AE50203" i="1"/>
  <c r="AE50204" i="1"/>
  <c r="AE50205" i="1"/>
  <c r="AE50206" i="1"/>
  <c r="AE50207" i="1"/>
  <c r="AE50208" i="1"/>
  <c r="AE50209" i="1"/>
  <c r="AE50210" i="1"/>
  <c r="AE50211" i="1"/>
  <c r="AE50212" i="1"/>
  <c r="AE50213" i="1"/>
  <c r="AE50214" i="1"/>
  <c r="AE50215" i="1"/>
  <c r="AE50216" i="1"/>
  <c r="AE50217" i="1"/>
  <c r="AE50218" i="1"/>
  <c r="AE50219" i="1"/>
  <c r="AE50220" i="1"/>
  <c r="AE50221" i="1"/>
  <c r="AE50222" i="1"/>
  <c r="AE50223" i="1"/>
  <c r="AE50224" i="1"/>
  <c r="AE50225" i="1"/>
  <c r="AE50226" i="1"/>
  <c r="AE50227" i="1"/>
  <c r="AE50228" i="1"/>
  <c r="AE50229" i="1"/>
  <c r="AE50230" i="1"/>
  <c r="AE50231" i="1"/>
  <c r="AE50232" i="1"/>
  <c r="AE50233" i="1"/>
  <c r="AE50234" i="1"/>
  <c r="AE50235" i="1"/>
  <c r="AE50236" i="1"/>
  <c r="AE50237" i="1"/>
  <c r="AE50238" i="1"/>
  <c r="AE50239" i="1"/>
  <c r="AE50240" i="1"/>
  <c r="AE50241" i="1"/>
  <c r="AE50242" i="1"/>
  <c r="AE50243" i="1"/>
  <c r="AE50244" i="1"/>
  <c r="AE50245" i="1"/>
  <c r="AE50246" i="1"/>
  <c r="AE50247" i="1"/>
  <c r="AE50248" i="1"/>
  <c r="AE50249" i="1"/>
  <c r="AE50250" i="1"/>
  <c r="AE50251" i="1"/>
  <c r="AE50252" i="1"/>
  <c r="AE50253" i="1"/>
  <c r="AE50254" i="1"/>
  <c r="AE50255" i="1"/>
  <c r="AE50256" i="1"/>
  <c r="AE50257" i="1"/>
  <c r="AE50258" i="1"/>
  <c r="AE50259" i="1"/>
  <c r="AE50260" i="1"/>
  <c r="AE50261" i="1"/>
  <c r="AE50262" i="1"/>
  <c r="AE50263" i="1"/>
  <c r="AE50264" i="1"/>
  <c r="AE50265" i="1"/>
  <c r="AE50266" i="1"/>
  <c r="AE50267" i="1"/>
  <c r="AE50268" i="1"/>
  <c r="AE50269" i="1"/>
  <c r="AE50270" i="1"/>
  <c r="AE50271" i="1"/>
  <c r="AE50272" i="1"/>
  <c r="AE50273" i="1"/>
  <c r="AE50274" i="1"/>
  <c r="AE50275" i="1"/>
  <c r="AE50276" i="1"/>
  <c r="AE50277" i="1"/>
  <c r="AE50278" i="1"/>
  <c r="AE50279" i="1"/>
  <c r="AE50280" i="1"/>
  <c r="AE50281" i="1"/>
  <c r="AE50282" i="1"/>
  <c r="AE50283" i="1"/>
  <c r="AE50284" i="1"/>
  <c r="AE50285" i="1"/>
  <c r="AE50286" i="1"/>
  <c r="AE50287" i="1"/>
  <c r="AE50288" i="1"/>
  <c r="AE50289" i="1"/>
  <c r="AE50290" i="1"/>
  <c r="AE50291" i="1"/>
  <c r="AE50292" i="1"/>
  <c r="AE50293" i="1"/>
  <c r="AE50294" i="1"/>
  <c r="AE50295" i="1"/>
  <c r="AE50296" i="1"/>
  <c r="AE50297" i="1"/>
  <c r="AE50298" i="1"/>
  <c r="AE50299" i="1"/>
  <c r="AE50300" i="1"/>
  <c r="AE50301" i="1"/>
  <c r="AE50302" i="1"/>
  <c r="AE50303" i="1"/>
  <c r="AE50304" i="1"/>
  <c r="AE50305" i="1"/>
  <c r="AE50306" i="1"/>
  <c r="AE50307" i="1"/>
  <c r="AE50308" i="1"/>
  <c r="AE50309" i="1"/>
  <c r="AE50310" i="1"/>
  <c r="AE50311" i="1"/>
  <c r="AE50312" i="1"/>
  <c r="AE50313" i="1"/>
  <c r="AE50314" i="1"/>
  <c r="AE50315" i="1"/>
  <c r="AE50316" i="1"/>
  <c r="AE50317" i="1"/>
  <c r="AE50318" i="1"/>
  <c r="AE50319" i="1"/>
  <c r="AE50320" i="1"/>
  <c r="AE50321" i="1"/>
  <c r="AE50322" i="1"/>
  <c r="AE50323" i="1"/>
  <c r="AE50324" i="1"/>
  <c r="AE50325" i="1"/>
  <c r="AE50326" i="1"/>
  <c r="AE50327" i="1"/>
  <c r="AE50328" i="1"/>
  <c r="AE50329" i="1"/>
  <c r="AE50330" i="1"/>
  <c r="AE50331" i="1"/>
  <c r="AE50332" i="1"/>
  <c r="AE50333" i="1"/>
  <c r="AE50334" i="1"/>
  <c r="AE50335" i="1"/>
  <c r="AE50336" i="1"/>
  <c r="AE50337" i="1"/>
  <c r="AE50338" i="1"/>
  <c r="AE50339" i="1"/>
  <c r="AE50340" i="1"/>
  <c r="AE50341" i="1"/>
  <c r="AE50342" i="1"/>
  <c r="AE50343" i="1"/>
  <c r="AE50344" i="1"/>
  <c r="AE50345" i="1"/>
  <c r="AE50346" i="1"/>
  <c r="AE50347" i="1"/>
  <c r="AE50348" i="1"/>
  <c r="AE50349" i="1"/>
  <c r="AE50350" i="1"/>
  <c r="AE50351" i="1"/>
  <c r="AE50352" i="1"/>
  <c r="AE50353" i="1"/>
  <c r="AE50354" i="1"/>
  <c r="AE50355" i="1"/>
  <c r="AE50356" i="1"/>
  <c r="AE50357" i="1"/>
  <c r="AE50358" i="1"/>
  <c r="AE50359" i="1"/>
  <c r="AE50360" i="1"/>
  <c r="AE50361" i="1"/>
  <c r="AE50362" i="1"/>
  <c r="AE50363" i="1"/>
  <c r="AE50364" i="1"/>
  <c r="AE50365" i="1"/>
  <c r="AE50366" i="1"/>
  <c r="AE50367" i="1"/>
  <c r="AE50368" i="1"/>
  <c r="AE50369" i="1"/>
  <c r="AE50370" i="1"/>
  <c r="AE50371" i="1"/>
  <c r="AE50372" i="1"/>
  <c r="AE50373" i="1"/>
  <c r="AE50374" i="1"/>
  <c r="AE50375" i="1"/>
  <c r="AE50376" i="1"/>
  <c r="AE50377" i="1"/>
  <c r="AE50378" i="1"/>
  <c r="AE50379" i="1"/>
  <c r="AE50380" i="1"/>
  <c r="AE50381" i="1"/>
  <c r="AE50382" i="1"/>
  <c r="AE50383" i="1"/>
  <c r="AE50384" i="1"/>
  <c r="AE50385" i="1"/>
  <c r="AE50386" i="1"/>
  <c r="AE50387" i="1"/>
  <c r="AE50388" i="1"/>
  <c r="AE50389" i="1"/>
  <c r="AE50390" i="1"/>
  <c r="AE50391" i="1"/>
  <c r="AE50392" i="1"/>
  <c r="AE50393" i="1"/>
  <c r="AE50394" i="1"/>
  <c r="AE50395" i="1"/>
  <c r="AE50396" i="1"/>
  <c r="AE50397" i="1"/>
  <c r="AE50398" i="1"/>
  <c r="AE50399" i="1"/>
  <c r="AE50400" i="1"/>
  <c r="AE50401" i="1"/>
  <c r="AE50402" i="1"/>
  <c r="AE50403" i="1"/>
  <c r="AE50404" i="1"/>
  <c r="AE50405" i="1"/>
  <c r="AE50406" i="1"/>
  <c r="AE50407" i="1"/>
  <c r="AE50408" i="1"/>
  <c r="AE50409" i="1"/>
  <c r="AE50410" i="1"/>
  <c r="AE50411" i="1"/>
  <c r="AE50412" i="1"/>
  <c r="AE50413" i="1"/>
  <c r="AE50414" i="1"/>
  <c r="AE50415" i="1"/>
  <c r="AE50416" i="1"/>
  <c r="AE50417" i="1"/>
  <c r="AE50418" i="1"/>
  <c r="AE50419" i="1"/>
  <c r="AE50420" i="1"/>
  <c r="AE50421" i="1"/>
  <c r="AE50422" i="1"/>
  <c r="AE50423" i="1"/>
  <c r="AE50424" i="1"/>
  <c r="AE50425" i="1"/>
  <c r="AE50426" i="1"/>
  <c r="AE50427" i="1"/>
  <c r="AE50428" i="1"/>
  <c r="AE50429" i="1"/>
  <c r="AE50430" i="1"/>
  <c r="AE50431" i="1"/>
  <c r="AE50432" i="1"/>
  <c r="AE50433" i="1"/>
  <c r="AE50434" i="1"/>
  <c r="AE50435" i="1"/>
  <c r="AE50436" i="1"/>
  <c r="AE50437" i="1"/>
  <c r="AE50438" i="1"/>
  <c r="AE50439" i="1"/>
  <c r="AE50440" i="1"/>
  <c r="AE50441" i="1"/>
  <c r="AE50442" i="1"/>
  <c r="AE50443" i="1"/>
  <c r="AE50444" i="1"/>
  <c r="AE50445" i="1"/>
  <c r="AE50446" i="1"/>
  <c r="AE50447" i="1"/>
  <c r="AE50448" i="1"/>
  <c r="AE50449" i="1"/>
  <c r="AE50450" i="1"/>
  <c r="AE50451" i="1"/>
  <c r="AE50452" i="1"/>
  <c r="AE50453" i="1"/>
  <c r="AE50454" i="1"/>
  <c r="AE50455" i="1"/>
  <c r="AE50456" i="1"/>
  <c r="AE50457" i="1"/>
  <c r="AE50458" i="1"/>
  <c r="AE50459" i="1"/>
  <c r="AE50460" i="1"/>
  <c r="AE50461" i="1"/>
  <c r="AE50462" i="1"/>
  <c r="AE50463" i="1"/>
  <c r="AE50464" i="1"/>
  <c r="AE50465" i="1"/>
  <c r="AE50466" i="1"/>
  <c r="AE50467" i="1"/>
  <c r="AE50468" i="1"/>
  <c r="AE50469" i="1"/>
  <c r="AE50470" i="1"/>
  <c r="AE50471" i="1"/>
  <c r="AE50472" i="1"/>
  <c r="AE50473" i="1"/>
  <c r="AE50474" i="1"/>
  <c r="AE50475" i="1"/>
  <c r="AE50476" i="1"/>
  <c r="AE50477" i="1"/>
  <c r="AE50478" i="1"/>
  <c r="AE50479" i="1"/>
  <c r="AE50480" i="1"/>
  <c r="AE50481" i="1"/>
  <c r="AE50482" i="1"/>
  <c r="AE50483" i="1"/>
  <c r="AE50484" i="1"/>
  <c r="AE50485" i="1"/>
  <c r="AE50486" i="1"/>
  <c r="AE50487" i="1"/>
  <c r="AE50488" i="1"/>
  <c r="AE50489" i="1"/>
  <c r="AE50490" i="1"/>
  <c r="AE50491" i="1"/>
  <c r="AE50492" i="1"/>
  <c r="AE50493" i="1"/>
  <c r="AE50494" i="1"/>
  <c r="AE50495" i="1"/>
  <c r="AE50496" i="1"/>
  <c r="AE50497" i="1"/>
  <c r="AE50498" i="1"/>
  <c r="AE50499" i="1"/>
  <c r="AE50500" i="1"/>
  <c r="AE50501" i="1"/>
  <c r="AE50502" i="1"/>
  <c r="AE50503" i="1"/>
  <c r="AE50504" i="1"/>
  <c r="AE50505" i="1"/>
  <c r="AE50506" i="1"/>
  <c r="AE50507" i="1"/>
  <c r="AE50508" i="1"/>
  <c r="AE50509" i="1"/>
  <c r="AE50510" i="1"/>
  <c r="AE50511" i="1"/>
  <c r="AE50512" i="1"/>
  <c r="AE50513" i="1"/>
  <c r="AE50514" i="1"/>
  <c r="AE50515" i="1"/>
  <c r="AE50516" i="1"/>
  <c r="AE50517" i="1"/>
  <c r="AE50518" i="1"/>
  <c r="AE50519" i="1"/>
  <c r="AE50520" i="1"/>
  <c r="AE50521" i="1"/>
  <c r="AE50522" i="1"/>
  <c r="AE50523" i="1"/>
  <c r="AE50524" i="1"/>
  <c r="AE50525" i="1"/>
  <c r="AE50526" i="1"/>
  <c r="AE50527" i="1"/>
  <c r="AE50528" i="1"/>
  <c r="AE50529" i="1"/>
  <c r="AE50530" i="1"/>
  <c r="AE50531" i="1"/>
  <c r="AE50532" i="1"/>
  <c r="AE50533" i="1"/>
  <c r="AE50534" i="1"/>
  <c r="AE50535" i="1"/>
  <c r="AE50536" i="1"/>
  <c r="AE50537" i="1"/>
  <c r="AE50538" i="1"/>
  <c r="AE50539" i="1"/>
  <c r="AE50540" i="1"/>
  <c r="AE50541" i="1"/>
  <c r="AE50542" i="1"/>
  <c r="AE50543" i="1"/>
  <c r="AE50544" i="1"/>
  <c r="AE50545" i="1"/>
  <c r="AE50546" i="1"/>
  <c r="AE50547" i="1"/>
  <c r="AE50548" i="1"/>
  <c r="AE50549" i="1"/>
  <c r="AE50550" i="1"/>
  <c r="AE50551" i="1"/>
  <c r="AE50552" i="1"/>
  <c r="AE50553" i="1"/>
  <c r="AE50554" i="1"/>
  <c r="AE50555" i="1"/>
  <c r="AE50556" i="1"/>
  <c r="AE50557" i="1"/>
  <c r="AE50558" i="1"/>
  <c r="AE50559" i="1"/>
  <c r="AE50560" i="1"/>
  <c r="AE50561" i="1"/>
  <c r="AE50562" i="1"/>
  <c r="AE50563" i="1"/>
  <c r="AE50564" i="1"/>
  <c r="AE50565" i="1"/>
  <c r="AE50566" i="1"/>
  <c r="AE50567" i="1"/>
  <c r="AE50568" i="1"/>
  <c r="AE50569" i="1"/>
  <c r="AE50570" i="1"/>
  <c r="AE50571" i="1"/>
  <c r="AE50572" i="1"/>
  <c r="AE50573" i="1"/>
  <c r="AE50574" i="1"/>
  <c r="AE50575" i="1"/>
  <c r="AE50576" i="1"/>
  <c r="AE50577" i="1"/>
  <c r="AE50578" i="1"/>
  <c r="AE50579" i="1"/>
  <c r="AE50580" i="1"/>
  <c r="AE50581" i="1"/>
  <c r="AE50582" i="1"/>
  <c r="AE50583" i="1"/>
  <c r="AE50584" i="1"/>
  <c r="AE50585" i="1"/>
  <c r="AE50586" i="1"/>
  <c r="AE50587" i="1"/>
  <c r="AE50588" i="1"/>
  <c r="AE50589" i="1"/>
  <c r="AE50590" i="1"/>
  <c r="AE50591" i="1"/>
  <c r="AE50592" i="1"/>
  <c r="AE50593" i="1"/>
  <c r="AE50594" i="1"/>
  <c r="AE50595" i="1"/>
  <c r="AE50596" i="1"/>
  <c r="AE50597" i="1"/>
  <c r="AE50598" i="1"/>
  <c r="AE50599" i="1"/>
  <c r="AE50600" i="1"/>
  <c r="AE50601" i="1"/>
  <c r="AE50602" i="1"/>
  <c r="AE50603" i="1"/>
  <c r="AE50604" i="1"/>
  <c r="AE50605" i="1"/>
  <c r="AE50606" i="1"/>
  <c r="AE50607" i="1"/>
  <c r="AE50608" i="1"/>
  <c r="AE50609" i="1"/>
  <c r="AE50610" i="1"/>
  <c r="AE50611" i="1"/>
  <c r="AE50612" i="1"/>
  <c r="AE50613" i="1"/>
  <c r="AE50614" i="1"/>
  <c r="AE50615" i="1"/>
  <c r="AE50616" i="1"/>
  <c r="AE50617" i="1"/>
  <c r="AE50618" i="1"/>
  <c r="AE50619" i="1"/>
  <c r="AE50620" i="1"/>
  <c r="AE50621" i="1"/>
  <c r="AE50622" i="1"/>
  <c r="AE50623" i="1"/>
  <c r="AE50624" i="1"/>
  <c r="AE50625" i="1"/>
  <c r="AE50626" i="1"/>
  <c r="AE50627" i="1"/>
  <c r="AE50628" i="1"/>
  <c r="AE50629" i="1"/>
  <c r="AE50630" i="1"/>
  <c r="AE50631" i="1"/>
  <c r="AE50632" i="1"/>
  <c r="AE50633" i="1"/>
  <c r="AE50634" i="1"/>
  <c r="AE50635" i="1"/>
  <c r="AE50636" i="1"/>
  <c r="AE50637" i="1"/>
  <c r="AE50638" i="1"/>
  <c r="AE50639" i="1"/>
  <c r="AE50640" i="1"/>
  <c r="AE50641" i="1"/>
  <c r="AE50642" i="1"/>
  <c r="AE50643" i="1"/>
  <c r="AE50644" i="1"/>
  <c r="AE50645" i="1"/>
  <c r="AE50646" i="1"/>
  <c r="AE50647" i="1"/>
  <c r="AE50648" i="1"/>
  <c r="AE50649" i="1"/>
  <c r="AE50650" i="1"/>
  <c r="AE50651" i="1"/>
  <c r="AE50652" i="1"/>
  <c r="AE50653" i="1"/>
  <c r="AE50654" i="1"/>
  <c r="AE50655" i="1"/>
  <c r="AE50656" i="1"/>
  <c r="AE50657" i="1"/>
  <c r="AE50658" i="1"/>
  <c r="AE50659" i="1"/>
  <c r="AE50660" i="1"/>
  <c r="AE50661" i="1"/>
  <c r="AE50662" i="1"/>
  <c r="AE50663" i="1"/>
  <c r="AE50664" i="1"/>
  <c r="AE50665" i="1"/>
  <c r="AE50666" i="1"/>
  <c r="AE50667" i="1"/>
  <c r="AE50668" i="1"/>
  <c r="AE50669" i="1"/>
  <c r="AE50670" i="1"/>
  <c r="AE50671" i="1"/>
  <c r="AE50672" i="1"/>
  <c r="AE50673" i="1"/>
  <c r="AE50674" i="1"/>
  <c r="AE50675" i="1"/>
  <c r="AE50676" i="1"/>
  <c r="AE50677" i="1"/>
  <c r="AE50678" i="1"/>
  <c r="AE50679" i="1"/>
  <c r="AE50680" i="1"/>
  <c r="AE50681" i="1"/>
  <c r="AE50682" i="1"/>
  <c r="AE50683" i="1"/>
  <c r="AE50684" i="1"/>
  <c r="AE50685" i="1"/>
  <c r="AE50686" i="1"/>
  <c r="AE50687" i="1"/>
  <c r="AE50688" i="1"/>
  <c r="AE50689" i="1"/>
  <c r="AE50690" i="1"/>
  <c r="AE50691" i="1"/>
  <c r="AE50692" i="1"/>
  <c r="AE50693" i="1"/>
  <c r="AE50694" i="1"/>
  <c r="AE50695" i="1"/>
  <c r="AE50696" i="1"/>
  <c r="AE50697" i="1"/>
  <c r="AE50698" i="1"/>
  <c r="AE50699" i="1"/>
  <c r="AE50700" i="1"/>
  <c r="AE50701" i="1"/>
  <c r="AE50702" i="1"/>
  <c r="AE50703" i="1"/>
  <c r="AE50704" i="1"/>
  <c r="AE50705" i="1"/>
  <c r="AE50706" i="1"/>
  <c r="AE50707" i="1"/>
  <c r="AE50708" i="1"/>
  <c r="AE50709" i="1"/>
  <c r="AE50710" i="1"/>
  <c r="AE50711" i="1"/>
  <c r="AE50712" i="1"/>
  <c r="AE50713" i="1"/>
  <c r="AE50714" i="1"/>
  <c r="AE50715" i="1"/>
  <c r="AE50716" i="1"/>
  <c r="AE50717" i="1"/>
  <c r="AE50718" i="1"/>
  <c r="AE50719" i="1"/>
  <c r="AE50720" i="1"/>
  <c r="AE50721" i="1"/>
  <c r="AE50722" i="1"/>
  <c r="AE50723" i="1"/>
  <c r="AE50724" i="1"/>
  <c r="AE50725" i="1"/>
  <c r="AE50726" i="1"/>
  <c r="AE50727" i="1"/>
  <c r="AE50728" i="1"/>
  <c r="AE50729" i="1"/>
  <c r="AE50730" i="1"/>
  <c r="AE50731" i="1"/>
  <c r="AE50732" i="1"/>
  <c r="AE50733" i="1"/>
  <c r="AE50734" i="1"/>
  <c r="AE50735" i="1"/>
  <c r="AE50736" i="1"/>
  <c r="AE50737" i="1"/>
  <c r="AE50738" i="1"/>
  <c r="AE50739" i="1"/>
  <c r="AE50740" i="1"/>
  <c r="AE50741" i="1"/>
  <c r="AE50742" i="1"/>
  <c r="AE50743" i="1"/>
  <c r="AE50744" i="1"/>
  <c r="AE50745" i="1"/>
  <c r="AE50746" i="1"/>
  <c r="AE50747" i="1"/>
  <c r="AE50748" i="1"/>
  <c r="AE50749" i="1"/>
  <c r="AE50750" i="1"/>
  <c r="AE50751" i="1"/>
  <c r="AE50752" i="1"/>
  <c r="AE50753" i="1"/>
  <c r="AE50754" i="1"/>
  <c r="AE50755" i="1"/>
  <c r="AE50756" i="1"/>
  <c r="AE50757" i="1"/>
  <c r="AE50758" i="1"/>
  <c r="AE50759" i="1"/>
  <c r="AE50760" i="1"/>
  <c r="AE50761" i="1"/>
  <c r="AE50762" i="1"/>
  <c r="AE50763" i="1"/>
  <c r="AE50764" i="1"/>
  <c r="AE50765" i="1"/>
  <c r="AE50766" i="1"/>
  <c r="AE50767" i="1"/>
  <c r="AE50768" i="1"/>
  <c r="AE50769" i="1"/>
  <c r="AE50770" i="1"/>
  <c r="AE50771" i="1"/>
  <c r="AE50772" i="1"/>
  <c r="AE50773" i="1"/>
  <c r="AE50774" i="1"/>
  <c r="AE50775" i="1"/>
  <c r="AE50776" i="1"/>
  <c r="AE50777" i="1"/>
  <c r="AE50778" i="1"/>
  <c r="AE50779" i="1"/>
  <c r="AE50780" i="1"/>
  <c r="AE50781" i="1"/>
  <c r="AE50782" i="1"/>
  <c r="AE50783" i="1"/>
  <c r="AE50784" i="1"/>
  <c r="AE50785" i="1"/>
  <c r="AE50786" i="1"/>
  <c r="AE50787" i="1"/>
  <c r="AE50788" i="1"/>
  <c r="AE50789" i="1"/>
  <c r="AE50790" i="1"/>
  <c r="AE50791" i="1"/>
  <c r="AE50792" i="1"/>
  <c r="AE50793" i="1"/>
  <c r="AE50794" i="1"/>
  <c r="AE50795" i="1"/>
  <c r="AE50796" i="1"/>
  <c r="AE50797" i="1"/>
  <c r="AE50798" i="1"/>
  <c r="AE50799" i="1"/>
  <c r="AE50800" i="1"/>
  <c r="AE50801" i="1"/>
  <c r="AE50802" i="1"/>
  <c r="AE50803" i="1"/>
  <c r="AE50804" i="1"/>
  <c r="AE50805" i="1"/>
  <c r="AE50806" i="1"/>
  <c r="AE50807" i="1"/>
  <c r="AE50808" i="1"/>
  <c r="AE50809" i="1"/>
  <c r="AE50810" i="1"/>
  <c r="AE50811" i="1"/>
  <c r="AE50812" i="1"/>
  <c r="AE50813" i="1"/>
  <c r="AE50814" i="1"/>
  <c r="AE50815" i="1"/>
  <c r="AE50816" i="1"/>
  <c r="AE50817" i="1"/>
  <c r="AE50818" i="1"/>
  <c r="AE50819" i="1"/>
  <c r="AE50820" i="1"/>
  <c r="AE50821" i="1"/>
  <c r="AE50822" i="1"/>
  <c r="AE50823" i="1"/>
  <c r="AE50824" i="1"/>
  <c r="AE50825" i="1"/>
  <c r="AE50826" i="1"/>
  <c r="AE50827" i="1"/>
  <c r="AE50828" i="1"/>
  <c r="AE50829" i="1"/>
  <c r="AE50830" i="1"/>
  <c r="AE50831" i="1"/>
  <c r="AE50832" i="1"/>
  <c r="AE50833" i="1"/>
  <c r="AE50834" i="1"/>
  <c r="AE50835" i="1"/>
  <c r="AE50836" i="1"/>
  <c r="AE50837" i="1"/>
  <c r="AE50838" i="1"/>
  <c r="AE50839" i="1"/>
  <c r="AE50840" i="1"/>
  <c r="AE50841" i="1"/>
  <c r="AE50842" i="1"/>
  <c r="AE50843" i="1"/>
  <c r="AE50844" i="1"/>
  <c r="AE50845" i="1"/>
  <c r="AE50846" i="1"/>
  <c r="AE50847" i="1"/>
  <c r="AE50848" i="1"/>
  <c r="AE50849" i="1"/>
  <c r="AE50850" i="1"/>
  <c r="AE50851" i="1"/>
  <c r="AE50852" i="1"/>
  <c r="AE50853" i="1"/>
  <c r="AE50854" i="1"/>
  <c r="AE50855" i="1"/>
  <c r="AE50856" i="1"/>
  <c r="AE50857" i="1"/>
  <c r="AE50858" i="1"/>
  <c r="AE50859" i="1"/>
  <c r="AE50860" i="1"/>
  <c r="AE50861" i="1"/>
  <c r="AE50862" i="1"/>
  <c r="AE50863" i="1"/>
  <c r="AE50864" i="1"/>
  <c r="AE50865" i="1"/>
  <c r="AE50866" i="1"/>
  <c r="AE50867" i="1"/>
  <c r="AE50868" i="1"/>
  <c r="AE50869" i="1"/>
  <c r="AE50870" i="1"/>
  <c r="AE50871" i="1"/>
  <c r="AE50872" i="1"/>
  <c r="AE50873" i="1"/>
  <c r="AE50874" i="1"/>
  <c r="AE50875" i="1"/>
  <c r="AE50876" i="1"/>
  <c r="AE50877" i="1"/>
  <c r="AE50878" i="1"/>
  <c r="AE50879" i="1"/>
  <c r="AE50880" i="1"/>
  <c r="AE50881" i="1"/>
  <c r="AE50882" i="1"/>
  <c r="AE50883" i="1"/>
  <c r="AE50884" i="1"/>
  <c r="AE50885" i="1"/>
  <c r="AE50886" i="1"/>
  <c r="AE50887" i="1"/>
  <c r="AE50888" i="1"/>
  <c r="AE50889" i="1"/>
  <c r="AE50890" i="1"/>
  <c r="AE50891" i="1"/>
  <c r="AE50892" i="1"/>
  <c r="AE50893" i="1"/>
  <c r="AE50894" i="1"/>
  <c r="AE50895" i="1"/>
  <c r="AE50896" i="1"/>
  <c r="AE50897" i="1"/>
  <c r="AE50898" i="1"/>
  <c r="AE50899" i="1"/>
  <c r="AE50900" i="1"/>
  <c r="AE50901" i="1"/>
  <c r="AE50902" i="1"/>
  <c r="AE50903" i="1"/>
  <c r="AE50904" i="1"/>
  <c r="AE50905" i="1"/>
  <c r="AE50906" i="1"/>
  <c r="AE50907" i="1"/>
  <c r="AE50908" i="1"/>
  <c r="AE50909" i="1"/>
  <c r="AE50910" i="1"/>
  <c r="AE50911" i="1"/>
  <c r="AE50912" i="1"/>
  <c r="AE50913" i="1"/>
  <c r="AE50914" i="1"/>
  <c r="AE50915" i="1"/>
  <c r="AE50916" i="1"/>
  <c r="AE50917" i="1"/>
  <c r="AE50918" i="1"/>
  <c r="AE50919" i="1"/>
  <c r="AE50920" i="1"/>
  <c r="AE50921" i="1"/>
  <c r="AE50922" i="1"/>
  <c r="AE50923" i="1"/>
  <c r="AE50924" i="1"/>
  <c r="AE50925" i="1"/>
  <c r="AE50926" i="1"/>
  <c r="AE50927" i="1"/>
  <c r="AE50928" i="1"/>
  <c r="AE50929" i="1"/>
  <c r="AE50930" i="1"/>
  <c r="AE50931" i="1"/>
  <c r="AE50932" i="1"/>
  <c r="AE50933" i="1"/>
  <c r="AE50934" i="1"/>
  <c r="AE50935" i="1"/>
  <c r="AE50936" i="1"/>
  <c r="AE50937" i="1"/>
  <c r="AE50938" i="1"/>
  <c r="AE50939" i="1"/>
  <c r="AE50940" i="1"/>
  <c r="AE50941" i="1"/>
  <c r="AE50942" i="1"/>
  <c r="AE50943" i="1"/>
  <c r="AE50944" i="1"/>
  <c r="AE50945" i="1"/>
  <c r="AE50946" i="1"/>
  <c r="AE50947" i="1"/>
  <c r="AE50948" i="1"/>
  <c r="AE50949" i="1"/>
  <c r="AE50950" i="1"/>
  <c r="AE50951" i="1"/>
  <c r="AE50952" i="1"/>
  <c r="AE50953" i="1"/>
  <c r="AE50954" i="1"/>
  <c r="AE50955" i="1"/>
  <c r="AE50956" i="1"/>
  <c r="AE50957" i="1"/>
  <c r="AE50958" i="1"/>
  <c r="AE50959" i="1"/>
  <c r="AE50960" i="1"/>
  <c r="AE50961" i="1"/>
  <c r="AE50962" i="1"/>
  <c r="AE50963" i="1"/>
  <c r="AE50964" i="1"/>
  <c r="AE50965" i="1"/>
  <c r="AE50966" i="1"/>
  <c r="AE50967" i="1"/>
  <c r="AE50968" i="1"/>
  <c r="AE50969" i="1"/>
  <c r="AE50970" i="1"/>
  <c r="AE50971" i="1"/>
  <c r="AE50972" i="1"/>
  <c r="AE50973" i="1"/>
  <c r="AE50974" i="1"/>
  <c r="AE50975" i="1"/>
  <c r="AE50976" i="1"/>
  <c r="AE50977" i="1"/>
  <c r="AE50978" i="1"/>
  <c r="AE50979" i="1"/>
  <c r="AE50980" i="1"/>
  <c r="AE50981" i="1"/>
  <c r="AE50982" i="1"/>
  <c r="AE50983" i="1"/>
  <c r="AE50984" i="1"/>
  <c r="AE50985" i="1"/>
  <c r="AE50986" i="1"/>
  <c r="AE50987" i="1"/>
  <c r="AE50988" i="1"/>
  <c r="AE50989" i="1"/>
  <c r="AE50990" i="1"/>
  <c r="AE50991" i="1"/>
  <c r="AE50992" i="1"/>
  <c r="AE50993" i="1"/>
  <c r="AE50994" i="1"/>
  <c r="AE50995" i="1"/>
  <c r="AE50996" i="1"/>
  <c r="AE50997" i="1"/>
  <c r="AE50998" i="1"/>
  <c r="AE50999" i="1"/>
  <c r="AE51000" i="1"/>
  <c r="AE51001" i="1"/>
  <c r="AE51002" i="1"/>
  <c r="AE51003" i="1"/>
  <c r="AE51004" i="1"/>
  <c r="AE51005" i="1"/>
  <c r="AE51006" i="1"/>
  <c r="AE51007" i="1"/>
  <c r="AE51008" i="1"/>
  <c r="AE51009" i="1"/>
  <c r="AE51010" i="1"/>
  <c r="AE51011" i="1"/>
  <c r="AE51012" i="1"/>
  <c r="AE51013" i="1"/>
  <c r="AE51014" i="1"/>
  <c r="AE51015" i="1"/>
  <c r="AE51016" i="1"/>
  <c r="AE51017" i="1"/>
  <c r="AE51018" i="1"/>
  <c r="AE51019" i="1"/>
  <c r="AE51020" i="1"/>
  <c r="AE51021" i="1"/>
  <c r="AE51022" i="1"/>
  <c r="AE51023" i="1"/>
  <c r="AE51024" i="1"/>
  <c r="AE51025" i="1"/>
  <c r="AE51026" i="1"/>
  <c r="AE51027" i="1"/>
  <c r="AE51028" i="1"/>
  <c r="AE51029" i="1"/>
  <c r="AE51030" i="1"/>
  <c r="AE51031" i="1"/>
  <c r="AE51032" i="1"/>
  <c r="AE51033" i="1"/>
  <c r="AE51034" i="1"/>
  <c r="AE51035" i="1"/>
  <c r="AE51036" i="1"/>
  <c r="AE51037" i="1"/>
  <c r="AE51038" i="1"/>
  <c r="AE51039" i="1"/>
  <c r="AE51040" i="1"/>
  <c r="AE51041" i="1"/>
  <c r="AE51042" i="1"/>
  <c r="AE51043" i="1"/>
  <c r="AE51044" i="1"/>
  <c r="AE51045" i="1"/>
  <c r="AE51046" i="1"/>
  <c r="AE51047" i="1"/>
  <c r="AE51048" i="1"/>
  <c r="AE51049" i="1"/>
  <c r="AE51050" i="1"/>
  <c r="AE51051" i="1"/>
  <c r="AE51052" i="1"/>
  <c r="AE51053" i="1"/>
  <c r="AE51054" i="1"/>
  <c r="AE51055" i="1"/>
  <c r="AE51056" i="1"/>
  <c r="AE51057" i="1"/>
  <c r="AE51058" i="1"/>
  <c r="AE51059" i="1"/>
  <c r="AE51060" i="1"/>
  <c r="AE51061" i="1"/>
  <c r="AE51062" i="1"/>
  <c r="AE51063" i="1"/>
  <c r="AE51064" i="1"/>
  <c r="AE51065" i="1"/>
  <c r="AE51066" i="1"/>
  <c r="AE51067" i="1"/>
  <c r="AE51068" i="1"/>
  <c r="AE51069" i="1"/>
  <c r="AE51070" i="1"/>
  <c r="AE51071" i="1"/>
  <c r="AE51072" i="1"/>
  <c r="AE51073" i="1"/>
  <c r="AE51074" i="1"/>
  <c r="AE51075" i="1"/>
  <c r="AE51076" i="1"/>
  <c r="AE51077" i="1"/>
  <c r="AE51078" i="1"/>
  <c r="AE51079" i="1"/>
  <c r="AE51080" i="1"/>
  <c r="AE51081" i="1"/>
  <c r="AE51082" i="1"/>
  <c r="AE51083" i="1"/>
  <c r="AE51084" i="1"/>
  <c r="AE51085" i="1"/>
  <c r="AE51086" i="1"/>
  <c r="AE51087" i="1"/>
  <c r="AE51088" i="1"/>
  <c r="AE51089" i="1"/>
  <c r="AE51090" i="1"/>
  <c r="AE51091" i="1"/>
  <c r="AE51092" i="1"/>
  <c r="AE51093" i="1"/>
  <c r="AE51094" i="1"/>
  <c r="AE51095" i="1"/>
  <c r="AE51096" i="1"/>
  <c r="AE51097" i="1"/>
  <c r="AE51098" i="1"/>
  <c r="AE51099" i="1"/>
  <c r="AE51100" i="1"/>
  <c r="AE51101" i="1"/>
  <c r="AE51102" i="1"/>
  <c r="AE51103" i="1"/>
  <c r="AE51104" i="1"/>
  <c r="AE51105" i="1"/>
  <c r="AE51106" i="1"/>
  <c r="AE51107" i="1"/>
  <c r="AE51108" i="1"/>
  <c r="AE51109" i="1"/>
  <c r="AE51110" i="1"/>
  <c r="AE51111" i="1"/>
  <c r="AE51112" i="1"/>
  <c r="AE51113" i="1"/>
  <c r="AE51114" i="1"/>
  <c r="AE51115" i="1"/>
  <c r="AE51116" i="1"/>
  <c r="AE51117" i="1"/>
  <c r="AE51118" i="1"/>
  <c r="AE51119" i="1"/>
  <c r="AE51120" i="1"/>
  <c r="AE51121" i="1"/>
  <c r="AE51122" i="1"/>
  <c r="AE51123" i="1"/>
  <c r="AE51124" i="1"/>
  <c r="AE51125" i="1"/>
  <c r="AE51126" i="1"/>
  <c r="AE51127" i="1"/>
  <c r="AE51128" i="1"/>
  <c r="AE51129" i="1"/>
  <c r="AE51130" i="1"/>
  <c r="AE51131" i="1"/>
  <c r="AE51132" i="1"/>
  <c r="AE51133" i="1"/>
  <c r="AE51134" i="1"/>
  <c r="AE51135" i="1"/>
  <c r="AE51136" i="1"/>
  <c r="AE51137" i="1"/>
  <c r="AE51138" i="1"/>
  <c r="AE51139" i="1"/>
  <c r="AE51140" i="1"/>
  <c r="AE51141" i="1"/>
  <c r="AE51142" i="1"/>
  <c r="AE51143" i="1"/>
  <c r="AE51144" i="1"/>
  <c r="AE51145" i="1"/>
  <c r="AE51146" i="1"/>
  <c r="AE51147" i="1"/>
  <c r="AE51148" i="1"/>
  <c r="AE51149" i="1"/>
  <c r="AE51150" i="1"/>
  <c r="AE51151" i="1"/>
  <c r="AE51152" i="1"/>
  <c r="AE51153" i="1"/>
  <c r="AE51154" i="1"/>
  <c r="AE51155" i="1"/>
  <c r="AE51156" i="1"/>
  <c r="AE51157" i="1"/>
  <c r="AE51158" i="1"/>
  <c r="AE51159" i="1"/>
  <c r="AE51160" i="1"/>
  <c r="AE51161" i="1"/>
  <c r="AE51162" i="1"/>
  <c r="AE51163" i="1"/>
  <c r="AE51164" i="1"/>
  <c r="AE51165" i="1"/>
  <c r="AE51166" i="1"/>
  <c r="AE51167" i="1"/>
  <c r="AE51168" i="1"/>
  <c r="AE51169" i="1"/>
  <c r="AE51170" i="1"/>
  <c r="AE51171" i="1"/>
  <c r="AE51172" i="1"/>
  <c r="AE51173" i="1"/>
  <c r="AE51174" i="1"/>
  <c r="AE51175" i="1"/>
  <c r="AE51176" i="1"/>
  <c r="AE51177" i="1"/>
  <c r="AE51178" i="1"/>
  <c r="AE51179" i="1"/>
  <c r="AE51180" i="1"/>
  <c r="AE51181" i="1"/>
  <c r="AE51182" i="1"/>
  <c r="AE51183" i="1"/>
  <c r="AE51184" i="1"/>
  <c r="AE51185" i="1"/>
  <c r="AE51186" i="1"/>
  <c r="AE51187" i="1"/>
  <c r="AE51188" i="1"/>
  <c r="AE51189" i="1"/>
  <c r="AE51190" i="1"/>
  <c r="AE51191" i="1"/>
  <c r="AE51192" i="1"/>
  <c r="AE51193" i="1"/>
  <c r="AE51194" i="1"/>
  <c r="AE51195" i="1"/>
  <c r="AE51196" i="1"/>
  <c r="AE51197" i="1"/>
  <c r="AE51198" i="1"/>
  <c r="AE51199" i="1"/>
  <c r="AE51200" i="1"/>
  <c r="AE51201" i="1"/>
  <c r="AE51202" i="1"/>
  <c r="AE51203" i="1"/>
  <c r="AE51204" i="1"/>
  <c r="AE51205" i="1"/>
  <c r="AE51206" i="1"/>
  <c r="AE51207" i="1"/>
  <c r="AE51208" i="1"/>
  <c r="AE51209" i="1"/>
  <c r="AE51210" i="1"/>
  <c r="AE51211" i="1"/>
  <c r="AE51212" i="1"/>
  <c r="AE51213" i="1"/>
  <c r="AE51214" i="1"/>
  <c r="AE51215" i="1"/>
  <c r="AE51216" i="1"/>
  <c r="AE51217" i="1"/>
  <c r="AE51218" i="1"/>
  <c r="AE51219" i="1"/>
  <c r="AE51220" i="1"/>
  <c r="AE51221" i="1"/>
  <c r="AE51222" i="1"/>
  <c r="AE51223" i="1"/>
  <c r="AE51224" i="1"/>
  <c r="AE51225" i="1"/>
  <c r="AE51226" i="1"/>
  <c r="AE51227" i="1"/>
  <c r="AE51228" i="1"/>
  <c r="AE51229" i="1"/>
  <c r="AE51230" i="1"/>
  <c r="AE51231" i="1"/>
  <c r="AE51232" i="1"/>
  <c r="AE51233" i="1"/>
  <c r="AE51234" i="1"/>
  <c r="AE51235" i="1"/>
  <c r="AE51236" i="1"/>
  <c r="AE51237" i="1"/>
  <c r="AE51238" i="1"/>
  <c r="AE51239" i="1"/>
  <c r="AE51240" i="1"/>
  <c r="AE51241" i="1"/>
  <c r="AE51242" i="1"/>
  <c r="AE51243" i="1"/>
  <c r="AE51244" i="1"/>
  <c r="AE51245" i="1"/>
  <c r="AE51246" i="1"/>
  <c r="AE51247" i="1"/>
  <c r="AE51248" i="1"/>
  <c r="AE51249" i="1"/>
  <c r="AE51250" i="1"/>
  <c r="AE51251" i="1"/>
  <c r="AE51252" i="1"/>
  <c r="AE51253" i="1"/>
  <c r="AE51254" i="1"/>
  <c r="AE51255" i="1"/>
  <c r="AE51256" i="1"/>
  <c r="AE51257" i="1"/>
  <c r="AE51258" i="1"/>
  <c r="AE51259" i="1"/>
  <c r="AE51260" i="1"/>
  <c r="AE51261" i="1"/>
  <c r="AE51262" i="1"/>
  <c r="AE51263" i="1"/>
  <c r="AE51264" i="1"/>
  <c r="AE51265" i="1"/>
  <c r="AE51266" i="1"/>
  <c r="AE51267" i="1"/>
  <c r="AE51268" i="1"/>
  <c r="AE51269" i="1"/>
  <c r="AE51270" i="1"/>
  <c r="AE51271" i="1"/>
  <c r="AE51272" i="1"/>
  <c r="AE51273" i="1"/>
  <c r="AE51274" i="1"/>
  <c r="AE51275" i="1"/>
  <c r="AE51276" i="1"/>
  <c r="AE51277" i="1"/>
  <c r="AE51278" i="1"/>
  <c r="AE51279" i="1"/>
  <c r="AE51280" i="1"/>
  <c r="AE51281" i="1"/>
  <c r="AE51282" i="1"/>
  <c r="AE51283" i="1"/>
  <c r="AE51284" i="1"/>
  <c r="AE51285" i="1"/>
  <c r="AE51286" i="1"/>
  <c r="AE51287" i="1"/>
  <c r="AE51288" i="1"/>
  <c r="AE51289" i="1"/>
  <c r="AE51290" i="1"/>
  <c r="AE51291" i="1"/>
  <c r="AE51292" i="1"/>
  <c r="AE51293" i="1"/>
  <c r="AE51294" i="1"/>
  <c r="AE51295" i="1"/>
  <c r="AE51296" i="1"/>
  <c r="AE51297" i="1"/>
  <c r="AE51298" i="1"/>
  <c r="AE51299" i="1"/>
  <c r="AE51300" i="1"/>
  <c r="AE51301" i="1"/>
  <c r="AE51302" i="1"/>
  <c r="AE51303" i="1"/>
  <c r="AE51304" i="1"/>
  <c r="AE51305" i="1"/>
  <c r="AE51306" i="1"/>
  <c r="AE51307" i="1"/>
  <c r="AE51308" i="1"/>
  <c r="AE51309" i="1"/>
  <c r="AE51310" i="1"/>
  <c r="AE51311" i="1"/>
  <c r="AE51312" i="1"/>
  <c r="AE51313" i="1"/>
  <c r="AE51314" i="1"/>
  <c r="AE51315" i="1"/>
  <c r="AE51316" i="1"/>
  <c r="AE51317" i="1"/>
  <c r="AE51318" i="1"/>
  <c r="AE51319" i="1"/>
  <c r="AE51320" i="1"/>
  <c r="AE51321" i="1"/>
  <c r="AE51322" i="1"/>
  <c r="AE51323" i="1"/>
  <c r="AE51324" i="1"/>
  <c r="AE51325" i="1"/>
  <c r="AE51326" i="1"/>
  <c r="AE51327" i="1"/>
  <c r="AE51328" i="1"/>
  <c r="AE51329" i="1"/>
  <c r="AE51330" i="1"/>
  <c r="AE51331" i="1"/>
  <c r="AE51332" i="1"/>
  <c r="AE51333" i="1"/>
  <c r="AE51334" i="1"/>
  <c r="AE51335" i="1"/>
  <c r="AE51336" i="1"/>
  <c r="AE51337" i="1"/>
  <c r="AE51338" i="1"/>
  <c r="AE51339" i="1"/>
  <c r="AE51340" i="1"/>
  <c r="AE51341" i="1"/>
  <c r="AE51342" i="1"/>
  <c r="AE51343" i="1"/>
  <c r="AE51344" i="1"/>
  <c r="AE51345" i="1"/>
  <c r="AE51346" i="1"/>
  <c r="AE51347" i="1"/>
  <c r="AE51348" i="1"/>
  <c r="AE51349" i="1"/>
  <c r="AE51350" i="1"/>
  <c r="AE51351" i="1"/>
  <c r="AE51352" i="1"/>
  <c r="AE51353" i="1"/>
  <c r="AE51354" i="1"/>
  <c r="AE51355" i="1"/>
  <c r="AE51356" i="1"/>
  <c r="AE51357" i="1"/>
  <c r="AE51358" i="1"/>
  <c r="AE51359" i="1"/>
  <c r="AE51360" i="1"/>
  <c r="AE51361" i="1"/>
  <c r="AE51362" i="1"/>
  <c r="AE51363" i="1"/>
  <c r="AE51364" i="1"/>
  <c r="AE51365" i="1"/>
  <c r="AE51366" i="1"/>
  <c r="AE51367" i="1"/>
  <c r="AE51368" i="1"/>
  <c r="AE51369" i="1"/>
  <c r="AE51370" i="1"/>
  <c r="AE51371" i="1"/>
  <c r="AE51372" i="1"/>
  <c r="AE51373" i="1"/>
  <c r="AE51374" i="1"/>
  <c r="AE51375" i="1"/>
  <c r="AE51376" i="1"/>
  <c r="AE51377" i="1"/>
  <c r="AE51378" i="1"/>
  <c r="AE51379" i="1"/>
  <c r="AE51380" i="1"/>
  <c r="AE51381" i="1"/>
  <c r="AE51382" i="1"/>
  <c r="AE51383" i="1"/>
  <c r="AE51384" i="1"/>
  <c r="AE51385" i="1"/>
  <c r="AE51386" i="1"/>
  <c r="AE51387" i="1"/>
  <c r="AE51388" i="1"/>
  <c r="AE51389" i="1"/>
  <c r="AE51390" i="1"/>
  <c r="AE51391" i="1"/>
  <c r="AE51392" i="1"/>
  <c r="AE51393" i="1"/>
  <c r="AE51394" i="1"/>
  <c r="AE51395" i="1"/>
  <c r="AE51396" i="1"/>
  <c r="AE51397" i="1"/>
  <c r="AE51398" i="1"/>
  <c r="AE51399" i="1"/>
  <c r="AE51400" i="1"/>
  <c r="AE51401" i="1"/>
  <c r="AE51402" i="1"/>
  <c r="AE51403" i="1"/>
  <c r="AE51404" i="1"/>
  <c r="AE51405" i="1"/>
  <c r="AE51406" i="1"/>
  <c r="AE51407" i="1"/>
  <c r="AE51408" i="1"/>
  <c r="AE51409" i="1"/>
  <c r="AE51410" i="1"/>
  <c r="AE51411" i="1"/>
  <c r="AE51412" i="1"/>
  <c r="AE51413" i="1"/>
  <c r="AE51414" i="1"/>
  <c r="AE51415" i="1"/>
  <c r="AE51416" i="1"/>
  <c r="AE51417" i="1"/>
  <c r="AE51418" i="1"/>
  <c r="AE51419" i="1"/>
  <c r="AE51420" i="1"/>
  <c r="AE51421" i="1"/>
  <c r="AE51422" i="1"/>
  <c r="AE51423" i="1"/>
  <c r="AE51424" i="1"/>
  <c r="AE51425" i="1"/>
  <c r="AE51426" i="1"/>
  <c r="AE51427" i="1"/>
  <c r="AE51428" i="1"/>
  <c r="AE51429" i="1"/>
  <c r="AE51430" i="1"/>
  <c r="AE51431" i="1"/>
  <c r="AE51432" i="1"/>
  <c r="AE51433" i="1"/>
  <c r="AE51434" i="1"/>
  <c r="AE51435" i="1"/>
  <c r="AE51436" i="1"/>
  <c r="AE51437" i="1"/>
  <c r="AE51438" i="1"/>
  <c r="AE51439" i="1"/>
  <c r="AE51440" i="1"/>
  <c r="AE51441" i="1"/>
  <c r="AE51442" i="1"/>
  <c r="AE51443" i="1"/>
  <c r="AE51444" i="1"/>
  <c r="AE51445" i="1"/>
  <c r="AE51446" i="1"/>
  <c r="AE51447" i="1"/>
  <c r="AE51448" i="1"/>
  <c r="AE51449" i="1"/>
  <c r="AE51450" i="1"/>
  <c r="AE51451" i="1"/>
  <c r="AE51452" i="1"/>
  <c r="AE51453" i="1"/>
  <c r="AE51454" i="1"/>
  <c r="AE51455" i="1"/>
  <c r="AE51456" i="1"/>
  <c r="AE51457" i="1"/>
  <c r="AE51458" i="1"/>
  <c r="AE51459" i="1"/>
  <c r="AE51460" i="1"/>
  <c r="AE51461" i="1"/>
  <c r="AE51462" i="1"/>
  <c r="AE51463" i="1"/>
  <c r="AE51464" i="1"/>
  <c r="AE51465" i="1"/>
  <c r="AE51466" i="1"/>
  <c r="AE51467" i="1"/>
  <c r="AE51468" i="1"/>
  <c r="AE51469" i="1"/>
  <c r="AE51470" i="1"/>
  <c r="AE51471" i="1"/>
  <c r="AE51472" i="1"/>
  <c r="AE51473" i="1"/>
  <c r="AE51474" i="1"/>
  <c r="AE51475" i="1"/>
  <c r="AE51476" i="1"/>
  <c r="AE51477" i="1"/>
  <c r="AE51478" i="1"/>
  <c r="AE51479" i="1"/>
  <c r="AE51480" i="1"/>
  <c r="AE51481" i="1"/>
  <c r="AE51482" i="1"/>
  <c r="AE51483" i="1"/>
  <c r="AE51484" i="1"/>
  <c r="AE51485" i="1"/>
  <c r="AE51486" i="1"/>
  <c r="AE51487" i="1"/>
  <c r="AE51488" i="1"/>
  <c r="AE51489" i="1"/>
  <c r="AE51490" i="1"/>
  <c r="AE51491" i="1"/>
  <c r="AE51492" i="1"/>
  <c r="AE51493" i="1"/>
  <c r="AE51494" i="1"/>
  <c r="AE51495" i="1"/>
  <c r="AE51496" i="1"/>
  <c r="AE51497" i="1"/>
  <c r="AE51498" i="1"/>
  <c r="AE51499" i="1"/>
  <c r="AE51500" i="1"/>
  <c r="AE51501" i="1"/>
  <c r="AE51502" i="1"/>
  <c r="AE51503" i="1"/>
  <c r="AE51504" i="1"/>
  <c r="AE51505" i="1"/>
  <c r="AE51506" i="1"/>
  <c r="AE51507" i="1"/>
  <c r="AE51508" i="1"/>
  <c r="AE51509" i="1"/>
  <c r="AE51510" i="1"/>
  <c r="AE51511" i="1"/>
  <c r="AE51512" i="1"/>
  <c r="AE51513" i="1"/>
  <c r="AE51514" i="1"/>
  <c r="AE51515" i="1"/>
  <c r="AE51516" i="1"/>
  <c r="AE51517" i="1"/>
  <c r="AE51518" i="1"/>
  <c r="AE51519" i="1"/>
  <c r="AE51520" i="1"/>
  <c r="AE51521" i="1"/>
  <c r="AE51522" i="1"/>
  <c r="AE51523" i="1"/>
  <c r="AE51524" i="1"/>
  <c r="AE51525" i="1"/>
  <c r="AE51526" i="1"/>
  <c r="AE51527" i="1"/>
  <c r="AE51528" i="1"/>
  <c r="AE51529" i="1"/>
  <c r="AE51530" i="1"/>
  <c r="AE51531" i="1"/>
  <c r="AE51532" i="1"/>
  <c r="AE51533" i="1"/>
  <c r="AE51534" i="1"/>
  <c r="AE51535" i="1"/>
  <c r="AE51536" i="1"/>
  <c r="AE51537" i="1"/>
  <c r="AE51538" i="1"/>
  <c r="AE51539" i="1"/>
  <c r="AE51540" i="1"/>
  <c r="AE51541" i="1"/>
  <c r="AE51542" i="1"/>
  <c r="AE51543" i="1"/>
  <c r="AE51544" i="1"/>
  <c r="AE51545" i="1"/>
  <c r="AE51546" i="1"/>
  <c r="AE51547" i="1"/>
  <c r="AE51548" i="1"/>
  <c r="AE51549" i="1"/>
  <c r="AE51550" i="1"/>
  <c r="AE51551" i="1"/>
  <c r="AE51552" i="1"/>
  <c r="AE51553" i="1"/>
  <c r="AE51554" i="1"/>
  <c r="AE51555" i="1"/>
  <c r="AE51556" i="1"/>
  <c r="AE51557" i="1"/>
  <c r="AE51558" i="1"/>
  <c r="AE51559" i="1"/>
  <c r="AE51560" i="1"/>
  <c r="AE51561" i="1"/>
  <c r="AE51562" i="1"/>
  <c r="AE51563" i="1"/>
  <c r="AE51564" i="1"/>
  <c r="AE51565" i="1"/>
  <c r="AE51566" i="1"/>
  <c r="AE51567" i="1"/>
  <c r="AE51568" i="1"/>
  <c r="AE51569" i="1"/>
  <c r="AE51570" i="1"/>
  <c r="AE51571" i="1"/>
  <c r="AE51572" i="1"/>
  <c r="AE51573" i="1"/>
  <c r="AE51574" i="1"/>
  <c r="AE51575" i="1"/>
  <c r="AE51576" i="1"/>
  <c r="AE51577" i="1"/>
  <c r="AE51578" i="1"/>
  <c r="AE51579" i="1"/>
  <c r="AE51580" i="1"/>
  <c r="AE51581" i="1"/>
  <c r="AE51582" i="1"/>
  <c r="AE51583" i="1"/>
  <c r="AE51584" i="1"/>
  <c r="AE51585" i="1"/>
  <c r="AE51586" i="1"/>
  <c r="AE51587" i="1"/>
  <c r="AE51588" i="1"/>
  <c r="AE51589" i="1"/>
  <c r="AE51590" i="1"/>
  <c r="AE51591" i="1"/>
  <c r="AE51592" i="1"/>
  <c r="AE51593" i="1"/>
  <c r="AE51594" i="1"/>
  <c r="AE51595" i="1"/>
  <c r="AE51596" i="1"/>
  <c r="AE51597" i="1"/>
  <c r="AE51598" i="1"/>
  <c r="AE51599" i="1"/>
  <c r="AE51600" i="1"/>
  <c r="AE51601" i="1"/>
  <c r="AE51602" i="1"/>
  <c r="AE51603" i="1"/>
  <c r="AE51604" i="1"/>
  <c r="AE51605" i="1"/>
  <c r="AE51606" i="1"/>
  <c r="AE51607" i="1"/>
  <c r="AE51608" i="1"/>
  <c r="AE51609" i="1"/>
  <c r="AE51610" i="1"/>
  <c r="AE51611" i="1"/>
  <c r="AE51612" i="1"/>
  <c r="AE51613" i="1"/>
  <c r="AE51614" i="1"/>
  <c r="AE51615" i="1"/>
  <c r="AE51616" i="1"/>
  <c r="AE51617" i="1"/>
  <c r="AE51618" i="1"/>
  <c r="AE51619" i="1"/>
  <c r="AE51620" i="1"/>
  <c r="AE51621" i="1"/>
  <c r="AE51622" i="1"/>
  <c r="AE51623" i="1"/>
  <c r="AE51624" i="1"/>
  <c r="AE51625" i="1"/>
  <c r="AE51626" i="1"/>
  <c r="AE51627" i="1"/>
  <c r="AE51628" i="1"/>
  <c r="AE51629" i="1"/>
  <c r="AE51630" i="1"/>
  <c r="AE51631" i="1"/>
  <c r="AE51632" i="1"/>
  <c r="AE51633" i="1"/>
  <c r="AE51634" i="1"/>
  <c r="AE51635" i="1"/>
  <c r="AE51636" i="1"/>
  <c r="AE51637" i="1"/>
  <c r="AE51638" i="1"/>
  <c r="AE51639" i="1"/>
  <c r="AE51640" i="1"/>
  <c r="AE51641" i="1"/>
  <c r="AE51642" i="1"/>
  <c r="AE51643" i="1"/>
  <c r="AE51644" i="1"/>
  <c r="AE51645" i="1"/>
  <c r="AE51646" i="1"/>
  <c r="AE51647" i="1"/>
  <c r="AE51648" i="1"/>
  <c r="AE51649" i="1"/>
  <c r="AE51650" i="1"/>
  <c r="AE51651" i="1"/>
  <c r="AE51652" i="1"/>
  <c r="AE51653" i="1"/>
  <c r="AE51654" i="1"/>
  <c r="AE51655" i="1"/>
  <c r="AE51656" i="1"/>
  <c r="AE51657" i="1"/>
  <c r="AE51658" i="1"/>
  <c r="AE51659" i="1"/>
  <c r="AE51660" i="1"/>
  <c r="AE51661" i="1"/>
  <c r="AE51662" i="1"/>
  <c r="AE51663" i="1"/>
  <c r="AE51664" i="1"/>
  <c r="AE51665" i="1"/>
  <c r="AE51666" i="1"/>
  <c r="AE51667" i="1"/>
  <c r="AE51668" i="1"/>
  <c r="AE51669" i="1"/>
  <c r="AE51670" i="1"/>
  <c r="AE51671" i="1"/>
  <c r="AE51672" i="1"/>
  <c r="AE51673" i="1"/>
  <c r="AE51674" i="1"/>
  <c r="AE51675" i="1"/>
  <c r="AE51676" i="1"/>
  <c r="AE51677" i="1"/>
  <c r="AE51678" i="1"/>
  <c r="AE51679" i="1"/>
  <c r="AE51680" i="1"/>
  <c r="AE51681" i="1"/>
  <c r="AE51682" i="1"/>
  <c r="AE51683" i="1"/>
  <c r="AE51684" i="1"/>
  <c r="AE51685" i="1"/>
  <c r="AE51686" i="1"/>
  <c r="AE51687" i="1"/>
  <c r="AE51688" i="1"/>
  <c r="AE51689" i="1"/>
  <c r="AE51690" i="1"/>
  <c r="AE51691" i="1"/>
  <c r="AE51692" i="1"/>
  <c r="AE51693" i="1"/>
  <c r="AE51694" i="1"/>
  <c r="AE51695" i="1"/>
  <c r="AE51696" i="1"/>
  <c r="AE51697" i="1"/>
  <c r="AE51698" i="1"/>
  <c r="AE51699" i="1"/>
  <c r="AE51700" i="1"/>
  <c r="AE51701" i="1"/>
  <c r="AE51702" i="1"/>
  <c r="AE51703" i="1"/>
  <c r="AE51704" i="1"/>
  <c r="AE51705" i="1"/>
  <c r="AE51706" i="1"/>
  <c r="AE51707" i="1"/>
  <c r="AE51708" i="1"/>
  <c r="AE51709" i="1"/>
  <c r="AE51710" i="1"/>
  <c r="AE51711" i="1"/>
  <c r="AE51712" i="1"/>
  <c r="AE51713" i="1"/>
  <c r="AE51714" i="1"/>
  <c r="AE51715" i="1"/>
  <c r="AE51716" i="1"/>
  <c r="AE51717" i="1"/>
  <c r="AE51718" i="1"/>
  <c r="AE51719" i="1"/>
  <c r="AE51720" i="1"/>
  <c r="AE51721" i="1"/>
  <c r="AE51722" i="1"/>
  <c r="AE51723" i="1"/>
  <c r="AE51724" i="1"/>
  <c r="AE51725" i="1"/>
  <c r="AE51726" i="1"/>
  <c r="AE51727" i="1"/>
  <c r="AE51728" i="1"/>
  <c r="AE51729" i="1"/>
  <c r="AE51730" i="1"/>
  <c r="AE51731" i="1"/>
  <c r="AE51732" i="1"/>
  <c r="AE51733" i="1"/>
  <c r="AE51734" i="1"/>
  <c r="AE51735" i="1"/>
  <c r="AE51736" i="1"/>
  <c r="AE51737" i="1"/>
  <c r="AE51738" i="1"/>
  <c r="AE51739" i="1"/>
  <c r="AE51740" i="1"/>
  <c r="AE51741" i="1"/>
  <c r="AE51742" i="1"/>
  <c r="AE51743" i="1"/>
  <c r="AE51744" i="1"/>
  <c r="AE51745" i="1"/>
  <c r="AE51746" i="1"/>
  <c r="AE51747" i="1"/>
  <c r="AE51748" i="1"/>
  <c r="AE51749" i="1"/>
  <c r="AE51750" i="1"/>
  <c r="AE51751" i="1"/>
  <c r="AE51752" i="1"/>
  <c r="AE51753" i="1"/>
  <c r="AE51754" i="1"/>
  <c r="AE51755" i="1"/>
  <c r="AE51756" i="1"/>
  <c r="AE51757" i="1"/>
  <c r="AE51758" i="1"/>
  <c r="AE51759" i="1"/>
  <c r="AE51760" i="1"/>
  <c r="AE51761" i="1"/>
  <c r="AE51762" i="1"/>
  <c r="AE51763" i="1"/>
  <c r="AE51764" i="1"/>
  <c r="AE51765" i="1"/>
  <c r="AE51766" i="1"/>
  <c r="AE51767" i="1"/>
  <c r="AE51768" i="1"/>
  <c r="AE51769" i="1"/>
  <c r="AE51770" i="1"/>
  <c r="AE51771" i="1"/>
  <c r="AE51772" i="1"/>
  <c r="AE51773" i="1"/>
  <c r="AE51774" i="1"/>
  <c r="AE51775" i="1"/>
  <c r="AE51776" i="1"/>
  <c r="AE51777" i="1"/>
  <c r="AE51778" i="1"/>
  <c r="AE51779" i="1"/>
  <c r="AE51780" i="1"/>
  <c r="AE51781" i="1"/>
  <c r="AE51782" i="1"/>
  <c r="AE51783" i="1"/>
  <c r="AE51784" i="1"/>
  <c r="AE51785" i="1"/>
  <c r="AE51786" i="1"/>
  <c r="AE51787" i="1"/>
  <c r="AE51788" i="1"/>
  <c r="AE51789" i="1"/>
  <c r="AE51790" i="1"/>
  <c r="AE51791" i="1"/>
  <c r="AE51792" i="1"/>
  <c r="AE51793" i="1"/>
  <c r="AE51794" i="1"/>
  <c r="AE51795" i="1"/>
  <c r="AE51796" i="1"/>
  <c r="AE51797" i="1"/>
  <c r="AE51798" i="1"/>
  <c r="AE51799" i="1"/>
  <c r="AE51800" i="1"/>
  <c r="AE51801" i="1"/>
  <c r="AE51802" i="1"/>
  <c r="AE51803" i="1"/>
  <c r="AE51804" i="1"/>
  <c r="AE51805" i="1"/>
  <c r="AE51806" i="1"/>
  <c r="AE51807" i="1"/>
  <c r="AE51808" i="1"/>
  <c r="AE51809" i="1"/>
  <c r="AE51810" i="1"/>
  <c r="AE51811" i="1"/>
  <c r="AE51812" i="1"/>
  <c r="AE51813" i="1"/>
  <c r="AE51814" i="1"/>
  <c r="AE51815" i="1"/>
  <c r="AE51816" i="1"/>
  <c r="AE51817" i="1"/>
  <c r="AE51818" i="1"/>
  <c r="AE51819" i="1"/>
  <c r="AE51820" i="1"/>
  <c r="AE51821" i="1"/>
  <c r="AE51822" i="1"/>
  <c r="AE51823" i="1"/>
  <c r="AE51824" i="1"/>
  <c r="AE51825" i="1"/>
  <c r="AE51826" i="1"/>
  <c r="AE51827" i="1"/>
  <c r="AE51828" i="1"/>
  <c r="AE51829" i="1"/>
  <c r="AE51830" i="1"/>
  <c r="AE51831" i="1"/>
  <c r="AE51832" i="1"/>
  <c r="AE51833" i="1"/>
  <c r="AE51834" i="1"/>
  <c r="AE51835" i="1"/>
  <c r="AE51836" i="1"/>
  <c r="AE51837" i="1"/>
  <c r="AE51838" i="1"/>
  <c r="AE51839" i="1"/>
  <c r="AE51840" i="1"/>
  <c r="AE51841" i="1"/>
  <c r="AE51842" i="1"/>
  <c r="AE51843" i="1"/>
  <c r="AE51844" i="1"/>
  <c r="AE51845" i="1"/>
  <c r="AE51846" i="1"/>
  <c r="AE51847" i="1"/>
  <c r="AE51848" i="1"/>
  <c r="AE51849" i="1"/>
  <c r="AE51850" i="1"/>
  <c r="AE51851" i="1"/>
  <c r="AE51852" i="1"/>
  <c r="AE51853" i="1"/>
  <c r="AE51854" i="1"/>
  <c r="AE51855" i="1"/>
  <c r="AE51856" i="1"/>
  <c r="AE51857" i="1"/>
  <c r="AE51858" i="1"/>
  <c r="AE51859" i="1"/>
  <c r="AE51860" i="1"/>
  <c r="AE51861" i="1"/>
  <c r="AE51862" i="1"/>
  <c r="AE51863" i="1"/>
  <c r="AE51864" i="1"/>
  <c r="AE51865" i="1"/>
  <c r="AE51866" i="1"/>
  <c r="AE51867" i="1"/>
  <c r="AE51868" i="1"/>
  <c r="AE51869" i="1"/>
  <c r="AE51870" i="1"/>
  <c r="AE51871" i="1"/>
  <c r="AE51872" i="1"/>
  <c r="AE51873" i="1"/>
  <c r="AE51874" i="1"/>
  <c r="AE51875" i="1"/>
  <c r="AE51876" i="1"/>
  <c r="AE51877" i="1"/>
  <c r="AE51878" i="1"/>
  <c r="AE51879" i="1"/>
  <c r="AE51880" i="1"/>
  <c r="AE51881" i="1"/>
  <c r="AE51882" i="1"/>
  <c r="AE51883" i="1"/>
  <c r="AE51884" i="1"/>
  <c r="AE51885" i="1"/>
  <c r="AE51886" i="1"/>
  <c r="AE51887" i="1"/>
  <c r="AE51888" i="1"/>
  <c r="AE51889" i="1"/>
  <c r="AE51890" i="1"/>
  <c r="AE51891" i="1"/>
  <c r="AE51892" i="1"/>
  <c r="AE51893" i="1"/>
  <c r="AE51894" i="1"/>
  <c r="AE51895" i="1"/>
  <c r="AE51896" i="1"/>
  <c r="AE51897" i="1"/>
  <c r="AE51898" i="1"/>
  <c r="AE51899" i="1"/>
  <c r="AE51900" i="1"/>
  <c r="AE51901" i="1"/>
  <c r="AE51902" i="1"/>
  <c r="AE51903" i="1"/>
  <c r="AE51904" i="1"/>
  <c r="AE51905" i="1"/>
  <c r="AE51906" i="1"/>
  <c r="AE51907" i="1"/>
  <c r="AE51908" i="1"/>
  <c r="AE51909" i="1"/>
  <c r="AE51910" i="1"/>
  <c r="AE51911" i="1"/>
  <c r="AE51912" i="1"/>
  <c r="AE51913" i="1"/>
  <c r="AE51914" i="1"/>
  <c r="AE51915" i="1"/>
  <c r="AE51916" i="1"/>
  <c r="AE51917" i="1"/>
  <c r="AE51918" i="1"/>
  <c r="AE51919" i="1"/>
  <c r="AE51920" i="1"/>
  <c r="AE51921" i="1"/>
  <c r="AE51922" i="1"/>
  <c r="AE51923" i="1"/>
  <c r="AE51924" i="1"/>
  <c r="AE51925" i="1"/>
  <c r="AE51926" i="1"/>
  <c r="AE51927" i="1"/>
  <c r="AE51928" i="1"/>
  <c r="AE51929" i="1"/>
  <c r="AE51930" i="1"/>
  <c r="AE51931" i="1"/>
  <c r="AE51932" i="1"/>
  <c r="AE51933" i="1"/>
  <c r="AE51934" i="1"/>
  <c r="AE51935" i="1"/>
  <c r="AE51936" i="1"/>
  <c r="AE51937" i="1"/>
  <c r="AE51938" i="1"/>
  <c r="AE51939" i="1"/>
  <c r="AE51940" i="1"/>
  <c r="AE51941" i="1"/>
  <c r="AE51942" i="1"/>
  <c r="AE51943" i="1"/>
  <c r="AE51944" i="1"/>
  <c r="AE51945" i="1"/>
  <c r="AE51946" i="1"/>
  <c r="AE51947" i="1"/>
  <c r="AE51948" i="1"/>
  <c r="AE51949" i="1"/>
  <c r="AE51950" i="1"/>
  <c r="AE51951" i="1"/>
  <c r="AE51952" i="1"/>
  <c r="AE51953" i="1"/>
  <c r="AE51954" i="1"/>
  <c r="AE51955" i="1"/>
  <c r="AE51956" i="1"/>
  <c r="AE51957" i="1"/>
  <c r="AE51958" i="1"/>
  <c r="AE51959" i="1"/>
  <c r="AE51960" i="1"/>
  <c r="AE51961" i="1"/>
  <c r="AE51962" i="1"/>
  <c r="AE51963" i="1"/>
  <c r="AE51964" i="1"/>
  <c r="AE51965" i="1"/>
  <c r="AE51966" i="1"/>
  <c r="AE51967" i="1"/>
  <c r="AE51968" i="1"/>
  <c r="AE51969" i="1"/>
  <c r="AE51970" i="1"/>
  <c r="AE51971" i="1"/>
  <c r="AE51972" i="1"/>
  <c r="AE51973" i="1"/>
  <c r="AE51974" i="1"/>
  <c r="AE51975" i="1"/>
  <c r="AE51976" i="1"/>
  <c r="AE51977" i="1"/>
  <c r="AE51978" i="1"/>
  <c r="AE51979" i="1"/>
  <c r="AE51980" i="1"/>
  <c r="AE51981" i="1"/>
  <c r="AE51982" i="1"/>
  <c r="AE51983" i="1"/>
  <c r="AE51984" i="1"/>
  <c r="AE51985" i="1"/>
  <c r="AE51986" i="1"/>
  <c r="AE51987" i="1"/>
  <c r="AE51988" i="1"/>
  <c r="AE51989" i="1"/>
  <c r="AE51990" i="1"/>
  <c r="AE51991" i="1"/>
  <c r="AE51992" i="1"/>
  <c r="AE51993" i="1"/>
  <c r="AE51994" i="1"/>
  <c r="AE51995" i="1"/>
  <c r="AE51996" i="1"/>
  <c r="AE51997" i="1"/>
  <c r="AE51998" i="1"/>
  <c r="AE51999" i="1"/>
  <c r="AE52000" i="1"/>
  <c r="AE52001" i="1"/>
  <c r="AE52002" i="1"/>
  <c r="AE52003" i="1"/>
  <c r="AE52004" i="1"/>
  <c r="AE52005" i="1"/>
  <c r="AE52006" i="1"/>
  <c r="AE52007" i="1"/>
  <c r="AE52008" i="1"/>
  <c r="AE52009" i="1"/>
  <c r="AE52010" i="1"/>
  <c r="AE52011" i="1"/>
  <c r="AE52012" i="1"/>
  <c r="AE52013" i="1"/>
  <c r="AE52014" i="1"/>
  <c r="AE52015" i="1"/>
  <c r="AE52016" i="1"/>
  <c r="AE52017" i="1"/>
  <c r="AE52018" i="1"/>
  <c r="AE52019" i="1"/>
  <c r="AE52020" i="1"/>
  <c r="AE52021" i="1"/>
  <c r="AE52022" i="1"/>
  <c r="AE52023" i="1"/>
  <c r="AE52024" i="1"/>
  <c r="AE52025" i="1"/>
  <c r="AE52026" i="1"/>
  <c r="AE52027" i="1"/>
  <c r="AE52028" i="1"/>
  <c r="AE52029" i="1"/>
  <c r="AE52030" i="1"/>
  <c r="AE52031" i="1"/>
  <c r="AE52032" i="1"/>
  <c r="AE52033" i="1"/>
  <c r="AE52034" i="1"/>
  <c r="AE52035" i="1"/>
  <c r="AE52036" i="1"/>
  <c r="AE52037" i="1"/>
  <c r="AE52038" i="1"/>
  <c r="AE52039" i="1"/>
  <c r="AE52040" i="1"/>
  <c r="AE52041" i="1"/>
  <c r="AE52042" i="1"/>
  <c r="AE52043" i="1"/>
  <c r="AE52044" i="1"/>
  <c r="AE52045" i="1"/>
  <c r="AE52046" i="1"/>
  <c r="AE52047" i="1"/>
  <c r="AE52048" i="1"/>
  <c r="AE52049" i="1"/>
  <c r="AE52050" i="1"/>
  <c r="AE52051" i="1"/>
  <c r="AE52052" i="1"/>
  <c r="AE52053" i="1"/>
  <c r="AE52054" i="1"/>
  <c r="AE52055" i="1"/>
  <c r="AE52056" i="1"/>
  <c r="AE52057" i="1"/>
  <c r="AE52058" i="1"/>
  <c r="AE52059" i="1"/>
  <c r="AE52060" i="1"/>
  <c r="AE52061" i="1"/>
  <c r="AE52062" i="1"/>
  <c r="AE52063" i="1"/>
  <c r="AE52064" i="1"/>
  <c r="AE52065" i="1"/>
  <c r="AE52066" i="1"/>
  <c r="AE52067" i="1"/>
  <c r="AE52068" i="1"/>
  <c r="AE52069" i="1"/>
  <c r="AE52070" i="1"/>
  <c r="AE52071" i="1"/>
  <c r="AE52072" i="1"/>
  <c r="AE52073" i="1"/>
  <c r="AE52074" i="1"/>
  <c r="AE52075" i="1"/>
  <c r="AE52076" i="1"/>
  <c r="AE52077" i="1"/>
  <c r="AE52078" i="1"/>
  <c r="AE52079" i="1"/>
  <c r="AE52080" i="1"/>
  <c r="AE52081" i="1"/>
  <c r="AE52082" i="1"/>
  <c r="AE52083" i="1"/>
  <c r="AE52084" i="1"/>
  <c r="AE52085" i="1"/>
  <c r="AE52086" i="1"/>
  <c r="AE52087" i="1"/>
  <c r="AE52088" i="1"/>
  <c r="AE52089" i="1"/>
  <c r="AE52090" i="1"/>
  <c r="AE52091" i="1"/>
  <c r="AE52092" i="1"/>
  <c r="AE52093" i="1"/>
  <c r="AE52094" i="1"/>
  <c r="AE52095" i="1"/>
  <c r="AE52096" i="1"/>
  <c r="AE52097" i="1"/>
  <c r="AE52098" i="1"/>
  <c r="AE52099" i="1"/>
  <c r="AE52100" i="1"/>
  <c r="AE52101" i="1"/>
  <c r="AE52102" i="1"/>
  <c r="AE52103" i="1"/>
  <c r="AE52104" i="1"/>
  <c r="AE52105" i="1"/>
  <c r="AE52106" i="1"/>
  <c r="AE52107" i="1"/>
  <c r="AE52108" i="1"/>
  <c r="AE52109" i="1"/>
  <c r="AE52110" i="1"/>
  <c r="AE52111" i="1"/>
  <c r="AE52112" i="1"/>
  <c r="AE52113" i="1"/>
  <c r="AE52114" i="1"/>
  <c r="AE52115" i="1"/>
  <c r="AE52116" i="1"/>
  <c r="AE52117" i="1"/>
  <c r="AE52118" i="1"/>
  <c r="AE52119" i="1"/>
  <c r="AE52120" i="1"/>
  <c r="AE52121" i="1"/>
  <c r="AE52122" i="1"/>
  <c r="AE52123" i="1"/>
  <c r="AE52124" i="1"/>
  <c r="AE52125" i="1"/>
  <c r="AE52126" i="1"/>
  <c r="AE52127" i="1"/>
  <c r="AE52128" i="1"/>
  <c r="AE52129" i="1"/>
  <c r="AE52130" i="1"/>
  <c r="AE52131" i="1"/>
  <c r="AE52132" i="1"/>
  <c r="AE52133" i="1"/>
  <c r="AE52134" i="1"/>
  <c r="AE52135" i="1"/>
  <c r="AE52136" i="1"/>
  <c r="AE52137" i="1"/>
  <c r="AE52138" i="1"/>
  <c r="AE52139" i="1"/>
  <c r="AE52140" i="1"/>
  <c r="AE52141" i="1"/>
  <c r="AE52142" i="1"/>
  <c r="AE52143" i="1"/>
  <c r="AE52144" i="1"/>
  <c r="AE52145" i="1"/>
  <c r="AE52146" i="1"/>
  <c r="AE52147" i="1"/>
  <c r="AE52148" i="1"/>
  <c r="AE52149" i="1"/>
  <c r="AE52150" i="1"/>
  <c r="AE52151" i="1"/>
  <c r="AE52152" i="1"/>
  <c r="AE52153" i="1"/>
  <c r="AE52154" i="1"/>
  <c r="AE52155" i="1"/>
  <c r="AE52156" i="1"/>
  <c r="AE52157" i="1"/>
  <c r="AE52158" i="1"/>
  <c r="AE52159" i="1"/>
  <c r="AE52160" i="1"/>
  <c r="AE52161" i="1"/>
  <c r="AE52162" i="1"/>
  <c r="AE52163" i="1"/>
  <c r="AE52164" i="1"/>
  <c r="AE52165" i="1"/>
  <c r="AE52166" i="1"/>
  <c r="AE52167" i="1"/>
  <c r="AE52168" i="1"/>
  <c r="AE52169" i="1"/>
  <c r="AE52170" i="1"/>
  <c r="AE52171" i="1"/>
  <c r="AE52172" i="1"/>
  <c r="AE52173" i="1"/>
  <c r="AE52174" i="1"/>
  <c r="AE52175" i="1"/>
  <c r="AE52176" i="1"/>
  <c r="AE52177" i="1"/>
  <c r="AE52178" i="1"/>
  <c r="AE52179" i="1"/>
  <c r="AE52180" i="1"/>
  <c r="AE52181" i="1"/>
  <c r="AE52182" i="1"/>
  <c r="AE52183" i="1"/>
  <c r="AE52184" i="1"/>
  <c r="AE52185" i="1"/>
  <c r="AE52186" i="1"/>
  <c r="AE52187" i="1"/>
  <c r="AE52188" i="1"/>
  <c r="AE52189" i="1"/>
  <c r="AE52190" i="1"/>
  <c r="AE52191" i="1"/>
  <c r="AE52192" i="1"/>
  <c r="AE52193" i="1"/>
  <c r="AE52194" i="1"/>
  <c r="AE52195" i="1"/>
  <c r="AE52196" i="1"/>
  <c r="AE52197" i="1"/>
  <c r="AE52198" i="1"/>
  <c r="AE52199" i="1"/>
  <c r="AE52200" i="1"/>
  <c r="AE52201" i="1"/>
  <c r="AE52202" i="1"/>
  <c r="AE52203" i="1"/>
  <c r="AE52204" i="1"/>
  <c r="AE52205" i="1"/>
  <c r="AE52206" i="1"/>
  <c r="AE52207" i="1"/>
  <c r="AE52208" i="1"/>
  <c r="AE52209" i="1"/>
  <c r="AE52210" i="1"/>
  <c r="AE52211" i="1"/>
  <c r="AE52212" i="1"/>
  <c r="AE52213" i="1"/>
  <c r="AE52214" i="1"/>
  <c r="AE52215" i="1"/>
  <c r="AE52216" i="1"/>
  <c r="AE52217" i="1"/>
  <c r="AE52218" i="1"/>
  <c r="AE52219" i="1"/>
  <c r="AE52220" i="1"/>
  <c r="AE52221" i="1"/>
  <c r="AE52222" i="1"/>
  <c r="AE52223" i="1"/>
  <c r="AE52224" i="1"/>
  <c r="AE52225" i="1"/>
  <c r="AE52226" i="1"/>
  <c r="AE52227" i="1"/>
  <c r="AE52228" i="1"/>
  <c r="AE52229" i="1"/>
  <c r="AE52230" i="1"/>
  <c r="AE52231" i="1"/>
  <c r="AE52232" i="1"/>
  <c r="AE52233" i="1"/>
  <c r="AE52234" i="1"/>
  <c r="AE52235" i="1"/>
  <c r="AE52236" i="1"/>
  <c r="AE52237" i="1"/>
  <c r="AE52238" i="1"/>
  <c r="AE52239" i="1"/>
  <c r="AE52240" i="1"/>
  <c r="AE52241" i="1"/>
  <c r="AE52242" i="1"/>
  <c r="AE52243" i="1"/>
  <c r="AE52244" i="1"/>
  <c r="AE52245" i="1"/>
  <c r="AE52246" i="1"/>
  <c r="AE52247" i="1"/>
  <c r="AE52248" i="1"/>
  <c r="AE52249" i="1"/>
  <c r="AE52250" i="1"/>
  <c r="AE52251" i="1"/>
  <c r="AE52252" i="1"/>
  <c r="AE52253" i="1"/>
  <c r="AE52254" i="1"/>
  <c r="AE52255" i="1"/>
  <c r="AE52256" i="1"/>
  <c r="AE52257" i="1"/>
  <c r="AE52258" i="1"/>
  <c r="AE52259" i="1"/>
  <c r="AE52260" i="1"/>
  <c r="AE52261" i="1"/>
  <c r="AE52262" i="1"/>
  <c r="AE52263" i="1"/>
  <c r="AE52264" i="1"/>
  <c r="AE52265" i="1"/>
  <c r="AE52266" i="1"/>
  <c r="AE52267" i="1"/>
  <c r="AE52268" i="1"/>
  <c r="AE52269" i="1"/>
  <c r="AE52270" i="1"/>
  <c r="AE52271" i="1"/>
  <c r="AE52272" i="1"/>
  <c r="AE52273" i="1"/>
  <c r="AE52274" i="1"/>
  <c r="AE52275" i="1"/>
  <c r="AE52276" i="1"/>
  <c r="AE52277" i="1"/>
  <c r="AE52278" i="1"/>
  <c r="AE52279" i="1"/>
  <c r="AE52280" i="1"/>
  <c r="AE52281" i="1"/>
  <c r="AE52282" i="1"/>
  <c r="AE52283" i="1"/>
  <c r="AE52284" i="1"/>
  <c r="AE52285" i="1"/>
  <c r="AE52286" i="1"/>
  <c r="AE52287" i="1"/>
  <c r="AE52288" i="1"/>
  <c r="AE52289" i="1"/>
  <c r="AE52290" i="1"/>
  <c r="AE52291" i="1"/>
  <c r="AE52292" i="1"/>
  <c r="AE52293" i="1"/>
  <c r="AE52294" i="1"/>
  <c r="AE52295" i="1"/>
  <c r="AE52296" i="1"/>
  <c r="AE52297" i="1"/>
  <c r="AE52298" i="1"/>
  <c r="AE52299" i="1"/>
  <c r="AE52300" i="1"/>
  <c r="AE52301" i="1"/>
  <c r="AE52302" i="1"/>
  <c r="AE52303" i="1"/>
  <c r="AE52304" i="1"/>
  <c r="AE52305" i="1"/>
  <c r="AE52306" i="1"/>
  <c r="AE52307" i="1"/>
  <c r="AE52308" i="1"/>
  <c r="AE52309" i="1"/>
  <c r="AE52310" i="1"/>
  <c r="AE52311" i="1"/>
  <c r="AE52312" i="1"/>
  <c r="AE52313" i="1"/>
  <c r="AE52314" i="1"/>
  <c r="AE52315" i="1"/>
  <c r="AE52316" i="1"/>
  <c r="AE52317" i="1"/>
  <c r="AE52318" i="1"/>
  <c r="AE52319" i="1"/>
  <c r="AE52320" i="1"/>
  <c r="AE52321" i="1"/>
  <c r="AE52322" i="1"/>
  <c r="AE52323" i="1"/>
  <c r="AE52324" i="1"/>
  <c r="AE52325" i="1"/>
  <c r="AE52326" i="1"/>
  <c r="AE52327" i="1"/>
  <c r="AE52328" i="1"/>
  <c r="AE52329" i="1"/>
  <c r="AE52330" i="1"/>
  <c r="AE52331" i="1"/>
  <c r="AE52332" i="1"/>
  <c r="AE52333" i="1"/>
  <c r="AE52334" i="1"/>
  <c r="AE52335" i="1"/>
  <c r="AE52336" i="1"/>
  <c r="AE52337" i="1"/>
  <c r="AE52338" i="1"/>
  <c r="AE52339" i="1"/>
  <c r="AE52340" i="1"/>
  <c r="AE52341" i="1"/>
  <c r="AE52342" i="1"/>
  <c r="AE52343" i="1"/>
  <c r="AE52344" i="1"/>
  <c r="AE52345" i="1"/>
  <c r="AE52346" i="1"/>
  <c r="AE52347" i="1"/>
  <c r="AE52348" i="1"/>
  <c r="AE52349" i="1"/>
  <c r="AE52350" i="1"/>
  <c r="AE52351" i="1"/>
  <c r="AE52352" i="1"/>
  <c r="AE52353" i="1"/>
  <c r="AE52354" i="1"/>
  <c r="AE52355" i="1"/>
  <c r="AE52356" i="1"/>
  <c r="AE52357" i="1"/>
  <c r="AE52358" i="1"/>
  <c r="AE52359" i="1"/>
  <c r="AE52360" i="1"/>
  <c r="AE52361" i="1"/>
  <c r="AE52362" i="1"/>
  <c r="AE52363" i="1"/>
  <c r="AE52364" i="1"/>
  <c r="AE52365" i="1"/>
  <c r="AE52366" i="1"/>
  <c r="AE52367" i="1"/>
  <c r="AE52368" i="1"/>
  <c r="AE52369" i="1"/>
  <c r="AE52370" i="1"/>
  <c r="AE52371" i="1"/>
  <c r="AE52372" i="1"/>
  <c r="AE52373" i="1"/>
  <c r="AE52374" i="1"/>
  <c r="AE52375" i="1"/>
  <c r="AE52376" i="1"/>
  <c r="AE52377" i="1"/>
  <c r="AE52378" i="1"/>
  <c r="AE52379" i="1"/>
  <c r="AE52380" i="1"/>
  <c r="AE52381" i="1"/>
  <c r="AE52382" i="1"/>
  <c r="AE52383" i="1"/>
  <c r="AE52384" i="1"/>
  <c r="AE52385" i="1"/>
  <c r="AE52386" i="1"/>
  <c r="AE52387" i="1"/>
  <c r="AE52388" i="1"/>
  <c r="AE52389" i="1"/>
  <c r="AE52390" i="1"/>
  <c r="AE52391" i="1"/>
  <c r="AE52392" i="1"/>
  <c r="AE52393" i="1"/>
  <c r="AE52394" i="1"/>
  <c r="AE52395" i="1"/>
  <c r="AE52396" i="1"/>
  <c r="AE52397" i="1"/>
  <c r="AE52398" i="1"/>
  <c r="AE52399" i="1"/>
  <c r="AE52400" i="1"/>
  <c r="AE52401" i="1"/>
  <c r="AE52402" i="1"/>
  <c r="AE52403" i="1"/>
  <c r="AE52404" i="1"/>
  <c r="AE52405" i="1"/>
  <c r="AE52406" i="1"/>
  <c r="AE52407" i="1"/>
  <c r="AE52408" i="1"/>
  <c r="AE52409" i="1"/>
  <c r="AE52410" i="1"/>
  <c r="AE52411" i="1"/>
  <c r="AE52412" i="1"/>
  <c r="AE52413" i="1"/>
  <c r="AE52414" i="1"/>
  <c r="AE52415" i="1"/>
  <c r="AE52416" i="1"/>
  <c r="AE52417" i="1"/>
  <c r="AE52418" i="1"/>
  <c r="AE52419" i="1"/>
  <c r="AE52420" i="1"/>
  <c r="AE52421" i="1"/>
  <c r="AE52422" i="1"/>
  <c r="AE52423" i="1"/>
  <c r="AE52424" i="1"/>
  <c r="AE52425" i="1"/>
  <c r="AE52426" i="1"/>
  <c r="AE52427" i="1"/>
  <c r="AE52428" i="1"/>
  <c r="AE52429" i="1"/>
  <c r="AE52430" i="1"/>
  <c r="AE52431" i="1"/>
  <c r="AE52432" i="1"/>
  <c r="AE52433" i="1"/>
  <c r="AE52434" i="1"/>
  <c r="AE52435" i="1"/>
  <c r="AE52436" i="1"/>
  <c r="AE52437" i="1"/>
  <c r="AE52438" i="1"/>
  <c r="AE52439" i="1"/>
  <c r="AE52440" i="1"/>
  <c r="AE52441" i="1"/>
  <c r="AE52442" i="1"/>
  <c r="AE52443" i="1"/>
  <c r="AE52444" i="1"/>
  <c r="AE52445" i="1"/>
  <c r="AE52446" i="1"/>
  <c r="AE52447" i="1"/>
  <c r="AE52448" i="1"/>
  <c r="AE52449" i="1"/>
  <c r="AE52450" i="1"/>
  <c r="AE52451" i="1"/>
  <c r="AE52452" i="1"/>
  <c r="AE52453" i="1"/>
  <c r="AE52454" i="1"/>
  <c r="AE52455" i="1"/>
  <c r="AE52456" i="1"/>
  <c r="AE52457" i="1"/>
  <c r="AE52458" i="1"/>
  <c r="AE52459" i="1"/>
  <c r="AE52460" i="1"/>
  <c r="AE52461" i="1"/>
  <c r="AE52462" i="1"/>
  <c r="AE52463" i="1"/>
  <c r="AE52464" i="1"/>
  <c r="AE52465" i="1"/>
  <c r="AE52466" i="1"/>
  <c r="AE52467" i="1"/>
  <c r="AE52468" i="1"/>
  <c r="AE52469" i="1"/>
  <c r="AE52470" i="1"/>
  <c r="AE52471" i="1"/>
  <c r="AE52472" i="1"/>
  <c r="AE52473" i="1"/>
  <c r="AE52474" i="1"/>
  <c r="AE52475" i="1"/>
  <c r="AE52476" i="1"/>
  <c r="AE52477" i="1"/>
  <c r="AE52478" i="1"/>
  <c r="AE52479" i="1"/>
  <c r="AE52480" i="1"/>
  <c r="AE52481" i="1"/>
  <c r="AE52482" i="1"/>
  <c r="AE52483" i="1"/>
  <c r="AE52484" i="1"/>
  <c r="AE52485" i="1"/>
  <c r="AE52486" i="1"/>
  <c r="AE52487" i="1"/>
  <c r="AE52488" i="1"/>
  <c r="AE52489" i="1"/>
  <c r="AE52490" i="1"/>
  <c r="AE52491" i="1"/>
  <c r="AE52492" i="1"/>
  <c r="AE52493" i="1"/>
  <c r="AE52494" i="1"/>
  <c r="AE52495" i="1"/>
  <c r="AE52496" i="1"/>
  <c r="AE52497" i="1"/>
  <c r="AE52498" i="1"/>
  <c r="AE52499" i="1"/>
  <c r="AE52500" i="1"/>
  <c r="AE52501" i="1"/>
  <c r="AE52502" i="1"/>
  <c r="AE52503" i="1"/>
  <c r="AE52504" i="1"/>
  <c r="AE52505" i="1"/>
  <c r="AE52506" i="1"/>
  <c r="AE52507" i="1"/>
  <c r="AE52508" i="1"/>
  <c r="AE52509" i="1"/>
  <c r="AE52510" i="1"/>
  <c r="AE52511" i="1"/>
  <c r="AE52512" i="1"/>
  <c r="AE52513" i="1"/>
  <c r="AE52514" i="1"/>
  <c r="AE52515" i="1"/>
  <c r="AE52516" i="1"/>
  <c r="AE52517" i="1"/>
  <c r="AE52518" i="1"/>
  <c r="AE52519" i="1"/>
  <c r="AE52520" i="1"/>
  <c r="AE52521" i="1"/>
  <c r="AE52522" i="1"/>
  <c r="AE52523" i="1"/>
  <c r="AE52524" i="1"/>
  <c r="AE52525" i="1"/>
  <c r="AE52526" i="1"/>
  <c r="AE52527" i="1"/>
  <c r="AE52528" i="1"/>
  <c r="AE52529" i="1"/>
  <c r="AE52530" i="1"/>
  <c r="AE52531" i="1"/>
  <c r="AE52532" i="1"/>
  <c r="AE52533" i="1"/>
  <c r="AE52534" i="1"/>
  <c r="AE52535" i="1"/>
  <c r="AE52536" i="1"/>
  <c r="AE52537" i="1"/>
  <c r="AE52538" i="1"/>
  <c r="AE52539" i="1"/>
  <c r="AE52540" i="1"/>
  <c r="AE52541" i="1"/>
  <c r="AE52542" i="1"/>
  <c r="AE52543" i="1"/>
  <c r="AE52544" i="1"/>
  <c r="AE52545" i="1"/>
  <c r="AE52546" i="1"/>
  <c r="AE52547" i="1"/>
  <c r="AE52548" i="1"/>
  <c r="AE52549" i="1"/>
  <c r="AE52550" i="1"/>
  <c r="AE52551" i="1"/>
  <c r="AE52552" i="1"/>
  <c r="AE52553" i="1"/>
  <c r="AE52554" i="1"/>
  <c r="AE52555" i="1"/>
  <c r="AE52556" i="1"/>
  <c r="AE52557" i="1"/>
  <c r="AE52558" i="1"/>
  <c r="AE52559" i="1"/>
  <c r="AE52560" i="1"/>
  <c r="AE52561" i="1"/>
  <c r="AE52562" i="1"/>
  <c r="AE52563" i="1"/>
  <c r="AE52564" i="1"/>
  <c r="AE52565" i="1"/>
  <c r="AE52566" i="1"/>
  <c r="AE52567" i="1"/>
  <c r="AE52568" i="1"/>
  <c r="AE52569" i="1"/>
  <c r="AE52570" i="1"/>
  <c r="AE52571" i="1"/>
  <c r="AE52572" i="1"/>
  <c r="AE52573" i="1"/>
  <c r="AE52574" i="1"/>
  <c r="AE52575" i="1"/>
  <c r="AE52576" i="1"/>
  <c r="AE52577" i="1"/>
  <c r="AE52578" i="1"/>
  <c r="AE52579" i="1"/>
  <c r="AE52580" i="1"/>
  <c r="AE52581" i="1"/>
  <c r="AE52582" i="1"/>
  <c r="AE52583" i="1"/>
  <c r="AE52584" i="1"/>
  <c r="AE52585" i="1"/>
  <c r="AE52586" i="1"/>
  <c r="AE52587" i="1"/>
  <c r="AE52588" i="1"/>
  <c r="AE52589" i="1"/>
  <c r="AE52590" i="1"/>
  <c r="AE52591" i="1"/>
  <c r="AE52592" i="1"/>
  <c r="AE52593" i="1"/>
  <c r="AE52594" i="1"/>
  <c r="AE52595" i="1"/>
  <c r="AE52596" i="1"/>
  <c r="AE52597" i="1"/>
  <c r="AE52598" i="1"/>
  <c r="AE52599" i="1"/>
  <c r="AE52600" i="1"/>
  <c r="AE52601" i="1"/>
  <c r="AE52602" i="1"/>
  <c r="AE52603" i="1"/>
  <c r="AE52604" i="1"/>
  <c r="AE52605" i="1"/>
  <c r="AE52606" i="1"/>
  <c r="AE52607" i="1"/>
  <c r="AE52608" i="1"/>
  <c r="AE52609" i="1"/>
  <c r="AE52610" i="1"/>
  <c r="AE52611" i="1"/>
  <c r="AE52612" i="1"/>
  <c r="AE52613" i="1"/>
  <c r="AE52614" i="1"/>
  <c r="AE52615" i="1"/>
  <c r="AE52616" i="1"/>
  <c r="AE52617" i="1"/>
  <c r="AE52618" i="1"/>
  <c r="AE52619" i="1"/>
  <c r="AE52620" i="1"/>
  <c r="AE52621" i="1"/>
  <c r="AE52622" i="1"/>
  <c r="AE52623" i="1"/>
  <c r="AE52624" i="1"/>
  <c r="AE52625" i="1"/>
  <c r="AE52626" i="1"/>
  <c r="AE52627" i="1"/>
  <c r="AE52628" i="1"/>
  <c r="AE52629" i="1"/>
  <c r="AE52630" i="1"/>
  <c r="AE52631" i="1"/>
  <c r="AE52632" i="1"/>
  <c r="AE52633" i="1"/>
  <c r="AE52634" i="1"/>
  <c r="AE52635" i="1"/>
  <c r="AE52636" i="1"/>
  <c r="AE52637" i="1"/>
  <c r="AE52638" i="1"/>
  <c r="AE52639" i="1"/>
  <c r="AE52640" i="1"/>
  <c r="AE52641" i="1"/>
  <c r="AE52642" i="1"/>
  <c r="AE52643" i="1"/>
  <c r="AE52644" i="1"/>
  <c r="AE52645" i="1"/>
  <c r="AE52646" i="1"/>
  <c r="AE52647" i="1"/>
  <c r="AE52648" i="1"/>
  <c r="AE52649" i="1"/>
  <c r="AE52650" i="1"/>
  <c r="AE52651" i="1"/>
  <c r="AE52652" i="1"/>
  <c r="AE52653" i="1"/>
  <c r="AE52654" i="1"/>
  <c r="AE52655" i="1"/>
  <c r="AE52656" i="1"/>
  <c r="AE52657" i="1"/>
  <c r="AE52658" i="1"/>
  <c r="AE52659" i="1"/>
  <c r="AE52660" i="1"/>
  <c r="AE52661" i="1"/>
  <c r="AE52662" i="1"/>
  <c r="AE52663" i="1"/>
  <c r="AE52664" i="1"/>
  <c r="AE52665" i="1"/>
  <c r="AE52666" i="1"/>
  <c r="AE52667" i="1"/>
  <c r="AE52668" i="1"/>
  <c r="AE52669" i="1"/>
  <c r="AE52670" i="1"/>
  <c r="AE52671" i="1"/>
  <c r="AE52672" i="1"/>
  <c r="AE52673" i="1"/>
  <c r="AE52674" i="1"/>
  <c r="AE52675" i="1"/>
  <c r="AE52676" i="1"/>
  <c r="AE52677" i="1"/>
  <c r="AE52678" i="1"/>
  <c r="AE52679" i="1"/>
  <c r="AE52680" i="1"/>
  <c r="AE52681" i="1"/>
  <c r="AE52682" i="1"/>
  <c r="AE52683" i="1"/>
  <c r="AE52684" i="1"/>
  <c r="AE52685" i="1"/>
  <c r="AE52686" i="1"/>
  <c r="AE52687" i="1"/>
  <c r="AE52688" i="1"/>
  <c r="AE52689" i="1"/>
  <c r="AE52690" i="1"/>
  <c r="AE52691" i="1"/>
  <c r="AE52692" i="1"/>
  <c r="AE52693" i="1"/>
  <c r="AE52694" i="1"/>
  <c r="AE52695" i="1"/>
  <c r="AE52696" i="1"/>
  <c r="AE52697" i="1"/>
  <c r="AE52698" i="1"/>
  <c r="AE52699" i="1"/>
  <c r="AE52700" i="1"/>
  <c r="AE52701" i="1"/>
  <c r="AE52702" i="1"/>
  <c r="AE52703" i="1"/>
  <c r="AE52704" i="1"/>
  <c r="AE52705" i="1"/>
  <c r="AE52706" i="1"/>
  <c r="AE52707" i="1"/>
  <c r="AE52708" i="1"/>
  <c r="AE52709" i="1"/>
  <c r="AE52710" i="1"/>
  <c r="AE52711" i="1"/>
  <c r="AE52712" i="1"/>
  <c r="AE52713" i="1"/>
  <c r="AE52714" i="1"/>
  <c r="AE52715" i="1"/>
  <c r="AE52716" i="1"/>
  <c r="AE52717" i="1"/>
  <c r="AE52718" i="1"/>
  <c r="AE52719" i="1"/>
  <c r="AE52720" i="1"/>
  <c r="AE52721" i="1"/>
  <c r="AE52722" i="1"/>
  <c r="AE52723" i="1"/>
  <c r="AE52724" i="1"/>
  <c r="AE52725" i="1"/>
  <c r="AE52726" i="1"/>
  <c r="AE52727" i="1"/>
  <c r="AE52728" i="1"/>
  <c r="AE52729" i="1"/>
  <c r="AE52730" i="1"/>
  <c r="AE52731" i="1"/>
  <c r="AE52732" i="1"/>
  <c r="AE52733" i="1"/>
  <c r="AE52734" i="1"/>
  <c r="AE52735" i="1"/>
  <c r="AE52736" i="1"/>
  <c r="AE52737" i="1"/>
  <c r="AE52738" i="1"/>
  <c r="AE52739" i="1"/>
  <c r="AE52740" i="1"/>
  <c r="AE52741" i="1"/>
  <c r="AE52742" i="1"/>
  <c r="AE52743" i="1"/>
  <c r="AE52744" i="1"/>
  <c r="AE52745" i="1"/>
  <c r="AE52746" i="1"/>
  <c r="AE52747" i="1"/>
  <c r="AE52748" i="1"/>
  <c r="AE52749" i="1"/>
  <c r="AE52750" i="1"/>
  <c r="AE52751" i="1"/>
  <c r="AE52752" i="1"/>
  <c r="AE52753" i="1"/>
  <c r="AE52754" i="1"/>
  <c r="AE52755" i="1"/>
  <c r="AE52756" i="1"/>
  <c r="AE52757" i="1"/>
  <c r="AE52758" i="1"/>
  <c r="AE52759" i="1"/>
  <c r="AE52760" i="1"/>
  <c r="AE52761" i="1"/>
  <c r="AE52762" i="1"/>
  <c r="AE52763" i="1"/>
  <c r="AE52764" i="1"/>
  <c r="AE52765" i="1"/>
  <c r="AE52766" i="1"/>
  <c r="AE52767" i="1"/>
  <c r="AE52768" i="1"/>
  <c r="AE52769" i="1"/>
  <c r="AE52770" i="1"/>
  <c r="AE52771" i="1"/>
  <c r="AE52772" i="1"/>
  <c r="AE52773" i="1"/>
  <c r="AE52774" i="1"/>
  <c r="AE52775" i="1"/>
  <c r="AE52776" i="1"/>
  <c r="AE52777" i="1"/>
  <c r="AE52778" i="1"/>
  <c r="AE52779" i="1"/>
  <c r="AE52780" i="1"/>
  <c r="AE52781" i="1"/>
  <c r="AE52782" i="1"/>
  <c r="AE52783" i="1"/>
  <c r="AE52784" i="1"/>
  <c r="AE52785" i="1"/>
  <c r="AE52786" i="1"/>
  <c r="AE52787" i="1"/>
  <c r="AE52788" i="1"/>
  <c r="AE52789" i="1"/>
  <c r="AE52790" i="1"/>
  <c r="AE52791" i="1"/>
  <c r="AE52792" i="1"/>
  <c r="AE52793" i="1"/>
  <c r="AE52794" i="1"/>
  <c r="AE52795" i="1"/>
  <c r="AE52796" i="1"/>
  <c r="AE52797" i="1"/>
  <c r="AE52798" i="1"/>
  <c r="AE52799" i="1"/>
  <c r="AE52800" i="1"/>
  <c r="AE52801" i="1"/>
  <c r="AE52802" i="1"/>
  <c r="AE52803" i="1"/>
  <c r="AE52804" i="1"/>
  <c r="AE52805" i="1"/>
  <c r="AE52806" i="1"/>
  <c r="AE52807" i="1"/>
  <c r="AE52808" i="1"/>
  <c r="AE52809" i="1"/>
  <c r="AE52810" i="1"/>
  <c r="AE52811" i="1"/>
  <c r="AE52812" i="1"/>
  <c r="AE52813" i="1"/>
  <c r="AE52814" i="1"/>
  <c r="AE52815" i="1"/>
  <c r="AE52816" i="1"/>
  <c r="AE52817" i="1"/>
  <c r="AE52818" i="1"/>
  <c r="AE52819" i="1"/>
  <c r="AE52820" i="1"/>
  <c r="AE52821" i="1"/>
  <c r="AE52822" i="1"/>
  <c r="AE52823" i="1"/>
  <c r="AE52824" i="1"/>
  <c r="AE52825" i="1"/>
  <c r="AE52826" i="1"/>
  <c r="AE52827" i="1"/>
  <c r="AE52828" i="1"/>
  <c r="AE52829" i="1"/>
  <c r="AE52830" i="1"/>
  <c r="AE52831" i="1"/>
  <c r="AE52832" i="1"/>
  <c r="AE52833" i="1"/>
  <c r="AE52834" i="1"/>
  <c r="AE52835" i="1"/>
  <c r="AE52836" i="1"/>
  <c r="AE52837" i="1"/>
  <c r="AE52838" i="1"/>
  <c r="AE52839" i="1"/>
  <c r="AE52840" i="1"/>
  <c r="AE52841" i="1"/>
  <c r="AE52842" i="1"/>
  <c r="AE52843" i="1"/>
  <c r="AE52844" i="1"/>
  <c r="AE52845" i="1"/>
  <c r="AE52846" i="1"/>
  <c r="AE52847" i="1"/>
  <c r="AE52848" i="1"/>
  <c r="AE52849" i="1"/>
  <c r="AE52850" i="1"/>
  <c r="AE52851" i="1"/>
  <c r="AE52852" i="1"/>
  <c r="AE52853" i="1"/>
  <c r="AE52854" i="1"/>
  <c r="AE52855" i="1"/>
  <c r="AE52856" i="1"/>
  <c r="AE52857" i="1"/>
  <c r="AE52858" i="1"/>
  <c r="AE52859" i="1"/>
  <c r="AE52860" i="1"/>
  <c r="AE52861" i="1"/>
  <c r="AE52862" i="1"/>
  <c r="AE52863" i="1"/>
  <c r="AE52864" i="1"/>
  <c r="AE52865" i="1"/>
  <c r="AE52866" i="1"/>
  <c r="AE52867" i="1"/>
  <c r="AE52868" i="1"/>
  <c r="AE52869" i="1"/>
  <c r="AE52870" i="1"/>
  <c r="AE52871" i="1"/>
  <c r="AE52872" i="1"/>
  <c r="AE52873" i="1"/>
  <c r="AE52874" i="1"/>
  <c r="AE52875" i="1"/>
  <c r="AE52876" i="1"/>
  <c r="AE52877" i="1"/>
  <c r="AE52878" i="1"/>
  <c r="AE52879" i="1"/>
  <c r="AE52880" i="1"/>
  <c r="AE52881" i="1"/>
  <c r="AE52882" i="1"/>
  <c r="AE52883" i="1"/>
  <c r="AE52884" i="1"/>
  <c r="AE52885" i="1"/>
  <c r="AE52886" i="1"/>
  <c r="AE52887" i="1"/>
  <c r="AE52888" i="1"/>
  <c r="AE52889" i="1"/>
  <c r="AE52890" i="1"/>
  <c r="AE52891" i="1"/>
  <c r="AE52892" i="1"/>
  <c r="AE52893" i="1"/>
  <c r="AE52894" i="1"/>
  <c r="AE52895" i="1"/>
  <c r="AE52896" i="1"/>
  <c r="AE52897" i="1"/>
  <c r="AE52898" i="1"/>
  <c r="AE52899" i="1"/>
  <c r="AE52900" i="1"/>
  <c r="AE52901" i="1"/>
  <c r="AE52902" i="1"/>
  <c r="AE52903" i="1"/>
  <c r="AE52904" i="1"/>
  <c r="AE52905" i="1"/>
  <c r="AE52906" i="1"/>
  <c r="AE52907" i="1"/>
  <c r="AE52908" i="1"/>
  <c r="AE52909" i="1"/>
  <c r="AE52910" i="1"/>
  <c r="AE52911" i="1"/>
  <c r="AE52912" i="1"/>
  <c r="AE52913" i="1"/>
  <c r="AE52914" i="1"/>
  <c r="AE52915" i="1"/>
  <c r="AE52916" i="1"/>
  <c r="AE52917" i="1"/>
  <c r="AE52918" i="1"/>
  <c r="AE52919" i="1"/>
  <c r="AE52920" i="1"/>
  <c r="AE52921" i="1"/>
  <c r="AE52922" i="1"/>
  <c r="AE52923" i="1"/>
  <c r="AE52924" i="1"/>
  <c r="AE52925" i="1"/>
  <c r="AE52926" i="1"/>
  <c r="AE52927" i="1"/>
  <c r="AE52928" i="1"/>
  <c r="AE52929" i="1"/>
  <c r="AE52930" i="1"/>
  <c r="AE52931" i="1"/>
  <c r="AE52932" i="1"/>
  <c r="AE52933" i="1"/>
  <c r="AE52934" i="1"/>
  <c r="AE52935" i="1"/>
  <c r="AE52936" i="1"/>
  <c r="AE52937" i="1"/>
  <c r="AE52938" i="1"/>
  <c r="AE52939" i="1"/>
  <c r="AE52940" i="1"/>
  <c r="AE52941" i="1"/>
  <c r="AE52942" i="1"/>
  <c r="AE52943" i="1"/>
  <c r="AE52944" i="1"/>
  <c r="AE52945" i="1"/>
  <c r="AE52946" i="1"/>
  <c r="AE52947" i="1"/>
  <c r="AE52948" i="1"/>
  <c r="AE52949" i="1"/>
  <c r="AE52950" i="1"/>
  <c r="AE52951" i="1"/>
  <c r="AE52952" i="1"/>
  <c r="AE52953" i="1"/>
  <c r="AE52954" i="1"/>
  <c r="AE52955" i="1"/>
  <c r="AE52956" i="1"/>
  <c r="AE52957" i="1"/>
  <c r="AE52958" i="1"/>
  <c r="AE52959" i="1"/>
  <c r="AE52960" i="1"/>
  <c r="AE52961" i="1"/>
  <c r="AE52962" i="1"/>
  <c r="AE52963" i="1"/>
  <c r="AE52964" i="1"/>
  <c r="AE52965" i="1"/>
  <c r="AE52966" i="1"/>
  <c r="AE52967" i="1"/>
  <c r="AE52968" i="1"/>
  <c r="AE52969" i="1"/>
  <c r="AE52970" i="1"/>
  <c r="AE52971" i="1"/>
  <c r="AE52972" i="1"/>
  <c r="AE52973" i="1"/>
  <c r="AE52974" i="1"/>
  <c r="AE52975" i="1"/>
  <c r="AE52976" i="1"/>
  <c r="AE52977" i="1"/>
  <c r="AE52978" i="1"/>
  <c r="AE52979" i="1"/>
  <c r="AE52980" i="1"/>
  <c r="AE52981" i="1"/>
  <c r="AE52982" i="1"/>
  <c r="AE52983" i="1"/>
  <c r="AE52984" i="1"/>
  <c r="AE52985" i="1"/>
  <c r="AE52986" i="1"/>
  <c r="AE52987" i="1"/>
  <c r="AE52988" i="1"/>
  <c r="AE52989" i="1"/>
  <c r="AE52990" i="1"/>
  <c r="AE52991" i="1"/>
  <c r="AE52992" i="1"/>
  <c r="AE52993" i="1"/>
  <c r="AE52994" i="1"/>
  <c r="AE52995" i="1"/>
  <c r="AE52996" i="1"/>
  <c r="AE52997" i="1"/>
  <c r="AE52998" i="1"/>
  <c r="AE52999" i="1"/>
  <c r="AE53000" i="1"/>
  <c r="AE53001" i="1"/>
  <c r="AE53002" i="1"/>
  <c r="AE53003" i="1"/>
  <c r="AE53004" i="1"/>
  <c r="AE53005" i="1"/>
  <c r="AE53006" i="1"/>
  <c r="AE53007" i="1"/>
  <c r="AE53008" i="1"/>
  <c r="AE53009" i="1"/>
  <c r="AE53010" i="1"/>
  <c r="AE53011" i="1"/>
  <c r="AE53012" i="1"/>
  <c r="AE53013" i="1"/>
  <c r="AE53014" i="1"/>
  <c r="AE53015" i="1"/>
  <c r="AE53016" i="1"/>
  <c r="AE53017" i="1"/>
  <c r="AE53018" i="1"/>
  <c r="AE53019" i="1"/>
  <c r="AE53020" i="1"/>
  <c r="AE53021" i="1"/>
  <c r="AE53022" i="1"/>
  <c r="AE53023" i="1"/>
  <c r="AE53024" i="1"/>
  <c r="AE53025" i="1"/>
  <c r="AE53026" i="1"/>
  <c r="AE53027" i="1"/>
  <c r="AE53028" i="1"/>
  <c r="AE53029" i="1"/>
  <c r="AE53030" i="1"/>
  <c r="AE53031" i="1"/>
  <c r="AE53032" i="1"/>
  <c r="AE53033" i="1"/>
  <c r="AE53034" i="1"/>
  <c r="AE53035" i="1"/>
  <c r="AE53036" i="1"/>
  <c r="AE53037" i="1"/>
  <c r="AE53038" i="1"/>
  <c r="AE53039" i="1"/>
  <c r="AE53040" i="1"/>
  <c r="AE53041" i="1"/>
  <c r="AE53042" i="1"/>
  <c r="AE53043" i="1"/>
  <c r="AE53044" i="1"/>
  <c r="AE53045" i="1"/>
  <c r="AE53046" i="1"/>
  <c r="AE53047" i="1"/>
  <c r="AE53048" i="1"/>
  <c r="AE53049" i="1"/>
  <c r="AE53050" i="1"/>
  <c r="AE53051" i="1"/>
  <c r="AE53052" i="1"/>
  <c r="AE53053" i="1"/>
  <c r="AE53054" i="1"/>
  <c r="AE53055" i="1"/>
  <c r="AE53056" i="1"/>
  <c r="AE53057" i="1"/>
  <c r="AE53058" i="1"/>
  <c r="AE53059" i="1"/>
  <c r="AE53060" i="1"/>
  <c r="AE53061" i="1"/>
  <c r="AE53062" i="1"/>
  <c r="AE53063" i="1"/>
  <c r="AE53064" i="1"/>
  <c r="AE53065" i="1"/>
  <c r="AE53066" i="1"/>
  <c r="AE53067" i="1"/>
  <c r="AE53068" i="1"/>
  <c r="AE53069" i="1"/>
  <c r="AE53070" i="1"/>
  <c r="AE53071" i="1"/>
  <c r="AE53072" i="1"/>
  <c r="AE53073" i="1"/>
  <c r="AE53074" i="1"/>
  <c r="AE53075" i="1"/>
  <c r="AE53076" i="1"/>
  <c r="AE53077" i="1"/>
  <c r="AE53078" i="1"/>
  <c r="AE53079" i="1"/>
  <c r="AE53080" i="1"/>
  <c r="AE53081" i="1"/>
  <c r="AE53082" i="1"/>
  <c r="AE53083" i="1"/>
  <c r="AE53084" i="1"/>
  <c r="AE53085" i="1"/>
  <c r="AE53086" i="1"/>
  <c r="AE53087" i="1"/>
  <c r="AE53088" i="1"/>
  <c r="AE53089" i="1"/>
  <c r="AE53090" i="1"/>
  <c r="AE53091" i="1"/>
  <c r="AE53092" i="1"/>
  <c r="AE53093" i="1"/>
  <c r="AE53094" i="1"/>
  <c r="AE53095" i="1"/>
  <c r="AE53096" i="1"/>
  <c r="AE53097" i="1"/>
  <c r="AE53098" i="1"/>
  <c r="AE53099" i="1"/>
  <c r="AE53100" i="1"/>
  <c r="AE53101" i="1"/>
  <c r="AE53102" i="1"/>
  <c r="AE53103" i="1"/>
  <c r="AE53104" i="1"/>
  <c r="AE53105" i="1"/>
  <c r="AE53106" i="1"/>
  <c r="AE53107" i="1"/>
  <c r="AE53108" i="1"/>
  <c r="AE53109" i="1"/>
  <c r="AE53110" i="1"/>
  <c r="AE53111" i="1"/>
  <c r="AE53112" i="1"/>
  <c r="AE53113" i="1"/>
  <c r="AE53114" i="1"/>
  <c r="AE53115" i="1"/>
  <c r="AE53116" i="1"/>
  <c r="AE53117" i="1"/>
  <c r="AE53118" i="1"/>
  <c r="AE53119" i="1"/>
  <c r="AE53120" i="1"/>
  <c r="AE53121" i="1"/>
  <c r="AE53122" i="1"/>
  <c r="AE53123" i="1"/>
  <c r="AE53124" i="1"/>
  <c r="AE53125" i="1"/>
  <c r="AE53126" i="1"/>
  <c r="AE53127" i="1"/>
  <c r="AE53128" i="1"/>
  <c r="AE53129" i="1"/>
  <c r="AE53130" i="1"/>
  <c r="AE53131" i="1"/>
  <c r="AE53132" i="1"/>
  <c r="AE53133" i="1"/>
  <c r="AE53134" i="1"/>
  <c r="AE53135" i="1"/>
  <c r="AE53136" i="1"/>
  <c r="AE53137" i="1"/>
  <c r="AE53138" i="1"/>
  <c r="AE53139" i="1"/>
  <c r="AE53140" i="1"/>
  <c r="AE53141" i="1"/>
  <c r="AE53142" i="1"/>
  <c r="AE53143" i="1"/>
  <c r="AE53144" i="1"/>
  <c r="AE53145" i="1"/>
  <c r="AE53146" i="1"/>
  <c r="AE53147" i="1"/>
  <c r="AE53148" i="1"/>
  <c r="AE53149" i="1"/>
  <c r="AE53150" i="1"/>
  <c r="AE53151" i="1"/>
  <c r="AE53152" i="1"/>
  <c r="AE53153" i="1"/>
  <c r="AE53154" i="1"/>
  <c r="AE53155" i="1"/>
  <c r="AE53156" i="1"/>
  <c r="AE53157" i="1"/>
  <c r="AE53158" i="1"/>
  <c r="AE53159" i="1"/>
  <c r="AE53160" i="1"/>
  <c r="AE53161" i="1"/>
  <c r="AE53162" i="1"/>
  <c r="AE53163" i="1"/>
  <c r="AE53164" i="1"/>
  <c r="AE53165" i="1"/>
  <c r="AE53166" i="1"/>
  <c r="AE53167" i="1"/>
  <c r="AE53168" i="1"/>
  <c r="AE53169" i="1"/>
  <c r="AE53170" i="1"/>
  <c r="AE53171" i="1"/>
  <c r="AE53172" i="1"/>
  <c r="AE53173" i="1"/>
  <c r="AE53174" i="1"/>
  <c r="AE53175" i="1"/>
  <c r="AE53176" i="1"/>
  <c r="AE53177" i="1"/>
  <c r="AE53178" i="1"/>
  <c r="AE53179" i="1"/>
  <c r="AE53180" i="1"/>
  <c r="AE53181" i="1"/>
  <c r="AE53182" i="1"/>
  <c r="AE53183" i="1"/>
  <c r="AE53184" i="1"/>
  <c r="AE53185" i="1"/>
  <c r="AE53186" i="1"/>
  <c r="AE53187" i="1"/>
  <c r="AE53188" i="1"/>
  <c r="AE53189" i="1"/>
  <c r="AE53190" i="1"/>
  <c r="AE53191" i="1"/>
  <c r="AE53192" i="1"/>
  <c r="AE53193" i="1"/>
  <c r="AE53194" i="1"/>
  <c r="AE53195" i="1"/>
  <c r="AE53196" i="1"/>
  <c r="AE53197" i="1"/>
  <c r="AE53198" i="1"/>
  <c r="AE53199" i="1"/>
  <c r="AE53200" i="1"/>
  <c r="AE53201" i="1"/>
  <c r="AE53202" i="1"/>
  <c r="AE53203" i="1"/>
  <c r="AE53204" i="1"/>
  <c r="AE53205" i="1"/>
  <c r="AE53206" i="1"/>
  <c r="AE53207" i="1"/>
  <c r="AE53208" i="1"/>
  <c r="AE53209" i="1"/>
  <c r="AE53210" i="1"/>
  <c r="AE53211" i="1"/>
  <c r="AE53212" i="1"/>
  <c r="AE53213" i="1"/>
  <c r="AE53214" i="1"/>
  <c r="AE53215" i="1"/>
  <c r="AE53216" i="1"/>
  <c r="AE53217" i="1"/>
  <c r="AE53218" i="1"/>
  <c r="AE53219" i="1"/>
  <c r="AE53220" i="1"/>
  <c r="AE53221" i="1"/>
  <c r="AE53222" i="1"/>
  <c r="AE53223" i="1"/>
  <c r="AE53224" i="1"/>
  <c r="AE53225" i="1"/>
  <c r="AE53226" i="1"/>
  <c r="AE53227" i="1"/>
  <c r="AE53228" i="1"/>
  <c r="AE53229" i="1"/>
  <c r="AE53230" i="1"/>
  <c r="AE53231" i="1"/>
  <c r="AE53232" i="1"/>
  <c r="AE53233" i="1"/>
  <c r="AE53234" i="1"/>
  <c r="AE53235" i="1"/>
  <c r="AE53236" i="1"/>
  <c r="AE53237" i="1"/>
  <c r="AE53238" i="1"/>
  <c r="AE53239" i="1"/>
  <c r="AE53240" i="1"/>
  <c r="AE53241" i="1"/>
  <c r="AE53242" i="1"/>
  <c r="AE53243" i="1"/>
  <c r="AE53244" i="1"/>
  <c r="AE53245" i="1"/>
  <c r="AE53246" i="1"/>
  <c r="AE53247" i="1"/>
  <c r="AE53248" i="1"/>
  <c r="AE53249" i="1"/>
  <c r="AE53250" i="1"/>
  <c r="AE53251" i="1"/>
  <c r="AE53252" i="1"/>
  <c r="AE53253" i="1"/>
  <c r="AE53254" i="1"/>
  <c r="AE53255" i="1"/>
  <c r="AE53256" i="1"/>
  <c r="AE53257" i="1"/>
  <c r="AE53258" i="1"/>
  <c r="AE53259" i="1"/>
  <c r="AE53260" i="1"/>
  <c r="AE53261" i="1"/>
  <c r="AE53262" i="1"/>
  <c r="AE53263" i="1"/>
  <c r="AE53264" i="1"/>
  <c r="AE53265" i="1"/>
  <c r="AE53266" i="1"/>
  <c r="AE53267" i="1"/>
  <c r="AE53268" i="1"/>
  <c r="AE53269" i="1"/>
  <c r="AE53270" i="1"/>
  <c r="AE53271" i="1"/>
  <c r="AE53272" i="1"/>
  <c r="AE53273" i="1"/>
  <c r="AE53274" i="1"/>
  <c r="AE53275" i="1"/>
  <c r="AE53276" i="1"/>
  <c r="AE53277" i="1"/>
  <c r="AE53278" i="1"/>
  <c r="AE53279" i="1"/>
  <c r="AE53280" i="1"/>
  <c r="AE53281" i="1"/>
  <c r="AE53282" i="1"/>
  <c r="AE53283" i="1"/>
  <c r="AE53284" i="1"/>
  <c r="AE53285" i="1"/>
  <c r="AE53286" i="1"/>
  <c r="AE53287" i="1"/>
  <c r="AE53288" i="1"/>
  <c r="AE53289" i="1"/>
  <c r="AE53290" i="1"/>
  <c r="AE53291" i="1"/>
  <c r="AE53292" i="1"/>
  <c r="AE53293" i="1"/>
  <c r="AE53294" i="1"/>
  <c r="AE53295" i="1"/>
  <c r="AE53296" i="1"/>
  <c r="AE53297" i="1"/>
  <c r="AE53298" i="1"/>
  <c r="AE53299" i="1"/>
  <c r="AE53300" i="1"/>
  <c r="AE53301" i="1"/>
  <c r="AE53302" i="1"/>
  <c r="AE53303" i="1"/>
  <c r="AE53304" i="1"/>
  <c r="AE53305" i="1"/>
  <c r="AE53306" i="1"/>
  <c r="AE53307" i="1"/>
  <c r="AE53308" i="1"/>
  <c r="AE53309" i="1"/>
  <c r="AE53310" i="1"/>
  <c r="AE53311" i="1"/>
  <c r="AE53312" i="1"/>
  <c r="AE53313" i="1"/>
  <c r="AE53314" i="1"/>
  <c r="AE53315" i="1"/>
  <c r="AE53316" i="1"/>
  <c r="AE53317" i="1"/>
  <c r="AE53318" i="1"/>
  <c r="AE53319" i="1"/>
  <c r="AE53320" i="1"/>
  <c r="AE53321" i="1"/>
  <c r="AE53322" i="1"/>
  <c r="AE53323" i="1"/>
  <c r="AE53324" i="1"/>
  <c r="AE53325" i="1"/>
  <c r="AE53326" i="1"/>
  <c r="AE53327" i="1"/>
  <c r="AE53328" i="1"/>
  <c r="AE53329" i="1"/>
  <c r="AE53330" i="1"/>
  <c r="AE53331" i="1"/>
  <c r="AE53332" i="1"/>
  <c r="AE53333" i="1"/>
  <c r="AE53334" i="1"/>
  <c r="AE53335" i="1"/>
  <c r="AE53336" i="1"/>
  <c r="AE53337" i="1"/>
  <c r="AE53338" i="1"/>
  <c r="AE53339" i="1"/>
  <c r="AE53340" i="1"/>
  <c r="AE53341" i="1"/>
  <c r="AE53342" i="1"/>
  <c r="AE53343" i="1"/>
  <c r="AE53344" i="1"/>
  <c r="AE53345" i="1"/>
  <c r="AE53346" i="1"/>
  <c r="AE53347" i="1"/>
  <c r="AE53348" i="1"/>
  <c r="AE53349" i="1"/>
  <c r="AE53350" i="1"/>
  <c r="AE53351" i="1"/>
  <c r="AE53352" i="1"/>
  <c r="AE53353" i="1"/>
  <c r="AE53354" i="1"/>
  <c r="AE53355" i="1"/>
  <c r="AE53356" i="1"/>
  <c r="AE53357" i="1"/>
  <c r="AE53358" i="1"/>
  <c r="AE53359" i="1"/>
  <c r="AE53360" i="1"/>
  <c r="AE53361" i="1"/>
  <c r="AE53362" i="1"/>
  <c r="AE53363" i="1"/>
  <c r="AE53364" i="1"/>
  <c r="AE53365" i="1"/>
  <c r="AE53366" i="1"/>
  <c r="AE53367" i="1"/>
  <c r="AE53368" i="1"/>
  <c r="AE53369" i="1"/>
  <c r="AE53370" i="1"/>
  <c r="AE53371" i="1"/>
  <c r="AE53372" i="1"/>
  <c r="AE53373" i="1"/>
  <c r="AE53374" i="1"/>
  <c r="AE53375" i="1"/>
  <c r="AE53376" i="1"/>
  <c r="AE53377" i="1"/>
  <c r="AE53378" i="1"/>
  <c r="AE53379" i="1"/>
  <c r="AE53380" i="1"/>
  <c r="AE53381" i="1"/>
  <c r="AE53382" i="1"/>
  <c r="AE53383" i="1"/>
  <c r="AE53384" i="1"/>
  <c r="AE53385" i="1"/>
  <c r="AE53386" i="1"/>
  <c r="AE53387" i="1"/>
  <c r="AE53388" i="1"/>
  <c r="AE53389" i="1"/>
  <c r="AE53390" i="1"/>
  <c r="AE53391" i="1"/>
  <c r="AE53392" i="1"/>
  <c r="AE53393" i="1"/>
  <c r="AE53394" i="1"/>
  <c r="AE53395" i="1"/>
  <c r="AE53396" i="1"/>
  <c r="AE53397" i="1"/>
  <c r="AE53398" i="1"/>
  <c r="AE53399" i="1"/>
  <c r="AE53400" i="1"/>
  <c r="AE53401" i="1"/>
  <c r="AE53402" i="1"/>
  <c r="AE53403" i="1"/>
  <c r="AE53404" i="1"/>
  <c r="AE53405" i="1"/>
  <c r="AE53406" i="1"/>
  <c r="AE53407" i="1"/>
  <c r="AE53408" i="1"/>
  <c r="AE53409" i="1"/>
  <c r="AE53410" i="1"/>
  <c r="AE53411" i="1"/>
  <c r="AE53412" i="1"/>
  <c r="AE53413" i="1"/>
  <c r="AE53414" i="1"/>
  <c r="AE53415" i="1"/>
  <c r="AE53416" i="1"/>
  <c r="AE53417" i="1"/>
  <c r="AE53418" i="1"/>
  <c r="AE53419" i="1"/>
  <c r="AE53420" i="1"/>
  <c r="AE53421" i="1"/>
  <c r="AE53422" i="1"/>
  <c r="AE53423" i="1"/>
  <c r="AE53424" i="1"/>
  <c r="AE53425" i="1"/>
  <c r="AE53426" i="1"/>
  <c r="AE53427" i="1"/>
  <c r="AE53428" i="1"/>
  <c r="AE53429" i="1"/>
  <c r="AE53430" i="1"/>
  <c r="AE53431" i="1"/>
  <c r="AE53432" i="1"/>
  <c r="AE53433" i="1"/>
  <c r="AE53434" i="1"/>
  <c r="AE53435" i="1"/>
  <c r="AE53436" i="1"/>
  <c r="AE53437" i="1"/>
  <c r="AE53438" i="1"/>
  <c r="AE53439" i="1"/>
  <c r="AE53440" i="1"/>
  <c r="AE53441" i="1"/>
  <c r="AE53442" i="1"/>
  <c r="AE53443" i="1"/>
  <c r="AE53444" i="1"/>
  <c r="AE53445" i="1"/>
  <c r="AE53446" i="1"/>
  <c r="AE53447" i="1"/>
  <c r="AE53448" i="1"/>
  <c r="AE53449" i="1"/>
  <c r="AE53450" i="1"/>
  <c r="AE53451" i="1"/>
  <c r="AE53452" i="1"/>
  <c r="AE53453" i="1"/>
  <c r="AE53454" i="1"/>
  <c r="AE53455" i="1"/>
  <c r="AE53456" i="1"/>
  <c r="AE53457" i="1"/>
  <c r="AE53458" i="1"/>
  <c r="AE53459" i="1"/>
  <c r="AE53460" i="1"/>
  <c r="AE53461" i="1"/>
  <c r="AE53462" i="1"/>
  <c r="AE53463" i="1"/>
  <c r="AE53464" i="1"/>
  <c r="AE53465" i="1"/>
  <c r="AE53466" i="1"/>
  <c r="AE53467" i="1"/>
  <c r="AE53468" i="1"/>
  <c r="AE53469" i="1"/>
  <c r="AE53470" i="1"/>
  <c r="AE53471" i="1"/>
  <c r="AE53472" i="1"/>
  <c r="AE53473" i="1"/>
  <c r="AE53474" i="1"/>
  <c r="AE53475" i="1"/>
  <c r="AE53476" i="1"/>
  <c r="AE53477" i="1"/>
  <c r="AE53478" i="1"/>
  <c r="AE53479" i="1"/>
  <c r="AE53480" i="1"/>
  <c r="AE53481" i="1"/>
  <c r="AE53482" i="1"/>
  <c r="AE53483" i="1"/>
  <c r="AE53484" i="1"/>
  <c r="AE53485" i="1"/>
  <c r="AE53486" i="1"/>
  <c r="AE53487" i="1"/>
  <c r="AE53488" i="1"/>
  <c r="AE53489" i="1"/>
  <c r="AE53490" i="1"/>
  <c r="AE53491" i="1"/>
  <c r="AE53492" i="1"/>
  <c r="AE53493" i="1"/>
  <c r="AE53494" i="1"/>
  <c r="AE53495" i="1"/>
  <c r="AE53496" i="1"/>
  <c r="AE53497" i="1"/>
  <c r="AE53498" i="1"/>
  <c r="AE53499" i="1"/>
  <c r="AE53500" i="1"/>
  <c r="AE53501" i="1"/>
  <c r="AE53502" i="1"/>
  <c r="AE53503" i="1"/>
  <c r="AE53504" i="1"/>
  <c r="AE53505" i="1"/>
  <c r="AE53506" i="1"/>
  <c r="AE53507" i="1"/>
  <c r="AE53508" i="1"/>
  <c r="AE53509" i="1"/>
  <c r="AE53510" i="1"/>
  <c r="AE53511" i="1"/>
  <c r="AE53512" i="1"/>
  <c r="AE53513" i="1"/>
  <c r="AE53514" i="1"/>
  <c r="AE53515" i="1"/>
  <c r="AE53516" i="1"/>
  <c r="AE53517" i="1"/>
  <c r="AE53518" i="1"/>
  <c r="AE53519" i="1"/>
  <c r="AE53520" i="1"/>
  <c r="AE53521" i="1"/>
  <c r="AE53522" i="1"/>
  <c r="AE53523" i="1"/>
  <c r="AE53524" i="1"/>
  <c r="AE53525" i="1"/>
  <c r="AE53526" i="1"/>
  <c r="AE53527" i="1"/>
  <c r="AE53528" i="1"/>
  <c r="AE53529" i="1"/>
  <c r="AE53530" i="1"/>
  <c r="AE53531" i="1"/>
  <c r="AE53532" i="1"/>
  <c r="AE53533" i="1"/>
  <c r="AE53534" i="1"/>
  <c r="AE53535" i="1"/>
  <c r="AE53536" i="1"/>
  <c r="AE53537" i="1"/>
  <c r="AE53538" i="1"/>
  <c r="AE53539" i="1"/>
  <c r="AE53540" i="1"/>
  <c r="AE53541" i="1"/>
  <c r="AE53542" i="1"/>
  <c r="AE53543" i="1"/>
  <c r="AE53544" i="1"/>
  <c r="AE53545" i="1"/>
  <c r="AE53546" i="1"/>
  <c r="AE53547" i="1"/>
  <c r="AE53548" i="1"/>
  <c r="AE53549" i="1"/>
  <c r="AE53550" i="1"/>
  <c r="AE53551" i="1"/>
  <c r="AE53552" i="1"/>
  <c r="AE53553" i="1"/>
  <c r="AE53554" i="1"/>
  <c r="AE53555" i="1"/>
  <c r="AE53556" i="1"/>
  <c r="AE53557" i="1"/>
  <c r="AE53558" i="1"/>
  <c r="AE53559" i="1"/>
  <c r="AE53560" i="1"/>
  <c r="AE53561" i="1"/>
  <c r="AE53562" i="1"/>
  <c r="AE53563" i="1"/>
  <c r="AE53564" i="1"/>
  <c r="AE53565" i="1"/>
  <c r="AE53566" i="1"/>
  <c r="AE53567" i="1"/>
  <c r="AE53568" i="1"/>
  <c r="AE53569" i="1"/>
  <c r="AE53570" i="1"/>
  <c r="AE53571" i="1"/>
  <c r="AE53572" i="1"/>
  <c r="AE53573" i="1"/>
  <c r="AE53574" i="1"/>
  <c r="AE53575" i="1"/>
  <c r="AE53576" i="1"/>
  <c r="AE53577" i="1"/>
  <c r="AE53578" i="1"/>
  <c r="AE53579" i="1"/>
  <c r="AE53580" i="1"/>
  <c r="AE53581" i="1"/>
  <c r="AE53582" i="1"/>
  <c r="AE53583" i="1"/>
  <c r="AE53584" i="1"/>
  <c r="AE53585" i="1"/>
  <c r="AE53586" i="1"/>
  <c r="AE53587" i="1"/>
  <c r="AE53588" i="1"/>
  <c r="AE53589" i="1"/>
  <c r="AE53590" i="1"/>
  <c r="AE53591" i="1"/>
  <c r="AE53592" i="1"/>
  <c r="AE53593" i="1"/>
  <c r="AE53594" i="1"/>
  <c r="AE53595" i="1"/>
  <c r="AE53596" i="1"/>
  <c r="AE53597" i="1"/>
  <c r="AE53598" i="1"/>
  <c r="AE53599" i="1"/>
  <c r="AE53600" i="1"/>
  <c r="AE53601" i="1"/>
  <c r="AE53602" i="1"/>
  <c r="AE53603" i="1"/>
  <c r="AE53604" i="1"/>
  <c r="AE53605" i="1"/>
  <c r="AE53606" i="1"/>
  <c r="AE53607" i="1"/>
  <c r="AE53608" i="1"/>
  <c r="AE53609" i="1"/>
  <c r="AE53610" i="1"/>
  <c r="AE53611" i="1"/>
  <c r="AE53612" i="1"/>
  <c r="AE53613" i="1"/>
  <c r="AE53614" i="1"/>
  <c r="AE53615" i="1"/>
  <c r="AE53616" i="1"/>
  <c r="AE53617" i="1"/>
  <c r="AE53618" i="1"/>
  <c r="AE53619" i="1"/>
  <c r="AE53620" i="1"/>
  <c r="AE53621" i="1"/>
  <c r="AE53622" i="1"/>
  <c r="AE53623" i="1"/>
  <c r="AE53624" i="1"/>
  <c r="AE53625" i="1"/>
  <c r="AE53626" i="1"/>
  <c r="AE53627" i="1"/>
  <c r="AE53628" i="1"/>
  <c r="AE53629" i="1"/>
  <c r="AE53630" i="1"/>
  <c r="AE53631" i="1"/>
  <c r="AE53632" i="1"/>
  <c r="AE53633" i="1"/>
  <c r="AE53634" i="1"/>
  <c r="AE53635" i="1"/>
  <c r="AE53636" i="1"/>
  <c r="AE53637" i="1"/>
  <c r="AE53638" i="1"/>
  <c r="AE53639" i="1"/>
  <c r="AE53640" i="1"/>
  <c r="AE53641" i="1"/>
  <c r="AE53642" i="1"/>
  <c r="AE53643" i="1"/>
  <c r="AE53644" i="1"/>
  <c r="AE53645" i="1"/>
  <c r="AE53646" i="1"/>
  <c r="AE53647" i="1"/>
  <c r="AE53648" i="1"/>
  <c r="AE53649" i="1"/>
  <c r="AE53650" i="1"/>
  <c r="AE53651" i="1"/>
  <c r="AE53652" i="1"/>
  <c r="AE53653" i="1"/>
  <c r="AE53654" i="1"/>
  <c r="AE53655" i="1"/>
  <c r="AE53656" i="1"/>
  <c r="AE53657" i="1"/>
  <c r="AE53658" i="1"/>
  <c r="AE53659" i="1"/>
  <c r="AE53660" i="1"/>
  <c r="AE53661" i="1"/>
  <c r="AE53662" i="1"/>
  <c r="AE53663" i="1"/>
  <c r="AE53664" i="1"/>
  <c r="AE53665" i="1"/>
  <c r="AE53666" i="1"/>
  <c r="AE53667" i="1"/>
  <c r="AE53668" i="1"/>
  <c r="AE53669" i="1"/>
  <c r="AE53670" i="1"/>
  <c r="AE53671" i="1"/>
  <c r="AE53672" i="1"/>
  <c r="AE53673" i="1"/>
  <c r="AE53674" i="1"/>
  <c r="AE53675" i="1"/>
  <c r="AE53676" i="1"/>
  <c r="AE53677" i="1"/>
  <c r="AE53678" i="1"/>
  <c r="AE53679" i="1"/>
  <c r="AE53680" i="1"/>
  <c r="AE53681" i="1"/>
  <c r="AE53682" i="1"/>
  <c r="AE53683" i="1"/>
  <c r="AE53684" i="1"/>
  <c r="AE53685" i="1"/>
  <c r="AE53686" i="1"/>
  <c r="AE53687" i="1"/>
  <c r="AE53688" i="1"/>
  <c r="AE53689" i="1"/>
  <c r="AE53690" i="1"/>
  <c r="AE53691" i="1"/>
  <c r="AE53692" i="1"/>
  <c r="AE53693" i="1"/>
  <c r="AE53694" i="1"/>
  <c r="AE53695" i="1"/>
  <c r="AE53696" i="1"/>
  <c r="AE53697" i="1"/>
  <c r="AE53698" i="1"/>
  <c r="AE53699" i="1"/>
  <c r="AE53700" i="1"/>
  <c r="AE53701" i="1"/>
  <c r="AE53702" i="1"/>
  <c r="AE53703" i="1"/>
  <c r="AE53704" i="1"/>
  <c r="AE53705" i="1"/>
  <c r="AE53706" i="1"/>
  <c r="AE53707" i="1"/>
  <c r="AE53708" i="1"/>
  <c r="AE53709" i="1"/>
  <c r="AE53710" i="1"/>
  <c r="AE53711" i="1"/>
  <c r="AE53712" i="1"/>
  <c r="AE53713" i="1"/>
  <c r="AE53714" i="1"/>
  <c r="AE53715" i="1"/>
  <c r="AE53716" i="1"/>
  <c r="AE53717" i="1"/>
  <c r="AE53718" i="1"/>
  <c r="AE53719" i="1"/>
  <c r="AE53720" i="1"/>
  <c r="AE53721" i="1"/>
  <c r="AE53722" i="1"/>
  <c r="AE53723" i="1"/>
  <c r="AE53724" i="1"/>
  <c r="AE53725" i="1"/>
  <c r="AE53726" i="1"/>
  <c r="AE53727" i="1"/>
  <c r="AE53728" i="1"/>
  <c r="AE53729" i="1"/>
  <c r="AE53730" i="1"/>
  <c r="AE53731" i="1"/>
  <c r="AE53732" i="1"/>
  <c r="AE53733" i="1"/>
  <c r="AE53734" i="1"/>
  <c r="AE53735" i="1"/>
  <c r="AE53736" i="1"/>
  <c r="AE53737" i="1"/>
  <c r="AE53738" i="1"/>
  <c r="AE53739" i="1"/>
  <c r="AE53740" i="1"/>
  <c r="AE53741" i="1"/>
  <c r="AE53742" i="1"/>
  <c r="AE53743" i="1"/>
  <c r="AE53744" i="1"/>
  <c r="AE53745" i="1"/>
  <c r="AE53746" i="1"/>
  <c r="AE53747" i="1"/>
  <c r="AE53748" i="1"/>
  <c r="AE53749" i="1"/>
  <c r="AE53750" i="1"/>
  <c r="AE53751" i="1"/>
  <c r="AE53752" i="1"/>
  <c r="AE53753" i="1"/>
  <c r="AE53754" i="1"/>
  <c r="AE53755" i="1"/>
  <c r="AE53756" i="1"/>
  <c r="AE53757" i="1"/>
  <c r="AE53758" i="1"/>
  <c r="AE53759" i="1"/>
  <c r="AE53760" i="1"/>
  <c r="AE53761" i="1"/>
  <c r="AE53762" i="1"/>
  <c r="AE53763" i="1"/>
  <c r="AE53764" i="1"/>
  <c r="AE53765" i="1"/>
  <c r="AE53766" i="1"/>
  <c r="AE53767" i="1"/>
  <c r="AE53768" i="1"/>
  <c r="AE53769" i="1"/>
  <c r="AE53770" i="1"/>
  <c r="AE53771" i="1"/>
  <c r="AE53772" i="1"/>
  <c r="AE53773" i="1"/>
  <c r="AE53774" i="1"/>
  <c r="AE53775" i="1"/>
  <c r="AE53776" i="1"/>
  <c r="AE53777" i="1"/>
  <c r="AE53778" i="1"/>
  <c r="AE53779" i="1"/>
  <c r="AE53780" i="1"/>
  <c r="AE53781" i="1"/>
  <c r="AE53782" i="1"/>
  <c r="AE53783" i="1"/>
  <c r="AE53784" i="1"/>
  <c r="AE53785" i="1"/>
  <c r="AE53786" i="1"/>
  <c r="AE53787" i="1"/>
  <c r="AE53788" i="1"/>
  <c r="AE53789" i="1"/>
  <c r="AE53790" i="1"/>
  <c r="AE53791" i="1"/>
  <c r="AE53792" i="1"/>
  <c r="AE53793" i="1"/>
  <c r="AE53794" i="1"/>
  <c r="AE53795" i="1"/>
  <c r="AE53796" i="1"/>
  <c r="AE53797" i="1"/>
  <c r="AE53798" i="1"/>
  <c r="AE53799" i="1"/>
  <c r="AE53800" i="1"/>
  <c r="AE53801" i="1"/>
  <c r="AE53802" i="1"/>
  <c r="AE53803" i="1"/>
  <c r="AE53804" i="1"/>
  <c r="AE53805" i="1"/>
  <c r="AE53806" i="1"/>
  <c r="AE53807" i="1"/>
  <c r="AE53808" i="1"/>
  <c r="AE53809" i="1"/>
  <c r="AE53810" i="1"/>
  <c r="AE53811" i="1"/>
  <c r="AE53812" i="1"/>
  <c r="AE53813" i="1"/>
  <c r="AE53814" i="1"/>
  <c r="AE53815" i="1"/>
  <c r="AE53816" i="1"/>
  <c r="AE53817" i="1"/>
  <c r="AE53818" i="1"/>
  <c r="AE53819" i="1"/>
  <c r="AE53820" i="1"/>
  <c r="AE53821" i="1"/>
  <c r="AE53822" i="1"/>
  <c r="AE53823" i="1"/>
  <c r="AE53824" i="1"/>
  <c r="AE53825" i="1"/>
  <c r="AE53826" i="1"/>
  <c r="AE53827" i="1"/>
  <c r="AE53828" i="1"/>
  <c r="AE53829" i="1"/>
  <c r="AE53830" i="1"/>
  <c r="AE53831" i="1"/>
  <c r="AE53832" i="1"/>
  <c r="AE53833" i="1"/>
  <c r="AE53834" i="1"/>
  <c r="AE53835" i="1"/>
  <c r="AE53836" i="1"/>
  <c r="AE53837" i="1"/>
  <c r="AE53838" i="1"/>
  <c r="AE53839" i="1"/>
  <c r="AE53840" i="1"/>
  <c r="AE53841" i="1"/>
  <c r="AE53842" i="1"/>
  <c r="AE53843" i="1"/>
  <c r="AE53844" i="1"/>
  <c r="AE53845" i="1"/>
  <c r="AE53846" i="1"/>
  <c r="AE53847" i="1"/>
  <c r="AE53848" i="1"/>
  <c r="AE53849" i="1"/>
  <c r="AE53850" i="1"/>
  <c r="AE53851" i="1"/>
  <c r="AE53852" i="1"/>
  <c r="AE53853" i="1"/>
  <c r="AE53854" i="1"/>
  <c r="AE53855" i="1"/>
  <c r="AE53856" i="1"/>
  <c r="AE53857" i="1"/>
  <c r="AE53858" i="1"/>
  <c r="AE53859" i="1"/>
  <c r="AE53860" i="1"/>
  <c r="AE53861" i="1"/>
  <c r="AE53862" i="1"/>
  <c r="AE53863" i="1"/>
  <c r="AE53864" i="1"/>
  <c r="AE53865" i="1"/>
  <c r="AE53866" i="1"/>
  <c r="AE53867" i="1"/>
  <c r="AE53868" i="1"/>
  <c r="AE53869" i="1"/>
  <c r="AE53870" i="1"/>
  <c r="AE53871" i="1"/>
  <c r="AE53872" i="1"/>
  <c r="AE53873" i="1"/>
  <c r="AE53874" i="1"/>
  <c r="AE53875" i="1"/>
  <c r="AE53876" i="1"/>
  <c r="AE53877" i="1"/>
  <c r="AE53878" i="1"/>
  <c r="AE53879" i="1"/>
  <c r="AE53880" i="1"/>
  <c r="AE53881" i="1"/>
  <c r="AE53882" i="1"/>
  <c r="AE53883" i="1"/>
  <c r="AE53884" i="1"/>
  <c r="AE53885" i="1"/>
  <c r="AE53886" i="1"/>
  <c r="AE53887" i="1"/>
  <c r="AE53888" i="1"/>
  <c r="AE53889" i="1"/>
  <c r="AE53890" i="1"/>
  <c r="AE53891" i="1"/>
  <c r="AE53892" i="1"/>
  <c r="AE53893" i="1"/>
  <c r="AE53894" i="1"/>
  <c r="AE53895" i="1"/>
  <c r="AE53896" i="1"/>
  <c r="AE53897" i="1"/>
  <c r="AE53898" i="1"/>
  <c r="AE53899" i="1"/>
  <c r="AE53900" i="1"/>
  <c r="AE53901" i="1"/>
  <c r="AE53902" i="1"/>
  <c r="AE53903" i="1"/>
  <c r="AE53904" i="1"/>
  <c r="AE53905" i="1"/>
  <c r="AE53906" i="1"/>
  <c r="AE53907" i="1"/>
  <c r="AE53908" i="1"/>
  <c r="AE53909" i="1"/>
  <c r="AE53910" i="1"/>
  <c r="AE53911" i="1"/>
  <c r="AE53912" i="1"/>
  <c r="AE53913" i="1"/>
  <c r="AE53914" i="1"/>
  <c r="AE53915" i="1"/>
  <c r="AE53916" i="1"/>
  <c r="AE53917" i="1"/>
  <c r="AE53918" i="1"/>
  <c r="AE53919" i="1"/>
  <c r="AE53920" i="1"/>
  <c r="AE53921" i="1"/>
  <c r="AE53922" i="1"/>
  <c r="AE53923" i="1"/>
  <c r="AE53924" i="1"/>
  <c r="AE53925" i="1"/>
  <c r="AE53926" i="1"/>
  <c r="AE53927" i="1"/>
  <c r="AE53928" i="1"/>
  <c r="AE53929" i="1"/>
  <c r="AE53930" i="1"/>
  <c r="AE53931" i="1"/>
  <c r="AE53932" i="1"/>
  <c r="AE53933" i="1"/>
  <c r="AE53934" i="1"/>
  <c r="AE53935" i="1"/>
  <c r="AE53936" i="1"/>
  <c r="AE53937" i="1"/>
  <c r="AE53938" i="1"/>
  <c r="AE53939" i="1"/>
  <c r="AE53940" i="1"/>
  <c r="AE53941" i="1"/>
  <c r="AE53942" i="1"/>
  <c r="AE53943" i="1"/>
  <c r="AE53944" i="1"/>
  <c r="AE53945" i="1"/>
  <c r="AE53946" i="1"/>
  <c r="AE53947" i="1"/>
  <c r="AE53948" i="1"/>
  <c r="AE53949" i="1"/>
  <c r="AE53950" i="1"/>
  <c r="AE53951" i="1"/>
  <c r="AE53952" i="1"/>
  <c r="AE53953" i="1"/>
  <c r="AE53954" i="1"/>
  <c r="AE53955" i="1"/>
  <c r="AE53956" i="1"/>
  <c r="AE53957" i="1"/>
  <c r="AE53958" i="1"/>
  <c r="AE53959" i="1"/>
  <c r="AE53960" i="1"/>
  <c r="AE53961" i="1"/>
  <c r="AE53962" i="1"/>
  <c r="AE53963" i="1"/>
  <c r="AE53964" i="1"/>
  <c r="AE53965" i="1"/>
  <c r="AE53966" i="1"/>
  <c r="AE53967" i="1"/>
  <c r="AE53968" i="1"/>
  <c r="AE53969" i="1"/>
  <c r="AE53970" i="1"/>
  <c r="AE53971" i="1"/>
  <c r="AE53972" i="1"/>
  <c r="AE53973" i="1"/>
  <c r="AE53974" i="1"/>
  <c r="AE53975" i="1"/>
  <c r="AE53976" i="1"/>
  <c r="AE53977" i="1"/>
  <c r="AE53978" i="1"/>
  <c r="AE53979" i="1"/>
  <c r="AE53980" i="1"/>
  <c r="AE53981" i="1"/>
  <c r="AE53982" i="1"/>
  <c r="AE53983" i="1"/>
  <c r="AE53984" i="1"/>
  <c r="AE53985" i="1"/>
  <c r="AE53986" i="1"/>
  <c r="AE53987" i="1"/>
  <c r="AE53988" i="1"/>
  <c r="AE53989" i="1"/>
  <c r="AE53990" i="1"/>
  <c r="AE53991" i="1"/>
  <c r="AE53992" i="1"/>
  <c r="AE53993" i="1"/>
  <c r="AE53994" i="1"/>
  <c r="AE53995" i="1"/>
  <c r="AE53996" i="1"/>
  <c r="AE53997" i="1"/>
  <c r="AE53998" i="1"/>
  <c r="AE53999" i="1"/>
  <c r="AE54000" i="1"/>
  <c r="AE54001" i="1"/>
  <c r="AE54002" i="1"/>
  <c r="AE54003" i="1"/>
  <c r="AE54004" i="1"/>
  <c r="AE54005" i="1"/>
  <c r="AE54006" i="1"/>
  <c r="AE54007" i="1"/>
  <c r="AE54008" i="1"/>
  <c r="AE54009" i="1"/>
  <c r="AE54010" i="1"/>
  <c r="AE54011" i="1"/>
  <c r="AE54012" i="1"/>
  <c r="AE54013" i="1"/>
  <c r="AE54014" i="1"/>
  <c r="AE54015" i="1"/>
  <c r="AE54016" i="1"/>
  <c r="AE54017" i="1"/>
  <c r="AE54018" i="1"/>
  <c r="AE54019" i="1"/>
  <c r="AE54020" i="1"/>
  <c r="AE54021" i="1"/>
  <c r="AE54022" i="1"/>
  <c r="AE54023" i="1"/>
  <c r="AE54024" i="1"/>
  <c r="AE54025" i="1"/>
  <c r="AE54026" i="1"/>
  <c r="AE54027" i="1"/>
  <c r="AE54028" i="1"/>
  <c r="AE54029" i="1"/>
  <c r="AE54030" i="1"/>
  <c r="AE54031" i="1"/>
  <c r="AE54032" i="1"/>
  <c r="AE54033" i="1"/>
  <c r="AE54034" i="1"/>
  <c r="AE54035" i="1"/>
  <c r="AE54036" i="1"/>
  <c r="AE54037" i="1"/>
  <c r="AE54038" i="1"/>
  <c r="AE54039" i="1"/>
  <c r="AE54040" i="1"/>
  <c r="AE54041" i="1"/>
  <c r="AE54042" i="1"/>
  <c r="AE54043" i="1"/>
  <c r="AE54044" i="1"/>
  <c r="AE54045" i="1"/>
  <c r="AE54046" i="1"/>
  <c r="AE54047" i="1"/>
  <c r="AE54048" i="1"/>
  <c r="AE54049" i="1"/>
  <c r="AE54050" i="1"/>
  <c r="AE54051" i="1"/>
  <c r="AE54052" i="1"/>
  <c r="AE54053" i="1"/>
  <c r="AE54054" i="1"/>
  <c r="AE54055" i="1"/>
  <c r="AE54056" i="1"/>
  <c r="AE54057" i="1"/>
  <c r="AE54058" i="1"/>
  <c r="AE54059" i="1"/>
  <c r="AE54060" i="1"/>
  <c r="AE54061" i="1"/>
  <c r="AE54062" i="1"/>
  <c r="AE54063" i="1"/>
  <c r="AE54064" i="1"/>
  <c r="AE54065" i="1"/>
  <c r="AE54066" i="1"/>
  <c r="AE54067" i="1"/>
  <c r="AE54068" i="1"/>
  <c r="AE54069" i="1"/>
  <c r="AE54070" i="1"/>
  <c r="AE54071" i="1"/>
  <c r="AE54072" i="1"/>
  <c r="AE54073" i="1"/>
  <c r="AE54074" i="1"/>
  <c r="AE54075" i="1"/>
  <c r="AE54076" i="1"/>
  <c r="AE54077" i="1"/>
  <c r="AE54078" i="1"/>
  <c r="AE54079" i="1"/>
  <c r="AE54080" i="1"/>
  <c r="AE54081" i="1"/>
  <c r="AE54082" i="1"/>
  <c r="AE54083" i="1"/>
  <c r="AE54084" i="1"/>
  <c r="AE54085" i="1"/>
  <c r="AE54086" i="1"/>
  <c r="AE54087" i="1"/>
  <c r="AE54088" i="1"/>
  <c r="AE54089" i="1"/>
  <c r="AE54090" i="1"/>
  <c r="AE54091" i="1"/>
  <c r="AE54092" i="1"/>
  <c r="AE54093" i="1"/>
  <c r="AE54094" i="1"/>
  <c r="AE54095" i="1"/>
  <c r="AE54096" i="1"/>
  <c r="AE54097" i="1"/>
  <c r="AE54098" i="1"/>
  <c r="AE54099" i="1"/>
  <c r="AE54100" i="1"/>
  <c r="AE54101" i="1"/>
  <c r="AE54102" i="1"/>
  <c r="AE54103" i="1"/>
  <c r="AE54104" i="1"/>
  <c r="AE54105" i="1"/>
  <c r="AE54106" i="1"/>
  <c r="AE54107" i="1"/>
  <c r="AE54108" i="1"/>
  <c r="AE54109" i="1"/>
  <c r="AE54110" i="1"/>
  <c r="AE54111" i="1"/>
  <c r="AE54112" i="1"/>
  <c r="AE54113" i="1"/>
  <c r="AE54114" i="1"/>
  <c r="AE54115" i="1"/>
  <c r="AE54116" i="1"/>
  <c r="AE54117" i="1"/>
  <c r="AE54118" i="1"/>
  <c r="AE54119" i="1"/>
  <c r="AE54120" i="1"/>
  <c r="AE54121" i="1"/>
  <c r="AE54122" i="1"/>
  <c r="AE54123" i="1"/>
  <c r="AE54124" i="1"/>
  <c r="AE54125" i="1"/>
  <c r="AE54126" i="1"/>
  <c r="AE54127" i="1"/>
  <c r="AE54128" i="1"/>
  <c r="AE54129" i="1"/>
  <c r="AE54130" i="1"/>
  <c r="AE54131" i="1"/>
  <c r="AE54132" i="1"/>
  <c r="AE54133" i="1"/>
  <c r="AE54134" i="1"/>
  <c r="AE54135" i="1"/>
  <c r="AE54136" i="1"/>
  <c r="AE54137" i="1"/>
  <c r="AE54138" i="1"/>
  <c r="AE54139" i="1"/>
  <c r="AE54140" i="1"/>
  <c r="AE54141" i="1"/>
  <c r="AE54142" i="1"/>
  <c r="AE54143" i="1"/>
  <c r="AE54144" i="1"/>
  <c r="AE54145" i="1"/>
  <c r="AE54146" i="1"/>
  <c r="AE54147" i="1"/>
  <c r="AE54148" i="1"/>
  <c r="AE54149" i="1"/>
  <c r="AE54150" i="1"/>
  <c r="AE54151" i="1"/>
  <c r="AE54152" i="1"/>
  <c r="AE54153" i="1"/>
  <c r="AE54154" i="1"/>
  <c r="AE54155" i="1"/>
  <c r="AE54156" i="1"/>
  <c r="AE54157" i="1"/>
  <c r="AE54158" i="1"/>
  <c r="AE54159" i="1"/>
  <c r="AE54160" i="1"/>
  <c r="AE54161" i="1"/>
  <c r="AE54162" i="1"/>
  <c r="AE54163" i="1"/>
  <c r="AE54164" i="1"/>
  <c r="AE54165" i="1"/>
  <c r="AE54166" i="1"/>
  <c r="AE54167" i="1"/>
  <c r="AE54168" i="1"/>
  <c r="AE54169" i="1"/>
  <c r="AE54170" i="1"/>
  <c r="AE54171" i="1"/>
  <c r="AE54172" i="1"/>
  <c r="AE54173" i="1"/>
  <c r="AE54174" i="1"/>
  <c r="AE54175" i="1"/>
  <c r="AE54176" i="1"/>
  <c r="AE54177" i="1"/>
  <c r="AE54178" i="1"/>
  <c r="AE54179" i="1"/>
  <c r="AE54180" i="1"/>
  <c r="AE54181" i="1"/>
  <c r="AE54182" i="1"/>
  <c r="AE54183" i="1"/>
  <c r="AE54184" i="1"/>
  <c r="AE54185" i="1"/>
  <c r="AE54186" i="1"/>
  <c r="AE54187" i="1"/>
  <c r="AE54188" i="1"/>
  <c r="AE54189" i="1"/>
  <c r="AE54190" i="1"/>
  <c r="AE54191" i="1"/>
  <c r="AE54192" i="1"/>
  <c r="AE54193" i="1"/>
  <c r="AE54194" i="1"/>
  <c r="AE54195" i="1"/>
  <c r="AE54196" i="1"/>
  <c r="AE54197" i="1"/>
  <c r="AE54198" i="1"/>
  <c r="AE54199" i="1"/>
  <c r="AE54200" i="1"/>
  <c r="AE54201" i="1"/>
  <c r="AE54202" i="1"/>
  <c r="AE54203" i="1"/>
  <c r="AE54204" i="1"/>
  <c r="AE54205" i="1"/>
  <c r="AE54206" i="1"/>
  <c r="AE54207" i="1"/>
  <c r="AE54208" i="1"/>
  <c r="AE54209" i="1"/>
  <c r="AE54210" i="1"/>
  <c r="AE54211" i="1"/>
  <c r="AE54212" i="1"/>
  <c r="AE54213" i="1"/>
  <c r="AE54214" i="1"/>
  <c r="AE54215" i="1"/>
  <c r="AE54216" i="1"/>
  <c r="AE54217" i="1"/>
  <c r="AE54218" i="1"/>
  <c r="AE54219" i="1"/>
  <c r="AE54220" i="1"/>
  <c r="AE54221" i="1"/>
  <c r="AE54222" i="1"/>
  <c r="AE54223" i="1"/>
  <c r="AE54224" i="1"/>
  <c r="AE54225" i="1"/>
  <c r="AE54226" i="1"/>
  <c r="AE54227" i="1"/>
  <c r="AE54228" i="1"/>
  <c r="AE54229" i="1"/>
  <c r="AE54230" i="1"/>
  <c r="AE54231" i="1"/>
  <c r="AE54232" i="1"/>
  <c r="AE54233" i="1"/>
  <c r="AE54234" i="1"/>
  <c r="AE54235" i="1"/>
  <c r="AE54236" i="1"/>
  <c r="AE54237" i="1"/>
  <c r="AE54238" i="1"/>
  <c r="AE54239" i="1"/>
  <c r="AE54240" i="1"/>
  <c r="AE54241" i="1"/>
  <c r="AE54242" i="1"/>
  <c r="AE54243" i="1"/>
  <c r="AE54244" i="1"/>
  <c r="AE54245" i="1"/>
  <c r="AE54246" i="1"/>
  <c r="AE54247" i="1"/>
  <c r="AE54248" i="1"/>
  <c r="AE54249" i="1"/>
  <c r="AE54250" i="1"/>
  <c r="AE54251" i="1"/>
  <c r="AE54252" i="1"/>
  <c r="AE54253" i="1"/>
  <c r="AE54254" i="1"/>
  <c r="AE54255" i="1"/>
  <c r="AE54256" i="1"/>
  <c r="AE54257" i="1"/>
  <c r="AE54258" i="1"/>
  <c r="AE54259" i="1"/>
  <c r="AE54260" i="1"/>
  <c r="AE54261" i="1"/>
  <c r="AE54262" i="1"/>
  <c r="AE54263" i="1"/>
  <c r="AE54264" i="1"/>
  <c r="AE54265" i="1"/>
  <c r="AE54266" i="1"/>
  <c r="AE54267" i="1"/>
  <c r="AE54268" i="1"/>
  <c r="AE54269" i="1"/>
  <c r="AE54270" i="1"/>
  <c r="AE54271" i="1"/>
  <c r="AE54272" i="1"/>
  <c r="AE54273" i="1"/>
  <c r="AE54274" i="1"/>
  <c r="AE54275" i="1"/>
  <c r="AE54276" i="1"/>
  <c r="AE54277" i="1"/>
  <c r="AE54278" i="1"/>
  <c r="AE54279" i="1"/>
  <c r="AE54280" i="1"/>
  <c r="AE54281" i="1"/>
  <c r="AE54282" i="1"/>
  <c r="AE54283" i="1"/>
  <c r="AE54284" i="1"/>
  <c r="AE54285" i="1"/>
  <c r="AE54286" i="1"/>
  <c r="AE54287" i="1"/>
  <c r="AE54288" i="1"/>
  <c r="AE54289" i="1"/>
  <c r="AE54290" i="1"/>
  <c r="AE54291" i="1"/>
  <c r="AE54292" i="1"/>
  <c r="AE54293" i="1"/>
  <c r="AE54294" i="1"/>
  <c r="AE54295" i="1"/>
  <c r="AE54296" i="1"/>
  <c r="AE54297" i="1"/>
  <c r="AE54298" i="1"/>
  <c r="AE54299" i="1"/>
  <c r="AE54300" i="1"/>
  <c r="AE54301" i="1"/>
  <c r="AE54302" i="1"/>
  <c r="AE54303" i="1"/>
  <c r="AE54304" i="1"/>
  <c r="AE54305" i="1"/>
  <c r="AE54306" i="1"/>
  <c r="AE54307" i="1"/>
  <c r="AE54308" i="1"/>
  <c r="AE54309" i="1"/>
  <c r="AE54310" i="1"/>
  <c r="AE54311" i="1"/>
  <c r="AE54312" i="1"/>
  <c r="AE54313" i="1"/>
  <c r="AE54314" i="1"/>
  <c r="AE54315" i="1"/>
  <c r="AE54316" i="1"/>
  <c r="AE54317" i="1"/>
  <c r="AE54318" i="1"/>
  <c r="AE54319" i="1"/>
  <c r="AE54320" i="1"/>
  <c r="AE54321" i="1"/>
  <c r="AE54322" i="1"/>
  <c r="AE54323" i="1"/>
  <c r="AE54324" i="1"/>
  <c r="AE54325" i="1"/>
  <c r="AE54326" i="1"/>
  <c r="AE54327" i="1"/>
  <c r="AE54328" i="1"/>
  <c r="AE54329" i="1"/>
  <c r="AE54330" i="1"/>
  <c r="AE54331" i="1"/>
  <c r="AE54332" i="1"/>
  <c r="AE54333" i="1"/>
  <c r="AE54334" i="1"/>
  <c r="AE54335" i="1"/>
  <c r="AE54336" i="1"/>
  <c r="AE54337" i="1"/>
  <c r="AE54338" i="1"/>
  <c r="AE54339" i="1"/>
  <c r="AE54340" i="1"/>
  <c r="AE54341" i="1"/>
  <c r="AE54342" i="1"/>
  <c r="AE54343" i="1"/>
  <c r="AE54344" i="1"/>
  <c r="AE54345" i="1"/>
  <c r="AE54346" i="1"/>
  <c r="AE54347" i="1"/>
  <c r="AE54348" i="1"/>
  <c r="AE54349" i="1"/>
  <c r="AE54350" i="1"/>
  <c r="AE54351" i="1"/>
  <c r="AE54352" i="1"/>
  <c r="AE54353" i="1"/>
  <c r="AE54354" i="1"/>
  <c r="AE54355" i="1"/>
  <c r="AE54356" i="1"/>
  <c r="AE54357" i="1"/>
  <c r="AE54358" i="1"/>
  <c r="AE54359" i="1"/>
  <c r="AE54360" i="1"/>
  <c r="AE54361" i="1"/>
  <c r="AE54362" i="1"/>
  <c r="AE54363" i="1"/>
  <c r="AE54364" i="1"/>
  <c r="AE54365" i="1"/>
  <c r="AE54366" i="1"/>
  <c r="AE54367" i="1"/>
  <c r="AE54368" i="1"/>
  <c r="AE54369" i="1"/>
  <c r="AE54370" i="1"/>
  <c r="AE54371" i="1"/>
  <c r="AE54372" i="1"/>
  <c r="AE54373" i="1"/>
  <c r="AE54374" i="1"/>
  <c r="AE54375" i="1"/>
  <c r="AE54376" i="1"/>
  <c r="AE54377" i="1"/>
  <c r="AE54378" i="1"/>
  <c r="AE54379" i="1"/>
  <c r="AE54380" i="1"/>
  <c r="AE54381" i="1"/>
  <c r="AE54382" i="1"/>
  <c r="AE54383" i="1"/>
  <c r="AE54384" i="1"/>
  <c r="AE54385" i="1"/>
  <c r="AE54386" i="1"/>
  <c r="AE54387" i="1"/>
  <c r="AE54388" i="1"/>
  <c r="AE54389" i="1"/>
  <c r="AE54390" i="1"/>
  <c r="AE54391" i="1"/>
  <c r="AE54392" i="1"/>
  <c r="AE54393" i="1"/>
  <c r="AE54394" i="1"/>
  <c r="AE54395" i="1"/>
  <c r="AE54396" i="1"/>
  <c r="AE54397" i="1"/>
  <c r="AE54398" i="1"/>
  <c r="AE54399" i="1"/>
  <c r="AE54400" i="1"/>
  <c r="AE54401" i="1"/>
  <c r="AE54402" i="1"/>
  <c r="AE54403" i="1"/>
  <c r="AE54404" i="1"/>
  <c r="AE54405" i="1"/>
  <c r="AE54406" i="1"/>
  <c r="AE54407" i="1"/>
  <c r="AE54408" i="1"/>
  <c r="AE54409" i="1"/>
  <c r="AE54410" i="1"/>
  <c r="AE54411" i="1"/>
  <c r="AE54412" i="1"/>
  <c r="AE54413" i="1"/>
  <c r="AE54414" i="1"/>
  <c r="AE54415" i="1"/>
  <c r="AE54416" i="1"/>
  <c r="AE54417" i="1"/>
  <c r="AE54418" i="1"/>
  <c r="AE54419" i="1"/>
  <c r="AE54420" i="1"/>
  <c r="AE54421" i="1"/>
  <c r="AE54422" i="1"/>
  <c r="AE54423" i="1"/>
  <c r="AE54424" i="1"/>
  <c r="AE54425" i="1"/>
  <c r="AE54426" i="1"/>
  <c r="AE54427" i="1"/>
  <c r="AE54428" i="1"/>
  <c r="AE54429" i="1"/>
  <c r="AE54430" i="1"/>
  <c r="AE54431" i="1"/>
  <c r="AE54432" i="1"/>
  <c r="AE54433" i="1"/>
  <c r="AE54434" i="1"/>
  <c r="AE54435" i="1"/>
  <c r="AE54436" i="1"/>
  <c r="AE54437" i="1"/>
  <c r="AE54438" i="1"/>
  <c r="AE54439" i="1"/>
  <c r="AE54440" i="1"/>
  <c r="AE54441" i="1"/>
  <c r="AE54442" i="1"/>
  <c r="AE54443" i="1"/>
  <c r="AE54444" i="1"/>
  <c r="AE54445" i="1"/>
  <c r="AE54446" i="1"/>
  <c r="AE54447" i="1"/>
  <c r="AE54448" i="1"/>
  <c r="AE54449" i="1"/>
  <c r="AE54450" i="1"/>
  <c r="AE54451" i="1"/>
  <c r="AE54452" i="1"/>
  <c r="AE54453" i="1"/>
  <c r="AE54454" i="1"/>
  <c r="AE54455" i="1"/>
  <c r="AE54456" i="1"/>
  <c r="AE54457" i="1"/>
  <c r="AE54458" i="1"/>
  <c r="AE54459" i="1"/>
  <c r="AE54460" i="1"/>
  <c r="AE54461" i="1"/>
  <c r="AE54462" i="1"/>
  <c r="AE54463" i="1"/>
  <c r="AE54464" i="1"/>
  <c r="AE54465" i="1"/>
  <c r="AE54466" i="1"/>
  <c r="AE54467" i="1"/>
  <c r="AE54468" i="1"/>
  <c r="AE54469" i="1"/>
  <c r="AE54470" i="1"/>
  <c r="AE54471" i="1"/>
  <c r="AE54472" i="1"/>
  <c r="AE54473" i="1"/>
  <c r="AE54474" i="1"/>
  <c r="AE54475" i="1"/>
  <c r="AE54476" i="1"/>
  <c r="AE54477" i="1"/>
  <c r="AE54478" i="1"/>
  <c r="AE54479" i="1"/>
  <c r="AE54480" i="1"/>
  <c r="AE54481" i="1"/>
  <c r="AE54482" i="1"/>
  <c r="AE54483" i="1"/>
  <c r="AE54484" i="1"/>
  <c r="AE54485" i="1"/>
  <c r="AE54486" i="1"/>
  <c r="AE54487" i="1"/>
  <c r="AE54488" i="1"/>
  <c r="AE54489" i="1"/>
  <c r="AE54490" i="1"/>
  <c r="AE54491" i="1"/>
  <c r="AE54492" i="1"/>
  <c r="AE54493" i="1"/>
  <c r="AE54494" i="1"/>
  <c r="AE54495" i="1"/>
  <c r="AE54496" i="1"/>
  <c r="AE54497" i="1"/>
  <c r="AE54498" i="1"/>
  <c r="AE54499" i="1"/>
  <c r="AE54500" i="1"/>
  <c r="AE54501" i="1"/>
  <c r="AE54502" i="1"/>
  <c r="AE54503" i="1"/>
  <c r="AE54504" i="1"/>
  <c r="AE54505" i="1"/>
  <c r="AE54506" i="1"/>
  <c r="AE54507" i="1"/>
  <c r="AE54508" i="1"/>
  <c r="AE54509" i="1"/>
  <c r="AE54510" i="1"/>
  <c r="AE54511" i="1"/>
  <c r="AE54512" i="1"/>
  <c r="AE54513" i="1"/>
  <c r="AE54514" i="1"/>
  <c r="AE54515" i="1"/>
  <c r="AE54516" i="1"/>
  <c r="AE54517" i="1"/>
  <c r="AE54518" i="1"/>
  <c r="AE54519" i="1"/>
  <c r="AE54520" i="1"/>
  <c r="AE54521" i="1"/>
  <c r="AE54522" i="1"/>
  <c r="AE54523" i="1"/>
  <c r="AE54524" i="1"/>
  <c r="AE54525" i="1"/>
  <c r="AE54526" i="1"/>
  <c r="AE54527" i="1"/>
  <c r="AE54528" i="1"/>
  <c r="AE54529" i="1"/>
  <c r="AE54530" i="1"/>
  <c r="AE54531" i="1"/>
  <c r="AE54532" i="1"/>
  <c r="AE54533" i="1"/>
  <c r="AE54534" i="1"/>
  <c r="AE54535" i="1"/>
  <c r="AE54536" i="1"/>
  <c r="AE54537" i="1"/>
  <c r="AE54538" i="1"/>
  <c r="AE54539" i="1"/>
  <c r="AE54540" i="1"/>
  <c r="AE54541" i="1"/>
  <c r="AE54542" i="1"/>
  <c r="AE54543" i="1"/>
  <c r="AE54544" i="1"/>
  <c r="AE54545" i="1"/>
  <c r="AE54546" i="1"/>
  <c r="AE54547" i="1"/>
  <c r="AE54548" i="1"/>
  <c r="AE54549" i="1"/>
  <c r="AE54550" i="1"/>
  <c r="AE54551" i="1"/>
  <c r="AE54552" i="1"/>
  <c r="AE54553" i="1"/>
  <c r="AE54554" i="1"/>
  <c r="AE54555" i="1"/>
  <c r="AE54556" i="1"/>
  <c r="AE54557" i="1"/>
  <c r="AE54558" i="1"/>
  <c r="AE54559" i="1"/>
  <c r="AE54560" i="1"/>
  <c r="AE54561" i="1"/>
  <c r="AE54562" i="1"/>
  <c r="AE54563" i="1"/>
  <c r="AE54564" i="1"/>
  <c r="AE54565" i="1"/>
  <c r="AE54566" i="1"/>
  <c r="AE54567" i="1"/>
  <c r="AE54568" i="1"/>
  <c r="AE54569" i="1"/>
  <c r="AE54570" i="1"/>
  <c r="AE54571" i="1"/>
  <c r="AE54572" i="1"/>
  <c r="AE54573" i="1"/>
  <c r="AE54574" i="1"/>
  <c r="AE54575" i="1"/>
  <c r="AE54576" i="1"/>
  <c r="AE54577" i="1"/>
  <c r="AE54578" i="1"/>
  <c r="AE54579" i="1"/>
  <c r="AE54580" i="1"/>
  <c r="AE54581" i="1"/>
  <c r="AE54582" i="1"/>
  <c r="AE54583" i="1"/>
  <c r="AE54584" i="1"/>
  <c r="AE54585" i="1"/>
  <c r="AE54586" i="1"/>
  <c r="AE54587" i="1"/>
  <c r="AE54588" i="1"/>
  <c r="AE54589" i="1"/>
  <c r="AE54590" i="1"/>
  <c r="AE54591" i="1"/>
  <c r="AE54592" i="1"/>
  <c r="AE54593" i="1"/>
  <c r="AE54594" i="1"/>
  <c r="AE54595" i="1"/>
  <c r="AE54596" i="1"/>
  <c r="AE54597" i="1"/>
  <c r="AE54598" i="1"/>
  <c r="AE54599" i="1"/>
  <c r="AE54600" i="1"/>
  <c r="AE54601" i="1"/>
  <c r="AE54602" i="1"/>
  <c r="AE54603" i="1"/>
  <c r="AE54604" i="1"/>
  <c r="AE54605" i="1"/>
  <c r="AE54606" i="1"/>
  <c r="AE54607" i="1"/>
  <c r="AE54608" i="1"/>
  <c r="AE54609" i="1"/>
  <c r="AE54610" i="1"/>
  <c r="AE54611" i="1"/>
  <c r="AE54612" i="1"/>
  <c r="AE54613" i="1"/>
  <c r="AE54614" i="1"/>
  <c r="AE54615" i="1"/>
  <c r="AE54616" i="1"/>
  <c r="AE54617" i="1"/>
  <c r="AE54618" i="1"/>
  <c r="AE54619" i="1"/>
  <c r="AE54620" i="1"/>
  <c r="AE54621" i="1"/>
  <c r="AE54622" i="1"/>
  <c r="AE54623" i="1"/>
  <c r="AE54624" i="1"/>
  <c r="AE54625" i="1"/>
  <c r="AE54626" i="1"/>
  <c r="AE54627" i="1"/>
  <c r="AE54628" i="1"/>
  <c r="AE54629" i="1"/>
  <c r="AE54630" i="1"/>
  <c r="AE54631" i="1"/>
  <c r="AE54632" i="1"/>
  <c r="AE54633" i="1"/>
  <c r="AE54634" i="1"/>
  <c r="AE54635" i="1"/>
  <c r="AE54636" i="1"/>
  <c r="AE54637" i="1"/>
  <c r="AE54638" i="1"/>
  <c r="AE54639" i="1"/>
  <c r="AE54640" i="1"/>
  <c r="AE54641" i="1"/>
  <c r="AE54642" i="1"/>
  <c r="AE54643" i="1"/>
  <c r="AE54644" i="1"/>
  <c r="AE54645" i="1"/>
  <c r="AE54646" i="1"/>
  <c r="AE54647" i="1"/>
  <c r="AE54648" i="1"/>
  <c r="AE54649" i="1"/>
  <c r="AE54650" i="1"/>
  <c r="AE54651" i="1"/>
  <c r="AE54652" i="1"/>
  <c r="AE54653" i="1"/>
  <c r="AE54654" i="1"/>
  <c r="AE54655" i="1"/>
  <c r="AE54656" i="1"/>
  <c r="AE54657" i="1"/>
  <c r="AE54658" i="1"/>
  <c r="AE54659" i="1"/>
  <c r="AE54660" i="1"/>
  <c r="AE54661" i="1"/>
  <c r="AE54662" i="1"/>
  <c r="AE54663" i="1"/>
  <c r="AE54664" i="1"/>
  <c r="AE54665" i="1"/>
  <c r="AE54666" i="1"/>
  <c r="AE54667" i="1"/>
  <c r="AE54668" i="1"/>
  <c r="AE54669" i="1"/>
  <c r="AE54670" i="1"/>
  <c r="AE54671" i="1"/>
  <c r="AE54672" i="1"/>
  <c r="AE54673" i="1"/>
  <c r="AE54674" i="1"/>
  <c r="AE54675" i="1"/>
  <c r="AE54676" i="1"/>
  <c r="AE54677" i="1"/>
  <c r="AE54678" i="1"/>
  <c r="AE54679" i="1"/>
  <c r="AE54680" i="1"/>
  <c r="AE54681" i="1"/>
  <c r="AE54682" i="1"/>
  <c r="AE54683" i="1"/>
  <c r="AE54684" i="1"/>
  <c r="AE54685" i="1"/>
  <c r="AE54686" i="1"/>
  <c r="AE54687" i="1"/>
  <c r="AE54688" i="1"/>
  <c r="AE54689" i="1"/>
  <c r="AE54690" i="1"/>
  <c r="AE54691" i="1"/>
  <c r="AE54692" i="1"/>
  <c r="AE54693" i="1"/>
  <c r="AE54694" i="1"/>
  <c r="AE54695" i="1"/>
  <c r="AE54696" i="1"/>
  <c r="AE54697" i="1"/>
  <c r="AE54698" i="1"/>
  <c r="AE54699" i="1"/>
  <c r="AE54700" i="1"/>
  <c r="AE54701" i="1"/>
  <c r="AE54702" i="1"/>
  <c r="AE54703" i="1"/>
  <c r="AE54704" i="1"/>
  <c r="AE54705" i="1"/>
  <c r="AE54706" i="1"/>
  <c r="AE54707" i="1"/>
  <c r="AE54708" i="1"/>
  <c r="AE54709" i="1"/>
  <c r="AE54710" i="1"/>
  <c r="AE54711" i="1"/>
  <c r="AE54712" i="1"/>
  <c r="AE54713" i="1"/>
  <c r="AE54714" i="1"/>
  <c r="AE54715" i="1"/>
  <c r="AE54716" i="1"/>
  <c r="AE54717" i="1"/>
  <c r="AE54718" i="1"/>
  <c r="AE54719" i="1"/>
  <c r="AE54720" i="1"/>
  <c r="AE54721" i="1"/>
  <c r="AE54722" i="1"/>
  <c r="AE54723" i="1"/>
  <c r="AE54724" i="1"/>
  <c r="AE54725" i="1"/>
  <c r="AE54726" i="1"/>
  <c r="AE54727" i="1"/>
  <c r="AE54728" i="1"/>
  <c r="AE54729" i="1"/>
  <c r="AE54730" i="1"/>
  <c r="AE54731" i="1"/>
  <c r="AE54732" i="1"/>
  <c r="AE54733" i="1"/>
  <c r="AE54734" i="1"/>
  <c r="AE54735" i="1"/>
  <c r="AE54736" i="1"/>
  <c r="AE54737" i="1"/>
  <c r="AE54738" i="1"/>
  <c r="AE54739" i="1"/>
  <c r="AE54740" i="1"/>
  <c r="AE54741" i="1"/>
  <c r="AE54742" i="1"/>
  <c r="AE54743" i="1"/>
  <c r="AE54744" i="1"/>
  <c r="AE54745" i="1"/>
  <c r="AE54746" i="1"/>
  <c r="AE54747" i="1"/>
  <c r="AE54748" i="1"/>
  <c r="AE54749" i="1"/>
  <c r="AE54750" i="1"/>
  <c r="AE54751" i="1"/>
  <c r="AE54752" i="1"/>
  <c r="AE54753" i="1"/>
  <c r="AE54754" i="1"/>
  <c r="AE54755" i="1"/>
  <c r="AE54756" i="1"/>
  <c r="AE54757" i="1"/>
  <c r="AE54758" i="1"/>
  <c r="AE54759" i="1"/>
  <c r="AE54760" i="1"/>
  <c r="AE54761" i="1"/>
  <c r="AE54762" i="1"/>
  <c r="AE54763" i="1"/>
  <c r="AE54764" i="1"/>
  <c r="AE54765" i="1"/>
  <c r="AE54766" i="1"/>
  <c r="AE54767" i="1"/>
  <c r="AE54768" i="1"/>
  <c r="AE54769" i="1"/>
  <c r="AE54770" i="1"/>
  <c r="AE54771" i="1"/>
  <c r="AE54772" i="1"/>
  <c r="AE54773" i="1"/>
  <c r="AE54774" i="1"/>
  <c r="AE54775" i="1"/>
  <c r="AE54776" i="1"/>
  <c r="AE54777" i="1"/>
  <c r="AE54778" i="1"/>
  <c r="AE54779" i="1"/>
  <c r="AE54780" i="1"/>
  <c r="AE54781" i="1"/>
  <c r="AE54782" i="1"/>
  <c r="AE54783" i="1"/>
  <c r="AE54784" i="1"/>
  <c r="AE54785" i="1"/>
  <c r="AE54786" i="1"/>
  <c r="AE54787" i="1"/>
  <c r="AE54788" i="1"/>
  <c r="AE54789" i="1"/>
  <c r="AE54790" i="1"/>
  <c r="AE54791" i="1"/>
  <c r="AE54792" i="1"/>
  <c r="AE54793" i="1"/>
  <c r="AE54794" i="1"/>
  <c r="AE54795" i="1"/>
  <c r="AE54796" i="1"/>
  <c r="AE54797" i="1"/>
  <c r="AE54798" i="1"/>
  <c r="AE54799" i="1"/>
  <c r="AE54800" i="1"/>
  <c r="AE54801" i="1"/>
  <c r="AE54802" i="1"/>
  <c r="AE54803" i="1"/>
  <c r="AE54804" i="1"/>
  <c r="AE54805" i="1"/>
  <c r="AE54806" i="1"/>
  <c r="AE54807" i="1"/>
  <c r="AE54808" i="1"/>
  <c r="AE54809" i="1"/>
  <c r="AE54810" i="1"/>
  <c r="AE54811" i="1"/>
  <c r="AE54812" i="1"/>
  <c r="AE54813" i="1"/>
  <c r="AE54814" i="1"/>
  <c r="AE54815" i="1"/>
  <c r="AE54816" i="1"/>
  <c r="AE54817" i="1"/>
  <c r="AE54818" i="1"/>
  <c r="AE54819" i="1"/>
  <c r="AE54820" i="1"/>
  <c r="AE54821" i="1"/>
  <c r="AE54822" i="1"/>
  <c r="AE54823" i="1"/>
  <c r="AE54824" i="1"/>
  <c r="AE54825" i="1"/>
  <c r="AE54826" i="1"/>
  <c r="AE54827" i="1"/>
  <c r="AE54828" i="1"/>
  <c r="AE54829" i="1"/>
  <c r="AE54830" i="1"/>
  <c r="AE54831" i="1"/>
  <c r="AE54832" i="1"/>
  <c r="AE54833" i="1"/>
  <c r="AE54834" i="1"/>
  <c r="AE54835" i="1"/>
  <c r="AE54836" i="1"/>
  <c r="AE54837" i="1"/>
  <c r="AE54838" i="1"/>
  <c r="AE54839" i="1"/>
  <c r="AE54840" i="1"/>
  <c r="AE54841" i="1"/>
  <c r="AE54842" i="1"/>
  <c r="AE54843" i="1"/>
  <c r="AE54844" i="1"/>
  <c r="AE54845" i="1"/>
  <c r="AE54846" i="1"/>
  <c r="AE54847" i="1"/>
  <c r="AE54848" i="1"/>
  <c r="AE54849" i="1"/>
  <c r="AE54850" i="1"/>
  <c r="AE54851" i="1"/>
  <c r="AE54852" i="1"/>
  <c r="AE54853" i="1"/>
  <c r="AE54854" i="1"/>
  <c r="AE54855" i="1"/>
  <c r="AE54856" i="1"/>
  <c r="AE54857" i="1"/>
  <c r="AE54858" i="1"/>
  <c r="AE54859" i="1"/>
  <c r="AE54860" i="1"/>
  <c r="AE54861" i="1"/>
  <c r="AE54862" i="1"/>
  <c r="AE54863" i="1"/>
  <c r="AE54864" i="1"/>
  <c r="AE54865" i="1"/>
  <c r="AE54866" i="1"/>
  <c r="AE54867" i="1"/>
  <c r="AE54868" i="1"/>
  <c r="AE54869" i="1"/>
  <c r="AE54870" i="1"/>
  <c r="AE54871" i="1"/>
  <c r="AE54872" i="1"/>
  <c r="AE54873" i="1"/>
  <c r="AE54874" i="1"/>
  <c r="AE54875" i="1"/>
  <c r="AE54876" i="1"/>
  <c r="AE54877" i="1"/>
  <c r="AE54878" i="1"/>
  <c r="AE54879" i="1"/>
  <c r="AE54880" i="1"/>
  <c r="AE54881" i="1"/>
  <c r="AE54882" i="1"/>
  <c r="AE54883" i="1"/>
  <c r="AE54884" i="1"/>
  <c r="AE54885" i="1"/>
  <c r="AE54886" i="1"/>
  <c r="AE54887" i="1"/>
  <c r="AE54888" i="1"/>
  <c r="AE54889" i="1"/>
  <c r="AE54890" i="1"/>
  <c r="AE54891" i="1"/>
  <c r="AE54892" i="1"/>
  <c r="AE54893" i="1"/>
  <c r="AE54894" i="1"/>
  <c r="AE54895" i="1"/>
  <c r="AE54896" i="1"/>
  <c r="AE54897" i="1"/>
  <c r="AE54898" i="1"/>
  <c r="AE54899" i="1"/>
  <c r="AE54900" i="1"/>
  <c r="AE54901" i="1"/>
  <c r="AE54902" i="1"/>
  <c r="AE54903" i="1"/>
  <c r="AE54904" i="1"/>
  <c r="AE54905" i="1"/>
  <c r="AE54906" i="1"/>
  <c r="AE54907" i="1"/>
  <c r="AE54908" i="1"/>
  <c r="AE54909" i="1"/>
  <c r="AE54910" i="1"/>
  <c r="AE54911" i="1"/>
  <c r="AE54912" i="1"/>
  <c r="AE54913" i="1"/>
  <c r="AE54914" i="1"/>
  <c r="AE54915" i="1"/>
  <c r="AE54916" i="1"/>
  <c r="AE54917" i="1"/>
  <c r="AE54918" i="1"/>
  <c r="AE54919" i="1"/>
  <c r="AE54920" i="1"/>
  <c r="AE54921" i="1"/>
  <c r="AE54922" i="1"/>
  <c r="AE54923" i="1"/>
  <c r="AE54924" i="1"/>
  <c r="AE54925" i="1"/>
  <c r="AE54926" i="1"/>
  <c r="AE54927" i="1"/>
  <c r="AE54928" i="1"/>
  <c r="AE54929" i="1"/>
  <c r="AE54930" i="1"/>
  <c r="AE54931" i="1"/>
  <c r="AE54932" i="1"/>
  <c r="AE54933" i="1"/>
  <c r="AE54934" i="1"/>
  <c r="AE54935" i="1"/>
  <c r="AE54936" i="1"/>
  <c r="AE54937" i="1"/>
  <c r="AE54938" i="1"/>
  <c r="AE54939" i="1"/>
  <c r="AE54940" i="1"/>
  <c r="AE54941" i="1"/>
  <c r="AE54942" i="1"/>
  <c r="AE54943" i="1"/>
  <c r="AE54944" i="1"/>
  <c r="AE54945" i="1"/>
  <c r="AE54946" i="1"/>
  <c r="AE54947" i="1"/>
  <c r="AE54948" i="1"/>
  <c r="AE54949" i="1"/>
  <c r="AE54950" i="1"/>
  <c r="AE54951" i="1"/>
  <c r="AE54952" i="1"/>
  <c r="AE54953" i="1"/>
  <c r="AE54954" i="1"/>
  <c r="AE54955" i="1"/>
  <c r="AE54956" i="1"/>
  <c r="AE54957" i="1"/>
  <c r="AE54958" i="1"/>
  <c r="AE54959" i="1"/>
  <c r="AE54960" i="1"/>
  <c r="AE54961" i="1"/>
  <c r="AE54962" i="1"/>
  <c r="AE54963" i="1"/>
  <c r="AE54964" i="1"/>
  <c r="AE54965" i="1"/>
  <c r="AE54966" i="1"/>
  <c r="AE54967" i="1"/>
  <c r="AE54968" i="1"/>
  <c r="AE54969" i="1"/>
  <c r="AE54970" i="1"/>
  <c r="AE54971" i="1"/>
  <c r="AE54972" i="1"/>
  <c r="AE54973" i="1"/>
  <c r="AE54974" i="1"/>
  <c r="AE54975" i="1"/>
  <c r="AE54976" i="1"/>
  <c r="AE54977" i="1"/>
  <c r="AE54978" i="1"/>
  <c r="AE54979" i="1"/>
  <c r="AE54980" i="1"/>
  <c r="AE54981" i="1"/>
  <c r="AE54982" i="1"/>
  <c r="AE54983" i="1"/>
  <c r="AE54984" i="1"/>
  <c r="AE54985" i="1"/>
  <c r="AE54986" i="1"/>
  <c r="AE54987" i="1"/>
  <c r="AE54988" i="1"/>
  <c r="AE54989" i="1"/>
  <c r="AE54990" i="1"/>
  <c r="AE54991" i="1"/>
  <c r="AE54992" i="1"/>
  <c r="AE54993" i="1"/>
  <c r="AE54994" i="1"/>
  <c r="AE54995" i="1"/>
  <c r="AE54996" i="1"/>
  <c r="AE54997" i="1"/>
  <c r="AE54998" i="1"/>
  <c r="AE54999" i="1"/>
  <c r="AE55000" i="1"/>
  <c r="AE55001" i="1"/>
  <c r="AE55002" i="1"/>
  <c r="AE55003" i="1"/>
  <c r="AE55004" i="1"/>
  <c r="AE55005" i="1"/>
  <c r="AE55006" i="1"/>
  <c r="AE55007" i="1"/>
  <c r="AE55008" i="1"/>
  <c r="AE55009" i="1"/>
  <c r="AE55010" i="1"/>
  <c r="AE55011" i="1"/>
  <c r="AE55012" i="1"/>
  <c r="AE55013" i="1"/>
  <c r="AE55014" i="1"/>
  <c r="AE55015" i="1"/>
  <c r="AE55016" i="1"/>
  <c r="AE55017" i="1"/>
  <c r="AE55018" i="1"/>
  <c r="AE55019" i="1"/>
  <c r="AE55020" i="1"/>
  <c r="AE55021" i="1"/>
  <c r="AE55022" i="1"/>
  <c r="AE55023" i="1"/>
  <c r="AE55024" i="1"/>
  <c r="AE55025" i="1"/>
  <c r="AE55026" i="1"/>
  <c r="AE55027" i="1"/>
  <c r="AE55028" i="1"/>
  <c r="AE55029" i="1"/>
  <c r="AE55030" i="1"/>
  <c r="AE55031" i="1"/>
  <c r="AE55032" i="1"/>
  <c r="AE55033" i="1"/>
  <c r="AE55034" i="1"/>
  <c r="AE55035" i="1"/>
  <c r="AE55036" i="1"/>
  <c r="AE55037" i="1"/>
  <c r="AE55038" i="1"/>
  <c r="AE55039" i="1"/>
  <c r="AE55040" i="1"/>
  <c r="AE55041" i="1"/>
  <c r="AE55042" i="1"/>
  <c r="AE55043" i="1"/>
  <c r="AE55044" i="1"/>
  <c r="AE55045" i="1"/>
  <c r="AE55046" i="1"/>
  <c r="AE55047" i="1"/>
  <c r="AE55048" i="1"/>
  <c r="AE55049" i="1"/>
  <c r="AE55050" i="1"/>
  <c r="AE55051" i="1"/>
  <c r="AE55052" i="1"/>
  <c r="AE55053" i="1"/>
  <c r="AE55054" i="1"/>
  <c r="AE55055" i="1"/>
  <c r="AE55056" i="1"/>
  <c r="AE55057" i="1"/>
  <c r="AE55058" i="1"/>
  <c r="AE55059" i="1"/>
  <c r="AE55060" i="1"/>
  <c r="AE55061" i="1"/>
  <c r="AE55062" i="1"/>
  <c r="AE55063" i="1"/>
  <c r="AE55064" i="1"/>
  <c r="AE55065" i="1"/>
  <c r="AE55066" i="1"/>
  <c r="AE55067" i="1"/>
  <c r="AE55068" i="1"/>
  <c r="AE55069" i="1"/>
  <c r="AE55070" i="1"/>
  <c r="AE55071" i="1"/>
  <c r="AE55072" i="1"/>
  <c r="AE55073" i="1"/>
  <c r="AE55074" i="1"/>
  <c r="AE55075" i="1"/>
  <c r="AE55076" i="1"/>
  <c r="AE55077" i="1"/>
  <c r="AE55078" i="1"/>
  <c r="AE55079" i="1"/>
  <c r="AE55080" i="1"/>
  <c r="AE55081" i="1"/>
  <c r="AE55082" i="1"/>
  <c r="AE55083" i="1"/>
  <c r="AE55084" i="1"/>
  <c r="AE55085" i="1"/>
  <c r="AE55086" i="1"/>
  <c r="AE55087" i="1"/>
  <c r="AE55088" i="1"/>
  <c r="AE55089" i="1"/>
  <c r="AE55090" i="1"/>
  <c r="AE55091" i="1"/>
  <c r="AE55092" i="1"/>
  <c r="AE55093" i="1"/>
  <c r="AE55094" i="1"/>
  <c r="AE55095" i="1"/>
  <c r="AE55096" i="1"/>
  <c r="AE55097" i="1"/>
  <c r="AE55098" i="1"/>
  <c r="AE55099" i="1"/>
  <c r="AE55100" i="1"/>
  <c r="AE55101" i="1"/>
  <c r="AE55102" i="1"/>
  <c r="AE55103" i="1"/>
  <c r="AE55104" i="1"/>
  <c r="AE55105" i="1"/>
  <c r="AE55106" i="1"/>
  <c r="AE55107" i="1"/>
  <c r="AE55108" i="1"/>
  <c r="AE55109" i="1"/>
  <c r="AE55110" i="1"/>
  <c r="AE55111" i="1"/>
  <c r="AE55112" i="1"/>
  <c r="AE55113" i="1"/>
  <c r="AE55114" i="1"/>
  <c r="AE55115" i="1"/>
  <c r="AE55116" i="1"/>
  <c r="AE55117" i="1"/>
  <c r="AE55118" i="1"/>
  <c r="AE55119" i="1"/>
  <c r="AE55120" i="1"/>
  <c r="AE55121" i="1"/>
  <c r="AE55122" i="1"/>
  <c r="AE55123" i="1"/>
  <c r="AE55124" i="1"/>
  <c r="AE55125" i="1"/>
  <c r="AE55126" i="1"/>
  <c r="AE55127" i="1"/>
  <c r="AE55128" i="1"/>
  <c r="AE55129" i="1"/>
  <c r="AE55130" i="1"/>
  <c r="AE55131" i="1"/>
  <c r="AE55132" i="1"/>
  <c r="AE55133" i="1"/>
  <c r="AE55134" i="1"/>
  <c r="AE55135" i="1"/>
  <c r="AE55136" i="1"/>
  <c r="AE55137" i="1"/>
  <c r="AE55138" i="1"/>
  <c r="AE55139" i="1"/>
  <c r="AE55140" i="1"/>
  <c r="AE55141" i="1"/>
  <c r="AE55142" i="1"/>
  <c r="AE55143" i="1"/>
  <c r="AE55144" i="1"/>
  <c r="AE55145" i="1"/>
  <c r="AE55146" i="1"/>
  <c r="AE55147" i="1"/>
  <c r="AE55148" i="1"/>
  <c r="AE55149" i="1"/>
  <c r="AE55150" i="1"/>
  <c r="AE55151" i="1"/>
  <c r="AE55152" i="1"/>
  <c r="AE55153" i="1"/>
  <c r="AE55154" i="1"/>
  <c r="AE55155" i="1"/>
  <c r="AE55156" i="1"/>
  <c r="AE55157" i="1"/>
  <c r="AE55158" i="1"/>
  <c r="AE55159" i="1"/>
  <c r="AE55160" i="1"/>
  <c r="AE55161" i="1"/>
  <c r="AE55162" i="1"/>
  <c r="AE55163" i="1"/>
  <c r="AE55164" i="1"/>
  <c r="AE55165" i="1"/>
  <c r="AE55166" i="1"/>
  <c r="AE55167" i="1"/>
  <c r="AE55168" i="1"/>
  <c r="AE55169" i="1"/>
  <c r="AE55170" i="1"/>
  <c r="AE55171" i="1"/>
  <c r="AE55172" i="1"/>
  <c r="AE55173" i="1"/>
  <c r="AE55174" i="1"/>
  <c r="AE55175" i="1"/>
  <c r="AE55176" i="1"/>
  <c r="AE55177" i="1"/>
  <c r="AE55178" i="1"/>
  <c r="AE55179" i="1"/>
  <c r="AE55180" i="1"/>
  <c r="AE55181" i="1"/>
  <c r="AE55182" i="1"/>
  <c r="AE55183" i="1"/>
  <c r="AE55184" i="1"/>
  <c r="AE55185" i="1"/>
  <c r="AE55186" i="1"/>
  <c r="AE55187" i="1"/>
  <c r="AE55188" i="1"/>
  <c r="AE55189" i="1"/>
  <c r="AE55190" i="1"/>
  <c r="AE55191" i="1"/>
  <c r="AE55192" i="1"/>
  <c r="AE55193" i="1"/>
  <c r="AE55194" i="1"/>
  <c r="AE55195" i="1"/>
  <c r="AE55196" i="1"/>
  <c r="AE55197" i="1"/>
  <c r="AE55198" i="1"/>
  <c r="AE55199" i="1"/>
  <c r="AE55200" i="1"/>
  <c r="AE55201" i="1"/>
  <c r="AE55202" i="1"/>
  <c r="AE55203" i="1"/>
  <c r="AE55204" i="1"/>
  <c r="AE55205" i="1"/>
  <c r="AE55206" i="1"/>
  <c r="AE55207" i="1"/>
  <c r="AE55208" i="1"/>
  <c r="AE55209" i="1"/>
  <c r="AE55210" i="1"/>
  <c r="AE55211" i="1"/>
  <c r="AE55212" i="1"/>
  <c r="AE55213" i="1"/>
  <c r="AE55214" i="1"/>
  <c r="AE55215" i="1"/>
  <c r="AE55216" i="1"/>
  <c r="AE55217" i="1"/>
  <c r="AE55218" i="1"/>
  <c r="AE55219" i="1"/>
  <c r="AE55220" i="1"/>
  <c r="AE55221" i="1"/>
  <c r="AE55222" i="1"/>
  <c r="AE55223" i="1"/>
  <c r="AE55224" i="1"/>
  <c r="AE55225" i="1"/>
  <c r="AE55226" i="1"/>
  <c r="AE55227" i="1"/>
  <c r="AE55228" i="1"/>
  <c r="AE55229" i="1"/>
  <c r="AE55230" i="1"/>
  <c r="AE55231" i="1"/>
  <c r="AE55232" i="1"/>
  <c r="AE55233" i="1"/>
  <c r="AE55234" i="1"/>
  <c r="AE55235" i="1"/>
  <c r="AE55236" i="1"/>
  <c r="AE55237" i="1"/>
  <c r="AE55238" i="1"/>
  <c r="AE55239" i="1"/>
  <c r="AE55240" i="1"/>
  <c r="AE55241" i="1"/>
  <c r="AE55242" i="1"/>
  <c r="AE55243" i="1"/>
  <c r="AE55244" i="1"/>
  <c r="AE55245" i="1"/>
  <c r="AE55246" i="1"/>
  <c r="AE55247" i="1"/>
  <c r="AE55248" i="1"/>
  <c r="AE55249" i="1"/>
  <c r="AE55250" i="1"/>
  <c r="AE55251" i="1"/>
  <c r="AE55252" i="1"/>
  <c r="AE55253" i="1"/>
  <c r="AE55254" i="1"/>
  <c r="AE55255" i="1"/>
  <c r="AE55256" i="1"/>
  <c r="AE55257" i="1"/>
  <c r="AE55258" i="1"/>
  <c r="AE55259" i="1"/>
  <c r="AE55260" i="1"/>
  <c r="AE55261" i="1"/>
  <c r="AE55262" i="1"/>
  <c r="AE55263" i="1"/>
  <c r="AE55264" i="1"/>
  <c r="AE55265" i="1"/>
  <c r="AE55266" i="1"/>
  <c r="AE55267" i="1"/>
  <c r="AE55268" i="1"/>
  <c r="AE55269" i="1"/>
  <c r="AE55270" i="1"/>
  <c r="AE55271" i="1"/>
  <c r="AE55272" i="1"/>
  <c r="AE55273" i="1"/>
  <c r="AE55274" i="1"/>
  <c r="AE55275" i="1"/>
  <c r="AE55276" i="1"/>
  <c r="AE55277" i="1"/>
  <c r="AE55278" i="1"/>
  <c r="AE55279" i="1"/>
  <c r="AE55280" i="1"/>
  <c r="AE55281" i="1"/>
  <c r="AE55282" i="1"/>
  <c r="AE55283" i="1"/>
  <c r="AE55284" i="1"/>
  <c r="AE55285" i="1"/>
  <c r="AE55286" i="1"/>
  <c r="AE55287" i="1"/>
  <c r="AE55288" i="1"/>
  <c r="AE55289" i="1"/>
  <c r="AE55290" i="1"/>
  <c r="AE55291" i="1"/>
  <c r="AE55292" i="1"/>
  <c r="AE55293" i="1"/>
  <c r="AE55294" i="1"/>
  <c r="AE55295" i="1"/>
  <c r="AE55296" i="1"/>
  <c r="AE55297" i="1"/>
  <c r="AE55298" i="1"/>
  <c r="AE55299" i="1"/>
  <c r="AE55300" i="1"/>
  <c r="AE55301" i="1"/>
  <c r="AE55302" i="1"/>
  <c r="AE55303" i="1"/>
  <c r="AE55304" i="1"/>
  <c r="AE55305" i="1"/>
  <c r="AE55306" i="1"/>
  <c r="AE55307" i="1"/>
  <c r="AE55308" i="1"/>
  <c r="AE55309" i="1"/>
  <c r="AE55310" i="1"/>
  <c r="AE55311" i="1"/>
  <c r="AE55312" i="1"/>
  <c r="AE55313" i="1"/>
  <c r="AE55314" i="1"/>
  <c r="AE55315" i="1"/>
  <c r="AE55316" i="1"/>
  <c r="AE55317" i="1"/>
  <c r="AE55318" i="1"/>
  <c r="AE55319" i="1"/>
  <c r="AE55320" i="1"/>
  <c r="AE55321" i="1"/>
  <c r="AE55322" i="1"/>
  <c r="AE55323" i="1"/>
  <c r="AE55324" i="1"/>
  <c r="AE55325" i="1"/>
  <c r="AE55326" i="1"/>
  <c r="AE55327" i="1"/>
  <c r="AE55328" i="1"/>
  <c r="AE55329" i="1"/>
  <c r="AE55330" i="1"/>
  <c r="AE55331" i="1"/>
  <c r="AE55332" i="1"/>
  <c r="AE55333" i="1"/>
  <c r="AE55334" i="1"/>
  <c r="AE55335" i="1"/>
  <c r="AE55336" i="1"/>
  <c r="AE55337" i="1"/>
  <c r="AE55338" i="1"/>
  <c r="AE55339" i="1"/>
  <c r="AE55340" i="1"/>
  <c r="AE55341" i="1"/>
  <c r="AE55342" i="1"/>
  <c r="AE55343" i="1"/>
  <c r="AE55344" i="1"/>
  <c r="AE55345" i="1"/>
  <c r="AE55346" i="1"/>
  <c r="AE55347" i="1"/>
  <c r="AE55348" i="1"/>
  <c r="AE55349" i="1"/>
  <c r="AE55350" i="1"/>
  <c r="AE55351" i="1"/>
  <c r="AE55352" i="1"/>
  <c r="AE55353" i="1"/>
  <c r="AE55354" i="1"/>
  <c r="AE55355" i="1"/>
  <c r="AE55356" i="1"/>
  <c r="AE55357" i="1"/>
  <c r="AE55358" i="1"/>
  <c r="AE55359" i="1"/>
  <c r="AE55360" i="1"/>
  <c r="AE55361" i="1"/>
  <c r="AE55362" i="1"/>
  <c r="AE55363" i="1"/>
  <c r="AE55364" i="1"/>
  <c r="AE55365" i="1"/>
  <c r="AE55366" i="1"/>
  <c r="AE55367" i="1"/>
  <c r="AE55368" i="1"/>
  <c r="AE55369" i="1"/>
  <c r="AE55370" i="1"/>
  <c r="AE55371" i="1"/>
  <c r="AE55372" i="1"/>
  <c r="AE55373" i="1"/>
  <c r="AE55374" i="1"/>
  <c r="AE55375" i="1"/>
  <c r="AE55376" i="1"/>
  <c r="AE55377" i="1"/>
  <c r="AE55378" i="1"/>
  <c r="AE55379" i="1"/>
  <c r="AE55380" i="1"/>
  <c r="AE55381" i="1"/>
  <c r="AE55382" i="1"/>
  <c r="AE55383" i="1"/>
  <c r="AE55384" i="1"/>
  <c r="AE55385" i="1"/>
  <c r="AE55386" i="1"/>
  <c r="AE55387" i="1"/>
  <c r="AE55388" i="1"/>
  <c r="AE55389" i="1"/>
  <c r="AE55390" i="1"/>
  <c r="AE55391" i="1"/>
  <c r="AE55392" i="1"/>
  <c r="AE55393" i="1"/>
  <c r="AE55394" i="1"/>
  <c r="AE55395" i="1"/>
  <c r="AE55396" i="1"/>
  <c r="AE55397" i="1"/>
  <c r="AE55398" i="1"/>
  <c r="AE55399" i="1"/>
  <c r="AE55400" i="1"/>
  <c r="AE55401" i="1"/>
  <c r="AE55402" i="1"/>
  <c r="AE55403" i="1"/>
  <c r="AE55404" i="1"/>
  <c r="AE55405" i="1"/>
  <c r="AE55406" i="1"/>
  <c r="AE55407" i="1"/>
  <c r="AE55408" i="1"/>
  <c r="AE55409" i="1"/>
  <c r="AE55410" i="1"/>
  <c r="AE55411" i="1"/>
  <c r="AE55412" i="1"/>
  <c r="AE55413" i="1"/>
  <c r="AE55414" i="1"/>
  <c r="AE55415" i="1"/>
  <c r="AE55416" i="1"/>
  <c r="AE55417" i="1"/>
  <c r="AE55418" i="1"/>
  <c r="AE55419" i="1"/>
  <c r="AE55420" i="1"/>
  <c r="AE55421" i="1"/>
  <c r="AE55422" i="1"/>
  <c r="AE55423" i="1"/>
  <c r="AE55424" i="1"/>
  <c r="AE55425" i="1"/>
  <c r="AE55426" i="1"/>
  <c r="AE55427" i="1"/>
  <c r="AE55428" i="1"/>
  <c r="AE55429" i="1"/>
  <c r="AE55430" i="1"/>
  <c r="AE55431" i="1"/>
  <c r="AE55432" i="1"/>
  <c r="AE55433" i="1"/>
  <c r="AE55434" i="1"/>
  <c r="AE55435" i="1"/>
  <c r="AE55436" i="1"/>
  <c r="AE55437" i="1"/>
  <c r="AE55438" i="1"/>
  <c r="AE55439" i="1"/>
  <c r="AE55440" i="1"/>
  <c r="AE55441" i="1"/>
  <c r="AE55442" i="1"/>
  <c r="AE55443" i="1"/>
  <c r="AE55444" i="1"/>
  <c r="AE55445" i="1"/>
  <c r="AE55446" i="1"/>
  <c r="AE55447" i="1"/>
  <c r="AE55448" i="1"/>
  <c r="AE55449" i="1"/>
  <c r="AE55450" i="1"/>
  <c r="AE55451" i="1"/>
  <c r="AE55452" i="1"/>
  <c r="AE55453" i="1"/>
  <c r="AE55454" i="1"/>
  <c r="AE55455" i="1"/>
  <c r="AE55456" i="1"/>
  <c r="AE55457" i="1"/>
  <c r="AE55458" i="1"/>
  <c r="AE55459" i="1"/>
  <c r="AE55460" i="1"/>
  <c r="AE55461" i="1"/>
  <c r="AE55462" i="1"/>
  <c r="AE55463" i="1"/>
  <c r="AE55464" i="1"/>
  <c r="AE55465" i="1"/>
  <c r="AE55466" i="1"/>
  <c r="AE55467" i="1"/>
  <c r="AE55468" i="1"/>
  <c r="AE55469" i="1"/>
  <c r="AE55470" i="1"/>
  <c r="AE55471" i="1"/>
  <c r="AE55472" i="1"/>
  <c r="AE55473" i="1"/>
  <c r="AE55474" i="1"/>
  <c r="AE55475" i="1"/>
  <c r="AE55476" i="1"/>
  <c r="AE55477" i="1"/>
  <c r="AE55478" i="1"/>
  <c r="AE55479" i="1"/>
  <c r="AE55480" i="1"/>
  <c r="AE55481" i="1"/>
  <c r="AE55482" i="1"/>
  <c r="AE55483" i="1"/>
  <c r="AE55484" i="1"/>
  <c r="AE55485" i="1"/>
  <c r="AE55486" i="1"/>
  <c r="AE55487" i="1"/>
  <c r="AE55488" i="1"/>
  <c r="AE55489" i="1"/>
  <c r="AE55490" i="1"/>
  <c r="AE55491" i="1"/>
  <c r="AE55492" i="1"/>
  <c r="AE55493" i="1"/>
  <c r="AE55494" i="1"/>
  <c r="AE55495" i="1"/>
  <c r="AE55496" i="1"/>
  <c r="AE55497" i="1"/>
  <c r="AE55498" i="1"/>
  <c r="AE55499" i="1"/>
  <c r="AE55500" i="1"/>
  <c r="AE55501" i="1"/>
  <c r="AE55502" i="1"/>
  <c r="AE55503" i="1"/>
  <c r="AE55504" i="1"/>
  <c r="AE55505" i="1"/>
  <c r="AE55506" i="1"/>
  <c r="AE55507" i="1"/>
  <c r="AE55508" i="1"/>
  <c r="AE55509" i="1"/>
  <c r="AE55510" i="1"/>
  <c r="AE55511" i="1"/>
  <c r="AE55512" i="1"/>
  <c r="AE55513" i="1"/>
  <c r="AE55514" i="1"/>
  <c r="AE55515" i="1"/>
  <c r="AE55516" i="1"/>
  <c r="AE55517" i="1"/>
  <c r="AE55518" i="1"/>
  <c r="AE55519" i="1"/>
  <c r="AE55520" i="1"/>
  <c r="AE55521" i="1"/>
  <c r="AE55522" i="1"/>
  <c r="AE55523" i="1"/>
  <c r="AE55524" i="1"/>
  <c r="AE55525" i="1"/>
  <c r="AE55526" i="1"/>
  <c r="AE55527" i="1"/>
  <c r="AE55528" i="1"/>
  <c r="AE55529" i="1"/>
  <c r="AE55530" i="1"/>
  <c r="AE55531" i="1"/>
  <c r="AE55532" i="1"/>
  <c r="AE55533" i="1"/>
  <c r="AE55534" i="1"/>
  <c r="AE55535" i="1"/>
  <c r="AE55536" i="1"/>
  <c r="AE55537" i="1"/>
  <c r="AE55538" i="1"/>
  <c r="AE55539" i="1"/>
  <c r="AE55540" i="1"/>
  <c r="AE55541" i="1"/>
  <c r="AE55542" i="1"/>
  <c r="AE55543" i="1"/>
  <c r="AE55544" i="1"/>
  <c r="AE55545" i="1"/>
  <c r="AE55546" i="1"/>
  <c r="AE55547" i="1"/>
  <c r="AE55548" i="1"/>
  <c r="AE55549" i="1"/>
  <c r="AE55550" i="1"/>
  <c r="AE55551" i="1"/>
  <c r="AE55552" i="1"/>
  <c r="AE55553" i="1"/>
  <c r="AE55554" i="1"/>
  <c r="AE55555" i="1"/>
  <c r="AE55556" i="1"/>
  <c r="AE55557" i="1"/>
  <c r="AE55558" i="1"/>
  <c r="AE55559" i="1"/>
  <c r="AE55560" i="1"/>
  <c r="AE55561" i="1"/>
  <c r="AE55562" i="1"/>
  <c r="AE55563" i="1"/>
  <c r="AE55564" i="1"/>
  <c r="AE55565" i="1"/>
  <c r="AE55566" i="1"/>
  <c r="AE55567" i="1"/>
  <c r="AE55568" i="1"/>
  <c r="AE55569" i="1"/>
  <c r="AE55570" i="1"/>
  <c r="AE55571" i="1"/>
  <c r="AE55572" i="1"/>
  <c r="AE55573" i="1"/>
  <c r="AE55574" i="1"/>
  <c r="AE55575" i="1"/>
  <c r="AE55576" i="1"/>
  <c r="AE55577" i="1"/>
  <c r="AE55578" i="1"/>
  <c r="AE55579" i="1"/>
  <c r="AE55580" i="1"/>
  <c r="AE55581" i="1"/>
  <c r="AE55582" i="1"/>
  <c r="AE55583" i="1"/>
  <c r="AE55584" i="1"/>
  <c r="AE55585" i="1"/>
  <c r="AE55586" i="1"/>
  <c r="AE55587" i="1"/>
  <c r="AE55588" i="1"/>
  <c r="AE55589" i="1"/>
  <c r="AE55590" i="1"/>
  <c r="AE55591" i="1"/>
  <c r="AE55592" i="1"/>
  <c r="AE55593" i="1"/>
  <c r="AE55594" i="1"/>
  <c r="AE55595" i="1"/>
  <c r="AE55596" i="1"/>
  <c r="AE55597" i="1"/>
  <c r="AE55598" i="1"/>
  <c r="AE55599" i="1"/>
  <c r="AE55600" i="1"/>
  <c r="AE55601" i="1"/>
  <c r="AE55602" i="1"/>
  <c r="AE55603" i="1"/>
  <c r="AE55604" i="1"/>
  <c r="AE55605" i="1"/>
  <c r="AE55606" i="1"/>
  <c r="AE55607" i="1"/>
  <c r="AE55608" i="1"/>
  <c r="AE55609" i="1"/>
  <c r="AE55610" i="1"/>
  <c r="AE55611" i="1"/>
  <c r="AE55612" i="1"/>
  <c r="AE55613" i="1"/>
  <c r="AE55614" i="1"/>
  <c r="AE55615" i="1"/>
  <c r="AE55616" i="1"/>
  <c r="AE55617" i="1"/>
  <c r="AE55618" i="1"/>
  <c r="AE55619" i="1"/>
  <c r="AE55620" i="1"/>
  <c r="AE55621" i="1"/>
  <c r="AE55622" i="1"/>
  <c r="AE55623" i="1"/>
  <c r="AE55624" i="1"/>
  <c r="AE55625" i="1"/>
  <c r="AE55626" i="1"/>
  <c r="AE55627" i="1"/>
  <c r="AE55628" i="1"/>
  <c r="AE55629" i="1"/>
  <c r="AE55630" i="1"/>
  <c r="AE55631" i="1"/>
  <c r="AE55632" i="1"/>
  <c r="AE55633" i="1"/>
  <c r="AE55634" i="1"/>
  <c r="AE55635" i="1"/>
  <c r="AE55636" i="1"/>
  <c r="AE55637" i="1"/>
  <c r="AE55638" i="1"/>
  <c r="AE55639" i="1"/>
  <c r="AE55640" i="1"/>
  <c r="AE55641" i="1"/>
  <c r="AE55642" i="1"/>
  <c r="AE55643" i="1"/>
  <c r="AE55644" i="1"/>
  <c r="AE55645" i="1"/>
  <c r="AE55646" i="1"/>
  <c r="AE55647" i="1"/>
  <c r="AE55648" i="1"/>
  <c r="AE55649" i="1"/>
  <c r="AE55650" i="1"/>
  <c r="AE55651" i="1"/>
  <c r="AE55652" i="1"/>
  <c r="AE55653" i="1"/>
  <c r="AE55654" i="1"/>
  <c r="AE55655" i="1"/>
  <c r="AE55656" i="1"/>
  <c r="AE55657" i="1"/>
  <c r="AE55658" i="1"/>
  <c r="AE55659" i="1"/>
  <c r="AE55660" i="1"/>
  <c r="AE55661" i="1"/>
  <c r="AE55662" i="1"/>
  <c r="AE55663" i="1"/>
  <c r="AE55664" i="1"/>
  <c r="AE55665" i="1"/>
  <c r="AE55666" i="1"/>
  <c r="AE55667" i="1"/>
  <c r="AE55668" i="1"/>
  <c r="AE55669" i="1"/>
  <c r="AE55670" i="1"/>
  <c r="AE55671" i="1"/>
  <c r="AE55672" i="1"/>
  <c r="AE55673" i="1"/>
  <c r="AE55674" i="1"/>
  <c r="AE55675" i="1"/>
  <c r="AE55676" i="1"/>
  <c r="AE55677" i="1"/>
  <c r="AE55678" i="1"/>
  <c r="AE55679" i="1"/>
  <c r="AE55680" i="1"/>
  <c r="AE55681" i="1"/>
  <c r="AE55682" i="1"/>
  <c r="AE55683" i="1"/>
  <c r="AE55684" i="1"/>
  <c r="AE55685" i="1"/>
  <c r="AE55686" i="1"/>
  <c r="AE55687" i="1"/>
  <c r="AE55688" i="1"/>
  <c r="AE55689" i="1"/>
  <c r="AE55690" i="1"/>
  <c r="AE55691" i="1"/>
  <c r="AE55692" i="1"/>
  <c r="AE55693" i="1"/>
  <c r="AE55694" i="1"/>
  <c r="AE55695" i="1"/>
  <c r="AE55696" i="1"/>
  <c r="AE55697" i="1"/>
  <c r="AE55698" i="1"/>
  <c r="AE55699" i="1"/>
  <c r="AE55700" i="1"/>
  <c r="AE55701" i="1"/>
  <c r="AE55702" i="1"/>
  <c r="AE55703" i="1"/>
  <c r="AE55704" i="1"/>
  <c r="AE55705" i="1"/>
  <c r="AE55706" i="1"/>
  <c r="AE55707" i="1"/>
  <c r="AE55708" i="1"/>
  <c r="AE55709" i="1"/>
  <c r="AE55710" i="1"/>
  <c r="AE55711" i="1"/>
  <c r="AE55712" i="1"/>
  <c r="AE55713" i="1"/>
  <c r="AE55714" i="1"/>
  <c r="AE55715" i="1"/>
  <c r="AE55716" i="1"/>
  <c r="AE55717" i="1"/>
  <c r="AE55718" i="1"/>
  <c r="AE55719" i="1"/>
  <c r="AE55720" i="1"/>
  <c r="AE55721" i="1"/>
  <c r="AE55722" i="1"/>
  <c r="AE55723" i="1"/>
  <c r="AE55724" i="1"/>
  <c r="AE55725" i="1"/>
  <c r="AE55726" i="1"/>
  <c r="AE55727" i="1"/>
  <c r="AE55728" i="1"/>
  <c r="AE55729" i="1"/>
  <c r="AE55730" i="1"/>
  <c r="AE55731" i="1"/>
  <c r="AE55732" i="1"/>
  <c r="AE55733" i="1"/>
  <c r="AE55734" i="1"/>
  <c r="AE55735" i="1"/>
  <c r="AE55736" i="1"/>
  <c r="AE55737" i="1"/>
  <c r="AE55738" i="1"/>
  <c r="AE55739" i="1"/>
  <c r="AE55740" i="1"/>
  <c r="AE55741" i="1"/>
  <c r="AE55742" i="1"/>
  <c r="AE55743" i="1"/>
  <c r="AE55744" i="1"/>
  <c r="AE55745" i="1"/>
  <c r="AE55746" i="1"/>
  <c r="AE55747" i="1"/>
  <c r="AE55748" i="1"/>
  <c r="AE55749" i="1"/>
  <c r="AE55750" i="1"/>
  <c r="AE55751" i="1"/>
  <c r="AE55752" i="1"/>
  <c r="AE55753" i="1"/>
  <c r="AE55754" i="1"/>
  <c r="AE55755" i="1"/>
  <c r="AE55756" i="1"/>
  <c r="AE55757" i="1"/>
  <c r="AE55758" i="1"/>
  <c r="AE55759" i="1"/>
  <c r="AE55760" i="1"/>
  <c r="AE55761" i="1"/>
  <c r="AE55762" i="1"/>
  <c r="AE55763" i="1"/>
  <c r="AE55764" i="1"/>
  <c r="AE55765" i="1"/>
  <c r="AE55766" i="1"/>
  <c r="AE55767" i="1"/>
  <c r="AE55768" i="1"/>
  <c r="AE55769" i="1"/>
  <c r="AE55770" i="1"/>
  <c r="AE55771" i="1"/>
  <c r="AE55772" i="1"/>
  <c r="AE55773" i="1"/>
  <c r="AE55774" i="1"/>
  <c r="AE55775" i="1"/>
  <c r="AE55776" i="1"/>
  <c r="AE55777" i="1"/>
  <c r="AE55778" i="1"/>
  <c r="AE55779" i="1"/>
  <c r="AE55780" i="1"/>
  <c r="AE55781" i="1"/>
  <c r="AE55782" i="1"/>
  <c r="AE55783" i="1"/>
  <c r="AE55784" i="1"/>
  <c r="AE55785" i="1"/>
  <c r="AE55786" i="1"/>
  <c r="AE55787" i="1"/>
  <c r="AE55788" i="1"/>
  <c r="AE55789" i="1"/>
  <c r="AE55790" i="1"/>
  <c r="AE55791" i="1"/>
  <c r="AE55792" i="1"/>
  <c r="AE55793" i="1"/>
  <c r="AE55794" i="1"/>
  <c r="AE55795" i="1"/>
  <c r="AE55796" i="1"/>
  <c r="AE55797" i="1"/>
  <c r="AE55798" i="1"/>
  <c r="AE55799" i="1"/>
  <c r="AE55800" i="1"/>
  <c r="AE55801" i="1"/>
  <c r="AE55802" i="1"/>
  <c r="AE55803" i="1"/>
  <c r="AE55804" i="1"/>
  <c r="AE55805" i="1"/>
  <c r="AE55806" i="1"/>
  <c r="AE55807" i="1"/>
  <c r="AE55808" i="1"/>
  <c r="AE55809" i="1"/>
  <c r="AE55810" i="1"/>
  <c r="AE55811" i="1"/>
  <c r="AE55812" i="1"/>
  <c r="AE55813" i="1"/>
  <c r="AE55814" i="1"/>
  <c r="AE55815" i="1"/>
  <c r="AE55816" i="1"/>
  <c r="AE55817" i="1"/>
  <c r="AE55818" i="1"/>
  <c r="AE55819" i="1"/>
  <c r="AE55820" i="1"/>
  <c r="AE55821" i="1"/>
  <c r="AE55822" i="1"/>
  <c r="AE55823" i="1"/>
  <c r="AE55824" i="1"/>
  <c r="AE55825" i="1"/>
  <c r="AE55826" i="1"/>
  <c r="AE55827" i="1"/>
  <c r="AE55828" i="1"/>
  <c r="AE55829" i="1"/>
  <c r="AE55830" i="1"/>
  <c r="AE55831" i="1"/>
  <c r="AE55832" i="1"/>
  <c r="AE55833" i="1"/>
  <c r="AE55834" i="1"/>
  <c r="AE55835" i="1"/>
  <c r="AE55836" i="1"/>
  <c r="AE55837" i="1"/>
  <c r="AE55838" i="1"/>
  <c r="AE55839" i="1"/>
  <c r="AE55840" i="1"/>
  <c r="AE55841" i="1"/>
  <c r="AE55842" i="1"/>
  <c r="AE55843" i="1"/>
  <c r="AE55844" i="1"/>
  <c r="AE55845" i="1"/>
  <c r="AE55846" i="1"/>
  <c r="AE55847" i="1"/>
  <c r="AE55848" i="1"/>
  <c r="AE55849" i="1"/>
  <c r="AE55850" i="1"/>
  <c r="AE55851" i="1"/>
  <c r="AE55852" i="1"/>
  <c r="AE55853" i="1"/>
  <c r="AE55854" i="1"/>
  <c r="AE55855" i="1"/>
  <c r="AE55856" i="1"/>
  <c r="AE55857" i="1"/>
  <c r="AE55858" i="1"/>
  <c r="AE55859" i="1"/>
  <c r="AE55860" i="1"/>
  <c r="AE55861" i="1"/>
  <c r="AE55862" i="1"/>
  <c r="AE55863" i="1"/>
  <c r="AE55864" i="1"/>
  <c r="AE55865" i="1"/>
  <c r="AE55866" i="1"/>
  <c r="AE55867" i="1"/>
  <c r="AE55868" i="1"/>
  <c r="AE55869" i="1"/>
  <c r="AE55870" i="1"/>
  <c r="AE55871" i="1"/>
  <c r="AE55872" i="1"/>
  <c r="AE55873" i="1"/>
  <c r="AE55874" i="1"/>
  <c r="AE55875" i="1"/>
  <c r="AE55876" i="1"/>
  <c r="AE55877" i="1"/>
  <c r="AE55878" i="1"/>
  <c r="AE55879" i="1"/>
  <c r="AE55880" i="1"/>
  <c r="AE55881" i="1"/>
  <c r="AE55882" i="1"/>
  <c r="AE55883" i="1"/>
  <c r="AE55884" i="1"/>
  <c r="AE55885" i="1"/>
  <c r="AE55886" i="1"/>
  <c r="AE55887" i="1"/>
  <c r="AE55888" i="1"/>
  <c r="AE55889" i="1"/>
  <c r="AE55890" i="1"/>
  <c r="AE55891" i="1"/>
  <c r="AE55892" i="1"/>
  <c r="AE55893" i="1"/>
  <c r="AE55894" i="1"/>
  <c r="AE55895" i="1"/>
  <c r="AE55896" i="1"/>
  <c r="AE55897" i="1"/>
  <c r="AE55898" i="1"/>
  <c r="AE55899" i="1"/>
  <c r="AE55900" i="1"/>
  <c r="AE55901" i="1"/>
  <c r="AE55902" i="1"/>
  <c r="AE55903" i="1"/>
  <c r="AE55904" i="1"/>
  <c r="AE55905" i="1"/>
  <c r="AE55906" i="1"/>
  <c r="AE55907" i="1"/>
  <c r="AE55908" i="1"/>
  <c r="AE55909" i="1"/>
  <c r="AE55910" i="1"/>
  <c r="AE55911" i="1"/>
  <c r="AE55912" i="1"/>
  <c r="AE55913" i="1"/>
  <c r="AE55914" i="1"/>
  <c r="AE55915" i="1"/>
  <c r="AE55916" i="1"/>
  <c r="AE55917" i="1"/>
  <c r="AE55918" i="1"/>
  <c r="AE55919" i="1"/>
  <c r="AE55920" i="1"/>
  <c r="AE55921" i="1"/>
  <c r="AE55922" i="1"/>
  <c r="AE55923" i="1"/>
  <c r="AE55924" i="1"/>
  <c r="AE55925" i="1"/>
  <c r="AE55926" i="1"/>
  <c r="AE55927" i="1"/>
  <c r="AE55928" i="1"/>
  <c r="AE55929" i="1"/>
  <c r="AE55930" i="1"/>
  <c r="AE55931" i="1"/>
  <c r="AE55932" i="1"/>
  <c r="AE55933" i="1"/>
  <c r="AE55934" i="1"/>
  <c r="AE55935" i="1"/>
  <c r="AE55936" i="1"/>
  <c r="AE55937" i="1"/>
  <c r="AE55938" i="1"/>
  <c r="AE55939" i="1"/>
  <c r="AE55940" i="1"/>
  <c r="AE55941" i="1"/>
  <c r="AE55942" i="1"/>
  <c r="AE55943" i="1"/>
  <c r="AE55944" i="1"/>
  <c r="AE55945" i="1"/>
  <c r="AE55946" i="1"/>
  <c r="AE55947" i="1"/>
  <c r="AE55948" i="1"/>
  <c r="AE55949" i="1"/>
  <c r="AE55950" i="1"/>
  <c r="AE55951" i="1"/>
  <c r="AE55952" i="1"/>
  <c r="AE55953" i="1"/>
  <c r="AE55954" i="1"/>
  <c r="AE55955" i="1"/>
  <c r="AE55956" i="1"/>
  <c r="AE55957" i="1"/>
  <c r="AE55958" i="1"/>
  <c r="AE55959" i="1"/>
  <c r="AE55960" i="1"/>
  <c r="AE55961" i="1"/>
  <c r="AE55962" i="1"/>
  <c r="AE55963" i="1"/>
  <c r="AE55964" i="1"/>
  <c r="AE55965" i="1"/>
  <c r="AE55966" i="1"/>
  <c r="AE55967" i="1"/>
  <c r="AE55968" i="1"/>
  <c r="AE55969" i="1"/>
  <c r="AE55970" i="1"/>
  <c r="AE55971" i="1"/>
  <c r="AE55972" i="1"/>
  <c r="AE55973" i="1"/>
  <c r="AE55974" i="1"/>
  <c r="AE55975" i="1"/>
  <c r="AE55976" i="1"/>
  <c r="AE55977" i="1"/>
  <c r="AE55978" i="1"/>
  <c r="AE55979" i="1"/>
  <c r="AE55980" i="1"/>
  <c r="AE55981" i="1"/>
  <c r="AE55982" i="1"/>
  <c r="AE55983" i="1"/>
  <c r="AE55984" i="1"/>
  <c r="AE55985" i="1"/>
  <c r="AE55986" i="1"/>
  <c r="AE55987" i="1"/>
  <c r="AE55988" i="1"/>
  <c r="AE55989" i="1"/>
  <c r="AE55990" i="1"/>
  <c r="AE55991" i="1"/>
  <c r="AE55992" i="1"/>
  <c r="AE55993" i="1"/>
  <c r="AE55994" i="1"/>
  <c r="AE55995" i="1"/>
  <c r="AE55996" i="1"/>
  <c r="AE55997" i="1"/>
  <c r="AE55998" i="1"/>
  <c r="AE55999" i="1"/>
  <c r="AE56000" i="1"/>
  <c r="AE56001" i="1"/>
  <c r="AE56002" i="1"/>
  <c r="AE56003" i="1"/>
  <c r="AE56004" i="1"/>
  <c r="AE56005" i="1"/>
  <c r="AE56006" i="1"/>
  <c r="AE56007" i="1"/>
  <c r="AE56008" i="1"/>
  <c r="AE56009" i="1"/>
  <c r="AE56010" i="1"/>
  <c r="AE56011" i="1"/>
  <c r="AE56012" i="1"/>
  <c r="AE56013" i="1"/>
  <c r="AE56014" i="1"/>
  <c r="AE56015" i="1"/>
  <c r="AE56016" i="1"/>
  <c r="AE56017" i="1"/>
  <c r="AE56018" i="1"/>
  <c r="AE56019" i="1"/>
  <c r="AE56020" i="1"/>
  <c r="AE56021" i="1"/>
  <c r="AE56022" i="1"/>
  <c r="AE56023" i="1"/>
  <c r="AE56024" i="1"/>
  <c r="AE56025" i="1"/>
  <c r="AE56026" i="1"/>
  <c r="AE56027" i="1"/>
  <c r="AE56028" i="1"/>
  <c r="AE56029" i="1"/>
  <c r="AE56030" i="1"/>
  <c r="AE56031" i="1"/>
  <c r="AE56032" i="1"/>
  <c r="AE56033" i="1"/>
  <c r="AE56034" i="1"/>
  <c r="AE56035" i="1"/>
  <c r="AE56036" i="1"/>
  <c r="AE56037" i="1"/>
  <c r="AE56038" i="1"/>
  <c r="AE56039" i="1"/>
  <c r="AE56040" i="1"/>
  <c r="AE56041" i="1"/>
  <c r="AE56042" i="1"/>
  <c r="AE56043" i="1"/>
  <c r="AE56044" i="1"/>
  <c r="AE56045" i="1"/>
  <c r="AE56046" i="1"/>
  <c r="AE56047" i="1"/>
  <c r="AE56048" i="1"/>
  <c r="AE56049" i="1"/>
  <c r="AE56050" i="1"/>
  <c r="AE56051" i="1"/>
  <c r="AE56052" i="1"/>
  <c r="AE56053" i="1"/>
  <c r="AE56054" i="1"/>
  <c r="AE56055" i="1"/>
  <c r="AE56056" i="1"/>
  <c r="AE56057" i="1"/>
  <c r="AE56058" i="1"/>
  <c r="AE56059" i="1"/>
  <c r="AE56060" i="1"/>
  <c r="AE56061" i="1"/>
  <c r="AE56062" i="1"/>
  <c r="AE56063" i="1"/>
  <c r="AE56064" i="1"/>
  <c r="AE56065" i="1"/>
  <c r="AE56066" i="1"/>
  <c r="AE56067" i="1"/>
  <c r="AE56068" i="1"/>
  <c r="AE56069" i="1"/>
  <c r="AE56070" i="1"/>
  <c r="AE56071" i="1"/>
  <c r="AE56072" i="1"/>
  <c r="AE56073" i="1"/>
  <c r="AE56074" i="1"/>
  <c r="AE56075" i="1"/>
  <c r="AE56076" i="1"/>
  <c r="AE56077" i="1"/>
  <c r="AE56078" i="1"/>
  <c r="AE56079" i="1"/>
  <c r="AE56080" i="1"/>
  <c r="AE56081" i="1"/>
  <c r="AE56082" i="1"/>
  <c r="AE56083" i="1"/>
  <c r="AE56084" i="1"/>
  <c r="AE56085" i="1"/>
  <c r="AE56086" i="1"/>
  <c r="AE56087" i="1"/>
  <c r="AE56088" i="1"/>
  <c r="AE56089" i="1"/>
  <c r="AE56090" i="1"/>
  <c r="AE56091" i="1"/>
  <c r="AE56092" i="1"/>
  <c r="AE56093" i="1"/>
  <c r="AE56094" i="1"/>
  <c r="AE56095" i="1"/>
  <c r="AE56096" i="1"/>
  <c r="AE56097" i="1"/>
  <c r="AE56098" i="1"/>
  <c r="AE56099" i="1"/>
  <c r="AE56100" i="1"/>
  <c r="AE56101" i="1"/>
  <c r="AE56102" i="1"/>
  <c r="AE56103" i="1"/>
  <c r="AE56104" i="1"/>
  <c r="AE56105" i="1"/>
  <c r="AE56106" i="1"/>
  <c r="AE56107" i="1"/>
  <c r="AE56108" i="1"/>
  <c r="AE56109" i="1"/>
  <c r="AE56110" i="1"/>
  <c r="AE56111" i="1"/>
  <c r="AE56112" i="1"/>
  <c r="AE56113" i="1"/>
  <c r="AE56114" i="1"/>
  <c r="AE56115" i="1"/>
  <c r="AE56116" i="1"/>
  <c r="AE56117" i="1"/>
  <c r="AE56118" i="1"/>
  <c r="AE56119" i="1"/>
  <c r="AE56120" i="1"/>
  <c r="AE56121" i="1"/>
  <c r="AE56122" i="1"/>
  <c r="AE56123" i="1"/>
  <c r="AE56124" i="1"/>
  <c r="AE56125" i="1"/>
  <c r="AE56126" i="1"/>
  <c r="AE56127" i="1"/>
  <c r="AE56128" i="1"/>
  <c r="AE56129" i="1"/>
  <c r="AE56130" i="1"/>
  <c r="AE56131" i="1"/>
  <c r="AE56132" i="1"/>
  <c r="AE56133" i="1"/>
  <c r="AE56134" i="1"/>
  <c r="AE56135" i="1"/>
  <c r="AE56136" i="1"/>
  <c r="AE56137" i="1"/>
  <c r="AE56138" i="1"/>
  <c r="AE56139" i="1"/>
  <c r="AE56140" i="1"/>
  <c r="AE56141" i="1"/>
  <c r="AE56142" i="1"/>
  <c r="AE56143" i="1"/>
  <c r="AE56144" i="1"/>
  <c r="AE56145" i="1"/>
  <c r="AE56146" i="1"/>
  <c r="AE56147" i="1"/>
  <c r="AE56148" i="1"/>
  <c r="AE56149" i="1"/>
  <c r="AE56150" i="1"/>
  <c r="AE56151" i="1"/>
  <c r="AE56152" i="1"/>
  <c r="AE56153" i="1"/>
  <c r="AE56154" i="1"/>
  <c r="AE56155" i="1"/>
  <c r="AE56156" i="1"/>
  <c r="AE56157" i="1"/>
  <c r="AE56158" i="1"/>
  <c r="AE56159" i="1"/>
  <c r="AE56160" i="1"/>
  <c r="AE56161" i="1"/>
  <c r="AE56162" i="1"/>
  <c r="AE56163" i="1"/>
  <c r="AE56164" i="1"/>
  <c r="AE56165" i="1"/>
  <c r="AE56166" i="1"/>
  <c r="AE56167" i="1"/>
  <c r="AE56168" i="1"/>
  <c r="AE56169" i="1"/>
  <c r="AE56170" i="1"/>
  <c r="AE56171" i="1"/>
  <c r="AE56172" i="1"/>
  <c r="AE56173" i="1"/>
  <c r="AE56174" i="1"/>
  <c r="AE56175" i="1"/>
  <c r="AE56176" i="1"/>
  <c r="AE56177" i="1"/>
  <c r="AE56178" i="1"/>
  <c r="AE56179" i="1"/>
  <c r="AE56180" i="1"/>
  <c r="AE56181" i="1"/>
  <c r="AE56182" i="1"/>
  <c r="AE56183" i="1"/>
  <c r="AE56184" i="1"/>
  <c r="AE56185" i="1"/>
  <c r="AE56186" i="1"/>
  <c r="AE56187" i="1"/>
  <c r="AE56188" i="1"/>
  <c r="AE56189" i="1"/>
  <c r="AE56190" i="1"/>
  <c r="AE56191" i="1"/>
  <c r="AE56192" i="1"/>
  <c r="AE56193" i="1"/>
  <c r="AE56194" i="1"/>
  <c r="AE56195" i="1"/>
  <c r="AE56196" i="1"/>
  <c r="AE56197" i="1"/>
  <c r="AE56198" i="1"/>
  <c r="AE56199" i="1"/>
  <c r="AE56200" i="1"/>
  <c r="AE56201" i="1"/>
  <c r="AE56202" i="1"/>
  <c r="AE56203" i="1"/>
  <c r="AE56204" i="1"/>
  <c r="AE56205" i="1"/>
  <c r="AE56206" i="1"/>
  <c r="AE56207" i="1"/>
  <c r="AE56208" i="1"/>
  <c r="AE56209" i="1"/>
  <c r="AE56210" i="1"/>
  <c r="AE56211" i="1"/>
  <c r="AE56212" i="1"/>
  <c r="AE56213" i="1"/>
  <c r="AE56214" i="1"/>
  <c r="AE56215" i="1"/>
  <c r="AE56216" i="1"/>
  <c r="AE56217" i="1"/>
  <c r="AE56218" i="1"/>
  <c r="AE56219" i="1"/>
  <c r="AE56220" i="1"/>
  <c r="AE56221" i="1"/>
  <c r="AE56222" i="1"/>
  <c r="AE56223" i="1"/>
  <c r="AE56224" i="1"/>
  <c r="AE56225" i="1"/>
  <c r="AE56226" i="1"/>
  <c r="AE56227" i="1"/>
  <c r="AE56228" i="1"/>
  <c r="AE56229" i="1"/>
  <c r="AE56230" i="1"/>
  <c r="AE56231" i="1"/>
  <c r="AE56232" i="1"/>
  <c r="AE56233" i="1"/>
  <c r="AE56234" i="1"/>
  <c r="AE56235" i="1"/>
  <c r="AE56236" i="1"/>
  <c r="AE56237" i="1"/>
  <c r="AE56238" i="1"/>
  <c r="AE56239" i="1"/>
  <c r="AE56240" i="1"/>
  <c r="AE56241" i="1"/>
  <c r="AE56242" i="1"/>
  <c r="AE56243" i="1"/>
  <c r="AE56244" i="1"/>
  <c r="AE56245" i="1"/>
  <c r="AE56246" i="1"/>
  <c r="AE56247" i="1"/>
  <c r="AE56248" i="1"/>
  <c r="AE56249" i="1"/>
  <c r="AE56250" i="1"/>
  <c r="AE56251" i="1"/>
  <c r="AE56252" i="1"/>
  <c r="AE56253" i="1"/>
  <c r="AE56254" i="1"/>
  <c r="AE56255" i="1"/>
  <c r="AE56256" i="1"/>
  <c r="AE56257" i="1"/>
  <c r="AE56258" i="1"/>
  <c r="AE56259" i="1"/>
  <c r="AE56260" i="1"/>
  <c r="AE56261" i="1"/>
  <c r="AE56262" i="1"/>
  <c r="AE56263" i="1"/>
  <c r="AE56264" i="1"/>
  <c r="AE56265" i="1"/>
  <c r="AE56266" i="1"/>
  <c r="AE56267" i="1"/>
  <c r="AE56268" i="1"/>
  <c r="AE56269" i="1"/>
  <c r="AE56270" i="1"/>
  <c r="AE56271" i="1"/>
  <c r="AE56272" i="1"/>
  <c r="AE56273" i="1"/>
  <c r="AE56274" i="1"/>
  <c r="AE56275" i="1"/>
  <c r="AE56276" i="1"/>
  <c r="AE56277" i="1"/>
  <c r="AE56278" i="1"/>
  <c r="AE56279" i="1"/>
  <c r="AE56280" i="1"/>
  <c r="AE56281" i="1"/>
  <c r="AE56282" i="1"/>
  <c r="AE56283" i="1"/>
  <c r="AE56284" i="1"/>
  <c r="AE56285" i="1"/>
  <c r="AE56286" i="1"/>
  <c r="AE56287" i="1"/>
  <c r="AE56288" i="1"/>
  <c r="AE56289" i="1"/>
  <c r="AE56290" i="1"/>
  <c r="AE56291" i="1"/>
  <c r="AE56292" i="1"/>
  <c r="AE56293" i="1"/>
  <c r="AE56294" i="1"/>
  <c r="AE56295" i="1"/>
  <c r="AE56296" i="1"/>
  <c r="AE56297" i="1"/>
  <c r="AE56298" i="1"/>
  <c r="AE56299" i="1"/>
  <c r="AE56300" i="1"/>
  <c r="AE56301" i="1"/>
  <c r="AE56302" i="1"/>
  <c r="AE56303" i="1"/>
  <c r="AE56304" i="1"/>
  <c r="AE56305" i="1"/>
  <c r="AE56306" i="1"/>
  <c r="AE56307" i="1"/>
  <c r="AE56308" i="1"/>
  <c r="AE56309" i="1"/>
  <c r="AE56310" i="1"/>
  <c r="AE56311" i="1"/>
  <c r="AE56312" i="1"/>
  <c r="AE56313" i="1"/>
  <c r="AE56314" i="1"/>
  <c r="AE56315" i="1"/>
  <c r="AE56316" i="1"/>
  <c r="AE56317" i="1"/>
  <c r="AE56318" i="1"/>
  <c r="AE56319" i="1"/>
  <c r="AE56320" i="1"/>
  <c r="AE56321" i="1"/>
  <c r="AE56322" i="1"/>
  <c r="AE56323" i="1"/>
  <c r="AE56324" i="1"/>
  <c r="AE56325" i="1"/>
  <c r="AE56326" i="1"/>
  <c r="AE56327" i="1"/>
  <c r="AE56328" i="1"/>
  <c r="AE56329" i="1"/>
  <c r="AE56330" i="1"/>
  <c r="AE56331" i="1"/>
  <c r="AE56332" i="1"/>
  <c r="AE56333" i="1"/>
  <c r="AE56334" i="1"/>
  <c r="AE56335" i="1"/>
  <c r="AE56336" i="1"/>
  <c r="AE56337" i="1"/>
  <c r="AE56338" i="1"/>
  <c r="AE56339" i="1"/>
  <c r="AE56340" i="1"/>
  <c r="AE56341" i="1"/>
  <c r="AE56342" i="1"/>
  <c r="AE56343" i="1"/>
  <c r="AE56344" i="1"/>
  <c r="AE56345" i="1"/>
  <c r="AE56346" i="1"/>
  <c r="AE56347" i="1"/>
  <c r="AE56348" i="1"/>
  <c r="AE56349" i="1"/>
  <c r="AE56350" i="1"/>
  <c r="AE56351" i="1"/>
  <c r="AE56352" i="1"/>
  <c r="AE56353" i="1"/>
  <c r="AE56354" i="1"/>
  <c r="AE56355" i="1"/>
  <c r="AE56356" i="1"/>
  <c r="AE56357" i="1"/>
  <c r="AE56358" i="1"/>
  <c r="AE56359" i="1"/>
  <c r="AE56360" i="1"/>
  <c r="AE56361" i="1"/>
  <c r="AE56362" i="1"/>
  <c r="AE56363" i="1"/>
  <c r="AE56364" i="1"/>
  <c r="AE56365" i="1"/>
  <c r="AE56366" i="1"/>
  <c r="AE56367" i="1"/>
  <c r="AE56368" i="1"/>
  <c r="AE56369" i="1"/>
  <c r="AE56370" i="1"/>
  <c r="AE56371" i="1"/>
  <c r="AE56372" i="1"/>
  <c r="AE56373" i="1"/>
  <c r="AE56374" i="1"/>
  <c r="AE56375" i="1"/>
  <c r="AE56376" i="1"/>
  <c r="AE56377" i="1"/>
  <c r="AE56378" i="1"/>
  <c r="AE56379" i="1"/>
  <c r="AE56380" i="1"/>
  <c r="AE56381" i="1"/>
  <c r="AE56382" i="1"/>
  <c r="AE56383" i="1"/>
  <c r="AE56384" i="1"/>
  <c r="AE56385" i="1"/>
  <c r="AE56386" i="1"/>
  <c r="AE56387" i="1"/>
  <c r="AE56388" i="1"/>
  <c r="AE56389" i="1"/>
  <c r="AE56390" i="1"/>
  <c r="AE56391" i="1"/>
  <c r="AE56392" i="1"/>
  <c r="AE56393" i="1"/>
  <c r="AE56394" i="1"/>
  <c r="AE56395" i="1"/>
  <c r="AE56396" i="1"/>
  <c r="AE56397" i="1"/>
  <c r="AE56398" i="1"/>
  <c r="AE56399" i="1"/>
  <c r="AE56400" i="1"/>
  <c r="AE56401" i="1"/>
  <c r="AE56402" i="1"/>
  <c r="AE56403" i="1"/>
  <c r="AE56404" i="1"/>
  <c r="AE56405" i="1"/>
  <c r="AE56406" i="1"/>
  <c r="AE56407" i="1"/>
  <c r="AE56408" i="1"/>
  <c r="AE56409" i="1"/>
  <c r="AE56410" i="1"/>
  <c r="AE56411" i="1"/>
  <c r="AE56412" i="1"/>
  <c r="AE56413" i="1"/>
  <c r="AE56414" i="1"/>
  <c r="AE56415" i="1"/>
  <c r="AE56416" i="1"/>
  <c r="AE56417" i="1"/>
  <c r="AE56418" i="1"/>
  <c r="AE56419" i="1"/>
  <c r="AE56420" i="1"/>
  <c r="AE56421" i="1"/>
  <c r="AE56422" i="1"/>
  <c r="AE56423" i="1"/>
  <c r="AE56424" i="1"/>
  <c r="AE56425" i="1"/>
  <c r="AE56426" i="1"/>
  <c r="AE56427" i="1"/>
  <c r="AE56428" i="1"/>
  <c r="AE56429" i="1"/>
  <c r="AE56430" i="1"/>
  <c r="AE56431" i="1"/>
  <c r="AE56432" i="1"/>
  <c r="AE56433" i="1"/>
  <c r="AE56434" i="1"/>
  <c r="AE56435" i="1"/>
  <c r="AE56436" i="1"/>
  <c r="AE56437" i="1"/>
  <c r="AE56438" i="1"/>
  <c r="AE56439" i="1"/>
  <c r="AE56440" i="1"/>
  <c r="AE56441" i="1"/>
  <c r="AE56442" i="1"/>
  <c r="AE56443" i="1"/>
  <c r="AE56444" i="1"/>
  <c r="AE56445" i="1"/>
  <c r="AE56446" i="1"/>
  <c r="AE56447" i="1"/>
  <c r="AE56448" i="1"/>
  <c r="AE56449" i="1"/>
  <c r="AE56450" i="1"/>
  <c r="AE56451" i="1"/>
  <c r="AE56452" i="1"/>
  <c r="AE56453" i="1"/>
  <c r="AE56454" i="1"/>
  <c r="AE56455" i="1"/>
  <c r="AE56456" i="1"/>
  <c r="AE56457" i="1"/>
  <c r="AE56458" i="1"/>
  <c r="AE56459" i="1"/>
  <c r="AE56460" i="1"/>
  <c r="AE56461" i="1"/>
  <c r="AE56462" i="1"/>
  <c r="AE56463" i="1"/>
  <c r="AE56464" i="1"/>
  <c r="AE56465" i="1"/>
  <c r="AE56466" i="1"/>
  <c r="AE56467" i="1"/>
  <c r="AE56468" i="1"/>
  <c r="AE56469" i="1"/>
  <c r="AE56470" i="1"/>
  <c r="AE56471" i="1"/>
  <c r="AE56472" i="1"/>
  <c r="AE56473" i="1"/>
  <c r="AE56474" i="1"/>
  <c r="AE56475" i="1"/>
  <c r="AE56476" i="1"/>
  <c r="AE56477" i="1"/>
  <c r="AE56478" i="1"/>
  <c r="AE56479" i="1"/>
  <c r="AE56480" i="1"/>
  <c r="AE56481" i="1"/>
  <c r="AE56482" i="1"/>
  <c r="AE56483" i="1"/>
  <c r="AE56484" i="1"/>
  <c r="AE56485" i="1"/>
  <c r="AE56486" i="1"/>
  <c r="AE56487" i="1"/>
  <c r="AE56488" i="1"/>
  <c r="AE56489" i="1"/>
  <c r="AE56490" i="1"/>
  <c r="AE56491" i="1"/>
  <c r="AE56492" i="1"/>
  <c r="AE56493" i="1"/>
  <c r="AE56494" i="1"/>
  <c r="AE56495" i="1"/>
  <c r="AE56496" i="1"/>
  <c r="AE56497" i="1"/>
  <c r="AE56498" i="1"/>
  <c r="AE56499" i="1"/>
  <c r="AE56500" i="1"/>
  <c r="AE56501" i="1"/>
  <c r="AE56502" i="1"/>
  <c r="AE56503" i="1"/>
  <c r="AE56504" i="1"/>
  <c r="AE56505" i="1"/>
  <c r="AE56506" i="1"/>
  <c r="AE56507" i="1"/>
  <c r="AE56508" i="1"/>
  <c r="AE56509" i="1"/>
  <c r="AE56510" i="1"/>
  <c r="AE56511" i="1"/>
  <c r="AE56512" i="1"/>
  <c r="AE56513" i="1"/>
  <c r="AE56514" i="1"/>
  <c r="AE56515" i="1"/>
  <c r="AE56516" i="1"/>
  <c r="AE56517" i="1"/>
  <c r="AE56518" i="1"/>
  <c r="AE56519" i="1"/>
  <c r="AE56520" i="1"/>
  <c r="AE56521" i="1"/>
  <c r="AE56522" i="1"/>
  <c r="AE56523" i="1"/>
  <c r="AE56524" i="1"/>
  <c r="AE56525" i="1"/>
  <c r="AE56526" i="1"/>
  <c r="AE56527" i="1"/>
  <c r="AE56528" i="1"/>
  <c r="AE56529" i="1"/>
  <c r="AE56530" i="1"/>
  <c r="AE56531" i="1"/>
  <c r="AE56532" i="1"/>
  <c r="AE56533" i="1"/>
  <c r="AE56534" i="1"/>
  <c r="AE56535" i="1"/>
  <c r="AE56536" i="1"/>
  <c r="AE56537" i="1"/>
  <c r="AE56538" i="1"/>
  <c r="AE56539" i="1"/>
  <c r="AE56540" i="1"/>
  <c r="AE56541" i="1"/>
  <c r="AE56542" i="1"/>
  <c r="AE56543" i="1"/>
  <c r="AE56544" i="1"/>
  <c r="AE56545" i="1"/>
  <c r="AE56546" i="1"/>
  <c r="AE56547" i="1"/>
  <c r="AE56548" i="1"/>
  <c r="AE56549" i="1"/>
  <c r="AE56550" i="1"/>
  <c r="AE56551" i="1"/>
  <c r="AE56552" i="1"/>
  <c r="AE56553" i="1"/>
  <c r="AE56554" i="1"/>
  <c r="AE56555" i="1"/>
  <c r="AE56556" i="1"/>
  <c r="AE56557" i="1"/>
  <c r="AE56558" i="1"/>
  <c r="AE56559" i="1"/>
  <c r="AE56560" i="1"/>
  <c r="AE56561" i="1"/>
  <c r="AE56562" i="1"/>
  <c r="AE56563" i="1"/>
  <c r="AE56564" i="1"/>
  <c r="AE56565" i="1"/>
  <c r="AE56566" i="1"/>
  <c r="AE56567" i="1"/>
  <c r="AE56568" i="1"/>
  <c r="AE56569" i="1"/>
  <c r="AE56570" i="1"/>
  <c r="AE56571" i="1"/>
  <c r="AE56572" i="1"/>
  <c r="AE56573" i="1"/>
  <c r="AE56574" i="1"/>
  <c r="AE56575" i="1"/>
  <c r="AE56576" i="1"/>
  <c r="AE56577" i="1"/>
  <c r="AE56578" i="1"/>
  <c r="AE56579" i="1"/>
  <c r="AE56580" i="1"/>
  <c r="AE56581" i="1"/>
  <c r="AE56582" i="1"/>
  <c r="AE56583" i="1"/>
  <c r="AE56584" i="1"/>
  <c r="AE56585" i="1"/>
  <c r="AE56586" i="1"/>
  <c r="AE56587" i="1"/>
  <c r="AE56588" i="1"/>
  <c r="AE56589" i="1"/>
  <c r="AE56590" i="1"/>
  <c r="AE56591" i="1"/>
  <c r="AE56592" i="1"/>
  <c r="AE56593" i="1"/>
  <c r="AE56594" i="1"/>
  <c r="AE56595" i="1"/>
  <c r="AE56596" i="1"/>
  <c r="AE56597" i="1"/>
  <c r="AE56598" i="1"/>
  <c r="AE56599" i="1"/>
  <c r="AE56600" i="1"/>
  <c r="AE56601" i="1"/>
  <c r="AE56602" i="1"/>
  <c r="AE56603" i="1"/>
  <c r="AE56604" i="1"/>
  <c r="AE56605" i="1"/>
  <c r="AE56606" i="1"/>
  <c r="AE56607" i="1"/>
  <c r="AE56608" i="1"/>
  <c r="AE56609" i="1"/>
  <c r="AE56610" i="1"/>
  <c r="AE56611" i="1"/>
  <c r="AE56612" i="1"/>
  <c r="AE56613" i="1"/>
  <c r="AE56614" i="1"/>
  <c r="AE56615" i="1"/>
  <c r="AE56616" i="1"/>
  <c r="AE56617" i="1"/>
  <c r="AE56618" i="1"/>
  <c r="AE56619" i="1"/>
  <c r="AE56620" i="1"/>
  <c r="AE56621" i="1"/>
  <c r="AE56622" i="1"/>
  <c r="AE56623" i="1"/>
  <c r="AE56624" i="1"/>
  <c r="AE56625" i="1"/>
  <c r="AE56626" i="1"/>
  <c r="AE56627" i="1"/>
  <c r="AE56628" i="1"/>
  <c r="AE56629" i="1"/>
  <c r="AE56630" i="1"/>
  <c r="AE56631" i="1"/>
  <c r="AE56632" i="1"/>
  <c r="AE56633" i="1"/>
  <c r="AE56634" i="1"/>
  <c r="AE56635" i="1"/>
  <c r="AE56636" i="1"/>
  <c r="AE56637" i="1"/>
  <c r="AE56638" i="1"/>
  <c r="AE56639" i="1"/>
  <c r="AE56640" i="1"/>
  <c r="AE56641" i="1"/>
  <c r="AE56642" i="1"/>
  <c r="AE56643" i="1"/>
  <c r="AE56644" i="1"/>
  <c r="AE56645" i="1"/>
  <c r="AE56646" i="1"/>
  <c r="AE56647" i="1"/>
  <c r="AE56648" i="1"/>
  <c r="AE56649" i="1"/>
  <c r="AE56650" i="1"/>
  <c r="AE56651" i="1"/>
  <c r="AE56652" i="1"/>
  <c r="AE56653" i="1"/>
  <c r="AE56654" i="1"/>
  <c r="AE56655" i="1"/>
  <c r="AE56656" i="1"/>
  <c r="AE56657" i="1"/>
  <c r="AE56658" i="1"/>
  <c r="AE56659" i="1"/>
  <c r="AE56660" i="1"/>
  <c r="AE56661" i="1"/>
  <c r="AE56662" i="1"/>
  <c r="AE56663" i="1"/>
  <c r="AE56664" i="1"/>
  <c r="AE56665" i="1"/>
  <c r="AE56666" i="1"/>
  <c r="AE56667" i="1"/>
  <c r="AE56668" i="1"/>
  <c r="AE56669" i="1"/>
  <c r="AE56670" i="1"/>
  <c r="AE56671" i="1"/>
  <c r="AE56672" i="1"/>
  <c r="AE56673" i="1"/>
  <c r="AE56674" i="1"/>
  <c r="AE56675" i="1"/>
  <c r="AE56676" i="1"/>
  <c r="AE56677" i="1"/>
  <c r="AE56678" i="1"/>
  <c r="AE56679" i="1"/>
  <c r="AE56680" i="1"/>
  <c r="AE56681" i="1"/>
  <c r="AE56682" i="1"/>
  <c r="AE56683" i="1"/>
  <c r="AE56684" i="1"/>
  <c r="AE56685" i="1"/>
  <c r="AE56686" i="1"/>
  <c r="AE56687" i="1"/>
  <c r="AE56688" i="1"/>
  <c r="AE56689" i="1"/>
  <c r="AE56690" i="1"/>
  <c r="AE56691" i="1"/>
  <c r="AE56692" i="1"/>
  <c r="AE56693" i="1"/>
  <c r="AE56694" i="1"/>
  <c r="AE56695" i="1"/>
  <c r="AE56696" i="1"/>
  <c r="AE56697" i="1"/>
  <c r="AE56698" i="1"/>
  <c r="AE56699" i="1"/>
  <c r="AE56700" i="1"/>
  <c r="AE56701" i="1"/>
  <c r="AE56702" i="1"/>
  <c r="AE56703" i="1"/>
  <c r="AE56704" i="1"/>
  <c r="AE56705" i="1"/>
  <c r="AE56706" i="1"/>
  <c r="AE56707" i="1"/>
  <c r="AE56708" i="1"/>
  <c r="AE56709" i="1"/>
  <c r="AE56710" i="1"/>
  <c r="AE56711" i="1"/>
  <c r="AE56712" i="1"/>
  <c r="AE56713" i="1"/>
  <c r="AE56714" i="1"/>
  <c r="AE56715" i="1"/>
  <c r="AE56716" i="1"/>
  <c r="AE56717" i="1"/>
  <c r="AE56718" i="1"/>
  <c r="AE56719" i="1"/>
  <c r="AE56720" i="1"/>
  <c r="AE56721" i="1"/>
  <c r="AE56722" i="1"/>
  <c r="AE56723" i="1"/>
  <c r="AE56724" i="1"/>
  <c r="AE56725" i="1"/>
  <c r="AE56726" i="1"/>
  <c r="AE56727" i="1"/>
  <c r="AE56728" i="1"/>
  <c r="AE56729" i="1"/>
  <c r="AE56730" i="1"/>
  <c r="AE56731" i="1"/>
  <c r="AE56732" i="1"/>
  <c r="AE56733" i="1"/>
  <c r="AE56734" i="1"/>
  <c r="AE56735" i="1"/>
  <c r="AE56736" i="1"/>
  <c r="AE56737" i="1"/>
  <c r="AE56738" i="1"/>
  <c r="AE56739" i="1"/>
  <c r="AE56740" i="1"/>
  <c r="AE56741" i="1"/>
  <c r="AE56742" i="1"/>
  <c r="AE56743" i="1"/>
  <c r="AE56744" i="1"/>
  <c r="AE56745" i="1"/>
  <c r="AE56746" i="1"/>
  <c r="AE56747" i="1"/>
  <c r="AE56748" i="1"/>
  <c r="AE56749" i="1"/>
  <c r="AE56750" i="1"/>
  <c r="AE56751" i="1"/>
  <c r="AE56752" i="1"/>
  <c r="AE56753" i="1"/>
  <c r="AE56754" i="1"/>
  <c r="AE56755" i="1"/>
  <c r="AE56756" i="1"/>
  <c r="AE56757" i="1"/>
  <c r="AE56758" i="1"/>
  <c r="AE56759" i="1"/>
  <c r="AE56760" i="1"/>
  <c r="AE56761" i="1"/>
  <c r="AE56762" i="1"/>
  <c r="AE56763" i="1"/>
  <c r="AE56764" i="1"/>
  <c r="AE56765" i="1"/>
  <c r="AE56766" i="1"/>
  <c r="AE56767" i="1"/>
  <c r="AE56768" i="1"/>
  <c r="AE56769" i="1"/>
  <c r="AE56770" i="1"/>
  <c r="AE56771" i="1"/>
  <c r="AE56772" i="1"/>
  <c r="AE56773" i="1"/>
  <c r="AE56774" i="1"/>
  <c r="AE56775" i="1"/>
  <c r="AE56776" i="1"/>
  <c r="AE56777" i="1"/>
  <c r="AE56778" i="1"/>
  <c r="AE56779" i="1"/>
  <c r="AE56780" i="1"/>
  <c r="AE56781" i="1"/>
  <c r="AE56782" i="1"/>
  <c r="AE56783" i="1"/>
  <c r="AE56784" i="1"/>
  <c r="AE56785" i="1"/>
  <c r="AE56786" i="1"/>
  <c r="AE56787" i="1"/>
  <c r="AE56788" i="1"/>
  <c r="AE56789" i="1"/>
  <c r="AE56790" i="1"/>
  <c r="AE56791" i="1"/>
  <c r="AE56792" i="1"/>
  <c r="AE56793" i="1"/>
  <c r="AE56794" i="1"/>
  <c r="AE56795" i="1"/>
  <c r="AE56796" i="1"/>
  <c r="AE56797" i="1"/>
  <c r="AE56798" i="1"/>
  <c r="AE56799" i="1"/>
  <c r="AE56800" i="1"/>
  <c r="AE56801" i="1"/>
  <c r="AE56802" i="1"/>
  <c r="AE56803" i="1"/>
  <c r="AE56804" i="1"/>
  <c r="AE56805" i="1"/>
  <c r="AE56806" i="1"/>
  <c r="AE56807" i="1"/>
  <c r="AE56808" i="1"/>
  <c r="AE56809" i="1"/>
  <c r="AE56810" i="1"/>
  <c r="AE56811" i="1"/>
  <c r="AE56812" i="1"/>
  <c r="AE56813" i="1"/>
  <c r="AE56814" i="1"/>
  <c r="AE56815" i="1"/>
  <c r="AE56816" i="1"/>
  <c r="AE56817" i="1"/>
  <c r="AE56818" i="1"/>
  <c r="AE56819" i="1"/>
  <c r="AE56820" i="1"/>
  <c r="AE56821" i="1"/>
  <c r="AE56822" i="1"/>
  <c r="AE56823" i="1"/>
  <c r="AE56824" i="1"/>
  <c r="AE56825" i="1"/>
  <c r="AE56826" i="1"/>
  <c r="AE56827" i="1"/>
  <c r="AE56828" i="1"/>
  <c r="AE56829" i="1"/>
  <c r="AE56830" i="1"/>
  <c r="AE56831" i="1"/>
  <c r="AE56832" i="1"/>
  <c r="AE56833" i="1"/>
  <c r="AE56834" i="1"/>
  <c r="AE56835" i="1"/>
  <c r="AE56836" i="1"/>
  <c r="AE56837" i="1"/>
  <c r="AE56838" i="1"/>
  <c r="AE56839" i="1"/>
  <c r="AE56840" i="1"/>
  <c r="AE56841" i="1"/>
  <c r="AE56842" i="1"/>
  <c r="AE56843" i="1"/>
  <c r="AE56844" i="1"/>
  <c r="AE56845" i="1"/>
  <c r="AE56846" i="1"/>
  <c r="AE56847" i="1"/>
  <c r="AE56848" i="1"/>
  <c r="AE56849" i="1"/>
  <c r="AE56850" i="1"/>
  <c r="AE56851" i="1"/>
  <c r="AE56852" i="1"/>
  <c r="AE56853" i="1"/>
  <c r="AE56854" i="1"/>
  <c r="AE56855" i="1"/>
  <c r="AE56856" i="1"/>
  <c r="AE56857" i="1"/>
  <c r="AE56858" i="1"/>
  <c r="AE56859" i="1"/>
  <c r="AE56860" i="1"/>
  <c r="AE56861" i="1"/>
  <c r="AE56862" i="1"/>
  <c r="AE56863" i="1"/>
  <c r="AE56864" i="1"/>
  <c r="AE56865" i="1"/>
  <c r="AE56866" i="1"/>
  <c r="AE56867" i="1"/>
  <c r="AE56868" i="1"/>
  <c r="AE56869" i="1"/>
  <c r="AE56870" i="1"/>
  <c r="AE56871" i="1"/>
  <c r="AE56872" i="1"/>
  <c r="AE56873" i="1"/>
  <c r="AE56874" i="1"/>
  <c r="AE56875" i="1"/>
  <c r="AE56876" i="1"/>
  <c r="AE56877" i="1"/>
  <c r="AE56878" i="1"/>
  <c r="AE56879" i="1"/>
  <c r="AE56880" i="1"/>
  <c r="AE56881" i="1"/>
  <c r="AE56882" i="1"/>
  <c r="AE56883" i="1"/>
  <c r="AE56884" i="1"/>
  <c r="AE56885" i="1"/>
  <c r="AE56886" i="1"/>
  <c r="AE56887" i="1"/>
  <c r="AE56888" i="1"/>
  <c r="AE56889" i="1"/>
  <c r="AE56890" i="1"/>
  <c r="AE56891" i="1"/>
  <c r="AE56892" i="1"/>
  <c r="AE56893" i="1"/>
  <c r="AE56894" i="1"/>
  <c r="AE56895" i="1"/>
  <c r="AE56896" i="1"/>
  <c r="AE56897" i="1"/>
  <c r="AE56898" i="1"/>
  <c r="AE56899" i="1"/>
  <c r="AE56900" i="1"/>
  <c r="AE56901" i="1"/>
  <c r="AE56902" i="1"/>
  <c r="AE56903" i="1"/>
  <c r="AE56904" i="1"/>
  <c r="AE56905" i="1"/>
  <c r="AE56906" i="1"/>
  <c r="AE56907" i="1"/>
  <c r="AE56908" i="1"/>
  <c r="AE56909" i="1"/>
  <c r="AE56910" i="1"/>
  <c r="AE56911" i="1"/>
  <c r="AE56912" i="1"/>
  <c r="AE56913" i="1"/>
  <c r="AE56914" i="1"/>
  <c r="AE56915" i="1"/>
  <c r="AE56916" i="1"/>
  <c r="AE56917" i="1"/>
  <c r="AE56918" i="1"/>
  <c r="AE56919" i="1"/>
  <c r="AE56920" i="1"/>
  <c r="AE56921" i="1"/>
  <c r="AE56922" i="1"/>
  <c r="AE56923" i="1"/>
  <c r="AE56924" i="1"/>
  <c r="AE56925" i="1"/>
  <c r="AE56926" i="1"/>
  <c r="AE56927" i="1"/>
  <c r="AE56928" i="1"/>
  <c r="AE56929" i="1"/>
  <c r="AE56930" i="1"/>
  <c r="AE56931" i="1"/>
  <c r="AE56932" i="1"/>
  <c r="AE56933" i="1"/>
  <c r="AE56934" i="1"/>
  <c r="AE56935" i="1"/>
  <c r="AE56936" i="1"/>
  <c r="AE56937" i="1"/>
  <c r="AE56938" i="1"/>
  <c r="AE56939" i="1"/>
  <c r="AE56940" i="1"/>
  <c r="AE56941" i="1"/>
  <c r="AE56942" i="1"/>
  <c r="AE56943" i="1"/>
  <c r="AE56944" i="1"/>
  <c r="AE56945" i="1"/>
  <c r="AE56946" i="1"/>
  <c r="AE56947" i="1"/>
  <c r="AE56948" i="1"/>
  <c r="AE56949" i="1"/>
  <c r="AE56950" i="1"/>
  <c r="AE56951" i="1"/>
  <c r="AE56952" i="1"/>
  <c r="AE56953" i="1"/>
  <c r="AE56954" i="1"/>
  <c r="AE56955" i="1"/>
  <c r="AE56956" i="1"/>
  <c r="AE56957" i="1"/>
  <c r="AE56958" i="1"/>
  <c r="AE56959" i="1"/>
  <c r="AE56960" i="1"/>
  <c r="AE56961" i="1"/>
  <c r="AE56962" i="1"/>
  <c r="AE56963" i="1"/>
  <c r="AE56964" i="1"/>
  <c r="AE56965" i="1"/>
  <c r="AE56966" i="1"/>
  <c r="AE56967" i="1"/>
  <c r="AE56968" i="1"/>
  <c r="AE56969" i="1"/>
  <c r="AE56970" i="1"/>
  <c r="AE56971" i="1"/>
  <c r="AE56972" i="1"/>
  <c r="AE56973" i="1"/>
  <c r="AE56974" i="1"/>
  <c r="AE56975" i="1"/>
  <c r="AE56976" i="1"/>
  <c r="AE56977" i="1"/>
  <c r="AE56978" i="1"/>
  <c r="AE56979" i="1"/>
  <c r="AE56980" i="1"/>
  <c r="AE56981" i="1"/>
  <c r="AE56982" i="1"/>
  <c r="AE56983" i="1"/>
  <c r="AE56984" i="1"/>
  <c r="AE56985" i="1"/>
  <c r="AE56986" i="1"/>
  <c r="AE56987" i="1"/>
  <c r="AE56988" i="1"/>
  <c r="AE56989" i="1"/>
  <c r="AE56990" i="1"/>
  <c r="AE56991" i="1"/>
  <c r="AE56992" i="1"/>
  <c r="AE56993" i="1"/>
  <c r="AE56994" i="1"/>
  <c r="AE56995" i="1"/>
  <c r="AE56996" i="1"/>
  <c r="AE56997" i="1"/>
  <c r="AE56998" i="1"/>
  <c r="AE56999" i="1"/>
  <c r="AE57000" i="1"/>
  <c r="AE57001" i="1"/>
  <c r="AE57002" i="1"/>
  <c r="AE57003" i="1"/>
  <c r="AE57004" i="1"/>
  <c r="AE57005" i="1"/>
  <c r="AE57006" i="1"/>
  <c r="AE57007" i="1"/>
  <c r="AE57008" i="1"/>
  <c r="AE57009" i="1"/>
  <c r="AE57010" i="1"/>
  <c r="AE57011" i="1"/>
  <c r="AE57012" i="1"/>
  <c r="AE57013" i="1"/>
  <c r="AE57014" i="1"/>
  <c r="AE57015" i="1"/>
  <c r="AE57016" i="1"/>
  <c r="AE57017" i="1"/>
  <c r="AE57018" i="1"/>
  <c r="AE57019" i="1"/>
  <c r="AE57020" i="1"/>
  <c r="AE57021" i="1"/>
  <c r="AE57022" i="1"/>
  <c r="AE57023" i="1"/>
  <c r="AE57024" i="1"/>
  <c r="AE57025" i="1"/>
  <c r="AE57026" i="1"/>
  <c r="AE57027" i="1"/>
  <c r="AE57028" i="1"/>
  <c r="AE57029" i="1"/>
  <c r="AE57030" i="1"/>
  <c r="AE57031" i="1"/>
  <c r="AE57032" i="1"/>
  <c r="AE57033" i="1"/>
  <c r="AE57034" i="1"/>
  <c r="AE57035" i="1"/>
  <c r="AE57036" i="1"/>
  <c r="AE57037" i="1"/>
  <c r="AE57038" i="1"/>
  <c r="AE57039" i="1"/>
  <c r="AE57040" i="1"/>
  <c r="AE57041" i="1"/>
  <c r="AE57042" i="1"/>
  <c r="AE57043" i="1"/>
  <c r="AE57044" i="1"/>
  <c r="AE57045" i="1"/>
  <c r="AE57046" i="1"/>
  <c r="AE57047" i="1"/>
  <c r="AE57048" i="1"/>
  <c r="AE57049" i="1"/>
  <c r="AE57050" i="1"/>
  <c r="AE57051" i="1"/>
  <c r="AE57052" i="1"/>
  <c r="AE57053" i="1"/>
  <c r="AE57054" i="1"/>
  <c r="AE57055" i="1"/>
  <c r="AE57056" i="1"/>
  <c r="AE57057" i="1"/>
  <c r="AE57058" i="1"/>
  <c r="AE57059" i="1"/>
  <c r="AE57060" i="1"/>
  <c r="AE57061" i="1"/>
  <c r="AE57062" i="1"/>
  <c r="AE57063" i="1"/>
  <c r="AE57064" i="1"/>
  <c r="AE57065" i="1"/>
  <c r="AE57066" i="1"/>
  <c r="AE57067" i="1"/>
  <c r="AE57068" i="1"/>
  <c r="AE57069" i="1"/>
  <c r="AE57070" i="1"/>
  <c r="AE57071" i="1"/>
  <c r="AE57072" i="1"/>
  <c r="AE57073" i="1"/>
  <c r="AE57074" i="1"/>
  <c r="AE57075" i="1"/>
  <c r="AE57076" i="1"/>
  <c r="AE57077" i="1"/>
  <c r="AE57078" i="1"/>
  <c r="AE57079" i="1"/>
  <c r="AE57080" i="1"/>
  <c r="AE57081" i="1"/>
  <c r="AE57082" i="1"/>
  <c r="AE57083" i="1"/>
  <c r="AE57084" i="1"/>
  <c r="AE57085" i="1"/>
  <c r="AE57086" i="1"/>
  <c r="AE57087" i="1"/>
  <c r="AE57088" i="1"/>
  <c r="AE57089" i="1"/>
  <c r="AE57090" i="1"/>
  <c r="AE57091" i="1"/>
  <c r="AE57092" i="1"/>
  <c r="AE57093" i="1"/>
  <c r="AE57094" i="1"/>
  <c r="AE57095" i="1"/>
  <c r="AE57096" i="1"/>
  <c r="AE57097" i="1"/>
  <c r="AE57098" i="1"/>
  <c r="AE57099" i="1"/>
  <c r="AE57100" i="1"/>
  <c r="AE57101" i="1"/>
  <c r="AE57102" i="1"/>
  <c r="AE57103" i="1"/>
  <c r="AE57104" i="1"/>
  <c r="AE57105" i="1"/>
  <c r="AE57106" i="1"/>
  <c r="AE57107" i="1"/>
  <c r="AE57108" i="1"/>
  <c r="AE57109" i="1"/>
  <c r="AE57110" i="1"/>
  <c r="AE57111" i="1"/>
  <c r="AE57112" i="1"/>
  <c r="AE57113" i="1"/>
  <c r="AE57114" i="1"/>
  <c r="AE57115" i="1"/>
  <c r="AE57116" i="1"/>
  <c r="AE57117" i="1"/>
  <c r="AE57118" i="1"/>
  <c r="AE57119" i="1"/>
  <c r="AE57120" i="1"/>
  <c r="AE57121" i="1"/>
  <c r="AE57122" i="1"/>
  <c r="AE57123" i="1"/>
  <c r="AE57124" i="1"/>
  <c r="AE57125" i="1"/>
  <c r="AE57126" i="1"/>
  <c r="AE57127" i="1"/>
  <c r="AE57128" i="1"/>
  <c r="AE57129" i="1"/>
  <c r="AE57130" i="1"/>
  <c r="AE57131" i="1"/>
  <c r="AE57132" i="1"/>
  <c r="AE57133" i="1"/>
  <c r="AE57134" i="1"/>
  <c r="AE57135" i="1"/>
  <c r="AE57136" i="1"/>
  <c r="AE57137" i="1"/>
  <c r="AE57138" i="1"/>
  <c r="AE57139" i="1"/>
  <c r="AE57140" i="1"/>
  <c r="AE57141" i="1"/>
  <c r="AE57142" i="1"/>
  <c r="AE57143" i="1"/>
  <c r="AE57144" i="1"/>
  <c r="AE57145" i="1"/>
  <c r="AE57146" i="1"/>
  <c r="AE57147" i="1"/>
  <c r="AE57148" i="1"/>
  <c r="AE57149" i="1"/>
  <c r="AE57150" i="1"/>
  <c r="AE57151" i="1"/>
  <c r="AE57152" i="1"/>
  <c r="AE57153" i="1"/>
  <c r="AE57154" i="1"/>
  <c r="AE57155" i="1"/>
  <c r="AE57156" i="1"/>
  <c r="AE57157" i="1"/>
  <c r="AE57158" i="1"/>
  <c r="AE57159" i="1"/>
  <c r="AE57160" i="1"/>
  <c r="AE57161" i="1"/>
  <c r="AE57162" i="1"/>
  <c r="AE57163" i="1"/>
  <c r="AE57164" i="1"/>
  <c r="AE57165" i="1"/>
  <c r="AE57166" i="1"/>
  <c r="AE57167" i="1"/>
  <c r="AE57168" i="1"/>
  <c r="AE57169" i="1"/>
  <c r="AE57170" i="1"/>
  <c r="AE57171" i="1"/>
  <c r="AE57172" i="1"/>
  <c r="AE57173" i="1"/>
  <c r="AE57174" i="1"/>
  <c r="AE57175" i="1"/>
  <c r="AE57176" i="1"/>
  <c r="AE57177" i="1"/>
  <c r="AE57178" i="1"/>
  <c r="AE57179" i="1"/>
  <c r="AE57180" i="1"/>
  <c r="AE57181" i="1"/>
  <c r="AE57182" i="1"/>
  <c r="AE57183" i="1"/>
  <c r="AE57184" i="1"/>
  <c r="AE57185" i="1"/>
  <c r="AE57186" i="1"/>
  <c r="AE57187" i="1"/>
  <c r="AE57188" i="1"/>
  <c r="AE57189" i="1"/>
  <c r="AE57190" i="1"/>
  <c r="AE57191" i="1"/>
  <c r="AE57192" i="1"/>
  <c r="AE57193" i="1"/>
  <c r="AE57194" i="1"/>
  <c r="AE57195" i="1"/>
  <c r="AE57196" i="1"/>
  <c r="AE57197" i="1"/>
  <c r="AE57198" i="1"/>
  <c r="AE57199" i="1"/>
  <c r="AE57200" i="1"/>
  <c r="AE57201" i="1"/>
  <c r="AE57202" i="1"/>
  <c r="AE57203" i="1"/>
  <c r="AE57204" i="1"/>
  <c r="AE57205" i="1"/>
  <c r="AE57206" i="1"/>
  <c r="AE57207" i="1"/>
  <c r="AE57208" i="1"/>
  <c r="AE57209" i="1"/>
  <c r="AE57210" i="1"/>
  <c r="AE57211" i="1"/>
  <c r="AE57212" i="1"/>
  <c r="AE57213" i="1"/>
  <c r="AE57214" i="1"/>
  <c r="AE57215" i="1"/>
  <c r="AE57216" i="1"/>
  <c r="AE57217" i="1"/>
  <c r="AE57218" i="1"/>
  <c r="AE57219" i="1"/>
  <c r="AE57220" i="1"/>
  <c r="AE57221" i="1"/>
  <c r="AE57222" i="1"/>
  <c r="AE57223" i="1"/>
  <c r="AE57224" i="1"/>
  <c r="AE57225" i="1"/>
  <c r="AE57226" i="1"/>
  <c r="AE57227" i="1"/>
  <c r="AE57228" i="1"/>
  <c r="AE57229" i="1"/>
  <c r="AE57230" i="1"/>
  <c r="AE57231" i="1"/>
  <c r="AE57232" i="1"/>
  <c r="AE57233" i="1"/>
  <c r="AE57234" i="1"/>
  <c r="AE57235" i="1"/>
  <c r="AE57236" i="1"/>
  <c r="AE57237" i="1"/>
  <c r="AE57238" i="1"/>
  <c r="AE57239" i="1"/>
  <c r="AE57240" i="1"/>
  <c r="AE57241" i="1"/>
  <c r="AE57242" i="1"/>
  <c r="AE57243" i="1"/>
  <c r="AE57244" i="1"/>
  <c r="AE57245" i="1"/>
  <c r="AE57246" i="1"/>
  <c r="AE57247" i="1"/>
  <c r="AE57248" i="1"/>
  <c r="AE57249" i="1"/>
  <c r="AE57250" i="1"/>
  <c r="AE57251" i="1"/>
  <c r="AE57252" i="1"/>
  <c r="AE57253" i="1"/>
  <c r="AE57254" i="1"/>
  <c r="AE57255" i="1"/>
  <c r="AE57256" i="1"/>
  <c r="AE57257" i="1"/>
  <c r="AE57258" i="1"/>
  <c r="AE57259" i="1"/>
  <c r="AE57260" i="1"/>
  <c r="AE57261" i="1"/>
  <c r="AE57262" i="1"/>
  <c r="AE57263" i="1"/>
  <c r="AE57264" i="1"/>
  <c r="AE57265" i="1"/>
  <c r="AE57266" i="1"/>
  <c r="AE57267" i="1"/>
  <c r="AE57268" i="1"/>
  <c r="AE57269" i="1"/>
  <c r="AE57270" i="1"/>
  <c r="AE57271" i="1"/>
  <c r="AE57272" i="1"/>
  <c r="AE57273" i="1"/>
  <c r="AE57274" i="1"/>
  <c r="AE57275" i="1"/>
  <c r="AE57276" i="1"/>
  <c r="AE57277" i="1"/>
  <c r="AE57278" i="1"/>
  <c r="AE57279" i="1"/>
  <c r="AE57280" i="1"/>
  <c r="AE57281" i="1"/>
  <c r="AE57282" i="1"/>
  <c r="AE57283" i="1"/>
  <c r="AE57284" i="1"/>
  <c r="AE57285" i="1"/>
  <c r="AE57286" i="1"/>
  <c r="AE57287" i="1"/>
  <c r="AE57288" i="1"/>
  <c r="AE57289" i="1"/>
  <c r="AE57290" i="1"/>
  <c r="AE57291" i="1"/>
  <c r="AE57292" i="1"/>
  <c r="AE57293" i="1"/>
  <c r="AE57294" i="1"/>
  <c r="AE57295" i="1"/>
  <c r="AE57296" i="1"/>
  <c r="AE57297" i="1"/>
  <c r="AE57298" i="1"/>
  <c r="AE57299" i="1"/>
  <c r="AE57300" i="1"/>
  <c r="AE57301" i="1"/>
  <c r="AE57302" i="1"/>
  <c r="AE57303" i="1"/>
  <c r="AE57304" i="1"/>
  <c r="AE57305" i="1"/>
  <c r="AE57306" i="1"/>
  <c r="AE57307" i="1"/>
  <c r="AE57308" i="1"/>
  <c r="AE57309" i="1"/>
  <c r="AE57310" i="1"/>
  <c r="AE57311" i="1"/>
  <c r="AE57312" i="1"/>
  <c r="AE57313" i="1"/>
  <c r="AE57314" i="1"/>
  <c r="AE57315" i="1"/>
  <c r="AE57316" i="1"/>
  <c r="AE57317" i="1"/>
  <c r="AE57318" i="1"/>
  <c r="AE57319" i="1"/>
  <c r="AE57320" i="1"/>
  <c r="AE57321" i="1"/>
  <c r="AE57322" i="1"/>
  <c r="AE57323" i="1"/>
  <c r="AE57324" i="1"/>
  <c r="AE57325" i="1"/>
  <c r="AE57326" i="1"/>
  <c r="AE57327" i="1"/>
  <c r="AE57328" i="1"/>
  <c r="AE57329" i="1"/>
  <c r="AE57330" i="1"/>
  <c r="AE57331" i="1"/>
  <c r="AE57332" i="1"/>
  <c r="AE57333" i="1"/>
  <c r="AE57334" i="1"/>
  <c r="AE57335" i="1"/>
  <c r="AE57336" i="1"/>
  <c r="AE57337" i="1"/>
  <c r="AE57338" i="1"/>
  <c r="AE57339" i="1"/>
  <c r="AE57340" i="1"/>
  <c r="AE57341" i="1"/>
  <c r="AE57342" i="1"/>
  <c r="AE57343" i="1"/>
  <c r="AE57344" i="1"/>
  <c r="AE57345" i="1"/>
  <c r="AE57346" i="1"/>
  <c r="AE57347" i="1"/>
  <c r="AE57348" i="1"/>
  <c r="AE57349" i="1"/>
  <c r="AE57350" i="1"/>
  <c r="AE57351" i="1"/>
  <c r="AE57352" i="1"/>
  <c r="AE57353" i="1"/>
  <c r="AE57354" i="1"/>
  <c r="AE57355" i="1"/>
  <c r="AE57356" i="1"/>
  <c r="AE57357" i="1"/>
  <c r="AE57358" i="1"/>
  <c r="AE57359" i="1"/>
  <c r="AE57360" i="1"/>
  <c r="AE57361" i="1"/>
  <c r="AE57362" i="1"/>
  <c r="AE57363" i="1"/>
  <c r="AE57364" i="1"/>
  <c r="AE57365" i="1"/>
  <c r="AE57366" i="1"/>
  <c r="AE57367" i="1"/>
  <c r="AE57368" i="1"/>
  <c r="AE57369" i="1"/>
  <c r="AE57370" i="1"/>
  <c r="AE57371" i="1"/>
  <c r="AE57372" i="1"/>
  <c r="AE57373" i="1"/>
  <c r="AE57374" i="1"/>
  <c r="AE57375" i="1"/>
  <c r="AE57376" i="1"/>
  <c r="AE57377" i="1"/>
  <c r="AE57378" i="1"/>
  <c r="AE57379" i="1"/>
  <c r="AE57380" i="1"/>
  <c r="AE57381" i="1"/>
  <c r="AE57382" i="1"/>
  <c r="AE57383" i="1"/>
  <c r="AE57384" i="1"/>
  <c r="AE57385" i="1"/>
  <c r="AE57386" i="1"/>
  <c r="AE57387" i="1"/>
  <c r="AE57388" i="1"/>
  <c r="AE57389" i="1"/>
  <c r="AE57390" i="1"/>
  <c r="AE57391" i="1"/>
  <c r="AE57392" i="1"/>
  <c r="AE57393" i="1"/>
  <c r="AE57394" i="1"/>
  <c r="AE57395" i="1"/>
  <c r="AE57396" i="1"/>
  <c r="AE57397" i="1"/>
  <c r="AE57398" i="1"/>
  <c r="AE57399" i="1"/>
  <c r="AE57400" i="1"/>
  <c r="AE57401" i="1"/>
  <c r="AE57402" i="1"/>
  <c r="AE57403" i="1"/>
  <c r="AE57404" i="1"/>
  <c r="AE57405" i="1"/>
  <c r="AE57406" i="1"/>
  <c r="AE57407" i="1"/>
  <c r="AE57408" i="1"/>
  <c r="AE57409" i="1"/>
  <c r="AE57410" i="1"/>
  <c r="AE57411" i="1"/>
  <c r="AE57412" i="1"/>
  <c r="AE57413" i="1"/>
  <c r="AE57414" i="1"/>
  <c r="AE57415" i="1"/>
  <c r="AE57416" i="1"/>
  <c r="AE57417" i="1"/>
  <c r="AE57418" i="1"/>
  <c r="AE57419" i="1"/>
  <c r="AE57420" i="1"/>
  <c r="AE57421" i="1"/>
  <c r="AE57422" i="1"/>
  <c r="AE57423" i="1"/>
  <c r="AE57424" i="1"/>
  <c r="AE57425" i="1"/>
  <c r="AE57426" i="1"/>
  <c r="AE57427" i="1"/>
  <c r="AE57428" i="1"/>
  <c r="AE57429" i="1"/>
  <c r="AE57430" i="1"/>
  <c r="AE57431" i="1"/>
  <c r="AE57432" i="1"/>
  <c r="AE57433" i="1"/>
  <c r="AE57434" i="1"/>
  <c r="AE57435" i="1"/>
  <c r="AE57436" i="1"/>
  <c r="AE57437" i="1"/>
  <c r="AE57438" i="1"/>
  <c r="AE57439" i="1"/>
  <c r="AE57440" i="1"/>
  <c r="AE57441" i="1"/>
  <c r="AE57442" i="1"/>
  <c r="AE57443" i="1"/>
  <c r="AE57444" i="1"/>
  <c r="AE57445" i="1"/>
  <c r="AE57446" i="1"/>
  <c r="AE57447" i="1"/>
  <c r="AE57448" i="1"/>
  <c r="AE57449" i="1"/>
  <c r="AE57450" i="1"/>
  <c r="AE57451" i="1"/>
  <c r="AE57452" i="1"/>
  <c r="AE57453" i="1"/>
  <c r="AE57454" i="1"/>
  <c r="AE57455" i="1"/>
  <c r="AE57456" i="1"/>
  <c r="AE57457" i="1"/>
  <c r="AE57458" i="1"/>
  <c r="AE57459" i="1"/>
  <c r="AE57460" i="1"/>
  <c r="AE57461" i="1"/>
  <c r="AE57462" i="1"/>
  <c r="AE57463" i="1"/>
  <c r="AE57464" i="1"/>
  <c r="AE57465" i="1"/>
  <c r="AE57466" i="1"/>
  <c r="AE57467" i="1"/>
  <c r="AE57468" i="1"/>
  <c r="AE57469" i="1"/>
  <c r="AE57470" i="1"/>
  <c r="AE57471" i="1"/>
  <c r="AE57472" i="1"/>
  <c r="AE57473" i="1"/>
  <c r="AE57474" i="1"/>
  <c r="AE57475" i="1"/>
  <c r="AE57476" i="1"/>
  <c r="AE57477" i="1"/>
  <c r="AE57478" i="1"/>
  <c r="AE57479" i="1"/>
  <c r="AE57480" i="1"/>
  <c r="AE57481" i="1"/>
  <c r="AE57482" i="1"/>
  <c r="AE57483" i="1"/>
  <c r="AE57484" i="1"/>
  <c r="AE57485" i="1"/>
  <c r="AE57486" i="1"/>
  <c r="AE57487" i="1"/>
  <c r="AE57488" i="1"/>
  <c r="AE57489" i="1"/>
  <c r="AE57490" i="1"/>
  <c r="AE57491" i="1"/>
  <c r="AE57492" i="1"/>
  <c r="AE57493" i="1"/>
  <c r="AE57494" i="1"/>
  <c r="AE57495" i="1"/>
  <c r="AE57496" i="1"/>
  <c r="AE57497" i="1"/>
  <c r="AE57498" i="1"/>
  <c r="AE57499" i="1"/>
  <c r="AE57500" i="1"/>
  <c r="AE57501" i="1"/>
  <c r="AE57502" i="1"/>
  <c r="AE57503" i="1"/>
  <c r="AE57504" i="1"/>
  <c r="AE57505" i="1"/>
  <c r="AE57506" i="1"/>
  <c r="AE57507" i="1"/>
  <c r="AE57508" i="1"/>
  <c r="AE57509" i="1"/>
  <c r="AE57510" i="1"/>
  <c r="AE57511" i="1"/>
  <c r="AE57512" i="1"/>
  <c r="AE57513" i="1"/>
  <c r="AE57514" i="1"/>
  <c r="AE57515" i="1"/>
  <c r="AE57516" i="1"/>
  <c r="AE57517" i="1"/>
  <c r="AE57518" i="1"/>
  <c r="AE57519" i="1"/>
  <c r="AE57520" i="1"/>
  <c r="AE57521" i="1"/>
  <c r="AE57522" i="1"/>
  <c r="AE57523" i="1"/>
  <c r="AE57524" i="1"/>
  <c r="AE57525" i="1"/>
  <c r="AE57526" i="1"/>
  <c r="AE57527" i="1"/>
  <c r="AE57528" i="1"/>
  <c r="AE57529" i="1"/>
  <c r="AE57530" i="1"/>
  <c r="AE57531" i="1"/>
  <c r="AE57532" i="1"/>
  <c r="AE57533" i="1"/>
  <c r="AE57534" i="1"/>
  <c r="AE57535" i="1"/>
  <c r="AE57536" i="1"/>
  <c r="AE57537" i="1"/>
  <c r="AE57538" i="1"/>
  <c r="AE57539" i="1"/>
  <c r="AE57540" i="1"/>
  <c r="AE57541" i="1"/>
  <c r="AE57542" i="1"/>
  <c r="AE57543" i="1"/>
  <c r="AE57544" i="1"/>
  <c r="AE57545" i="1"/>
  <c r="AE57546" i="1"/>
  <c r="AE57547" i="1"/>
  <c r="AE57548" i="1"/>
  <c r="AE57549" i="1"/>
  <c r="AE57550" i="1"/>
  <c r="AE57551" i="1"/>
  <c r="AE57552" i="1"/>
  <c r="AE57553" i="1"/>
  <c r="AE57554" i="1"/>
  <c r="AE57555" i="1"/>
  <c r="AE57556" i="1"/>
  <c r="AE57557" i="1"/>
  <c r="AE57558" i="1"/>
  <c r="AE57559" i="1"/>
  <c r="AE57560" i="1"/>
  <c r="AE57561" i="1"/>
  <c r="AE57562" i="1"/>
  <c r="AE57563" i="1"/>
  <c r="AE57564" i="1"/>
  <c r="AE57565" i="1"/>
  <c r="AE57566" i="1"/>
  <c r="AE57567" i="1"/>
  <c r="AE57568" i="1"/>
  <c r="AE57569" i="1"/>
  <c r="AE57570" i="1"/>
  <c r="AE57571" i="1"/>
  <c r="AE57572" i="1"/>
  <c r="AE57573" i="1"/>
  <c r="AE57574" i="1"/>
  <c r="AE57575" i="1"/>
  <c r="AE57576" i="1"/>
  <c r="AE57577" i="1"/>
  <c r="AE57578" i="1"/>
  <c r="AE57579" i="1"/>
  <c r="AE57580" i="1"/>
  <c r="AE57581" i="1"/>
  <c r="AE57582" i="1"/>
  <c r="AE57583" i="1"/>
  <c r="AE57584" i="1"/>
  <c r="AE57585" i="1"/>
  <c r="AE57586" i="1"/>
  <c r="AE57587" i="1"/>
  <c r="AE57588" i="1"/>
  <c r="AE57589" i="1"/>
  <c r="AE57590" i="1"/>
  <c r="AE57591" i="1"/>
  <c r="AE57592" i="1"/>
  <c r="AE57593" i="1"/>
  <c r="AE57594" i="1"/>
  <c r="AE57595" i="1"/>
  <c r="AE57596" i="1"/>
  <c r="AE57597" i="1"/>
  <c r="AE57598" i="1"/>
  <c r="AE57599" i="1"/>
  <c r="AE57600" i="1"/>
  <c r="AE57601" i="1"/>
  <c r="AE57602" i="1"/>
  <c r="AE57603" i="1"/>
  <c r="AE57604" i="1"/>
  <c r="AE57605" i="1"/>
  <c r="AE57606" i="1"/>
  <c r="AE57607" i="1"/>
  <c r="AE57608" i="1"/>
  <c r="AE57609" i="1"/>
  <c r="AE57610" i="1"/>
  <c r="AE57611" i="1"/>
  <c r="AE57612" i="1"/>
  <c r="AE57613" i="1"/>
  <c r="AE57614" i="1"/>
  <c r="AE57615" i="1"/>
  <c r="AE57616" i="1"/>
  <c r="AE57617" i="1"/>
  <c r="AE57618" i="1"/>
  <c r="AE57619" i="1"/>
  <c r="AE57620" i="1"/>
  <c r="AE57621" i="1"/>
  <c r="AE57622" i="1"/>
  <c r="AE57623" i="1"/>
  <c r="AE57624" i="1"/>
  <c r="AE57625" i="1"/>
  <c r="AE57626" i="1"/>
  <c r="AE57627" i="1"/>
  <c r="AE57628" i="1"/>
  <c r="AE57629" i="1"/>
  <c r="AE57630" i="1"/>
  <c r="AE57631" i="1"/>
  <c r="AE57632" i="1"/>
  <c r="AE57633" i="1"/>
  <c r="AE57634" i="1"/>
  <c r="AE57635" i="1"/>
  <c r="AE57636" i="1"/>
  <c r="AE57637" i="1"/>
  <c r="AE57638" i="1"/>
  <c r="AE57639" i="1"/>
  <c r="AE57640" i="1"/>
  <c r="AE57641" i="1"/>
  <c r="AE57642" i="1"/>
  <c r="AE57643" i="1"/>
  <c r="AE57644" i="1"/>
  <c r="AE57645" i="1"/>
  <c r="AE57646" i="1"/>
  <c r="AE57647" i="1"/>
  <c r="AE57648" i="1"/>
  <c r="AE57649" i="1"/>
  <c r="AE57650" i="1"/>
  <c r="AE57651" i="1"/>
  <c r="AE57652" i="1"/>
  <c r="AE57653" i="1"/>
  <c r="AE57654" i="1"/>
  <c r="AE57655" i="1"/>
  <c r="AE57656" i="1"/>
  <c r="AE57657" i="1"/>
  <c r="AE57658" i="1"/>
  <c r="AE57659" i="1"/>
  <c r="AE57660" i="1"/>
  <c r="AE57661" i="1"/>
  <c r="AE57662" i="1"/>
  <c r="AE57663" i="1"/>
  <c r="AE57664" i="1"/>
  <c r="AE57665" i="1"/>
  <c r="AE57666" i="1"/>
  <c r="AE57667" i="1"/>
  <c r="AE57668" i="1"/>
  <c r="AE57669" i="1"/>
  <c r="AE57670" i="1"/>
  <c r="AE57671" i="1"/>
  <c r="AE57672" i="1"/>
  <c r="AE57673" i="1"/>
  <c r="AE57674" i="1"/>
  <c r="AE57675" i="1"/>
  <c r="AE57676" i="1"/>
  <c r="AE57677" i="1"/>
  <c r="AE57678" i="1"/>
  <c r="AE57679" i="1"/>
  <c r="AE57680" i="1"/>
  <c r="AE57681" i="1"/>
  <c r="AE57682" i="1"/>
  <c r="AE57683" i="1"/>
  <c r="AE57684" i="1"/>
  <c r="AE57685" i="1"/>
  <c r="AE57686" i="1"/>
  <c r="AE57687" i="1"/>
  <c r="AE57688" i="1"/>
  <c r="AE57689" i="1"/>
  <c r="AE57690" i="1"/>
  <c r="AE57691" i="1"/>
  <c r="AE57692" i="1"/>
  <c r="AE57693" i="1"/>
  <c r="AE57694" i="1"/>
  <c r="AE57695" i="1"/>
  <c r="AE57696" i="1"/>
  <c r="AE57697" i="1"/>
  <c r="AE57698" i="1"/>
  <c r="AE57699" i="1"/>
  <c r="AE57700" i="1"/>
  <c r="AE57701" i="1"/>
  <c r="AE57702" i="1"/>
  <c r="AE57703" i="1"/>
  <c r="AE57704" i="1"/>
  <c r="AE57705" i="1"/>
  <c r="AE57706" i="1"/>
  <c r="AE57707" i="1"/>
  <c r="AE57708" i="1"/>
  <c r="AE57709" i="1"/>
  <c r="AE57710" i="1"/>
  <c r="AE57711" i="1"/>
  <c r="AE57712" i="1"/>
  <c r="AE57713" i="1"/>
  <c r="AE57714" i="1"/>
  <c r="AE57715" i="1"/>
  <c r="AE57716" i="1"/>
  <c r="AE57717" i="1"/>
  <c r="AE57718" i="1"/>
  <c r="AE57719" i="1"/>
  <c r="AE57720" i="1"/>
  <c r="AE57721" i="1"/>
  <c r="AE57722" i="1"/>
  <c r="AE57723" i="1"/>
  <c r="AE57724" i="1"/>
  <c r="AE57725" i="1"/>
  <c r="AE57726" i="1"/>
  <c r="AE57727" i="1"/>
  <c r="AE57728" i="1"/>
  <c r="AE57729" i="1"/>
  <c r="AE57730" i="1"/>
  <c r="AE57731" i="1"/>
  <c r="AE57732" i="1"/>
  <c r="AE57733" i="1"/>
  <c r="AE57734" i="1"/>
  <c r="AE57735" i="1"/>
  <c r="AE57736" i="1"/>
  <c r="AE57737" i="1"/>
  <c r="AE57738" i="1"/>
  <c r="AE57739" i="1"/>
  <c r="AE57740" i="1"/>
  <c r="AE57741" i="1"/>
  <c r="AE57742" i="1"/>
  <c r="AE57743" i="1"/>
  <c r="AE57744" i="1"/>
  <c r="AE57745" i="1"/>
  <c r="AE57746" i="1"/>
  <c r="AE57747" i="1"/>
  <c r="AE57748" i="1"/>
  <c r="AE57749" i="1"/>
  <c r="AE57750" i="1"/>
  <c r="AE57751" i="1"/>
  <c r="AE57752" i="1"/>
  <c r="AE57753" i="1"/>
  <c r="AE57754" i="1"/>
  <c r="AE57755" i="1"/>
  <c r="AE57756" i="1"/>
  <c r="AE57757" i="1"/>
  <c r="AE57758" i="1"/>
  <c r="AE57759" i="1"/>
  <c r="AE57760" i="1"/>
  <c r="AE57761" i="1"/>
  <c r="AE57762" i="1"/>
  <c r="AE57763" i="1"/>
  <c r="AE57764" i="1"/>
  <c r="AE57765" i="1"/>
  <c r="AE57766" i="1"/>
  <c r="AE57767" i="1"/>
  <c r="AE57768" i="1"/>
  <c r="AE57769" i="1"/>
  <c r="AE57770" i="1"/>
  <c r="AE57771" i="1"/>
  <c r="AE57772" i="1"/>
  <c r="AE57773" i="1"/>
  <c r="AE57774" i="1"/>
  <c r="AE57775" i="1"/>
  <c r="AE57776" i="1"/>
  <c r="AE57777" i="1"/>
  <c r="AE57778" i="1"/>
  <c r="AE57779" i="1"/>
  <c r="AE57780" i="1"/>
  <c r="AE57781" i="1"/>
  <c r="AE57782" i="1"/>
  <c r="AE57783" i="1"/>
  <c r="AE57784" i="1"/>
  <c r="AE57785" i="1"/>
  <c r="AE57786" i="1"/>
  <c r="AE57787" i="1"/>
  <c r="AE57788" i="1"/>
  <c r="AE57789" i="1"/>
  <c r="AE57790" i="1"/>
  <c r="AE57791" i="1"/>
  <c r="AE57792" i="1"/>
  <c r="AE57793" i="1"/>
  <c r="AE57794" i="1"/>
  <c r="AE57795" i="1"/>
  <c r="AE57796" i="1"/>
  <c r="AE57797" i="1"/>
  <c r="AE57798" i="1"/>
  <c r="AE57799" i="1"/>
  <c r="AE57800" i="1"/>
  <c r="AE57801" i="1"/>
  <c r="AE57802" i="1"/>
  <c r="AE57803" i="1"/>
  <c r="AE57804" i="1"/>
  <c r="AE57805" i="1"/>
  <c r="AE57806" i="1"/>
  <c r="AE57807" i="1"/>
  <c r="AE57808" i="1"/>
  <c r="AE57809" i="1"/>
  <c r="AE57810" i="1"/>
  <c r="AE57811" i="1"/>
  <c r="AE57812" i="1"/>
  <c r="AE57813" i="1"/>
  <c r="AE57814" i="1"/>
  <c r="AE57815" i="1"/>
  <c r="AE57816" i="1"/>
  <c r="AE57817" i="1"/>
  <c r="AE57818" i="1"/>
  <c r="AE57819" i="1"/>
  <c r="AE57820" i="1"/>
  <c r="AE57821" i="1"/>
  <c r="AE57822" i="1"/>
  <c r="AE57823" i="1"/>
  <c r="AE57824" i="1"/>
  <c r="AE57825" i="1"/>
  <c r="AE57826" i="1"/>
  <c r="AE57827" i="1"/>
  <c r="AE57828" i="1"/>
  <c r="AE57829" i="1"/>
  <c r="AE57830" i="1"/>
  <c r="AE57831" i="1"/>
  <c r="AE57832" i="1"/>
  <c r="AE57833" i="1"/>
  <c r="AE57834" i="1"/>
  <c r="AE57835" i="1"/>
  <c r="AE57836" i="1"/>
  <c r="AE57837" i="1"/>
  <c r="AE57838" i="1"/>
  <c r="AE57839" i="1"/>
  <c r="AE57840" i="1"/>
  <c r="AE57841" i="1"/>
  <c r="AE57842" i="1"/>
  <c r="AE57843" i="1"/>
  <c r="AE57844" i="1"/>
  <c r="AE57845" i="1"/>
  <c r="AE57846" i="1"/>
  <c r="AE57847" i="1"/>
  <c r="AE57848" i="1"/>
  <c r="AE57849" i="1"/>
  <c r="AE57850" i="1"/>
  <c r="AE57851" i="1"/>
  <c r="AE57852" i="1"/>
  <c r="AE57853" i="1"/>
  <c r="AE57854" i="1"/>
  <c r="AE57855" i="1"/>
  <c r="AE57856" i="1"/>
  <c r="AE57857" i="1"/>
  <c r="AE57858" i="1"/>
  <c r="AE57859" i="1"/>
  <c r="AE57860" i="1"/>
  <c r="AE57861" i="1"/>
  <c r="AE57862" i="1"/>
  <c r="AE57863" i="1"/>
  <c r="AE57864" i="1"/>
  <c r="AE57865" i="1"/>
  <c r="AE57866" i="1"/>
  <c r="AE57867" i="1"/>
  <c r="AE57868" i="1"/>
  <c r="AE57869" i="1"/>
  <c r="AE57870" i="1"/>
  <c r="AE57871" i="1"/>
  <c r="AE57872" i="1"/>
  <c r="AE57873" i="1"/>
  <c r="AE57874" i="1"/>
  <c r="AE57875" i="1"/>
  <c r="AE57876" i="1"/>
  <c r="AE57877" i="1"/>
  <c r="AE57878" i="1"/>
  <c r="AE57879" i="1"/>
  <c r="AE57880" i="1"/>
  <c r="AE57881" i="1"/>
  <c r="AE57882" i="1"/>
  <c r="AE57883" i="1"/>
  <c r="AE57884" i="1"/>
  <c r="AE57885" i="1"/>
  <c r="AE57886" i="1"/>
  <c r="AE57887" i="1"/>
  <c r="AE57888" i="1"/>
  <c r="AE57889" i="1"/>
  <c r="AE57890" i="1"/>
  <c r="AE57891" i="1"/>
  <c r="AE57892" i="1"/>
  <c r="AE57893" i="1"/>
  <c r="AE57894" i="1"/>
  <c r="AE57895" i="1"/>
  <c r="AE57896" i="1"/>
  <c r="AE57897" i="1"/>
  <c r="AE57898" i="1"/>
  <c r="AE57899" i="1"/>
  <c r="AE57900" i="1"/>
  <c r="AE57901" i="1"/>
  <c r="AE57902" i="1"/>
  <c r="AE57903" i="1"/>
  <c r="AE57904" i="1"/>
  <c r="AE57905" i="1"/>
  <c r="AE57906" i="1"/>
  <c r="AE57907" i="1"/>
  <c r="AE57908" i="1"/>
  <c r="AE57909" i="1"/>
  <c r="AE57910" i="1"/>
  <c r="AE57911" i="1"/>
  <c r="AE57912" i="1"/>
  <c r="AE57913" i="1"/>
  <c r="AE57914" i="1"/>
  <c r="AE57915" i="1"/>
  <c r="AE57916" i="1"/>
  <c r="AE57917" i="1"/>
  <c r="AE57918" i="1"/>
  <c r="AE57919" i="1"/>
  <c r="AE57920" i="1"/>
  <c r="AE57921" i="1"/>
  <c r="AE57922" i="1"/>
  <c r="AE57923" i="1"/>
  <c r="AE57924" i="1"/>
  <c r="AE57925" i="1"/>
  <c r="AE57926" i="1"/>
  <c r="AE57927" i="1"/>
  <c r="AE57928" i="1"/>
  <c r="AE57929" i="1"/>
  <c r="AE57930" i="1"/>
  <c r="AE57931" i="1"/>
  <c r="AE57932" i="1"/>
  <c r="AE57933" i="1"/>
  <c r="AE57934" i="1"/>
  <c r="AE57935" i="1"/>
  <c r="AE57936" i="1"/>
  <c r="AE57937" i="1"/>
  <c r="AE57938" i="1"/>
  <c r="AE57939" i="1"/>
  <c r="AE57940" i="1"/>
  <c r="AE57941" i="1"/>
  <c r="AE57942" i="1"/>
  <c r="AE57943" i="1"/>
  <c r="AE57944" i="1"/>
  <c r="AE57945" i="1"/>
  <c r="AE57946" i="1"/>
  <c r="AE57947" i="1"/>
  <c r="AE57948" i="1"/>
  <c r="AE57949" i="1"/>
  <c r="AE57950" i="1"/>
  <c r="AE57951" i="1"/>
  <c r="AE57952" i="1"/>
  <c r="AE57953" i="1"/>
  <c r="AE57954" i="1"/>
  <c r="AE57955" i="1"/>
  <c r="AE57956" i="1"/>
  <c r="AE57957" i="1"/>
  <c r="AE57958" i="1"/>
  <c r="AE57959" i="1"/>
  <c r="AE57960" i="1"/>
  <c r="AE57961" i="1"/>
  <c r="AE57962" i="1"/>
  <c r="AE57963" i="1"/>
  <c r="AE57964" i="1"/>
  <c r="AE57965" i="1"/>
  <c r="AE57966" i="1"/>
  <c r="AE57967" i="1"/>
  <c r="AE57968" i="1"/>
  <c r="AE57969" i="1"/>
  <c r="AE57970" i="1"/>
  <c r="AE57971" i="1"/>
  <c r="AE57972" i="1"/>
  <c r="AE57973" i="1"/>
  <c r="AE57974" i="1"/>
  <c r="AE57975" i="1"/>
  <c r="AE57976" i="1"/>
  <c r="AE57977" i="1"/>
  <c r="AE57978" i="1"/>
  <c r="AE57979" i="1"/>
  <c r="AE57980" i="1"/>
  <c r="AE57981" i="1"/>
  <c r="AE57982" i="1"/>
  <c r="AE57983" i="1"/>
  <c r="AE57984" i="1"/>
  <c r="AE57985" i="1"/>
  <c r="AE57986" i="1"/>
  <c r="AE57987" i="1"/>
  <c r="AE57988" i="1"/>
  <c r="AE57989" i="1"/>
  <c r="AE57990" i="1"/>
  <c r="AE57991" i="1"/>
  <c r="AE57992" i="1"/>
  <c r="AE57993" i="1"/>
  <c r="AE57994" i="1"/>
  <c r="AE57995" i="1"/>
  <c r="AE57996" i="1"/>
  <c r="AE57997" i="1"/>
  <c r="AE57998" i="1"/>
  <c r="AE57999" i="1"/>
  <c r="AE58000" i="1"/>
  <c r="AE58001" i="1"/>
  <c r="AE58002" i="1"/>
  <c r="AE58003" i="1"/>
  <c r="AE58004" i="1"/>
  <c r="AE58005" i="1"/>
  <c r="AE58006" i="1"/>
  <c r="AE58007" i="1"/>
  <c r="AE58008" i="1"/>
  <c r="AE58009" i="1"/>
  <c r="AE58010" i="1"/>
  <c r="AE58011" i="1"/>
  <c r="AE58012" i="1"/>
  <c r="AE58013" i="1"/>
  <c r="AE58014" i="1"/>
  <c r="AE58015" i="1"/>
  <c r="AE58016" i="1"/>
  <c r="AE58017" i="1"/>
  <c r="AE58018" i="1"/>
  <c r="AE58019" i="1"/>
  <c r="AE58020" i="1"/>
  <c r="AE58021" i="1"/>
  <c r="AE58022" i="1"/>
  <c r="AE58023" i="1"/>
  <c r="AE58024" i="1"/>
  <c r="AE58025" i="1"/>
  <c r="AE58026" i="1"/>
  <c r="AE58027" i="1"/>
  <c r="AE58028" i="1"/>
  <c r="AE58029" i="1"/>
  <c r="AE58030" i="1"/>
  <c r="AE58031" i="1"/>
  <c r="AE58032" i="1"/>
  <c r="AE58033" i="1"/>
  <c r="AE58034" i="1"/>
  <c r="AE58035" i="1"/>
  <c r="AE58036" i="1"/>
  <c r="AE58037" i="1"/>
  <c r="AE58038" i="1"/>
  <c r="AE58039" i="1"/>
  <c r="AE58040" i="1"/>
  <c r="AE58041" i="1"/>
  <c r="AE58042" i="1"/>
  <c r="AE58043" i="1"/>
  <c r="AE58044" i="1"/>
  <c r="AE58045" i="1"/>
  <c r="AE58046" i="1"/>
  <c r="AE58047" i="1"/>
  <c r="AE58048" i="1"/>
  <c r="AE58049" i="1"/>
  <c r="AE58050" i="1"/>
  <c r="AE58051" i="1"/>
  <c r="AE58052" i="1"/>
  <c r="AE58053" i="1"/>
  <c r="AE58054" i="1"/>
  <c r="AE58055" i="1"/>
  <c r="AE58056" i="1"/>
  <c r="AE58057" i="1"/>
  <c r="AE58058" i="1"/>
  <c r="AE58059" i="1"/>
  <c r="AE58060" i="1"/>
  <c r="AE58061" i="1"/>
  <c r="AE58062" i="1"/>
  <c r="AE58063" i="1"/>
  <c r="AE58064" i="1"/>
  <c r="AE58065" i="1"/>
  <c r="AE58066" i="1"/>
  <c r="AE58067" i="1"/>
  <c r="AE58068" i="1"/>
  <c r="AE58069" i="1"/>
  <c r="AE58070" i="1"/>
  <c r="AE58071" i="1"/>
  <c r="AE58072" i="1"/>
  <c r="AE58073" i="1"/>
  <c r="AE58074" i="1"/>
  <c r="AE58075" i="1"/>
  <c r="AE58076" i="1"/>
  <c r="AE58077" i="1"/>
  <c r="AE58078" i="1"/>
  <c r="AE58079" i="1"/>
  <c r="AE58080" i="1"/>
  <c r="AE58081" i="1"/>
  <c r="AE58082" i="1"/>
  <c r="AE58083" i="1"/>
  <c r="AE58084" i="1"/>
  <c r="AE58085" i="1"/>
  <c r="AE58086" i="1"/>
  <c r="AE58087" i="1"/>
  <c r="AE58088" i="1"/>
  <c r="AE58089" i="1"/>
  <c r="AE58090" i="1"/>
  <c r="AE58091" i="1"/>
  <c r="AE58092" i="1"/>
  <c r="AE58093" i="1"/>
  <c r="AE58094" i="1"/>
  <c r="AE58095" i="1"/>
  <c r="AE58096" i="1"/>
  <c r="AE58097" i="1"/>
  <c r="AE58098" i="1"/>
  <c r="AE58099" i="1"/>
  <c r="AE58100" i="1"/>
  <c r="AE58101" i="1"/>
  <c r="AE58102" i="1"/>
  <c r="AE58103" i="1"/>
  <c r="AE58104" i="1"/>
  <c r="AE58105" i="1"/>
  <c r="AE58106" i="1"/>
  <c r="AE58107" i="1"/>
  <c r="AE58108" i="1"/>
  <c r="AE58109" i="1"/>
  <c r="AE58110" i="1"/>
  <c r="AE58111" i="1"/>
  <c r="AE58112" i="1"/>
  <c r="AE58113" i="1"/>
  <c r="AE58114" i="1"/>
  <c r="AE58115" i="1"/>
  <c r="AE58116" i="1"/>
  <c r="AE58117" i="1"/>
  <c r="AE58118" i="1"/>
  <c r="AE58119" i="1"/>
  <c r="AE58120" i="1"/>
  <c r="AE58121" i="1"/>
  <c r="AE58122" i="1"/>
  <c r="AE58123" i="1"/>
  <c r="AE58124" i="1"/>
  <c r="AE58125" i="1"/>
  <c r="AE58126" i="1"/>
  <c r="AE58127" i="1"/>
  <c r="AE58128" i="1"/>
  <c r="AE58129" i="1"/>
  <c r="AE58130" i="1"/>
  <c r="AE58131" i="1"/>
  <c r="AE58132" i="1"/>
  <c r="AE58133" i="1"/>
  <c r="AE58134" i="1"/>
  <c r="AE58135" i="1"/>
  <c r="AE58136" i="1"/>
  <c r="AE58137" i="1"/>
  <c r="AE58138" i="1"/>
  <c r="AE58139" i="1"/>
  <c r="AE58140" i="1"/>
  <c r="AE58141" i="1"/>
  <c r="AE58142" i="1"/>
  <c r="AE58143" i="1"/>
  <c r="AE58144" i="1"/>
  <c r="AE58145" i="1"/>
  <c r="AE58146" i="1"/>
  <c r="AE58147" i="1"/>
  <c r="AE58148" i="1"/>
  <c r="AE58149" i="1"/>
  <c r="AE58150" i="1"/>
  <c r="AE58151" i="1"/>
  <c r="AE58152" i="1"/>
  <c r="AE58153" i="1"/>
  <c r="AE58154" i="1"/>
  <c r="AE58155" i="1"/>
  <c r="AE58156" i="1"/>
  <c r="AE58157" i="1"/>
  <c r="AE58158" i="1"/>
  <c r="AE58159" i="1"/>
  <c r="AE58160" i="1"/>
  <c r="AE58161" i="1"/>
  <c r="AE58162" i="1"/>
  <c r="AE58163" i="1"/>
  <c r="AE58164" i="1"/>
  <c r="AE58165" i="1"/>
  <c r="AE58166" i="1"/>
  <c r="AE58167" i="1"/>
  <c r="AE58168" i="1"/>
  <c r="AE58169" i="1"/>
  <c r="AE58170" i="1"/>
  <c r="AE58171" i="1"/>
  <c r="AE58172" i="1"/>
  <c r="AE58173" i="1"/>
  <c r="AE58174" i="1"/>
  <c r="AE58175" i="1"/>
  <c r="AE58176" i="1"/>
  <c r="AE58177" i="1"/>
  <c r="AE58178" i="1"/>
  <c r="AE58179" i="1"/>
  <c r="AE58180" i="1"/>
  <c r="AE58181" i="1"/>
  <c r="AE58182" i="1"/>
  <c r="AE58183" i="1"/>
  <c r="AE58184" i="1"/>
  <c r="AE58185" i="1"/>
  <c r="AE58186" i="1"/>
  <c r="AE58187" i="1"/>
  <c r="AE58188" i="1"/>
  <c r="AE58189" i="1"/>
  <c r="AE58190" i="1"/>
  <c r="AE58191" i="1"/>
  <c r="AE58192" i="1"/>
  <c r="AE58193" i="1"/>
  <c r="AE58194" i="1"/>
  <c r="AE58195" i="1"/>
  <c r="AE58196" i="1"/>
  <c r="AE58197" i="1"/>
  <c r="AE58198" i="1"/>
  <c r="AE58199" i="1"/>
  <c r="AE58200" i="1"/>
  <c r="AE58201" i="1"/>
  <c r="AE58202" i="1"/>
  <c r="AE58203" i="1"/>
  <c r="AE58204" i="1"/>
  <c r="AE58205" i="1"/>
  <c r="AE58206" i="1"/>
  <c r="AE58207" i="1"/>
  <c r="AE58208" i="1"/>
  <c r="AE58209" i="1"/>
  <c r="AE58210" i="1"/>
  <c r="AE58211" i="1"/>
  <c r="AE58212" i="1"/>
  <c r="AE58213" i="1"/>
  <c r="AE58214" i="1"/>
  <c r="AE58215" i="1"/>
  <c r="AE58216" i="1"/>
  <c r="AE58217" i="1"/>
  <c r="AE58218" i="1"/>
  <c r="AE58219" i="1"/>
  <c r="AE58220" i="1"/>
  <c r="AE58221" i="1"/>
  <c r="AE58222" i="1"/>
  <c r="AE58223" i="1"/>
  <c r="AE58224" i="1"/>
  <c r="AE58225" i="1"/>
  <c r="AE58226" i="1"/>
  <c r="AE58227" i="1"/>
  <c r="AE58228" i="1"/>
  <c r="AE58229" i="1"/>
  <c r="AE58230" i="1"/>
  <c r="AE58231" i="1"/>
  <c r="AE58232" i="1"/>
  <c r="AE58233" i="1"/>
  <c r="AE58234" i="1"/>
  <c r="AE58235" i="1"/>
  <c r="AE58236" i="1"/>
  <c r="AE58237" i="1"/>
  <c r="AE58238" i="1"/>
  <c r="AE58239" i="1"/>
  <c r="AE58240" i="1"/>
  <c r="AE58241" i="1"/>
  <c r="AE58242" i="1"/>
  <c r="AE58243" i="1"/>
  <c r="AE58244" i="1"/>
  <c r="AE58245" i="1"/>
  <c r="AE58246" i="1"/>
  <c r="AE58247" i="1"/>
  <c r="AE58248" i="1"/>
  <c r="AE58249" i="1"/>
  <c r="AE58250" i="1"/>
  <c r="AE58251" i="1"/>
  <c r="AE58252" i="1"/>
  <c r="AE58253" i="1"/>
  <c r="AE58254" i="1"/>
  <c r="AE58255" i="1"/>
  <c r="AE58256" i="1"/>
  <c r="AE58257" i="1"/>
  <c r="AE58258" i="1"/>
  <c r="AE58259" i="1"/>
  <c r="AE58260" i="1"/>
  <c r="AE58261" i="1"/>
  <c r="AE58262" i="1"/>
  <c r="AE58263" i="1"/>
  <c r="AE58264" i="1"/>
  <c r="AE58265" i="1"/>
  <c r="AE58266" i="1"/>
  <c r="AE58267" i="1"/>
  <c r="AE58268" i="1"/>
  <c r="AE58269" i="1"/>
  <c r="AE58270" i="1"/>
  <c r="AE58271" i="1"/>
  <c r="AE58272" i="1"/>
  <c r="AE58273" i="1"/>
  <c r="AE58274" i="1"/>
  <c r="AE58275" i="1"/>
  <c r="AE58276" i="1"/>
  <c r="AE58277" i="1"/>
  <c r="AE58278" i="1"/>
  <c r="AE58279" i="1"/>
  <c r="AE58280" i="1"/>
  <c r="AE58281" i="1"/>
  <c r="AE58282" i="1"/>
  <c r="AE58283" i="1"/>
  <c r="AE58284" i="1"/>
  <c r="AE58285" i="1"/>
  <c r="AE58286" i="1"/>
  <c r="AE58287" i="1"/>
  <c r="AE58288" i="1"/>
  <c r="AE58289" i="1"/>
  <c r="AE58290" i="1"/>
  <c r="AE58291" i="1"/>
  <c r="AE58292" i="1"/>
  <c r="AE58293" i="1"/>
  <c r="AE58294" i="1"/>
  <c r="AE58295" i="1"/>
  <c r="AE58296" i="1"/>
  <c r="AE58297" i="1"/>
  <c r="AE58298" i="1"/>
  <c r="AE58299" i="1"/>
  <c r="AE58300" i="1"/>
  <c r="AE58301" i="1"/>
  <c r="AE58302" i="1"/>
  <c r="AE58303" i="1"/>
  <c r="AE58304" i="1"/>
  <c r="AE58305" i="1"/>
  <c r="AE58306" i="1"/>
  <c r="AE58307" i="1"/>
  <c r="AE58308" i="1"/>
  <c r="AE58309" i="1"/>
  <c r="AE58310" i="1"/>
  <c r="AE58311" i="1"/>
  <c r="AE58312" i="1"/>
  <c r="AE58313" i="1"/>
  <c r="AE58314" i="1"/>
  <c r="AE58315" i="1"/>
  <c r="AE58316" i="1"/>
  <c r="AE58317" i="1"/>
  <c r="AE58318" i="1"/>
  <c r="AE58319" i="1"/>
  <c r="AE58320" i="1"/>
  <c r="AE58321" i="1"/>
  <c r="AE58322" i="1"/>
  <c r="AE58323" i="1"/>
  <c r="AE58324" i="1"/>
  <c r="AE58325" i="1"/>
  <c r="AE58326" i="1"/>
  <c r="AE58327" i="1"/>
  <c r="AE58328" i="1"/>
  <c r="AE58329" i="1"/>
  <c r="AE58330" i="1"/>
  <c r="AE58331" i="1"/>
  <c r="AE58332" i="1"/>
  <c r="AE58333" i="1"/>
  <c r="AE58334" i="1"/>
  <c r="AE58335" i="1"/>
  <c r="AE58336" i="1"/>
  <c r="AE58337" i="1"/>
  <c r="AE58338" i="1"/>
  <c r="AE58339" i="1"/>
  <c r="AE58340" i="1"/>
  <c r="AE58341" i="1"/>
  <c r="AE58342" i="1"/>
  <c r="AE58343" i="1"/>
  <c r="AE58344" i="1"/>
  <c r="AE58345" i="1"/>
  <c r="AE58346" i="1"/>
  <c r="AE58347" i="1"/>
  <c r="AE58348" i="1"/>
  <c r="AE58349" i="1"/>
  <c r="AE58350" i="1"/>
  <c r="AE58351" i="1"/>
  <c r="AE58352" i="1"/>
  <c r="AE58353" i="1"/>
  <c r="AE58354" i="1"/>
  <c r="AE58355" i="1"/>
  <c r="AE58356" i="1"/>
  <c r="AE58357" i="1"/>
  <c r="AE58358" i="1"/>
  <c r="AE58359" i="1"/>
  <c r="AE58360" i="1"/>
  <c r="AE58361" i="1"/>
  <c r="AE58362" i="1"/>
  <c r="AE58363" i="1"/>
  <c r="AE58364" i="1"/>
  <c r="AE58365" i="1"/>
  <c r="AE58366" i="1"/>
  <c r="AE58367" i="1"/>
  <c r="AE58368" i="1"/>
  <c r="AE58369" i="1"/>
  <c r="AE58370" i="1"/>
  <c r="AE58371" i="1"/>
  <c r="AE58372" i="1"/>
  <c r="AE58373" i="1"/>
  <c r="AE58374" i="1"/>
  <c r="AE58375" i="1"/>
  <c r="AE58376" i="1"/>
  <c r="AE58377" i="1"/>
  <c r="AE58378" i="1"/>
  <c r="AE58379" i="1"/>
  <c r="AE58380" i="1"/>
  <c r="AE58381" i="1"/>
  <c r="AE58382" i="1"/>
  <c r="AE58383" i="1"/>
  <c r="AE58384" i="1"/>
  <c r="AE58385" i="1"/>
  <c r="AE58386" i="1"/>
  <c r="AE58387" i="1"/>
  <c r="AE58388" i="1"/>
  <c r="AE58389" i="1"/>
  <c r="AE58390" i="1"/>
  <c r="AE58391" i="1"/>
  <c r="AE58392" i="1"/>
  <c r="AE58393" i="1"/>
  <c r="AE58394" i="1"/>
  <c r="AE58395" i="1"/>
  <c r="AE58396" i="1"/>
  <c r="AE58397" i="1"/>
  <c r="AE58398" i="1"/>
  <c r="AE58399" i="1"/>
  <c r="AE58400" i="1"/>
  <c r="AE58401" i="1"/>
  <c r="AE58402" i="1"/>
  <c r="AE58403" i="1"/>
  <c r="AE58404" i="1"/>
  <c r="AE58405" i="1"/>
  <c r="AE58406" i="1"/>
  <c r="AE58407" i="1"/>
  <c r="AE58408" i="1"/>
  <c r="AE58409" i="1"/>
  <c r="AE58410" i="1"/>
  <c r="AE58411" i="1"/>
  <c r="AE58412" i="1"/>
  <c r="AE58413" i="1"/>
  <c r="AE58414" i="1"/>
  <c r="AE58415" i="1"/>
  <c r="AE58416" i="1"/>
  <c r="AE58417" i="1"/>
  <c r="AE58418" i="1"/>
  <c r="AE58419" i="1"/>
  <c r="AE58420" i="1"/>
  <c r="AE58421" i="1"/>
  <c r="AE58422" i="1"/>
  <c r="AE58423" i="1"/>
  <c r="AE58424" i="1"/>
  <c r="AE58425" i="1"/>
  <c r="AE58426" i="1"/>
  <c r="AE58427" i="1"/>
  <c r="AE58428" i="1"/>
  <c r="AE58429" i="1"/>
  <c r="AE58430" i="1"/>
  <c r="AE58431" i="1"/>
  <c r="AE58432" i="1"/>
  <c r="AE58433" i="1"/>
  <c r="AE58434" i="1"/>
  <c r="AE58435" i="1"/>
  <c r="AE58436" i="1"/>
  <c r="AE58437" i="1"/>
  <c r="AE58438" i="1"/>
  <c r="AE58439" i="1"/>
  <c r="AE58440" i="1"/>
  <c r="AE58441" i="1"/>
  <c r="AE58442" i="1"/>
  <c r="AE58443" i="1"/>
  <c r="AE58444" i="1"/>
  <c r="AE58445" i="1"/>
  <c r="AE58446" i="1"/>
  <c r="AE58447" i="1"/>
  <c r="AE58448" i="1"/>
  <c r="AE58449" i="1"/>
  <c r="AE58450" i="1"/>
  <c r="AE58451" i="1"/>
  <c r="AE58452" i="1"/>
  <c r="AE58453" i="1"/>
  <c r="AE58454" i="1"/>
  <c r="AE58455" i="1"/>
  <c r="AE58456" i="1"/>
  <c r="AE58457" i="1"/>
  <c r="AE58458" i="1"/>
  <c r="AE58459" i="1"/>
  <c r="AE58460" i="1"/>
  <c r="AE58461" i="1"/>
  <c r="AE58462" i="1"/>
  <c r="AE58463" i="1"/>
  <c r="AE58464" i="1"/>
  <c r="AE58465" i="1"/>
  <c r="AE58466" i="1"/>
  <c r="AE58467" i="1"/>
  <c r="AE58468" i="1"/>
  <c r="AE58469" i="1"/>
  <c r="AE58470" i="1"/>
  <c r="AE58471" i="1"/>
  <c r="AE58472" i="1"/>
  <c r="AE58473" i="1"/>
  <c r="AE58474" i="1"/>
  <c r="AE58475" i="1"/>
  <c r="AE58476" i="1"/>
  <c r="AE58477" i="1"/>
  <c r="AE58478" i="1"/>
  <c r="AE58479" i="1"/>
  <c r="AE58480" i="1"/>
  <c r="AE58481" i="1"/>
  <c r="AE58482" i="1"/>
  <c r="AE58483" i="1"/>
  <c r="AE58484" i="1"/>
  <c r="AE58485" i="1"/>
  <c r="AE58486" i="1"/>
  <c r="AE58487" i="1"/>
  <c r="AE58488" i="1"/>
  <c r="AE58489" i="1"/>
  <c r="AE58490" i="1"/>
  <c r="AE58491" i="1"/>
  <c r="AE58492" i="1"/>
  <c r="AE58493" i="1"/>
  <c r="AE58494" i="1"/>
  <c r="AE58495" i="1"/>
  <c r="AE58496" i="1"/>
  <c r="AE58497" i="1"/>
  <c r="AE58498" i="1"/>
  <c r="AE58499" i="1"/>
  <c r="AE58500" i="1"/>
  <c r="AE58501" i="1"/>
  <c r="AE58502" i="1"/>
  <c r="AE58503" i="1"/>
  <c r="AE58504" i="1"/>
  <c r="AE58505" i="1"/>
  <c r="AE58506" i="1"/>
  <c r="AE58507" i="1"/>
  <c r="AE58508" i="1"/>
  <c r="AE58509" i="1"/>
  <c r="AE58510" i="1"/>
  <c r="AE58511" i="1"/>
  <c r="AE58512" i="1"/>
  <c r="AE58513" i="1"/>
  <c r="AE58514" i="1"/>
  <c r="AE58515" i="1"/>
  <c r="AE58516" i="1"/>
  <c r="AE58517" i="1"/>
  <c r="AE58518" i="1"/>
  <c r="AE58519" i="1"/>
  <c r="AE58520" i="1"/>
  <c r="AE58521" i="1"/>
  <c r="AE58522" i="1"/>
  <c r="AE58523" i="1"/>
  <c r="AE58524" i="1"/>
  <c r="AE58525" i="1"/>
  <c r="AE58526" i="1"/>
  <c r="AE58527" i="1"/>
  <c r="AE58528" i="1"/>
  <c r="AE58529" i="1"/>
  <c r="AE58530" i="1"/>
  <c r="AE58531" i="1"/>
  <c r="AE58532" i="1"/>
  <c r="AE58533" i="1"/>
  <c r="AE58534" i="1"/>
  <c r="AE58535" i="1"/>
  <c r="AE58536" i="1"/>
  <c r="AE58537" i="1"/>
  <c r="AE58538" i="1"/>
  <c r="AE58539" i="1"/>
  <c r="AE58540" i="1"/>
  <c r="AE58541" i="1"/>
  <c r="AE58542" i="1"/>
  <c r="AE58543" i="1"/>
  <c r="AE58544" i="1"/>
  <c r="AE58545" i="1"/>
  <c r="AE58546" i="1"/>
  <c r="AE58547" i="1"/>
  <c r="AE58548" i="1"/>
  <c r="AE58549" i="1"/>
  <c r="AE58550" i="1"/>
  <c r="AE58551" i="1"/>
  <c r="AE58552" i="1"/>
  <c r="AE58553" i="1"/>
  <c r="AE58554" i="1"/>
  <c r="AE58555" i="1"/>
  <c r="AE58556" i="1"/>
  <c r="AE58557" i="1"/>
  <c r="AE58558" i="1"/>
  <c r="AE58559" i="1"/>
  <c r="AE58560" i="1"/>
  <c r="AE58561" i="1"/>
  <c r="AE58562" i="1"/>
  <c r="AE58563" i="1"/>
  <c r="AE58564" i="1"/>
  <c r="AE58565" i="1"/>
  <c r="AE58566" i="1"/>
  <c r="AE58567" i="1"/>
  <c r="AE58568" i="1"/>
  <c r="AE58569" i="1"/>
  <c r="AE58570" i="1"/>
  <c r="AE58571" i="1"/>
  <c r="AE58572" i="1"/>
  <c r="AE58573" i="1"/>
  <c r="AE58574" i="1"/>
  <c r="AE58575" i="1"/>
  <c r="AE58576" i="1"/>
  <c r="AE58577" i="1"/>
  <c r="AE58578" i="1"/>
  <c r="AE58579" i="1"/>
  <c r="AE58580" i="1"/>
  <c r="AE58581" i="1"/>
  <c r="AE58582" i="1"/>
  <c r="AE58583" i="1"/>
  <c r="AE58584" i="1"/>
  <c r="AE58585" i="1"/>
  <c r="AE58586" i="1"/>
  <c r="AE58587" i="1"/>
  <c r="AE58588" i="1"/>
  <c r="AE58589" i="1"/>
  <c r="AE58590" i="1"/>
  <c r="AE58591" i="1"/>
  <c r="AE58592" i="1"/>
  <c r="AE58593" i="1"/>
  <c r="AE58594" i="1"/>
  <c r="AE58595" i="1"/>
  <c r="AE58596" i="1"/>
  <c r="AE58597" i="1"/>
  <c r="AE58598" i="1"/>
  <c r="AE58599" i="1"/>
  <c r="AE58600" i="1"/>
  <c r="AE58601" i="1"/>
  <c r="AE58602" i="1"/>
  <c r="AE58603" i="1"/>
  <c r="AE58604" i="1"/>
  <c r="AE58605" i="1"/>
  <c r="AE58606" i="1"/>
  <c r="AE58607" i="1"/>
  <c r="AE58608" i="1"/>
  <c r="AE58609" i="1"/>
  <c r="AE58610" i="1"/>
  <c r="AE58611" i="1"/>
  <c r="AE58612" i="1"/>
  <c r="AE58613" i="1"/>
  <c r="AE58614" i="1"/>
  <c r="AE58615" i="1"/>
  <c r="AE58616" i="1"/>
  <c r="AE58617" i="1"/>
  <c r="AE58618" i="1"/>
  <c r="AE58619" i="1"/>
  <c r="AE58620" i="1"/>
  <c r="AE58621" i="1"/>
  <c r="AE58622" i="1"/>
  <c r="AE58623" i="1"/>
  <c r="AE58624" i="1"/>
  <c r="AE58625" i="1"/>
  <c r="AE58626" i="1"/>
  <c r="AE58627" i="1"/>
  <c r="AE58628" i="1"/>
  <c r="AE58629" i="1"/>
  <c r="AE58630" i="1"/>
  <c r="AE58631" i="1"/>
  <c r="AE58632" i="1"/>
  <c r="AE58633" i="1"/>
  <c r="AE58634" i="1"/>
  <c r="AE58635" i="1"/>
  <c r="AE58636" i="1"/>
  <c r="AE58637" i="1"/>
  <c r="AE58638" i="1"/>
  <c r="AE58639" i="1"/>
  <c r="AE58640" i="1"/>
  <c r="AE58641" i="1"/>
  <c r="AE58642" i="1"/>
  <c r="AE58643" i="1"/>
  <c r="AE58644" i="1"/>
  <c r="AE58645" i="1"/>
  <c r="AE58646" i="1"/>
  <c r="AE58647" i="1"/>
  <c r="AE58648" i="1"/>
  <c r="AE58649" i="1"/>
  <c r="AE58650" i="1"/>
  <c r="AE58651" i="1"/>
  <c r="AE58652" i="1"/>
  <c r="AE58653" i="1"/>
  <c r="AE58654" i="1"/>
  <c r="AE58655" i="1"/>
  <c r="AE58656" i="1"/>
  <c r="AE58657" i="1"/>
  <c r="AE58658" i="1"/>
  <c r="AE58659" i="1"/>
  <c r="AE58660" i="1"/>
  <c r="AE58661" i="1"/>
  <c r="AE58662" i="1"/>
  <c r="AE58663" i="1"/>
  <c r="AE58664" i="1"/>
  <c r="AE58665" i="1"/>
  <c r="AE58666" i="1"/>
  <c r="AE58667" i="1"/>
  <c r="AE58668" i="1"/>
  <c r="AE58669" i="1"/>
  <c r="AE58670" i="1"/>
  <c r="AE58671" i="1"/>
  <c r="AE58672" i="1"/>
  <c r="AE58673" i="1"/>
  <c r="AE58674" i="1"/>
  <c r="AE58675" i="1"/>
  <c r="AE58676" i="1"/>
  <c r="AE58677" i="1"/>
  <c r="AE58678" i="1"/>
  <c r="AE58679" i="1"/>
  <c r="AE58680" i="1"/>
  <c r="AE58681" i="1"/>
  <c r="AE58682" i="1"/>
  <c r="AE58683" i="1"/>
  <c r="AE58684" i="1"/>
  <c r="AE58685" i="1"/>
  <c r="AE58686" i="1"/>
  <c r="AE58687" i="1"/>
  <c r="AE58688" i="1"/>
  <c r="AE58689" i="1"/>
  <c r="AE58690" i="1"/>
  <c r="AE58691" i="1"/>
  <c r="AE58692" i="1"/>
  <c r="AE58693" i="1"/>
  <c r="AE58694" i="1"/>
  <c r="AE58695" i="1"/>
  <c r="AE58696" i="1"/>
  <c r="AE58697" i="1"/>
  <c r="AE58698" i="1"/>
  <c r="AE58699" i="1"/>
  <c r="AE58700" i="1"/>
  <c r="AE58701" i="1"/>
  <c r="AE58702" i="1"/>
  <c r="AE58703" i="1"/>
  <c r="AE58704" i="1"/>
  <c r="AE58705" i="1"/>
  <c r="AE58706" i="1"/>
  <c r="AE58707" i="1"/>
  <c r="AE58708" i="1"/>
  <c r="AE58709" i="1"/>
  <c r="AE58710" i="1"/>
  <c r="AE58711" i="1"/>
  <c r="AE58712" i="1"/>
  <c r="AE58713" i="1"/>
  <c r="AE58714" i="1"/>
  <c r="AE58715" i="1"/>
  <c r="AE58716" i="1"/>
  <c r="AE58717" i="1"/>
  <c r="AE58718" i="1"/>
  <c r="AE58719" i="1"/>
  <c r="AE58720" i="1"/>
  <c r="AE58721" i="1"/>
  <c r="AE58722" i="1"/>
  <c r="AE58723" i="1"/>
  <c r="AE58724" i="1"/>
  <c r="AE58725" i="1"/>
  <c r="AE58726" i="1"/>
  <c r="AE58727" i="1"/>
  <c r="AE58728" i="1"/>
  <c r="AE58729" i="1"/>
  <c r="AE58730" i="1"/>
  <c r="AE58731" i="1"/>
  <c r="AE58732" i="1"/>
  <c r="AE58733" i="1"/>
  <c r="AE58734" i="1"/>
  <c r="AE58735" i="1"/>
  <c r="AE58736" i="1"/>
  <c r="AE58737" i="1"/>
  <c r="AE58738" i="1"/>
  <c r="AE58739" i="1"/>
  <c r="AE58740" i="1"/>
  <c r="AE58741" i="1"/>
  <c r="AE58742" i="1"/>
  <c r="AE58743" i="1"/>
  <c r="AE58744" i="1"/>
  <c r="AE58745" i="1"/>
  <c r="AE58746" i="1"/>
  <c r="AE58747" i="1"/>
  <c r="AE58748" i="1"/>
  <c r="AE58749" i="1"/>
  <c r="AE58750" i="1"/>
  <c r="AE58751" i="1"/>
  <c r="AE58752" i="1"/>
  <c r="AE58753" i="1"/>
  <c r="AE58754" i="1"/>
  <c r="AE58755" i="1"/>
  <c r="AE58756" i="1"/>
  <c r="AE58757" i="1"/>
  <c r="AE58758" i="1"/>
  <c r="AE58759" i="1"/>
  <c r="AE58760" i="1"/>
  <c r="AE58761" i="1"/>
  <c r="AE58762" i="1"/>
  <c r="AE58763" i="1"/>
  <c r="AE58764" i="1"/>
  <c r="AE58765" i="1"/>
  <c r="AE58766" i="1"/>
  <c r="AE58767" i="1"/>
  <c r="AE58768" i="1"/>
  <c r="AE58769" i="1"/>
  <c r="AE58770" i="1"/>
  <c r="AE58771" i="1"/>
  <c r="AE58772" i="1"/>
  <c r="AE58773" i="1"/>
  <c r="AE58774" i="1"/>
  <c r="AE58775" i="1"/>
  <c r="AE58776" i="1"/>
  <c r="AE58777" i="1"/>
  <c r="AE58778" i="1"/>
  <c r="AE58779" i="1"/>
  <c r="AE58780" i="1"/>
  <c r="AE58781" i="1"/>
  <c r="AE58782" i="1"/>
  <c r="AE58783" i="1"/>
  <c r="AE58784" i="1"/>
  <c r="AE58785" i="1"/>
  <c r="AE58786" i="1"/>
  <c r="AE58787" i="1"/>
  <c r="AE58788" i="1"/>
  <c r="AE58789" i="1"/>
  <c r="AE58790" i="1"/>
  <c r="AE58791" i="1"/>
  <c r="AE58792" i="1"/>
  <c r="AE58793" i="1"/>
  <c r="AE58794" i="1"/>
  <c r="AE58795" i="1"/>
  <c r="AE58796" i="1"/>
  <c r="AE58797" i="1"/>
  <c r="AE58798" i="1"/>
  <c r="AE58799" i="1"/>
  <c r="AE58800" i="1"/>
  <c r="AE58801" i="1"/>
  <c r="AE58802" i="1"/>
  <c r="AE58803" i="1"/>
  <c r="AE58804" i="1"/>
  <c r="AE58805" i="1"/>
  <c r="AE58806" i="1"/>
  <c r="AE58807" i="1"/>
  <c r="AE58808" i="1"/>
  <c r="AE58809" i="1"/>
  <c r="AE58810" i="1"/>
  <c r="AE58811" i="1"/>
  <c r="AE58812" i="1"/>
  <c r="AE58813" i="1"/>
  <c r="AE58814" i="1"/>
  <c r="AE58815" i="1"/>
  <c r="AE58816" i="1"/>
  <c r="AE58817" i="1"/>
  <c r="AE58818" i="1"/>
  <c r="AE58819" i="1"/>
  <c r="AE58820" i="1"/>
  <c r="AE58821" i="1"/>
  <c r="AE58822" i="1"/>
  <c r="AE58823" i="1"/>
  <c r="AE58824" i="1"/>
  <c r="AE58825" i="1"/>
  <c r="AE58826" i="1"/>
  <c r="AE58827" i="1"/>
  <c r="AE58828" i="1"/>
  <c r="AE58829" i="1"/>
  <c r="AE58830" i="1"/>
  <c r="AE58831" i="1"/>
  <c r="AE58832" i="1"/>
  <c r="AE58833" i="1"/>
  <c r="AE58834" i="1"/>
  <c r="AE58835" i="1"/>
  <c r="AE58836" i="1"/>
  <c r="AE58837" i="1"/>
  <c r="AE58838" i="1"/>
  <c r="AE58839" i="1"/>
  <c r="AE58840" i="1"/>
  <c r="AE58841" i="1"/>
  <c r="AE58842" i="1"/>
  <c r="AE58843" i="1"/>
  <c r="AE58844" i="1"/>
  <c r="AE58845" i="1"/>
  <c r="AE58846" i="1"/>
  <c r="AE58847" i="1"/>
  <c r="AE58848" i="1"/>
  <c r="AE58849" i="1"/>
  <c r="AE58850" i="1"/>
  <c r="AE58851" i="1"/>
  <c r="AE58852" i="1"/>
  <c r="AE58853" i="1"/>
  <c r="AE58854" i="1"/>
  <c r="AE58855" i="1"/>
  <c r="AE58856" i="1"/>
  <c r="AE58857" i="1"/>
  <c r="AE58858" i="1"/>
  <c r="AE58859" i="1"/>
  <c r="AE58860" i="1"/>
  <c r="AE58861" i="1"/>
  <c r="AE58862" i="1"/>
  <c r="AE58863" i="1"/>
  <c r="AE58864" i="1"/>
  <c r="AE58865" i="1"/>
  <c r="AE58866" i="1"/>
  <c r="AE58867" i="1"/>
  <c r="AE58868" i="1"/>
  <c r="AE58869" i="1"/>
  <c r="AE58870" i="1"/>
  <c r="AE58871" i="1"/>
  <c r="AE58872" i="1"/>
  <c r="AE58873" i="1"/>
  <c r="AE58874" i="1"/>
  <c r="AE58875" i="1"/>
  <c r="AE58876" i="1"/>
  <c r="AE58877" i="1"/>
  <c r="AE58878" i="1"/>
  <c r="AE58879" i="1"/>
  <c r="AE58880" i="1"/>
  <c r="AE58881" i="1"/>
  <c r="AE58882" i="1"/>
  <c r="AE58883" i="1"/>
  <c r="AE58884" i="1"/>
  <c r="AE58885" i="1"/>
  <c r="AE58886" i="1"/>
  <c r="AE58887" i="1"/>
  <c r="AE58888" i="1"/>
  <c r="AE58889" i="1"/>
  <c r="AE58890" i="1"/>
  <c r="AE58891" i="1"/>
  <c r="AE58892" i="1"/>
  <c r="AE58893" i="1"/>
  <c r="AE58894" i="1"/>
  <c r="AE58895" i="1"/>
  <c r="AE58896" i="1"/>
  <c r="AE58897" i="1"/>
  <c r="AE58898" i="1"/>
  <c r="AE58899" i="1"/>
  <c r="AE58900" i="1"/>
  <c r="AE58901" i="1"/>
  <c r="AE58902" i="1"/>
  <c r="AE58903" i="1"/>
  <c r="AE58904" i="1"/>
  <c r="AE58905" i="1"/>
  <c r="AE58906" i="1"/>
  <c r="AE58907" i="1"/>
  <c r="AE58908" i="1"/>
  <c r="AE58909" i="1"/>
  <c r="AE58910" i="1"/>
  <c r="AE58911" i="1"/>
  <c r="AE58912" i="1"/>
  <c r="AE58913" i="1"/>
  <c r="AE58914" i="1"/>
  <c r="AE58915" i="1"/>
  <c r="AE58916" i="1"/>
  <c r="AE58917" i="1"/>
  <c r="AE58918" i="1"/>
  <c r="AE58919" i="1"/>
  <c r="AE58920" i="1"/>
  <c r="AE58921" i="1"/>
  <c r="AE58922" i="1"/>
  <c r="AE58923" i="1"/>
  <c r="AE58924" i="1"/>
  <c r="AE58925" i="1"/>
  <c r="AE58926" i="1"/>
  <c r="AE58927" i="1"/>
  <c r="AE58928" i="1"/>
  <c r="AE58929" i="1"/>
  <c r="AE58930" i="1"/>
  <c r="AE58931" i="1"/>
  <c r="AE58932" i="1"/>
  <c r="AE58933" i="1"/>
  <c r="AE58934" i="1"/>
  <c r="AE58935" i="1"/>
  <c r="AE58936" i="1"/>
  <c r="AE58937" i="1"/>
  <c r="AE58938" i="1"/>
  <c r="AE58939" i="1"/>
  <c r="AE58940" i="1"/>
  <c r="AE58941" i="1"/>
  <c r="AE58942" i="1"/>
  <c r="AE58943" i="1"/>
  <c r="AE58944" i="1"/>
  <c r="AE58945" i="1"/>
  <c r="AE58946" i="1"/>
  <c r="AE58947" i="1"/>
  <c r="AE58948" i="1"/>
  <c r="AE58949" i="1"/>
  <c r="AE58950" i="1"/>
  <c r="AE58951" i="1"/>
  <c r="AE58952" i="1"/>
  <c r="AE58953" i="1"/>
  <c r="AE58954" i="1"/>
  <c r="AE58955" i="1"/>
  <c r="AE58956" i="1"/>
  <c r="AE58957" i="1"/>
  <c r="AE58958" i="1"/>
  <c r="AE58959" i="1"/>
  <c r="AE58960" i="1"/>
  <c r="AE58961" i="1"/>
  <c r="AE58962" i="1"/>
  <c r="AE58963" i="1"/>
  <c r="AE58964" i="1"/>
  <c r="AE58965" i="1"/>
  <c r="AE58966" i="1"/>
  <c r="AE58967" i="1"/>
  <c r="AE58968" i="1"/>
  <c r="AE58969" i="1"/>
  <c r="AE58970" i="1"/>
  <c r="AE58971" i="1"/>
  <c r="AE58972" i="1"/>
  <c r="AE58973" i="1"/>
  <c r="AE58974" i="1"/>
  <c r="AE58975" i="1"/>
  <c r="AE58976" i="1"/>
  <c r="AE58977" i="1"/>
  <c r="AE58978" i="1"/>
  <c r="AE58979" i="1"/>
  <c r="AE58980" i="1"/>
  <c r="AE58981" i="1"/>
  <c r="AE58982" i="1"/>
  <c r="AE58983" i="1"/>
  <c r="AE58984" i="1"/>
  <c r="AE58985" i="1"/>
  <c r="AE58986" i="1"/>
  <c r="AE58987" i="1"/>
  <c r="AE58988" i="1"/>
  <c r="AE58989" i="1"/>
  <c r="AE58990" i="1"/>
  <c r="AE58991" i="1"/>
  <c r="AE58992" i="1"/>
  <c r="AE58993" i="1"/>
  <c r="AE58994" i="1"/>
  <c r="AE58995" i="1"/>
  <c r="AE58996" i="1"/>
  <c r="AE58997" i="1"/>
  <c r="AE58998" i="1"/>
  <c r="AE58999" i="1"/>
  <c r="AE59000" i="1"/>
  <c r="AE59001" i="1"/>
  <c r="AE59002" i="1"/>
  <c r="AE59003" i="1"/>
  <c r="AE59004" i="1"/>
  <c r="AE59005" i="1"/>
  <c r="AE59006" i="1"/>
  <c r="AE59007" i="1"/>
  <c r="AE59008" i="1"/>
  <c r="AE59009" i="1"/>
  <c r="AE59010" i="1"/>
  <c r="AE59011" i="1"/>
  <c r="AE59012" i="1"/>
  <c r="AE59013" i="1"/>
  <c r="AE59014" i="1"/>
  <c r="AE59015" i="1"/>
  <c r="AE59016" i="1"/>
  <c r="AE59017" i="1"/>
  <c r="AE59018" i="1"/>
  <c r="AE59019" i="1"/>
  <c r="AE59020" i="1"/>
  <c r="AE59021" i="1"/>
  <c r="AE59022" i="1"/>
  <c r="AE59023" i="1"/>
  <c r="AE59024" i="1"/>
  <c r="AE59025" i="1"/>
  <c r="AE59026" i="1"/>
  <c r="AE59027" i="1"/>
  <c r="AE59028" i="1"/>
  <c r="AE59029" i="1"/>
  <c r="AE59030" i="1"/>
  <c r="AE59031" i="1"/>
  <c r="AE59032" i="1"/>
  <c r="AE59033" i="1"/>
  <c r="AE59034" i="1"/>
  <c r="AE59035" i="1"/>
  <c r="AE59036" i="1"/>
  <c r="AE59037" i="1"/>
  <c r="AE59038" i="1"/>
  <c r="AE59039" i="1"/>
  <c r="AE59040" i="1"/>
  <c r="AE59041" i="1"/>
  <c r="AE59042" i="1"/>
  <c r="AE59043" i="1"/>
  <c r="AE59044" i="1"/>
  <c r="AE59045" i="1"/>
  <c r="AE59046" i="1"/>
  <c r="AE59047" i="1"/>
  <c r="AE59048" i="1"/>
  <c r="AE59049" i="1"/>
  <c r="AE59050" i="1"/>
  <c r="AE59051" i="1"/>
  <c r="AE59052" i="1"/>
  <c r="AE59053" i="1"/>
  <c r="AE59054" i="1"/>
  <c r="AE59055" i="1"/>
  <c r="AE59056" i="1"/>
  <c r="AE59057" i="1"/>
  <c r="AE59058" i="1"/>
  <c r="AE59059" i="1"/>
  <c r="AE59060" i="1"/>
  <c r="AE59061" i="1"/>
  <c r="AE59062" i="1"/>
  <c r="AE59063" i="1"/>
  <c r="AE59064" i="1"/>
  <c r="AE59065" i="1"/>
  <c r="AE59066" i="1"/>
  <c r="AE59067" i="1"/>
  <c r="AE59068" i="1"/>
  <c r="AE59069" i="1"/>
  <c r="AE59070" i="1"/>
  <c r="AE59071" i="1"/>
  <c r="AE59072" i="1"/>
  <c r="AE59073" i="1"/>
  <c r="AE59074" i="1"/>
  <c r="AE59075" i="1"/>
  <c r="AE59076" i="1"/>
  <c r="AE59077" i="1"/>
  <c r="AE59078" i="1"/>
  <c r="AE59079" i="1"/>
  <c r="AE59080" i="1"/>
  <c r="AE59081" i="1"/>
  <c r="AE59082" i="1"/>
  <c r="AE59083" i="1"/>
  <c r="AE59084" i="1"/>
  <c r="AE59085" i="1"/>
  <c r="AE59086" i="1"/>
  <c r="AE59087" i="1"/>
  <c r="AE59088" i="1"/>
  <c r="AE59089" i="1"/>
  <c r="AE59090" i="1"/>
  <c r="AE59091" i="1"/>
  <c r="AE59092" i="1"/>
  <c r="AE59093" i="1"/>
  <c r="AE59094" i="1"/>
  <c r="AE59095" i="1"/>
  <c r="AE59096" i="1"/>
  <c r="AE59097" i="1"/>
  <c r="AE59098" i="1"/>
  <c r="AE59099" i="1"/>
  <c r="AE59100" i="1"/>
  <c r="AE59101" i="1"/>
  <c r="AE59102" i="1"/>
  <c r="AE59103" i="1"/>
  <c r="AE59104" i="1"/>
  <c r="AE59105" i="1"/>
  <c r="AE59106" i="1"/>
  <c r="AE59107" i="1"/>
  <c r="AE59108" i="1"/>
  <c r="AE59109" i="1"/>
  <c r="AE59110" i="1"/>
  <c r="AE59111" i="1"/>
  <c r="AE59112" i="1"/>
  <c r="AE59113" i="1"/>
  <c r="AE59114" i="1"/>
  <c r="AE59115" i="1"/>
  <c r="AE59116" i="1"/>
  <c r="AE59117" i="1"/>
  <c r="AE59118" i="1"/>
  <c r="AE59119" i="1"/>
  <c r="AE59120" i="1"/>
  <c r="AE59121" i="1"/>
  <c r="AE59122" i="1"/>
  <c r="AE59123" i="1"/>
  <c r="AE59124" i="1"/>
  <c r="AE59125" i="1"/>
  <c r="AE59126" i="1"/>
  <c r="AE59127" i="1"/>
  <c r="AE59128" i="1"/>
  <c r="AE59129" i="1"/>
  <c r="AE59130" i="1"/>
  <c r="AE59131" i="1"/>
  <c r="AE59132" i="1"/>
  <c r="AE59133" i="1"/>
  <c r="AE59134" i="1"/>
  <c r="AE59135" i="1"/>
  <c r="AE59136" i="1"/>
  <c r="AE59137" i="1"/>
  <c r="AE59138" i="1"/>
  <c r="AE59139" i="1"/>
  <c r="AE59140" i="1"/>
  <c r="AE59141" i="1"/>
  <c r="AE59142" i="1"/>
  <c r="AE59143" i="1"/>
  <c r="AE59144" i="1"/>
  <c r="AE59145" i="1"/>
  <c r="AE59146" i="1"/>
  <c r="AE59147" i="1"/>
  <c r="AE59148" i="1"/>
  <c r="AE59149" i="1"/>
  <c r="AE59150" i="1"/>
  <c r="AE59151" i="1"/>
  <c r="AE59152" i="1"/>
  <c r="AE59153" i="1"/>
  <c r="AE59154" i="1"/>
  <c r="AE59155" i="1"/>
  <c r="AE59156" i="1"/>
  <c r="AE59157" i="1"/>
  <c r="AE59158" i="1"/>
  <c r="AE59159" i="1"/>
  <c r="AE59160" i="1"/>
  <c r="AE59161" i="1"/>
  <c r="AE59162" i="1"/>
  <c r="AE59163" i="1"/>
  <c r="AE59164" i="1"/>
  <c r="AE59165" i="1"/>
  <c r="AE59166" i="1"/>
  <c r="AE59167" i="1"/>
  <c r="AE59168" i="1"/>
  <c r="AE59169" i="1"/>
  <c r="AE59170" i="1"/>
  <c r="AE59171" i="1"/>
  <c r="AE59172" i="1"/>
  <c r="AE59173" i="1"/>
  <c r="AE59174" i="1"/>
  <c r="AE59175" i="1"/>
  <c r="AE59176" i="1"/>
  <c r="AE59177" i="1"/>
  <c r="AE59178" i="1"/>
  <c r="AE59179" i="1"/>
  <c r="AE59180" i="1"/>
  <c r="AE59181" i="1"/>
  <c r="AE59182" i="1"/>
  <c r="AE59183" i="1"/>
  <c r="AE59184" i="1"/>
  <c r="AE59185" i="1"/>
  <c r="AE59186" i="1"/>
  <c r="AE59187" i="1"/>
  <c r="AE59188" i="1"/>
  <c r="AE59189" i="1"/>
  <c r="AE59190" i="1"/>
  <c r="AE59191" i="1"/>
  <c r="AE59192" i="1"/>
  <c r="AE59193" i="1"/>
  <c r="AE59194" i="1"/>
  <c r="AE59195" i="1"/>
  <c r="AE59196" i="1"/>
  <c r="AE59197" i="1"/>
  <c r="AE59198" i="1"/>
  <c r="AE59199" i="1"/>
  <c r="AE59200" i="1"/>
  <c r="AE59201" i="1"/>
  <c r="AE59202" i="1"/>
  <c r="AE59203" i="1"/>
  <c r="AE59204" i="1"/>
  <c r="AE59205" i="1"/>
  <c r="AE59206" i="1"/>
  <c r="AE59207" i="1"/>
  <c r="AE59208" i="1"/>
  <c r="AE59209" i="1"/>
  <c r="AE59210" i="1"/>
  <c r="AE59211" i="1"/>
  <c r="AE59212" i="1"/>
  <c r="AE59213" i="1"/>
  <c r="AE59214" i="1"/>
  <c r="AE59215" i="1"/>
  <c r="AE59216" i="1"/>
  <c r="AE59217" i="1"/>
  <c r="AE59218" i="1"/>
  <c r="AE59219" i="1"/>
  <c r="AE59220" i="1"/>
  <c r="AE59221" i="1"/>
  <c r="AE59222" i="1"/>
  <c r="AE59223" i="1"/>
  <c r="AE59224" i="1"/>
  <c r="AE59225" i="1"/>
  <c r="AE59226" i="1"/>
  <c r="AE59227" i="1"/>
  <c r="AE59228" i="1"/>
  <c r="AE59229" i="1"/>
  <c r="AE59230" i="1"/>
  <c r="AE59231" i="1"/>
  <c r="AE59232" i="1"/>
  <c r="AE59233" i="1"/>
  <c r="AE59234" i="1"/>
  <c r="AE59235" i="1"/>
  <c r="AE59236" i="1"/>
  <c r="AE59237" i="1"/>
  <c r="AE59238" i="1"/>
  <c r="AE59239" i="1"/>
  <c r="AE59240" i="1"/>
  <c r="AE59241" i="1"/>
  <c r="AE59242" i="1"/>
  <c r="AE59243" i="1"/>
  <c r="AE59244" i="1"/>
  <c r="AE59245" i="1"/>
  <c r="AE59246" i="1"/>
  <c r="AE59247" i="1"/>
  <c r="AE59248" i="1"/>
  <c r="AE59249" i="1"/>
  <c r="AE59250" i="1"/>
  <c r="AE59251" i="1"/>
  <c r="AE59252" i="1"/>
  <c r="AE59253" i="1"/>
  <c r="AE59254" i="1"/>
  <c r="AE59255" i="1"/>
  <c r="AE59256" i="1"/>
  <c r="AE59257" i="1"/>
  <c r="AE59258" i="1"/>
  <c r="AE59259" i="1"/>
  <c r="AE59260" i="1"/>
  <c r="AE59261" i="1"/>
  <c r="AE59262" i="1"/>
  <c r="AE59263" i="1"/>
  <c r="AE59264" i="1"/>
  <c r="AE59265" i="1"/>
  <c r="AE59266" i="1"/>
  <c r="AE59267" i="1"/>
  <c r="AE59268" i="1"/>
  <c r="AE59269" i="1"/>
  <c r="AE59270" i="1"/>
  <c r="AE59271" i="1"/>
  <c r="AE59272" i="1"/>
  <c r="AE59273" i="1"/>
  <c r="AE59274" i="1"/>
  <c r="AE59275" i="1"/>
  <c r="AE59276" i="1"/>
  <c r="AE59277" i="1"/>
  <c r="AE59278" i="1"/>
  <c r="AE59279" i="1"/>
  <c r="AE59280" i="1"/>
  <c r="AE59281" i="1"/>
  <c r="AE59282" i="1"/>
  <c r="AE59283" i="1"/>
  <c r="AE59284" i="1"/>
  <c r="AE59285" i="1"/>
  <c r="AE59286" i="1"/>
  <c r="AE59287" i="1"/>
  <c r="AE59288" i="1"/>
  <c r="AE59289" i="1"/>
  <c r="AE59290" i="1"/>
  <c r="AE59291" i="1"/>
  <c r="AE59292" i="1"/>
  <c r="AE59293" i="1"/>
  <c r="AE59294" i="1"/>
  <c r="AE59295" i="1"/>
  <c r="AE59296" i="1"/>
  <c r="AE59297" i="1"/>
  <c r="AE59298" i="1"/>
  <c r="AE59299" i="1"/>
  <c r="AE59300" i="1"/>
  <c r="AE59301" i="1"/>
  <c r="AE59302" i="1"/>
  <c r="AE59303" i="1"/>
  <c r="AE59304" i="1"/>
  <c r="AE59305" i="1"/>
  <c r="AE59306" i="1"/>
  <c r="AE59307" i="1"/>
  <c r="AE59308" i="1"/>
  <c r="AE59309" i="1"/>
  <c r="AE59310" i="1"/>
  <c r="AE59311" i="1"/>
  <c r="AE59312" i="1"/>
  <c r="AE59313" i="1"/>
  <c r="AE59314" i="1"/>
  <c r="AE59315" i="1"/>
  <c r="AE59316" i="1"/>
  <c r="AE59317" i="1"/>
  <c r="AE59318" i="1"/>
  <c r="AE59319" i="1"/>
  <c r="AE59320" i="1"/>
  <c r="AE59321" i="1"/>
  <c r="AE59322" i="1"/>
  <c r="AE59323" i="1"/>
  <c r="AE59324" i="1"/>
  <c r="AE59325" i="1"/>
  <c r="AE59326" i="1"/>
  <c r="AE59327" i="1"/>
  <c r="AE59328" i="1"/>
  <c r="AE59329" i="1"/>
  <c r="AE59330" i="1"/>
  <c r="AE59331" i="1"/>
  <c r="AE59332" i="1"/>
  <c r="AE59333" i="1"/>
  <c r="AE59334" i="1"/>
  <c r="AE59335" i="1"/>
  <c r="AE59336" i="1"/>
  <c r="AE59337" i="1"/>
  <c r="AE59338" i="1"/>
  <c r="AE59339" i="1"/>
  <c r="AE59340" i="1"/>
  <c r="AE59341" i="1"/>
  <c r="AE59342" i="1"/>
  <c r="AE59343" i="1"/>
  <c r="AE59344" i="1"/>
  <c r="AE59345" i="1"/>
  <c r="AE59346" i="1"/>
  <c r="AE59347" i="1"/>
  <c r="AE59348" i="1"/>
  <c r="AE59349" i="1"/>
  <c r="AE59350" i="1"/>
  <c r="AE59351" i="1"/>
  <c r="AE59352" i="1"/>
  <c r="AE59353" i="1"/>
  <c r="AE59354" i="1"/>
  <c r="AE59355" i="1"/>
  <c r="AE59356" i="1"/>
  <c r="AE59357" i="1"/>
  <c r="AE59358" i="1"/>
  <c r="AE59359" i="1"/>
  <c r="AE59360" i="1"/>
  <c r="AE59361" i="1"/>
  <c r="AE59362" i="1"/>
  <c r="AE59363" i="1"/>
  <c r="AE59364" i="1"/>
  <c r="AE59365" i="1"/>
  <c r="AE59366" i="1"/>
  <c r="AE59367" i="1"/>
  <c r="AE59368" i="1"/>
  <c r="AE59369" i="1"/>
  <c r="AE59370" i="1"/>
  <c r="AE59371" i="1"/>
  <c r="AE59372" i="1"/>
  <c r="AE59373" i="1"/>
  <c r="AE59374" i="1"/>
  <c r="AE59375" i="1"/>
  <c r="AE59376" i="1"/>
  <c r="AE59377" i="1"/>
  <c r="AE59378" i="1"/>
  <c r="AE59379" i="1"/>
  <c r="AE59380" i="1"/>
  <c r="AE59381" i="1"/>
  <c r="AE59382" i="1"/>
  <c r="AE59383" i="1"/>
  <c r="AE59384" i="1"/>
  <c r="AE59385" i="1"/>
  <c r="AE59386" i="1"/>
  <c r="AE59387" i="1"/>
  <c r="AE59388" i="1"/>
  <c r="AE59389" i="1"/>
  <c r="AE59390" i="1"/>
  <c r="AE59391" i="1"/>
  <c r="AE59392" i="1"/>
  <c r="AE59393" i="1"/>
  <c r="AE59394" i="1"/>
  <c r="AE59395" i="1"/>
  <c r="AE59396" i="1"/>
  <c r="AE59397" i="1"/>
  <c r="AE59398" i="1"/>
  <c r="AE59399" i="1"/>
  <c r="AE59400" i="1"/>
  <c r="AE59401" i="1"/>
  <c r="AE59402" i="1"/>
  <c r="AE59403" i="1"/>
  <c r="AE59404" i="1"/>
  <c r="AE59405" i="1"/>
  <c r="AE59406" i="1"/>
  <c r="AE59407" i="1"/>
  <c r="AE59408" i="1"/>
  <c r="AE59409" i="1"/>
  <c r="AE59410" i="1"/>
  <c r="AE59411" i="1"/>
  <c r="AE59412" i="1"/>
  <c r="AE59413" i="1"/>
  <c r="AE59414" i="1"/>
  <c r="AE59415" i="1"/>
  <c r="AE59416" i="1"/>
  <c r="AE59417" i="1"/>
  <c r="AE59418" i="1"/>
  <c r="AE59419" i="1"/>
  <c r="AE59420" i="1"/>
  <c r="AE59421" i="1"/>
  <c r="AE59422" i="1"/>
  <c r="AE59423" i="1"/>
  <c r="AE59424" i="1"/>
  <c r="AE59425" i="1"/>
  <c r="AE59426" i="1"/>
  <c r="AE59427" i="1"/>
  <c r="AE59428" i="1"/>
  <c r="AE59429" i="1"/>
  <c r="AE59430" i="1"/>
  <c r="AE59431" i="1"/>
  <c r="AE59432" i="1"/>
  <c r="AE59433" i="1"/>
  <c r="AE59434" i="1"/>
  <c r="AE59435" i="1"/>
  <c r="AE59436" i="1"/>
  <c r="AE59437" i="1"/>
  <c r="AE59438" i="1"/>
  <c r="AE59439" i="1"/>
  <c r="AE59440" i="1"/>
  <c r="AE59441" i="1"/>
  <c r="AE59442" i="1"/>
  <c r="AE59443" i="1"/>
  <c r="AE59444" i="1"/>
  <c r="AE59445" i="1"/>
  <c r="AE59446" i="1"/>
  <c r="AE59447" i="1"/>
  <c r="AE59448" i="1"/>
  <c r="AE59449" i="1"/>
  <c r="AE59450" i="1"/>
  <c r="AE59451" i="1"/>
  <c r="AE59452" i="1"/>
  <c r="AE59453" i="1"/>
  <c r="AE59454" i="1"/>
  <c r="AE59455" i="1"/>
  <c r="AE59456" i="1"/>
  <c r="AE59457" i="1"/>
  <c r="AE59458" i="1"/>
  <c r="AE59459" i="1"/>
  <c r="AE59460" i="1"/>
  <c r="AE59461" i="1"/>
  <c r="AE59462" i="1"/>
  <c r="AE59463" i="1"/>
  <c r="AE59464" i="1"/>
  <c r="AE59465" i="1"/>
  <c r="AE59466" i="1"/>
  <c r="AE59467" i="1"/>
  <c r="AE59468" i="1"/>
  <c r="AE59469" i="1"/>
  <c r="AE59470" i="1"/>
  <c r="AE59471" i="1"/>
  <c r="AE59472" i="1"/>
  <c r="AE59473" i="1"/>
  <c r="AE59474" i="1"/>
  <c r="AE59475" i="1"/>
  <c r="AE59476" i="1"/>
  <c r="AE59477" i="1"/>
  <c r="AE59478" i="1"/>
  <c r="AE59479" i="1"/>
  <c r="AE59480" i="1"/>
  <c r="AE59481" i="1"/>
  <c r="AE59482" i="1"/>
  <c r="AE59483" i="1"/>
  <c r="AE59484" i="1"/>
  <c r="AE59485" i="1"/>
  <c r="AE59486" i="1"/>
  <c r="AE59487" i="1"/>
  <c r="AE59488" i="1"/>
  <c r="AE59489" i="1"/>
  <c r="AE59490" i="1"/>
  <c r="AE59491" i="1"/>
  <c r="AE59492" i="1"/>
  <c r="AE59493" i="1"/>
  <c r="AE59494" i="1"/>
  <c r="AE59495" i="1"/>
  <c r="AE59496" i="1"/>
  <c r="AE59497" i="1"/>
  <c r="AE59498" i="1"/>
  <c r="AE59499" i="1"/>
  <c r="AE59500" i="1"/>
  <c r="AE59501" i="1"/>
  <c r="AE59502" i="1"/>
  <c r="AE59503" i="1"/>
  <c r="AE59504" i="1"/>
  <c r="AE59505" i="1"/>
  <c r="AE59506" i="1"/>
  <c r="AE59507" i="1"/>
  <c r="AE59508" i="1"/>
  <c r="AE59509" i="1"/>
  <c r="AE59510" i="1"/>
  <c r="AE59511" i="1"/>
  <c r="AE59512" i="1"/>
  <c r="AE59513" i="1"/>
  <c r="AE59514" i="1"/>
  <c r="AE59515" i="1"/>
  <c r="AE59516" i="1"/>
  <c r="AE59517" i="1"/>
  <c r="AE59518" i="1"/>
  <c r="AE59519" i="1"/>
  <c r="AE59520" i="1"/>
  <c r="AE59521" i="1"/>
  <c r="AE59522" i="1"/>
  <c r="AE59523" i="1"/>
  <c r="AE59524" i="1"/>
  <c r="AE59525" i="1"/>
  <c r="AE59526" i="1"/>
  <c r="AE59527" i="1"/>
  <c r="AE59528" i="1"/>
  <c r="AE59529" i="1"/>
  <c r="AE59530" i="1"/>
  <c r="AE59531" i="1"/>
  <c r="AE59532" i="1"/>
  <c r="AE59533" i="1"/>
  <c r="AE59534" i="1"/>
  <c r="AE59535" i="1"/>
  <c r="AE59536" i="1"/>
  <c r="AE59537" i="1"/>
  <c r="AE59538" i="1"/>
  <c r="AE59539" i="1"/>
  <c r="AE59540" i="1"/>
  <c r="AE59541" i="1"/>
  <c r="AE59542" i="1"/>
  <c r="AE59543" i="1"/>
  <c r="AE59544" i="1"/>
  <c r="AE59545" i="1"/>
  <c r="AE59546" i="1"/>
  <c r="AE59547" i="1"/>
  <c r="AE59548" i="1"/>
  <c r="AE59549" i="1"/>
  <c r="AE59550" i="1"/>
  <c r="AE59551" i="1"/>
  <c r="AE59552" i="1"/>
  <c r="AE59553" i="1"/>
  <c r="AE59554" i="1"/>
  <c r="AE59555" i="1"/>
  <c r="AE59556" i="1"/>
  <c r="AE59557" i="1"/>
  <c r="AE59558" i="1"/>
  <c r="AE59559" i="1"/>
  <c r="AE59560" i="1"/>
  <c r="AE59561" i="1"/>
  <c r="AE59562" i="1"/>
  <c r="AE59563" i="1"/>
  <c r="AE59564" i="1"/>
  <c r="AE59565" i="1"/>
  <c r="AE59566" i="1"/>
  <c r="AE59567" i="1"/>
  <c r="AE59568" i="1"/>
  <c r="AE59569" i="1"/>
  <c r="AE59570" i="1"/>
  <c r="AE59571" i="1"/>
  <c r="AE59572" i="1"/>
  <c r="AE59573" i="1"/>
  <c r="AE59574" i="1"/>
  <c r="AE59575" i="1"/>
  <c r="AE59576" i="1"/>
  <c r="AE59577" i="1"/>
  <c r="AE59578" i="1"/>
  <c r="AE59579" i="1"/>
  <c r="AE59580" i="1"/>
  <c r="AE59581" i="1"/>
  <c r="AE59582" i="1"/>
  <c r="AE59583" i="1"/>
  <c r="AE59584" i="1"/>
  <c r="AE59585" i="1"/>
  <c r="AE59586" i="1"/>
  <c r="AE59587" i="1"/>
  <c r="AE59588" i="1"/>
  <c r="AE59589" i="1"/>
  <c r="AE59590" i="1"/>
  <c r="AE59591" i="1"/>
  <c r="AE59592" i="1"/>
  <c r="AE59593" i="1"/>
  <c r="AE59594" i="1"/>
  <c r="AE59595" i="1"/>
  <c r="AE59596" i="1"/>
  <c r="AE59597" i="1"/>
  <c r="AE59598" i="1"/>
  <c r="AE59599" i="1"/>
  <c r="AE59600" i="1"/>
  <c r="AE59601" i="1"/>
  <c r="AE59602" i="1"/>
  <c r="AE59603" i="1"/>
  <c r="AE59604" i="1"/>
  <c r="AE59605" i="1"/>
  <c r="AE59606" i="1"/>
  <c r="AE59607" i="1"/>
  <c r="AE59608" i="1"/>
  <c r="AE59609" i="1"/>
  <c r="AE59610" i="1"/>
  <c r="AE59611" i="1"/>
  <c r="AE59612" i="1"/>
  <c r="AE59613" i="1"/>
  <c r="AE59614" i="1"/>
  <c r="AE59615" i="1"/>
  <c r="AE59616" i="1"/>
  <c r="AE59617" i="1"/>
  <c r="AE59618" i="1"/>
  <c r="AE59619" i="1"/>
  <c r="AE59620" i="1"/>
  <c r="AE59621" i="1"/>
  <c r="AE59622" i="1"/>
  <c r="AE59623" i="1"/>
  <c r="AE59624" i="1"/>
  <c r="AE59625" i="1"/>
  <c r="AE59626" i="1"/>
  <c r="AE59627" i="1"/>
  <c r="AE59628" i="1"/>
  <c r="AE59629" i="1"/>
  <c r="AE59630" i="1"/>
  <c r="AE59631" i="1"/>
  <c r="AE59632" i="1"/>
  <c r="AE59633" i="1"/>
  <c r="AE59634" i="1"/>
  <c r="AE59635" i="1"/>
  <c r="AE59636" i="1"/>
  <c r="AE59637" i="1"/>
  <c r="AE59638" i="1"/>
  <c r="AE59639" i="1"/>
  <c r="AE59640" i="1"/>
  <c r="AE59641" i="1"/>
  <c r="AE59642" i="1"/>
  <c r="AE59643" i="1"/>
  <c r="AE59644" i="1"/>
  <c r="AE59645" i="1"/>
  <c r="AE59646" i="1"/>
  <c r="AE59647" i="1"/>
  <c r="AE59648" i="1"/>
  <c r="AE59649" i="1"/>
  <c r="AE59650" i="1"/>
  <c r="AE59651" i="1"/>
  <c r="AE59652" i="1"/>
  <c r="AE59653" i="1"/>
  <c r="AE59654" i="1"/>
  <c r="AE59655" i="1"/>
  <c r="AE59656" i="1"/>
  <c r="AE59657" i="1"/>
  <c r="AE59658" i="1"/>
  <c r="AE59659" i="1"/>
  <c r="AE59660" i="1"/>
  <c r="AE59661" i="1"/>
  <c r="AE59662" i="1"/>
  <c r="AE59663" i="1"/>
  <c r="AE59664" i="1"/>
  <c r="AE59665" i="1"/>
  <c r="AE59666" i="1"/>
  <c r="AE59667" i="1"/>
  <c r="AE59668" i="1"/>
  <c r="AE59669" i="1"/>
  <c r="AE59670" i="1"/>
  <c r="AE59671" i="1"/>
  <c r="AE59672" i="1"/>
  <c r="AE59673" i="1"/>
  <c r="AE59674" i="1"/>
  <c r="AE59675" i="1"/>
  <c r="AE59676" i="1"/>
  <c r="AE59677" i="1"/>
  <c r="AE59678" i="1"/>
  <c r="AE59679" i="1"/>
  <c r="AE59680" i="1"/>
  <c r="AE59681" i="1"/>
  <c r="AE59682" i="1"/>
  <c r="AE59683" i="1"/>
  <c r="AE59684" i="1"/>
  <c r="AE59685" i="1"/>
  <c r="AE59686" i="1"/>
  <c r="AE59687" i="1"/>
  <c r="AE59688" i="1"/>
  <c r="AE59689" i="1"/>
  <c r="AE59690" i="1"/>
  <c r="AE59691" i="1"/>
  <c r="AE59692" i="1"/>
  <c r="AE59693" i="1"/>
  <c r="AE59694" i="1"/>
  <c r="AE59695" i="1"/>
  <c r="AE59696" i="1"/>
  <c r="AE59697" i="1"/>
  <c r="AE59698" i="1"/>
  <c r="AE59699" i="1"/>
  <c r="AE59700" i="1"/>
  <c r="AE59701" i="1"/>
  <c r="AE59702" i="1"/>
  <c r="AE59703" i="1"/>
  <c r="AE59704" i="1"/>
  <c r="AE59705" i="1"/>
  <c r="AE59706" i="1"/>
  <c r="AE59707" i="1"/>
  <c r="AE59708" i="1"/>
  <c r="AE59709" i="1"/>
  <c r="AE59710" i="1"/>
  <c r="AE59711" i="1"/>
  <c r="AE59712" i="1"/>
  <c r="AE59713" i="1"/>
  <c r="AE59714" i="1"/>
  <c r="AE59715" i="1"/>
  <c r="AE59716" i="1"/>
  <c r="AE59717" i="1"/>
  <c r="AE59718" i="1"/>
  <c r="AE59719" i="1"/>
  <c r="AE59720" i="1"/>
  <c r="AE59721" i="1"/>
  <c r="AE59722" i="1"/>
  <c r="AE59723" i="1"/>
  <c r="AE59724" i="1"/>
  <c r="AE59725" i="1"/>
  <c r="AE59726" i="1"/>
  <c r="AE59727" i="1"/>
  <c r="AE59728" i="1"/>
  <c r="AE59729" i="1"/>
  <c r="AE59730" i="1"/>
  <c r="AE59731" i="1"/>
  <c r="AE59732" i="1"/>
  <c r="AE59733" i="1"/>
  <c r="AE59734" i="1"/>
  <c r="AE59735" i="1"/>
  <c r="AE59736" i="1"/>
  <c r="AE59737" i="1"/>
  <c r="AE59738" i="1"/>
  <c r="AE59739" i="1"/>
  <c r="AE59740" i="1"/>
  <c r="AE59741" i="1"/>
  <c r="AE59742" i="1"/>
  <c r="AE59743" i="1"/>
  <c r="AE59744" i="1"/>
  <c r="AE59745" i="1"/>
  <c r="AE59746" i="1"/>
  <c r="AE59747" i="1"/>
  <c r="AE59748" i="1"/>
  <c r="AE59749" i="1"/>
  <c r="AE59750" i="1"/>
  <c r="AE59751" i="1"/>
  <c r="AE59752" i="1"/>
  <c r="AE59753" i="1"/>
  <c r="AE59754" i="1"/>
  <c r="AE59755" i="1"/>
  <c r="AE59756" i="1"/>
  <c r="AE59757" i="1"/>
  <c r="AE59758" i="1"/>
  <c r="AE59759" i="1"/>
  <c r="AE59760" i="1"/>
  <c r="AE59761" i="1"/>
  <c r="AE59762" i="1"/>
  <c r="AE59763" i="1"/>
  <c r="AE59764" i="1"/>
  <c r="AE59765" i="1"/>
  <c r="AE59766" i="1"/>
  <c r="AE59767" i="1"/>
  <c r="AE59768" i="1"/>
  <c r="AE59769" i="1"/>
  <c r="AE59770" i="1"/>
  <c r="AE59771" i="1"/>
  <c r="AE59772" i="1"/>
  <c r="AE59773" i="1"/>
  <c r="AE59774" i="1"/>
  <c r="AE59775" i="1"/>
  <c r="AE59776" i="1"/>
  <c r="AE59777" i="1"/>
  <c r="AE59778" i="1"/>
  <c r="AE59779" i="1"/>
  <c r="AE59780" i="1"/>
  <c r="AE59781" i="1"/>
  <c r="AE59782" i="1"/>
  <c r="AE59783" i="1"/>
  <c r="AE59784" i="1"/>
  <c r="AE59785" i="1"/>
  <c r="AE59786" i="1"/>
  <c r="AE59787" i="1"/>
  <c r="AE59788" i="1"/>
  <c r="AE59789" i="1"/>
  <c r="AE59790" i="1"/>
  <c r="AE59791" i="1"/>
  <c r="AE59792" i="1"/>
  <c r="AE59793" i="1"/>
  <c r="AE59794" i="1"/>
  <c r="AE59795" i="1"/>
  <c r="AE59796" i="1"/>
  <c r="AE59797" i="1"/>
  <c r="AE59798" i="1"/>
  <c r="AE59799" i="1"/>
  <c r="AE59800" i="1"/>
  <c r="AE59801" i="1"/>
  <c r="AE59802" i="1"/>
  <c r="AE59803" i="1"/>
  <c r="AE59804" i="1"/>
  <c r="AE59805" i="1"/>
  <c r="AE59806" i="1"/>
  <c r="AE59807" i="1"/>
  <c r="AE59808" i="1"/>
  <c r="AE59809" i="1"/>
  <c r="AE59810" i="1"/>
  <c r="AE59811" i="1"/>
  <c r="AE59812" i="1"/>
  <c r="AE59813" i="1"/>
  <c r="AE59814" i="1"/>
  <c r="AE59815" i="1"/>
  <c r="AE59816" i="1"/>
  <c r="AE59817" i="1"/>
  <c r="AE59818" i="1"/>
  <c r="AE59819" i="1"/>
  <c r="AE59820" i="1"/>
  <c r="AE59821" i="1"/>
  <c r="AE59822" i="1"/>
  <c r="AE59823" i="1"/>
  <c r="AE59824" i="1"/>
  <c r="AE59825" i="1"/>
  <c r="AE59826" i="1"/>
  <c r="AE59827" i="1"/>
  <c r="AE59828" i="1"/>
  <c r="AE59829" i="1"/>
  <c r="AE59830" i="1"/>
  <c r="AE59831" i="1"/>
  <c r="AE59832" i="1"/>
  <c r="AE59833" i="1"/>
  <c r="AE59834" i="1"/>
  <c r="AE59835" i="1"/>
  <c r="AE59836" i="1"/>
  <c r="AE59837" i="1"/>
  <c r="AE59838" i="1"/>
  <c r="AE59839" i="1"/>
  <c r="AE59840" i="1"/>
  <c r="AE59841" i="1"/>
  <c r="AE59842" i="1"/>
  <c r="AE59843" i="1"/>
  <c r="AE59844" i="1"/>
  <c r="AE59845" i="1"/>
  <c r="AE59846" i="1"/>
  <c r="AE59847" i="1"/>
  <c r="AE59848" i="1"/>
  <c r="AE59849" i="1"/>
  <c r="AE59850" i="1"/>
  <c r="AE59851" i="1"/>
  <c r="AE59852" i="1"/>
  <c r="AE59853" i="1"/>
  <c r="AE59854" i="1"/>
  <c r="AE59855" i="1"/>
  <c r="AE59856" i="1"/>
  <c r="AE59857" i="1"/>
  <c r="AE59858" i="1"/>
  <c r="AE59859" i="1"/>
  <c r="AE59860" i="1"/>
  <c r="AE59861" i="1"/>
  <c r="AE59862" i="1"/>
  <c r="AE59863" i="1"/>
  <c r="AE59864" i="1"/>
  <c r="AE59865" i="1"/>
  <c r="AE59866" i="1"/>
  <c r="AE59867" i="1"/>
  <c r="AE59868" i="1"/>
  <c r="AE59869" i="1"/>
  <c r="AE59870" i="1"/>
  <c r="AE59871" i="1"/>
  <c r="AE59872" i="1"/>
  <c r="AE59873" i="1"/>
  <c r="AE59874" i="1"/>
  <c r="AE59875" i="1"/>
  <c r="AE59876" i="1"/>
  <c r="AE59877" i="1"/>
  <c r="AE59878" i="1"/>
  <c r="AE59879" i="1"/>
  <c r="AE59880" i="1"/>
  <c r="AE59881" i="1"/>
  <c r="AE59882" i="1"/>
  <c r="AE59883" i="1"/>
  <c r="AE59884" i="1"/>
  <c r="AE59885" i="1"/>
  <c r="AE59886" i="1"/>
  <c r="AE59887" i="1"/>
  <c r="AE59888" i="1"/>
  <c r="AE59889" i="1"/>
  <c r="AE59890" i="1"/>
  <c r="AE59891" i="1"/>
  <c r="AE59892" i="1"/>
  <c r="AE59893" i="1"/>
  <c r="AE59894" i="1"/>
  <c r="AE59895" i="1"/>
  <c r="AE59896" i="1"/>
  <c r="AE59897" i="1"/>
  <c r="AE59898" i="1"/>
  <c r="AE59899" i="1"/>
  <c r="AE59900" i="1"/>
  <c r="AE59901" i="1"/>
  <c r="AE59902" i="1"/>
  <c r="AE59903" i="1"/>
  <c r="AE59904" i="1"/>
  <c r="AE59905" i="1"/>
  <c r="AE59906" i="1"/>
  <c r="AE59907" i="1"/>
  <c r="AE59908" i="1"/>
  <c r="AE59909" i="1"/>
  <c r="AE59910" i="1"/>
  <c r="AE59911" i="1"/>
  <c r="AE59912" i="1"/>
  <c r="AE59913" i="1"/>
  <c r="AE59914" i="1"/>
  <c r="AE59915" i="1"/>
  <c r="AE59916" i="1"/>
  <c r="AE59917" i="1"/>
  <c r="AE59918" i="1"/>
  <c r="AE59919" i="1"/>
  <c r="AE59920" i="1"/>
  <c r="AE59921" i="1"/>
  <c r="AE59922" i="1"/>
  <c r="AE59923" i="1"/>
  <c r="AE59924" i="1"/>
  <c r="AE59925" i="1"/>
  <c r="AE59926" i="1"/>
  <c r="AE59927" i="1"/>
  <c r="AE59928" i="1"/>
  <c r="AE59929" i="1"/>
  <c r="AE59930" i="1"/>
  <c r="AE59931" i="1"/>
  <c r="AE59932" i="1"/>
  <c r="AE59933" i="1"/>
  <c r="AE59934" i="1"/>
  <c r="AE59935" i="1"/>
  <c r="AE59936" i="1"/>
  <c r="AE59937" i="1"/>
  <c r="AE59938" i="1"/>
  <c r="AE59939" i="1"/>
  <c r="AE59940" i="1"/>
  <c r="AE59941" i="1"/>
  <c r="AE59942" i="1"/>
  <c r="AE59943" i="1"/>
  <c r="AE59944" i="1"/>
  <c r="AE59945" i="1"/>
  <c r="AE59946" i="1"/>
  <c r="AE59947" i="1"/>
  <c r="AE59948" i="1"/>
  <c r="AE59949" i="1"/>
  <c r="AE59950" i="1"/>
  <c r="AE59951" i="1"/>
  <c r="AE59952" i="1"/>
  <c r="AE59953" i="1"/>
  <c r="AE59954" i="1"/>
  <c r="AE59955" i="1"/>
  <c r="AE59956" i="1"/>
  <c r="AE59957" i="1"/>
  <c r="AE59958" i="1"/>
  <c r="AE59959" i="1"/>
  <c r="AE59960" i="1"/>
  <c r="AE59961" i="1"/>
  <c r="AE59962" i="1"/>
  <c r="AE59963" i="1"/>
  <c r="AE59964" i="1"/>
  <c r="AE59965" i="1"/>
  <c r="AE59966" i="1"/>
  <c r="AE59967" i="1"/>
  <c r="AE59968" i="1"/>
  <c r="AE59969" i="1"/>
  <c r="AE59970" i="1"/>
  <c r="AE59971" i="1"/>
  <c r="AE59972" i="1"/>
  <c r="AE59973" i="1"/>
  <c r="AE59974" i="1"/>
  <c r="AE59975" i="1"/>
  <c r="AE59976" i="1"/>
  <c r="AE59977" i="1"/>
  <c r="AE59978" i="1"/>
  <c r="AE59979" i="1"/>
  <c r="AE59980" i="1"/>
  <c r="AE59981" i="1"/>
  <c r="AE59982" i="1"/>
  <c r="AE59983" i="1"/>
  <c r="AE59984" i="1"/>
  <c r="AE59985" i="1"/>
  <c r="AE59986" i="1"/>
  <c r="AE59987" i="1"/>
  <c r="AE59988" i="1"/>
  <c r="AE59989" i="1"/>
  <c r="AE59990" i="1"/>
  <c r="AE59991" i="1"/>
  <c r="AE59992" i="1"/>
  <c r="AE59993" i="1"/>
  <c r="AE59994" i="1"/>
  <c r="AE59995" i="1"/>
  <c r="AE59996" i="1"/>
  <c r="AE59997" i="1"/>
  <c r="AE59998" i="1"/>
  <c r="AE59999" i="1"/>
  <c r="AE60000" i="1"/>
  <c r="AE60001" i="1"/>
  <c r="AE60002" i="1"/>
  <c r="AE60003" i="1"/>
  <c r="AE60004" i="1"/>
  <c r="AE60005" i="1"/>
  <c r="AE60006" i="1"/>
  <c r="AE60007" i="1"/>
  <c r="AE60008" i="1"/>
  <c r="AE60009" i="1"/>
  <c r="AE60010" i="1"/>
  <c r="AE60011" i="1"/>
  <c r="AE60012" i="1"/>
  <c r="AE60013" i="1"/>
  <c r="AE60014" i="1"/>
  <c r="AE60015" i="1"/>
  <c r="AE60016" i="1"/>
  <c r="AE60017" i="1"/>
  <c r="AE60018" i="1"/>
  <c r="AE60019" i="1"/>
  <c r="AE60020" i="1"/>
  <c r="AE60021" i="1"/>
  <c r="AE60022" i="1"/>
  <c r="AE60023" i="1"/>
  <c r="AE60024" i="1"/>
  <c r="AE60025" i="1"/>
  <c r="AE60026" i="1"/>
  <c r="AE60027" i="1"/>
  <c r="AE60028" i="1"/>
  <c r="AE60029" i="1"/>
  <c r="AE60030" i="1"/>
  <c r="AE60031" i="1"/>
  <c r="AE60032" i="1"/>
  <c r="AE60033" i="1"/>
  <c r="AE60034" i="1"/>
  <c r="AE60035" i="1"/>
  <c r="AE60036" i="1"/>
  <c r="AE60037" i="1"/>
  <c r="AE60038" i="1"/>
  <c r="AE60039" i="1"/>
  <c r="AE60040" i="1"/>
  <c r="AE60041" i="1"/>
  <c r="AE60042" i="1"/>
  <c r="AE60043" i="1"/>
  <c r="AE60044" i="1"/>
  <c r="AE60045" i="1"/>
  <c r="AE60046" i="1"/>
  <c r="AE60047" i="1"/>
  <c r="AE60048" i="1"/>
  <c r="AE60049" i="1"/>
  <c r="AE60050" i="1"/>
  <c r="AE60051" i="1"/>
  <c r="AE60052" i="1"/>
  <c r="AE60053" i="1"/>
  <c r="AE60054" i="1"/>
  <c r="AE60055" i="1"/>
  <c r="AE60056" i="1"/>
  <c r="AE60057" i="1"/>
  <c r="AE60058" i="1"/>
  <c r="AE60059" i="1"/>
  <c r="AE60060" i="1"/>
  <c r="AE60061" i="1"/>
  <c r="AE60062" i="1"/>
  <c r="AE60063" i="1"/>
  <c r="AE60064" i="1"/>
  <c r="AE60065" i="1"/>
  <c r="AE60066" i="1"/>
  <c r="AE60067" i="1"/>
  <c r="AE60068" i="1"/>
  <c r="AE60069" i="1"/>
  <c r="AE60070" i="1"/>
  <c r="AE60071" i="1"/>
  <c r="AE60072" i="1"/>
  <c r="AE60073" i="1"/>
  <c r="AE60074" i="1"/>
  <c r="AE60075" i="1"/>
  <c r="AE60076" i="1"/>
  <c r="AE60077" i="1"/>
  <c r="AE60078" i="1"/>
  <c r="AE60079" i="1"/>
  <c r="AE60080" i="1"/>
  <c r="AE60081" i="1"/>
  <c r="AE60082" i="1"/>
  <c r="AE60083" i="1"/>
  <c r="AE60084" i="1"/>
  <c r="AE60085" i="1"/>
  <c r="AE60086" i="1"/>
  <c r="AE60087" i="1"/>
  <c r="AE60088" i="1"/>
  <c r="AE60089" i="1"/>
  <c r="AE60090" i="1"/>
  <c r="AE60091" i="1"/>
  <c r="AE60092" i="1"/>
  <c r="AE60093" i="1"/>
  <c r="AE60094" i="1"/>
  <c r="AE60095" i="1"/>
  <c r="AE60096" i="1"/>
  <c r="AE60097" i="1"/>
  <c r="AE60098" i="1"/>
  <c r="AE60099" i="1"/>
  <c r="AE60100" i="1"/>
  <c r="AE60101" i="1"/>
  <c r="AE60102" i="1"/>
  <c r="AE60103" i="1"/>
  <c r="AE60104" i="1"/>
  <c r="AE60105" i="1"/>
  <c r="AE60106" i="1"/>
  <c r="AE60107" i="1"/>
  <c r="AE60108" i="1"/>
  <c r="AE60109" i="1"/>
  <c r="AE60110" i="1"/>
  <c r="AE60111" i="1"/>
  <c r="AE60112" i="1"/>
  <c r="AE60113" i="1"/>
  <c r="AE60114" i="1"/>
  <c r="AE60115" i="1"/>
  <c r="AE60116" i="1"/>
  <c r="AE60117" i="1"/>
  <c r="AE60118" i="1"/>
  <c r="AE60119" i="1"/>
  <c r="AE60120" i="1"/>
  <c r="AE60121" i="1"/>
  <c r="AE60122" i="1"/>
  <c r="AE60123" i="1"/>
  <c r="AE60124" i="1"/>
  <c r="AE60125" i="1"/>
  <c r="AE60126" i="1"/>
  <c r="AE60127" i="1"/>
  <c r="AE60128" i="1"/>
  <c r="AE60129" i="1"/>
  <c r="AE60130" i="1"/>
  <c r="AE60131" i="1"/>
  <c r="AE60132" i="1"/>
  <c r="AE60133" i="1"/>
  <c r="AE60134" i="1"/>
  <c r="AE60135" i="1"/>
  <c r="AE60136" i="1"/>
  <c r="AE60137" i="1"/>
  <c r="AE60138" i="1"/>
  <c r="AE60139" i="1"/>
  <c r="AE60140" i="1"/>
  <c r="AE60141" i="1"/>
  <c r="AE60142" i="1"/>
  <c r="AE60143" i="1"/>
  <c r="AE60144" i="1"/>
  <c r="AE60145" i="1"/>
  <c r="AE60146" i="1"/>
  <c r="AE60147" i="1"/>
  <c r="AE60148" i="1"/>
  <c r="AE60149" i="1"/>
  <c r="AE60150" i="1"/>
  <c r="AE60151" i="1"/>
  <c r="AE60152" i="1"/>
  <c r="AE60153" i="1"/>
  <c r="AE60154" i="1"/>
  <c r="AE60155" i="1"/>
  <c r="AE60156" i="1"/>
  <c r="AE60157" i="1"/>
  <c r="AE60158" i="1"/>
  <c r="AE60159" i="1"/>
  <c r="AE60160" i="1"/>
  <c r="AE60161" i="1"/>
  <c r="AE60162" i="1"/>
  <c r="AE60163" i="1"/>
  <c r="AE60164" i="1"/>
  <c r="AE60165" i="1"/>
  <c r="AE60166" i="1"/>
  <c r="AE60167" i="1"/>
  <c r="AE60168" i="1"/>
  <c r="AE60169" i="1"/>
  <c r="AE60170" i="1"/>
  <c r="AE60171" i="1"/>
  <c r="AE60172" i="1"/>
  <c r="AE60173" i="1"/>
  <c r="AE60174" i="1"/>
  <c r="AE60175" i="1"/>
  <c r="AE60176" i="1"/>
  <c r="AE60177" i="1"/>
  <c r="AE60178" i="1"/>
  <c r="AE60179" i="1"/>
  <c r="AE60180" i="1"/>
  <c r="AE60181" i="1"/>
  <c r="AE60182" i="1"/>
  <c r="AE60183" i="1"/>
  <c r="AE60184" i="1"/>
  <c r="AE60185" i="1"/>
  <c r="AE60186" i="1"/>
  <c r="AE60187" i="1"/>
  <c r="AE60188" i="1"/>
  <c r="AE60189" i="1"/>
  <c r="AE60190" i="1"/>
  <c r="AE60191" i="1"/>
  <c r="AE60192" i="1"/>
  <c r="AE60193" i="1"/>
  <c r="AE60194" i="1"/>
  <c r="AE60195" i="1"/>
  <c r="AE60196" i="1"/>
  <c r="AE60197" i="1"/>
  <c r="AE60198" i="1"/>
  <c r="AE60199" i="1"/>
  <c r="AE60200" i="1"/>
  <c r="AE60201" i="1"/>
  <c r="AE60202" i="1"/>
  <c r="AE60203" i="1"/>
  <c r="AE60204" i="1"/>
  <c r="AE60205" i="1"/>
  <c r="AE60206" i="1"/>
  <c r="AE60207" i="1"/>
  <c r="AE60208" i="1"/>
  <c r="AE60209" i="1"/>
  <c r="AE60210" i="1"/>
  <c r="AE60211" i="1"/>
  <c r="AE60212" i="1"/>
  <c r="AE60213" i="1"/>
  <c r="AE60214" i="1"/>
  <c r="AE60215" i="1"/>
  <c r="AE60216" i="1"/>
  <c r="AE60217" i="1"/>
  <c r="AE60218" i="1"/>
  <c r="AE60219" i="1"/>
  <c r="AE60220" i="1"/>
  <c r="AE60221" i="1"/>
  <c r="AE60222" i="1"/>
  <c r="AE60223" i="1"/>
  <c r="AE60224" i="1"/>
  <c r="AE60225" i="1"/>
  <c r="AE60226" i="1"/>
  <c r="AE60227" i="1"/>
  <c r="AE60228" i="1"/>
  <c r="AE60229" i="1"/>
  <c r="AE60230" i="1"/>
  <c r="AE60231" i="1"/>
  <c r="AE60232" i="1"/>
  <c r="AE60233" i="1"/>
  <c r="AE60234" i="1"/>
  <c r="AE60235" i="1"/>
  <c r="AE60236" i="1"/>
  <c r="AE60237" i="1"/>
  <c r="AE60238" i="1"/>
  <c r="AE60239" i="1"/>
  <c r="AE60240" i="1"/>
  <c r="AE60241" i="1"/>
  <c r="AE60242" i="1"/>
  <c r="AE60243" i="1"/>
  <c r="AE60244" i="1"/>
  <c r="AE60245" i="1"/>
  <c r="AE60246" i="1"/>
  <c r="AE60247" i="1"/>
  <c r="AE60248" i="1"/>
  <c r="AE60249" i="1"/>
  <c r="AE60250" i="1"/>
  <c r="AE60251" i="1"/>
  <c r="AE60252" i="1"/>
  <c r="AE60253" i="1"/>
  <c r="AE60254" i="1"/>
  <c r="AE60255" i="1"/>
  <c r="AE60256" i="1"/>
  <c r="AE60257" i="1"/>
  <c r="AE60258" i="1"/>
  <c r="AE60259" i="1"/>
  <c r="AE60260" i="1"/>
  <c r="AE60261" i="1"/>
  <c r="AE60262" i="1"/>
  <c r="AE60263" i="1"/>
  <c r="AE60264" i="1"/>
  <c r="AE60265" i="1"/>
  <c r="AE60266" i="1"/>
  <c r="AE60267" i="1"/>
  <c r="AE60268" i="1"/>
  <c r="AE60269" i="1"/>
  <c r="AE60270" i="1"/>
  <c r="AE60271" i="1"/>
  <c r="AE60272" i="1"/>
  <c r="AE60273" i="1"/>
  <c r="AE60274" i="1"/>
  <c r="AE60275" i="1"/>
  <c r="AE60276" i="1"/>
  <c r="AE60277" i="1"/>
  <c r="AE60278" i="1"/>
  <c r="AE60279" i="1"/>
  <c r="AE60280" i="1"/>
  <c r="AE60281" i="1"/>
  <c r="AE60282" i="1"/>
  <c r="AE60283" i="1"/>
  <c r="AE60284" i="1"/>
  <c r="AE60285" i="1"/>
  <c r="AE60286" i="1"/>
  <c r="AE60287" i="1"/>
  <c r="AE60288" i="1"/>
  <c r="AE60289" i="1"/>
  <c r="AE60290" i="1"/>
  <c r="AE60291" i="1"/>
  <c r="AE60292" i="1"/>
  <c r="AE60293" i="1"/>
  <c r="AE60294" i="1"/>
  <c r="AE60295" i="1"/>
  <c r="AE60296" i="1"/>
  <c r="AE60297" i="1"/>
  <c r="AE60298" i="1"/>
  <c r="AE60299" i="1"/>
  <c r="AE60300" i="1"/>
  <c r="AE60301" i="1"/>
  <c r="AE60302" i="1"/>
  <c r="AE60303" i="1"/>
  <c r="AE60304" i="1"/>
  <c r="AE60305" i="1"/>
  <c r="AE60306" i="1"/>
  <c r="AE60307" i="1"/>
  <c r="AE60308" i="1"/>
  <c r="AE60309" i="1"/>
  <c r="AE60310" i="1"/>
  <c r="AE60311" i="1"/>
  <c r="AE60312" i="1"/>
  <c r="AE60313" i="1"/>
  <c r="AE60314" i="1"/>
  <c r="AE60315" i="1"/>
  <c r="AE60316" i="1"/>
  <c r="AE60317" i="1"/>
  <c r="AE60318" i="1"/>
  <c r="AE60319" i="1"/>
  <c r="AE60320" i="1"/>
  <c r="AE60321" i="1"/>
  <c r="AE60322" i="1"/>
  <c r="AE60323" i="1"/>
  <c r="AE60324" i="1"/>
  <c r="AE60325" i="1"/>
  <c r="AE60326" i="1"/>
  <c r="AE60327" i="1"/>
  <c r="AE60328" i="1"/>
  <c r="AE60329" i="1"/>
  <c r="AE60330" i="1"/>
  <c r="AE60331" i="1"/>
  <c r="AE60332" i="1"/>
  <c r="AE60333" i="1"/>
  <c r="AE60334" i="1"/>
  <c r="AE60335" i="1"/>
  <c r="AE60336" i="1"/>
  <c r="AE60337" i="1"/>
  <c r="AE60338" i="1"/>
  <c r="AE60339" i="1"/>
  <c r="AE60340" i="1"/>
  <c r="AE60341" i="1"/>
  <c r="AE60342" i="1"/>
  <c r="AE60343" i="1"/>
  <c r="AE60344" i="1"/>
  <c r="AE60345" i="1"/>
  <c r="AE60346" i="1"/>
  <c r="AE60347" i="1"/>
  <c r="AE60348" i="1"/>
  <c r="AE60349" i="1"/>
  <c r="AE60350" i="1"/>
  <c r="AE60351" i="1"/>
  <c r="AE60352" i="1"/>
  <c r="AE60353" i="1"/>
  <c r="AE60354" i="1"/>
  <c r="AE60355" i="1"/>
  <c r="AE60356" i="1"/>
  <c r="AE60357" i="1"/>
  <c r="AE60358" i="1"/>
  <c r="AE60359" i="1"/>
  <c r="AE60360" i="1"/>
  <c r="AE60361" i="1"/>
  <c r="AE60362" i="1"/>
  <c r="AE60363" i="1"/>
  <c r="AE60364" i="1"/>
  <c r="AE60365" i="1"/>
  <c r="AE60366" i="1"/>
  <c r="AE60367" i="1"/>
  <c r="AE60368" i="1"/>
  <c r="AE60369" i="1"/>
  <c r="AE60370" i="1"/>
  <c r="AE60371" i="1"/>
  <c r="AE60372" i="1"/>
  <c r="AE60373" i="1"/>
  <c r="AE60374" i="1"/>
  <c r="AE60375" i="1"/>
  <c r="AE60376" i="1"/>
  <c r="AE60377" i="1"/>
  <c r="AE60378" i="1"/>
  <c r="AE60379" i="1"/>
  <c r="AE60380" i="1"/>
  <c r="AE60381" i="1"/>
  <c r="AE60382" i="1"/>
  <c r="AE60383" i="1"/>
  <c r="AE60384" i="1"/>
  <c r="AE60385" i="1"/>
  <c r="AE60386" i="1"/>
  <c r="AE60387" i="1"/>
  <c r="AE60388" i="1"/>
  <c r="AE60389" i="1"/>
  <c r="AE60390" i="1"/>
  <c r="AE60391" i="1"/>
  <c r="AE60392" i="1"/>
  <c r="AE60393" i="1"/>
  <c r="AE60394" i="1"/>
  <c r="AE60395" i="1"/>
  <c r="AE60396" i="1"/>
  <c r="AE60397" i="1"/>
  <c r="AE60398" i="1"/>
  <c r="AE60399" i="1"/>
  <c r="AE60400" i="1"/>
  <c r="AE60401" i="1"/>
  <c r="AE60402" i="1"/>
  <c r="AE60403" i="1"/>
  <c r="AE60404" i="1"/>
  <c r="AE60405" i="1"/>
  <c r="AE60406" i="1"/>
  <c r="AE60407" i="1"/>
  <c r="AE60408" i="1"/>
  <c r="AE60409" i="1"/>
  <c r="AE60410" i="1"/>
  <c r="AE60411" i="1"/>
  <c r="AE60412" i="1"/>
  <c r="AE60413" i="1"/>
  <c r="AE60414" i="1"/>
  <c r="AE60415" i="1"/>
  <c r="AE60416" i="1"/>
  <c r="AE60417" i="1"/>
  <c r="AE60418" i="1"/>
  <c r="AE60419" i="1"/>
  <c r="AE60420" i="1"/>
  <c r="AE60421" i="1"/>
  <c r="AE60422" i="1"/>
  <c r="AE60423" i="1"/>
  <c r="AE60424" i="1"/>
  <c r="AE60425" i="1"/>
  <c r="AE60426" i="1"/>
  <c r="AE60427" i="1"/>
  <c r="AE60428" i="1"/>
  <c r="AE60429" i="1"/>
  <c r="AE60430" i="1"/>
  <c r="AE60431" i="1"/>
  <c r="AE60432" i="1"/>
  <c r="AE60433" i="1"/>
  <c r="AE60434" i="1"/>
  <c r="AE60435" i="1"/>
  <c r="AE60436" i="1"/>
  <c r="AE60437" i="1"/>
  <c r="AE60438" i="1"/>
  <c r="AE60439" i="1"/>
  <c r="AE60440" i="1"/>
  <c r="AE60441" i="1"/>
  <c r="AE60442" i="1"/>
  <c r="AE60443" i="1"/>
  <c r="AE60444" i="1"/>
  <c r="AE60445" i="1"/>
  <c r="AE60446" i="1"/>
  <c r="AE60447" i="1"/>
  <c r="AE60448" i="1"/>
  <c r="AE60449" i="1"/>
  <c r="AE60450" i="1"/>
  <c r="AE60451" i="1"/>
  <c r="AE60452" i="1"/>
  <c r="AE60453" i="1"/>
  <c r="AE60454" i="1"/>
  <c r="AE60455" i="1"/>
  <c r="AE60456" i="1"/>
  <c r="AE60457" i="1"/>
  <c r="AE60458" i="1"/>
  <c r="AE60459" i="1"/>
  <c r="AE60460" i="1"/>
  <c r="AE60461" i="1"/>
  <c r="AE60462" i="1"/>
  <c r="AE60463" i="1"/>
  <c r="AE60464" i="1"/>
  <c r="AE60465" i="1"/>
  <c r="AE60466" i="1"/>
  <c r="AE60467" i="1"/>
  <c r="AE60468" i="1"/>
  <c r="AE60469" i="1"/>
  <c r="AE60470" i="1"/>
  <c r="AE60471" i="1"/>
  <c r="AE60472" i="1"/>
  <c r="AE60473" i="1"/>
  <c r="AE60474" i="1"/>
  <c r="AE60475" i="1"/>
  <c r="AE60476" i="1"/>
  <c r="AE60477" i="1"/>
  <c r="AE60478" i="1"/>
  <c r="AE60479" i="1"/>
  <c r="AE60480" i="1"/>
  <c r="AE60481" i="1"/>
  <c r="AE60482" i="1"/>
  <c r="AE60483" i="1"/>
  <c r="AE60484" i="1"/>
  <c r="AE60485" i="1"/>
  <c r="AE60486" i="1"/>
  <c r="AE60487" i="1"/>
  <c r="AE60488" i="1"/>
  <c r="AE60489" i="1"/>
  <c r="AE60490" i="1"/>
  <c r="AE60491" i="1"/>
  <c r="AE60492" i="1"/>
  <c r="AE60493" i="1"/>
  <c r="AE60494" i="1"/>
  <c r="AE60495" i="1"/>
  <c r="AE60496" i="1"/>
  <c r="AE60497" i="1"/>
  <c r="AE60498" i="1"/>
  <c r="AE60499" i="1"/>
  <c r="AE60500" i="1"/>
  <c r="AE60501" i="1"/>
  <c r="AE60502" i="1"/>
  <c r="AE60503" i="1"/>
  <c r="AE60504" i="1"/>
  <c r="AE60505" i="1"/>
  <c r="AE60506" i="1"/>
  <c r="AE60507" i="1"/>
  <c r="AE60508" i="1"/>
  <c r="AE60509" i="1"/>
  <c r="AE60510" i="1"/>
  <c r="AE60511" i="1"/>
  <c r="AE60512" i="1"/>
  <c r="AE60513" i="1"/>
  <c r="AE60514" i="1"/>
  <c r="AE60515" i="1"/>
  <c r="AE60516" i="1"/>
  <c r="AE60517" i="1"/>
  <c r="AE60518" i="1"/>
  <c r="AE60519" i="1"/>
  <c r="AE60520" i="1"/>
  <c r="AE60521" i="1"/>
  <c r="AE60522" i="1"/>
  <c r="AE60523" i="1"/>
  <c r="AE60524" i="1"/>
  <c r="AE60525" i="1"/>
  <c r="AE60526" i="1"/>
  <c r="AE60527" i="1"/>
  <c r="AE60528" i="1"/>
  <c r="AE60529" i="1"/>
  <c r="AE60530" i="1"/>
  <c r="AE60531" i="1"/>
  <c r="AE60532" i="1"/>
  <c r="AE60533" i="1"/>
  <c r="AE60534" i="1"/>
  <c r="AE60535" i="1"/>
  <c r="AE60536" i="1"/>
  <c r="AE60537" i="1"/>
  <c r="AE60538" i="1"/>
  <c r="AE60539" i="1"/>
  <c r="AE60540" i="1"/>
  <c r="AE60541" i="1"/>
  <c r="AE60542" i="1"/>
  <c r="AE60543" i="1"/>
  <c r="AE60544" i="1"/>
  <c r="AE60545" i="1"/>
  <c r="AE60546" i="1"/>
  <c r="AE60547" i="1"/>
  <c r="AE60548" i="1"/>
  <c r="AE60549" i="1"/>
  <c r="AE60550" i="1"/>
  <c r="AE60551" i="1"/>
  <c r="AE60552" i="1"/>
  <c r="AE60553" i="1"/>
  <c r="AE60554" i="1"/>
  <c r="AE60555" i="1"/>
  <c r="AE60556" i="1"/>
  <c r="AE60557" i="1"/>
  <c r="AE60558" i="1"/>
  <c r="AE60559" i="1"/>
  <c r="AE60560" i="1"/>
  <c r="AE60561" i="1"/>
  <c r="AE60562" i="1"/>
  <c r="AE60563" i="1"/>
  <c r="AE60564" i="1"/>
  <c r="AE60565" i="1"/>
  <c r="AE60566" i="1"/>
  <c r="AE60567" i="1"/>
  <c r="AE60568" i="1"/>
  <c r="AE60569" i="1"/>
  <c r="AE60570" i="1"/>
  <c r="AE60571" i="1"/>
  <c r="AE60572" i="1"/>
  <c r="AE60573" i="1"/>
  <c r="AE60574" i="1"/>
  <c r="AE60575" i="1"/>
  <c r="AE60576" i="1"/>
  <c r="AE60577" i="1"/>
  <c r="AE60578" i="1"/>
  <c r="AE60579" i="1"/>
  <c r="AE60580" i="1"/>
  <c r="AE60581" i="1"/>
  <c r="AE60582" i="1"/>
  <c r="AE60583" i="1"/>
  <c r="AE60584" i="1"/>
  <c r="AE60585" i="1"/>
  <c r="AE60586" i="1"/>
  <c r="AE60587" i="1"/>
  <c r="AE60588" i="1"/>
  <c r="AE60589" i="1"/>
  <c r="AE60590" i="1"/>
  <c r="AE60591" i="1"/>
  <c r="AE60592" i="1"/>
  <c r="AE60593" i="1"/>
  <c r="AE60594" i="1"/>
  <c r="AE60595" i="1"/>
  <c r="AE60596" i="1"/>
  <c r="AE60597" i="1"/>
  <c r="AE60598" i="1"/>
  <c r="AE60599" i="1"/>
  <c r="AE60600" i="1"/>
  <c r="AE60601" i="1"/>
  <c r="AE60602" i="1"/>
  <c r="AE60603" i="1"/>
  <c r="AE60604" i="1"/>
  <c r="AE60605" i="1"/>
  <c r="AE60606" i="1"/>
  <c r="AE60607" i="1"/>
  <c r="AE60608" i="1"/>
  <c r="AE60609" i="1"/>
  <c r="AE60610" i="1"/>
  <c r="AE60611" i="1"/>
  <c r="AE60612" i="1"/>
  <c r="AE60613" i="1"/>
  <c r="AE60614" i="1"/>
  <c r="AE60615" i="1"/>
  <c r="AE60616" i="1"/>
  <c r="AE60617" i="1"/>
  <c r="AE60618" i="1"/>
  <c r="AE60619" i="1"/>
  <c r="AE60620" i="1"/>
  <c r="AE60621" i="1"/>
  <c r="AE60622" i="1"/>
  <c r="AE60623" i="1"/>
  <c r="AE60624" i="1"/>
  <c r="AE60625" i="1"/>
  <c r="AE60626" i="1"/>
  <c r="AE60627" i="1"/>
  <c r="AE60628" i="1"/>
  <c r="AE60629" i="1"/>
  <c r="AE60630" i="1"/>
  <c r="AE60631" i="1"/>
  <c r="AE60632" i="1"/>
  <c r="AE60633" i="1"/>
  <c r="AE60634" i="1"/>
  <c r="AE60635" i="1"/>
  <c r="AE60636" i="1"/>
  <c r="AE60637" i="1"/>
  <c r="AE60638" i="1"/>
  <c r="AE60639" i="1"/>
  <c r="AE60640" i="1"/>
  <c r="AE60641" i="1"/>
  <c r="AE60642" i="1"/>
  <c r="AE60643" i="1"/>
  <c r="AE60644" i="1"/>
  <c r="AE60645" i="1"/>
  <c r="AE60646" i="1"/>
  <c r="AE60647" i="1"/>
  <c r="AE60648" i="1"/>
  <c r="AE60649" i="1"/>
  <c r="AE60650" i="1"/>
  <c r="AE60651" i="1"/>
  <c r="AE60652" i="1"/>
  <c r="AE60653" i="1"/>
  <c r="AE60654" i="1"/>
  <c r="AE60655" i="1"/>
  <c r="AE60656" i="1"/>
  <c r="AE60657" i="1"/>
  <c r="AE60658" i="1"/>
  <c r="AE60659" i="1"/>
  <c r="AE60660" i="1"/>
  <c r="AE60661" i="1"/>
  <c r="AE60662" i="1"/>
  <c r="AE60663" i="1"/>
  <c r="AE60664" i="1"/>
  <c r="AE60665" i="1"/>
  <c r="AE60666" i="1"/>
  <c r="AE60667" i="1"/>
  <c r="AE60668" i="1"/>
  <c r="AE60669" i="1"/>
  <c r="AE60670" i="1"/>
  <c r="AE60671" i="1"/>
  <c r="AE60672" i="1"/>
  <c r="AE60673" i="1"/>
  <c r="AE60674" i="1"/>
  <c r="AE60675" i="1"/>
  <c r="AE60676" i="1"/>
  <c r="AE60677" i="1"/>
  <c r="AE60678" i="1"/>
  <c r="AE60679" i="1"/>
  <c r="AE60680" i="1"/>
  <c r="AE60681" i="1"/>
  <c r="AE60682" i="1"/>
  <c r="AE60683" i="1"/>
  <c r="AE60684" i="1"/>
  <c r="AE60685" i="1"/>
  <c r="AE60686" i="1"/>
  <c r="AE60687" i="1"/>
  <c r="AE60688" i="1"/>
  <c r="AE60689" i="1"/>
  <c r="AE60690" i="1"/>
  <c r="AE60691" i="1"/>
  <c r="AE60692" i="1"/>
  <c r="AE60693" i="1"/>
  <c r="AE60694" i="1"/>
  <c r="AE60695" i="1"/>
  <c r="AE60696" i="1"/>
  <c r="AE60697" i="1"/>
  <c r="AE60698" i="1"/>
  <c r="AE60699" i="1"/>
  <c r="AE60700" i="1"/>
  <c r="AE60701" i="1"/>
  <c r="AE60702" i="1"/>
  <c r="AE60703" i="1"/>
  <c r="AE60704" i="1"/>
  <c r="AE60705" i="1"/>
  <c r="AE60706" i="1"/>
  <c r="AE60707" i="1"/>
  <c r="AE60708" i="1"/>
  <c r="AE60709" i="1"/>
  <c r="AE60710" i="1"/>
  <c r="AE60711" i="1"/>
  <c r="AE60712" i="1"/>
  <c r="AE60713" i="1"/>
  <c r="AE60714" i="1"/>
  <c r="AE60715" i="1"/>
  <c r="AE60716" i="1"/>
  <c r="AE60717" i="1"/>
  <c r="AE60718" i="1"/>
  <c r="AE60719" i="1"/>
  <c r="AE60720" i="1"/>
  <c r="AE60721" i="1"/>
  <c r="AE60722" i="1"/>
  <c r="AE60723" i="1"/>
  <c r="AE60724" i="1"/>
  <c r="AE60725" i="1"/>
  <c r="AE60726" i="1"/>
  <c r="AE60727" i="1"/>
  <c r="AE60728" i="1"/>
  <c r="AE60729" i="1"/>
  <c r="AE60730" i="1"/>
  <c r="AE60731" i="1"/>
  <c r="AE60732" i="1"/>
  <c r="AE60733" i="1"/>
  <c r="AE60734" i="1"/>
  <c r="AE60735" i="1"/>
  <c r="AE60736" i="1"/>
  <c r="AE60737" i="1"/>
  <c r="AE60738" i="1"/>
  <c r="AE60739" i="1"/>
  <c r="AE60740" i="1"/>
  <c r="AE60741" i="1"/>
  <c r="AE60742" i="1"/>
  <c r="AE60743" i="1"/>
  <c r="AE60744" i="1"/>
  <c r="AE60745" i="1"/>
  <c r="AE60746" i="1"/>
  <c r="AE60747" i="1"/>
  <c r="AE60748" i="1"/>
  <c r="AE60749" i="1"/>
  <c r="AE60750" i="1"/>
  <c r="AE60751" i="1"/>
  <c r="AE60752" i="1"/>
  <c r="AE60753" i="1"/>
  <c r="AE60754" i="1"/>
  <c r="AE60755" i="1"/>
  <c r="AE60756" i="1"/>
  <c r="AE60757" i="1"/>
  <c r="AE60758" i="1"/>
  <c r="AE60759" i="1"/>
  <c r="AE60760" i="1"/>
  <c r="AE60761" i="1"/>
  <c r="AE60762" i="1"/>
  <c r="AE60763" i="1"/>
  <c r="AE60764" i="1"/>
  <c r="AE60765" i="1"/>
  <c r="AE60766" i="1"/>
  <c r="AE60767" i="1"/>
  <c r="AE60768" i="1"/>
  <c r="AE60769" i="1"/>
  <c r="AE60770" i="1"/>
  <c r="AE60771" i="1"/>
  <c r="AE60772" i="1"/>
  <c r="AE60773" i="1"/>
  <c r="AE60774" i="1"/>
  <c r="AE60775" i="1"/>
  <c r="AE60776" i="1"/>
  <c r="AE60777" i="1"/>
  <c r="AE60778" i="1"/>
  <c r="AE60779" i="1"/>
  <c r="AE60780" i="1"/>
  <c r="AE60781" i="1"/>
  <c r="AE60782" i="1"/>
  <c r="AE60783" i="1"/>
  <c r="AE60784" i="1"/>
  <c r="AE60785" i="1"/>
  <c r="AE60786" i="1"/>
  <c r="AE60787" i="1"/>
  <c r="AE60788" i="1"/>
  <c r="AE60789" i="1"/>
  <c r="AE60790" i="1"/>
  <c r="AE60791" i="1"/>
  <c r="AE60792" i="1"/>
  <c r="AE60793" i="1"/>
  <c r="AE60794" i="1"/>
  <c r="AE60795" i="1"/>
  <c r="AE60796" i="1"/>
  <c r="AE60797" i="1"/>
  <c r="AE60798" i="1"/>
  <c r="AE60799" i="1"/>
  <c r="AE60800" i="1"/>
  <c r="AE60801" i="1"/>
  <c r="AE60802" i="1"/>
  <c r="AE60803" i="1"/>
  <c r="AE60804" i="1"/>
  <c r="AE60805" i="1"/>
  <c r="AE60806" i="1"/>
  <c r="AE60807" i="1"/>
  <c r="AE60808" i="1"/>
  <c r="AE60809" i="1"/>
  <c r="AE60810" i="1"/>
  <c r="AE60811" i="1"/>
  <c r="AE60812" i="1"/>
  <c r="AE60813" i="1"/>
  <c r="AE60814" i="1"/>
  <c r="AE60815" i="1"/>
  <c r="AE60816" i="1"/>
  <c r="AE60817" i="1"/>
  <c r="AE60818" i="1"/>
  <c r="AE60819" i="1"/>
  <c r="AE60820" i="1"/>
  <c r="AE60821" i="1"/>
  <c r="AE60822" i="1"/>
  <c r="AE60823" i="1"/>
  <c r="AE60824" i="1"/>
  <c r="AE60825" i="1"/>
  <c r="AE60826" i="1"/>
  <c r="AE60827" i="1"/>
  <c r="AE60828" i="1"/>
  <c r="AE60829" i="1"/>
  <c r="AE60830" i="1"/>
  <c r="AE60831" i="1"/>
  <c r="AE60832" i="1"/>
  <c r="AE60833" i="1"/>
  <c r="AE60834" i="1"/>
  <c r="AE60835" i="1"/>
  <c r="AE60836" i="1"/>
  <c r="AE60837" i="1"/>
  <c r="AE60838" i="1"/>
  <c r="AE60839" i="1"/>
  <c r="AE60840" i="1"/>
  <c r="AE60841" i="1"/>
  <c r="AE60842" i="1"/>
  <c r="AE60843" i="1"/>
  <c r="AE60844" i="1"/>
  <c r="AE60845" i="1"/>
  <c r="AE60846" i="1"/>
  <c r="AE60847" i="1"/>
  <c r="AE60848" i="1"/>
  <c r="AE60849" i="1"/>
  <c r="AE60850" i="1"/>
  <c r="AE60851" i="1"/>
  <c r="AE60852" i="1"/>
  <c r="AE60853" i="1"/>
  <c r="AE60854" i="1"/>
  <c r="AE60855" i="1"/>
  <c r="AE60856" i="1"/>
  <c r="AE60857" i="1"/>
  <c r="AE60858" i="1"/>
  <c r="AE60859" i="1"/>
  <c r="AE60860" i="1"/>
  <c r="AE60861" i="1"/>
  <c r="AE60862" i="1"/>
  <c r="AE60863" i="1"/>
  <c r="AE60864" i="1"/>
  <c r="AE60865" i="1"/>
  <c r="AE60866" i="1"/>
  <c r="AE60867" i="1"/>
  <c r="AE60868" i="1"/>
  <c r="AE60869" i="1"/>
  <c r="AE60870" i="1"/>
  <c r="AE60871" i="1"/>
  <c r="AE60872" i="1"/>
  <c r="AE60873" i="1"/>
  <c r="AE60874" i="1"/>
  <c r="AE60875" i="1"/>
  <c r="AE60876" i="1"/>
  <c r="AE60877" i="1"/>
  <c r="AE60878" i="1"/>
  <c r="AE60879" i="1"/>
  <c r="AE60880" i="1"/>
  <c r="AE60881" i="1"/>
  <c r="AE60882" i="1"/>
  <c r="AE60883" i="1"/>
  <c r="AE60884" i="1"/>
  <c r="AE60885" i="1"/>
  <c r="AE60886" i="1"/>
  <c r="AE60887" i="1"/>
  <c r="AE60888" i="1"/>
  <c r="AE60889" i="1"/>
  <c r="AE60890" i="1"/>
  <c r="AE60891" i="1"/>
  <c r="AE60892" i="1"/>
  <c r="AE60893" i="1"/>
  <c r="AE60894" i="1"/>
  <c r="AE60895" i="1"/>
  <c r="AE60896" i="1"/>
  <c r="AE60897" i="1"/>
  <c r="AE60898" i="1"/>
  <c r="AE60899" i="1"/>
  <c r="AE60900" i="1"/>
  <c r="AE60901" i="1"/>
  <c r="AE60902" i="1"/>
  <c r="AE60903" i="1"/>
  <c r="AE60904" i="1"/>
  <c r="AE60905" i="1"/>
  <c r="AE60906" i="1"/>
  <c r="AE60907" i="1"/>
  <c r="AE60908" i="1"/>
  <c r="AE60909" i="1"/>
  <c r="AE60910" i="1"/>
  <c r="AE60911" i="1"/>
  <c r="AE60912" i="1"/>
  <c r="AE60913" i="1"/>
  <c r="AE60914" i="1"/>
  <c r="AE60915" i="1"/>
  <c r="AE60916" i="1"/>
  <c r="AE60917" i="1"/>
  <c r="AE60918" i="1"/>
  <c r="AE60919" i="1"/>
  <c r="AE60920" i="1"/>
  <c r="AE60921" i="1"/>
  <c r="AE60922" i="1"/>
  <c r="AE60923" i="1"/>
  <c r="AE60924" i="1"/>
  <c r="AE60925" i="1"/>
  <c r="AE60926" i="1"/>
  <c r="AE60927" i="1"/>
  <c r="AE60928" i="1"/>
  <c r="AE60929" i="1"/>
  <c r="AE60930" i="1"/>
  <c r="AE60931" i="1"/>
  <c r="AE60932" i="1"/>
  <c r="AE60933" i="1"/>
  <c r="AE60934" i="1"/>
  <c r="AE60935" i="1"/>
  <c r="AE60936" i="1"/>
  <c r="AE60937" i="1"/>
  <c r="AE60938" i="1"/>
  <c r="AE60939" i="1"/>
  <c r="AE60940" i="1"/>
  <c r="AE60941" i="1"/>
  <c r="AE60942" i="1"/>
  <c r="AE60943" i="1"/>
  <c r="AE60944" i="1"/>
  <c r="AE60945" i="1"/>
  <c r="AE60946" i="1"/>
  <c r="AE60947" i="1"/>
  <c r="AE60948" i="1"/>
  <c r="AE60949" i="1"/>
  <c r="AE60950" i="1"/>
  <c r="AE60951" i="1"/>
  <c r="AE60952" i="1"/>
  <c r="AE60953" i="1"/>
  <c r="AE60954" i="1"/>
  <c r="AE60955" i="1"/>
  <c r="AE60956" i="1"/>
  <c r="AE60957" i="1"/>
  <c r="AE60958" i="1"/>
  <c r="AE60959" i="1"/>
  <c r="AE60960" i="1"/>
  <c r="AE60961" i="1"/>
  <c r="AE60962" i="1"/>
  <c r="AE60963" i="1"/>
  <c r="AE60964" i="1"/>
  <c r="AE60965" i="1"/>
  <c r="AE60966" i="1"/>
  <c r="AE60967" i="1"/>
  <c r="AE60968" i="1"/>
  <c r="AE60969" i="1"/>
  <c r="AE60970" i="1"/>
  <c r="AE60971" i="1"/>
  <c r="AE60972" i="1"/>
  <c r="AE60973" i="1"/>
  <c r="AE60974" i="1"/>
  <c r="AE60975" i="1"/>
  <c r="AE60976" i="1"/>
  <c r="AE60977" i="1"/>
  <c r="AE60978" i="1"/>
  <c r="AE60979" i="1"/>
  <c r="AE60980" i="1"/>
  <c r="AE60981" i="1"/>
  <c r="AE60982" i="1"/>
  <c r="AE60983" i="1"/>
  <c r="AE60984" i="1"/>
  <c r="AE60985" i="1"/>
  <c r="AE60986" i="1"/>
  <c r="AE60987" i="1"/>
  <c r="AE60988" i="1"/>
  <c r="AE60989" i="1"/>
  <c r="AE60990" i="1"/>
  <c r="AE60991" i="1"/>
  <c r="AE60992" i="1"/>
  <c r="AE60993" i="1"/>
  <c r="AE60994" i="1"/>
  <c r="AE60995" i="1"/>
  <c r="AE60996" i="1"/>
  <c r="AE60997" i="1"/>
  <c r="AE60998" i="1"/>
  <c r="AE60999" i="1"/>
  <c r="AE61000" i="1"/>
  <c r="AE61001" i="1"/>
  <c r="AE61002" i="1"/>
  <c r="AE61003" i="1"/>
  <c r="AE61004" i="1"/>
  <c r="AE61005" i="1"/>
  <c r="AE61006" i="1"/>
  <c r="AE61007" i="1"/>
  <c r="AE61008" i="1"/>
  <c r="AE61009" i="1"/>
  <c r="AE61010" i="1"/>
  <c r="AE61011" i="1"/>
  <c r="AE61012" i="1"/>
  <c r="AE61013" i="1"/>
  <c r="AE61014" i="1"/>
  <c r="AE61015" i="1"/>
  <c r="AE61016" i="1"/>
  <c r="AE61017" i="1"/>
  <c r="AE61018" i="1"/>
  <c r="AE61019" i="1"/>
  <c r="AE61020" i="1"/>
  <c r="AE61021" i="1"/>
  <c r="AE61022" i="1"/>
  <c r="AE61023" i="1"/>
  <c r="AE61024" i="1"/>
  <c r="AE61025" i="1"/>
  <c r="AE61026" i="1"/>
  <c r="AE61027" i="1"/>
  <c r="AE61028" i="1"/>
  <c r="AE61029" i="1"/>
  <c r="AE61030" i="1"/>
  <c r="AE61031" i="1"/>
  <c r="AE61032" i="1"/>
  <c r="AE61033" i="1"/>
  <c r="AE61034" i="1"/>
  <c r="AE61035" i="1"/>
  <c r="AE61036" i="1"/>
  <c r="AE61037" i="1"/>
  <c r="AE61038" i="1"/>
  <c r="AE61039" i="1"/>
  <c r="AE61040" i="1"/>
  <c r="AE61041" i="1"/>
  <c r="AE61042" i="1"/>
  <c r="AE61043" i="1"/>
  <c r="AE61044" i="1"/>
  <c r="AE61045" i="1"/>
  <c r="AE61046" i="1"/>
  <c r="AE61047" i="1"/>
  <c r="AE61048" i="1"/>
  <c r="AE61049" i="1"/>
  <c r="AE61050" i="1"/>
  <c r="AE61051" i="1"/>
  <c r="AE61052" i="1"/>
  <c r="AE61053" i="1"/>
  <c r="AE61054" i="1"/>
  <c r="AE61055" i="1"/>
  <c r="AE61056" i="1"/>
  <c r="AE61057" i="1"/>
  <c r="AE61058" i="1"/>
  <c r="AE61059" i="1"/>
  <c r="AE61060" i="1"/>
  <c r="AE61061" i="1"/>
  <c r="AE61062" i="1"/>
  <c r="AE61063" i="1"/>
  <c r="AE61064" i="1"/>
  <c r="AE61065" i="1"/>
  <c r="AE61066" i="1"/>
  <c r="AE61067" i="1"/>
  <c r="AE61068" i="1"/>
  <c r="AE61069" i="1"/>
  <c r="AE61070" i="1"/>
  <c r="AE61071" i="1"/>
  <c r="AE61072" i="1"/>
  <c r="AE61073" i="1"/>
  <c r="AE61074" i="1"/>
  <c r="AE61075" i="1"/>
  <c r="AE61076" i="1"/>
  <c r="AE61077" i="1"/>
  <c r="AE61078" i="1"/>
  <c r="AE61079" i="1"/>
  <c r="AE61080" i="1"/>
  <c r="AE61081" i="1"/>
  <c r="AE61082" i="1"/>
  <c r="AE61083" i="1"/>
  <c r="AE61084" i="1"/>
  <c r="AE61085" i="1"/>
  <c r="AE61086" i="1"/>
  <c r="AE61087" i="1"/>
  <c r="AE61088" i="1"/>
  <c r="AE61089" i="1"/>
  <c r="AE61090" i="1"/>
  <c r="AE61091" i="1"/>
  <c r="AE61092" i="1"/>
  <c r="AE61093" i="1"/>
  <c r="AE61094" i="1"/>
  <c r="AE61095" i="1"/>
  <c r="AE61096" i="1"/>
  <c r="AE61097" i="1"/>
  <c r="AE61098" i="1"/>
  <c r="AE61099" i="1"/>
  <c r="AE61100" i="1"/>
  <c r="AE61101" i="1"/>
  <c r="AE61102" i="1"/>
  <c r="AE61103" i="1"/>
  <c r="AE61104" i="1"/>
  <c r="AE61105" i="1"/>
  <c r="AE61106" i="1"/>
  <c r="AE61107" i="1"/>
  <c r="AE61108" i="1"/>
  <c r="AE61109" i="1"/>
  <c r="AE61110" i="1"/>
  <c r="AE61111" i="1"/>
  <c r="AE61112" i="1"/>
  <c r="AE61113" i="1"/>
  <c r="AE61114" i="1"/>
  <c r="AE61115" i="1"/>
  <c r="AE61116" i="1"/>
  <c r="AE61117" i="1"/>
  <c r="AE61118" i="1"/>
  <c r="AE61119" i="1"/>
  <c r="AE61120" i="1"/>
  <c r="AE61121" i="1"/>
  <c r="AE61122" i="1"/>
  <c r="AE61123" i="1"/>
  <c r="AE61124" i="1"/>
  <c r="AE61125" i="1"/>
  <c r="AE61126" i="1"/>
  <c r="AE61127" i="1"/>
  <c r="AE61128" i="1"/>
  <c r="AE61129" i="1"/>
  <c r="AE61130" i="1"/>
  <c r="AE61131" i="1"/>
  <c r="AE61132" i="1"/>
  <c r="AE61133" i="1"/>
  <c r="AE61134" i="1"/>
  <c r="AE61135" i="1"/>
  <c r="AE61136" i="1"/>
  <c r="AE61137" i="1"/>
  <c r="AE61138" i="1"/>
  <c r="AE61139" i="1"/>
  <c r="AE61140" i="1"/>
  <c r="AE61141" i="1"/>
  <c r="AE61142" i="1"/>
  <c r="AE61143" i="1"/>
  <c r="AE61144" i="1"/>
  <c r="AE61145" i="1"/>
  <c r="AE61146" i="1"/>
  <c r="AE61147" i="1"/>
  <c r="AE61148" i="1"/>
  <c r="AE61149" i="1"/>
  <c r="AE61150" i="1"/>
  <c r="AE61151" i="1"/>
  <c r="AE61152" i="1"/>
  <c r="AE61153" i="1"/>
  <c r="AE61154" i="1"/>
  <c r="AE61155" i="1"/>
  <c r="AE61156" i="1"/>
  <c r="AE61157" i="1"/>
  <c r="AE61158" i="1"/>
  <c r="AE61159" i="1"/>
  <c r="AE61160" i="1"/>
  <c r="AE61161" i="1"/>
  <c r="AE61162" i="1"/>
  <c r="AE61163" i="1"/>
  <c r="AE61164" i="1"/>
  <c r="AE61165" i="1"/>
  <c r="AE61166" i="1"/>
  <c r="AE61167" i="1"/>
  <c r="AE61168" i="1"/>
  <c r="AE61169" i="1"/>
  <c r="AE61170" i="1"/>
  <c r="AE61171" i="1"/>
  <c r="AE61172" i="1"/>
  <c r="AE61173" i="1"/>
  <c r="AE61174" i="1"/>
  <c r="AE61175" i="1"/>
  <c r="AE61176" i="1"/>
  <c r="AE61177" i="1"/>
  <c r="AE61178" i="1"/>
  <c r="AE61179" i="1"/>
  <c r="AE61180" i="1"/>
  <c r="AE61181" i="1"/>
  <c r="AE61182" i="1"/>
  <c r="AE61183" i="1"/>
  <c r="AE61184" i="1"/>
  <c r="AE61185" i="1"/>
  <c r="AE61186" i="1"/>
  <c r="AE61187" i="1"/>
  <c r="AE61188" i="1"/>
  <c r="AE61189" i="1"/>
  <c r="AE61190" i="1"/>
  <c r="AE61191" i="1"/>
  <c r="AE61192" i="1"/>
  <c r="AE61193" i="1"/>
  <c r="AE61194" i="1"/>
  <c r="AE61195" i="1"/>
  <c r="AE61196" i="1"/>
  <c r="AE61197" i="1"/>
  <c r="AE61198" i="1"/>
  <c r="AE61199" i="1"/>
  <c r="AE61200" i="1"/>
  <c r="AE61201" i="1"/>
  <c r="AE61202" i="1"/>
  <c r="AE61203" i="1"/>
  <c r="AE61204" i="1"/>
  <c r="AE61205" i="1"/>
  <c r="AE61206" i="1"/>
  <c r="AE61207" i="1"/>
  <c r="AE61208" i="1"/>
  <c r="AE61209" i="1"/>
  <c r="AE61210" i="1"/>
  <c r="AE61211" i="1"/>
  <c r="AE61212" i="1"/>
  <c r="AE61213" i="1"/>
  <c r="AE61214" i="1"/>
  <c r="AE61215" i="1"/>
  <c r="AE61216" i="1"/>
  <c r="AE61217" i="1"/>
  <c r="AE61218" i="1"/>
  <c r="AE61219" i="1"/>
  <c r="AE61220" i="1"/>
  <c r="AE61221" i="1"/>
  <c r="AE61222" i="1"/>
  <c r="AE61223" i="1"/>
  <c r="AE61224" i="1"/>
  <c r="AE61225" i="1"/>
  <c r="AE61226" i="1"/>
  <c r="AE61227" i="1"/>
  <c r="AE61228" i="1"/>
  <c r="AE61229" i="1"/>
  <c r="AE61230" i="1"/>
  <c r="AE61231" i="1"/>
  <c r="AE61232" i="1"/>
  <c r="AE61233" i="1"/>
  <c r="AE61234" i="1"/>
  <c r="AE61235" i="1"/>
  <c r="AE61236" i="1"/>
  <c r="AE61237" i="1"/>
  <c r="AE61238" i="1"/>
  <c r="AE61239" i="1"/>
  <c r="AE61240" i="1"/>
  <c r="AE61241" i="1"/>
  <c r="AE61242" i="1"/>
  <c r="AE61243" i="1"/>
  <c r="AE61244" i="1"/>
  <c r="AE61245" i="1"/>
  <c r="AE61246" i="1"/>
  <c r="AE61247" i="1"/>
  <c r="AE61248" i="1"/>
  <c r="AE61249" i="1"/>
  <c r="AE61250" i="1"/>
  <c r="AE61251" i="1"/>
  <c r="AE61252" i="1"/>
  <c r="AE61253" i="1"/>
  <c r="AE61254" i="1"/>
  <c r="AE61255" i="1"/>
  <c r="AE61256" i="1"/>
  <c r="AE61257" i="1"/>
  <c r="AE61258" i="1"/>
  <c r="AE61259" i="1"/>
  <c r="AE61260" i="1"/>
  <c r="AE61261" i="1"/>
  <c r="AE61262" i="1"/>
  <c r="AE61263" i="1"/>
  <c r="AE61264" i="1"/>
  <c r="AE61265" i="1"/>
  <c r="AE61266" i="1"/>
  <c r="AE61267" i="1"/>
  <c r="AE61268" i="1"/>
  <c r="AE61269" i="1"/>
  <c r="AE61270" i="1"/>
  <c r="AE61271" i="1"/>
  <c r="AE61272" i="1"/>
  <c r="AE61273" i="1"/>
  <c r="AE61274" i="1"/>
  <c r="AE61275" i="1"/>
  <c r="AE61276" i="1"/>
  <c r="AE61277" i="1"/>
  <c r="AE61278" i="1"/>
  <c r="AE61279" i="1"/>
  <c r="AE61280" i="1"/>
  <c r="AE61281" i="1"/>
  <c r="AE61282" i="1"/>
  <c r="AE61283" i="1"/>
  <c r="AE61284" i="1"/>
  <c r="AE61285" i="1"/>
  <c r="AE61286" i="1"/>
  <c r="AE61287" i="1"/>
  <c r="AE61288" i="1"/>
  <c r="AE61289" i="1"/>
  <c r="AE61290" i="1"/>
  <c r="AE61291" i="1"/>
  <c r="AE61292" i="1"/>
  <c r="AE61293" i="1"/>
  <c r="AE61294" i="1"/>
  <c r="AE61295" i="1"/>
  <c r="AE61296" i="1"/>
  <c r="AE61297" i="1"/>
  <c r="AE61298" i="1"/>
  <c r="AE61299" i="1"/>
  <c r="AE61300" i="1"/>
  <c r="AE61301" i="1"/>
  <c r="AE61302" i="1"/>
  <c r="AE61303" i="1"/>
  <c r="AE61304" i="1"/>
  <c r="AE61305" i="1"/>
  <c r="AE61306" i="1"/>
  <c r="AE61307" i="1"/>
  <c r="AE61308" i="1"/>
  <c r="AE61309" i="1"/>
  <c r="AE61310" i="1"/>
  <c r="AE61311" i="1"/>
  <c r="AE61312" i="1"/>
  <c r="AE61313" i="1"/>
  <c r="AE61314" i="1"/>
  <c r="AE61315" i="1"/>
  <c r="AE61316" i="1"/>
  <c r="AE61317" i="1"/>
  <c r="AE61318" i="1"/>
  <c r="AE61319" i="1"/>
  <c r="AE61320" i="1"/>
  <c r="AE61321" i="1"/>
  <c r="AE61322" i="1"/>
  <c r="AE61323" i="1"/>
  <c r="AE61324" i="1"/>
  <c r="AE61325" i="1"/>
  <c r="AE61326" i="1"/>
  <c r="AE61327" i="1"/>
  <c r="AE61328" i="1"/>
  <c r="AE61329" i="1"/>
  <c r="AE61330" i="1"/>
  <c r="AE61331" i="1"/>
  <c r="AE61332" i="1"/>
  <c r="AE61333" i="1"/>
  <c r="AE61334" i="1"/>
  <c r="AE61335" i="1"/>
  <c r="AE61336" i="1"/>
  <c r="AE61337" i="1"/>
  <c r="AE61338" i="1"/>
  <c r="AE61339" i="1"/>
  <c r="AE61340" i="1"/>
  <c r="AE61341" i="1"/>
  <c r="AE61342" i="1"/>
  <c r="AE61343" i="1"/>
  <c r="AE61344" i="1"/>
  <c r="AE61345" i="1"/>
  <c r="AE61346" i="1"/>
  <c r="AE61347" i="1"/>
  <c r="AE61348" i="1"/>
  <c r="AE61349" i="1"/>
  <c r="AE61350" i="1"/>
  <c r="AE61351" i="1"/>
  <c r="AE61352" i="1"/>
  <c r="AE61353" i="1"/>
  <c r="AE61354" i="1"/>
  <c r="AE61355" i="1"/>
  <c r="AE61356" i="1"/>
  <c r="AE61357" i="1"/>
  <c r="AE61358" i="1"/>
  <c r="AE61359" i="1"/>
  <c r="AE61360" i="1"/>
  <c r="AE61361" i="1"/>
  <c r="AE61362" i="1"/>
  <c r="AE61363" i="1"/>
  <c r="AE61364" i="1"/>
  <c r="AE61365" i="1"/>
  <c r="AE61366" i="1"/>
  <c r="AE61367" i="1"/>
  <c r="AE61368" i="1"/>
  <c r="AE61369" i="1"/>
  <c r="AE61370" i="1"/>
  <c r="AE61371" i="1"/>
  <c r="AE61372" i="1"/>
  <c r="AE61373" i="1"/>
  <c r="AE61374" i="1"/>
  <c r="AE61375" i="1"/>
  <c r="AE61376" i="1"/>
  <c r="AE61377" i="1"/>
  <c r="AE61378" i="1"/>
  <c r="AE61379" i="1"/>
  <c r="AE61380" i="1"/>
  <c r="AE61381" i="1"/>
  <c r="AE61382" i="1"/>
  <c r="AE61383" i="1"/>
  <c r="AE61384" i="1"/>
  <c r="AE61385" i="1"/>
  <c r="AE61386" i="1"/>
  <c r="AE61387" i="1"/>
  <c r="AE61388" i="1"/>
  <c r="AE61389" i="1"/>
  <c r="AE61390" i="1"/>
  <c r="AE61391" i="1"/>
  <c r="AE61392" i="1"/>
  <c r="AE61393" i="1"/>
  <c r="AE61394" i="1"/>
  <c r="AE61395" i="1"/>
  <c r="AE61396" i="1"/>
  <c r="AE61397" i="1"/>
  <c r="AE61398" i="1"/>
  <c r="AE61399" i="1"/>
  <c r="AE61400" i="1"/>
  <c r="AE61401" i="1"/>
  <c r="AE61402" i="1"/>
  <c r="AE61403" i="1"/>
  <c r="AE61404" i="1"/>
  <c r="AE61405" i="1"/>
  <c r="AE61406" i="1"/>
  <c r="AE61407" i="1"/>
  <c r="AE61408" i="1"/>
  <c r="AE61409" i="1"/>
  <c r="AE61410" i="1"/>
  <c r="AE61411" i="1"/>
  <c r="AE61412" i="1"/>
  <c r="AE61413" i="1"/>
  <c r="AE61414" i="1"/>
  <c r="AE61415" i="1"/>
  <c r="AE61416" i="1"/>
  <c r="AE61417" i="1"/>
  <c r="AE61418" i="1"/>
  <c r="AE61419" i="1"/>
  <c r="AE61420" i="1"/>
  <c r="AE61421" i="1"/>
  <c r="AE61422" i="1"/>
  <c r="AE61423" i="1"/>
  <c r="AE61424" i="1"/>
  <c r="AE61425" i="1"/>
  <c r="AE61426" i="1"/>
  <c r="AE61427" i="1"/>
  <c r="AE61428" i="1"/>
  <c r="AE61429" i="1"/>
  <c r="AE61430" i="1"/>
  <c r="AE61431" i="1"/>
  <c r="AE61432" i="1"/>
  <c r="AE61433" i="1"/>
  <c r="AE61434" i="1"/>
  <c r="AE61435" i="1"/>
  <c r="AE61436" i="1"/>
  <c r="AE61437" i="1"/>
  <c r="AE61438" i="1"/>
  <c r="AE61439" i="1"/>
  <c r="AE61440" i="1"/>
  <c r="AE61441" i="1"/>
  <c r="AE61442" i="1"/>
  <c r="AE61443" i="1"/>
  <c r="AE61444" i="1"/>
  <c r="AE61445" i="1"/>
  <c r="AE61446" i="1"/>
  <c r="AE61447" i="1"/>
  <c r="AE61448" i="1"/>
  <c r="AE61449" i="1"/>
  <c r="AE61450" i="1"/>
  <c r="AE61451" i="1"/>
  <c r="AE61452" i="1"/>
  <c r="AE61453" i="1"/>
  <c r="AE61454" i="1"/>
  <c r="AE61455" i="1"/>
  <c r="AE61456" i="1"/>
  <c r="AE61457" i="1"/>
  <c r="AE61458" i="1"/>
  <c r="AE61459" i="1"/>
  <c r="AE61460" i="1"/>
  <c r="AE61461" i="1"/>
  <c r="AE61462" i="1"/>
  <c r="AE61463" i="1"/>
  <c r="AE61464" i="1"/>
  <c r="AE61465" i="1"/>
  <c r="AE61466" i="1"/>
  <c r="AE61467" i="1"/>
  <c r="AE61468" i="1"/>
  <c r="AE61469" i="1"/>
  <c r="AE61470" i="1"/>
  <c r="AE61471" i="1"/>
  <c r="AE61472" i="1"/>
  <c r="AE61473" i="1"/>
  <c r="AE61474" i="1"/>
  <c r="AE61475" i="1"/>
  <c r="AE61476" i="1"/>
  <c r="AE61477" i="1"/>
  <c r="AE61478" i="1"/>
  <c r="AE61479" i="1"/>
  <c r="AE61480" i="1"/>
  <c r="AE61481" i="1"/>
  <c r="AE61482" i="1"/>
  <c r="AE61483" i="1"/>
  <c r="AE61484" i="1"/>
  <c r="AE61485" i="1"/>
  <c r="AE61486" i="1"/>
  <c r="AE61487" i="1"/>
  <c r="AE61488" i="1"/>
  <c r="AE61489" i="1"/>
  <c r="AE61490" i="1"/>
  <c r="AE61491" i="1"/>
  <c r="AE61492" i="1"/>
  <c r="AE61493" i="1"/>
  <c r="AE61494" i="1"/>
  <c r="AE61495" i="1"/>
  <c r="AE61496" i="1"/>
  <c r="AE61497" i="1"/>
  <c r="AE61498" i="1"/>
  <c r="AE61499" i="1"/>
  <c r="AE61500" i="1"/>
  <c r="AE61501" i="1"/>
  <c r="AE61502" i="1"/>
  <c r="AE61503" i="1"/>
  <c r="AE61504" i="1"/>
  <c r="AE61505" i="1"/>
  <c r="AE61506" i="1"/>
  <c r="AE61507" i="1"/>
  <c r="AE61508" i="1"/>
  <c r="AE61509" i="1"/>
  <c r="AE61510" i="1"/>
  <c r="AE61511" i="1"/>
  <c r="AE61512" i="1"/>
  <c r="AE61513" i="1"/>
  <c r="AE61514" i="1"/>
  <c r="AE61515" i="1"/>
  <c r="AE61516" i="1"/>
  <c r="AE61517" i="1"/>
  <c r="AE61518" i="1"/>
  <c r="AE61519" i="1"/>
  <c r="AE61520" i="1"/>
  <c r="AE61521" i="1"/>
  <c r="AE61522" i="1"/>
  <c r="AE61523" i="1"/>
  <c r="AE61524" i="1"/>
  <c r="AE61525" i="1"/>
  <c r="AE61526" i="1"/>
  <c r="AE61527" i="1"/>
  <c r="AE61528" i="1"/>
  <c r="AE61529" i="1"/>
  <c r="AE61530" i="1"/>
  <c r="AE61531" i="1"/>
  <c r="AE61532" i="1"/>
  <c r="AE61533" i="1"/>
  <c r="AE61534" i="1"/>
  <c r="AE61535" i="1"/>
  <c r="AE61536" i="1"/>
  <c r="AE61537" i="1"/>
  <c r="AE61538" i="1"/>
  <c r="AE61539" i="1"/>
  <c r="AE61540" i="1"/>
  <c r="AE61541" i="1"/>
  <c r="AE61542" i="1"/>
  <c r="AE61543" i="1"/>
  <c r="AE61544" i="1"/>
  <c r="AE61545" i="1"/>
  <c r="AE61546" i="1"/>
  <c r="AE61547" i="1"/>
  <c r="AE61548" i="1"/>
  <c r="AE61549" i="1"/>
  <c r="AE61550" i="1"/>
  <c r="AE61551" i="1"/>
  <c r="AE61552" i="1"/>
  <c r="AE61553" i="1"/>
  <c r="AE61554" i="1"/>
  <c r="AE61555" i="1"/>
  <c r="AE61556" i="1"/>
  <c r="AE61557" i="1"/>
  <c r="AE61558" i="1"/>
  <c r="AE61559" i="1"/>
  <c r="AE61560" i="1"/>
  <c r="AE61561" i="1"/>
  <c r="AE61562" i="1"/>
  <c r="AE61563" i="1"/>
  <c r="AE61564" i="1"/>
  <c r="AE61565" i="1"/>
  <c r="AE61566" i="1"/>
  <c r="AE61567" i="1"/>
  <c r="AE61568" i="1"/>
  <c r="AE61569" i="1"/>
  <c r="AE61570" i="1"/>
  <c r="AE61571" i="1"/>
  <c r="AE61572" i="1"/>
  <c r="AE61573" i="1"/>
  <c r="AE61574" i="1"/>
  <c r="AE61575" i="1"/>
  <c r="AE61576" i="1"/>
  <c r="AE61577" i="1"/>
  <c r="AE61578" i="1"/>
  <c r="AE61579" i="1"/>
  <c r="AE61580" i="1"/>
  <c r="AE61581" i="1"/>
  <c r="AE61582" i="1"/>
  <c r="AE61583" i="1"/>
  <c r="AE61584" i="1"/>
  <c r="AE61585" i="1"/>
  <c r="AE61586" i="1"/>
  <c r="AE61587" i="1"/>
  <c r="AE61588" i="1"/>
  <c r="AE61589" i="1"/>
  <c r="AE61590" i="1"/>
  <c r="AE61591" i="1"/>
  <c r="AE61592" i="1"/>
  <c r="AE61593" i="1"/>
  <c r="AE61594" i="1"/>
  <c r="AE61595" i="1"/>
  <c r="AE61596" i="1"/>
  <c r="AE61597" i="1"/>
  <c r="AE61598" i="1"/>
  <c r="AE61599" i="1"/>
  <c r="AE61600" i="1"/>
  <c r="AE61601" i="1"/>
  <c r="AE61602" i="1"/>
  <c r="AE61603" i="1"/>
  <c r="AE61604" i="1"/>
  <c r="AE61605" i="1"/>
  <c r="AE61606" i="1"/>
  <c r="AE61607" i="1"/>
  <c r="AE61608" i="1"/>
  <c r="AE61609" i="1"/>
  <c r="AE61610" i="1"/>
  <c r="AE61611" i="1"/>
  <c r="AE61612" i="1"/>
  <c r="AE61613" i="1"/>
  <c r="AE61614" i="1"/>
  <c r="AE61615" i="1"/>
  <c r="AE61616" i="1"/>
  <c r="AE61617" i="1"/>
  <c r="AE61618" i="1"/>
  <c r="AE61619" i="1"/>
  <c r="AE61620" i="1"/>
  <c r="AE61621" i="1"/>
  <c r="AE61622" i="1"/>
  <c r="AE61623" i="1"/>
  <c r="AE61624" i="1"/>
  <c r="AE61625" i="1"/>
  <c r="AE61626" i="1"/>
  <c r="AE61627" i="1"/>
  <c r="AE61628" i="1"/>
  <c r="AE61629" i="1"/>
  <c r="AE61630" i="1"/>
  <c r="AE61631" i="1"/>
  <c r="AE61632" i="1"/>
  <c r="AE61633" i="1"/>
  <c r="AE61634" i="1"/>
  <c r="AE61635" i="1"/>
  <c r="AE61636" i="1"/>
  <c r="AE61637" i="1"/>
  <c r="AE61638" i="1"/>
  <c r="AE61639" i="1"/>
  <c r="AE61640" i="1"/>
  <c r="AE61641" i="1"/>
  <c r="AE61642" i="1"/>
  <c r="AE61643" i="1"/>
  <c r="AE61644" i="1"/>
  <c r="AE61645" i="1"/>
  <c r="AE61646" i="1"/>
  <c r="AE61647" i="1"/>
  <c r="AE61648" i="1"/>
  <c r="AE61649" i="1"/>
  <c r="AE61650" i="1"/>
  <c r="AE61651" i="1"/>
  <c r="AE61652" i="1"/>
  <c r="AE61653" i="1"/>
  <c r="AE61654" i="1"/>
  <c r="AE61655" i="1"/>
  <c r="AE61656" i="1"/>
  <c r="AE61657" i="1"/>
  <c r="AE61658" i="1"/>
  <c r="AE61659" i="1"/>
  <c r="AE61660" i="1"/>
  <c r="AE61661" i="1"/>
  <c r="AE61662" i="1"/>
  <c r="AE61663" i="1"/>
  <c r="AE61664" i="1"/>
  <c r="AE61665" i="1"/>
  <c r="AE61666" i="1"/>
  <c r="AE61667" i="1"/>
  <c r="AE61668" i="1"/>
  <c r="AE61669" i="1"/>
  <c r="AE61670" i="1"/>
  <c r="AE61671" i="1"/>
  <c r="AE61672" i="1"/>
  <c r="AE61673" i="1"/>
  <c r="AE61674" i="1"/>
  <c r="AE61675" i="1"/>
  <c r="AE61676" i="1"/>
  <c r="AE61677" i="1"/>
  <c r="AE61678" i="1"/>
  <c r="AE61679" i="1"/>
  <c r="AE61680" i="1"/>
  <c r="AE61681" i="1"/>
  <c r="AE61682" i="1"/>
  <c r="AE61683" i="1"/>
  <c r="AE61684" i="1"/>
  <c r="AE61685" i="1"/>
  <c r="AE61686" i="1"/>
  <c r="AE61687" i="1"/>
  <c r="AE61688" i="1"/>
  <c r="AE61689" i="1"/>
  <c r="AE61690" i="1"/>
  <c r="AE61691" i="1"/>
  <c r="AE61692" i="1"/>
  <c r="AE61693" i="1"/>
  <c r="AE61694" i="1"/>
  <c r="AE61695" i="1"/>
  <c r="AE61696" i="1"/>
  <c r="AE61697" i="1"/>
  <c r="AE61698" i="1"/>
  <c r="AE61699" i="1"/>
  <c r="AE61700" i="1"/>
  <c r="AE61701" i="1"/>
  <c r="AE61702" i="1"/>
  <c r="AE61703" i="1"/>
  <c r="AE61704" i="1"/>
  <c r="AE61705" i="1"/>
  <c r="AE61706" i="1"/>
  <c r="AE61707" i="1"/>
  <c r="AE61708" i="1"/>
  <c r="AE61709" i="1"/>
  <c r="AE61710" i="1"/>
  <c r="AE61711" i="1"/>
  <c r="AE61712" i="1"/>
  <c r="AE61713" i="1"/>
  <c r="AE61714" i="1"/>
  <c r="AE61715" i="1"/>
  <c r="AE61716" i="1"/>
  <c r="AE61717" i="1"/>
  <c r="AE61718" i="1"/>
  <c r="AE61719" i="1"/>
  <c r="AE61720" i="1"/>
  <c r="AE61721" i="1"/>
  <c r="AE61722" i="1"/>
  <c r="AE61723" i="1"/>
  <c r="AE61724" i="1"/>
  <c r="AE61725" i="1"/>
  <c r="AE61726" i="1"/>
  <c r="AE61727" i="1"/>
  <c r="AE61728" i="1"/>
  <c r="AE61729" i="1"/>
  <c r="AE61730" i="1"/>
  <c r="AE61731" i="1"/>
  <c r="AE61732" i="1"/>
  <c r="AE61733" i="1"/>
  <c r="AE61734" i="1"/>
  <c r="AE61735" i="1"/>
  <c r="AE61736" i="1"/>
  <c r="AE61737" i="1"/>
  <c r="AE61738" i="1"/>
  <c r="AE61739" i="1"/>
  <c r="AE61740" i="1"/>
  <c r="AE61741" i="1"/>
  <c r="AE61742" i="1"/>
  <c r="AE61743" i="1"/>
  <c r="AE61744" i="1"/>
  <c r="AE61745" i="1"/>
  <c r="AE61746" i="1"/>
  <c r="AE61747" i="1"/>
  <c r="AE61748" i="1"/>
  <c r="AE61749" i="1"/>
  <c r="AE61750" i="1"/>
  <c r="AE61751" i="1"/>
  <c r="AE61752" i="1"/>
  <c r="AE61753" i="1"/>
  <c r="AE61754" i="1"/>
  <c r="AE61755" i="1"/>
  <c r="AE61756" i="1"/>
  <c r="AE61757" i="1"/>
  <c r="AE61758" i="1"/>
  <c r="AE61759" i="1"/>
  <c r="AE61760" i="1"/>
  <c r="AE61761" i="1"/>
  <c r="AE61762" i="1"/>
  <c r="AE61763" i="1"/>
  <c r="AE61764" i="1"/>
  <c r="AE61765" i="1"/>
  <c r="AE61766" i="1"/>
  <c r="AE61767" i="1"/>
  <c r="AE61768" i="1"/>
  <c r="AE61769" i="1"/>
  <c r="AE61770" i="1"/>
  <c r="AE61771" i="1"/>
  <c r="AE61772" i="1"/>
  <c r="AE61773" i="1"/>
  <c r="AE61774" i="1"/>
  <c r="AE61775" i="1"/>
  <c r="AE61776" i="1"/>
  <c r="AE61777" i="1"/>
  <c r="AE61778" i="1"/>
  <c r="AE61779" i="1"/>
  <c r="AE61780" i="1"/>
  <c r="AE61781" i="1"/>
  <c r="AE61782" i="1"/>
  <c r="AE61783" i="1"/>
  <c r="AE61784" i="1"/>
  <c r="AE61785" i="1"/>
  <c r="AE61786" i="1"/>
  <c r="AE61787" i="1"/>
  <c r="AE61788" i="1"/>
  <c r="AE61789" i="1"/>
  <c r="AE61790" i="1"/>
  <c r="AE61791" i="1"/>
  <c r="AE61792" i="1"/>
  <c r="AE61793" i="1"/>
  <c r="AE61794" i="1"/>
  <c r="AE61795" i="1"/>
  <c r="AE61796" i="1"/>
  <c r="AE61797" i="1"/>
  <c r="AE61798" i="1"/>
  <c r="AE61799" i="1"/>
  <c r="AE61800" i="1"/>
  <c r="AE61801" i="1"/>
  <c r="AE61802" i="1"/>
  <c r="AE61803" i="1"/>
  <c r="AE61804" i="1"/>
  <c r="AE61805" i="1"/>
  <c r="AE61806" i="1"/>
  <c r="AE61807" i="1"/>
  <c r="AE61808" i="1"/>
  <c r="AE61809" i="1"/>
  <c r="AE61810" i="1"/>
  <c r="AE61811" i="1"/>
  <c r="AE61812" i="1"/>
  <c r="AE61813" i="1"/>
  <c r="AE61814" i="1"/>
  <c r="AE61815" i="1"/>
  <c r="AE61816" i="1"/>
  <c r="AE61817" i="1"/>
  <c r="AE61818" i="1"/>
  <c r="AE61819" i="1"/>
  <c r="AE61820" i="1"/>
  <c r="AE61821" i="1"/>
  <c r="AE61822" i="1"/>
  <c r="AE61823" i="1"/>
  <c r="AE61824" i="1"/>
  <c r="AE61825" i="1"/>
  <c r="AE61826" i="1"/>
  <c r="AE61827" i="1"/>
  <c r="AE61828" i="1"/>
  <c r="AE61829" i="1"/>
  <c r="AE61830" i="1"/>
  <c r="AE61831" i="1"/>
  <c r="AE61832" i="1"/>
  <c r="AE61833" i="1"/>
  <c r="AE61834" i="1"/>
  <c r="AE61835" i="1"/>
  <c r="AE61836" i="1"/>
  <c r="AE61837" i="1"/>
  <c r="AE61838" i="1"/>
  <c r="AE61839" i="1"/>
  <c r="AE61840" i="1"/>
  <c r="AE61841" i="1"/>
  <c r="AE61842" i="1"/>
  <c r="AE61843" i="1"/>
  <c r="AE61844" i="1"/>
  <c r="AE61845" i="1"/>
  <c r="AE61846" i="1"/>
  <c r="AE61847" i="1"/>
  <c r="AE61848" i="1"/>
  <c r="AE61849" i="1"/>
  <c r="AE61850" i="1"/>
  <c r="AE61851" i="1"/>
  <c r="AE61852" i="1"/>
  <c r="AE61853" i="1"/>
  <c r="AE61854" i="1"/>
  <c r="AE61855" i="1"/>
  <c r="AE61856" i="1"/>
  <c r="AE61857" i="1"/>
  <c r="AE61858" i="1"/>
  <c r="AE61859" i="1"/>
  <c r="AE61860" i="1"/>
  <c r="AE61861" i="1"/>
  <c r="AE61862" i="1"/>
  <c r="AE61863" i="1"/>
  <c r="AE61864" i="1"/>
  <c r="AE61865" i="1"/>
  <c r="AE61866" i="1"/>
  <c r="AE61867" i="1"/>
  <c r="AE61868" i="1"/>
  <c r="AE61869" i="1"/>
  <c r="AE61870" i="1"/>
  <c r="AE61871" i="1"/>
  <c r="AE61872" i="1"/>
  <c r="AE61873" i="1"/>
  <c r="AE61874" i="1"/>
  <c r="AE61875" i="1"/>
  <c r="AE61876" i="1"/>
  <c r="AE61877" i="1"/>
  <c r="AE61878" i="1"/>
  <c r="AE61879" i="1"/>
  <c r="AE61880" i="1"/>
  <c r="AE61881" i="1"/>
  <c r="AE61882" i="1"/>
  <c r="AE61883" i="1"/>
  <c r="AE61884" i="1"/>
  <c r="AE61885" i="1"/>
  <c r="AE61886" i="1"/>
  <c r="AE61887" i="1"/>
  <c r="AE61888" i="1"/>
  <c r="AE61889" i="1"/>
  <c r="AE61890" i="1"/>
  <c r="AE61891" i="1"/>
  <c r="AE61892" i="1"/>
  <c r="AE61893" i="1"/>
  <c r="AE61894" i="1"/>
  <c r="AE61895" i="1"/>
  <c r="AE61896" i="1"/>
  <c r="AE61897" i="1"/>
  <c r="AE61898" i="1"/>
  <c r="AE61899" i="1"/>
  <c r="AE61900" i="1"/>
  <c r="AE61901" i="1"/>
  <c r="AE61902" i="1"/>
  <c r="AE61903" i="1"/>
  <c r="AE61904" i="1"/>
  <c r="AE61905" i="1"/>
  <c r="AE61906" i="1"/>
  <c r="AE61907" i="1"/>
  <c r="AE61908" i="1"/>
  <c r="AE61909" i="1"/>
  <c r="AE61910" i="1"/>
  <c r="AE61911" i="1"/>
  <c r="AE61912" i="1"/>
  <c r="AE61913" i="1"/>
  <c r="AE61914" i="1"/>
  <c r="AE61915" i="1"/>
  <c r="AE61916" i="1"/>
  <c r="AE61917" i="1"/>
  <c r="AE61918" i="1"/>
  <c r="AE61919" i="1"/>
  <c r="AE61920" i="1"/>
  <c r="AE61921" i="1"/>
  <c r="AE61922" i="1"/>
  <c r="AE61923" i="1"/>
  <c r="AE61924" i="1"/>
  <c r="AE61925" i="1"/>
  <c r="AE61926" i="1"/>
  <c r="AE61927" i="1"/>
  <c r="AE61928" i="1"/>
  <c r="AE61929" i="1"/>
  <c r="AE61930" i="1"/>
  <c r="AE61931" i="1"/>
  <c r="AE61932" i="1"/>
  <c r="AE61933" i="1"/>
  <c r="AE61934" i="1"/>
  <c r="AE61935" i="1"/>
  <c r="AE61936" i="1"/>
  <c r="AE61937" i="1"/>
  <c r="AE61938" i="1"/>
  <c r="AE61939" i="1"/>
  <c r="AE61940" i="1"/>
  <c r="AE61941" i="1"/>
  <c r="AE61942" i="1"/>
  <c r="AE61943" i="1"/>
  <c r="AE61944" i="1"/>
  <c r="AE61945" i="1"/>
  <c r="AE61946" i="1"/>
  <c r="AE61947" i="1"/>
  <c r="AE61948" i="1"/>
  <c r="AE61949" i="1"/>
  <c r="AE61950" i="1"/>
  <c r="AE61951" i="1"/>
  <c r="AE61952" i="1"/>
  <c r="AE61953" i="1"/>
  <c r="AE61954" i="1"/>
  <c r="AE61955" i="1"/>
  <c r="AE61956" i="1"/>
  <c r="AE61957" i="1"/>
  <c r="AE61958" i="1"/>
  <c r="AE61959" i="1"/>
  <c r="AE61960" i="1"/>
  <c r="AE61961" i="1"/>
  <c r="AE61962" i="1"/>
  <c r="AE61963" i="1"/>
  <c r="AE61964" i="1"/>
  <c r="AE61965" i="1"/>
  <c r="AE61966" i="1"/>
  <c r="AE61967" i="1"/>
  <c r="AE61968" i="1"/>
  <c r="AE61969" i="1"/>
  <c r="AE61970" i="1"/>
  <c r="AE61971" i="1"/>
  <c r="AE61972" i="1"/>
  <c r="AE61973" i="1"/>
  <c r="AE61974" i="1"/>
  <c r="AE61975" i="1"/>
  <c r="AE61976" i="1"/>
  <c r="AE61977" i="1"/>
  <c r="AE61978" i="1"/>
  <c r="AE61979" i="1"/>
  <c r="AE61980" i="1"/>
  <c r="AE61981" i="1"/>
  <c r="AE61982" i="1"/>
  <c r="AE61983" i="1"/>
  <c r="AE61984" i="1"/>
  <c r="AE61985" i="1"/>
  <c r="AE61986" i="1"/>
  <c r="AE61987" i="1"/>
  <c r="AE61988" i="1"/>
  <c r="AE61989" i="1"/>
  <c r="AE61990" i="1"/>
  <c r="AE61991" i="1"/>
  <c r="AE61992" i="1"/>
  <c r="AE61993" i="1"/>
  <c r="AE61994" i="1"/>
  <c r="AE61995" i="1"/>
  <c r="AE61996" i="1"/>
  <c r="AE61997" i="1"/>
  <c r="AE61998" i="1"/>
  <c r="AE61999" i="1"/>
  <c r="AE62000" i="1"/>
  <c r="AE62001" i="1"/>
  <c r="AE62002" i="1"/>
  <c r="AE62003" i="1"/>
  <c r="AE62004" i="1"/>
  <c r="AE62005" i="1"/>
  <c r="AE62006" i="1"/>
  <c r="AE62007" i="1"/>
  <c r="AE62008" i="1"/>
  <c r="AE62009" i="1"/>
  <c r="AE62010" i="1"/>
  <c r="AE62011" i="1"/>
  <c r="AE62012" i="1"/>
  <c r="AE62013" i="1"/>
  <c r="AE62014" i="1"/>
  <c r="AE62015" i="1"/>
  <c r="AE62016" i="1"/>
  <c r="AE62017" i="1"/>
  <c r="AE62018" i="1"/>
  <c r="AE62019" i="1"/>
  <c r="AE62020" i="1"/>
  <c r="AE62021" i="1"/>
  <c r="AE62022" i="1"/>
  <c r="AE62023" i="1"/>
  <c r="AE62024" i="1"/>
  <c r="AE62025" i="1"/>
  <c r="AE62026" i="1"/>
  <c r="AE62027" i="1"/>
  <c r="AE62028" i="1"/>
  <c r="AE62029" i="1"/>
  <c r="AE62030" i="1"/>
  <c r="AE62031" i="1"/>
  <c r="AE62032" i="1"/>
  <c r="AE62033" i="1"/>
  <c r="AE62034" i="1"/>
  <c r="AE62035" i="1"/>
  <c r="AE62036" i="1"/>
  <c r="AE62037" i="1"/>
  <c r="AE62038" i="1"/>
  <c r="AE62039" i="1"/>
  <c r="AE62040" i="1"/>
  <c r="AE62041" i="1"/>
  <c r="AE62042" i="1"/>
  <c r="AE62043" i="1"/>
  <c r="AE62044" i="1"/>
  <c r="AE62045" i="1"/>
  <c r="AE62046" i="1"/>
  <c r="AE62047" i="1"/>
  <c r="AE62048" i="1"/>
  <c r="AE62049" i="1"/>
  <c r="AE62050" i="1"/>
  <c r="AE62051" i="1"/>
  <c r="AE62052" i="1"/>
  <c r="AE62053" i="1"/>
  <c r="AE62054" i="1"/>
  <c r="AE62055" i="1"/>
  <c r="AE62056" i="1"/>
  <c r="AE62057" i="1"/>
  <c r="AE62058" i="1"/>
  <c r="AE62059" i="1"/>
  <c r="AE62060" i="1"/>
  <c r="AE62061" i="1"/>
  <c r="AE62062" i="1"/>
  <c r="AE62063" i="1"/>
  <c r="AE62064" i="1"/>
  <c r="AE62065" i="1"/>
  <c r="AE62066" i="1"/>
  <c r="AE62067" i="1"/>
  <c r="AE62068" i="1"/>
  <c r="AE62069" i="1"/>
  <c r="AE62070" i="1"/>
  <c r="AE62071" i="1"/>
  <c r="AE62072" i="1"/>
  <c r="AE62073" i="1"/>
  <c r="AE62074" i="1"/>
  <c r="AE62075" i="1"/>
  <c r="AE62076" i="1"/>
  <c r="AE62077" i="1"/>
  <c r="AE62078" i="1"/>
  <c r="AE62079" i="1"/>
  <c r="AE62080" i="1"/>
  <c r="AE62081" i="1"/>
  <c r="AE62082" i="1"/>
  <c r="AE62083" i="1"/>
  <c r="AE62084" i="1"/>
  <c r="AE62085" i="1"/>
  <c r="AE62086" i="1"/>
  <c r="AE62087" i="1"/>
  <c r="AE62088" i="1"/>
  <c r="AE62089" i="1"/>
  <c r="AE62090" i="1"/>
  <c r="AE62091" i="1"/>
  <c r="AE62092" i="1"/>
  <c r="AE62093" i="1"/>
  <c r="AE62094" i="1"/>
  <c r="AE62095" i="1"/>
  <c r="AE62096" i="1"/>
  <c r="AE62097" i="1"/>
  <c r="AE62098" i="1"/>
  <c r="AE62099" i="1"/>
  <c r="AE62100" i="1"/>
  <c r="AE62101" i="1"/>
  <c r="AE62102" i="1"/>
  <c r="AE62103" i="1"/>
  <c r="AE62104" i="1"/>
  <c r="AE62105" i="1"/>
  <c r="AE62106" i="1"/>
  <c r="AE62107" i="1"/>
  <c r="AE62108" i="1"/>
  <c r="AE62109" i="1"/>
  <c r="AE62110" i="1"/>
  <c r="AE62111" i="1"/>
  <c r="AE62112" i="1"/>
  <c r="AE62113" i="1"/>
  <c r="AE62114" i="1"/>
  <c r="AE62115" i="1"/>
  <c r="AE62116" i="1"/>
  <c r="AE62117" i="1"/>
  <c r="AE62118" i="1"/>
  <c r="AE62119" i="1"/>
  <c r="AE62120" i="1"/>
  <c r="AE62121" i="1"/>
  <c r="AE62122" i="1"/>
  <c r="AE62123" i="1"/>
  <c r="AE62124" i="1"/>
  <c r="AE62125" i="1"/>
  <c r="AE62126" i="1"/>
  <c r="AE62127" i="1"/>
  <c r="AE62128" i="1"/>
  <c r="AE62129" i="1"/>
  <c r="AE62130" i="1"/>
  <c r="AE62131" i="1"/>
  <c r="AE62132" i="1"/>
  <c r="AE62133" i="1"/>
  <c r="AE62134" i="1"/>
  <c r="AE62135" i="1"/>
  <c r="AE62136" i="1"/>
  <c r="AE62137" i="1"/>
  <c r="AE62138" i="1"/>
  <c r="AE62139" i="1"/>
  <c r="AE62140" i="1"/>
  <c r="AE62141" i="1"/>
  <c r="AE62142" i="1"/>
  <c r="AE62143" i="1"/>
  <c r="AE62144" i="1"/>
  <c r="AE62145" i="1"/>
  <c r="AE62146" i="1"/>
  <c r="AE62147" i="1"/>
  <c r="AE62148" i="1"/>
  <c r="AE62149" i="1"/>
  <c r="AE62150" i="1"/>
  <c r="AE62151" i="1"/>
  <c r="AE62152" i="1"/>
  <c r="AE62153" i="1"/>
  <c r="AE62154" i="1"/>
  <c r="AE62155" i="1"/>
  <c r="AE62156" i="1"/>
  <c r="AE62157" i="1"/>
  <c r="AE62158" i="1"/>
  <c r="AE62159" i="1"/>
  <c r="AE62160" i="1"/>
  <c r="AE62161" i="1"/>
  <c r="AE62162" i="1"/>
  <c r="AE62163" i="1"/>
  <c r="AE62164" i="1"/>
  <c r="AE62165" i="1"/>
  <c r="AE62166" i="1"/>
  <c r="AE62167" i="1"/>
  <c r="AE62168" i="1"/>
  <c r="AE62169" i="1"/>
  <c r="AE62170" i="1"/>
  <c r="AE62171" i="1"/>
  <c r="AE62172" i="1"/>
  <c r="AE62173" i="1"/>
  <c r="AE62174" i="1"/>
  <c r="AE62175" i="1"/>
  <c r="AE62176" i="1"/>
  <c r="AE62177" i="1"/>
  <c r="AE62178" i="1"/>
  <c r="AE62179" i="1"/>
  <c r="AE62180" i="1"/>
  <c r="AE62181" i="1"/>
  <c r="AE62182" i="1"/>
  <c r="AE62183" i="1"/>
  <c r="AE62184" i="1"/>
  <c r="AE62185" i="1"/>
  <c r="AE62186" i="1"/>
  <c r="AE62187" i="1"/>
  <c r="AE62188" i="1"/>
  <c r="AE62189" i="1"/>
  <c r="AE62190" i="1"/>
  <c r="AE62191" i="1"/>
  <c r="AE62192" i="1"/>
  <c r="AE62193" i="1"/>
  <c r="AE62194" i="1"/>
  <c r="AE62195" i="1"/>
  <c r="AE62196" i="1"/>
  <c r="AE62197" i="1"/>
  <c r="AE62198" i="1"/>
  <c r="AE62199" i="1"/>
  <c r="AE62200" i="1"/>
  <c r="AE62201" i="1"/>
  <c r="AE62202" i="1"/>
  <c r="AE62203" i="1"/>
  <c r="AE62204" i="1"/>
  <c r="AE62205" i="1"/>
  <c r="AE62206" i="1"/>
  <c r="AE62207" i="1"/>
  <c r="AE62208" i="1"/>
  <c r="AE62209" i="1"/>
  <c r="AE62210" i="1"/>
  <c r="AE62211" i="1"/>
  <c r="AE62212" i="1"/>
  <c r="AE62213" i="1"/>
  <c r="AE62214" i="1"/>
  <c r="AE62215" i="1"/>
  <c r="AE62216" i="1"/>
  <c r="AE62217" i="1"/>
  <c r="AE62218" i="1"/>
  <c r="AE62219" i="1"/>
  <c r="AE62220" i="1"/>
  <c r="AE62221" i="1"/>
  <c r="AE62222" i="1"/>
  <c r="AE62223" i="1"/>
  <c r="AE62224" i="1"/>
  <c r="AE62225" i="1"/>
  <c r="AE62226" i="1"/>
  <c r="AE62227" i="1"/>
  <c r="AE62228" i="1"/>
  <c r="AE62229" i="1"/>
  <c r="AE62230" i="1"/>
  <c r="AE62231" i="1"/>
  <c r="AE62232" i="1"/>
  <c r="AE62233" i="1"/>
  <c r="AE62234" i="1"/>
  <c r="AE62235" i="1"/>
  <c r="AE62236" i="1"/>
  <c r="AE62237" i="1"/>
  <c r="AE62238" i="1"/>
  <c r="AE62239" i="1"/>
  <c r="AE62240" i="1"/>
  <c r="AE62241" i="1"/>
  <c r="AE62242" i="1"/>
  <c r="AE62243" i="1"/>
  <c r="AE62244" i="1"/>
  <c r="AE62245" i="1"/>
  <c r="AE62246" i="1"/>
  <c r="AE62247" i="1"/>
  <c r="AE62248" i="1"/>
  <c r="AE62249" i="1"/>
  <c r="AE62250" i="1"/>
  <c r="AE62251" i="1"/>
  <c r="AE62252" i="1"/>
  <c r="AE62253" i="1"/>
  <c r="AE62254" i="1"/>
  <c r="AE62255" i="1"/>
  <c r="AE62256" i="1"/>
  <c r="AE62257" i="1"/>
  <c r="AE62258" i="1"/>
  <c r="AE62259" i="1"/>
  <c r="AE62260" i="1"/>
  <c r="AE62261" i="1"/>
  <c r="AE62262" i="1"/>
  <c r="AE62263" i="1"/>
  <c r="AE62264" i="1"/>
  <c r="AE62265" i="1"/>
  <c r="AE62266" i="1"/>
  <c r="AE62267" i="1"/>
  <c r="AE62268" i="1"/>
  <c r="AE62269" i="1"/>
  <c r="AE62270" i="1"/>
  <c r="AE62271" i="1"/>
  <c r="AE62272" i="1"/>
  <c r="AE62273" i="1"/>
  <c r="AE62274" i="1"/>
  <c r="AE62275" i="1"/>
  <c r="AE62276" i="1"/>
  <c r="AE62277" i="1"/>
  <c r="AE62278" i="1"/>
  <c r="AE62279" i="1"/>
  <c r="AE62280" i="1"/>
  <c r="AE62281" i="1"/>
  <c r="AE62282" i="1"/>
  <c r="AE62283" i="1"/>
  <c r="AE62284" i="1"/>
  <c r="AE62285" i="1"/>
  <c r="AE62286" i="1"/>
  <c r="AE62287" i="1"/>
  <c r="AE62288" i="1"/>
  <c r="AE62289" i="1"/>
  <c r="AE62290" i="1"/>
  <c r="AE62291" i="1"/>
  <c r="AE62292" i="1"/>
  <c r="AE62293" i="1"/>
  <c r="AE62294" i="1"/>
  <c r="AE62295" i="1"/>
  <c r="AE62296" i="1"/>
  <c r="AE62297" i="1"/>
  <c r="AE62298" i="1"/>
  <c r="AE62299" i="1"/>
  <c r="AE62300" i="1"/>
  <c r="AE62301" i="1"/>
  <c r="AE62302" i="1"/>
  <c r="AE62303" i="1"/>
  <c r="AE62304" i="1"/>
  <c r="AE62305" i="1"/>
  <c r="AE62306" i="1"/>
  <c r="AE62307" i="1"/>
  <c r="AE62308" i="1"/>
  <c r="AE62309" i="1"/>
  <c r="AE62310" i="1"/>
  <c r="AE62311" i="1"/>
  <c r="AE62312" i="1"/>
  <c r="AE62313" i="1"/>
  <c r="AE62314" i="1"/>
  <c r="AE62315" i="1"/>
  <c r="AE62316" i="1"/>
  <c r="AE62317" i="1"/>
  <c r="AE62318" i="1"/>
  <c r="AE62319" i="1"/>
  <c r="AE62320" i="1"/>
  <c r="AE62321" i="1"/>
  <c r="AE62322" i="1"/>
  <c r="AE62323" i="1"/>
  <c r="AE62324" i="1"/>
  <c r="AE62325" i="1"/>
  <c r="AE62326" i="1"/>
  <c r="AE62327" i="1"/>
  <c r="AE62328" i="1"/>
  <c r="AE62329" i="1"/>
  <c r="AE62330" i="1"/>
  <c r="AE62331" i="1"/>
  <c r="AE62332" i="1"/>
  <c r="AE62333" i="1"/>
  <c r="AE62334" i="1"/>
  <c r="AE62335" i="1"/>
  <c r="AE62336" i="1"/>
  <c r="AE62337" i="1"/>
  <c r="AE62338" i="1"/>
  <c r="AE62339" i="1"/>
  <c r="AE62340" i="1"/>
  <c r="AE62341" i="1"/>
  <c r="AE62342" i="1"/>
  <c r="AE62343" i="1"/>
  <c r="AE62344" i="1"/>
  <c r="AE62345" i="1"/>
  <c r="AE62346" i="1"/>
  <c r="AE62347" i="1"/>
  <c r="AE62348" i="1"/>
  <c r="AE62349" i="1"/>
  <c r="AE62350" i="1"/>
  <c r="AE62351" i="1"/>
  <c r="AE62352" i="1"/>
  <c r="AE62353" i="1"/>
  <c r="AE62354" i="1"/>
  <c r="AE62355" i="1"/>
  <c r="AE62356" i="1"/>
  <c r="AE62357" i="1"/>
  <c r="AE62358" i="1"/>
  <c r="AE62359" i="1"/>
  <c r="AE62360" i="1"/>
  <c r="AE62361" i="1"/>
  <c r="AE62362" i="1"/>
  <c r="AE62363" i="1"/>
  <c r="AE62364" i="1"/>
  <c r="AE62365" i="1"/>
  <c r="AE62366" i="1"/>
  <c r="AE62367" i="1"/>
  <c r="AE62368" i="1"/>
  <c r="AE62369" i="1"/>
  <c r="AE62370" i="1"/>
  <c r="AE62371" i="1"/>
  <c r="AE62372" i="1"/>
  <c r="AE62373" i="1"/>
  <c r="AE62374" i="1"/>
  <c r="AE62375" i="1"/>
  <c r="AE62376" i="1"/>
  <c r="AE62377" i="1"/>
  <c r="AE62378" i="1"/>
  <c r="AE62379" i="1"/>
  <c r="AE62380" i="1"/>
  <c r="AE62381" i="1"/>
  <c r="AE62382" i="1"/>
  <c r="AE62383" i="1"/>
  <c r="AE62384" i="1"/>
  <c r="AE62385" i="1"/>
  <c r="AE62386" i="1"/>
  <c r="AE62387" i="1"/>
  <c r="AE62388" i="1"/>
  <c r="AE62389" i="1"/>
  <c r="AE62390" i="1"/>
  <c r="AE62391" i="1"/>
  <c r="AE62392" i="1"/>
  <c r="AE62393" i="1"/>
  <c r="AE62394" i="1"/>
  <c r="AE62395" i="1"/>
  <c r="AE62396" i="1"/>
  <c r="AE62397" i="1"/>
  <c r="AE62398" i="1"/>
  <c r="AE62399" i="1"/>
  <c r="AE62400" i="1"/>
  <c r="AE62401" i="1"/>
  <c r="AE62402" i="1"/>
  <c r="AE62403" i="1"/>
  <c r="AE62404" i="1"/>
  <c r="AE62405" i="1"/>
  <c r="AE62406" i="1"/>
  <c r="AE62407" i="1"/>
  <c r="AE62408" i="1"/>
  <c r="AE62409" i="1"/>
  <c r="AE62410" i="1"/>
  <c r="AE62411" i="1"/>
  <c r="AE62412" i="1"/>
  <c r="AE62413" i="1"/>
  <c r="AE62414" i="1"/>
  <c r="AE62415" i="1"/>
  <c r="AE62416" i="1"/>
  <c r="AE62417" i="1"/>
  <c r="AE62418" i="1"/>
  <c r="AE62419" i="1"/>
  <c r="AE62420" i="1"/>
  <c r="AE62421" i="1"/>
  <c r="AE62422" i="1"/>
  <c r="AE62423" i="1"/>
  <c r="AE62424" i="1"/>
  <c r="AE62425" i="1"/>
  <c r="AE62426" i="1"/>
  <c r="AE62427" i="1"/>
  <c r="AE62428" i="1"/>
  <c r="AE62429" i="1"/>
  <c r="AE62430" i="1"/>
  <c r="AE62431" i="1"/>
  <c r="AE62432" i="1"/>
  <c r="AE62433" i="1"/>
  <c r="AE62434" i="1"/>
  <c r="AE62435" i="1"/>
  <c r="AE62436" i="1"/>
  <c r="AE62437" i="1"/>
  <c r="AE62438" i="1"/>
  <c r="AE62439" i="1"/>
  <c r="AE62440" i="1"/>
  <c r="AE62441" i="1"/>
  <c r="AE62442" i="1"/>
  <c r="AE62443" i="1"/>
  <c r="AE62444" i="1"/>
  <c r="AE62445" i="1"/>
  <c r="AE62446" i="1"/>
  <c r="AE62447" i="1"/>
  <c r="AE62448" i="1"/>
  <c r="AE62449" i="1"/>
  <c r="AE62450" i="1"/>
  <c r="AE62451" i="1"/>
  <c r="AE62452" i="1"/>
  <c r="AE62453" i="1"/>
  <c r="AE62454" i="1"/>
  <c r="AE62455" i="1"/>
  <c r="AE62456" i="1"/>
  <c r="AE62457" i="1"/>
  <c r="AE62458" i="1"/>
  <c r="AE62459" i="1"/>
  <c r="AE62460" i="1"/>
  <c r="AE62461" i="1"/>
  <c r="AE62462" i="1"/>
  <c r="AE62463" i="1"/>
  <c r="AE62464" i="1"/>
  <c r="AE62465" i="1"/>
  <c r="AE62466" i="1"/>
  <c r="AE62467" i="1"/>
  <c r="AE62468" i="1"/>
  <c r="AE62469" i="1"/>
  <c r="AE62470" i="1"/>
  <c r="AE62471" i="1"/>
  <c r="AE62472" i="1"/>
  <c r="AE62473" i="1"/>
  <c r="AE62474" i="1"/>
  <c r="AE62475" i="1"/>
  <c r="AE62476" i="1"/>
  <c r="AE62477" i="1"/>
  <c r="AE62478" i="1"/>
  <c r="AE62479" i="1"/>
  <c r="AE62480" i="1"/>
  <c r="AE62481" i="1"/>
  <c r="AE62482" i="1"/>
  <c r="AE62483" i="1"/>
  <c r="AE62484" i="1"/>
  <c r="AE62485" i="1"/>
  <c r="AE62486" i="1"/>
  <c r="AE62487" i="1"/>
  <c r="AE62488" i="1"/>
  <c r="AE62489" i="1"/>
  <c r="AE62490" i="1"/>
  <c r="AE62491" i="1"/>
  <c r="AE62492" i="1"/>
  <c r="AE62493" i="1"/>
  <c r="AE62494" i="1"/>
  <c r="AE62495" i="1"/>
  <c r="AE62496" i="1"/>
  <c r="AE62497" i="1"/>
  <c r="AE62498" i="1"/>
  <c r="AE62499" i="1"/>
  <c r="AE62500" i="1"/>
  <c r="AE62501" i="1"/>
  <c r="AE62502" i="1"/>
  <c r="AE62503" i="1"/>
  <c r="AE62504" i="1"/>
  <c r="AE62505" i="1"/>
  <c r="AE62506" i="1"/>
  <c r="AE62507" i="1"/>
  <c r="AE62508" i="1"/>
  <c r="AE62509" i="1"/>
  <c r="AE62510" i="1"/>
  <c r="AE62511" i="1"/>
  <c r="AE62512" i="1"/>
  <c r="AE62513" i="1"/>
  <c r="AE62514" i="1"/>
  <c r="AE62515" i="1"/>
  <c r="AE62516" i="1"/>
  <c r="AE62517" i="1"/>
  <c r="AE62518" i="1"/>
  <c r="AE62519" i="1"/>
  <c r="AE62520" i="1"/>
  <c r="AE62521" i="1"/>
  <c r="AE62522" i="1"/>
  <c r="AE62523" i="1"/>
  <c r="AE62524" i="1"/>
  <c r="AE62525" i="1"/>
  <c r="AE62526" i="1"/>
  <c r="AE62527" i="1"/>
  <c r="AE62528" i="1"/>
  <c r="AE62529" i="1"/>
  <c r="AE62530" i="1"/>
  <c r="AE62531" i="1"/>
  <c r="AE62532" i="1"/>
  <c r="AE62533" i="1"/>
  <c r="AE62534" i="1"/>
  <c r="AE62535" i="1"/>
  <c r="AE62536" i="1"/>
  <c r="AE62537" i="1"/>
  <c r="AE62538" i="1"/>
  <c r="AE62539" i="1"/>
  <c r="AE62540" i="1"/>
  <c r="AE62541" i="1"/>
  <c r="AE62542" i="1"/>
  <c r="AE62543" i="1"/>
  <c r="AE62544" i="1"/>
  <c r="AE62545" i="1"/>
  <c r="AE62546" i="1"/>
  <c r="AE62547" i="1"/>
  <c r="AE62548" i="1"/>
  <c r="AE62549" i="1"/>
  <c r="AE62550" i="1"/>
  <c r="AE62551" i="1"/>
  <c r="AE62552" i="1"/>
  <c r="AE62553" i="1"/>
  <c r="AE62554" i="1"/>
  <c r="AE62555" i="1"/>
  <c r="AE62556" i="1"/>
  <c r="AE62557" i="1"/>
  <c r="AE62558" i="1"/>
  <c r="AE62559" i="1"/>
  <c r="AE62560" i="1"/>
  <c r="AE62561" i="1"/>
  <c r="AE62562" i="1"/>
  <c r="AE62563" i="1"/>
  <c r="AE62564" i="1"/>
  <c r="AE62565" i="1"/>
  <c r="AE62566" i="1"/>
  <c r="AE62567" i="1"/>
  <c r="AE62568" i="1"/>
  <c r="AE62569" i="1"/>
  <c r="AE62570" i="1"/>
  <c r="AE62571" i="1"/>
  <c r="AE62572" i="1"/>
  <c r="AE62573" i="1"/>
  <c r="AE62574" i="1"/>
  <c r="AE62575" i="1"/>
  <c r="AE62576" i="1"/>
  <c r="AE62577" i="1"/>
  <c r="AE62578" i="1"/>
  <c r="AE62579" i="1"/>
  <c r="AE62580" i="1"/>
  <c r="AE62581" i="1"/>
  <c r="AE62582" i="1"/>
  <c r="AE62583" i="1"/>
  <c r="AE62584" i="1"/>
  <c r="AE62585" i="1"/>
  <c r="AE62586" i="1"/>
  <c r="AE62587" i="1"/>
  <c r="AE62588" i="1"/>
  <c r="AE62589" i="1"/>
  <c r="AE62590" i="1"/>
  <c r="AE62591" i="1"/>
  <c r="AE62592" i="1"/>
  <c r="AE62593" i="1"/>
  <c r="AE62594" i="1"/>
  <c r="AE62595" i="1"/>
  <c r="AE62596" i="1"/>
  <c r="AE62597" i="1"/>
  <c r="AE62598" i="1"/>
  <c r="AE62599" i="1"/>
  <c r="AE62600" i="1"/>
  <c r="AE62601" i="1"/>
  <c r="AE62602" i="1"/>
  <c r="AE62603" i="1"/>
  <c r="AE62604" i="1"/>
  <c r="AE62605" i="1"/>
  <c r="AE62606" i="1"/>
  <c r="AE62607" i="1"/>
  <c r="AE62608" i="1"/>
  <c r="AE62609" i="1"/>
  <c r="AE62610" i="1"/>
  <c r="AE62611" i="1"/>
  <c r="AE62612" i="1"/>
  <c r="AE62613" i="1"/>
  <c r="AE62614" i="1"/>
  <c r="AE62615" i="1"/>
  <c r="AE62616" i="1"/>
  <c r="AE62617" i="1"/>
  <c r="AE62618" i="1"/>
  <c r="AE62619" i="1"/>
  <c r="AE62620" i="1"/>
  <c r="AE62621" i="1"/>
  <c r="AE62622" i="1"/>
  <c r="AE62623" i="1"/>
  <c r="AE62624" i="1"/>
  <c r="AE62625" i="1"/>
  <c r="AE62626" i="1"/>
  <c r="AE62627" i="1"/>
  <c r="AE62628" i="1"/>
  <c r="AE62629" i="1"/>
  <c r="AE62630" i="1"/>
  <c r="AE62631" i="1"/>
  <c r="AE62632" i="1"/>
  <c r="AE62633" i="1"/>
  <c r="AE62634" i="1"/>
  <c r="AE62635" i="1"/>
  <c r="AE62636" i="1"/>
  <c r="AE62637" i="1"/>
  <c r="AE62638" i="1"/>
  <c r="AE62639" i="1"/>
  <c r="AE62640" i="1"/>
  <c r="AE62641" i="1"/>
  <c r="AE62642" i="1"/>
  <c r="AE62643" i="1"/>
  <c r="AE62644" i="1"/>
  <c r="AE62645" i="1"/>
  <c r="AE62646" i="1"/>
  <c r="AE62647" i="1"/>
  <c r="AE62648" i="1"/>
  <c r="AE62649" i="1"/>
  <c r="AE62650" i="1"/>
  <c r="AE62651" i="1"/>
  <c r="AE62652" i="1"/>
  <c r="AE62653" i="1"/>
  <c r="AE62654" i="1"/>
  <c r="AE62655" i="1"/>
  <c r="AE62656" i="1"/>
  <c r="AE62657" i="1"/>
  <c r="AE62658" i="1"/>
  <c r="AE62659" i="1"/>
  <c r="AE62660" i="1"/>
  <c r="AE62661" i="1"/>
  <c r="AE62662" i="1"/>
  <c r="AE62663" i="1"/>
  <c r="AE62664" i="1"/>
  <c r="AE62665" i="1"/>
  <c r="AE62666" i="1"/>
  <c r="AE62667" i="1"/>
  <c r="AE62668" i="1"/>
  <c r="AE62669" i="1"/>
  <c r="AE62670" i="1"/>
  <c r="AE62671" i="1"/>
  <c r="AE62672" i="1"/>
  <c r="AE62673" i="1"/>
  <c r="AE62674" i="1"/>
  <c r="AE62675" i="1"/>
  <c r="AE62676" i="1"/>
  <c r="AE62677" i="1"/>
  <c r="AE62678" i="1"/>
  <c r="AE62679" i="1"/>
  <c r="AE62680" i="1"/>
  <c r="AE62681" i="1"/>
  <c r="AE62682" i="1"/>
  <c r="AE62683" i="1"/>
  <c r="AE62684" i="1"/>
  <c r="AE62685" i="1"/>
  <c r="AE62686" i="1"/>
  <c r="AE62687" i="1"/>
  <c r="AE62688" i="1"/>
  <c r="AE62689" i="1"/>
  <c r="AE62690" i="1"/>
  <c r="AE62691" i="1"/>
  <c r="AE62692" i="1"/>
  <c r="AE62693" i="1"/>
  <c r="AE62694" i="1"/>
  <c r="AE62695" i="1"/>
  <c r="AE62696" i="1"/>
  <c r="AE62697" i="1"/>
  <c r="AE62698" i="1"/>
  <c r="AE62699" i="1"/>
  <c r="AE62700" i="1"/>
  <c r="AE62701" i="1"/>
  <c r="AE62702" i="1"/>
  <c r="AE62703" i="1"/>
  <c r="AE62704" i="1"/>
  <c r="AE62705" i="1"/>
  <c r="AE62706" i="1"/>
  <c r="AE62707" i="1"/>
  <c r="AE62708" i="1"/>
  <c r="AE62709" i="1"/>
  <c r="AE62710" i="1"/>
  <c r="AE62711" i="1"/>
  <c r="AE62712" i="1"/>
  <c r="AE62713" i="1"/>
  <c r="AE62714" i="1"/>
  <c r="AE62715" i="1"/>
  <c r="AE62716" i="1"/>
  <c r="AE62717" i="1"/>
  <c r="AE62718" i="1"/>
  <c r="AE62719" i="1"/>
  <c r="AE62720" i="1"/>
  <c r="AE62721" i="1"/>
  <c r="AE62722" i="1"/>
  <c r="AE62723" i="1"/>
  <c r="AE62724" i="1"/>
  <c r="AE62725" i="1"/>
  <c r="AE62726" i="1"/>
  <c r="AE62727" i="1"/>
  <c r="AE62728" i="1"/>
  <c r="AE62729" i="1"/>
  <c r="AE62730" i="1"/>
  <c r="AE62731" i="1"/>
  <c r="AE62732" i="1"/>
  <c r="AE62733" i="1"/>
  <c r="AE62734" i="1"/>
  <c r="AE62735" i="1"/>
  <c r="AE62736" i="1"/>
  <c r="AE62737" i="1"/>
  <c r="AE62738" i="1"/>
  <c r="AE62739" i="1"/>
  <c r="AE62740" i="1"/>
  <c r="AE62741" i="1"/>
  <c r="AE62742" i="1"/>
  <c r="AE62743" i="1"/>
  <c r="AE62744" i="1"/>
  <c r="AE62745" i="1"/>
  <c r="AE62746" i="1"/>
  <c r="AE62747" i="1"/>
  <c r="AE62748" i="1"/>
  <c r="AE62749" i="1"/>
  <c r="AE62750" i="1"/>
  <c r="AE62751" i="1"/>
  <c r="AE62752" i="1"/>
  <c r="AE62753" i="1"/>
  <c r="AE62754" i="1"/>
  <c r="AE62755" i="1"/>
  <c r="AE62756" i="1"/>
  <c r="AE62757" i="1"/>
  <c r="AE62758" i="1"/>
  <c r="AE62759" i="1"/>
  <c r="AE62760" i="1"/>
  <c r="AE62761" i="1"/>
  <c r="AE62762" i="1"/>
  <c r="AE62763" i="1"/>
  <c r="AE62764" i="1"/>
  <c r="AE62765" i="1"/>
  <c r="AE62766" i="1"/>
  <c r="AE62767" i="1"/>
  <c r="AE62768" i="1"/>
  <c r="AE62769" i="1"/>
  <c r="AE62770" i="1"/>
  <c r="AE62771" i="1"/>
  <c r="AE62772" i="1"/>
  <c r="AE62773" i="1"/>
  <c r="AE62774" i="1"/>
  <c r="AE62775" i="1"/>
  <c r="AE62776" i="1"/>
  <c r="AE62777" i="1"/>
  <c r="AE62778" i="1"/>
  <c r="AE62779" i="1"/>
  <c r="AE62780" i="1"/>
  <c r="AE62781" i="1"/>
  <c r="AE62782" i="1"/>
  <c r="AE62783" i="1"/>
  <c r="AE62784" i="1"/>
  <c r="AE62785" i="1"/>
  <c r="AE62786" i="1"/>
  <c r="AE62787" i="1"/>
  <c r="AE62788" i="1"/>
  <c r="AE62789" i="1"/>
  <c r="AE62790" i="1"/>
  <c r="AE62791" i="1"/>
  <c r="AE62792" i="1"/>
  <c r="AE62793" i="1"/>
  <c r="AE62794" i="1"/>
  <c r="AE62795" i="1"/>
  <c r="AE62796" i="1"/>
  <c r="AE62797" i="1"/>
  <c r="AE62798" i="1"/>
  <c r="AE62799" i="1"/>
  <c r="AE62800" i="1"/>
  <c r="AE62801" i="1"/>
  <c r="AE62802" i="1"/>
  <c r="AE62803" i="1"/>
  <c r="AE62804" i="1"/>
  <c r="AE62805" i="1"/>
  <c r="AE62806" i="1"/>
  <c r="AE62807" i="1"/>
  <c r="AE62808" i="1"/>
  <c r="AE62809" i="1"/>
  <c r="AE62810" i="1"/>
  <c r="AE62811" i="1"/>
  <c r="AE62812" i="1"/>
  <c r="AE62813" i="1"/>
  <c r="AE62814" i="1"/>
  <c r="AE62815" i="1"/>
  <c r="AE62816" i="1"/>
  <c r="AE62817" i="1"/>
  <c r="AE62818" i="1"/>
  <c r="AE62819" i="1"/>
  <c r="AE62820" i="1"/>
  <c r="AE62821" i="1"/>
  <c r="AE62822" i="1"/>
  <c r="AE62823" i="1"/>
  <c r="AE62824" i="1"/>
  <c r="AE62825" i="1"/>
  <c r="AE62826" i="1"/>
  <c r="AE62827" i="1"/>
  <c r="AE62828" i="1"/>
  <c r="AE62829" i="1"/>
  <c r="AE62830" i="1"/>
  <c r="AE62831" i="1"/>
  <c r="AE62832" i="1"/>
  <c r="AE62833" i="1"/>
  <c r="AE62834" i="1"/>
  <c r="AE62835" i="1"/>
  <c r="AE62836" i="1"/>
  <c r="AE62837" i="1"/>
  <c r="AE62838" i="1"/>
  <c r="AE62839" i="1"/>
  <c r="AE62840" i="1"/>
  <c r="AE62841" i="1"/>
  <c r="AE62842" i="1"/>
  <c r="AE62843" i="1"/>
  <c r="AE62844" i="1"/>
  <c r="AE62845" i="1"/>
  <c r="AE62846" i="1"/>
  <c r="AE62847" i="1"/>
  <c r="AE62848" i="1"/>
  <c r="AE62849" i="1"/>
  <c r="AE62850" i="1"/>
  <c r="AE62851" i="1"/>
  <c r="AE62852" i="1"/>
  <c r="AE62853" i="1"/>
  <c r="AE62854" i="1"/>
  <c r="AE62855" i="1"/>
  <c r="AE62856" i="1"/>
  <c r="AE62857" i="1"/>
  <c r="AE62858" i="1"/>
  <c r="AE62859" i="1"/>
  <c r="AE62860" i="1"/>
  <c r="AE62861" i="1"/>
  <c r="AE62862" i="1"/>
  <c r="AE62863" i="1"/>
  <c r="AE62864" i="1"/>
  <c r="AE62865" i="1"/>
  <c r="AE62866" i="1"/>
  <c r="AE62867" i="1"/>
  <c r="AE62868" i="1"/>
  <c r="AE62869" i="1"/>
  <c r="AE62870" i="1"/>
  <c r="AE62871" i="1"/>
  <c r="AE62872" i="1"/>
  <c r="AE62873" i="1"/>
  <c r="AE62874" i="1"/>
  <c r="AE62875" i="1"/>
  <c r="AE62876" i="1"/>
  <c r="AE62877" i="1"/>
  <c r="AE62878" i="1"/>
  <c r="AE62879" i="1"/>
  <c r="AE62880" i="1"/>
  <c r="AE62881" i="1"/>
  <c r="AE62882" i="1"/>
  <c r="AE62883" i="1"/>
  <c r="AE62884" i="1"/>
  <c r="AE62885" i="1"/>
  <c r="AE62886" i="1"/>
  <c r="AE62887" i="1"/>
  <c r="AE62888" i="1"/>
  <c r="AE62889" i="1"/>
  <c r="AE62890" i="1"/>
  <c r="AE62891" i="1"/>
  <c r="AE62892" i="1"/>
  <c r="AE62893" i="1"/>
  <c r="AE62894" i="1"/>
  <c r="AE62895" i="1"/>
  <c r="AE62896" i="1"/>
  <c r="AE62897" i="1"/>
  <c r="AE62898" i="1"/>
  <c r="AE62899" i="1"/>
  <c r="AE62900" i="1"/>
  <c r="AE62901" i="1"/>
  <c r="AE62902" i="1"/>
  <c r="AE62903" i="1"/>
  <c r="AE62904" i="1"/>
  <c r="AE62905" i="1"/>
  <c r="AE62906" i="1"/>
  <c r="AE62907" i="1"/>
  <c r="AE62908" i="1"/>
  <c r="AE62909" i="1"/>
  <c r="AE62910" i="1"/>
  <c r="AE62911" i="1"/>
  <c r="AE62912" i="1"/>
  <c r="AE62913" i="1"/>
  <c r="AE62914" i="1"/>
  <c r="AE62915" i="1"/>
  <c r="AE62916" i="1"/>
  <c r="AE62917" i="1"/>
  <c r="AE62918" i="1"/>
  <c r="AE62919" i="1"/>
  <c r="AE62920" i="1"/>
  <c r="AE62921" i="1"/>
  <c r="AE62922" i="1"/>
  <c r="AE62923" i="1"/>
  <c r="AE62924" i="1"/>
  <c r="AE62925" i="1"/>
  <c r="AE62926" i="1"/>
  <c r="AE62927" i="1"/>
  <c r="AE62928" i="1"/>
  <c r="AE62929" i="1"/>
  <c r="AE62930" i="1"/>
  <c r="AE62931" i="1"/>
  <c r="AE62932" i="1"/>
  <c r="AE62933" i="1"/>
  <c r="AE62934" i="1"/>
  <c r="AE62935" i="1"/>
  <c r="AE62936" i="1"/>
  <c r="AE62937" i="1"/>
  <c r="AE62938" i="1"/>
  <c r="AE62939" i="1"/>
  <c r="AE62940" i="1"/>
  <c r="AE62941" i="1"/>
  <c r="AE62942" i="1"/>
  <c r="AE62943" i="1"/>
  <c r="AE62944" i="1"/>
  <c r="AE62945" i="1"/>
  <c r="AE62946" i="1"/>
  <c r="AE62947" i="1"/>
  <c r="AE62948" i="1"/>
  <c r="AE62949" i="1"/>
  <c r="AE62950" i="1"/>
  <c r="AE62951" i="1"/>
  <c r="AE62952" i="1"/>
  <c r="AE62953" i="1"/>
  <c r="AE62954" i="1"/>
  <c r="AE62955" i="1"/>
  <c r="AE62956" i="1"/>
  <c r="AE62957" i="1"/>
  <c r="AE62958" i="1"/>
  <c r="AE62959" i="1"/>
  <c r="AE62960" i="1"/>
  <c r="AE62961" i="1"/>
  <c r="AE62962" i="1"/>
  <c r="AE62963" i="1"/>
  <c r="AE62964" i="1"/>
  <c r="AE62965" i="1"/>
  <c r="AE62966" i="1"/>
  <c r="AE62967" i="1"/>
  <c r="AE62968" i="1"/>
  <c r="AE62969" i="1"/>
  <c r="AE62970" i="1"/>
  <c r="AE62971" i="1"/>
  <c r="AE62972" i="1"/>
  <c r="AE62973" i="1"/>
  <c r="AE62974" i="1"/>
  <c r="AE62975" i="1"/>
  <c r="AE62976" i="1"/>
  <c r="AE62977" i="1"/>
  <c r="AE62978" i="1"/>
  <c r="AE62979" i="1"/>
  <c r="AE62980" i="1"/>
  <c r="AE62981" i="1"/>
  <c r="AE62982" i="1"/>
  <c r="AE62983" i="1"/>
  <c r="AE62984" i="1"/>
  <c r="AE62985" i="1"/>
  <c r="AE62986" i="1"/>
  <c r="AE62987" i="1"/>
  <c r="AE62988" i="1"/>
  <c r="AE62989" i="1"/>
  <c r="AE62990" i="1"/>
  <c r="AE62991" i="1"/>
  <c r="AE62992" i="1"/>
  <c r="AE62993" i="1"/>
  <c r="AE62994" i="1"/>
  <c r="AE62995" i="1"/>
  <c r="AE62996" i="1"/>
  <c r="AE62997" i="1"/>
  <c r="AE62998" i="1"/>
  <c r="AE62999" i="1"/>
  <c r="AE63000" i="1"/>
  <c r="AE63001" i="1"/>
  <c r="AE63002" i="1"/>
  <c r="AE63003" i="1"/>
  <c r="AE63004" i="1"/>
  <c r="AE63005" i="1"/>
  <c r="AE63006" i="1"/>
  <c r="AE63007" i="1"/>
  <c r="AE63008" i="1"/>
  <c r="AE63009" i="1"/>
  <c r="AE63010" i="1"/>
  <c r="AE63011" i="1"/>
  <c r="AE63012" i="1"/>
  <c r="AE63013" i="1"/>
  <c r="AE63014" i="1"/>
  <c r="AE63015" i="1"/>
  <c r="AE63016" i="1"/>
  <c r="AE63017" i="1"/>
  <c r="AE63018" i="1"/>
  <c r="AE63019" i="1"/>
  <c r="AE63020" i="1"/>
  <c r="AE63021" i="1"/>
  <c r="AE63022" i="1"/>
  <c r="AE63023" i="1"/>
  <c r="AE63024" i="1"/>
  <c r="AE63025" i="1"/>
  <c r="AE63026" i="1"/>
  <c r="AE63027" i="1"/>
  <c r="AE63028" i="1"/>
  <c r="AE63029" i="1"/>
  <c r="AE63030" i="1"/>
  <c r="AE63031" i="1"/>
  <c r="AE63032" i="1"/>
  <c r="AE63033" i="1"/>
  <c r="AE63034" i="1"/>
  <c r="AE63035" i="1"/>
  <c r="AE63036" i="1"/>
  <c r="AE63037" i="1"/>
  <c r="AE63038" i="1"/>
  <c r="AE63039" i="1"/>
  <c r="AE63040" i="1"/>
  <c r="AE63041" i="1"/>
  <c r="AE63042" i="1"/>
  <c r="AE63043" i="1"/>
  <c r="AE63044" i="1"/>
  <c r="AE63045" i="1"/>
  <c r="AE63046" i="1"/>
  <c r="AE63047" i="1"/>
  <c r="AE63048" i="1"/>
  <c r="AE63049" i="1"/>
  <c r="AE63050" i="1"/>
  <c r="AE63051" i="1"/>
  <c r="AE63052" i="1"/>
  <c r="AE63053" i="1"/>
  <c r="AE63054" i="1"/>
  <c r="AE63055" i="1"/>
  <c r="AE63056" i="1"/>
  <c r="AE63057" i="1"/>
  <c r="AE63058" i="1"/>
  <c r="AE63059" i="1"/>
  <c r="AE63060" i="1"/>
  <c r="AE63061" i="1"/>
  <c r="AE63062" i="1"/>
  <c r="AE63063" i="1"/>
  <c r="AE63064" i="1"/>
  <c r="AE63065" i="1"/>
  <c r="AE63066" i="1"/>
  <c r="AE63067" i="1"/>
  <c r="AE63068" i="1"/>
  <c r="AE63069" i="1"/>
  <c r="AE63070" i="1"/>
  <c r="AE63071" i="1"/>
  <c r="AE63072" i="1"/>
  <c r="AE63073" i="1"/>
  <c r="AE63074" i="1"/>
  <c r="AE63075" i="1"/>
  <c r="AE63076" i="1"/>
  <c r="AE63077" i="1"/>
  <c r="AE63078" i="1"/>
  <c r="AE63079" i="1"/>
  <c r="AE63080" i="1"/>
  <c r="AE63081" i="1"/>
  <c r="AE63082" i="1"/>
  <c r="AE63083" i="1"/>
  <c r="AE63084" i="1"/>
  <c r="AE63085" i="1"/>
  <c r="AE63086" i="1"/>
  <c r="AE63087" i="1"/>
  <c r="AE63088" i="1"/>
  <c r="AE63089" i="1"/>
  <c r="AE63090" i="1"/>
  <c r="AE63091" i="1"/>
  <c r="AE63092" i="1"/>
  <c r="AE63093" i="1"/>
  <c r="AE63094" i="1"/>
  <c r="AE63095" i="1"/>
  <c r="AE63096" i="1"/>
  <c r="AE63097" i="1"/>
  <c r="AE63098" i="1"/>
  <c r="AE63099" i="1"/>
  <c r="AE63100" i="1"/>
  <c r="AE63101" i="1"/>
  <c r="AE63102" i="1"/>
  <c r="AE63103" i="1"/>
  <c r="AE63104" i="1"/>
  <c r="AE63105" i="1"/>
  <c r="AE63106" i="1"/>
  <c r="AE63107" i="1"/>
  <c r="AE63108" i="1"/>
  <c r="AE63109" i="1"/>
  <c r="AE63110" i="1"/>
  <c r="AE63111" i="1"/>
  <c r="AE63112" i="1"/>
  <c r="AE63113" i="1"/>
  <c r="AE63114" i="1"/>
  <c r="AE63115" i="1"/>
  <c r="AE63116" i="1"/>
  <c r="AE63117" i="1"/>
  <c r="AE63118" i="1"/>
  <c r="AE63119" i="1"/>
  <c r="AE63120" i="1"/>
  <c r="AE63121" i="1"/>
  <c r="AE63122" i="1"/>
  <c r="AE63123" i="1"/>
  <c r="AE63124" i="1"/>
  <c r="AE63125" i="1"/>
  <c r="AE63126" i="1"/>
  <c r="AE63127" i="1"/>
  <c r="AE63128" i="1"/>
  <c r="AE63129" i="1"/>
  <c r="AE63130" i="1"/>
  <c r="AE63131" i="1"/>
  <c r="AE63132" i="1"/>
  <c r="AE63133" i="1"/>
  <c r="AE63134" i="1"/>
  <c r="AE63135" i="1"/>
  <c r="AE63136" i="1"/>
  <c r="AE63137" i="1"/>
  <c r="AE63138" i="1"/>
  <c r="AE63139" i="1"/>
  <c r="AE63140" i="1"/>
  <c r="AE63141" i="1"/>
  <c r="AE63142" i="1"/>
  <c r="AE63143" i="1"/>
  <c r="AE63144" i="1"/>
  <c r="AE63145" i="1"/>
  <c r="AE63146" i="1"/>
  <c r="AE63147" i="1"/>
  <c r="AE63148" i="1"/>
  <c r="AE63149" i="1"/>
  <c r="AE63150" i="1"/>
  <c r="AE63151" i="1"/>
  <c r="AE63152" i="1"/>
  <c r="AE63153" i="1"/>
  <c r="AE63154" i="1"/>
  <c r="AE63155" i="1"/>
  <c r="AE63156" i="1"/>
  <c r="AE63157" i="1"/>
  <c r="AE63158" i="1"/>
  <c r="AE63159" i="1"/>
  <c r="AE63160" i="1"/>
  <c r="AE63161" i="1"/>
  <c r="AE63162" i="1"/>
  <c r="AE63163" i="1"/>
  <c r="AE63164" i="1"/>
  <c r="AE63165" i="1"/>
  <c r="AE63166" i="1"/>
  <c r="AE63167" i="1"/>
  <c r="AE63168" i="1"/>
  <c r="AE63169" i="1"/>
  <c r="AE63170" i="1"/>
  <c r="AE63171" i="1"/>
  <c r="AE63172" i="1"/>
  <c r="AE63173" i="1"/>
  <c r="AE63174" i="1"/>
  <c r="AE63175" i="1"/>
  <c r="AE63176" i="1"/>
  <c r="AE63177" i="1"/>
  <c r="AE63178" i="1"/>
  <c r="AE63179" i="1"/>
  <c r="AE63180" i="1"/>
  <c r="AE63181" i="1"/>
  <c r="AE63182" i="1"/>
  <c r="AE63183" i="1"/>
  <c r="AE63184" i="1"/>
  <c r="AE63185" i="1"/>
  <c r="AE63186" i="1"/>
  <c r="AE63187" i="1"/>
  <c r="AE63188" i="1"/>
  <c r="AE63189" i="1"/>
  <c r="AE63190" i="1"/>
  <c r="AE63191" i="1"/>
  <c r="AE63192" i="1"/>
  <c r="AE63193" i="1"/>
  <c r="AE63194" i="1"/>
  <c r="AE63195" i="1"/>
  <c r="AE63196" i="1"/>
  <c r="AE63197" i="1"/>
  <c r="AE63198" i="1"/>
  <c r="AE63199" i="1"/>
  <c r="AE63200" i="1"/>
  <c r="AE63201" i="1"/>
  <c r="AE63202" i="1"/>
  <c r="AE63203" i="1"/>
  <c r="AE63204" i="1"/>
  <c r="AE63205" i="1"/>
  <c r="AE63206" i="1"/>
  <c r="AE63207" i="1"/>
  <c r="AE63208" i="1"/>
  <c r="AE63209" i="1"/>
  <c r="AE63210" i="1"/>
  <c r="AE63211" i="1"/>
  <c r="AE63212" i="1"/>
  <c r="AE63213" i="1"/>
  <c r="AE63214" i="1"/>
  <c r="AE63215" i="1"/>
  <c r="AE63216" i="1"/>
  <c r="AE63217" i="1"/>
  <c r="AE63218" i="1"/>
  <c r="AE63219" i="1"/>
  <c r="AE63220" i="1"/>
  <c r="AE63221" i="1"/>
  <c r="AE63222" i="1"/>
  <c r="AE63223" i="1"/>
  <c r="AE63224" i="1"/>
  <c r="AE63225" i="1"/>
  <c r="AE63226" i="1"/>
  <c r="AE63227" i="1"/>
  <c r="AE63228" i="1"/>
  <c r="AE63229" i="1"/>
  <c r="AE63230" i="1"/>
  <c r="AE63231" i="1"/>
  <c r="AE63232" i="1"/>
  <c r="AE63233" i="1"/>
  <c r="AE63234" i="1"/>
  <c r="AE63235" i="1"/>
  <c r="AE63236" i="1"/>
  <c r="AE63237" i="1"/>
  <c r="AE63238" i="1"/>
  <c r="AE63239" i="1"/>
  <c r="AE63240" i="1"/>
  <c r="AE63241" i="1"/>
  <c r="AE63242" i="1"/>
  <c r="AE63243" i="1"/>
  <c r="AE63244" i="1"/>
  <c r="AE63245" i="1"/>
  <c r="AE63246" i="1"/>
  <c r="AE63247" i="1"/>
  <c r="AE63248" i="1"/>
  <c r="AE63249" i="1"/>
  <c r="AE63250" i="1"/>
  <c r="AE63251" i="1"/>
  <c r="AE63252" i="1"/>
  <c r="AE63253" i="1"/>
  <c r="AE63254" i="1"/>
  <c r="AE63255" i="1"/>
  <c r="AE63256" i="1"/>
  <c r="AE63257" i="1"/>
  <c r="AE63258" i="1"/>
  <c r="AE63259" i="1"/>
  <c r="AE63260" i="1"/>
  <c r="AE63261" i="1"/>
  <c r="AE63262" i="1"/>
  <c r="AE63263" i="1"/>
  <c r="AE63264" i="1"/>
  <c r="AE63265" i="1"/>
  <c r="AE63266" i="1"/>
  <c r="AE63267" i="1"/>
  <c r="AE63268" i="1"/>
  <c r="AE63269" i="1"/>
  <c r="AE63270" i="1"/>
  <c r="AE63271" i="1"/>
  <c r="AE63272" i="1"/>
  <c r="AE63273" i="1"/>
  <c r="AE63274" i="1"/>
  <c r="AE63275" i="1"/>
  <c r="AE63276" i="1"/>
  <c r="AE63277" i="1"/>
  <c r="AE63278" i="1"/>
  <c r="AE63279" i="1"/>
  <c r="AE63280" i="1"/>
  <c r="AE63281" i="1"/>
  <c r="AE63282" i="1"/>
  <c r="AE63283" i="1"/>
  <c r="AE63284" i="1"/>
  <c r="AE63285" i="1"/>
  <c r="AE63286" i="1"/>
  <c r="AE63287" i="1"/>
  <c r="AE63288" i="1"/>
  <c r="AE63289" i="1"/>
  <c r="AE63290" i="1"/>
  <c r="AE63291" i="1"/>
  <c r="AE63292" i="1"/>
  <c r="AE63293" i="1"/>
  <c r="AE63294" i="1"/>
  <c r="AE63295" i="1"/>
  <c r="AE63296" i="1"/>
  <c r="AE63297" i="1"/>
  <c r="AE63298" i="1"/>
  <c r="AE63299" i="1"/>
  <c r="AE63300" i="1"/>
  <c r="AE63301" i="1"/>
  <c r="AE63302" i="1"/>
  <c r="AE63303" i="1"/>
  <c r="AE63304" i="1"/>
  <c r="AE63305" i="1"/>
  <c r="AE63306" i="1"/>
  <c r="AE63307" i="1"/>
  <c r="AE63308" i="1"/>
  <c r="AE63309" i="1"/>
  <c r="AE63310" i="1"/>
  <c r="AE63311" i="1"/>
  <c r="AE63312" i="1"/>
  <c r="AE63313" i="1"/>
  <c r="AE63314" i="1"/>
  <c r="AE63315" i="1"/>
  <c r="AE63316" i="1"/>
  <c r="AE63317" i="1"/>
  <c r="AE63318" i="1"/>
  <c r="AE63319" i="1"/>
  <c r="AE63320" i="1"/>
  <c r="AE63321" i="1"/>
  <c r="AE63322" i="1"/>
  <c r="AE63323" i="1"/>
  <c r="AE63324" i="1"/>
  <c r="AE63325" i="1"/>
  <c r="AE63326" i="1"/>
  <c r="AE63327" i="1"/>
  <c r="AE63328" i="1"/>
  <c r="AE63329" i="1"/>
  <c r="AE63330" i="1"/>
  <c r="AE63331" i="1"/>
  <c r="AE63332" i="1"/>
  <c r="AE63333" i="1"/>
  <c r="AE63334" i="1"/>
  <c r="AE63335" i="1"/>
  <c r="AE63336" i="1"/>
  <c r="AE63337" i="1"/>
  <c r="AE63338" i="1"/>
  <c r="AE63339" i="1"/>
  <c r="AE63340" i="1"/>
  <c r="AE63341" i="1"/>
  <c r="AE63342" i="1"/>
  <c r="AE63343" i="1"/>
  <c r="AE63344" i="1"/>
  <c r="AE63345" i="1"/>
  <c r="AE63346" i="1"/>
  <c r="AE63347" i="1"/>
  <c r="AE63348" i="1"/>
  <c r="AE63349" i="1"/>
  <c r="AE63350" i="1"/>
  <c r="AE63351" i="1"/>
  <c r="AE63352" i="1"/>
  <c r="AE63353" i="1"/>
  <c r="AE63354" i="1"/>
  <c r="AE63355" i="1"/>
  <c r="AE63356" i="1"/>
  <c r="AE63357" i="1"/>
  <c r="AE63358" i="1"/>
  <c r="AE63359" i="1"/>
  <c r="AE63360" i="1"/>
  <c r="AE63361" i="1"/>
  <c r="AE63362" i="1"/>
  <c r="AE63363" i="1"/>
  <c r="AE63364" i="1"/>
  <c r="AE63365" i="1"/>
  <c r="AE63366" i="1"/>
  <c r="AE63367" i="1"/>
  <c r="AE63368" i="1"/>
  <c r="AE63369" i="1"/>
  <c r="AE63370" i="1"/>
  <c r="AE63371" i="1"/>
  <c r="AE63372" i="1"/>
  <c r="AE63373" i="1"/>
  <c r="AE63374" i="1"/>
  <c r="AE63375" i="1"/>
  <c r="AE63376" i="1"/>
  <c r="AE63377" i="1"/>
  <c r="AE63378" i="1"/>
  <c r="AE63379" i="1"/>
  <c r="AE63380" i="1"/>
  <c r="AE63381" i="1"/>
  <c r="AE63382" i="1"/>
  <c r="AE63383" i="1"/>
  <c r="AE63384" i="1"/>
  <c r="AE63385" i="1"/>
  <c r="AE63386" i="1"/>
  <c r="AE63387" i="1"/>
  <c r="AE63388" i="1"/>
  <c r="AE63389" i="1"/>
  <c r="AE63390" i="1"/>
  <c r="AE63391" i="1"/>
  <c r="AE63392" i="1"/>
  <c r="AE63393" i="1"/>
  <c r="AE63394" i="1"/>
  <c r="AE63395" i="1"/>
  <c r="AE63396" i="1"/>
  <c r="AE63397" i="1"/>
  <c r="AE63398" i="1"/>
  <c r="AE63399" i="1"/>
  <c r="AE63400" i="1"/>
  <c r="AE63401" i="1"/>
  <c r="AE63402" i="1"/>
  <c r="AE63403" i="1"/>
  <c r="AE63404" i="1"/>
  <c r="AE63405" i="1"/>
  <c r="AE63406" i="1"/>
  <c r="AE63407" i="1"/>
  <c r="AE63408" i="1"/>
  <c r="AE63409" i="1"/>
  <c r="AE63410" i="1"/>
  <c r="AE63411" i="1"/>
  <c r="AE63412" i="1"/>
  <c r="AE63413" i="1"/>
  <c r="AE63414" i="1"/>
  <c r="AE63415" i="1"/>
  <c r="AE63416" i="1"/>
  <c r="AE63417" i="1"/>
  <c r="AE63418" i="1"/>
  <c r="AE63419" i="1"/>
  <c r="AE63420" i="1"/>
  <c r="AE63421" i="1"/>
  <c r="AE63422" i="1"/>
  <c r="AE63423" i="1"/>
  <c r="AE63424" i="1"/>
  <c r="AE63425" i="1"/>
  <c r="AE63426" i="1"/>
  <c r="AE63427" i="1"/>
  <c r="AE63428" i="1"/>
  <c r="AE63429" i="1"/>
  <c r="AE63430" i="1"/>
  <c r="AE63431" i="1"/>
  <c r="AE63432" i="1"/>
  <c r="AE63433" i="1"/>
  <c r="AE63434" i="1"/>
  <c r="AE63435" i="1"/>
  <c r="AE63436" i="1"/>
  <c r="AE63437" i="1"/>
  <c r="AE63438" i="1"/>
  <c r="AE63439" i="1"/>
  <c r="AE63440" i="1"/>
  <c r="AE63441" i="1"/>
  <c r="AE63442" i="1"/>
  <c r="AE63443" i="1"/>
  <c r="AE63444" i="1"/>
  <c r="AE63445" i="1"/>
  <c r="AE63446" i="1"/>
  <c r="AE63447" i="1"/>
  <c r="AE63448" i="1"/>
  <c r="AE63449" i="1"/>
  <c r="AE63450" i="1"/>
  <c r="AE63451" i="1"/>
  <c r="AE63452" i="1"/>
  <c r="AE63453" i="1"/>
  <c r="AE63454" i="1"/>
  <c r="AE63455" i="1"/>
  <c r="AE63456" i="1"/>
  <c r="AE63457" i="1"/>
  <c r="AE63458" i="1"/>
  <c r="AE63459" i="1"/>
  <c r="AE63460" i="1"/>
  <c r="AE63461" i="1"/>
  <c r="AE63462" i="1"/>
  <c r="AE63463" i="1"/>
  <c r="AE63464" i="1"/>
  <c r="AE63465" i="1"/>
  <c r="AE63466" i="1"/>
  <c r="AE63467" i="1"/>
  <c r="AE63468" i="1"/>
  <c r="AE63469" i="1"/>
  <c r="AE63470" i="1"/>
  <c r="AE63471" i="1"/>
  <c r="AE63472" i="1"/>
  <c r="AE63473" i="1"/>
  <c r="AE63474" i="1"/>
  <c r="AE63475" i="1"/>
  <c r="AE63476" i="1"/>
  <c r="AE63477" i="1"/>
  <c r="AE63478" i="1"/>
  <c r="AE63479" i="1"/>
  <c r="AE63480" i="1"/>
  <c r="AE63481" i="1"/>
  <c r="AE63482" i="1"/>
  <c r="AE63483" i="1"/>
  <c r="AE63484" i="1"/>
  <c r="AE63485" i="1"/>
  <c r="AE63486" i="1"/>
  <c r="AE63487" i="1"/>
  <c r="AE63488" i="1"/>
  <c r="AE63489" i="1"/>
  <c r="AE63490" i="1"/>
  <c r="AE63491" i="1"/>
  <c r="AE63492" i="1"/>
  <c r="AE63493" i="1"/>
  <c r="AE63494" i="1"/>
  <c r="AE63495" i="1"/>
  <c r="AE63496" i="1"/>
  <c r="AE63497" i="1"/>
  <c r="AE63498" i="1"/>
  <c r="AE63499" i="1"/>
  <c r="AE63500" i="1"/>
  <c r="AE63501" i="1"/>
  <c r="AE63502" i="1"/>
  <c r="AE63503" i="1"/>
  <c r="AE63504" i="1"/>
  <c r="AE63505" i="1"/>
  <c r="AE63506" i="1"/>
  <c r="AE63507" i="1"/>
  <c r="AE63508" i="1"/>
  <c r="AE63509" i="1"/>
  <c r="AE63510" i="1"/>
  <c r="AE63511" i="1"/>
  <c r="AE63512" i="1"/>
  <c r="AE63513" i="1"/>
  <c r="AE63514" i="1"/>
  <c r="AE63515" i="1"/>
  <c r="AE63516" i="1"/>
  <c r="AE63517" i="1"/>
  <c r="AE63518" i="1"/>
  <c r="AE63519" i="1"/>
  <c r="AE63520" i="1"/>
  <c r="AE63521" i="1"/>
  <c r="AE63522" i="1"/>
  <c r="AE63523" i="1"/>
  <c r="AE63524" i="1"/>
  <c r="AE63525" i="1"/>
  <c r="AE63526" i="1"/>
  <c r="AE63527" i="1"/>
  <c r="AE63528" i="1"/>
  <c r="AE63529" i="1"/>
  <c r="AE63530" i="1"/>
  <c r="AE63531" i="1"/>
  <c r="AE63532" i="1"/>
  <c r="AE63533" i="1"/>
  <c r="AE63534" i="1"/>
  <c r="AE63535" i="1"/>
  <c r="AE63536" i="1"/>
  <c r="AE63537" i="1"/>
  <c r="AE63538" i="1"/>
  <c r="AE63539" i="1"/>
  <c r="AE63540" i="1"/>
  <c r="AE63541" i="1"/>
  <c r="AE63542" i="1"/>
  <c r="AE63543" i="1"/>
  <c r="AE63544" i="1"/>
  <c r="AE63545" i="1"/>
  <c r="AE63546" i="1"/>
  <c r="AE63547" i="1"/>
  <c r="AE63548" i="1"/>
  <c r="AE63549" i="1"/>
  <c r="AE63550" i="1"/>
  <c r="AE63551" i="1"/>
  <c r="AE63552" i="1"/>
  <c r="AE63553" i="1"/>
  <c r="AE63554" i="1"/>
  <c r="AE63555" i="1"/>
  <c r="AE63556" i="1"/>
  <c r="AE63557" i="1"/>
  <c r="AE63558" i="1"/>
  <c r="AE63559" i="1"/>
  <c r="AE63560" i="1"/>
  <c r="AE63561" i="1"/>
  <c r="AE63562" i="1"/>
  <c r="AE63563" i="1"/>
  <c r="AE63564" i="1"/>
  <c r="AE63565" i="1"/>
  <c r="AE63566" i="1"/>
  <c r="AE63567" i="1"/>
  <c r="AE63568" i="1"/>
  <c r="AE63569" i="1"/>
  <c r="AE63570" i="1"/>
  <c r="AE63571" i="1"/>
  <c r="AE63572" i="1"/>
  <c r="AE63573" i="1"/>
  <c r="AE63574" i="1"/>
  <c r="AE63575" i="1"/>
  <c r="AE63576" i="1"/>
  <c r="AE63577" i="1"/>
  <c r="AE63578" i="1"/>
  <c r="AE63579" i="1"/>
  <c r="AE63580" i="1"/>
  <c r="AE63581" i="1"/>
  <c r="AE63582" i="1"/>
  <c r="AE63583" i="1"/>
  <c r="AE63584" i="1"/>
  <c r="AE63585" i="1"/>
  <c r="AE63586" i="1"/>
  <c r="AE63587" i="1"/>
  <c r="AE63588" i="1"/>
  <c r="AE63589" i="1"/>
  <c r="AE63590" i="1"/>
  <c r="AE63591" i="1"/>
  <c r="AE63592" i="1"/>
  <c r="AE63593" i="1"/>
  <c r="AE63594" i="1"/>
  <c r="AE63595" i="1"/>
  <c r="AE63596" i="1"/>
  <c r="AE63597" i="1"/>
  <c r="AE63598" i="1"/>
  <c r="AE63599" i="1"/>
  <c r="AE63600" i="1"/>
  <c r="AE63601" i="1"/>
  <c r="AE63602" i="1"/>
  <c r="AE63603" i="1"/>
  <c r="AE63604" i="1"/>
  <c r="AE63605" i="1"/>
  <c r="AE63606" i="1"/>
  <c r="AE63607" i="1"/>
  <c r="AE63608" i="1"/>
  <c r="AE63609" i="1"/>
  <c r="AE63610" i="1"/>
  <c r="AE63611" i="1"/>
  <c r="AE63612" i="1"/>
  <c r="AE63613" i="1"/>
  <c r="AE63614" i="1"/>
  <c r="AE63615" i="1"/>
  <c r="AE63616" i="1"/>
  <c r="AE63617" i="1"/>
  <c r="AE63618" i="1"/>
  <c r="AE63619" i="1"/>
  <c r="AE63620" i="1"/>
  <c r="AE63621" i="1"/>
  <c r="AE63622" i="1"/>
  <c r="AE63623" i="1"/>
  <c r="AE63624" i="1"/>
  <c r="AE63625" i="1"/>
  <c r="AE63626" i="1"/>
  <c r="AE63627" i="1"/>
  <c r="AE63628" i="1"/>
  <c r="AE63629" i="1"/>
  <c r="AE63630" i="1"/>
  <c r="AE63631" i="1"/>
  <c r="AE63632" i="1"/>
  <c r="AE63633" i="1"/>
  <c r="AE63634" i="1"/>
  <c r="AE63635" i="1"/>
  <c r="AE63636" i="1"/>
  <c r="AE63637" i="1"/>
  <c r="AE63638" i="1"/>
  <c r="AE63639" i="1"/>
  <c r="AE63640" i="1"/>
  <c r="AE63641" i="1"/>
  <c r="AE63642" i="1"/>
  <c r="AE63643" i="1"/>
  <c r="AE63644" i="1"/>
  <c r="AE63645" i="1"/>
  <c r="AE63646" i="1"/>
  <c r="AE63647" i="1"/>
  <c r="AE63648" i="1"/>
  <c r="AE63649" i="1"/>
  <c r="AE63650" i="1"/>
  <c r="AE63651" i="1"/>
  <c r="AE63652" i="1"/>
  <c r="AE63653" i="1"/>
  <c r="AE63654" i="1"/>
  <c r="AE63655" i="1"/>
  <c r="AE63656" i="1"/>
  <c r="AE63657" i="1"/>
  <c r="AE63658" i="1"/>
  <c r="AE63659" i="1"/>
  <c r="AE63660" i="1"/>
  <c r="AE63661" i="1"/>
  <c r="AE63662" i="1"/>
  <c r="AE63663" i="1"/>
  <c r="AE63664" i="1"/>
  <c r="AE63665" i="1"/>
  <c r="AE63666" i="1"/>
  <c r="AE63667" i="1"/>
  <c r="AE63668" i="1"/>
  <c r="AE63669" i="1"/>
  <c r="AE63670" i="1"/>
  <c r="AE63671" i="1"/>
  <c r="AE63672" i="1"/>
  <c r="AE63673" i="1"/>
  <c r="AE63674" i="1"/>
  <c r="AE63675" i="1"/>
  <c r="AE63676" i="1"/>
  <c r="AE63677" i="1"/>
  <c r="AE63678" i="1"/>
  <c r="AE63679" i="1"/>
  <c r="AE63680" i="1"/>
  <c r="AE63681" i="1"/>
  <c r="AE63682" i="1"/>
  <c r="AE63683" i="1"/>
  <c r="AE63684" i="1"/>
  <c r="AE63685" i="1"/>
  <c r="AE63686" i="1"/>
  <c r="AE63687" i="1"/>
  <c r="AE63688" i="1"/>
  <c r="AE63689" i="1"/>
  <c r="AE63690" i="1"/>
  <c r="AE63691" i="1"/>
  <c r="AE63692" i="1"/>
  <c r="AE63693" i="1"/>
  <c r="AE63694" i="1"/>
  <c r="AE63695" i="1"/>
  <c r="AE63696" i="1"/>
  <c r="AE63697" i="1"/>
  <c r="AE63698" i="1"/>
  <c r="AE63699" i="1"/>
  <c r="AE63700" i="1"/>
  <c r="AE63701" i="1"/>
  <c r="AE63702" i="1"/>
  <c r="AE63703" i="1"/>
  <c r="AE63704" i="1"/>
  <c r="AE63705" i="1"/>
  <c r="AE63706" i="1"/>
  <c r="AE63707" i="1"/>
  <c r="AE63708" i="1"/>
  <c r="AE63709" i="1"/>
  <c r="AE63710" i="1"/>
  <c r="AE63711" i="1"/>
  <c r="AE63712" i="1"/>
  <c r="AE63713" i="1"/>
  <c r="AE63714" i="1"/>
  <c r="AE63715" i="1"/>
  <c r="AE63716" i="1"/>
  <c r="AE63717" i="1"/>
  <c r="AE63718" i="1"/>
  <c r="AE63719" i="1"/>
  <c r="AE63720" i="1"/>
  <c r="AE63721" i="1"/>
  <c r="AE63722" i="1"/>
  <c r="AE63723" i="1"/>
  <c r="AE63724" i="1"/>
  <c r="AE63725" i="1"/>
  <c r="AE63726" i="1"/>
  <c r="AE63727" i="1"/>
  <c r="AE63728" i="1"/>
  <c r="AE63729" i="1"/>
  <c r="AE63730" i="1"/>
  <c r="AE63731" i="1"/>
  <c r="AE63732" i="1"/>
  <c r="AE63733" i="1"/>
  <c r="AE63734" i="1"/>
  <c r="AE63735" i="1"/>
  <c r="AE63736" i="1"/>
  <c r="AE63737" i="1"/>
  <c r="AE63738" i="1"/>
  <c r="AE63739" i="1"/>
  <c r="AE63740" i="1"/>
  <c r="AE63741" i="1"/>
  <c r="AE63742" i="1"/>
  <c r="AE63743" i="1"/>
  <c r="AE63744" i="1"/>
  <c r="AE63745" i="1"/>
  <c r="AE63746" i="1"/>
  <c r="AE63747" i="1"/>
  <c r="AE63748" i="1"/>
  <c r="AE63749" i="1"/>
  <c r="AE63750" i="1"/>
  <c r="AE63751" i="1"/>
  <c r="AE63752" i="1"/>
  <c r="AE63753" i="1"/>
  <c r="AE63754" i="1"/>
  <c r="AE63755" i="1"/>
  <c r="AE63756" i="1"/>
  <c r="AE63757" i="1"/>
  <c r="AE63758" i="1"/>
  <c r="AE63759" i="1"/>
  <c r="AE63760" i="1"/>
  <c r="AE63761" i="1"/>
  <c r="AE63762" i="1"/>
  <c r="AE63763" i="1"/>
  <c r="AE63764" i="1"/>
  <c r="AE63765" i="1"/>
  <c r="AE63766" i="1"/>
  <c r="AE63767" i="1"/>
  <c r="AE63768" i="1"/>
  <c r="AE63769" i="1"/>
  <c r="AE63770" i="1"/>
  <c r="AE63771" i="1"/>
  <c r="AE63772" i="1"/>
  <c r="AE63773" i="1"/>
  <c r="AE63774" i="1"/>
  <c r="AE63775" i="1"/>
  <c r="AE63776" i="1"/>
  <c r="AE63777" i="1"/>
  <c r="AE63778" i="1"/>
  <c r="AE63779" i="1"/>
  <c r="AE63780" i="1"/>
  <c r="AE63781" i="1"/>
  <c r="AE63782" i="1"/>
  <c r="AE63783" i="1"/>
  <c r="AE63784" i="1"/>
  <c r="AE63785" i="1"/>
  <c r="AE63786" i="1"/>
  <c r="AE63787" i="1"/>
  <c r="AE63788" i="1"/>
  <c r="AE63789" i="1"/>
  <c r="AE63790" i="1"/>
  <c r="AE63791" i="1"/>
  <c r="AE63792" i="1"/>
  <c r="AE63793" i="1"/>
  <c r="AE63794" i="1"/>
  <c r="AE63795" i="1"/>
  <c r="AE63796" i="1"/>
  <c r="AE63797" i="1"/>
  <c r="AE63798" i="1"/>
  <c r="AE63799" i="1"/>
  <c r="AE63800" i="1"/>
  <c r="AE63801" i="1"/>
  <c r="AE63802" i="1"/>
  <c r="AE63803" i="1"/>
  <c r="AE63804" i="1"/>
  <c r="AE63805" i="1"/>
  <c r="AE63806" i="1"/>
  <c r="AE63807" i="1"/>
  <c r="AE63808" i="1"/>
  <c r="AE63809" i="1"/>
  <c r="AE63810" i="1"/>
  <c r="AE63811" i="1"/>
  <c r="AE63812" i="1"/>
  <c r="AE63813" i="1"/>
  <c r="AE63814" i="1"/>
  <c r="AE63815" i="1"/>
  <c r="AE63816" i="1"/>
  <c r="AE63817" i="1"/>
  <c r="AE63818" i="1"/>
  <c r="AE63819" i="1"/>
  <c r="AE63820" i="1"/>
  <c r="AE63821" i="1"/>
  <c r="AE63822" i="1"/>
  <c r="AE63823" i="1"/>
  <c r="AE63824" i="1"/>
  <c r="AE63825" i="1"/>
  <c r="AE63826" i="1"/>
  <c r="AE63827" i="1"/>
  <c r="AE63828" i="1"/>
  <c r="AE63829" i="1"/>
  <c r="AE63830" i="1"/>
  <c r="AE63831" i="1"/>
  <c r="AE63832" i="1"/>
  <c r="AE63833" i="1"/>
  <c r="AE63834" i="1"/>
  <c r="AE63835" i="1"/>
  <c r="AE63836" i="1"/>
  <c r="AE63837" i="1"/>
  <c r="AE63838" i="1"/>
  <c r="AE63839" i="1"/>
  <c r="AE63840" i="1"/>
  <c r="AE63841" i="1"/>
  <c r="AE63842" i="1"/>
  <c r="AE63843" i="1"/>
  <c r="AE63844" i="1"/>
  <c r="AE63845" i="1"/>
  <c r="AE63846" i="1"/>
  <c r="AE63847" i="1"/>
  <c r="AE63848" i="1"/>
  <c r="AE63849" i="1"/>
  <c r="AE63850" i="1"/>
  <c r="AE63851" i="1"/>
  <c r="AE63852" i="1"/>
  <c r="AE63853" i="1"/>
  <c r="AE63854" i="1"/>
  <c r="AE63855" i="1"/>
  <c r="AE63856" i="1"/>
  <c r="AE63857" i="1"/>
  <c r="AE63858" i="1"/>
  <c r="AE63859" i="1"/>
  <c r="AE63860" i="1"/>
  <c r="AE63861" i="1"/>
  <c r="AE63862" i="1"/>
  <c r="AE63863" i="1"/>
  <c r="AE63864" i="1"/>
  <c r="AE63865" i="1"/>
  <c r="AE63866" i="1"/>
  <c r="AE63867" i="1"/>
  <c r="AE63868" i="1"/>
  <c r="AE63869" i="1"/>
  <c r="AE63870" i="1"/>
  <c r="AE63871" i="1"/>
  <c r="AE63872" i="1"/>
  <c r="AE63873" i="1"/>
  <c r="AE63874" i="1"/>
  <c r="AE63875" i="1"/>
  <c r="AE63876" i="1"/>
  <c r="AE63877" i="1"/>
  <c r="AE63878" i="1"/>
  <c r="AE63879" i="1"/>
  <c r="AE63880" i="1"/>
  <c r="AE63881" i="1"/>
  <c r="AE63882" i="1"/>
  <c r="AE63883" i="1"/>
  <c r="AE63884" i="1"/>
  <c r="AE63885" i="1"/>
  <c r="AE63886" i="1"/>
  <c r="AE63887" i="1"/>
  <c r="AE63888" i="1"/>
  <c r="AE63889" i="1"/>
  <c r="AE63890" i="1"/>
  <c r="AE63891" i="1"/>
  <c r="AE63892" i="1"/>
  <c r="AE63893" i="1"/>
  <c r="AE63894" i="1"/>
  <c r="AE63895" i="1"/>
  <c r="AE63896" i="1"/>
  <c r="AE63897" i="1"/>
  <c r="AE63898" i="1"/>
  <c r="AE63899" i="1"/>
  <c r="AE63900" i="1"/>
  <c r="AE63901" i="1"/>
  <c r="AE63902" i="1"/>
  <c r="AE63903" i="1"/>
  <c r="AE63904" i="1"/>
  <c r="AE63905" i="1"/>
  <c r="AE63906" i="1"/>
  <c r="AE63907" i="1"/>
  <c r="AE63908" i="1"/>
  <c r="AE63909" i="1"/>
  <c r="AE63910" i="1"/>
  <c r="AE63911" i="1"/>
  <c r="AE63912" i="1"/>
  <c r="AE63913" i="1"/>
  <c r="AE63914" i="1"/>
  <c r="AE63915" i="1"/>
  <c r="AE63916" i="1"/>
  <c r="AE63917" i="1"/>
  <c r="AE63918" i="1"/>
  <c r="AE63919" i="1"/>
  <c r="AE63920" i="1"/>
  <c r="AE63921" i="1"/>
  <c r="AE63922" i="1"/>
  <c r="AE63923" i="1"/>
  <c r="AE63924" i="1"/>
  <c r="AE63925" i="1"/>
  <c r="AE63926" i="1"/>
  <c r="AE63927" i="1"/>
  <c r="AE63928" i="1"/>
  <c r="AE63929" i="1"/>
  <c r="AE63930" i="1"/>
  <c r="AE63931" i="1"/>
  <c r="AE63932" i="1"/>
  <c r="AE63933" i="1"/>
  <c r="AE63934" i="1"/>
  <c r="AE63935" i="1"/>
  <c r="AE63936" i="1"/>
  <c r="AE63937" i="1"/>
  <c r="AE63938" i="1"/>
  <c r="AE63939" i="1"/>
  <c r="AE63940" i="1"/>
  <c r="AE63941" i="1"/>
  <c r="AE63942" i="1"/>
  <c r="AE63943" i="1"/>
  <c r="AE63944" i="1"/>
  <c r="AE63945" i="1"/>
  <c r="AE63946" i="1"/>
  <c r="AE63947" i="1"/>
  <c r="AE63948" i="1"/>
  <c r="AE63949" i="1"/>
  <c r="AE63950" i="1"/>
  <c r="AE63951" i="1"/>
  <c r="AE63952" i="1"/>
  <c r="AE63953" i="1"/>
  <c r="AE63954" i="1"/>
  <c r="AE63955" i="1"/>
  <c r="AE63956" i="1"/>
  <c r="AE63957" i="1"/>
  <c r="AE63958" i="1"/>
  <c r="AE63959" i="1"/>
  <c r="AE63960" i="1"/>
  <c r="AE63961" i="1"/>
  <c r="AE63962" i="1"/>
  <c r="AE63963" i="1"/>
  <c r="AE63964" i="1"/>
  <c r="AE63965" i="1"/>
  <c r="AE63966" i="1"/>
  <c r="AE63967" i="1"/>
  <c r="AE63968" i="1"/>
  <c r="AE63969" i="1"/>
  <c r="AE63970" i="1"/>
  <c r="AE63971" i="1"/>
  <c r="AE63972" i="1"/>
  <c r="AE63973" i="1"/>
  <c r="AE63974" i="1"/>
  <c r="AE63975" i="1"/>
  <c r="AE63976" i="1"/>
  <c r="AE63977" i="1"/>
  <c r="AE63978" i="1"/>
  <c r="AE63979" i="1"/>
  <c r="AE63980" i="1"/>
  <c r="AE63981" i="1"/>
  <c r="AE63982" i="1"/>
  <c r="AE63983" i="1"/>
  <c r="AE63984" i="1"/>
  <c r="AE63985" i="1"/>
  <c r="AE63986" i="1"/>
  <c r="AE63987" i="1"/>
  <c r="AE63988" i="1"/>
  <c r="AE63989" i="1"/>
  <c r="AE63990" i="1"/>
  <c r="AE63991" i="1"/>
  <c r="AE63992" i="1"/>
  <c r="AE63993" i="1"/>
  <c r="AE63994" i="1"/>
  <c r="AE63995" i="1"/>
  <c r="AE63996" i="1"/>
  <c r="AE63997" i="1"/>
  <c r="AE63998" i="1"/>
  <c r="AE63999" i="1"/>
  <c r="AE64000" i="1"/>
  <c r="AE64001" i="1"/>
  <c r="AE64002" i="1"/>
  <c r="AE64003" i="1"/>
  <c r="AE64004" i="1"/>
  <c r="AE64005" i="1"/>
  <c r="AE64006" i="1"/>
  <c r="AE64007" i="1"/>
  <c r="AE64008" i="1"/>
  <c r="AE64009" i="1"/>
  <c r="AE64010" i="1"/>
  <c r="AE64011" i="1"/>
  <c r="AE64012" i="1"/>
  <c r="AE64013" i="1"/>
  <c r="AE64014" i="1"/>
  <c r="AE64015" i="1"/>
  <c r="AE64016" i="1"/>
  <c r="AE64017" i="1"/>
  <c r="AE64018" i="1"/>
  <c r="AE64019" i="1"/>
  <c r="AE64020" i="1"/>
  <c r="AE64021" i="1"/>
  <c r="AE64022" i="1"/>
  <c r="AE64023" i="1"/>
  <c r="AE64024" i="1"/>
  <c r="AE64025" i="1"/>
  <c r="AE64026" i="1"/>
  <c r="AE64027" i="1"/>
  <c r="AE64028" i="1"/>
  <c r="AE64029" i="1"/>
  <c r="AE64030" i="1"/>
  <c r="AE64031" i="1"/>
  <c r="AE64032" i="1"/>
  <c r="AE64033" i="1"/>
  <c r="AE64034" i="1"/>
  <c r="AE64035" i="1"/>
  <c r="AE64036" i="1"/>
  <c r="AE64037" i="1"/>
  <c r="AE64038" i="1"/>
  <c r="AE64039" i="1"/>
  <c r="AE64040" i="1"/>
  <c r="AE64041" i="1"/>
  <c r="AE64042" i="1"/>
  <c r="AE64043" i="1"/>
  <c r="AE64044" i="1"/>
  <c r="AE64045" i="1"/>
  <c r="AE64046" i="1"/>
  <c r="AE64047" i="1"/>
  <c r="AE64048" i="1"/>
  <c r="AE64049" i="1"/>
  <c r="AE64050" i="1"/>
  <c r="AE64051" i="1"/>
  <c r="AE64052" i="1"/>
  <c r="AE64053" i="1"/>
  <c r="AE64054" i="1"/>
  <c r="AE64055" i="1"/>
  <c r="AE64056" i="1"/>
  <c r="AE64057" i="1"/>
  <c r="AE64058" i="1"/>
  <c r="AE64059" i="1"/>
  <c r="AE64060" i="1"/>
  <c r="AE64061" i="1"/>
  <c r="AE64062" i="1"/>
  <c r="AE64063" i="1"/>
  <c r="AE64064" i="1"/>
  <c r="AE64065" i="1"/>
  <c r="AE64066" i="1"/>
  <c r="AE64067" i="1"/>
  <c r="AE64068" i="1"/>
  <c r="AE64069" i="1"/>
  <c r="AE64070" i="1"/>
  <c r="AE64071" i="1"/>
  <c r="AE64072" i="1"/>
  <c r="AE64073" i="1"/>
  <c r="AE64074" i="1"/>
  <c r="AE64075" i="1"/>
  <c r="AE64076" i="1"/>
  <c r="AE64077" i="1"/>
  <c r="AE64078" i="1"/>
  <c r="AE64079" i="1"/>
  <c r="AE64080" i="1"/>
  <c r="AE64081" i="1"/>
  <c r="AE64082" i="1"/>
  <c r="AE64083" i="1"/>
  <c r="AE64084" i="1"/>
  <c r="AE64085" i="1"/>
  <c r="AE64086" i="1"/>
  <c r="AE64087" i="1"/>
  <c r="AE64088" i="1"/>
  <c r="AE64089" i="1"/>
  <c r="AE64090" i="1"/>
  <c r="AE64091" i="1"/>
  <c r="AE64092" i="1"/>
  <c r="AE64093" i="1"/>
  <c r="AE64094" i="1"/>
  <c r="AE64095" i="1"/>
  <c r="AE64096" i="1"/>
  <c r="AE64097" i="1"/>
  <c r="AE64098" i="1"/>
  <c r="AE64099" i="1"/>
  <c r="AE64100" i="1"/>
  <c r="AE64101" i="1"/>
  <c r="AE64102" i="1"/>
  <c r="AE64103" i="1"/>
  <c r="AE64104" i="1"/>
  <c r="AE64105" i="1"/>
  <c r="AE64106" i="1"/>
  <c r="AE64107" i="1"/>
  <c r="AE64108" i="1"/>
  <c r="AE64109" i="1"/>
  <c r="AE64110" i="1"/>
  <c r="AE64111" i="1"/>
  <c r="AE64112" i="1"/>
  <c r="AE64113" i="1"/>
  <c r="AE64114" i="1"/>
  <c r="AE64115" i="1"/>
  <c r="AE64116" i="1"/>
  <c r="AE64117" i="1"/>
  <c r="AE64118" i="1"/>
  <c r="AE64119" i="1"/>
  <c r="AE64120" i="1"/>
  <c r="AE64121" i="1"/>
  <c r="AE64122" i="1"/>
  <c r="AE64123" i="1"/>
  <c r="AE64124" i="1"/>
  <c r="AE64125" i="1"/>
  <c r="AE64126" i="1"/>
  <c r="AE64127" i="1"/>
  <c r="AE64128" i="1"/>
  <c r="AE64129" i="1"/>
  <c r="AE64130" i="1"/>
  <c r="AE64131" i="1"/>
  <c r="AE64132" i="1"/>
  <c r="AE64133" i="1"/>
  <c r="AE64134" i="1"/>
  <c r="AE64135" i="1"/>
  <c r="AE64136" i="1"/>
  <c r="AE64137" i="1"/>
  <c r="AE64138" i="1"/>
  <c r="AE64139" i="1"/>
  <c r="AE64140" i="1"/>
  <c r="AE64141" i="1"/>
  <c r="AE64142" i="1"/>
  <c r="AE64143" i="1"/>
  <c r="AE64144" i="1"/>
  <c r="AE64145" i="1"/>
  <c r="AE64146" i="1"/>
  <c r="AE64147" i="1"/>
  <c r="AE64148" i="1"/>
  <c r="AE64149" i="1"/>
  <c r="AE64150" i="1"/>
  <c r="AE64151" i="1"/>
  <c r="AE64152" i="1"/>
  <c r="AE64153" i="1"/>
  <c r="AE64154" i="1"/>
  <c r="AE64155" i="1"/>
  <c r="AE64156" i="1"/>
  <c r="AE64157" i="1"/>
  <c r="AE64158" i="1"/>
  <c r="AE64159" i="1"/>
  <c r="AE64160" i="1"/>
  <c r="AE64161" i="1"/>
  <c r="AE64162" i="1"/>
  <c r="AE64163" i="1"/>
  <c r="AE64164" i="1"/>
  <c r="AE64165" i="1"/>
  <c r="AE64166" i="1"/>
  <c r="AE64167" i="1"/>
  <c r="AE64168" i="1"/>
  <c r="AE64169" i="1"/>
  <c r="AE64170" i="1"/>
  <c r="AE64171" i="1"/>
  <c r="AE64172" i="1"/>
  <c r="AE64173" i="1"/>
  <c r="AE64174" i="1"/>
  <c r="AE64175" i="1"/>
  <c r="AE64176" i="1"/>
  <c r="AE64177" i="1"/>
  <c r="AE64178" i="1"/>
  <c r="AE64179" i="1"/>
  <c r="AE64180" i="1"/>
  <c r="AE64181" i="1"/>
  <c r="AE64182" i="1"/>
  <c r="AE64183" i="1"/>
  <c r="AE64184" i="1"/>
  <c r="AE64185" i="1"/>
  <c r="AE64186" i="1"/>
  <c r="AE64187" i="1"/>
  <c r="AE64188" i="1"/>
  <c r="AE64189" i="1"/>
  <c r="AE64190" i="1"/>
  <c r="AE64191" i="1"/>
  <c r="AE64192" i="1"/>
  <c r="AE64193" i="1"/>
  <c r="AE64194" i="1"/>
  <c r="AE64195" i="1"/>
  <c r="AE64196" i="1"/>
  <c r="AE64197" i="1"/>
  <c r="AE64198" i="1"/>
  <c r="AE64199" i="1"/>
  <c r="AE64200" i="1"/>
  <c r="AE64201" i="1"/>
  <c r="AE64202" i="1"/>
  <c r="AE64203" i="1"/>
  <c r="AE64204" i="1"/>
  <c r="AE64205" i="1"/>
  <c r="AE64206" i="1"/>
  <c r="AE64207" i="1"/>
  <c r="AE64208" i="1"/>
  <c r="AE64209" i="1"/>
  <c r="AE64210" i="1"/>
  <c r="AE64211" i="1"/>
  <c r="AE64212" i="1"/>
  <c r="AE64213" i="1"/>
  <c r="AE64214" i="1"/>
  <c r="AE64215" i="1"/>
  <c r="AE64216" i="1"/>
  <c r="AE64217" i="1"/>
  <c r="AE64218" i="1"/>
  <c r="AE64219" i="1"/>
  <c r="AE64220" i="1"/>
  <c r="AE64221" i="1"/>
  <c r="AE64222" i="1"/>
  <c r="AE64223" i="1"/>
  <c r="AE64224" i="1"/>
  <c r="AE64225" i="1"/>
  <c r="AE64226" i="1"/>
  <c r="AE64227" i="1"/>
  <c r="AE64228" i="1"/>
  <c r="AE64229" i="1"/>
  <c r="AE64230" i="1"/>
  <c r="AE64231" i="1"/>
  <c r="AE64232" i="1"/>
  <c r="AE64233" i="1"/>
  <c r="AE64234" i="1"/>
  <c r="AE64235" i="1"/>
  <c r="AE64236" i="1"/>
  <c r="AE64237" i="1"/>
  <c r="AE64238" i="1"/>
  <c r="AE64239" i="1"/>
  <c r="AE64240" i="1"/>
  <c r="AE64241" i="1"/>
  <c r="AE64242" i="1"/>
  <c r="AE64243" i="1"/>
  <c r="AE64244" i="1"/>
  <c r="AE64245" i="1"/>
  <c r="AE64246" i="1"/>
  <c r="AE64247" i="1"/>
  <c r="AE64248" i="1"/>
  <c r="AE64249" i="1"/>
  <c r="AE64250" i="1"/>
  <c r="AE64251" i="1"/>
  <c r="AE64252" i="1"/>
  <c r="AE64253" i="1"/>
  <c r="AE64254" i="1"/>
  <c r="AE64255" i="1"/>
  <c r="AE64256" i="1"/>
  <c r="AE64257" i="1"/>
  <c r="AE64258" i="1"/>
  <c r="AE64259" i="1"/>
  <c r="AE64260" i="1"/>
  <c r="AE64261" i="1"/>
  <c r="AE64262" i="1"/>
  <c r="AE64263" i="1"/>
  <c r="AE64264" i="1"/>
  <c r="AE64265" i="1"/>
  <c r="AE64266" i="1"/>
  <c r="AE64267" i="1"/>
  <c r="AE64268" i="1"/>
  <c r="AE64269" i="1"/>
  <c r="AE64270" i="1"/>
  <c r="AE64271" i="1"/>
  <c r="AE64272" i="1"/>
  <c r="AE64273" i="1"/>
  <c r="AE64274" i="1"/>
  <c r="AE64275" i="1"/>
  <c r="AE64276" i="1"/>
  <c r="AE64277" i="1"/>
  <c r="AE64278" i="1"/>
  <c r="AE64279" i="1"/>
  <c r="AE64280" i="1"/>
  <c r="AE64281" i="1"/>
  <c r="AE64282" i="1"/>
  <c r="AE64283" i="1"/>
  <c r="AE64284" i="1"/>
  <c r="AE64285" i="1"/>
  <c r="AE64286" i="1"/>
  <c r="AE64287" i="1"/>
  <c r="AE64288" i="1"/>
  <c r="AE64289" i="1"/>
  <c r="AE64290" i="1"/>
  <c r="AE64291" i="1"/>
  <c r="AE64292" i="1"/>
  <c r="AE64293" i="1"/>
  <c r="AE64294" i="1"/>
  <c r="AE64295" i="1"/>
  <c r="AE64296" i="1"/>
  <c r="AE64297" i="1"/>
  <c r="AE64298" i="1"/>
  <c r="AE64299" i="1"/>
  <c r="AE64300" i="1"/>
  <c r="AE64301" i="1"/>
  <c r="AE64302" i="1"/>
  <c r="AE64303" i="1"/>
  <c r="AE64304" i="1"/>
  <c r="AE64305" i="1"/>
  <c r="AE64306" i="1"/>
  <c r="AE64307" i="1"/>
  <c r="AE64308" i="1"/>
  <c r="AE64309" i="1"/>
  <c r="AE64310" i="1"/>
  <c r="AE64311" i="1"/>
  <c r="AE64312" i="1"/>
  <c r="AE64313" i="1"/>
  <c r="AE64314" i="1"/>
  <c r="AE64315" i="1"/>
  <c r="AE64316" i="1"/>
  <c r="AE64317" i="1"/>
  <c r="AE64318" i="1"/>
  <c r="AE64319" i="1"/>
  <c r="AE64320" i="1"/>
  <c r="AE64321" i="1"/>
  <c r="AE64322" i="1"/>
  <c r="AE64323" i="1"/>
  <c r="AE64324" i="1"/>
  <c r="AE64325" i="1"/>
  <c r="AE64326" i="1"/>
  <c r="AE64327" i="1"/>
  <c r="AE64328" i="1"/>
  <c r="AE64329" i="1"/>
  <c r="AE64330" i="1"/>
  <c r="AE64331" i="1"/>
  <c r="AE64332" i="1"/>
  <c r="AE64333" i="1"/>
  <c r="AE64334" i="1"/>
  <c r="AE64335" i="1"/>
  <c r="AE64336" i="1"/>
  <c r="AE64337" i="1"/>
  <c r="AE64338" i="1"/>
  <c r="AE64339" i="1"/>
  <c r="AE64340" i="1"/>
  <c r="AE64341" i="1"/>
  <c r="AE64342" i="1"/>
  <c r="AE64343" i="1"/>
  <c r="AE64344" i="1"/>
  <c r="AE64345" i="1"/>
  <c r="AE64346" i="1"/>
  <c r="AE64347" i="1"/>
  <c r="AE64348" i="1"/>
  <c r="AE64349" i="1"/>
  <c r="AE64350" i="1"/>
  <c r="AE64351" i="1"/>
  <c r="AE64352" i="1"/>
  <c r="AE64353" i="1"/>
  <c r="AE64354" i="1"/>
  <c r="AE64355" i="1"/>
  <c r="AE64356" i="1"/>
  <c r="AE64357" i="1"/>
  <c r="AE64358" i="1"/>
  <c r="AE64359" i="1"/>
  <c r="AE64360" i="1"/>
  <c r="AE64361" i="1"/>
  <c r="AE64362" i="1"/>
  <c r="AE64363" i="1"/>
  <c r="AE64364" i="1"/>
  <c r="AE64365" i="1"/>
  <c r="AE64366" i="1"/>
  <c r="AE64367" i="1"/>
  <c r="AE64368" i="1"/>
  <c r="AE64369" i="1"/>
  <c r="AE64370" i="1"/>
  <c r="AE64371" i="1"/>
  <c r="AE64372" i="1"/>
  <c r="AE64373" i="1"/>
  <c r="AE64374" i="1"/>
  <c r="AE64375" i="1"/>
  <c r="AE64376" i="1"/>
  <c r="AE64377" i="1"/>
  <c r="AE64378" i="1"/>
  <c r="AE64379" i="1"/>
  <c r="AE64380" i="1"/>
  <c r="AE64381" i="1"/>
  <c r="AE64382" i="1"/>
  <c r="AE64383" i="1"/>
  <c r="AE64384" i="1"/>
  <c r="AE64385" i="1"/>
  <c r="AE64386" i="1"/>
  <c r="AE64387" i="1"/>
  <c r="AE64388" i="1"/>
  <c r="AE64389" i="1"/>
  <c r="AE64390" i="1"/>
  <c r="AE64391" i="1"/>
  <c r="AE64392" i="1"/>
  <c r="AE64393" i="1"/>
  <c r="AE64394" i="1"/>
  <c r="AE64395" i="1"/>
  <c r="AE64396" i="1"/>
  <c r="AE64397" i="1"/>
  <c r="AE64398" i="1"/>
  <c r="AE64399" i="1"/>
  <c r="AE64400" i="1"/>
  <c r="AE64401" i="1"/>
  <c r="AE64402" i="1"/>
  <c r="AE64403" i="1"/>
  <c r="AE64404" i="1"/>
  <c r="AE64405" i="1"/>
  <c r="AE64406" i="1"/>
  <c r="AE64407" i="1"/>
  <c r="AE64408" i="1"/>
  <c r="AE64409" i="1"/>
  <c r="AE64410" i="1"/>
  <c r="AE64411" i="1"/>
  <c r="AE64412" i="1"/>
  <c r="AE64413" i="1"/>
  <c r="AE64414" i="1"/>
  <c r="AE64415" i="1"/>
  <c r="AE64416" i="1"/>
  <c r="AE64417" i="1"/>
  <c r="AE64418" i="1"/>
  <c r="AE64419" i="1"/>
  <c r="AE64420" i="1"/>
  <c r="AE64421" i="1"/>
  <c r="AE64422" i="1"/>
  <c r="AE64423" i="1"/>
  <c r="AE64424" i="1"/>
  <c r="AE64425" i="1"/>
  <c r="AE64426" i="1"/>
  <c r="AE64427" i="1"/>
  <c r="AE64428" i="1"/>
  <c r="AE64429" i="1"/>
  <c r="AE64430" i="1"/>
  <c r="AE64431" i="1"/>
  <c r="AE64432" i="1"/>
  <c r="AE64433" i="1"/>
  <c r="AE64434" i="1"/>
  <c r="AE64435" i="1"/>
  <c r="AE64436" i="1"/>
  <c r="AE64437" i="1"/>
  <c r="AE64438" i="1"/>
  <c r="AE64439" i="1"/>
  <c r="AE64440" i="1"/>
  <c r="AE64441" i="1"/>
  <c r="AE64442" i="1"/>
  <c r="AE64443" i="1"/>
  <c r="AE64444" i="1"/>
  <c r="AE64445" i="1"/>
  <c r="AE64446" i="1"/>
  <c r="AE64447" i="1"/>
  <c r="AE64448" i="1"/>
  <c r="AE64449" i="1"/>
  <c r="AE64450" i="1"/>
  <c r="AE64451" i="1"/>
  <c r="AE64452" i="1"/>
  <c r="AE64453" i="1"/>
  <c r="AE64454" i="1"/>
  <c r="AE64455" i="1"/>
  <c r="AE64456" i="1"/>
  <c r="AE64457" i="1"/>
  <c r="AE64458" i="1"/>
  <c r="AE64459" i="1"/>
  <c r="AE64460" i="1"/>
  <c r="AE64461" i="1"/>
  <c r="AE64462" i="1"/>
  <c r="AE64463" i="1"/>
  <c r="AE64464" i="1"/>
  <c r="AE64465" i="1"/>
  <c r="AE64466" i="1"/>
  <c r="AE64467" i="1"/>
  <c r="AE64468" i="1"/>
  <c r="AE64469" i="1"/>
  <c r="AE64470" i="1"/>
  <c r="AE64471" i="1"/>
  <c r="AE64472" i="1"/>
  <c r="AE64473" i="1"/>
  <c r="AE64474" i="1"/>
  <c r="AE64475" i="1"/>
  <c r="AE64476" i="1"/>
  <c r="AE64477" i="1"/>
  <c r="AE64478" i="1"/>
  <c r="AE64479" i="1"/>
  <c r="AE64480" i="1"/>
  <c r="AE64481" i="1"/>
  <c r="AE64482" i="1"/>
  <c r="AE64483" i="1"/>
  <c r="AE64484" i="1"/>
  <c r="AE64485" i="1"/>
  <c r="AE64486" i="1"/>
  <c r="AE64487" i="1"/>
  <c r="AE64488" i="1"/>
  <c r="AE64489" i="1"/>
  <c r="AE64490" i="1"/>
  <c r="AE64491" i="1"/>
  <c r="AE64492" i="1"/>
  <c r="AE64493" i="1"/>
  <c r="AE64494" i="1"/>
  <c r="AE64495" i="1"/>
  <c r="AE64496" i="1"/>
  <c r="AE64497" i="1"/>
  <c r="AE64498" i="1"/>
  <c r="AE64499" i="1"/>
  <c r="AE64500" i="1"/>
  <c r="AE64501" i="1"/>
  <c r="AE64502" i="1"/>
  <c r="AE64503" i="1"/>
  <c r="AE64504" i="1"/>
  <c r="AE64505" i="1"/>
  <c r="AE64506" i="1"/>
  <c r="AE64507" i="1"/>
  <c r="AE64508" i="1"/>
  <c r="AE64509" i="1"/>
  <c r="AE64510" i="1"/>
  <c r="AE64511" i="1"/>
  <c r="AE64512" i="1"/>
  <c r="AE64513" i="1"/>
  <c r="AE64514" i="1"/>
  <c r="AE64515" i="1"/>
  <c r="AE64516" i="1"/>
  <c r="AE64517" i="1"/>
  <c r="AE64518" i="1"/>
  <c r="AE64519" i="1"/>
  <c r="AE64520" i="1"/>
  <c r="AE64521" i="1"/>
  <c r="AE64522" i="1"/>
  <c r="AE64523" i="1"/>
  <c r="AE64524" i="1"/>
  <c r="AE64525" i="1"/>
  <c r="AE64526" i="1"/>
  <c r="AE64527" i="1"/>
  <c r="AE64528" i="1"/>
  <c r="AE64529" i="1"/>
  <c r="AE64530" i="1"/>
  <c r="AE64531" i="1"/>
  <c r="AE64532" i="1"/>
  <c r="AE64533" i="1"/>
  <c r="AE64534" i="1"/>
  <c r="AE64535" i="1"/>
  <c r="AE64536" i="1"/>
  <c r="AE64537" i="1"/>
  <c r="AE64538" i="1"/>
  <c r="AE64539" i="1"/>
  <c r="AE64540" i="1"/>
  <c r="AE64541" i="1"/>
  <c r="AE64542" i="1"/>
  <c r="AE64543" i="1"/>
  <c r="AE64544" i="1"/>
  <c r="AE64545" i="1"/>
  <c r="AE64546" i="1"/>
  <c r="AE64547" i="1"/>
  <c r="AE64548" i="1"/>
  <c r="AE64549" i="1"/>
  <c r="AE64550" i="1"/>
  <c r="AE64551" i="1"/>
  <c r="AE64552" i="1"/>
  <c r="AE64553" i="1"/>
  <c r="AE64554" i="1"/>
  <c r="AE64555" i="1"/>
  <c r="AE64556" i="1"/>
  <c r="AE64557" i="1"/>
  <c r="AE64558" i="1"/>
  <c r="AE64559" i="1"/>
  <c r="AE64560" i="1"/>
  <c r="AE64561" i="1"/>
  <c r="AE64562" i="1"/>
  <c r="AE64563" i="1"/>
  <c r="AE64564" i="1"/>
  <c r="AE64565" i="1"/>
  <c r="AE64566" i="1"/>
  <c r="AE64567" i="1"/>
  <c r="AE64568" i="1"/>
  <c r="AE64569" i="1"/>
  <c r="AE64570" i="1"/>
  <c r="AE64571" i="1"/>
  <c r="AE64572" i="1"/>
  <c r="AE64573" i="1"/>
  <c r="AE64574" i="1"/>
  <c r="AE64575" i="1"/>
  <c r="AE64576" i="1"/>
  <c r="AE64577" i="1"/>
  <c r="AE64578" i="1"/>
  <c r="AE64579" i="1"/>
  <c r="AE64580" i="1"/>
  <c r="AE64581" i="1"/>
  <c r="AE64582" i="1"/>
  <c r="AE64583" i="1"/>
  <c r="AE64584" i="1"/>
  <c r="AE64585" i="1"/>
  <c r="AE64586" i="1"/>
  <c r="AE64587" i="1"/>
  <c r="AE64588" i="1"/>
  <c r="AE64589" i="1"/>
  <c r="AE64590" i="1"/>
  <c r="AE64591" i="1"/>
  <c r="AE64592" i="1"/>
  <c r="AE64593" i="1"/>
  <c r="AE64594" i="1"/>
  <c r="AE64595" i="1"/>
  <c r="AE64596" i="1"/>
  <c r="AE64597" i="1"/>
  <c r="AE64598" i="1"/>
  <c r="AE64599" i="1"/>
  <c r="AE64600" i="1"/>
  <c r="AE64601" i="1"/>
  <c r="AE64602" i="1"/>
  <c r="AE64603" i="1"/>
  <c r="AE64604" i="1"/>
  <c r="AE64605" i="1"/>
  <c r="AE64606" i="1"/>
  <c r="AE64607" i="1"/>
  <c r="AE64608" i="1"/>
  <c r="AE64609" i="1"/>
  <c r="AE64610" i="1"/>
  <c r="AE64611" i="1"/>
  <c r="AE64612" i="1"/>
  <c r="AE64613" i="1"/>
  <c r="AE64614" i="1"/>
  <c r="AE64615" i="1"/>
  <c r="AE64616" i="1"/>
  <c r="AE64617" i="1"/>
  <c r="AE64618" i="1"/>
  <c r="AE64619" i="1"/>
  <c r="AE64620" i="1"/>
  <c r="AE64621" i="1"/>
  <c r="AE64622" i="1"/>
  <c r="AE64623" i="1"/>
  <c r="AE64624" i="1"/>
  <c r="AE64625" i="1"/>
  <c r="AE64626" i="1"/>
  <c r="AE64627" i="1"/>
  <c r="AE64628" i="1"/>
  <c r="AE64629" i="1"/>
  <c r="AE64630" i="1"/>
  <c r="AE64631" i="1"/>
  <c r="AE64632" i="1"/>
  <c r="AE64633" i="1"/>
  <c r="AE64634" i="1"/>
  <c r="AE64635" i="1"/>
  <c r="AE64636" i="1"/>
  <c r="AE64637" i="1"/>
  <c r="AE64638" i="1"/>
  <c r="AE64639" i="1"/>
  <c r="AE64640" i="1"/>
  <c r="AE64641" i="1"/>
  <c r="AE64642" i="1"/>
  <c r="AE64643" i="1"/>
  <c r="AE64644" i="1"/>
  <c r="AE64645" i="1"/>
  <c r="AE64646" i="1"/>
  <c r="AE64647" i="1"/>
  <c r="AE64648" i="1"/>
  <c r="AE64649" i="1"/>
  <c r="AE64650" i="1"/>
  <c r="AE64651" i="1"/>
  <c r="AE64652" i="1"/>
  <c r="AE64653" i="1"/>
  <c r="AE64654" i="1"/>
  <c r="AE64655" i="1"/>
  <c r="AE64656" i="1"/>
  <c r="AE64657" i="1"/>
  <c r="AE64658" i="1"/>
  <c r="AE64659" i="1"/>
  <c r="AE64660" i="1"/>
  <c r="AE64661" i="1"/>
  <c r="AE64662" i="1"/>
  <c r="AE64663" i="1"/>
  <c r="AE64664" i="1"/>
  <c r="AE64665" i="1"/>
  <c r="AE64666" i="1"/>
  <c r="AE64667" i="1"/>
  <c r="AE64668" i="1"/>
  <c r="AE64669" i="1"/>
  <c r="AE64670" i="1"/>
  <c r="AE64671" i="1"/>
  <c r="AE64672" i="1"/>
  <c r="AE64673" i="1"/>
  <c r="AE64674" i="1"/>
  <c r="AE64675" i="1"/>
  <c r="AE64676" i="1"/>
  <c r="AE64677" i="1"/>
  <c r="AE64678" i="1"/>
  <c r="AE64679" i="1"/>
  <c r="AE64680" i="1"/>
  <c r="AE64681" i="1"/>
  <c r="AE64682" i="1"/>
  <c r="AE64683" i="1"/>
  <c r="AE64684" i="1"/>
  <c r="AE64685" i="1"/>
  <c r="AE64686" i="1"/>
  <c r="AE64687" i="1"/>
  <c r="AE64688" i="1"/>
  <c r="AE64689" i="1"/>
  <c r="AE64690" i="1"/>
  <c r="AE64691" i="1"/>
  <c r="AE64692" i="1"/>
  <c r="AE64693" i="1"/>
  <c r="AE64694" i="1"/>
  <c r="AE64695" i="1"/>
  <c r="AE64696" i="1"/>
  <c r="AE64697" i="1"/>
  <c r="AE64698" i="1"/>
  <c r="AE64699" i="1"/>
  <c r="AE64700" i="1"/>
  <c r="AE64701" i="1"/>
  <c r="AE64702" i="1"/>
  <c r="AE64703" i="1"/>
  <c r="AE64704" i="1"/>
  <c r="AE64705" i="1"/>
  <c r="AE64706" i="1"/>
  <c r="AE64707" i="1"/>
  <c r="AE64708" i="1"/>
  <c r="AE64709" i="1"/>
  <c r="AE64710" i="1"/>
  <c r="AE64711" i="1"/>
  <c r="AE64712" i="1"/>
  <c r="AE64713" i="1"/>
  <c r="AE64714" i="1"/>
  <c r="AE64715" i="1"/>
  <c r="AE64716" i="1"/>
  <c r="AE64717" i="1"/>
  <c r="AE64718" i="1"/>
  <c r="AE64719" i="1"/>
  <c r="AE64720" i="1"/>
  <c r="AE64721" i="1"/>
  <c r="AE64722" i="1"/>
  <c r="AE64723" i="1"/>
  <c r="AE64724" i="1"/>
  <c r="AE64725" i="1"/>
  <c r="AE64726" i="1"/>
  <c r="AE64727" i="1"/>
  <c r="AE64728" i="1"/>
  <c r="AE64729" i="1"/>
  <c r="AE64730" i="1"/>
  <c r="AE64731" i="1"/>
  <c r="AE64732" i="1"/>
  <c r="AE64733" i="1"/>
  <c r="AE64734" i="1"/>
  <c r="AE64735" i="1"/>
  <c r="AE64736" i="1"/>
  <c r="AE64737" i="1"/>
  <c r="AE64738" i="1"/>
  <c r="AE64739" i="1"/>
  <c r="AE64740" i="1"/>
  <c r="AE64741" i="1"/>
  <c r="AE64742" i="1"/>
  <c r="AE64743" i="1"/>
  <c r="AE64744" i="1"/>
  <c r="AE64745" i="1"/>
  <c r="AE64746" i="1"/>
  <c r="AE64747" i="1"/>
  <c r="AE64748" i="1"/>
  <c r="AE64749" i="1"/>
  <c r="AE64750" i="1"/>
  <c r="AE64751" i="1"/>
  <c r="AE64752" i="1"/>
  <c r="AE64753" i="1"/>
  <c r="AE64754" i="1"/>
  <c r="AE64755" i="1"/>
  <c r="AE64756" i="1"/>
  <c r="AE64757" i="1"/>
  <c r="AE64758" i="1"/>
  <c r="AE64759" i="1"/>
  <c r="AE64760" i="1"/>
  <c r="AE64761" i="1"/>
  <c r="AE64762" i="1"/>
  <c r="AE64763" i="1"/>
  <c r="AE64764" i="1"/>
  <c r="AE64765" i="1"/>
  <c r="AE64766" i="1"/>
  <c r="AE64767" i="1"/>
  <c r="AE64768" i="1"/>
  <c r="AE64769" i="1"/>
  <c r="AE64770" i="1"/>
  <c r="AE64771" i="1"/>
  <c r="AE64772" i="1"/>
  <c r="AE64773" i="1"/>
  <c r="AE64774" i="1"/>
  <c r="AE64775" i="1"/>
  <c r="AE64776" i="1"/>
  <c r="AE64777" i="1"/>
  <c r="AE64778" i="1"/>
  <c r="AE64779" i="1"/>
  <c r="AE64780" i="1"/>
  <c r="AE64781" i="1"/>
  <c r="AE64782" i="1"/>
  <c r="AE64783" i="1"/>
  <c r="AE64784" i="1"/>
  <c r="AE64785" i="1"/>
  <c r="AE64786" i="1"/>
  <c r="AE64787" i="1"/>
  <c r="AE64788" i="1"/>
  <c r="AE64789" i="1"/>
  <c r="AE64790" i="1"/>
  <c r="AE64791" i="1"/>
  <c r="AE64792" i="1"/>
  <c r="AE64793" i="1"/>
  <c r="AE64794" i="1"/>
  <c r="AE64795" i="1"/>
  <c r="AE64796" i="1"/>
  <c r="AE64797" i="1"/>
  <c r="AE64798" i="1"/>
  <c r="AE64799" i="1"/>
  <c r="AE64800" i="1"/>
  <c r="AE64801" i="1"/>
  <c r="AE64802" i="1"/>
  <c r="AE64803" i="1"/>
  <c r="AE64804" i="1"/>
  <c r="AE64805" i="1"/>
  <c r="AE64806" i="1"/>
  <c r="AE64807" i="1"/>
  <c r="AE64808" i="1"/>
  <c r="AE64809" i="1"/>
  <c r="AE64810" i="1"/>
  <c r="AE64811" i="1"/>
  <c r="AE64812" i="1"/>
  <c r="AE64813" i="1"/>
  <c r="AE64814" i="1"/>
  <c r="AE64815" i="1"/>
  <c r="AE64816" i="1"/>
  <c r="AE64817" i="1"/>
  <c r="AE64818" i="1"/>
  <c r="AE64819" i="1"/>
  <c r="AE64820" i="1"/>
  <c r="AE64821" i="1"/>
  <c r="AE64822" i="1"/>
  <c r="AE64823" i="1"/>
  <c r="AE64824" i="1"/>
  <c r="AE64825" i="1"/>
  <c r="AE64826" i="1"/>
  <c r="AE64827" i="1"/>
  <c r="AE64828" i="1"/>
  <c r="AE64829" i="1"/>
  <c r="AE64830" i="1"/>
  <c r="AE64831" i="1"/>
  <c r="AE64832" i="1"/>
  <c r="AE64833" i="1"/>
  <c r="AE64834" i="1"/>
  <c r="AE64835" i="1"/>
  <c r="AE64836" i="1"/>
  <c r="AE64837" i="1"/>
  <c r="AE64838" i="1"/>
  <c r="AE64839" i="1"/>
  <c r="AE64840" i="1"/>
  <c r="AE64841" i="1"/>
  <c r="AE64842" i="1"/>
  <c r="AE64843" i="1"/>
  <c r="AE64844" i="1"/>
  <c r="AE64845" i="1"/>
  <c r="AE64846" i="1"/>
  <c r="AE64847" i="1"/>
  <c r="AE64848" i="1"/>
  <c r="AE64849" i="1"/>
  <c r="AE64850" i="1"/>
  <c r="AE64851" i="1"/>
  <c r="AE64852" i="1"/>
  <c r="AE64853" i="1"/>
  <c r="AE64854" i="1"/>
  <c r="AE64855" i="1"/>
  <c r="AE64856" i="1"/>
  <c r="AE64857" i="1"/>
  <c r="AE64858" i="1"/>
  <c r="AE64859" i="1"/>
  <c r="AE64860" i="1"/>
  <c r="AE64861" i="1"/>
  <c r="AE64862" i="1"/>
  <c r="AE64863" i="1"/>
  <c r="AE64864" i="1"/>
  <c r="AE64865" i="1"/>
  <c r="AE64866" i="1"/>
  <c r="AE64867" i="1"/>
  <c r="AE64868" i="1"/>
  <c r="AE64869" i="1"/>
  <c r="AE64870" i="1"/>
  <c r="AE64871" i="1"/>
  <c r="AE64872" i="1"/>
  <c r="AE64873" i="1"/>
  <c r="AE64874" i="1"/>
  <c r="AE64875" i="1"/>
  <c r="AE64876" i="1"/>
  <c r="AE64877" i="1"/>
  <c r="AE64878" i="1"/>
  <c r="AE64879" i="1"/>
  <c r="AE64880" i="1"/>
  <c r="AE64881" i="1"/>
  <c r="AE64882" i="1"/>
  <c r="AE64883" i="1"/>
  <c r="AE64884" i="1"/>
  <c r="AE64885" i="1"/>
  <c r="AE64886" i="1"/>
  <c r="AE64887" i="1"/>
  <c r="AE64888" i="1"/>
  <c r="AE64889" i="1"/>
  <c r="AE64890" i="1"/>
  <c r="AE64891" i="1"/>
  <c r="AE64892" i="1"/>
  <c r="AE64893" i="1"/>
  <c r="AE64894" i="1"/>
  <c r="AE64895" i="1"/>
  <c r="AE64896" i="1"/>
  <c r="AE64897" i="1"/>
  <c r="AE64898" i="1"/>
  <c r="AE64899" i="1"/>
  <c r="AE64900" i="1"/>
  <c r="AE64901" i="1"/>
  <c r="AE64902" i="1"/>
  <c r="AE64903" i="1"/>
  <c r="AE64904" i="1"/>
  <c r="AE64905" i="1"/>
  <c r="AE64906" i="1"/>
  <c r="AE64907" i="1"/>
  <c r="AE64908" i="1"/>
  <c r="AE64909" i="1"/>
  <c r="AE64910" i="1"/>
  <c r="AE64911" i="1"/>
  <c r="AE64912" i="1"/>
  <c r="AE64913" i="1"/>
  <c r="AE64914" i="1"/>
  <c r="AE64915" i="1"/>
  <c r="AE64916" i="1"/>
  <c r="AE64917" i="1"/>
  <c r="AE64918" i="1"/>
  <c r="AE64919" i="1"/>
  <c r="AE64920" i="1"/>
  <c r="AE64921" i="1"/>
  <c r="AE64922" i="1"/>
  <c r="AE64923" i="1"/>
  <c r="AE64924" i="1"/>
  <c r="AE64925" i="1"/>
  <c r="AE64926" i="1"/>
  <c r="AE64927" i="1"/>
  <c r="AE64928" i="1"/>
  <c r="AE64929" i="1"/>
  <c r="AE64930" i="1"/>
  <c r="AE64931" i="1"/>
  <c r="AE64932" i="1"/>
  <c r="AE64933" i="1"/>
  <c r="AE64934" i="1"/>
  <c r="AE64935" i="1"/>
  <c r="AE64936" i="1"/>
  <c r="AE64937" i="1"/>
  <c r="AE64938" i="1"/>
  <c r="AE64939" i="1"/>
  <c r="AE64940" i="1"/>
  <c r="AE64941" i="1"/>
  <c r="AE64942" i="1"/>
  <c r="AE64943" i="1"/>
  <c r="AE64944" i="1"/>
  <c r="AE64945" i="1"/>
  <c r="AE64946" i="1"/>
  <c r="AE64947" i="1"/>
  <c r="AE64948" i="1"/>
  <c r="AE64949" i="1"/>
  <c r="AE64950" i="1"/>
  <c r="AE64951" i="1"/>
  <c r="AE64952" i="1"/>
  <c r="AE64953" i="1"/>
  <c r="AE64954" i="1"/>
  <c r="AE64955" i="1"/>
  <c r="AE64956" i="1"/>
  <c r="AE64957" i="1"/>
  <c r="AE64958" i="1"/>
  <c r="AE64959" i="1"/>
  <c r="AE64960" i="1"/>
  <c r="AE64961" i="1"/>
  <c r="AE64962" i="1"/>
  <c r="AE64963" i="1"/>
  <c r="AE64964" i="1"/>
  <c r="AE64965" i="1"/>
  <c r="AE64966" i="1"/>
  <c r="AE64967" i="1"/>
  <c r="AE64968" i="1"/>
  <c r="AE64969" i="1"/>
  <c r="AE64970" i="1"/>
  <c r="AE64971" i="1"/>
  <c r="AE64972" i="1"/>
  <c r="AE64973" i="1"/>
  <c r="AE64974" i="1"/>
  <c r="AE64975" i="1"/>
  <c r="AE64976" i="1"/>
  <c r="AE64977" i="1"/>
  <c r="AE64978" i="1"/>
  <c r="AE64979" i="1"/>
  <c r="AE64980" i="1"/>
  <c r="AE64981" i="1"/>
  <c r="AE64982" i="1"/>
  <c r="AE64983" i="1"/>
  <c r="AE64984" i="1"/>
  <c r="AE64985" i="1"/>
  <c r="AE64986" i="1"/>
  <c r="AE64987" i="1"/>
  <c r="AE64988" i="1"/>
  <c r="AE64989" i="1"/>
  <c r="AE64990" i="1"/>
  <c r="AE64991" i="1"/>
  <c r="AE64992" i="1"/>
  <c r="AE64993" i="1"/>
  <c r="AE64994" i="1"/>
  <c r="AE64995" i="1"/>
  <c r="AE64996" i="1"/>
  <c r="AE64997" i="1"/>
  <c r="AE64998" i="1"/>
  <c r="AE64999" i="1"/>
  <c r="AE65000" i="1"/>
  <c r="AE65001" i="1"/>
  <c r="AE65002" i="1"/>
  <c r="AE65003" i="1"/>
  <c r="AE65004" i="1"/>
  <c r="AE65005" i="1"/>
  <c r="AE65006" i="1"/>
  <c r="AE65007" i="1"/>
  <c r="AE65008" i="1"/>
  <c r="AE65009" i="1"/>
  <c r="AE65010" i="1"/>
  <c r="AE65011" i="1"/>
  <c r="AE65012" i="1"/>
  <c r="AE65013" i="1"/>
  <c r="AE65014" i="1"/>
  <c r="AE65015" i="1"/>
  <c r="AE65016" i="1"/>
  <c r="AE65017" i="1"/>
  <c r="AE65018" i="1"/>
  <c r="AE65019" i="1"/>
  <c r="AE65020" i="1"/>
  <c r="AE65021" i="1"/>
  <c r="AE65022" i="1"/>
  <c r="AE65023" i="1"/>
  <c r="AE65024" i="1"/>
  <c r="AE65025" i="1"/>
  <c r="AE65026" i="1"/>
  <c r="AE65027" i="1"/>
  <c r="AE65028" i="1"/>
  <c r="AE65029" i="1"/>
  <c r="AE65030" i="1"/>
  <c r="AE65031" i="1"/>
  <c r="AE65032" i="1"/>
  <c r="AE65033" i="1"/>
  <c r="AE65034" i="1"/>
  <c r="AE65035" i="1"/>
  <c r="AE65036" i="1"/>
  <c r="AE65037" i="1"/>
  <c r="AE65038" i="1"/>
  <c r="AE65039" i="1"/>
  <c r="AE65040" i="1"/>
  <c r="AE65041" i="1"/>
  <c r="AE65042" i="1"/>
  <c r="AE65043" i="1"/>
  <c r="AE65044" i="1"/>
  <c r="AE65045" i="1"/>
  <c r="AE65046" i="1"/>
  <c r="AE65047" i="1"/>
  <c r="AE65048" i="1"/>
  <c r="AE65049" i="1"/>
  <c r="AE65050" i="1"/>
  <c r="AE65051" i="1"/>
  <c r="AE65052" i="1"/>
  <c r="AE65053" i="1"/>
  <c r="AE65054" i="1"/>
  <c r="AE65055" i="1"/>
  <c r="AE65056" i="1"/>
  <c r="AE65057" i="1"/>
  <c r="AE65058" i="1"/>
  <c r="AE65059" i="1"/>
  <c r="AE65060" i="1"/>
  <c r="AE65061" i="1"/>
  <c r="AE65062" i="1"/>
  <c r="AE65063" i="1"/>
  <c r="AE65064" i="1"/>
  <c r="AE65065" i="1"/>
  <c r="AE65066" i="1"/>
  <c r="AE65067" i="1"/>
  <c r="AE65068" i="1"/>
  <c r="AE65069" i="1"/>
  <c r="AE65070" i="1"/>
  <c r="AE65071" i="1"/>
  <c r="AE65072" i="1"/>
  <c r="AE65073" i="1"/>
  <c r="AE65074" i="1"/>
  <c r="AE65075" i="1"/>
  <c r="AE65076" i="1"/>
  <c r="AE65077" i="1"/>
  <c r="AE65078" i="1"/>
  <c r="AE65079" i="1"/>
  <c r="AE65080" i="1"/>
  <c r="AE65081" i="1"/>
  <c r="AE65082" i="1"/>
  <c r="AE65083" i="1"/>
  <c r="AE65084" i="1"/>
  <c r="AE65085" i="1"/>
  <c r="AE65086" i="1"/>
  <c r="AE65087" i="1"/>
  <c r="AE65088" i="1"/>
  <c r="AE65089" i="1"/>
  <c r="AE65090" i="1"/>
  <c r="AE65091" i="1"/>
  <c r="AE65092" i="1"/>
  <c r="AE65093" i="1"/>
  <c r="AE65094" i="1"/>
  <c r="AE65095" i="1"/>
  <c r="AE65096" i="1"/>
  <c r="AE65097" i="1"/>
  <c r="AE65098" i="1"/>
  <c r="AE65099" i="1"/>
  <c r="AE65100" i="1"/>
  <c r="AE65101" i="1"/>
  <c r="AE65102" i="1"/>
  <c r="AE65103" i="1"/>
  <c r="AE65104" i="1"/>
  <c r="AE65105" i="1"/>
  <c r="AE65106" i="1"/>
  <c r="AE65107" i="1"/>
  <c r="AE65108" i="1"/>
  <c r="AE65109" i="1"/>
  <c r="AE65110" i="1"/>
  <c r="AE65111" i="1"/>
  <c r="AE65112" i="1"/>
  <c r="AE65113" i="1"/>
  <c r="AE65114" i="1"/>
  <c r="AE65115" i="1"/>
  <c r="AE65116" i="1"/>
  <c r="AE65117" i="1"/>
  <c r="AE65118" i="1"/>
  <c r="AE65119" i="1"/>
  <c r="AE65120" i="1"/>
  <c r="AE65121" i="1"/>
  <c r="AE65122" i="1"/>
  <c r="AE65123" i="1"/>
  <c r="AE65124" i="1"/>
  <c r="AE65125" i="1"/>
  <c r="AE65126" i="1"/>
  <c r="AE65127" i="1"/>
  <c r="AE65128" i="1"/>
  <c r="AE65129" i="1"/>
  <c r="AE65130" i="1"/>
  <c r="AE65131" i="1"/>
  <c r="AE65132" i="1"/>
  <c r="AE65133" i="1"/>
  <c r="AE65134" i="1"/>
  <c r="AE65135" i="1"/>
  <c r="AE65136" i="1"/>
  <c r="AE65137" i="1"/>
  <c r="AE65138" i="1"/>
  <c r="AE65139" i="1"/>
  <c r="AE65140" i="1"/>
  <c r="AE65141" i="1"/>
  <c r="AE65142" i="1"/>
  <c r="AE65143" i="1"/>
  <c r="AE65144" i="1"/>
  <c r="AE65145" i="1"/>
  <c r="AE65146" i="1"/>
  <c r="AE65147" i="1"/>
  <c r="AE65148" i="1"/>
  <c r="AE65149" i="1"/>
  <c r="AE65150" i="1"/>
  <c r="AE65151" i="1"/>
  <c r="AE65152" i="1"/>
  <c r="AE65153" i="1"/>
  <c r="AE65154" i="1"/>
  <c r="AE65155" i="1"/>
  <c r="AE65156" i="1"/>
  <c r="AE65157" i="1"/>
  <c r="AE65158" i="1"/>
  <c r="AE65159" i="1"/>
  <c r="AE65160" i="1"/>
  <c r="AE65161" i="1"/>
  <c r="AE65162" i="1"/>
  <c r="AE65163" i="1"/>
  <c r="AE65164" i="1"/>
  <c r="AE65165" i="1"/>
  <c r="AE65166" i="1"/>
  <c r="AE65167" i="1"/>
  <c r="AE65168" i="1"/>
  <c r="AE65169" i="1"/>
  <c r="AE65170" i="1"/>
  <c r="AE65171" i="1"/>
  <c r="AE65172" i="1"/>
  <c r="AE65173" i="1"/>
  <c r="AE65174" i="1"/>
  <c r="AE65175" i="1"/>
  <c r="AE65176" i="1"/>
  <c r="AE65177" i="1"/>
  <c r="AE65178" i="1"/>
  <c r="AE65179" i="1"/>
  <c r="AE65180" i="1"/>
  <c r="AE65181" i="1"/>
  <c r="AE65182" i="1"/>
  <c r="AE65183" i="1"/>
  <c r="AE65184" i="1"/>
  <c r="AE65185" i="1"/>
  <c r="AE65186" i="1"/>
  <c r="AE65187" i="1"/>
  <c r="AE65188" i="1"/>
  <c r="AE65189" i="1"/>
  <c r="AE65190" i="1"/>
  <c r="AE65191" i="1"/>
  <c r="AE65192" i="1"/>
  <c r="AE65193" i="1"/>
  <c r="AE65194" i="1"/>
  <c r="AE65195" i="1"/>
  <c r="AE65196" i="1"/>
  <c r="AE65197" i="1"/>
  <c r="AE65198" i="1"/>
  <c r="AE65199" i="1"/>
  <c r="AE65200" i="1"/>
  <c r="AE65201" i="1"/>
  <c r="AE65202" i="1"/>
  <c r="AE65203" i="1"/>
  <c r="AE65204" i="1"/>
  <c r="AE65205" i="1"/>
  <c r="AE65206" i="1"/>
  <c r="AE65207" i="1"/>
  <c r="AE65208" i="1"/>
  <c r="AE65209" i="1"/>
  <c r="AE65210" i="1"/>
  <c r="AE65211" i="1"/>
  <c r="AE65212" i="1"/>
  <c r="AE65213" i="1"/>
  <c r="AE65214" i="1"/>
  <c r="AE65215" i="1"/>
  <c r="AE65216" i="1"/>
  <c r="AE65217" i="1"/>
  <c r="AE65218" i="1"/>
  <c r="AE65219" i="1"/>
  <c r="AE65220" i="1"/>
  <c r="AE65221" i="1"/>
  <c r="AE65222" i="1"/>
  <c r="AE65223" i="1"/>
  <c r="AE65224" i="1"/>
  <c r="AE65225" i="1"/>
  <c r="AE65226" i="1"/>
  <c r="AE65227" i="1"/>
  <c r="AE65228" i="1"/>
  <c r="AE65229" i="1"/>
  <c r="AE65230" i="1"/>
  <c r="AE65231" i="1"/>
  <c r="AE65232" i="1"/>
  <c r="AE65233" i="1"/>
  <c r="AE65234" i="1"/>
  <c r="AE65235" i="1"/>
  <c r="AE65236" i="1"/>
  <c r="AE65237" i="1"/>
  <c r="AE65238" i="1"/>
  <c r="AE65239" i="1"/>
  <c r="AE65240" i="1"/>
  <c r="AE65241" i="1"/>
  <c r="AE65242" i="1"/>
  <c r="AE65243" i="1"/>
  <c r="AE65244" i="1"/>
  <c r="AE65245" i="1"/>
  <c r="AE65246" i="1"/>
  <c r="AE65247" i="1"/>
  <c r="AE65248" i="1"/>
  <c r="AE65249" i="1"/>
  <c r="AE65250" i="1"/>
  <c r="AE65251" i="1"/>
  <c r="AE65252" i="1"/>
  <c r="AE65253" i="1"/>
  <c r="AE65254" i="1"/>
  <c r="AE65255" i="1"/>
  <c r="AE65256" i="1"/>
  <c r="AE65257" i="1"/>
  <c r="AE65258" i="1"/>
  <c r="AE65259" i="1"/>
  <c r="AE65260" i="1"/>
  <c r="AE65261" i="1"/>
  <c r="AE65262" i="1"/>
  <c r="AE65263" i="1"/>
  <c r="AE65264" i="1"/>
  <c r="AE65265" i="1"/>
  <c r="AE65266" i="1"/>
  <c r="AE65267" i="1"/>
  <c r="AE65268" i="1"/>
  <c r="AE65269" i="1"/>
  <c r="AE65270" i="1"/>
  <c r="AE65271" i="1"/>
  <c r="AE65272" i="1"/>
  <c r="AE65273" i="1"/>
  <c r="AE65274" i="1"/>
  <c r="AE65275" i="1"/>
  <c r="AE65276" i="1"/>
  <c r="AE65277" i="1"/>
  <c r="AE65278" i="1"/>
  <c r="AE65279" i="1"/>
  <c r="AE65280" i="1"/>
  <c r="AE65281" i="1"/>
  <c r="AE65282" i="1"/>
  <c r="AE65283" i="1"/>
  <c r="AE65284" i="1"/>
  <c r="AE65285" i="1"/>
  <c r="AE65286" i="1"/>
  <c r="AE65287" i="1"/>
  <c r="AE65288" i="1"/>
  <c r="AE65289" i="1"/>
  <c r="AE65290" i="1"/>
  <c r="AE65291" i="1"/>
  <c r="AE65292" i="1"/>
  <c r="AE65293" i="1"/>
  <c r="AE65294" i="1"/>
  <c r="AE65295" i="1"/>
  <c r="AE65296" i="1"/>
  <c r="AE65297" i="1"/>
  <c r="AE65298" i="1"/>
  <c r="AE65299" i="1"/>
  <c r="AE65300" i="1"/>
  <c r="AE65301" i="1"/>
  <c r="AE65302" i="1"/>
  <c r="AE65303" i="1"/>
  <c r="AE65304" i="1"/>
  <c r="AE65305" i="1"/>
  <c r="AE65306" i="1"/>
  <c r="AE65307" i="1"/>
  <c r="AE65308" i="1"/>
  <c r="AE65309" i="1"/>
  <c r="AE65310" i="1"/>
  <c r="AE65311" i="1"/>
  <c r="AE65312" i="1"/>
  <c r="AE65313" i="1"/>
  <c r="AE65314" i="1"/>
  <c r="AE65315" i="1"/>
  <c r="AE65316" i="1"/>
  <c r="AE65317" i="1"/>
  <c r="AE65318" i="1"/>
  <c r="AE65319" i="1"/>
  <c r="AE65320" i="1"/>
  <c r="AE65321" i="1"/>
  <c r="AE65322" i="1"/>
  <c r="AE65323" i="1"/>
  <c r="AE65324" i="1"/>
  <c r="AE65325" i="1"/>
  <c r="AE65326" i="1"/>
  <c r="AE65327" i="1"/>
  <c r="AE65328" i="1"/>
  <c r="AE65329" i="1"/>
  <c r="AE65330" i="1"/>
  <c r="AE65331" i="1"/>
  <c r="AE65332" i="1"/>
  <c r="AE65333" i="1"/>
  <c r="AE65334" i="1"/>
  <c r="AE65335" i="1"/>
  <c r="AE65336" i="1"/>
  <c r="AE65337" i="1"/>
  <c r="AE65338" i="1"/>
  <c r="AE65339" i="1"/>
  <c r="AE65340" i="1"/>
  <c r="AE65341" i="1"/>
  <c r="AE65342" i="1"/>
  <c r="AE65343" i="1"/>
  <c r="AE65344" i="1"/>
  <c r="AE65345" i="1"/>
  <c r="AE65346" i="1"/>
  <c r="AE65347" i="1"/>
  <c r="AE65348" i="1"/>
  <c r="AE65349" i="1"/>
  <c r="AE65350" i="1"/>
  <c r="AE65351" i="1"/>
  <c r="AE65352" i="1"/>
  <c r="AE65353" i="1"/>
  <c r="AE65354" i="1"/>
  <c r="AE65355" i="1"/>
  <c r="AE65356" i="1"/>
  <c r="AE65357" i="1"/>
  <c r="AE65358" i="1"/>
  <c r="AE65359" i="1"/>
  <c r="AE65360" i="1"/>
  <c r="AE65361" i="1"/>
  <c r="AE65362" i="1"/>
  <c r="AE65363" i="1"/>
  <c r="AE65364" i="1"/>
  <c r="AE65365" i="1"/>
  <c r="AE65366" i="1"/>
  <c r="AE65367" i="1"/>
  <c r="AE65368" i="1"/>
  <c r="AE65369" i="1"/>
  <c r="AE65370" i="1"/>
  <c r="AE65371" i="1"/>
  <c r="AE65372" i="1"/>
  <c r="AE65373" i="1"/>
  <c r="AE65374" i="1"/>
  <c r="AE65375" i="1"/>
  <c r="AE65376" i="1"/>
  <c r="AE65377" i="1"/>
  <c r="AE65378" i="1"/>
  <c r="AE65379" i="1"/>
  <c r="AE65380" i="1"/>
  <c r="AE65381" i="1"/>
  <c r="AE65382" i="1"/>
  <c r="AE65383" i="1"/>
  <c r="AE65384" i="1"/>
  <c r="AE65385" i="1"/>
  <c r="AE65386" i="1"/>
  <c r="AE65387" i="1"/>
  <c r="AE65388" i="1"/>
  <c r="AE65389" i="1"/>
  <c r="AE65390" i="1"/>
  <c r="AE65391" i="1"/>
  <c r="AE65392" i="1"/>
  <c r="AE65393" i="1"/>
  <c r="AE65394" i="1"/>
  <c r="AE65395" i="1"/>
  <c r="AE65396" i="1"/>
  <c r="AE65397" i="1"/>
  <c r="AE65398" i="1"/>
  <c r="AE65399" i="1"/>
  <c r="AE65400" i="1"/>
  <c r="AE65401" i="1"/>
  <c r="AE65402" i="1"/>
  <c r="AE65403" i="1"/>
  <c r="AE65404" i="1"/>
  <c r="AE65405" i="1"/>
  <c r="AE65406" i="1"/>
  <c r="AE65407" i="1"/>
  <c r="AE65408" i="1"/>
  <c r="AE65409" i="1"/>
  <c r="AE65410" i="1"/>
  <c r="AE65411" i="1"/>
  <c r="AE65412" i="1"/>
  <c r="AE65413" i="1"/>
  <c r="AE65414" i="1"/>
  <c r="AE65415" i="1"/>
  <c r="AE65416" i="1"/>
  <c r="AE65417" i="1"/>
  <c r="AE65418" i="1"/>
  <c r="AE65419" i="1"/>
  <c r="AE65420" i="1"/>
  <c r="AE65421" i="1"/>
  <c r="AE65422" i="1"/>
  <c r="AE65423" i="1"/>
  <c r="AE65424" i="1"/>
  <c r="AE65425" i="1"/>
  <c r="AE65426" i="1"/>
  <c r="AE65427" i="1"/>
  <c r="AE65428" i="1"/>
  <c r="AE65429" i="1"/>
  <c r="AE65430" i="1"/>
  <c r="AE65431" i="1"/>
  <c r="AE65432" i="1"/>
  <c r="AE65433" i="1"/>
  <c r="AE65434" i="1"/>
  <c r="AE65435" i="1"/>
  <c r="AE65436" i="1"/>
  <c r="AE65437" i="1"/>
  <c r="AE65438" i="1"/>
  <c r="AE65439" i="1"/>
  <c r="AE65440" i="1"/>
  <c r="AE65441" i="1"/>
  <c r="AE65442" i="1"/>
  <c r="AE65443" i="1"/>
  <c r="AE65444" i="1"/>
  <c r="AE65445" i="1"/>
  <c r="AE65446" i="1"/>
  <c r="AE65447" i="1"/>
  <c r="AE65448" i="1"/>
  <c r="AE65449" i="1"/>
  <c r="AE65450" i="1"/>
  <c r="AE65451" i="1"/>
  <c r="AE65452" i="1"/>
  <c r="AE65453" i="1"/>
  <c r="AE65454" i="1"/>
  <c r="AE65455" i="1"/>
  <c r="AE65456" i="1"/>
  <c r="AE65457" i="1"/>
  <c r="AE65458" i="1"/>
  <c r="AE65459" i="1"/>
  <c r="AE65460" i="1"/>
  <c r="AE65461" i="1"/>
  <c r="AE65462" i="1"/>
  <c r="AE65463" i="1"/>
  <c r="AE65464" i="1"/>
  <c r="AE65465" i="1"/>
  <c r="AE65466" i="1"/>
  <c r="AE65467" i="1"/>
  <c r="AE65468" i="1"/>
  <c r="AE65469" i="1"/>
  <c r="AE65470" i="1"/>
  <c r="AE65471" i="1"/>
  <c r="AE65472" i="1"/>
  <c r="AE65473" i="1"/>
  <c r="AE65474" i="1"/>
  <c r="AE65475" i="1"/>
  <c r="AE65476" i="1"/>
  <c r="AE65477" i="1"/>
  <c r="AE65478" i="1"/>
  <c r="AE65479" i="1"/>
  <c r="AE65480" i="1"/>
  <c r="AE65481" i="1"/>
  <c r="AE65482" i="1"/>
  <c r="AE65483" i="1"/>
  <c r="AE65484" i="1"/>
  <c r="AE65485" i="1"/>
  <c r="AE65486" i="1"/>
  <c r="AE65487" i="1"/>
  <c r="AE65488" i="1"/>
  <c r="AE65489" i="1"/>
  <c r="AE65490" i="1"/>
  <c r="AE65491" i="1"/>
  <c r="AE65492" i="1"/>
  <c r="AE65493" i="1"/>
  <c r="AE65494" i="1"/>
  <c r="AE65495" i="1"/>
  <c r="AE65496" i="1"/>
  <c r="AE65497" i="1"/>
  <c r="AE65498" i="1"/>
  <c r="AE65499" i="1"/>
  <c r="AE65500" i="1"/>
  <c r="AE65501" i="1"/>
  <c r="AE65502" i="1"/>
  <c r="AE65503" i="1"/>
  <c r="AE65504" i="1"/>
  <c r="AE65505" i="1"/>
  <c r="AE65506" i="1"/>
  <c r="AE65507" i="1"/>
  <c r="AE65508" i="1"/>
  <c r="AE65509" i="1"/>
  <c r="AE65510" i="1"/>
  <c r="AE65511" i="1"/>
  <c r="AE65512" i="1"/>
  <c r="AE65513" i="1"/>
  <c r="AE65514" i="1"/>
  <c r="AE65515" i="1"/>
  <c r="AE65516" i="1"/>
  <c r="AE65517" i="1"/>
  <c r="AE65518" i="1"/>
  <c r="AE65519" i="1"/>
  <c r="AE65520" i="1"/>
  <c r="AE65521" i="1"/>
  <c r="AE65522" i="1"/>
  <c r="AE65523" i="1"/>
  <c r="AE65524" i="1"/>
  <c r="AE65525" i="1"/>
  <c r="AE65526" i="1"/>
  <c r="AE65527" i="1"/>
  <c r="AE65528" i="1"/>
  <c r="AE65529" i="1"/>
  <c r="AE65530" i="1"/>
  <c r="AE65531" i="1"/>
  <c r="AE65532" i="1"/>
  <c r="AE65533" i="1"/>
  <c r="AE65534" i="1"/>
  <c r="AE65535" i="1"/>
  <c r="AE65536" i="1"/>
  <c r="AE65537" i="1"/>
  <c r="AE65538" i="1"/>
  <c r="AE65539" i="1"/>
  <c r="AE65540" i="1"/>
  <c r="AE65541" i="1"/>
  <c r="AE65542" i="1"/>
  <c r="AE65543" i="1"/>
  <c r="AE65544" i="1"/>
  <c r="AE65545" i="1"/>
  <c r="AE65546" i="1"/>
  <c r="AE65547" i="1"/>
  <c r="AE65548" i="1"/>
  <c r="AE65549" i="1"/>
  <c r="AE65550" i="1"/>
  <c r="AE65551" i="1"/>
  <c r="AE65552" i="1"/>
  <c r="AE65553" i="1"/>
  <c r="AE65554" i="1"/>
  <c r="AE65555" i="1"/>
  <c r="AE65556" i="1"/>
  <c r="AE65557" i="1"/>
  <c r="AE65558" i="1"/>
  <c r="AE65559" i="1"/>
  <c r="AE65560" i="1"/>
  <c r="AE65561" i="1"/>
  <c r="AE65562" i="1"/>
  <c r="AE65563" i="1"/>
  <c r="AE65564" i="1"/>
  <c r="AE65565" i="1"/>
  <c r="AE65566" i="1"/>
  <c r="AE65567" i="1"/>
  <c r="AE65568" i="1"/>
  <c r="AE65569" i="1"/>
  <c r="AE65570" i="1"/>
  <c r="AE65571" i="1"/>
  <c r="AE65572" i="1"/>
  <c r="AE65573" i="1"/>
  <c r="AE65574" i="1"/>
  <c r="AE65575" i="1"/>
  <c r="AE65576" i="1"/>
  <c r="AE65577" i="1"/>
  <c r="AE65578" i="1"/>
  <c r="AE65579" i="1"/>
  <c r="AE65580" i="1"/>
  <c r="AE65581" i="1"/>
  <c r="AE65582" i="1"/>
  <c r="AE65583" i="1"/>
  <c r="AE65584" i="1"/>
  <c r="AE65585" i="1"/>
  <c r="AE65586" i="1"/>
  <c r="AE65587" i="1"/>
  <c r="AE65588" i="1"/>
  <c r="AE65589" i="1"/>
  <c r="AE65590" i="1"/>
  <c r="AE65591" i="1"/>
  <c r="AE65592" i="1"/>
  <c r="AE65593" i="1"/>
  <c r="AE65594" i="1"/>
  <c r="AE65595" i="1"/>
  <c r="AE65596" i="1"/>
  <c r="AE65597" i="1"/>
  <c r="AE65598" i="1"/>
  <c r="AE65599" i="1"/>
  <c r="AE65600" i="1"/>
  <c r="AE65601" i="1"/>
  <c r="AE65602" i="1"/>
  <c r="AE65603" i="1"/>
  <c r="AE65604" i="1"/>
  <c r="AE65605" i="1"/>
  <c r="AE65606" i="1"/>
  <c r="AE65607" i="1"/>
  <c r="AE65608" i="1"/>
  <c r="AE65609" i="1"/>
  <c r="AE65610" i="1"/>
  <c r="AE65611" i="1"/>
  <c r="AE65612" i="1"/>
  <c r="AE65613" i="1"/>
  <c r="AE65614" i="1"/>
  <c r="AE65615" i="1"/>
  <c r="AE65616" i="1"/>
  <c r="AE65617" i="1"/>
  <c r="AE65618" i="1"/>
  <c r="AE65619" i="1"/>
  <c r="AE65620" i="1"/>
  <c r="AE65621" i="1"/>
  <c r="AE65622" i="1"/>
  <c r="AE65623" i="1"/>
  <c r="AE65624" i="1"/>
  <c r="AE65625" i="1"/>
  <c r="AE65626" i="1"/>
  <c r="AE65627" i="1"/>
  <c r="AE65628" i="1"/>
  <c r="AE65629" i="1"/>
  <c r="AE65630" i="1"/>
  <c r="AE65631" i="1"/>
  <c r="AE65632" i="1"/>
  <c r="AE65633" i="1"/>
  <c r="AE65634" i="1"/>
  <c r="AE65635" i="1"/>
  <c r="AE65636" i="1"/>
  <c r="AE65637" i="1"/>
  <c r="AE65638" i="1"/>
  <c r="AE65639" i="1"/>
  <c r="AE65640" i="1"/>
  <c r="AE65641" i="1"/>
  <c r="AE65642" i="1"/>
  <c r="AE65643" i="1"/>
  <c r="AE65644" i="1"/>
  <c r="AE65645" i="1"/>
  <c r="AE65646" i="1"/>
  <c r="AE65647" i="1"/>
  <c r="AE65648" i="1"/>
  <c r="AE65649" i="1"/>
  <c r="AE65650" i="1"/>
  <c r="AE65651" i="1"/>
  <c r="AE65652" i="1"/>
  <c r="AE65653" i="1"/>
  <c r="AE65654" i="1"/>
  <c r="AE65655" i="1"/>
  <c r="AE65656" i="1"/>
  <c r="AE65657" i="1"/>
  <c r="AE65658" i="1"/>
  <c r="AE65659" i="1"/>
  <c r="AE65660" i="1"/>
  <c r="AE65661" i="1"/>
  <c r="AE65662" i="1"/>
  <c r="AE65663" i="1"/>
  <c r="AE65664" i="1"/>
  <c r="AE65665" i="1"/>
  <c r="AE65666" i="1"/>
  <c r="AE65667" i="1"/>
  <c r="AE65668" i="1"/>
  <c r="AE65669" i="1"/>
  <c r="AE65670" i="1"/>
  <c r="AE65671" i="1"/>
  <c r="AE65672" i="1"/>
  <c r="AE65673" i="1"/>
  <c r="AE65674" i="1"/>
  <c r="AE65675" i="1"/>
  <c r="AE65676" i="1"/>
  <c r="AE65677" i="1"/>
  <c r="AE65678" i="1"/>
  <c r="AE65679" i="1"/>
  <c r="AE65680" i="1"/>
  <c r="AE65681" i="1"/>
  <c r="AE65682" i="1"/>
  <c r="AE65683" i="1"/>
  <c r="AE65684" i="1"/>
  <c r="AE65685" i="1"/>
  <c r="AE65686" i="1"/>
  <c r="AE65687" i="1"/>
  <c r="AE65688" i="1"/>
  <c r="AE65689" i="1"/>
  <c r="AE65690" i="1"/>
  <c r="AE65691" i="1"/>
  <c r="AE65692" i="1"/>
  <c r="AE65693" i="1"/>
  <c r="AE65694" i="1"/>
  <c r="AE65695" i="1"/>
  <c r="AE65696" i="1"/>
  <c r="AE65697" i="1"/>
  <c r="AE65698" i="1"/>
  <c r="AE65699" i="1"/>
  <c r="AE65700" i="1"/>
  <c r="AE65701" i="1"/>
  <c r="AE65702" i="1"/>
  <c r="AE65703" i="1"/>
  <c r="AE65704" i="1"/>
  <c r="AE65705" i="1"/>
  <c r="AE65706" i="1"/>
  <c r="AE65707" i="1"/>
  <c r="AE65708" i="1"/>
  <c r="AE65709" i="1"/>
  <c r="AE65710" i="1"/>
  <c r="AE65711" i="1"/>
  <c r="AE65712" i="1"/>
  <c r="AE65713" i="1"/>
  <c r="AE65714" i="1"/>
  <c r="AE65715" i="1"/>
  <c r="AE65716" i="1"/>
  <c r="AE65717" i="1"/>
  <c r="AE65718" i="1"/>
  <c r="AE65719" i="1"/>
  <c r="AE65720" i="1"/>
  <c r="AE65721" i="1"/>
  <c r="AE65722" i="1"/>
  <c r="AE65723" i="1"/>
  <c r="AE65724" i="1"/>
  <c r="AE65725" i="1"/>
  <c r="AE65726" i="1"/>
  <c r="AE65727" i="1"/>
  <c r="AE65728" i="1"/>
  <c r="AE65729" i="1"/>
  <c r="AE65730" i="1"/>
  <c r="AE65731" i="1"/>
  <c r="AE65732" i="1"/>
  <c r="AE65733" i="1"/>
  <c r="AE65734" i="1"/>
  <c r="AE65735" i="1"/>
  <c r="AE65736" i="1"/>
  <c r="AE65737" i="1"/>
  <c r="AE65738" i="1"/>
  <c r="AE65739" i="1"/>
  <c r="AE65740" i="1"/>
  <c r="AE65741" i="1"/>
  <c r="AE65742" i="1"/>
  <c r="AE65743" i="1"/>
  <c r="AE65744" i="1"/>
  <c r="AE65745" i="1"/>
  <c r="AE65746" i="1"/>
  <c r="AE65747" i="1"/>
  <c r="AE65748" i="1"/>
  <c r="AE65749" i="1"/>
  <c r="AE65750" i="1"/>
  <c r="AE65751" i="1"/>
  <c r="AE65752" i="1"/>
  <c r="AE65753" i="1"/>
  <c r="AE65754" i="1"/>
  <c r="AE65755" i="1"/>
  <c r="AE65756" i="1"/>
  <c r="AE65757" i="1"/>
  <c r="AE65758" i="1"/>
  <c r="AE65759" i="1"/>
  <c r="AE65760" i="1"/>
  <c r="AE65761" i="1"/>
  <c r="AE65762" i="1"/>
  <c r="AE65763" i="1"/>
  <c r="AE65764" i="1"/>
  <c r="AE65765" i="1"/>
  <c r="AE65766" i="1"/>
  <c r="AE65767" i="1"/>
  <c r="AE65768" i="1"/>
  <c r="AE65769" i="1"/>
  <c r="AE65770" i="1"/>
  <c r="AE65771" i="1"/>
  <c r="AE65772" i="1"/>
  <c r="AE65773" i="1"/>
  <c r="AE65774" i="1"/>
  <c r="AE65775" i="1"/>
  <c r="AE65776" i="1"/>
  <c r="AE65777" i="1"/>
  <c r="AE65778" i="1"/>
  <c r="AE65779" i="1"/>
  <c r="AE65780" i="1"/>
  <c r="AE65781" i="1"/>
  <c r="AE65782" i="1"/>
  <c r="AE65783" i="1"/>
  <c r="AE65784" i="1"/>
  <c r="AE65785" i="1"/>
  <c r="AE65786" i="1"/>
  <c r="AE65787" i="1"/>
  <c r="AE65788" i="1"/>
  <c r="AE65789" i="1"/>
  <c r="AE65790" i="1"/>
  <c r="AE65791" i="1"/>
  <c r="AE65792" i="1"/>
  <c r="AE65793" i="1"/>
  <c r="AE65794" i="1"/>
  <c r="AE65795" i="1"/>
  <c r="AE65796" i="1"/>
  <c r="AE65797" i="1"/>
  <c r="AE65798" i="1"/>
  <c r="AE65799" i="1"/>
  <c r="AE65800" i="1"/>
  <c r="AE65801" i="1"/>
  <c r="AE65802" i="1"/>
  <c r="AE65803" i="1"/>
  <c r="AE65804" i="1"/>
  <c r="AE65805" i="1"/>
  <c r="AE65806" i="1"/>
  <c r="AE65807" i="1"/>
  <c r="AE65808" i="1"/>
  <c r="AE65809" i="1"/>
  <c r="AE65810" i="1"/>
  <c r="AE65811" i="1"/>
  <c r="AE65812" i="1"/>
  <c r="AE65813" i="1"/>
  <c r="AE65814" i="1"/>
  <c r="AE65815" i="1"/>
  <c r="AE65816" i="1"/>
  <c r="AE65817" i="1"/>
  <c r="AE65818" i="1"/>
  <c r="AE65819" i="1"/>
  <c r="AE65820" i="1"/>
  <c r="AE65821" i="1"/>
  <c r="AE65822" i="1"/>
  <c r="AE65823" i="1"/>
  <c r="AE65824" i="1"/>
  <c r="AE65825" i="1"/>
  <c r="AE65826" i="1"/>
  <c r="AE65827" i="1"/>
  <c r="AE65828" i="1"/>
  <c r="AE65829" i="1"/>
  <c r="AE65830" i="1"/>
  <c r="AE65831" i="1"/>
  <c r="AE65832" i="1"/>
  <c r="AE65833" i="1"/>
  <c r="AE65834" i="1"/>
  <c r="AE65835" i="1"/>
  <c r="AE65836" i="1"/>
  <c r="AE65837" i="1"/>
  <c r="AE65838" i="1"/>
  <c r="AE65839" i="1"/>
  <c r="AE65840" i="1"/>
  <c r="AE65841" i="1"/>
  <c r="AE65842" i="1"/>
  <c r="AE65843" i="1"/>
  <c r="AE65844" i="1"/>
  <c r="AE65845" i="1"/>
  <c r="AE65846" i="1"/>
  <c r="AE65847" i="1"/>
  <c r="AE65848" i="1"/>
  <c r="AE65849" i="1"/>
  <c r="AE65850" i="1"/>
  <c r="AE65851" i="1"/>
  <c r="AE65852" i="1"/>
  <c r="AE65853" i="1"/>
  <c r="AE65854" i="1"/>
  <c r="AE65855" i="1"/>
  <c r="AE65856" i="1"/>
  <c r="AE65857" i="1"/>
  <c r="AE65858" i="1"/>
  <c r="AE65859" i="1"/>
  <c r="AE65860" i="1"/>
  <c r="AE65861" i="1"/>
  <c r="AE65862" i="1"/>
  <c r="AE65863" i="1"/>
  <c r="AE65864" i="1"/>
  <c r="AE65865" i="1"/>
  <c r="AE65866" i="1"/>
  <c r="AE65867" i="1"/>
  <c r="AE65868" i="1"/>
  <c r="AE65869" i="1"/>
  <c r="AE65870" i="1"/>
  <c r="AE65871" i="1"/>
  <c r="AE65872" i="1"/>
  <c r="AE65873" i="1"/>
  <c r="AE65874" i="1"/>
  <c r="AE65875" i="1"/>
  <c r="AE65876" i="1"/>
  <c r="AE65877" i="1"/>
  <c r="AE65878" i="1"/>
  <c r="AE65879" i="1"/>
  <c r="AE65880" i="1"/>
  <c r="AE65881" i="1"/>
  <c r="AE65882" i="1"/>
  <c r="AE65883" i="1"/>
  <c r="AE65884" i="1"/>
  <c r="AE65885" i="1"/>
  <c r="AE65886" i="1"/>
  <c r="AE65887" i="1"/>
  <c r="AE65888" i="1"/>
  <c r="AE65889" i="1"/>
  <c r="AE65890" i="1"/>
  <c r="AE65891" i="1"/>
  <c r="AE65892" i="1"/>
  <c r="AE65893" i="1"/>
  <c r="AE65894" i="1"/>
  <c r="AE65895" i="1"/>
  <c r="AE65896" i="1"/>
  <c r="AE65897" i="1"/>
  <c r="AE65898" i="1"/>
  <c r="AE65899" i="1"/>
  <c r="AE65900" i="1"/>
  <c r="AE65901" i="1"/>
  <c r="AE65902" i="1"/>
  <c r="AE65903" i="1"/>
  <c r="AE65904" i="1"/>
  <c r="AE65905" i="1"/>
  <c r="AE65906" i="1"/>
  <c r="AE65907" i="1"/>
  <c r="AE65908" i="1"/>
  <c r="AE65909" i="1"/>
  <c r="AE65910" i="1"/>
  <c r="AE65911" i="1"/>
  <c r="AE65912" i="1"/>
  <c r="AE65913" i="1"/>
  <c r="AE65914" i="1"/>
  <c r="AE65915" i="1"/>
  <c r="AE65916" i="1"/>
  <c r="AE65917" i="1"/>
  <c r="AE65918" i="1"/>
  <c r="AE65919" i="1"/>
  <c r="AE65920" i="1"/>
  <c r="AE65921" i="1"/>
  <c r="AE65922" i="1"/>
  <c r="AE65923" i="1"/>
  <c r="AE65924" i="1"/>
  <c r="AE65925" i="1"/>
  <c r="AE65926" i="1"/>
  <c r="AE65927" i="1"/>
  <c r="AE65928" i="1"/>
  <c r="AE65929" i="1"/>
  <c r="AE65930" i="1"/>
  <c r="AE65931" i="1"/>
  <c r="AE65932" i="1"/>
  <c r="AE65933" i="1"/>
  <c r="AE65934" i="1"/>
  <c r="AE65935" i="1"/>
  <c r="AE65936" i="1"/>
  <c r="AE65937" i="1"/>
  <c r="AE65938" i="1"/>
  <c r="AE65939" i="1"/>
  <c r="AE65940" i="1"/>
  <c r="AE65941" i="1"/>
  <c r="AE65942" i="1"/>
  <c r="AE65943" i="1"/>
  <c r="AE65944" i="1"/>
  <c r="AE65945" i="1"/>
  <c r="AE65946" i="1"/>
  <c r="AE65947" i="1"/>
  <c r="AE65948" i="1"/>
  <c r="AE65949" i="1"/>
  <c r="AE65950" i="1"/>
  <c r="AE65951" i="1"/>
  <c r="AE65952" i="1"/>
  <c r="AE65953" i="1"/>
  <c r="AE65954" i="1"/>
  <c r="AE65955" i="1"/>
  <c r="AE65956" i="1"/>
  <c r="AE65957" i="1"/>
  <c r="AE65958" i="1"/>
  <c r="AE65959" i="1"/>
  <c r="AE65960" i="1"/>
  <c r="AE65961" i="1"/>
  <c r="AE65962" i="1"/>
  <c r="AE65963" i="1"/>
  <c r="AE65964" i="1"/>
  <c r="AE65965" i="1"/>
  <c r="AE65966" i="1"/>
  <c r="AE65967" i="1"/>
  <c r="AE65968" i="1"/>
  <c r="AE65969" i="1"/>
  <c r="AE65970" i="1"/>
  <c r="AE65971" i="1"/>
  <c r="AE65972" i="1"/>
  <c r="AE65973" i="1"/>
  <c r="AE65974" i="1"/>
  <c r="AE65975" i="1"/>
  <c r="AE65976" i="1"/>
  <c r="AE65977" i="1"/>
  <c r="AE65978" i="1"/>
  <c r="AE65979" i="1"/>
  <c r="AE65980" i="1"/>
  <c r="AE65981" i="1"/>
  <c r="AE65982" i="1"/>
  <c r="AE65983" i="1"/>
  <c r="AE65984" i="1"/>
  <c r="AE65985" i="1"/>
  <c r="AE65986" i="1"/>
  <c r="AE65987" i="1"/>
  <c r="AE65988" i="1"/>
  <c r="AE65989" i="1"/>
  <c r="AE65990" i="1"/>
  <c r="AE65991" i="1"/>
  <c r="AE65992" i="1"/>
  <c r="AE65993" i="1"/>
  <c r="AE65994" i="1"/>
  <c r="AE65995" i="1"/>
  <c r="AE65996" i="1"/>
  <c r="AE65997" i="1"/>
  <c r="AE65998" i="1"/>
  <c r="AE65999" i="1"/>
  <c r="AE66000" i="1"/>
  <c r="AE66001" i="1"/>
  <c r="AE66002" i="1"/>
  <c r="AE66003" i="1"/>
  <c r="AE66004" i="1"/>
  <c r="AE66005" i="1"/>
  <c r="AE66006" i="1"/>
  <c r="AE66007" i="1"/>
  <c r="AE66008" i="1"/>
  <c r="AE66009" i="1"/>
  <c r="AE66010" i="1"/>
  <c r="AE66011" i="1"/>
  <c r="AE66012" i="1"/>
  <c r="AE66013" i="1"/>
  <c r="AE66014" i="1"/>
  <c r="AE66015" i="1"/>
  <c r="AE66016" i="1"/>
  <c r="AE66017" i="1"/>
  <c r="AE66018" i="1"/>
  <c r="AE66019" i="1"/>
  <c r="AE66020" i="1"/>
  <c r="AE66021" i="1"/>
  <c r="AE66022" i="1"/>
  <c r="AE66023" i="1"/>
  <c r="AE66024" i="1"/>
  <c r="AE66025" i="1"/>
  <c r="AE66026" i="1"/>
  <c r="AE66027" i="1"/>
  <c r="AE66028" i="1"/>
  <c r="AE66029" i="1"/>
  <c r="AE66030" i="1"/>
  <c r="AE66031" i="1"/>
  <c r="AE66032" i="1"/>
  <c r="AE66033" i="1"/>
  <c r="AE66034" i="1"/>
  <c r="AE66035" i="1"/>
  <c r="AE66036" i="1"/>
  <c r="AE66037" i="1"/>
  <c r="AE66038" i="1"/>
  <c r="AE66039" i="1"/>
  <c r="AE66040" i="1"/>
  <c r="AE66041" i="1"/>
  <c r="AE66042" i="1"/>
  <c r="AE66043" i="1"/>
  <c r="AE66044" i="1"/>
  <c r="AE66045" i="1"/>
  <c r="AE66046" i="1"/>
  <c r="AE66047" i="1"/>
  <c r="AE66048" i="1"/>
  <c r="AE66049" i="1"/>
  <c r="AE66050" i="1"/>
  <c r="AE66051" i="1"/>
  <c r="AE66052" i="1"/>
  <c r="AE66053" i="1"/>
  <c r="AE66054" i="1"/>
  <c r="AE66055" i="1"/>
  <c r="AE66056" i="1"/>
  <c r="AE66057" i="1"/>
  <c r="AE66058" i="1"/>
  <c r="AE66059" i="1"/>
  <c r="AE66060" i="1"/>
  <c r="AE66061" i="1"/>
  <c r="AE66062" i="1"/>
  <c r="AE66063" i="1"/>
  <c r="AE66064" i="1"/>
  <c r="AE66065" i="1"/>
  <c r="AE66066" i="1"/>
  <c r="AE66067" i="1"/>
  <c r="AE66068" i="1"/>
  <c r="AE66069" i="1"/>
  <c r="AE66070" i="1"/>
  <c r="AE66071" i="1"/>
  <c r="AE66072" i="1"/>
  <c r="AE66073" i="1"/>
  <c r="AE66074" i="1"/>
  <c r="AE66075" i="1"/>
  <c r="AE66076" i="1"/>
  <c r="AE66077" i="1"/>
  <c r="AE66078" i="1"/>
  <c r="AE66079" i="1"/>
  <c r="AE66080" i="1"/>
  <c r="AE66081" i="1"/>
  <c r="AE66082" i="1"/>
  <c r="AE66083" i="1"/>
  <c r="AE66084" i="1"/>
  <c r="AE66085" i="1"/>
  <c r="AE66086" i="1"/>
  <c r="AE66087" i="1"/>
  <c r="AE66088" i="1"/>
  <c r="AE66089" i="1"/>
  <c r="AE66090" i="1"/>
  <c r="AE66091" i="1"/>
  <c r="AE66092" i="1"/>
  <c r="AE66093" i="1"/>
  <c r="AE66094" i="1"/>
  <c r="AE66095" i="1"/>
  <c r="AE66096" i="1"/>
  <c r="AE66097" i="1"/>
  <c r="AE66098" i="1"/>
  <c r="AE66099" i="1"/>
  <c r="AE66100" i="1"/>
  <c r="AE66101" i="1"/>
  <c r="AE66102" i="1"/>
  <c r="AE66103" i="1"/>
  <c r="AE66104" i="1"/>
  <c r="AE66105" i="1"/>
  <c r="AE66106" i="1"/>
  <c r="AE66107" i="1"/>
  <c r="AE66108" i="1"/>
  <c r="AE66109" i="1"/>
  <c r="AE66110" i="1"/>
  <c r="AE66111" i="1"/>
  <c r="AE66112" i="1"/>
  <c r="AE66113" i="1"/>
  <c r="AE66114" i="1"/>
  <c r="AE66115" i="1"/>
  <c r="AE66116" i="1"/>
  <c r="AE66117" i="1"/>
  <c r="AE66118" i="1"/>
  <c r="AE66119" i="1"/>
  <c r="AE66120" i="1"/>
  <c r="AE66121" i="1"/>
  <c r="AE66122" i="1"/>
  <c r="AE66123" i="1"/>
  <c r="AE66124" i="1"/>
  <c r="AE66125" i="1"/>
  <c r="AE66126" i="1"/>
  <c r="AE66127" i="1"/>
  <c r="AE66128" i="1"/>
  <c r="AE66129" i="1"/>
  <c r="AE66130" i="1"/>
  <c r="AE66131" i="1"/>
  <c r="AE66132" i="1"/>
  <c r="AE66133" i="1"/>
  <c r="AE66134" i="1"/>
  <c r="AE66135" i="1"/>
  <c r="AE66136" i="1"/>
  <c r="AE66137" i="1"/>
  <c r="AE66138" i="1"/>
  <c r="AE66139" i="1"/>
  <c r="AE66140" i="1"/>
  <c r="AE66141" i="1"/>
  <c r="AE66142" i="1"/>
  <c r="AE66143" i="1"/>
  <c r="AE66144" i="1"/>
  <c r="AE66145" i="1"/>
  <c r="AE66146" i="1"/>
  <c r="AE66147" i="1"/>
  <c r="AE66148" i="1"/>
  <c r="AE66149" i="1"/>
  <c r="AE66150" i="1"/>
  <c r="AE66151" i="1"/>
  <c r="AE66152" i="1"/>
  <c r="AE66153" i="1"/>
  <c r="AE66154" i="1"/>
  <c r="AE66155" i="1"/>
  <c r="AE66156" i="1"/>
  <c r="AE66157" i="1"/>
  <c r="AE66158" i="1"/>
  <c r="AE66159" i="1"/>
  <c r="AE66160" i="1"/>
  <c r="AE66161" i="1"/>
  <c r="AE66162" i="1"/>
  <c r="AE66163" i="1"/>
  <c r="AE66164" i="1"/>
  <c r="AE66165" i="1"/>
  <c r="AE66166" i="1"/>
  <c r="AE66167" i="1"/>
  <c r="AE66168" i="1"/>
  <c r="AE66169" i="1"/>
  <c r="AE66170" i="1"/>
  <c r="AE66171" i="1"/>
  <c r="AE66172" i="1"/>
  <c r="AE66173" i="1"/>
  <c r="AE66174" i="1"/>
  <c r="AE66175" i="1"/>
  <c r="AE66176" i="1"/>
  <c r="AE66177" i="1"/>
  <c r="AE66178" i="1"/>
  <c r="AE66179" i="1"/>
  <c r="AE66180" i="1"/>
  <c r="AE66181" i="1"/>
  <c r="AE66182" i="1"/>
  <c r="AE66183" i="1"/>
  <c r="AE66184" i="1"/>
  <c r="AE66185" i="1"/>
  <c r="AE66186" i="1"/>
  <c r="AE66187" i="1"/>
  <c r="AE66188" i="1"/>
  <c r="AE66189" i="1"/>
  <c r="AE66190" i="1"/>
  <c r="AE66191" i="1"/>
  <c r="AE66192" i="1"/>
  <c r="AE66193" i="1"/>
  <c r="AE66194" i="1"/>
  <c r="AE66195" i="1"/>
  <c r="AE66196" i="1"/>
  <c r="AE66197" i="1"/>
  <c r="AE66198" i="1"/>
  <c r="AE66199" i="1"/>
  <c r="AE66200" i="1"/>
  <c r="AE66201" i="1"/>
  <c r="AE66202" i="1"/>
  <c r="AE66203" i="1"/>
  <c r="AE66204" i="1"/>
  <c r="AE66205" i="1"/>
  <c r="AE66206" i="1"/>
  <c r="AE66207" i="1"/>
  <c r="AE66208" i="1"/>
  <c r="AE66209" i="1"/>
  <c r="AE66210" i="1"/>
  <c r="AE66211" i="1"/>
  <c r="AE66212" i="1"/>
  <c r="AE66213" i="1"/>
  <c r="AE66214" i="1"/>
  <c r="AE66215" i="1"/>
  <c r="AE66216" i="1"/>
  <c r="AE66217" i="1"/>
  <c r="AE66218" i="1"/>
  <c r="AE66219" i="1"/>
  <c r="AE66220" i="1"/>
  <c r="AE66221" i="1"/>
  <c r="AE66222" i="1"/>
  <c r="AE66223" i="1"/>
  <c r="AE66224" i="1"/>
  <c r="AE66225" i="1"/>
  <c r="AE66226" i="1"/>
  <c r="AE66227" i="1"/>
  <c r="AE66228" i="1"/>
  <c r="AE66229" i="1"/>
  <c r="AE66230" i="1"/>
  <c r="AE66231" i="1"/>
  <c r="AE66232" i="1"/>
  <c r="AE66233" i="1"/>
  <c r="AE66234" i="1"/>
  <c r="AE66235" i="1"/>
  <c r="AE66236" i="1"/>
  <c r="AE66237" i="1"/>
  <c r="AE66238" i="1"/>
  <c r="AE66239" i="1"/>
  <c r="AE66240" i="1"/>
  <c r="AE66241" i="1"/>
  <c r="AE66242" i="1"/>
  <c r="AE66243" i="1"/>
  <c r="AE66244" i="1"/>
  <c r="AE66245" i="1"/>
  <c r="AE66246" i="1"/>
  <c r="AE66247" i="1"/>
  <c r="AE66248" i="1"/>
  <c r="AE66249" i="1"/>
  <c r="AE66250" i="1"/>
  <c r="AE66251" i="1"/>
  <c r="AE66252" i="1"/>
  <c r="AE66253" i="1"/>
  <c r="AE66254" i="1"/>
  <c r="AE66255" i="1"/>
  <c r="AE66256" i="1"/>
  <c r="AE66257" i="1"/>
  <c r="AE66258" i="1"/>
  <c r="AE66259" i="1"/>
  <c r="AE66260" i="1"/>
  <c r="AE66261" i="1"/>
  <c r="AE66262" i="1"/>
  <c r="AE66263" i="1"/>
  <c r="AE66264" i="1"/>
  <c r="AE66265" i="1"/>
  <c r="AE66266" i="1"/>
  <c r="AE66267" i="1"/>
  <c r="AE66268" i="1"/>
  <c r="AE66269" i="1"/>
  <c r="AE66270" i="1"/>
  <c r="AE66271" i="1"/>
  <c r="AE66272" i="1"/>
  <c r="AE66273" i="1"/>
  <c r="AE66274" i="1"/>
  <c r="AE66275" i="1"/>
  <c r="AE66276" i="1"/>
  <c r="AE66277" i="1"/>
  <c r="AE66278" i="1"/>
  <c r="AE66279" i="1"/>
  <c r="AE66280" i="1"/>
  <c r="AE66281" i="1"/>
  <c r="AE66282" i="1"/>
  <c r="AE66283" i="1"/>
  <c r="AE66284" i="1"/>
  <c r="AE66285" i="1"/>
  <c r="AE66286" i="1"/>
  <c r="AE66287" i="1"/>
  <c r="AE66288" i="1"/>
  <c r="AE66289" i="1"/>
  <c r="AE66290" i="1"/>
  <c r="AE66291" i="1"/>
  <c r="AE66292" i="1"/>
  <c r="AE66293" i="1"/>
  <c r="AE66294" i="1"/>
  <c r="AE66295" i="1"/>
  <c r="AE66296" i="1"/>
  <c r="AE66297" i="1"/>
  <c r="AE66298" i="1"/>
  <c r="AE66299" i="1"/>
  <c r="AE66300" i="1"/>
  <c r="AE66301" i="1"/>
  <c r="AE66302" i="1"/>
  <c r="AE66303" i="1"/>
  <c r="AE66304" i="1"/>
  <c r="AE66305" i="1"/>
  <c r="AE66306" i="1"/>
  <c r="AE66307" i="1"/>
  <c r="AE66308" i="1"/>
  <c r="AE66309" i="1"/>
  <c r="AE66310" i="1"/>
  <c r="AE66311" i="1"/>
  <c r="AE66312" i="1"/>
  <c r="AE66313" i="1"/>
  <c r="AE66314" i="1"/>
  <c r="AE66315" i="1"/>
  <c r="AE66316" i="1"/>
  <c r="AE66317" i="1"/>
  <c r="AE66318" i="1"/>
  <c r="AE66319" i="1"/>
  <c r="AE66320" i="1"/>
  <c r="AE66321" i="1"/>
  <c r="AE66322" i="1"/>
  <c r="AE66323" i="1"/>
  <c r="AE66324" i="1"/>
  <c r="AE66325" i="1"/>
  <c r="AE66326" i="1"/>
  <c r="AE66327" i="1"/>
  <c r="AE66328" i="1"/>
  <c r="AE66329" i="1"/>
  <c r="AE66330" i="1"/>
  <c r="AE66331" i="1"/>
  <c r="AE66332" i="1"/>
  <c r="AE66333" i="1"/>
  <c r="AE66334" i="1"/>
  <c r="AE66335" i="1"/>
  <c r="AE66336" i="1"/>
  <c r="AE66337" i="1"/>
  <c r="AE66338" i="1"/>
  <c r="AE66339" i="1"/>
  <c r="AE66340" i="1"/>
  <c r="AE66341" i="1"/>
  <c r="AE66342" i="1"/>
  <c r="AE66343" i="1"/>
  <c r="AE66344" i="1"/>
  <c r="AE66345" i="1"/>
  <c r="AE66346" i="1"/>
  <c r="AE66347" i="1"/>
  <c r="AE66348" i="1"/>
  <c r="AE66349" i="1"/>
  <c r="AE66350" i="1"/>
  <c r="AE66351" i="1"/>
  <c r="AE66352" i="1"/>
  <c r="AE66353" i="1"/>
  <c r="AE66354" i="1"/>
  <c r="AE66355" i="1"/>
  <c r="AE66356" i="1"/>
  <c r="AE66357" i="1"/>
  <c r="AE66358" i="1"/>
  <c r="AE66359" i="1"/>
  <c r="AE66360" i="1"/>
  <c r="AE66361" i="1"/>
  <c r="AE66362" i="1"/>
  <c r="AE66363" i="1"/>
  <c r="AE66364" i="1"/>
  <c r="AE66365" i="1"/>
  <c r="AE66366" i="1"/>
  <c r="AE66367" i="1"/>
  <c r="AE66368" i="1"/>
  <c r="AE66369" i="1"/>
  <c r="AE66370" i="1"/>
  <c r="AE66371" i="1"/>
  <c r="AE66372" i="1"/>
  <c r="AE66373" i="1"/>
  <c r="AE66374" i="1"/>
  <c r="AE66375" i="1"/>
  <c r="AE66376" i="1"/>
  <c r="AE66377" i="1"/>
  <c r="AE66378" i="1"/>
  <c r="AE66379" i="1"/>
  <c r="AE66380" i="1"/>
  <c r="AE66381" i="1"/>
  <c r="AE66382" i="1"/>
  <c r="AE66383" i="1"/>
  <c r="AE66384" i="1"/>
  <c r="AE66385" i="1"/>
  <c r="AE66386" i="1"/>
  <c r="AE66387" i="1"/>
  <c r="AE66388" i="1"/>
  <c r="AE66389" i="1"/>
  <c r="AE66390" i="1"/>
  <c r="AE66391" i="1"/>
  <c r="AE66392" i="1"/>
  <c r="AE66393" i="1"/>
  <c r="AE66394" i="1"/>
  <c r="AE66395" i="1"/>
  <c r="AE66396" i="1"/>
  <c r="AE66397" i="1"/>
  <c r="AE66398" i="1"/>
  <c r="AE66399" i="1"/>
  <c r="AE66400" i="1"/>
  <c r="AE66401" i="1"/>
  <c r="AE66402" i="1"/>
  <c r="AE66403" i="1"/>
  <c r="AE66404" i="1"/>
  <c r="AE66405" i="1"/>
  <c r="AE66406" i="1"/>
  <c r="AE66407" i="1"/>
  <c r="AE66408" i="1"/>
  <c r="AE66409" i="1"/>
  <c r="AE66410" i="1"/>
  <c r="AE66411" i="1"/>
  <c r="AE66412" i="1"/>
  <c r="AE66413" i="1"/>
  <c r="AE66414" i="1"/>
  <c r="AE66415" i="1"/>
  <c r="AE66416" i="1"/>
  <c r="AE66417" i="1"/>
  <c r="AE66418" i="1"/>
  <c r="AE66419" i="1"/>
  <c r="AE66420" i="1"/>
  <c r="AE66421" i="1"/>
  <c r="AE66422" i="1"/>
  <c r="AE66423" i="1"/>
  <c r="AE66424" i="1"/>
  <c r="AE66425" i="1"/>
  <c r="AE66426" i="1"/>
  <c r="AE66427" i="1"/>
  <c r="AE66428" i="1"/>
  <c r="AE66429" i="1"/>
  <c r="AE66430" i="1"/>
  <c r="AE66431" i="1"/>
  <c r="AE66432" i="1"/>
  <c r="AE66433" i="1"/>
  <c r="AE66434" i="1"/>
  <c r="AE66435" i="1"/>
  <c r="AE66436" i="1"/>
  <c r="AE66437" i="1"/>
  <c r="AE66438" i="1"/>
  <c r="AE66439" i="1"/>
  <c r="AE66440" i="1"/>
  <c r="AE66441" i="1"/>
  <c r="AE66442" i="1"/>
  <c r="AE66443" i="1"/>
  <c r="AE66444" i="1"/>
  <c r="AE66445" i="1"/>
  <c r="AE66446" i="1"/>
  <c r="AE66447" i="1"/>
  <c r="AE66448" i="1"/>
  <c r="AE66449" i="1"/>
  <c r="AE66450" i="1"/>
  <c r="AE66451" i="1"/>
  <c r="AE66452" i="1"/>
  <c r="AE66453" i="1"/>
  <c r="AE66454" i="1"/>
  <c r="AE66455" i="1"/>
  <c r="AE66456" i="1"/>
  <c r="AE66457" i="1"/>
  <c r="AE66458" i="1"/>
  <c r="AE66459" i="1"/>
  <c r="AE66460" i="1"/>
  <c r="AE66461" i="1"/>
  <c r="AE66462" i="1"/>
  <c r="AE66463" i="1"/>
  <c r="AE66464" i="1"/>
  <c r="AE66465" i="1"/>
  <c r="AE66466" i="1"/>
  <c r="AE66467" i="1"/>
  <c r="AE66468" i="1"/>
  <c r="AE66469" i="1"/>
  <c r="AE66470" i="1"/>
  <c r="AE66471" i="1"/>
  <c r="AE66472" i="1"/>
  <c r="AE66473" i="1"/>
  <c r="AE66474" i="1"/>
  <c r="AE66475" i="1"/>
  <c r="AE66476" i="1"/>
  <c r="AE66477" i="1"/>
  <c r="AE66478" i="1"/>
  <c r="AE66479" i="1"/>
  <c r="AE66480" i="1"/>
  <c r="AE66481" i="1"/>
  <c r="AE66482" i="1"/>
  <c r="AE66483" i="1"/>
  <c r="AE66484" i="1"/>
  <c r="AE66485" i="1"/>
  <c r="AE66486" i="1"/>
  <c r="AE66487" i="1"/>
  <c r="AE66488" i="1"/>
  <c r="AE66489" i="1"/>
  <c r="AE66490" i="1"/>
  <c r="AE66491" i="1"/>
  <c r="AE66492" i="1"/>
  <c r="AE66493" i="1"/>
  <c r="AE66494" i="1"/>
  <c r="AE66495" i="1"/>
  <c r="AE66496" i="1"/>
  <c r="AE66497" i="1"/>
  <c r="AE66498" i="1"/>
  <c r="AE66499" i="1"/>
  <c r="AE66500" i="1"/>
  <c r="AE66501" i="1"/>
  <c r="AE66502" i="1"/>
  <c r="AE66503" i="1"/>
  <c r="AE66504" i="1"/>
  <c r="AE66505" i="1"/>
  <c r="AE66506" i="1"/>
  <c r="AE66507" i="1"/>
  <c r="AE66508" i="1"/>
  <c r="AE66509" i="1"/>
  <c r="AE66510" i="1"/>
  <c r="AE66511" i="1"/>
  <c r="AE66512" i="1"/>
  <c r="AE66513" i="1"/>
  <c r="AE66514" i="1"/>
  <c r="AE66515" i="1"/>
  <c r="AE66516" i="1"/>
  <c r="AE66517" i="1"/>
  <c r="AE66518" i="1"/>
  <c r="AE66519" i="1"/>
  <c r="AE66520" i="1"/>
  <c r="AE66521" i="1"/>
  <c r="AE66522" i="1"/>
  <c r="AE66523" i="1"/>
  <c r="AE66524" i="1"/>
  <c r="AE66525" i="1"/>
  <c r="AE66526" i="1"/>
  <c r="AE66527" i="1"/>
  <c r="AE66528" i="1"/>
  <c r="AE66529" i="1"/>
  <c r="AE66530" i="1"/>
  <c r="AE66531" i="1"/>
  <c r="AE66532" i="1"/>
  <c r="AE66533" i="1"/>
  <c r="AE66534" i="1"/>
  <c r="AE66535" i="1"/>
  <c r="AE66536" i="1"/>
  <c r="AE66537" i="1"/>
  <c r="AE66538" i="1"/>
  <c r="AE66539" i="1"/>
  <c r="AE66540" i="1"/>
  <c r="AE66541" i="1"/>
  <c r="AE66542" i="1"/>
  <c r="AE66543" i="1"/>
  <c r="AE66544" i="1"/>
  <c r="AE66545" i="1"/>
  <c r="AE66546" i="1"/>
  <c r="AE66547" i="1"/>
  <c r="AE66548" i="1"/>
  <c r="AE66549" i="1"/>
  <c r="AE66550" i="1"/>
  <c r="AE66551" i="1"/>
  <c r="AE66552" i="1"/>
  <c r="AE66553" i="1"/>
  <c r="AE66554" i="1"/>
  <c r="AE66555" i="1"/>
  <c r="AE66556" i="1"/>
  <c r="AE66557" i="1"/>
  <c r="AE66558" i="1"/>
  <c r="AE66559" i="1"/>
  <c r="AE66560" i="1"/>
  <c r="AE66561" i="1"/>
  <c r="AE66562" i="1"/>
  <c r="AE66563" i="1"/>
  <c r="AE66564" i="1"/>
  <c r="AE66565" i="1"/>
  <c r="AE66566" i="1"/>
  <c r="AE66567" i="1"/>
  <c r="AE66568" i="1"/>
  <c r="AE66569" i="1"/>
  <c r="AE66570" i="1"/>
  <c r="AE66571" i="1"/>
  <c r="AE66572" i="1"/>
  <c r="AE66573" i="1"/>
  <c r="AE66574" i="1"/>
  <c r="AE66575" i="1"/>
  <c r="AE66576" i="1"/>
  <c r="AE66577" i="1"/>
  <c r="AE66578" i="1"/>
  <c r="AE66579" i="1"/>
  <c r="AE66580" i="1"/>
  <c r="AE66581" i="1"/>
  <c r="AE66582" i="1"/>
  <c r="AE66583" i="1"/>
  <c r="AE66584" i="1"/>
  <c r="AE66585" i="1"/>
  <c r="AE66586" i="1"/>
  <c r="AE66587" i="1"/>
  <c r="AE66588" i="1"/>
  <c r="AE66589" i="1"/>
  <c r="AE66590" i="1"/>
  <c r="AE66591" i="1"/>
  <c r="AE66592" i="1"/>
  <c r="AE66593" i="1"/>
  <c r="AE66594" i="1"/>
  <c r="AE66595" i="1"/>
  <c r="AE66596" i="1"/>
  <c r="AE66597" i="1"/>
  <c r="AE66598" i="1"/>
  <c r="AE66599" i="1"/>
  <c r="AE66600" i="1"/>
  <c r="AE66601" i="1"/>
  <c r="AE66602" i="1"/>
  <c r="AE66603" i="1"/>
  <c r="AE66604" i="1"/>
  <c r="AE66605" i="1"/>
  <c r="AE66606" i="1"/>
  <c r="AE66607" i="1"/>
  <c r="AE66608" i="1"/>
  <c r="AE66609" i="1"/>
  <c r="AE66610" i="1"/>
  <c r="AE66611" i="1"/>
  <c r="AE66612" i="1"/>
  <c r="AE66613" i="1"/>
  <c r="AE66614" i="1"/>
  <c r="AE66615" i="1"/>
  <c r="AE66616" i="1"/>
  <c r="AE66617" i="1"/>
  <c r="AE66618" i="1"/>
  <c r="AE66619" i="1"/>
  <c r="AE66620" i="1"/>
  <c r="AE66621" i="1"/>
  <c r="AE66622" i="1"/>
  <c r="AE66623" i="1"/>
  <c r="AE66624" i="1"/>
  <c r="AE66625" i="1"/>
  <c r="AE66626" i="1"/>
  <c r="AE66627" i="1"/>
  <c r="AE66628" i="1"/>
  <c r="AE66629" i="1"/>
  <c r="AE66630" i="1"/>
  <c r="AE66631" i="1"/>
  <c r="AE66632" i="1"/>
  <c r="AE66633" i="1"/>
  <c r="AE66634" i="1"/>
  <c r="AE66635" i="1"/>
  <c r="AE66636" i="1"/>
  <c r="AE66637" i="1"/>
  <c r="AE66638" i="1"/>
  <c r="AE66639" i="1"/>
  <c r="AE66640" i="1"/>
  <c r="AE66641" i="1"/>
  <c r="AE66642" i="1"/>
  <c r="AE66643" i="1"/>
  <c r="AE66644" i="1"/>
  <c r="AE66645" i="1"/>
  <c r="AE66646" i="1"/>
  <c r="AE66647" i="1"/>
  <c r="AE66648" i="1"/>
  <c r="AE66649" i="1"/>
  <c r="AE66650" i="1"/>
  <c r="AE66651" i="1"/>
  <c r="AE66652" i="1"/>
  <c r="AE66653" i="1"/>
  <c r="AE66654" i="1"/>
  <c r="AE66655" i="1"/>
  <c r="AE66656" i="1"/>
  <c r="AE66657" i="1"/>
  <c r="AE66658" i="1"/>
  <c r="AE66659" i="1"/>
  <c r="AE66660" i="1"/>
  <c r="AE66661" i="1"/>
  <c r="AE66662" i="1"/>
  <c r="AE66663" i="1"/>
  <c r="AE66664" i="1"/>
  <c r="AE66665" i="1"/>
  <c r="AE66666" i="1"/>
  <c r="AE66667" i="1"/>
  <c r="AE66668" i="1"/>
  <c r="AE66669" i="1"/>
  <c r="AE66670" i="1"/>
  <c r="AE66671" i="1"/>
  <c r="AE66672" i="1"/>
  <c r="AE66673" i="1"/>
  <c r="AE66674" i="1"/>
  <c r="AE66675" i="1"/>
  <c r="AE66676" i="1"/>
  <c r="AE66677" i="1"/>
  <c r="AE66678" i="1"/>
  <c r="AE66679" i="1"/>
  <c r="AE66680" i="1"/>
  <c r="AE66681" i="1"/>
  <c r="AE66682" i="1"/>
  <c r="AE66683" i="1"/>
  <c r="AE66684" i="1"/>
  <c r="AE66685" i="1"/>
  <c r="AE66686" i="1"/>
  <c r="AE66687" i="1"/>
  <c r="AE66688" i="1"/>
  <c r="AE66689" i="1"/>
  <c r="AE66690" i="1"/>
  <c r="AE66691" i="1"/>
  <c r="AE66692" i="1"/>
  <c r="AE66693" i="1"/>
  <c r="AE66694" i="1"/>
  <c r="AE66695" i="1"/>
  <c r="AE66696" i="1"/>
  <c r="AE66697" i="1"/>
  <c r="AE66698" i="1"/>
  <c r="AE66699" i="1"/>
  <c r="AE66700" i="1"/>
  <c r="AE66701" i="1"/>
  <c r="AE66702" i="1"/>
  <c r="AE66703" i="1"/>
  <c r="AE66704" i="1"/>
  <c r="AE66705" i="1"/>
  <c r="AE66706" i="1"/>
  <c r="AE66707" i="1"/>
  <c r="AE66708" i="1"/>
  <c r="AE66709" i="1"/>
  <c r="AE66710" i="1"/>
  <c r="AE66711" i="1"/>
  <c r="AE66712" i="1"/>
  <c r="AE66713" i="1"/>
  <c r="AE66714" i="1"/>
  <c r="AE66715" i="1"/>
  <c r="AE66716" i="1"/>
  <c r="AE66717" i="1"/>
  <c r="AE66718" i="1"/>
  <c r="AE66719" i="1"/>
  <c r="AE66720" i="1"/>
  <c r="AE66721" i="1"/>
  <c r="AE66722" i="1"/>
  <c r="AE66723" i="1"/>
  <c r="AE66724" i="1"/>
  <c r="AE66725" i="1"/>
  <c r="AE66726" i="1"/>
  <c r="AE66727" i="1"/>
  <c r="AE66728" i="1"/>
  <c r="AE66729" i="1"/>
  <c r="AE66730" i="1"/>
  <c r="AE66731" i="1"/>
  <c r="AE66732" i="1"/>
  <c r="AE66733" i="1"/>
  <c r="AE66734" i="1"/>
  <c r="AE66735" i="1"/>
  <c r="AE66736" i="1"/>
  <c r="AE66737" i="1"/>
  <c r="AE66738" i="1"/>
  <c r="AE66739" i="1"/>
  <c r="AE66740" i="1"/>
  <c r="AE66741" i="1"/>
  <c r="AE66742" i="1"/>
  <c r="AE66743" i="1"/>
  <c r="AE66744" i="1"/>
  <c r="AE66745" i="1"/>
  <c r="AE66746" i="1"/>
  <c r="AE66747" i="1"/>
  <c r="AE66748" i="1"/>
  <c r="AE66749" i="1"/>
  <c r="AE66750" i="1"/>
  <c r="AE66751" i="1"/>
  <c r="AE66752" i="1"/>
  <c r="AE66753" i="1"/>
  <c r="AE66754" i="1"/>
  <c r="AE66755" i="1"/>
  <c r="AE66756" i="1"/>
  <c r="AE66757" i="1"/>
  <c r="AE66758" i="1"/>
  <c r="AE66759" i="1"/>
  <c r="AE66760" i="1"/>
  <c r="AE66761" i="1"/>
  <c r="AE66762" i="1"/>
  <c r="AE66763" i="1"/>
  <c r="AE66764" i="1"/>
  <c r="AE66765" i="1"/>
  <c r="AE66766" i="1"/>
  <c r="AE66767" i="1"/>
  <c r="AE66768" i="1"/>
  <c r="AE66769" i="1"/>
  <c r="AE66770" i="1"/>
  <c r="AE66771" i="1"/>
  <c r="AE66772" i="1"/>
  <c r="AE66773" i="1"/>
  <c r="AE66774" i="1"/>
  <c r="AE66775" i="1"/>
  <c r="AE66776" i="1"/>
  <c r="AE66777" i="1"/>
  <c r="AE66778" i="1"/>
  <c r="AE66779" i="1"/>
  <c r="AE66780" i="1"/>
  <c r="AE66781" i="1"/>
  <c r="AE66782" i="1"/>
  <c r="AE66783" i="1"/>
  <c r="AE66784" i="1"/>
  <c r="AE66785" i="1"/>
  <c r="AE66786" i="1"/>
  <c r="AE66787" i="1"/>
  <c r="AE66788" i="1"/>
  <c r="AE66789" i="1"/>
  <c r="AE66790" i="1"/>
  <c r="AE66791" i="1"/>
  <c r="AE66792" i="1"/>
  <c r="AE66793" i="1"/>
  <c r="AE66794" i="1"/>
  <c r="AE66795" i="1"/>
  <c r="AE66796" i="1"/>
  <c r="AE66797" i="1"/>
  <c r="AE66798" i="1"/>
  <c r="AE66799" i="1"/>
  <c r="AE66800" i="1"/>
  <c r="AE66801" i="1"/>
  <c r="AE66802" i="1"/>
  <c r="AE66803" i="1"/>
  <c r="AE66804" i="1"/>
  <c r="AE66805" i="1"/>
  <c r="AE66806" i="1"/>
  <c r="AE66807" i="1"/>
  <c r="AE66808" i="1"/>
  <c r="AE66809" i="1"/>
  <c r="AE66810" i="1"/>
  <c r="AE66811" i="1"/>
  <c r="AE66812" i="1"/>
  <c r="AE66813" i="1"/>
  <c r="AE66814" i="1"/>
  <c r="AE66815" i="1"/>
  <c r="AE66816" i="1"/>
  <c r="AE66817" i="1"/>
  <c r="AE66818" i="1"/>
  <c r="AE66819" i="1"/>
  <c r="AE66820" i="1"/>
  <c r="AE66821" i="1"/>
  <c r="AE66822" i="1"/>
  <c r="AE66823" i="1"/>
  <c r="AE66824" i="1"/>
  <c r="AE66825" i="1"/>
  <c r="AE66826" i="1"/>
  <c r="AE66827" i="1"/>
  <c r="AE66828" i="1"/>
  <c r="AE66829" i="1"/>
  <c r="AE66830" i="1"/>
  <c r="AE66831" i="1"/>
  <c r="AE66832" i="1"/>
  <c r="AE66833" i="1"/>
  <c r="AE66834" i="1"/>
  <c r="AE66835" i="1"/>
  <c r="AE66836" i="1"/>
  <c r="AE66837" i="1"/>
  <c r="AE66838" i="1"/>
  <c r="AE66839" i="1"/>
  <c r="AE66840" i="1"/>
  <c r="AE66841" i="1"/>
  <c r="AE66842" i="1"/>
  <c r="AE66843" i="1"/>
  <c r="AE66844" i="1"/>
  <c r="AE66845" i="1"/>
  <c r="AE66846" i="1"/>
  <c r="AE66847" i="1"/>
  <c r="AE66848" i="1"/>
  <c r="AE66849" i="1"/>
  <c r="AE66850" i="1"/>
  <c r="AE66851" i="1"/>
  <c r="AE66852" i="1"/>
  <c r="AE66853" i="1"/>
  <c r="AE66854" i="1"/>
  <c r="AE66855" i="1"/>
  <c r="AE66856" i="1"/>
  <c r="AE66857" i="1"/>
  <c r="AE66858" i="1"/>
  <c r="AE66859" i="1"/>
  <c r="AE66860" i="1"/>
  <c r="AE66861" i="1"/>
  <c r="AE66862" i="1"/>
  <c r="AE66863" i="1"/>
  <c r="AE66864" i="1"/>
  <c r="AE66865" i="1"/>
  <c r="AE66866" i="1"/>
  <c r="AE66867" i="1"/>
  <c r="AE66868" i="1"/>
  <c r="AE66869" i="1"/>
  <c r="AE66870" i="1"/>
  <c r="AE66871" i="1"/>
  <c r="AE66872" i="1"/>
  <c r="AE66873" i="1"/>
  <c r="AE66874" i="1"/>
  <c r="AE66875" i="1"/>
  <c r="AE66876" i="1"/>
  <c r="AE66877" i="1"/>
  <c r="AE66878" i="1"/>
  <c r="AE66879" i="1"/>
  <c r="AE66880" i="1"/>
  <c r="AE66881" i="1"/>
  <c r="AE66882" i="1"/>
  <c r="AE66883" i="1"/>
  <c r="AE66884" i="1"/>
  <c r="AE66885" i="1"/>
  <c r="AE66886" i="1"/>
  <c r="AE66887" i="1"/>
  <c r="AE66888" i="1"/>
  <c r="AE66889" i="1"/>
  <c r="AE66890" i="1"/>
  <c r="AE66891" i="1"/>
  <c r="AE66892" i="1"/>
  <c r="AE66893" i="1"/>
  <c r="AE66894" i="1"/>
  <c r="AE66895" i="1"/>
  <c r="AE66896" i="1"/>
  <c r="AE66897" i="1"/>
  <c r="AE66898" i="1"/>
  <c r="AE66899" i="1"/>
  <c r="AE66900" i="1"/>
  <c r="AE66901" i="1"/>
  <c r="AE66902" i="1"/>
  <c r="AE66903" i="1"/>
  <c r="AE66904" i="1"/>
  <c r="AE66905" i="1"/>
  <c r="AE66906" i="1"/>
  <c r="AE66907" i="1"/>
  <c r="AE66908" i="1"/>
  <c r="AE66909" i="1"/>
  <c r="AE66910" i="1"/>
  <c r="AE66911" i="1"/>
  <c r="AE66912" i="1"/>
  <c r="AE66913" i="1"/>
  <c r="AE66914" i="1"/>
  <c r="AE66915" i="1"/>
  <c r="AE66916" i="1"/>
  <c r="AE66917" i="1"/>
  <c r="AE66918" i="1"/>
  <c r="AE66919" i="1"/>
  <c r="AE66920" i="1"/>
  <c r="AE66921" i="1"/>
  <c r="AE66922" i="1"/>
  <c r="AE66923" i="1"/>
  <c r="AE66924" i="1"/>
  <c r="AE66925" i="1"/>
  <c r="AE66926" i="1"/>
  <c r="AE66927" i="1"/>
  <c r="AE66928" i="1"/>
  <c r="AE66929" i="1"/>
  <c r="AE66930" i="1"/>
  <c r="AE66931" i="1"/>
  <c r="AE66932" i="1"/>
  <c r="AE66933" i="1"/>
  <c r="AE66934" i="1"/>
  <c r="AE66935" i="1"/>
  <c r="AE66936" i="1"/>
  <c r="AE66937" i="1"/>
  <c r="AE66938" i="1"/>
  <c r="AE66939" i="1"/>
  <c r="AE66940" i="1"/>
  <c r="AE66941" i="1"/>
  <c r="AE66942" i="1"/>
  <c r="AE66943" i="1"/>
  <c r="AE66944" i="1"/>
  <c r="AE66945" i="1"/>
  <c r="AE66946" i="1"/>
  <c r="AE66947" i="1"/>
  <c r="AE66948" i="1"/>
  <c r="AE66949" i="1"/>
  <c r="AE66950" i="1"/>
  <c r="AE66951" i="1"/>
  <c r="AE66952" i="1"/>
  <c r="AE66953" i="1"/>
  <c r="AE66954" i="1"/>
  <c r="AE66955" i="1"/>
  <c r="AE66956" i="1"/>
  <c r="AE66957" i="1"/>
  <c r="AE66958" i="1"/>
  <c r="AE66959" i="1"/>
  <c r="AE66960" i="1"/>
  <c r="AE66961" i="1"/>
  <c r="AE66962" i="1"/>
  <c r="AE66963" i="1"/>
  <c r="AE66964" i="1"/>
  <c r="AE66965" i="1"/>
  <c r="AE66966" i="1"/>
  <c r="AE66967" i="1"/>
  <c r="AE66968" i="1"/>
  <c r="AE66969" i="1"/>
  <c r="AE66970" i="1"/>
  <c r="AE66971" i="1"/>
  <c r="AE66972" i="1"/>
  <c r="AE66973" i="1"/>
  <c r="AE66974" i="1"/>
  <c r="AE66975" i="1"/>
  <c r="AE66976" i="1"/>
  <c r="AE66977" i="1"/>
  <c r="AE66978" i="1"/>
  <c r="AE66979" i="1"/>
  <c r="AE66980" i="1"/>
  <c r="AE66981" i="1"/>
  <c r="AE66982" i="1"/>
  <c r="AE66983" i="1"/>
  <c r="AE66984" i="1"/>
  <c r="AE66985" i="1"/>
  <c r="AE66986" i="1"/>
  <c r="AE66987" i="1"/>
  <c r="AE66988" i="1"/>
  <c r="AE66989" i="1"/>
  <c r="AE66990" i="1"/>
  <c r="AE66991" i="1"/>
  <c r="AE66992" i="1"/>
  <c r="AE66993" i="1"/>
  <c r="AE66994" i="1"/>
  <c r="AE66995" i="1"/>
  <c r="AE66996" i="1"/>
  <c r="AE66997" i="1"/>
  <c r="AE66998" i="1"/>
  <c r="AE66999" i="1"/>
  <c r="AE67000" i="1"/>
  <c r="AE67001" i="1"/>
  <c r="AE67002" i="1"/>
  <c r="AE67003" i="1"/>
  <c r="AE67004" i="1"/>
  <c r="AE67005" i="1"/>
  <c r="AE67006" i="1"/>
  <c r="AE67007" i="1"/>
  <c r="AE67008" i="1"/>
  <c r="AE67009" i="1"/>
  <c r="AE67010" i="1"/>
  <c r="AE67011" i="1"/>
  <c r="AE67012" i="1"/>
  <c r="AE67013" i="1"/>
  <c r="AE67014" i="1"/>
  <c r="AE67015" i="1"/>
  <c r="AE67016" i="1"/>
  <c r="AE67017" i="1"/>
  <c r="AE67018" i="1"/>
  <c r="AE67019" i="1"/>
  <c r="AE67020" i="1"/>
  <c r="AE67021" i="1"/>
  <c r="AE67022" i="1"/>
  <c r="AE67023" i="1"/>
  <c r="AE67024" i="1"/>
  <c r="AE67025" i="1"/>
  <c r="AE67026" i="1"/>
  <c r="AE67027" i="1"/>
  <c r="AE67028" i="1"/>
  <c r="AE67029" i="1"/>
  <c r="AE67030" i="1"/>
  <c r="AE67031" i="1"/>
  <c r="AE67032" i="1"/>
  <c r="AE67033" i="1"/>
  <c r="AE67034" i="1"/>
  <c r="AE67035" i="1"/>
  <c r="AE67036" i="1"/>
  <c r="AE67037" i="1"/>
  <c r="AE67038" i="1"/>
  <c r="AE67039" i="1"/>
  <c r="AE67040" i="1"/>
  <c r="AE67041" i="1"/>
  <c r="AE67042" i="1"/>
  <c r="AE67043" i="1"/>
  <c r="AE67044" i="1"/>
  <c r="AE67045" i="1"/>
  <c r="AE67046" i="1"/>
  <c r="AE67047" i="1"/>
  <c r="AE67048" i="1"/>
  <c r="AE67049" i="1"/>
  <c r="AE67050" i="1"/>
  <c r="AE67051" i="1"/>
  <c r="AE67052" i="1"/>
  <c r="AE67053" i="1"/>
  <c r="AE67054" i="1"/>
  <c r="AE67055" i="1"/>
  <c r="AE67056" i="1"/>
  <c r="AE67057" i="1"/>
  <c r="AE67058" i="1"/>
  <c r="AE67059" i="1"/>
  <c r="AE67060" i="1"/>
  <c r="AE67061" i="1"/>
  <c r="AE67062" i="1"/>
  <c r="AE67063" i="1"/>
  <c r="AE67064" i="1"/>
  <c r="AE67065" i="1"/>
  <c r="AE67066" i="1"/>
  <c r="AE67067" i="1"/>
  <c r="AE67068" i="1"/>
  <c r="AE67069" i="1"/>
  <c r="AE67070" i="1"/>
  <c r="AE67071" i="1"/>
  <c r="AE67072" i="1"/>
  <c r="AE67073" i="1"/>
  <c r="AE67074" i="1"/>
  <c r="AE67075" i="1"/>
  <c r="AE67076" i="1"/>
  <c r="AE67077" i="1"/>
  <c r="AE67078" i="1"/>
  <c r="AE67079" i="1"/>
  <c r="AE67080" i="1"/>
  <c r="AE67081" i="1"/>
  <c r="AE67082" i="1"/>
  <c r="AE67083" i="1"/>
  <c r="AE67084" i="1"/>
  <c r="AE67085" i="1"/>
  <c r="AE67086" i="1"/>
  <c r="AE67087" i="1"/>
  <c r="AE67088" i="1"/>
  <c r="AE67089" i="1"/>
  <c r="AE67090" i="1"/>
  <c r="AE67091" i="1"/>
  <c r="AE67092" i="1"/>
  <c r="AE67093" i="1"/>
  <c r="AE67094" i="1"/>
  <c r="AE67095" i="1"/>
  <c r="AE67096" i="1"/>
  <c r="AE67097" i="1"/>
  <c r="AE67098" i="1"/>
  <c r="AE67099" i="1"/>
  <c r="AE67100" i="1"/>
  <c r="AE67101" i="1"/>
  <c r="AE67102" i="1"/>
  <c r="AE67103" i="1"/>
  <c r="AE67104" i="1"/>
  <c r="AE67105" i="1"/>
  <c r="AE67106" i="1"/>
  <c r="AE67107" i="1"/>
  <c r="AE67108" i="1"/>
  <c r="AE67109" i="1"/>
  <c r="AE67110" i="1"/>
  <c r="AE67111" i="1"/>
  <c r="AE67112" i="1"/>
  <c r="AE67113" i="1"/>
  <c r="AE67114" i="1"/>
  <c r="AE67115" i="1"/>
  <c r="AE67116" i="1"/>
  <c r="AE67117" i="1"/>
  <c r="AE67118" i="1"/>
  <c r="AE67119" i="1"/>
  <c r="AE67120" i="1"/>
  <c r="AE67121" i="1"/>
  <c r="AE67122" i="1"/>
  <c r="AE67123" i="1"/>
  <c r="AE67124" i="1"/>
  <c r="AE67125" i="1"/>
  <c r="AE67126" i="1"/>
  <c r="AE67127" i="1"/>
  <c r="AE67128" i="1"/>
  <c r="AE67129" i="1"/>
  <c r="AE67130" i="1"/>
  <c r="AE67131" i="1"/>
  <c r="AE67132" i="1"/>
  <c r="AE67133" i="1"/>
  <c r="AE67134" i="1"/>
  <c r="AE67135" i="1"/>
  <c r="AE67136" i="1"/>
  <c r="AE67137" i="1"/>
  <c r="AE67138" i="1"/>
  <c r="AE67139" i="1"/>
  <c r="AE67140" i="1"/>
  <c r="AE67141" i="1"/>
  <c r="AE67142" i="1"/>
  <c r="AE67143" i="1"/>
  <c r="AE67144" i="1"/>
  <c r="AE67145" i="1"/>
  <c r="AE67146" i="1"/>
  <c r="AE67147" i="1"/>
  <c r="AE67148" i="1"/>
  <c r="AE67149" i="1"/>
  <c r="AE67150" i="1"/>
  <c r="AE67151" i="1"/>
  <c r="AE67152" i="1"/>
  <c r="AE67153" i="1"/>
  <c r="AE67154" i="1"/>
  <c r="AE67155" i="1"/>
  <c r="AE67156" i="1"/>
  <c r="AE67157" i="1"/>
  <c r="AE67158" i="1"/>
  <c r="AE67159" i="1"/>
  <c r="AE67160" i="1"/>
  <c r="AE67161" i="1"/>
  <c r="AE67162" i="1"/>
  <c r="AE67163" i="1"/>
  <c r="AE67164" i="1"/>
  <c r="AE67165" i="1"/>
  <c r="AE67166" i="1"/>
  <c r="AE67167" i="1"/>
  <c r="AE67168" i="1"/>
  <c r="AE67169" i="1"/>
  <c r="AE67170" i="1"/>
  <c r="AE67171" i="1"/>
  <c r="AE67172" i="1"/>
  <c r="AE67173" i="1"/>
  <c r="AE67174" i="1"/>
  <c r="AE67175" i="1"/>
  <c r="AE67176" i="1"/>
  <c r="AE67177" i="1"/>
  <c r="AE67178" i="1"/>
  <c r="AE67179" i="1"/>
  <c r="AE67180" i="1"/>
  <c r="AE67181" i="1"/>
  <c r="AE67182" i="1"/>
  <c r="AE67183" i="1"/>
  <c r="AE67184" i="1"/>
  <c r="AE67185" i="1"/>
  <c r="AE67186" i="1"/>
  <c r="AE67187" i="1"/>
  <c r="AE67188" i="1"/>
  <c r="AE67189" i="1"/>
  <c r="AE67190" i="1"/>
  <c r="AE67191" i="1"/>
  <c r="AE67192" i="1"/>
  <c r="AE67193" i="1"/>
  <c r="AE67194" i="1"/>
  <c r="AE67195" i="1"/>
  <c r="AE67196" i="1"/>
  <c r="AE67197" i="1"/>
  <c r="AE67198" i="1"/>
  <c r="AE67199" i="1"/>
  <c r="AE67200" i="1"/>
  <c r="AE67201" i="1"/>
  <c r="AE67202" i="1"/>
  <c r="AE67203" i="1"/>
  <c r="AE67204" i="1"/>
  <c r="AE67205" i="1"/>
  <c r="AE67206" i="1"/>
  <c r="AE67207" i="1"/>
  <c r="AE67208" i="1"/>
  <c r="AE67209" i="1"/>
  <c r="AE67210" i="1"/>
  <c r="AE67211" i="1"/>
  <c r="AE67212" i="1"/>
  <c r="AE67213" i="1"/>
  <c r="AE67214" i="1"/>
  <c r="AE67215" i="1"/>
  <c r="AE67216" i="1"/>
  <c r="AE67217" i="1"/>
  <c r="AE67218" i="1"/>
  <c r="AE67219" i="1"/>
  <c r="AE67220" i="1"/>
  <c r="AE67221" i="1"/>
  <c r="AE67222" i="1"/>
  <c r="AE67223" i="1"/>
  <c r="AE67224" i="1"/>
  <c r="AE67225" i="1"/>
  <c r="AE67226" i="1"/>
  <c r="AE67227" i="1"/>
  <c r="AE67228" i="1"/>
  <c r="AE67229" i="1"/>
  <c r="AE67230" i="1"/>
  <c r="AE67231" i="1"/>
  <c r="AE67232" i="1"/>
  <c r="AE67233" i="1"/>
  <c r="AE67234" i="1"/>
  <c r="AE67235" i="1"/>
  <c r="AE67236" i="1"/>
  <c r="AE67237" i="1"/>
  <c r="AE67238" i="1"/>
  <c r="AE67239" i="1"/>
  <c r="AE67240" i="1"/>
  <c r="AE67241" i="1"/>
  <c r="AE67242" i="1"/>
  <c r="AE67243" i="1"/>
  <c r="AE67244" i="1"/>
  <c r="AE67245" i="1"/>
  <c r="AE67246" i="1"/>
  <c r="AE67247" i="1"/>
  <c r="AE67248" i="1"/>
  <c r="AE67249" i="1"/>
  <c r="AE67250" i="1"/>
  <c r="AE67251" i="1"/>
  <c r="AE67252" i="1"/>
  <c r="AE67253" i="1"/>
  <c r="AE67254" i="1"/>
  <c r="AE67255" i="1"/>
  <c r="AE67256" i="1"/>
  <c r="AE67257" i="1"/>
  <c r="AE67258" i="1"/>
  <c r="AE67259" i="1"/>
  <c r="AE67260" i="1"/>
  <c r="AE67261" i="1"/>
  <c r="AE67262" i="1"/>
  <c r="AE67263" i="1"/>
  <c r="AE67264" i="1"/>
  <c r="AE67265" i="1"/>
  <c r="AE67266" i="1"/>
  <c r="AE67267" i="1"/>
  <c r="AE67268" i="1"/>
  <c r="AE67269" i="1"/>
  <c r="AE67270" i="1"/>
  <c r="AE67271" i="1"/>
  <c r="AE67272" i="1"/>
  <c r="AE67273" i="1"/>
  <c r="AE67274" i="1"/>
  <c r="AE67275" i="1"/>
  <c r="AE67276" i="1"/>
  <c r="AE67277" i="1"/>
  <c r="AE67278" i="1"/>
  <c r="AE67279" i="1"/>
  <c r="AE67280" i="1"/>
  <c r="AE67281" i="1"/>
  <c r="AE67282" i="1"/>
  <c r="AE67283" i="1"/>
  <c r="AE67284" i="1"/>
  <c r="AE67285" i="1"/>
  <c r="AE67286" i="1"/>
  <c r="AE67287" i="1"/>
  <c r="AE67288" i="1"/>
  <c r="AE67289" i="1"/>
  <c r="AE67290" i="1"/>
  <c r="AE67291" i="1"/>
  <c r="AE67292" i="1"/>
  <c r="AE67293" i="1"/>
  <c r="AE67294" i="1"/>
  <c r="AE67295" i="1"/>
  <c r="AE67296" i="1"/>
  <c r="AE67297" i="1"/>
  <c r="AE67298" i="1"/>
  <c r="AE67299" i="1"/>
  <c r="AE67300" i="1"/>
  <c r="AE67301" i="1"/>
  <c r="AE67302" i="1"/>
  <c r="AE67303" i="1"/>
  <c r="AE67304" i="1"/>
  <c r="AE67305" i="1"/>
  <c r="AE67306" i="1"/>
  <c r="AE67307" i="1"/>
  <c r="AE67308" i="1"/>
  <c r="AE67309" i="1"/>
  <c r="AE67310" i="1"/>
  <c r="AE67311" i="1"/>
  <c r="AE67312" i="1"/>
  <c r="AE67313" i="1"/>
  <c r="AE67314" i="1"/>
  <c r="AE67315" i="1"/>
  <c r="AE67316" i="1"/>
  <c r="AE67317" i="1"/>
  <c r="AE67318" i="1"/>
  <c r="AE67319" i="1"/>
  <c r="AE67320" i="1"/>
  <c r="AE67321" i="1"/>
  <c r="AE67322" i="1"/>
  <c r="AE67323" i="1"/>
  <c r="AE67324" i="1"/>
  <c r="AE67325" i="1"/>
  <c r="AE67326" i="1"/>
  <c r="AE67327" i="1"/>
  <c r="AE67328" i="1"/>
  <c r="AE67329" i="1"/>
  <c r="AE67330" i="1"/>
  <c r="AE67331" i="1"/>
  <c r="AE67332" i="1"/>
  <c r="AE67333" i="1"/>
  <c r="AE67334" i="1"/>
  <c r="AE67335" i="1"/>
  <c r="AE67336" i="1"/>
  <c r="AE67337" i="1"/>
  <c r="AE67338" i="1"/>
  <c r="AE67339" i="1"/>
  <c r="AE67340" i="1"/>
  <c r="AE67341" i="1"/>
  <c r="AE67342" i="1"/>
  <c r="AE67343" i="1"/>
  <c r="AE67344" i="1"/>
  <c r="AE67345" i="1"/>
  <c r="AE67346" i="1"/>
  <c r="AE67347" i="1"/>
  <c r="AE67348" i="1"/>
  <c r="AE67349" i="1"/>
  <c r="AE67350" i="1"/>
  <c r="AE67351" i="1"/>
  <c r="AE67352" i="1"/>
  <c r="AE67353" i="1"/>
  <c r="AE67354" i="1"/>
  <c r="AE67355" i="1"/>
  <c r="AE67356" i="1"/>
  <c r="AE67357" i="1"/>
  <c r="AE67358" i="1"/>
  <c r="AE67359" i="1"/>
  <c r="AE67360" i="1"/>
  <c r="AE67361" i="1"/>
  <c r="AE67362" i="1"/>
  <c r="AE67363" i="1"/>
  <c r="AE67364" i="1"/>
  <c r="AE67365" i="1"/>
  <c r="AE67366" i="1"/>
  <c r="AE67367" i="1"/>
  <c r="AE67368" i="1"/>
  <c r="AE67369" i="1"/>
  <c r="AE67370" i="1"/>
  <c r="AE67371" i="1"/>
  <c r="AE67372" i="1"/>
  <c r="AE67373" i="1"/>
  <c r="AE67374" i="1"/>
  <c r="AE67375" i="1"/>
  <c r="AE67376" i="1"/>
  <c r="AE67377" i="1"/>
  <c r="AE67378" i="1"/>
  <c r="AE67379" i="1"/>
  <c r="AE67380" i="1"/>
  <c r="AE67381" i="1"/>
  <c r="AE67382" i="1"/>
  <c r="AE67383" i="1"/>
  <c r="AE67384" i="1"/>
  <c r="AE67385" i="1"/>
  <c r="AE67386" i="1"/>
  <c r="AE67387" i="1"/>
  <c r="AE67388" i="1"/>
  <c r="AE67389" i="1"/>
  <c r="AE67390" i="1"/>
  <c r="AE67391" i="1"/>
  <c r="AE67392" i="1"/>
  <c r="AE67393" i="1"/>
  <c r="AE67394" i="1"/>
  <c r="AE67395" i="1"/>
  <c r="AE67396" i="1"/>
  <c r="AE67397" i="1"/>
  <c r="AE67398" i="1"/>
  <c r="AE67399" i="1"/>
  <c r="AE67400" i="1"/>
  <c r="AE67401" i="1"/>
  <c r="AE67402" i="1"/>
  <c r="AE67403" i="1"/>
  <c r="AE67404" i="1"/>
  <c r="AE67405" i="1"/>
  <c r="AE67406" i="1"/>
  <c r="AE67407" i="1"/>
  <c r="AE67408" i="1"/>
  <c r="AE67409" i="1"/>
  <c r="AE67410" i="1"/>
  <c r="AE67411" i="1"/>
  <c r="AE67412" i="1"/>
  <c r="AE67413" i="1"/>
  <c r="AE67414" i="1"/>
  <c r="AE67415" i="1"/>
  <c r="AE67416" i="1"/>
  <c r="AE67417" i="1"/>
  <c r="AE67418" i="1"/>
  <c r="AE67419" i="1"/>
  <c r="AE67420" i="1"/>
  <c r="AE67421" i="1"/>
  <c r="AE67422" i="1"/>
  <c r="AE67423" i="1"/>
  <c r="AE67424" i="1"/>
  <c r="AE67425" i="1"/>
  <c r="AE67426" i="1"/>
  <c r="AE67427" i="1"/>
  <c r="AE67428" i="1"/>
  <c r="AE67429" i="1"/>
  <c r="AE67430" i="1"/>
  <c r="AE67431" i="1"/>
  <c r="AE67432" i="1"/>
  <c r="AE67433" i="1"/>
  <c r="AE67434" i="1"/>
  <c r="AE67435" i="1"/>
  <c r="AE67436" i="1"/>
  <c r="AE67437" i="1"/>
  <c r="AE67438" i="1"/>
  <c r="AE67439" i="1"/>
  <c r="AE67440" i="1"/>
  <c r="AE67441" i="1"/>
  <c r="AE67442" i="1"/>
  <c r="AE67443" i="1"/>
  <c r="AE67444" i="1"/>
  <c r="AE67445" i="1"/>
  <c r="AE67446" i="1"/>
  <c r="AE67447" i="1"/>
  <c r="AE67448" i="1"/>
  <c r="AE67449" i="1"/>
  <c r="AE67450" i="1"/>
  <c r="AE67451" i="1"/>
  <c r="AE67452" i="1"/>
  <c r="AE67453" i="1"/>
  <c r="AE67454" i="1"/>
  <c r="AE67455" i="1"/>
  <c r="AE67456" i="1"/>
  <c r="AE67457" i="1"/>
  <c r="AE67458" i="1"/>
  <c r="AE67459" i="1"/>
  <c r="AE67460" i="1"/>
  <c r="AE67461" i="1"/>
  <c r="AE67462" i="1"/>
  <c r="AE67463" i="1"/>
  <c r="AE67464" i="1"/>
  <c r="AE67465" i="1"/>
  <c r="AE67466" i="1"/>
  <c r="AE67467" i="1"/>
  <c r="AE67468" i="1"/>
  <c r="AE67469" i="1"/>
  <c r="AE67470" i="1"/>
  <c r="AE67471" i="1"/>
  <c r="AE67472" i="1"/>
  <c r="AE67473" i="1"/>
  <c r="AE67474" i="1"/>
  <c r="AE67475" i="1"/>
  <c r="AE67476" i="1"/>
  <c r="AE67477" i="1"/>
  <c r="AE67478" i="1"/>
  <c r="AE67479" i="1"/>
  <c r="AE67480" i="1"/>
  <c r="AE67481" i="1"/>
  <c r="AE67482" i="1"/>
  <c r="AE67483" i="1"/>
  <c r="AE67484" i="1"/>
  <c r="AE67485" i="1"/>
  <c r="AE67486" i="1"/>
  <c r="AE67487" i="1"/>
  <c r="AE67488" i="1"/>
  <c r="AE67489" i="1"/>
  <c r="AE67490" i="1"/>
  <c r="AE67491" i="1"/>
  <c r="AE67492" i="1"/>
  <c r="AE67493" i="1"/>
  <c r="AE67494" i="1"/>
  <c r="AE67495" i="1"/>
  <c r="AE67496" i="1"/>
  <c r="AE67497" i="1"/>
  <c r="AE67498" i="1"/>
  <c r="AE67499" i="1"/>
  <c r="AE67500" i="1"/>
  <c r="AE67501" i="1"/>
  <c r="AE67502" i="1"/>
  <c r="AE67503" i="1"/>
  <c r="AE67504" i="1"/>
  <c r="AE67505" i="1"/>
  <c r="AE67506" i="1"/>
  <c r="AE67507" i="1"/>
  <c r="AE67508" i="1"/>
  <c r="AE67509" i="1"/>
  <c r="AE67510" i="1"/>
  <c r="AE67511" i="1"/>
  <c r="AE67512" i="1"/>
  <c r="AE67513" i="1"/>
  <c r="AE67514" i="1"/>
  <c r="AE67515" i="1"/>
  <c r="AE67516" i="1"/>
  <c r="AE67517" i="1"/>
  <c r="AE67518" i="1"/>
  <c r="AE67519" i="1"/>
  <c r="AE67520" i="1"/>
  <c r="AE67521" i="1"/>
  <c r="AE67522" i="1"/>
  <c r="AE67523" i="1"/>
  <c r="AE67524" i="1"/>
  <c r="AE67525" i="1"/>
  <c r="AE67526" i="1"/>
  <c r="AE67527" i="1"/>
  <c r="AE67528" i="1"/>
  <c r="AE67529" i="1"/>
  <c r="AE67530" i="1"/>
  <c r="AE67531" i="1"/>
  <c r="AE67532" i="1"/>
  <c r="AE67533" i="1"/>
  <c r="AE67534" i="1"/>
  <c r="AE67535" i="1"/>
  <c r="AE67536" i="1"/>
  <c r="AE67537" i="1"/>
  <c r="AE67538" i="1"/>
  <c r="AE67539" i="1"/>
  <c r="AE67540" i="1"/>
  <c r="AE67541" i="1"/>
  <c r="AE67542" i="1"/>
  <c r="AE67543" i="1"/>
  <c r="AE67544" i="1"/>
  <c r="AE67545" i="1"/>
  <c r="AE67546" i="1"/>
  <c r="AE67547" i="1"/>
  <c r="AE67548" i="1"/>
  <c r="AE67549" i="1"/>
  <c r="AE67550" i="1"/>
  <c r="AE67551" i="1"/>
  <c r="AE67552" i="1"/>
  <c r="AE67553" i="1"/>
  <c r="AE67554" i="1"/>
  <c r="AE67555" i="1"/>
  <c r="AE67556" i="1"/>
  <c r="AE67557" i="1"/>
  <c r="AE67558" i="1"/>
  <c r="AE67559" i="1"/>
  <c r="AE67560" i="1"/>
  <c r="AE67561" i="1"/>
  <c r="AE67562" i="1"/>
  <c r="AE67563" i="1"/>
  <c r="AE67564" i="1"/>
  <c r="AE67565" i="1"/>
  <c r="AE67566" i="1"/>
  <c r="AE67567" i="1"/>
  <c r="AE67568" i="1"/>
  <c r="AE67569" i="1"/>
  <c r="AE67570" i="1"/>
  <c r="AE67571" i="1"/>
  <c r="AE67572" i="1"/>
  <c r="AE67573" i="1"/>
  <c r="AE67574" i="1"/>
  <c r="AE67575" i="1"/>
  <c r="AE67576" i="1"/>
  <c r="AE67577" i="1"/>
  <c r="AE67578" i="1"/>
  <c r="AE67579" i="1"/>
  <c r="AE67580" i="1"/>
  <c r="AE67581" i="1"/>
  <c r="AE67582" i="1"/>
  <c r="AE67583" i="1"/>
  <c r="AE67584" i="1"/>
  <c r="AE67585" i="1"/>
  <c r="AE67586" i="1"/>
  <c r="AE67587" i="1"/>
  <c r="AE67588" i="1"/>
  <c r="AE67589" i="1"/>
  <c r="AE67590" i="1"/>
  <c r="AE67591" i="1"/>
  <c r="AE67592" i="1"/>
  <c r="AE67593" i="1"/>
  <c r="AE67594" i="1"/>
  <c r="AE67595" i="1"/>
  <c r="AE67596" i="1"/>
  <c r="AE67597" i="1"/>
  <c r="AE67598" i="1"/>
  <c r="AE67599" i="1"/>
  <c r="AE67600" i="1"/>
  <c r="AE67601" i="1"/>
  <c r="AE67602" i="1"/>
  <c r="AE67603" i="1"/>
  <c r="AE67604" i="1"/>
  <c r="AE67605" i="1"/>
  <c r="AE67606" i="1"/>
  <c r="AE67607" i="1"/>
  <c r="AE67608" i="1"/>
  <c r="AE67609" i="1"/>
  <c r="AE67610" i="1"/>
  <c r="AE67611" i="1"/>
  <c r="AE67612" i="1"/>
  <c r="AE67613" i="1"/>
  <c r="AE67614" i="1"/>
  <c r="AE67615" i="1"/>
  <c r="AE67616" i="1"/>
  <c r="AE67617" i="1"/>
  <c r="AE67618" i="1"/>
  <c r="AE67619" i="1"/>
  <c r="AE67620" i="1"/>
  <c r="AE67621" i="1"/>
  <c r="AE67622" i="1"/>
  <c r="AE67623" i="1"/>
  <c r="AE67624" i="1"/>
  <c r="AE67625" i="1"/>
  <c r="AE67626" i="1"/>
  <c r="AE67627" i="1"/>
  <c r="AE67628" i="1"/>
  <c r="AE67629" i="1"/>
  <c r="AE67630" i="1"/>
  <c r="AE67631" i="1"/>
  <c r="AE67632" i="1"/>
  <c r="AE67633" i="1"/>
  <c r="AE67634" i="1"/>
  <c r="AE67635" i="1"/>
  <c r="AE67636" i="1"/>
  <c r="AE67637" i="1"/>
  <c r="AE67638" i="1"/>
  <c r="AE67639" i="1"/>
  <c r="AE67640" i="1"/>
  <c r="AE67641" i="1"/>
  <c r="AE67642" i="1"/>
  <c r="AE67643" i="1"/>
  <c r="AE67644" i="1"/>
  <c r="AE67645" i="1"/>
  <c r="AE67646" i="1"/>
  <c r="AE67647" i="1"/>
  <c r="AE67648" i="1"/>
  <c r="AE67649" i="1"/>
  <c r="AE67650" i="1"/>
  <c r="AE67651" i="1"/>
  <c r="AE67652" i="1"/>
  <c r="AE67653" i="1"/>
  <c r="AE67654" i="1"/>
  <c r="AE67655" i="1"/>
  <c r="AE67656" i="1"/>
  <c r="AE67657" i="1"/>
  <c r="AE67658" i="1"/>
  <c r="AE67659" i="1"/>
  <c r="AE67660" i="1"/>
  <c r="AE67661" i="1"/>
  <c r="AE67662" i="1"/>
  <c r="AE67663" i="1"/>
  <c r="AE67664" i="1"/>
  <c r="AE67665" i="1"/>
  <c r="AE67666" i="1"/>
  <c r="AE67667" i="1"/>
  <c r="AE67668" i="1"/>
  <c r="AE67669" i="1"/>
  <c r="AE67670" i="1"/>
  <c r="AE67671" i="1"/>
  <c r="AE67672" i="1"/>
  <c r="AE67673" i="1"/>
  <c r="AE67674" i="1"/>
  <c r="AE67675" i="1"/>
  <c r="AE67676" i="1"/>
  <c r="AE67677" i="1"/>
  <c r="AE67678" i="1"/>
  <c r="AE67679" i="1"/>
  <c r="AE67680" i="1"/>
  <c r="AE67681" i="1"/>
  <c r="AE67682" i="1"/>
  <c r="AE67683" i="1"/>
  <c r="AE67684" i="1"/>
  <c r="AE67685" i="1"/>
  <c r="AE67686" i="1"/>
  <c r="AE67687" i="1"/>
  <c r="AE67688" i="1"/>
  <c r="AE67689" i="1"/>
  <c r="AE67690" i="1"/>
  <c r="AE67691" i="1"/>
  <c r="AE67692" i="1"/>
  <c r="AE67693" i="1"/>
  <c r="AE67694" i="1"/>
  <c r="AE67695" i="1"/>
  <c r="AE67696" i="1"/>
  <c r="AE67697" i="1"/>
  <c r="AE67698" i="1"/>
  <c r="AE67699" i="1"/>
  <c r="AE67700" i="1"/>
  <c r="AE67701" i="1"/>
  <c r="AE67702" i="1"/>
  <c r="AE67703" i="1"/>
  <c r="AE67704" i="1"/>
  <c r="AE67705" i="1"/>
  <c r="AE67706" i="1"/>
  <c r="AE67707" i="1"/>
  <c r="AE67708" i="1"/>
  <c r="AE67709" i="1"/>
  <c r="AE67710" i="1"/>
  <c r="AE67711" i="1"/>
  <c r="AE67712" i="1"/>
  <c r="AE67713" i="1"/>
  <c r="AE67714" i="1"/>
  <c r="AE67715" i="1"/>
  <c r="AE67716" i="1"/>
  <c r="AE67717" i="1"/>
  <c r="AE67718" i="1"/>
  <c r="AE67719" i="1"/>
  <c r="AE67720" i="1"/>
  <c r="AE67721" i="1"/>
  <c r="AE67722" i="1"/>
  <c r="AE67723" i="1"/>
  <c r="AE67724" i="1"/>
  <c r="AE67725" i="1"/>
  <c r="AE67726" i="1"/>
  <c r="AE67727" i="1"/>
  <c r="AE67728" i="1"/>
  <c r="AE67729" i="1"/>
  <c r="AE67730" i="1"/>
  <c r="AE67731" i="1"/>
  <c r="AE67732" i="1"/>
  <c r="AE67733" i="1"/>
  <c r="AE67734" i="1"/>
  <c r="AE67735" i="1"/>
  <c r="AE67736" i="1"/>
  <c r="AE67737" i="1"/>
  <c r="AE67738" i="1"/>
  <c r="AE67739" i="1"/>
  <c r="AE67740" i="1"/>
  <c r="AE67741" i="1"/>
  <c r="AE67742" i="1"/>
  <c r="AE67743" i="1"/>
  <c r="AE67744" i="1"/>
  <c r="AE67745" i="1"/>
  <c r="AE67746" i="1"/>
  <c r="AE67747" i="1"/>
  <c r="AE67748" i="1"/>
  <c r="AE67749" i="1"/>
  <c r="AE67750" i="1"/>
  <c r="AE67751" i="1"/>
  <c r="AE67752" i="1"/>
  <c r="AE67753" i="1"/>
  <c r="AE67754" i="1"/>
  <c r="AE67755" i="1"/>
  <c r="AE67756" i="1"/>
  <c r="AE67757" i="1"/>
  <c r="AE67758" i="1"/>
  <c r="AE67759" i="1"/>
  <c r="AE67760" i="1"/>
  <c r="AE67761" i="1"/>
  <c r="AE67762" i="1"/>
  <c r="AE67763" i="1"/>
  <c r="AE67764" i="1"/>
  <c r="AE67765" i="1"/>
  <c r="AE67766" i="1"/>
  <c r="AE67767" i="1"/>
  <c r="AE67768" i="1"/>
  <c r="AE67769" i="1"/>
  <c r="AE67770" i="1"/>
  <c r="AE67771" i="1"/>
  <c r="AE67772" i="1"/>
  <c r="AE67773" i="1"/>
  <c r="AE67774" i="1"/>
  <c r="AE67775" i="1"/>
  <c r="AE67776" i="1"/>
  <c r="AE67777" i="1"/>
  <c r="AE67778" i="1"/>
  <c r="AE67779" i="1"/>
  <c r="AE67780" i="1"/>
  <c r="AE67781" i="1"/>
  <c r="AE67782" i="1"/>
  <c r="AE67783" i="1"/>
  <c r="AE67784" i="1"/>
  <c r="AE67785" i="1"/>
  <c r="AE67786" i="1"/>
  <c r="AE67787" i="1"/>
  <c r="AE67788" i="1"/>
  <c r="AE67789" i="1"/>
  <c r="AE67790" i="1"/>
  <c r="AE67791" i="1"/>
  <c r="AE67792" i="1"/>
  <c r="AE67793" i="1"/>
  <c r="AE67794" i="1"/>
  <c r="AE67795" i="1"/>
  <c r="AE67796" i="1"/>
  <c r="AE67797" i="1"/>
  <c r="AE67798" i="1"/>
  <c r="AE67799" i="1"/>
  <c r="AE67800" i="1"/>
  <c r="AE67801" i="1"/>
  <c r="AE67802" i="1"/>
  <c r="AE67803" i="1"/>
  <c r="AE67804" i="1"/>
  <c r="AE67805" i="1"/>
  <c r="AE67806" i="1"/>
  <c r="AE67807" i="1"/>
  <c r="AE67808" i="1"/>
  <c r="AE67809" i="1"/>
  <c r="AE67810" i="1"/>
  <c r="AE67811" i="1"/>
  <c r="AE67812" i="1"/>
  <c r="AE67813" i="1"/>
  <c r="AE67814" i="1"/>
  <c r="AE67815" i="1"/>
  <c r="AE67816" i="1"/>
  <c r="AE67817" i="1"/>
  <c r="AE67818" i="1"/>
  <c r="AE67819" i="1"/>
  <c r="AE67820" i="1"/>
  <c r="AE67821" i="1"/>
  <c r="AE67822" i="1"/>
  <c r="AE67823" i="1"/>
  <c r="AE67824" i="1"/>
  <c r="AE67825" i="1"/>
  <c r="AE67826" i="1"/>
  <c r="AE67827" i="1"/>
  <c r="AE67828" i="1"/>
  <c r="AE67829" i="1"/>
  <c r="AE67830" i="1"/>
  <c r="AE67831" i="1"/>
  <c r="AE67832" i="1"/>
  <c r="AE67833" i="1"/>
  <c r="AE67834" i="1"/>
  <c r="AE67835" i="1"/>
  <c r="AE67836" i="1"/>
  <c r="AE67837" i="1"/>
  <c r="AE67838" i="1"/>
  <c r="AE67839" i="1"/>
  <c r="AE67840" i="1"/>
  <c r="AE67841" i="1"/>
  <c r="AE67842" i="1"/>
  <c r="AE67843" i="1"/>
  <c r="AE67844" i="1"/>
  <c r="AE67845" i="1"/>
  <c r="AE67846" i="1"/>
  <c r="AE67847" i="1"/>
  <c r="AE67848" i="1"/>
  <c r="AE67849" i="1"/>
  <c r="AE67850" i="1"/>
  <c r="AE67851" i="1"/>
  <c r="AE67852" i="1"/>
  <c r="AE67853" i="1"/>
  <c r="AE67854" i="1"/>
  <c r="AE67855" i="1"/>
  <c r="AE67856" i="1"/>
  <c r="AE67857" i="1"/>
  <c r="AE67858" i="1"/>
  <c r="AE67859" i="1"/>
  <c r="AE67860" i="1"/>
  <c r="AE67861" i="1"/>
  <c r="AE67862" i="1"/>
  <c r="AE67863" i="1"/>
  <c r="AE67864" i="1"/>
  <c r="AE67865" i="1"/>
  <c r="AE67866" i="1"/>
  <c r="AE67867" i="1"/>
  <c r="AE67868" i="1"/>
  <c r="AE67869" i="1"/>
  <c r="AE67870" i="1"/>
  <c r="AE67871" i="1"/>
  <c r="AE67872" i="1"/>
  <c r="AE67873" i="1"/>
  <c r="AE67874" i="1"/>
  <c r="AE67875" i="1"/>
  <c r="AE67876" i="1"/>
  <c r="AE67877" i="1"/>
  <c r="AE67878" i="1"/>
  <c r="AE67879" i="1"/>
  <c r="AE67880" i="1"/>
  <c r="AE67881" i="1"/>
  <c r="AE67882" i="1"/>
  <c r="AE67883" i="1"/>
  <c r="AE67884" i="1"/>
  <c r="AE67885" i="1"/>
  <c r="AE67886" i="1"/>
  <c r="AE67887" i="1"/>
  <c r="AE67888" i="1"/>
  <c r="AE67889" i="1"/>
  <c r="AE67890" i="1"/>
  <c r="AE67891" i="1"/>
  <c r="AE67892" i="1"/>
  <c r="AE67893" i="1"/>
  <c r="AE67894" i="1"/>
  <c r="AE67895" i="1"/>
  <c r="AE67896" i="1"/>
  <c r="AE67897" i="1"/>
  <c r="AE67898" i="1"/>
  <c r="AE67899" i="1"/>
  <c r="AE67900" i="1"/>
  <c r="AE67901" i="1"/>
  <c r="AE67902" i="1"/>
  <c r="AE67903" i="1"/>
  <c r="AE67904" i="1"/>
  <c r="AE67905" i="1"/>
  <c r="AE67906" i="1"/>
  <c r="AE67907" i="1"/>
  <c r="AE67908" i="1"/>
  <c r="AE67909" i="1"/>
  <c r="AE67910" i="1"/>
  <c r="AE67911" i="1"/>
  <c r="AE67912" i="1"/>
  <c r="AE67913" i="1"/>
  <c r="AE67914" i="1"/>
  <c r="AE67915" i="1"/>
  <c r="AE67916" i="1"/>
  <c r="AE67917" i="1"/>
  <c r="AE67918" i="1"/>
  <c r="AE67919" i="1"/>
  <c r="AE67920" i="1"/>
  <c r="AE67921" i="1"/>
  <c r="AE67922" i="1"/>
  <c r="AE67923" i="1"/>
  <c r="AE67924" i="1"/>
  <c r="AE67925" i="1"/>
  <c r="AE67926" i="1"/>
  <c r="AE67927" i="1"/>
  <c r="AE67928" i="1"/>
  <c r="AE67929" i="1"/>
  <c r="AE67930" i="1"/>
  <c r="AE67931" i="1"/>
  <c r="AE67932" i="1"/>
  <c r="AE67933" i="1"/>
  <c r="AE67934" i="1"/>
  <c r="AE67935" i="1"/>
  <c r="AE67936" i="1"/>
  <c r="AE67937" i="1"/>
  <c r="AE67938" i="1"/>
  <c r="AE67939" i="1"/>
  <c r="AE67940" i="1"/>
  <c r="AE67941" i="1"/>
  <c r="AE67942" i="1"/>
  <c r="AE67943" i="1"/>
  <c r="AE67944" i="1"/>
  <c r="AE67945" i="1"/>
  <c r="AE67946" i="1"/>
  <c r="AE67947" i="1"/>
  <c r="AE67948" i="1"/>
  <c r="AE67949" i="1"/>
  <c r="AE67950" i="1"/>
  <c r="AE67951" i="1"/>
  <c r="AE67952" i="1"/>
  <c r="AE67953" i="1"/>
  <c r="AE67954" i="1"/>
  <c r="AE67955" i="1"/>
  <c r="AE67956" i="1"/>
  <c r="AE67957" i="1"/>
  <c r="AE67958" i="1"/>
  <c r="AE67959" i="1"/>
  <c r="AE67960" i="1"/>
  <c r="AE67961" i="1"/>
  <c r="AE67962" i="1"/>
  <c r="AE67963" i="1"/>
  <c r="AE67964" i="1"/>
  <c r="AE67965" i="1"/>
  <c r="AE67966" i="1"/>
  <c r="AE67967" i="1"/>
  <c r="AE67968" i="1"/>
  <c r="AE67969" i="1"/>
  <c r="AE67970" i="1"/>
  <c r="AE67971" i="1"/>
  <c r="AE67972" i="1"/>
  <c r="AE67973" i="1"/>
  <c r="AE67974" i="1"/>
  <c r="AE67975" i="1"/>
  <c r="AE67976" i="1"/>
  <c r="AE67977" i="1"/>
  <c r="AE67978" i="1"/>
  <c r="AE67979" i="1"/>
  <c r="AE67980" i="1"/>
  <c r="AE67981" i="1"/>
  <c r="AE67982" i="1"/>
  <c r="AE67983" i="1"/>
  <c r="AE67984" i="1"/>
  <c r="AE67985" i="1"/>
  <c r="AE67986" i="1"/>
  <c r="AE67987" i="1"/>
  <c r="AE67988" i="1"/>
  <c r="AE67989" i="1"/>
  <c r="AE67990" i="1"/>
  <c r="AE67991" i="1"/>
  <c r="AE67992" i="1"/>
  <c r="AE67993" i="1"/>
  <c r="AE67994" i="1"/>
  <c r="AE67995" i="1"/>
  <c r="AE67996" i="1"/>
  <c r="AE67997" i="1"/>
  <c r="AE67998" i="1"/>
  <c r="AE67999" i="1"/>
  <c r="AE68000" i="1"/>
  <c r="AE68001" i="1"/>
  <c r="AE68002" i="1"/>
  <c r="AE68003" i="1"/>
  <c r="AE68004" i="1"/>
  <c r="AE68005" i="1"/>
  <c r="AE68006" i="1"/>
  <c r="AE68007" i="1"/>
  <c r="AE68008" i="1"/>
  <c r="AE68009" i="1"/>
  <c r="AE68010" i="1"/>
  <c r="AE68011" i="1"/>
  <c r="AE68012" i="1"/>
  <c r="AE68013" i="1"/>
  <c r="AE68014" i="1"/>
  <c r="AE68015" i="1"/>
  <c r="AE68016" i="1"/>
  <c r="AE68017" i="1"/>
  <c r="AE68018" i="1"/>
  <c r="AE68019" i="1"/>
  <c r="AE68020" i="1"/>
  <c r="AE68021" i="1"/>
  <c r="AE68022" i="1"/>
  <c r="AE68023" i="1"/>
  <c r="AE68024" i="1"/>
  <c r="AE68025" i="1"/>
  <c r="AE68026" i="1"/>
  <c r="AE68027" i="1"/>
  <c r="AE68028" i="1"/>
  <c r="AE68029" i="1"/>
  <c r="AE68030" i="1"/>
  <c r="AE68031" i="1"/>
  <c r="AE68032" i="1"/>
  <c r="AE68033" i="1"/>
  <c r="AE68034" i="1"/>
  <c r="AE68035" i="1"/>
  <c r="AE68036" i="1"/>
  <c r="AE68037" i="1"/>
  <c r="AE68038" i="1"/>
  <c r="AE68039" i="1"/>
  <c r="AE68040" i="1"/>
  <c r="AE68041" i="1"/>
  <c r="AE68042" i="1"/>
  <c r="AE68043" i="1"/>
  <c r="AE68044" i="1"/>
  <c r="AE68045" i="1"/>
  <c r="AE68046" i="1"/>
  <c r="AE68047" i="1"/>
  <c r="AE68048" i="1"/>
  <c r="AE68049" i="1"/>
  <c r="AE68050" i="1"/>
  <c r="AE68051" i="1"/>
  <c r="AE68052" i="1"/>
  <c r="AE68053" i="1"/>
  <c r="AE68054" i="1"/>
  <c r="AE68055" i="1"/>
  <c r="AE68056" i="1"/>
  <c r="AE68057" i="1"/>
  <c r="AE68058" i="1"/>
  <c r="AE68059" i="1"/>
  <c r="AE68060" i="1"/>
  <c r="AE68061" i="1"/>
  <c r="AE68062" i="1"/>
  <c r="AE68063" i="1"/>
  <c r="AE68064" i="1"/>
  <c r="AE68065" i="1"/>
  <c r="AE68066" i="1"/>
  <c r="AE68067" i="1"/>
  <c r="AE68068" i="1"/>
  <c r="AE68069" i="1"/>
  <c r="AE68070" i="1"/>
  <c r="AE68071" i="1"/>
  <c r="AE68072" i="1"/>
  <c r="AE68073" i="1"/>
  <c r="AE68074" i="1"/>
  <c r="AE68075" i="1"/>
  <c r="AE68076" i="1"/>
  <c r="AE68077" i="1"/>
  <c r="AE68078" i="1"/>
  <c r="AE68079" i="1"/>
  <c r="AE68080" i="1"/>
  <c r="AE68081" i="1"/>
  <c r="AE68082" i="1"/>
  <c r="AE68083" i="1"/>
  <c r="AE68084" i="1"/>
  <c r="AE68085" i="1"/>
  <c r="AE68086" i="1"/>
  <c r="AE68087" i="1"/>
  <c r="AE68088" i="1"/>
  <c r="AE68089" i="1"/>
  <c r="AE68090" i="1"/>
  <c r="AE68091" i="1"/>
  <c r="AE68092" i="1"/>
  <c r="AE68093" i="1"/>
  <c r="AE68094" i="1"/>
  <c r="AE68095" i="1"/>
  <c r="AE68096" i="1"/>
  <c r="AE68097" i="1"/>
  <c r="AE68098" i="1"/>
  <c r="AE68099" i="1"/>
  <c r="AE68100" i="1"/>
  <c r="AE68101" i="1"/>
  <c r="AE68102" i="1"/>
  <c r="AE68103" i="1"/>
  <c r="AE68104" i="1"/>
  <c r="AE68105" i="1"/>
  <c r="AE68106" i="1"/>
  <c r="AE68107" i="1"/>
  <c r="AE68108" i="1"/>
  <c r="AE68109" i="1"/>
  <c r="AE68110" i="1"/>
  <c r="AE68111" i="1"/>
  <c r="AE68112" i="1"/>
  <c r="AE68113" i="1"/>
  <c r="AE68114" i="1"/>
  <c r="AE68115" i="1"/>
  <c r="AE68116" i="1"/>
  <c r="AE68117" i="1"/>
  <c r="AE68118" i="1"/>
  <c r="AE68119" i="1"/>
  <c r="AE68120" i="1"/>
  <c r="AE68121" i="1"/>
  <c r="AE68122" i="1"/>
  <c r="AE68123" i="1"/>
  <c r="AE68124" i="1"/>
  <c r="AE68125" i="1"/>
  <c r="AE68126" i="1"/>
  <c r="AE68127" i="1"/>
  <c r="AE68128" i="1"/>
  <c r="AE68129" i="1"/>
  <c r="AE68130" i="1"/>
  <c r="AE68131" i="1"/>
  <c r="AE68132" i="1"/>
  <c r="AE68133" i="1"/>
  <c r="AE68134" i="1"/>
  <c r="AE68135" i="1"/>
  <c r="AE68136" i="1"/>
  <c r="AE68137" i="1"/>
  <c r="AE68138" i="1"/>
  <c r="AE68139" i="1"/>
  <c r="AE68140" i="1"/>
  <c r="AE68141" i="1"/>
  <c r="AE68142" i="1"/>
  <c r="AE68143" i="1"/>
  <c r="AE68144" i="1"/>
  <c r="AE68145" i="1"/>
  <c r="AE68146" i="1"/>
  <c r="AE68147" i="1"/>
  <c r="AE68148" i="1"/>
  <c r="AE68149" i="1"/>
  <c r="AE68150" i="1"/>
  <c r="AE68151" i="1"/>
  <c r="AE68152" i="1"/>
  <c r="AE68153" i="1"/>
  <c r="AE68154" i="1"/>
  <c r="AE68155" i="1"/>
  <c r="AE68156" i="1"/>
  <c r="AE68157" i="1"/>
  <c r="AE68158" i="1"/>
  <c r="AE68159" i="1"/>
  <c r="AE68160" i="1"/>
  <c r="AE68161" i="1"/>
  <c r="AE68162" i="1"/>
  <c r="AE68163" i="1"/>
  <c r="AE68164" i="1"/>
  <c r="AE68165" i="1"/>
  <c r="AE68166" i="1"/>
  <c r="AE68167" i="1"/>
  <c r="AE68168" i="1"/>
  <c r="AE68169" i="1"/>
  <c r="AE68170" i="1"/>
  <c r="AE68171" i="1"/>
  <c r="AE68172" i="1"/>
  <c r="AE68173" i="1"/>
  <c r="AE68174" i="1"/>
  <c r="AE68175" i="1"/>
  <c r="AE68176" i="1"/>
  <c r="AE68177" i="1"/>
  <c r="AE68178" i="1"/>
  <c r="AE68179" i="1"/>
  <c r="AE68180" i="1"/>
  <c r="AE68181" i="1"/>
  <c r="AE68182" i="1"/>
  <c r="AE68183" i="1"/>
  <c r="AE68184" i="1"/>
  <c r="AE68185" i="1"/>
  <c r="AE68186" i="1"/>
  <c r="AE68187" i="1"/>
  <c r="AE68188" i="1"/>
  <c r="AE68189" i="1"/>
  <c r="AE68190" i="1"/>
  <c r="AE68191" i="1"/>
  <c r="AE68192" i="1"/>
  <c r="AE68193" i="1"/>
  <c r="AE68194" i="1"/>
  <c r="AE68195" i="1"/>
  <c r="AE68196" i="1"/>
  <c r="AE68197" i="1"/>
  <c r="AE68198" i="1"/>
  <c r="AE68199" i="1"/>
  <c r="AE68200" i="1"/>
  <c r="AE68201" i="1"/>
  <c r="AE68202" i="1"/>
  <c r="AE68203" i="1"/>
  <c r="AE68204" i="1"/>
  <c r="AE68205" i="1"/>
  <c r="AE68206" i="1"/>
  <c r="AE68207" i="1"/>
  <c r="AE68208" i="1"/>
  <c r="AE68209" i="1"/>
  <c r="AE68210" i="1"/>
  <c r="AE68211" i="1"/>
  <c r="AE68212" i="1"/>
  <c r="AE68213" i="1"/>
  <c r="AE68214" i="1"/>
  <c r="AE68215" i="1"/>
  <c r="AE68216" i="1"/>
  <c r="AE68217" i="1"/>
  <c r="AE68218" i="1"/>
  <c r="AE68219" i="1"/>
  <c r="AE68220" i="1"/>
  <c r="AE68221" i="1"/>
  <c r="AE68222" i="1"/>
  <c r="AE68223" i="1"/>
  <c r="AE68224" i="1"/>
  <c r="AE68225" i="1"/>
  <c r="AE68226" i="1"/>
  <c r="AE68227" i="1"/>
  <c r="AE68228" i="1"/>
  <c r="AE68229" i="1"/>
  <c r="AE68230" i="1"/>
  <c r="AE68231" i="1"/>
  <c r="AE68232" i="1"/>
  <c r="AE68233" i="1"/>
  <c r="AE68234" i="1"/>
  <c r="AE68235" i="1"/>
  <c r="AE68236" i="1"/>
  <c r="AE68237" i="1"/>
  <c r="AE68238" i="1"/>
  <c r="AE68239" i="1"/>
  <c r="AE68240" i="1"/>
  <c r="AE68241" i="1"/>
  <c r="AE68242" i="1"/>
  <c r="AE68243" i="1"/>
  <c r="AE68244" i="1"/>
  <c r="AE68245" i="1"/>
  <c r="AE68246" i="1"/>
  <c r="AE68247" i="1"/>
  <c r="AE68248" i="1"/>
  <c r="AE68249" i="1"/>
  <c r="AE68250" i="1"/>
  <c r="AE68251" i="1"/>
  <c r="AE68252" i="1"/>
  <c r="AE68253" i="1"/>
  <c r="AE68254" i="1"/>
  <c r="AE68255" i="1"/>
  <c r="AE68256" i="1"/>
  <c r="AE68257" i="1"/>
  <c r="AE68258" i="1"/>
  <c r="AE68259" i="1"/>
  <c r="AE68260" i="1"/>
  <c r="AE68261" i="1"/>
  <c r="AE68262" i="1"/>
  <c r="AE68263" i="1"/>
  <c r="AE68264" i="1"/>
  <c r="AE68265" i="1"/>
  <c r="AE68266" i="1"/>
  <c r="AE68267" i="1"/>
  <c r="AE68268" i="1"/>
  <c r="AE68269" i="1"/>
  <c r="AE68270" i="1"/>
  <c r="AE68271" i="1"/>
  <c r="AE68272" i="1"/>
  <c r="AE68273" i="1"/>
  <c r="AE68274" i="1"/>
  <c r="AE68275" i="1"/>
  <c r="AE68276" i="1"/>
  <c r="AE68277" i="1"/>
  <c r="AE68278" i="1"/>
  <c r="AE68279" i="1"/>
  <c r="AE68280" i="1"/>
  <c r="AE68281" i="1"/>
  <c r="AE68282" i="1"/>
  <c r="AE68283" i="1"/>
  <c r="AE68284" i="1"/>
  <c r="AE68285" i="1"/>
  <c r="AE68286" i="1"/>
  <c r="AE68287" i="1"/>
  <c r="AE68288" i="1"/>
  <c r="AE68289" i="1"/>
  <c r="AE68290" i="1"/>
  <c r="AE68291" i="1"/>
  <c r="AE68292" i="1"/>
  <c r="AE68293" i="1"/>
  <c r="AE68294" i="1"/>
  <c r="AE68295" i="1"/>
  <c r="AE68296" i="1"/>
  <c r="AE68297" i="1"/>
  <c r="AE68298" i="1"/>
  <c r="AE68299" i="1"/>
  <c r="AE68300" i="1"/>
  <c r="AE68301" i="1"/>
  <c r="AE68302" i="1"/>
  <c r="AE68303" i="1"/>
  <c r="AE68304" i="1"/>
  <c r="AE68305" i="1"/>
  <c r="AE68306" i="1"/>
  <c r="AE68307" i="1"/>
  <c r="AE68308" i="1"/>
  <c r="AE68309" i="1"/>
  <c r="AE68310" i="1"/>
  <c r="AE68311" i="1"/>
  <c r="AE68312" i="1"/>
  <c r="AE68313" i="1"/>
  <c r="AE68314" i="1"/>
  <c r="AE68315" i="1"/>
  <c r="AE68316" i="1"/>
  <c r="AE68317" i="1"/>
  <c r="AE68318" i="1"/>
  <c r="AE68319" i="1"/>
  <c r="AE68320" i="1"/>
  <c r="AE68321" i="1"/>
  <c r="AE68322" i="1"/>
  <c r="AE68323" i="1"/>
  <c r="AE68324" i="1"/>
  <c r="AE68325" i="1"/>
  <c r="AE68326" i="1"/>
  <c r="AE68327" i="1"/>
  <c r="AE68328" i="1"/>
  <c r="AE68329" i="1"/>
  <c r="AE68330" i="1"/>
  <c r="AE68331" i="1"/>
  <c r="AE68332" i="1"/>
  <c r="AE68333" i="1"/>
  <c r="AE68334" i="1"/>
  <c r="AE68335" i="1"/>
  <c r="AE68336" i="1"/>
  <c r="AE68337" i="1"/>
  <c r="AE68338" i="1"/>
  <c r="AE68339" i="1"/>
  <c r="AE68340" i="1"/>
  <c r="AE68341" i="1"/>
  <c r="AE68342" i="1"/>
  <c r="AE68343" i="1"/>
  <c r="AE68344" i="1"/>
  <c r="AE68345" i="1"/>
  <c r="AE68346" i="1"/>
  <c r="AE68347" i="1"/>
  <c r="AE68348" i="1"/>
  <c r="AE68349" i="1"/>
  <c r="AE68350" i="1"/>
  <c r="AE68351" i="1"/>
  <c r="AE68352" i="1"/>
  <c r="AE68353" i="1"/>
  <c r="AE68354" i="1"/>
  <c r="AE68355" i="1"/>
  <c r="AE68356" i="1"/>
  <c r="AE68357" i="1"/>
  <c r="AE68358" i="1"/>
  <c r="AE68359" i="1"/>
  <c r="AE68360" i="1"/>
  <c r="AE68361" i="1"/>
  <c r="AE68362" i="1"/>
  <c r="AE68363" i="1"/>
  <c r="AE68364" i="1"/>
  <c r="AE68365" i="1"/>
  <c r="AE68366" i="1"/>
  <c r="AE68367" i="1"/>
  <c r="AE68368" i="1"/>
  <c r="AE68369" i="1"/>
  <c r="AE68370" i="1"/>
  <c r="AE68371" i="1"/>
  <c r="AE68372" i="1"/>
  <c r="AE68373" i="1"/>
  <c r="AE68374" i="1"/>
  <c r="AE68375" i="1"/>
  <c r="AE68376" i="1"/>
  <c r="AE68377" i="1"/>
  <c r="AE68378" i="1"/>
  <c r="AE68379" i="1"/>
  <c r="AE68380" i="1"/>
  <c r="AE68381" i="1"/>
  <c r="AE68382" i="1"/>
  <c r="AE68383" i="1"/>
  <c r="AE68384" i="1"/>
  <c r="AE68385" i="1"/>
  <c r="AE68386" i="1"/>
  <c r="AE68387" i="1"/>
  <c r="AE68388" i="1"/>
  <c r="AE68389" i="1"/>
  <c r="AE68390" i="1"/>
  <c r="AE68391" i="1"/>
  <c r="AE68392" i="1"/>
  <c r="AE68393" i="1"/>
  <c r="AE68394" i="1"/>
  <c r="AE68395" i="1"/>
  <c r="AE68396" i="1"/>
  <c r="AE68397" i="1"/>
  <c r="AE68398" i="1"/>
  <c r="AE68399" i="1"/>
  <c r="AE68400" i="1"/>
  <c r="AE68401" i="1"/>
  <c r="AE68402" i="1"/>
  <c r="AE68403" i="1"/>
  <c r="AE68404" i="1"/>
  <c r="AE68405" i="1"/>
  <c r="AE68406" i="1"/>
  <c r="AE68407" i="1"/>
  <c r="AE68408" i="1"/>
  <c r="AE68409" i="1"/>
  <c r="AE68410" i="1"/>
  <c r="AE68411" i="1"/>
  <c r="AE68412" i="1"/>
  <c r="AE68413" i="1"/>
  <c r="AE68414" i="1"/>
  <c r="AE68415" i="1"/>
  <c r="AE68416" i="1"/>
  <c r="AE68417" i="1"/>
  <c r="AE68418" i="1"/>
  <c r="AE68419" i="1"/>
  <c r="AE68420" i="1"/>
  <c r="AE68421" i="1"/>
  <c r="AE68422" i="1"/>
  <c r="AE68423" i="1"/>
  <c r="AE68424" i="1"/>
  <c r="AE68425" i="1"/>
  <c r="AE68426" i="1"/>
  <c r="AE68427" i="1"/>
  <c r="AE68428" i="1"/>
  <c r="AE68429" i="1"/>
  <c r="AE68430" i="1"/>
  <c r="AE68431" i="1"/>
  <c r="AE68432" i="1"/>
  <c r="AE68433" i="1"/>
  <c r="AE68434" i="1"/>
  <c r="AE68435" i="1"/>
  <c r="AE68436" i="1"/>
  <c r="AE68437" i="1"/>
  <c r="AE68438" i="1"/>
  <c r="AE68439" i="1"/>
  <c r="AE68440" i="1"/>
  <c r="AE68441" i="1"/>
  <c r="AE68442" i="1"/>
  <c r="AE68443" i="1"/>
  <c r="AE68444" i="1"/>
  <c r="AE68445" i="1"/>
  <c r="AE68446" i="1"/>
  <c r="AE68447" i="1"/>
  <c r="AE68448" i="1"/>
  <c r="AE68449" i="1"/>
  <c r="AE68450" i="1"/>
  <c r="AE68451" i="1"/>
  <c r="AE68452" i="1"/>
  <c r="AE68453" i="1"/>
  <c r="AE68454" i="1"/>
  <c r="AE68455" i="1"/>
  <c r="AE68456" i="1"/>
  <c r="AE68457" i="1"/>
  <c r="AE68458" i="1"/>
  <c r="AE68459" i="1"/>
  <c r="AE68460" i="1"/>
  <c r="AE68461" i="1"/>
  <c r="AE68462" i="1"/>
  <c r="AE68463" i="1"/>
  <c r="AE68464" i="1"/>
  <c r="AE68465" i="1"/>
  <c r="AE68466" i="1"/>
  <c r="AE68467" i="1"/>
  <c r="AE68468" i="1"/>
  <c r="AE68469" i="1"/>
  <c r="AE68470" i="1"/>
  <c r="AE68471" i="1"/>
  <c r="AE68472" i="1"/>
  <c r="AE68473" i="1"/>
  <c r="AE68474" i="1"/>
  <c r="AE68475" i="1"/>
  <c r="AE68476" i="1"/>
  <c r="AE68477" i="1"/>
  <c r="AE68478" i="1"/>
  <c r="AE68479" i="1"/>
  <c r="AE68480" i="1"/>
  <c r="AE68481" i="1"/>
  <c r="AE68482" i="1"/>
  <c r="AE68483" i="1"/>
  <c r="AE68484" i="1"/>
  <c r="AE68485" i="1"/>
  <c r="AE68486" i="1"/>
  <c r="AE68487" i="1"/>
  <c r="AE68488" i="1"/>
  <c r="AE68489" i="1"/>
  <c r="AE68490" i="1"/>
  <c r="AE68491" i="1"/>
  <c r="AE68492" i="1"/>
  <c r="AE68493" i="1"/>
  <c r="AE68494" i="1"/>
  <c r="AE68495" i="1"/>
  <c r="AE68496" i="1"/>
  <c r="AE68497" i="1"/>
  <c r="AE68498" i="1"/>
  <c r="AE68499" i="1"/>
  <c r="AE68500" i="1"/>
  <c r="AE68501" i="1"/>
  <c r="AE68502" i="1"/>
  <c r="AE68503" i="1"/>
  <c r="AE68504" i="1"/>
  <c r="AE68505" i="1"/>
  <c r="AE68506" i="1"/>
  <c r="AE68507" i="1"/>
  <c r="AE68508" i="1"/>
  <c r="AE68509" i="1"/>
  <c r="AE68510" i="1"/>
  <c r="AE68511" i="1"/>
  <c r="AE68512" i="1"/>
  <c r="AE68513" i="1"/>
  <c r="AE68514" i="1"/>
  <c r="AE68515" i="1"/>
  <c r="AE68516" i="1"/>
  <c r="AE68517" i="1"/>
  <c r="AE68518" i="1"/>
  <c r="AE68519" i="1"/>
  <c r="AE68520" i="1"/>
  <c r="AE68521" i="1"/>
  <c r="AE68522" i="1"/>
  <c r="AE68523" i="1"/>
  <c r="AE68524" i="1"/>
  <c r="AE68525" i="1"/>
  <c r="AE68526" i="1"/>
  <c r="AE68527" i="1"/>
  <c r="AE68528" i="1"/>
  <c r="AE68529" i="1"/>
  <c r="AE68530" i="1"/>
  <c r="AE68531" i="1"/>
  <c r="AE68532" i="1"/>
  <c r="AE68533" i="1"/>
  <c r="AE68534" i="1"/>
  <c r="AE68535" i="1"/>
  <c r="AE68536" i="1"/>
  <c r="AE68537" i="1"/>
  <c r="AE68538" i="1"/>
  <c r="AE68539" i="1"/>
  <c r="AE68540" i="1"/>
  <c r="AE68541" i="1"/>
  <c r="AE68542" i="1"/>
  <c r="AE68543" i="1"/>
  <c r="AE68544" i="1"/>
  <c r="AE68545" i="1"/>
  <c r="AE68546" i="1"/>
  <c r="AE68547" i="1"/>
  <c r="AE68548" i="1"/>
  <c r="AE68549" i="1"/>
  <c r="AE68550" i="1"/>
  <c r="AE68551" i="1"/>
  <c r="AE68552" i="1"/>
  <c r="AE68553" i="1"/>
  <c r="AE68554" i="1"/>
  <c r="AE68555" i="1"/>
  <c r="AE68556" i="1"/>
  <c r="AE68557" i="1"/>
  <c r="AE68558" i="1"/>
  <c r="AE68559" i="1"/>
  <c r="AE68560" i="1"/>
  <c r="AE68561" i="1"/>
  <c r="AE68562" i="1"/>
  <c r="AE68563" i="1"/>
  <c r="AE68564" i="1"/>
  <c r="AE68565" i="1"/>
  <c r="AE68566" i="1"/>
  <c r="AE68567" i="1"/>
  <c r="AE68568" i="1"/>
  <c r="AE68569" i="1"/>
  <c r="AE68570" i="1"/>
  <c r="AE68571" i="1"/>
  <c r="AE68572" i="1"/>
  <c r="AE68573" i="1"/>
  <c r="AE68574" i="1"/>
  <c r="AE68575" i="1"/>
  <c r="AE68576" i="1"/>
  <c r="AE68577" i="1"/>
  <c r="AE68578" i="1"/>
  <c r="AE68579" i="1"/>
  <c r="AE68580" i="1"/>
  <c r="AE68581" i="1"/>
  <c r="AE68582" i="1"/>
  <c r="AE68583" i="1"/>
  <c r="AE68584" i="1"/>
  <c r="AE68585" i="1"/>
  <c r="AE68586" i="1"/>
  <c r="AE68587" i="1"/>
  <c r="AE68588" i="1"/>
  <c r="AE68589" i="1"/>
  <c r="AE68590" i="1"/>
  <c r="AE68591" i="1"/>
  <c r="AE68592" i="1"/>
  <c r="AE68593" i="1"/>
  <c r="AE68594" i="1"/>
  <c r="AE68595" i="1"/>
  <c r="AE68596" i="1"/>
  <c r="AE68597" i="1"/>
  <c r="AE68598" i="1"/>
  <c r="AE68599" i="1"/>
  <c r="AE68600" i="1"/>
  <c r="AE68601" i="1"/>
  <c r="AE68602" i="1"/>
  <c r="AE68603" i="1"/>
  <c r="AE68604" i="1"/>
  <c r="AE68605" i="1"/>
  <c r="AE68606" i="1"/>
  <c r="AE68607" i="1"/>
  <c r="AE68608" i="1"/>
  <c r="AE68609" i="1"/>
  <c r="AE68610" i="1"/>
  <c r="AE68611" i="1"/>
  <c r="AE68612" i="1"/>
  <c r="AE68613" i="1"/>
  <c r="AE68614" i="1"/>
  <c r="AE68615" i="1"/>
  <c r="AE68616" i="1"/>
  <c r="AE68617" i="1"/>
  <c r="AE68618" i="1"/>
  <c r="AE68619" i="1"/>
  <c r="AE68620" i="1"/>
  <c r="AE68621" i="1"/>
  <c r="AE68622" i="1"/>
  <c r="AE68623" i="1"/>
  <c r="AE68624" i="1"/>
  <c r="AE68625" i="1"/>
  <c r="AE68626" i="1"/>
  <c r="AE68627" i="1"/>
  <c r="AE68628" i="1"/>
  <c r="AE68629" i="1"/>
  <c r="AE68630" i="1"/>
  <c r="AE68631" i="1"/>
  <c r="AE68632" i="1"/>
  <c r="AE68633" i="1"/>
  <c r="AE68634" i="1"/>
  <c r="AE68635" i="1"/>
  <c r="AE68636" i="1"/>
  <c r="AE68637" i="1"/>
  <c r="AE68638" i="1"/>
  <c r="AE68639" i="1"/>
  <c r="AE68640" i="1"/>
  <c r="AE68641" i="1"/>
  <c r="AE68642" i="1"/>
  <c r="AE68643" i="1"/>
  <c r="AE68644" i="1"/>
  <c r="AE68645" i="1"/>
  <c r="AE68646" i="1"/>
  <c r="AE68647" i="1"/>
  <c r="AE68648" i="1"/>
  <c r="AE68649" i="1"/>
  <c r="AE68650" i="1"/>
  <c r="AE68651" i="1"/>
  <c r="AE68652" i="1"/>
  <c r="AE68653" i="1"/>
  <c r="AE68654" i="1"/>
  <c r="AE68655" i="1"/>
  <c r="AE68656" i="1"/>
  <c r="AE68657" i="1"/>
  <c r="AE68658" i="1"/>
  <c r="AE68659" i="1"/>
  <c r="AE68660" i="1"/>
  <c r="AE68661" i="1"/>
  <c r="AE68662" i="1"/>
  <c r="AE68663" i="1"/>
  <c r="AE68664" i="1"/>
  <c r="AE68665" i="1"/>
  <c r="AE68666" i="1"/>
  <c r="AE68667" i="1"/>
  <c r="AE68668" i="1"/>
  <c r="AE68669" i="1"/>
  <c r="AE68670" i="1"/>
  <c r="AE68671" i="1"/>
  <c r="AE68672" i="1"/>
  <c r="AE68673" i="1"/>
  <c r="AE68674" i="1"/>
  <c r="AE68675" i="1"/>
  <c r="AE68676" i="1"/>
  <c r="AE68677" i="1"/>
  <c r="AE68678" i="1"/>
  <c r="AE68679" i="1"/>
  <c r="AE68680" i="1"/>
  <c r="AE68681" i="1"/>
  <c r="AE68682" i="1"/>
  <c r="AE68683" i="1"/>
  <c r="AE68684" i="1"/>
  <c r="AE68685" i="1"/>
  <c r="AE68686" i="1"/>
  <c r="AE68687" i="1"/>
  <c r="AE68688" i="1"/>
  <c r="AE68689" i="1"/>
  <c r="AE68690" i="1"/>
  <c r="AE68691" i="1"/>
  <c r="AE68692" i="1"/>
  <c r="AE68693" i="1"/>
  <c r="AE68694" i="1"/>
  <c r="AE68695" i="1"/>
  <c r="AE68696" i="1"/>
  <c r="AE68697" i="1"/>
  <c r="AE68698" i="1"/>
  <c r="AE68699" i="1"/>
  <c r="AE68700" i="1"/>
  <c r="AE68701" i="1"/>
  <c r="AE68702" i="1"/>
  <c r="AE68703" i="1"/>
  <c r="AE68704" i="1"/>
  <c r="AE68705" i="1"/>
  <c r="AE68706" i="1"/>
  <c r="AE68707" i="1"/>
  <c r="AE68708" i="1"/>
  <c r="AE68709" i="1"/>
  <c r="AE68710" i="1"/>
  <c r="AE68711" i="1"/>
  <c r="AE68712" i="1"/>
  <c r="AE68713" i="1"/>
  <c r="AE68714" i="1"/>
  <c r="AE68715" i="1"/>
  <c r="AE68716" i="1"/>
  <c r="AE68717" i="1"/>
  <c r="AE68718" i="1"/>
  <c r="AE68719" i="1"/>
  <c r="AE68720" i="1"/>
  <c r="AE68721" i="1"/>
  <c r="AE68722" i="1"/>
  <c r="AE68723" i="1"/>
  <c r="AE68724" i="1"/>
  <c r="AE68725" i="1"/>
  <c r="AE68726" i="1"/>
  <c r="AE68727" i="1"/>
  <c r="AE68728" i="1"/>
  <c r="AE68729" i="1"/>
  <c r="AE68730" i="1"/>
  <c r="AE68731" i="1"/>
  <c r="AE68732" i="1"/>
  <c r="AE68733" i="1"/>
  <c r="AE68734" i="1"/>
  <c r="AE68735" i="1"/>
  <c r="AE68736" i="1"/>
  <c r="AE68737" i="1"/>
  <c r="AE68738" i="1"/>
  <c r="AE68739" i="1"/>
  <c r="AE68740" i="1"/>
  <c r="AE68741" i="1"/>
  <c r="AE68742" i="1"/>
  <c r="AE68743" i="1"/>
  <c r="AE68744" i="1"/>
  <c r="AE68745" i="1"/>
  <c r="AE68746" i="1"/>
  <c r="AE68747" i="1"/>
  <c r="AE68748" i="1"/>
  <c r="AE68749" i="1"/>
  <c r="AE68750" i="1"/>
  <c r="AE68751" i="1"/>
  <c r="AE68752" i="1"/>
  <c r="AE68753" i="1"/>
  <c r="AE68754" i="1"/>
  <c r="AE68755" i="1"/>
  <c r="AE68756" i="1"/>
  <c r="AE68757" i="1"/>
  <c r="AE68758" i="1"/>
  <c r="AE68759" i="1"/>
  <c r="AE68760" i="1"/>
  <c r="AE68761" i="1"/>
  <c r="AE68762" i="1"/>
  <c r="AE68763" i="1"/>
  <c r="AE68764" i="1"/>
  <c r="AE68765" i="1"/>
  <c r="AE68766" i="1"/>
  <c r="AE68767" i="1"/>
  <c r="AE68768" i="1"/>
  <c r="AE68769" i="1"/>
  <c r="AE68770" i="1"/>
  <c r="AE68771" i="1"/>
  <c r="AE68772" i="1"/>
  <c r="AE68773" i="1"/>
  <c r="AE68774" i="1"/>
  <c r="AE68775" i="1"/>
  <c r="AE68776" i="1"/>
  <c r="AE68777" i="1"/>
  <c r="AE68778" i="1"/>
  <c r="AE68779" i="1"/>
  <c r="AE68780" i="1"/>
  <c r="AE68781" i="1"/>
  <c r="AE68782" i="1"/>
  <c r="AE68783" i="1"/>
  <c r="AE68784" i="1"/>
  <c r="AE68785" i="1"/>
  <c r="AE68786" i="1"/>
  <c r="AE68787" i="1"/>
  <c r="AE68788" i="1"/>
  <c r="AE68789" i="1"/>
  <c r="AE68790" i="1"/>
  <c r="AE68791" i="1"/>
  <c r="AE68792" i="1"/>
  <c r="AE68793" i="1"/>
  <c r="AE68794" i="1"/>
  <c r="AE68795" i="1"/>
  <c r="AE68796" i="1"/>
  <c r="AE68797" i="1"/>
  <c r="AE68798" i="1"/>
  <c r="AE68799" i="1"/>
  <c r="AE68800" i="1"/>
  <c r="AE68801" i="1"/>
  <c r="AE68802" i="1"/>
  <c r="AE68803" i="1"/>
  <c r="AE68804" i="1"/>
  <c r="AE68805" i="1"/>
  <c r="AE68806" i="1"/>
  <c r="AE68807" i="1"/>
  <c r="AE68808" i="1"/>
  <c r="AE68809" i="1"/>
  <c r="AE68810" i="1"/>
  <c r="AE68811" i="1"/>
  <c r="AE68812" i="1"/>
  <c r="AE68813" i="1"/>
  <c r="AE68814" i="1"/>
  <c r="AE68815" i="1"/>
  <c r="AE68816" i="1"/>
  <c r="AE68817" i="1"/>
  <c r="AE68818" i="1"/>
  <c r="AE68819" i="1"/>
  <c r="AE68820" i="1"/>
  <c r="AE68821" i="1"/>
  <c r="AE68822" i="1"/>
  <c r="AE68823" i="1"/>
  <c r="AE68824" i="1"/>
  <c r="AE68825" i="1"/>
  <c r="AE68826" i="1"/>
  <c r="AE68827" i="1"/>
  <c r="AE68828" i="1"/>
  <c r="AE68829" i="1"/>
  <c r="AE68830" i="1"/>
  <c r="AE68831" i="1"/>
  <c r="AE68832" i="1"/>
  <c r="AE68833" i="1"/>
  <c r="AE68834" i="1"/>
  <c r="AE68835" i="1"/>
  <c r="AE68836" i="1"/>
  <c r="AE68837" i="1"/>
  <c r="AE68838" i="1"/>
  <c r="AE68839" i="1"/>
  <c r="AE68840" i="1"/>
  <c r="AE68841" i="1"/>
  <c r="AE68842" i="1"/>
  <c r="AE68843" i="1"/>
  <c r="AE68844" i="1"/>
  <c r="AE68845" i="1"/>
  <c r="AE68846" i="1"/>
  <c r="AE68847" i="1"/>
  <c r="AE68848" i="1"/>
  <c r="AE68849" i="1"/>
  <c r="AE68850" i="1"/>
  <c r="AE68851" i="1"/>
  <c r="AE68852" i="1"/>
  <c r="AE68853" i="1"/>
  <c r="AE68854" i="1"/>
  <c r="AE68855" i="1"/>
  <c r="AE68856" i="1"/>
  <c r="AE68857" i="1"/>
  <c r="AE68858" i="1"/>
  <c r="AE68859" i="1"/>
  <c r="AE68860" i="1"/>
  <c r="AE68861" i="1"/>
  <c r="AE68862" i="1"/>
  <c r="AE68863" i="1"/>
  <c r="AE68864" i="1"/>
  <c r="AE68865" i="1"/>
  <c r="AE68866" i="1"/>
  <c r="AE68867" i="1"/>
  <c r="AE68868" i="1"/>
  <c r="AE68869" i="1"/>
  <c r="AE68870" i="1"/>
  <c r="AE68871" i="1"/>
  <c r="AE68872" i="1"/>
  <c r="AE68873" i="1"/>
  <c r="AE68874" i="1"/>
  <c r="AE68875" i="1"/>
  <c r="AE68876" i="1"/>
  <c r="AE68877" i="1"/>
  <c r="AE68878" i="1"/>
  <c r="AE68879" i="1"/>
  <c r="AE68880" i="1"/>
  <c r="AE68881" i="1"/>
  <c r="AE68882" i="1"/>
  <c r="AE68883" i="1"/>
  <c r="AE68884" i="1"/>
  <c r="AE68885" i="1"/>
  <c r="AE68886" i="1"/>
  <c r="AE68887" i="1"/>
  <c r="AE68888" i="1"/>
  <c r="AE68889" i="1"/>
  <c r="AE68890" i="1"/>
  <c r="AE68891" i="1"/>
  <c r="AE68892" i="1"/>
  <c r="AE68893" i="1"/>
  <c r="AE68894" i="1"/>
  <c r="AE68895" i="1"/>
  <c r="AE68896" i="1"/>
  <c r="AE68897" i="1"/>
  <c r="AE68898" i="1"/>
  <c r="AE68899" i="1"/>
  <c r="AE68900" i="1"/>
  <c r="AE68901" i="1"/>
  <c r="AE68902" i="1"/>
  <c r="AE68903" i="1"/>
  <c r="AE68904" i="1"/>
  <c r="AE68905" i="1"/>
  <c r="AE68906" i="1"/>
  <c r="AE68907" i="1"/>
  <c r="AE68908" i="1"/>
  <c r="AE68909" i="1"/>
  <c r="AE68910" i="1"/>
  <c r="AE68911" i="1"/>
  <c r="AE68912" i="1"/>
  <c r="AE68913" i="1"/>
  <c r="AE68914" i="1"/>
  <c r="AE68915" i="1"/>
  <c r="AE68916" i="1"/>
  <c r="AE68917" i="1"/>
  <c r="AE68918" i="1"/>
  <c r="AE68919" i="1"/>
  <c r="AE68920" i="1"/>
  <c r="AE68921" i="1"/>
  <c r="AE68922" i="1"/>
  <c r="AE68923" i="1"/>
  <c r="AE68924" i="1"/>
  <c r="AE68925" i="1"/>
  <c r="AE68926" i="1"/>
  <c r="AE68927" i="1"/>
  <c r="AE68928" i="1"/>
  <c r="AE68929" i="1"/>
  <c r="AE68930" i="1"/>
  <c r="AE68931" i="1"/>
  <c r="AE68932" i="1"/>
  <c r="AE68933" i="1"/>
  <c r="AE68934" i="1"/>
  <c r="AE68935" i="1"/>
  <c r="AE68936" i="1"/>
  <c r="AE68937" i="1"/>
  <c r="AE68938" i="1"/>
  <c r="AE68939" i="1"/>
  <c r="AE68940" i="1"/>
  <c r="AE68941" i="1"/>
  <c r="AE68942" i="1"/>
  <c r="AE68943" i="1"/>
  <c r="AE68944" i="1"/>
  <c r="AE68945" i="1"/>
  <c r="AE68946" i="1"/>
  <c r="AE68947" i="1"/>
  <c r="AE68948" i="1"/>
  <c r="AE68949" i="1"/>
  <c r="AE68950" i="1"/>
  <c r="AE68951" i="1"/>
  <c r="AE68952" i="1"/>
  <c r="AE68953" i="1"/>
  <c r="AE68954" i="1"/>
  <c r="AE68955" i="1"/>
  <c r="AE68956" i="1"/>
  <c r="AE68957" i="1"/>
  <c r="AE68958" i="1"/>
  <c r="AE68959" i="1"/>
  <c r="AE68960" i="1"/>
  <c r="AE68961" i="1"/>
  <c r="AE68962" i="1"/>
  <c r="AE68963" i="1"/>
  <c r="AE68964" i="1"/>
  <c r="AE68965" i="1"/>
  <c r="AE68966" i="1"/>
  <c r="AE68967" i="1"/>
  <c r="AE68968" i="1"/>
  <c r="AE68969" i="1"/>
  <c r="AE68970" i="1"/>
  <c r="AE68971" i="1"/>
  <c r="AE68972" i="1"/>
  <c r="AE68973" i="1"/>
  <c r="AE68974" i="1"/>
  <c r="AE68975" i="1"/>
  <c r="AE68976" i="1"/>
  <c r="AE68977" i="1"/>
  <c r="AE68978" i="1"/>
  <c r="AE68979" i="1"/>
  <c r="AE68980" i="1"/>
  <c r="AE68981" i="1"/>
  <c r="AE68982" i="1"/>
  <c r="AE68983" i="1"/>
  <c r="AE68984" i="1"/>
  <c r="AE68985" i="1"/>
  <c r="AE68986" i="1"/>
  <c r="AE68987" i="1"/>
  <c r="AE68988" i="1"/>
  <c r="AE68989" i="1"/>
  <c r="AE68990" i="1"/>
  <c r="AE68991" i="1"/>
  <c r="AE68992" i="1"/>
  <c r="AE68993" i="1"/>
  <c r="AE68994" i="1"/>
  <c r="AE68995" i="1"/>
  <c r="AE68996" i="1"/>
  <c r="AE68997" i="1"/>
  <c r="AE68998" i="1"/>
  <c r="AE68999" i="1"/>
  <c r="AE69000" i="1"/>
  <c r="AE69001" i="1"/>
  <c r="AE69002" i="1"/>
  <c r="AE69003" i="1"/>
  <c r="AE69004" i="1"/>
  <c r="AE69005" i="1"/>
  <c r="AE69006" i="1"/>
  <c r="AE69007" i="1"/>
  <c r="AE69008" i="1"/>
  <c r="AE69009" i="1"/>
  <c r="AE69010" i="1"/>
  <c r="AE69011" i="1"/>
  <c r="AE69012" i="1"/>
  <c r="AE69013" i="1"/>
  <c r="AE69014" i="1"/>
  <c r="AE69015" i="1"/>
  <c r="AE69016" i="1"/>
  <c r="AE69017" i="1"/>
  <c r="AE69018" i="1"/>
  <c r="AE69019" i="1"/>
  <c r="AE69020" i="1"/>
  <c r="AE69021" i="1"/>
  <c r="AE69022" i="1"/>
  <c r="AE69023" i="1"/>
  <c r="AE69024" i="1"/>
  <c r="AE69025" i="1"/>
  <c r="AE69026" i="1"/>
  <c r="AE69027" i="1"/>
  <c r="AE69028" i="1"/>
  <c r="AE69029" i="1"/>
  <c r="AE69030" i="1"/>
  <c r="AE69031" i="1"/>
  <c r="AE69032" i="1"/>
  <c r="AE69033" i="1"/>
  <c r="AE69034" i="1"/>
  <c r="AE69035" i="1"/>
  <c r="AE69036" i="1"/>
  <c r="AE69037" i="1"/>
  <c r="AE69038" i="1"/>
  <c r="AE69039" i="1"/>
  <c r="AE69040" i="1"/>
  <c r="AE69041" i="1"/>
  <c r="AE69042" i="1"/>
  <c r="AE69043" i="1"/>
  <c r="AE69044" i="1"/>
  <c r="AE69045" i="1"/>
  <c r="AE69046" i="1"/>
  <c r="AE69047" i="1"/>
  <c r="AE69048" i="1"/>
  <c r="AE69049" i="1"/>
  <c r="AE69050" i="1"/>
  <c r="AE69051" i="1"/>
  <c r="AE69052" i="1"/>
  <c r="AE69053" i="1"/>
  <c r="AE69054" i="1"/>
  <c r="AE69055" i="1"/>
  <c r="AE69056" i="1"/>
  <c r="AE69057" i="1"/>
  <c r="AE69058" i="1"/>
  <c r="AE69059" i="1"/>
  <c r="AE69060" i="1"/>
  <c r="AE69061" i="1"/>
  <c r="AE69062" i="1"/>
  <c r="AE69063" i="1"/>
  <c r="AE69064" i="1"/>
  <c r="AE69065" i="1"/>
  <c r="AE69066" i="1"/>
  <c r="AE69067" i="1"/>
  <c r="AE69068" i="1"/>
  <c r="AE69069" i="1"/>
  <c r="AE69070" i="1"/>
  <c r="AE69071" i="1"/>
  <c r="AE69072" i="1"/>
  <c r="AE69073" i="1"/>
  <c r="AE69074" i="1"/>
  <c r="AE69075" i="1"/>
  <c r="AE69076" i="1"/>
  <c r="AE69077" i="1"/>
  <c r="AE69078" i="1"/>
  <c r="AE69079" i="1"/>
  <c r="AE69080" i="1"/>
  <c r="AE69081" i="1"/>
  <c r="AE69082" i="1"/>
  <c r="AE69083" i="1"/>
  <c r="AE69084" i="1"/>
  <c r="AE69085" i="1"/>
  <c r="AE69086" i="1"/>
  <c r="AE69087" i="1"/>
  <c r="AE69088" i="1"/>
  <c r="AE69089" i="1"/>
  <c r="AE69090" i="1"/>
  <c r="AE69091" i="1"/>
  <c r="AE69092" i="1"/>
  <c r="AE69093" i="1"/>
  <c r="AE69094" i="1"/>
  <c r="AE69095" i="1"/>
  <c r="AE69096" i="1"/>
  <c r="AE69097" i="1"/>
  <c r="AE69098" i="1"/>
  <c r="AE69099" i="1"/>
  <c r="AE69100" i="1"/>
  <c r="AE69101" i="1"/>
  <c r="AE69102" i="1"/>
  <c r="AE69103" i="1"/>
  <c r="AE69104" i="1"/>
  <c r="AE69105" i="1"/>
  <c r="AE69106" i="1"/>
  <c r="AE69107" i="1"/>
  <c r="AE69108" i="1"/>
  <c r="AE69109" i="1"/>
  <c r="AE69110" i="1"/>
  <c r="AE69111" i="1"/>
  <c r="AE69112" i="1"/>
  <c r="AE69113" i="1"/>
  <c r="AE69114" i="1"/>
  <c r="AE69115" i="1"/>
  <c r="AE69116" i="1"/>
  <c r="AE69117" i="1"/>
  <c r="AE69118" i="1"/>
  <c r="AE69119" i="1"/>
  <c r="AE69120" i="1"/>
  <c r="AE69121" i="1"/>
  <c r="AE69122" i="1"/>
  <c r="AE69123" i="1"/>
  <c r="AE69124" i="1"/>
  <c r="AE69125" i="1"/>
  <c r="AE69126" i="1"/>
  <c r="AE69127" i="1"/>
  <c r="AE69128" i="1"/>
  <c r="AE69129" i="1"/>
  <c r="AE69130" i="1"/>
  <c r="AE69131" i="1"/>
  <c r="AE69132" i="1"/>
  <c r="AE69133" i="1"/>
  <c r="AE69134" i="1"/>
  <c r="AE69135" i="1"/>
  <c r="AE69136" i="1"/>
  <c r="AE69137" i="1"/>
  <c r="AE69138" i="1"/>
  <c r="AE69139" i="1"/>
  <c r="AE69140" i="1"/>
  <c r="AE69141" i="1"/>
  <c r="AE69142" i="1"/>
  <c r="AE69143" i="1"/>
  <c r="AE69144" i="1"/>
  <c r="AE69145" i="1"/>
  <c r="AE69146" i="1"/>
  <c r="AE69147" i="1"/>
  <c r="AE69148" i="1"/>
  <c r="AE69149" i="1"/>
  <c r="AE69150" i="1"/>
  <c r="AE69151" i="1"/>
  <c r="AE69152" i="1"/>
  <c r="AE69153" i="1"/>
  <c r="AE69154" i="1"/>
  <c r="AE69155" i="1"/>
  <c r="AE69156" i="1"/>
  <c r="AE69157" i="1"/>
  <c r="AE69158" i="1"/>
  <c r="AE69159" i="1"/>
  <c r="AE69160" i="1"/>
  <c r="AE69161" i="1"/>
  <c r="AE69162" i="1"/>
  <c r="AE69163" i="1"/>
  <c r="AE69164" i="1"/>
  <c r="AE69165" i="1"/>
  <c r="AE69166" i="1"/>
  <c r="AE69167" i="1"/>
  <c r="AE69168" i="1"/>
  <c r="AE69169" i="1"/>
  <c r="AE69170" i="1"/>
  <c r="AE69171" i="1"/>
  <c r="AE69172" i="1"/>
  <c r="AE69173" i="1"/>
  <c r="AE69174" i="1"/>
  <c r="AE69175" i="1"/>
  <c r="AE69176" i="1"/>
  <c r="AE69177" i="1"/>
  <c r="AE69178" i="1"/>
  <c r="AE69179" i="1"/>
  <c r="AE69180" i="1"/>
  <c r="AE69181" i="1"/>
  <c r="AE69182" i="1"/>
  <c r="AE69183" i="1"/>
  <c r="AE69184" i="1"/>
  <c r="AE69185" i="1"/>
  <c r="AE69186" i="1"/>
  <c r="AE69187" i="1"/>
  <c r="AE69188" i="1"/>
  <c r="AE69189" i="1"/>
  <c r="AE69190" i="1"/>
  <c r="AE69191" i="1"/>
  <c r="AE69192" i="1"/>
  <c r="AE69193" i="1"/>
  <c r="AE69194" i="1"/>
  <c r="AE69195" i="1"/>
  <c r="AE69196" i="1"/>
  <c r="AE69197" i="1"/>
  <c r="AE69198" i="1"/>
  <c r="AE69199" i="1"/>
  <c r="AE69200" i="1"/>
  <c r="AE69201" i="1"/>
  <c r="AE69202" i="1"/>
  <c r="AE69203" i="1"/>
  <c r="AE69204" i="1"/>
  <c r="AE69205" i="1"/>
  <c r="AE69206" i="1"/>
  <c r="AE69207" i="1"/>
  <c r="AE69208" i="1"/>
  <c r="AE69209" i="1"/>
  <c r="AE69210" i="1"/>
  <c r="AE69211" i="1"/>
  <c r="AE69212" i="1"/>
  <c r="AE69213" i="1"/>
  <c r="AE69214" i="1"/>
  <c r="AE69215" i="1"/>
  <c r="AE69216" i="1"/>
  <c r="AE69217" i="1"/>
  <c r="AE69218" i="1"/>
  <c r="AE69219" i="1"/>
  <c r="AE69220" i="1"/>
  <c r="AE69221" i="1"/>
  <c r="AE69222" i="1"/>
  <c r="AE69223" i="1"/>
  <c r="AE69224" i="1"/>
  <c r="AE69225" i="1"/>
  <c r="AE69226" i="1"/>
  <c r="AE69227" i="1"/>
  <c r="AE69228" i="1"/>
  <c r="AE69229" i="1"/>
  <c r="AE69230" i="1"/>
  <c r="AE69231" i="1"/>
  <c r="AE69232" i="1"/>
  <c r="AE69233" i="1"/>
  <c r="AE69234" i="1"/>
  <c r="AE69235" i="1"/>
  <c r="AE69236" i="1"/>
  <c r="AE69237" i="1"/>
  <c r="AE69238" i="1"/>
  <c r="AE69239" i="1"/>
  <c r="AE69240" i="1"/>
  <c r="AE69241" i="1"/>
  <c r="AE69242" i="1"/>
  <c r="AE69243" i="1"/>
  <c r="AE69244" i="1"/>
  <c r="AE69245" i="1"/>
  <c r="AE69246" i="1"/>
  <c r="AE69247" i="1"/>
  <c r="AE69248" i="1"/>
  <c r="AE69249" i="1"/>
  <c r="AE69250" i="1"/>
  <c r="AE69251" i="1"/>
  <c r="AE69252" i="1"/>
  <c r="AE69253" i="1"/>
  <c r="AE69254" i="1"/>
  <c r="AE69255" i="1"/>
  <c r="AE69256" i="1"/>
  <c r="AE69257" i="1"/>
  <c r="AE69258" i="1"/>
  <c r="AE69259" i="1"/>
  <c r="AE69260" i="1"/>
  <c r="AE69261" i="1"/>
  <c r="AE69262" i="1"/>
  <c r="AE69263" i="1"/>
  <c r="AE69264" i="1"/>
  <c r="AE69265" i="1"/>
  <c r="AE69266" i="1"/>
  <c r="AE69267" i="1"/>
  <c r="AE69268" i="1"/>
  <c r="AE69269" i="1"/>
  <c r="AE69270" i="1"/>
  <c r="AE69271" i="1"/>
  <c r="AE69272" i="1"/>
  <c r="AE69273" i="1"/>
  <c r="AE69274" i="1"/>
  <c r="AE69275" i="1"/>
  <c r="AE69276" i="1"/>
  <c r="AE69277" i="1"/>
  <c r="AE69278" i="1"/>
  <c r="AE69279" i="1"/>
  <c r="AE69280" i="1"/>
  <c r="AE69281" i="1"/>
  <c r="AE69282" i="1"/>
  <c r="AE69283" i="1"/>
  <c r="AE69284" i="1"/>
  <c r="AE69285" i="1"/>
  <c r="AE69286" i="1"/>
  <c r="AE69287" i="1"/>
  <c r="AE69288" i="1"/>
  <c r="AE69289" i="1"/>
  <c r="AE69290" i="1"/>
  <c r="AE69291" i="1"/>
  <c r="AE69292" i="1"/>
  <c r="AE69293" i="1"/>
  <c r="AE69294" i="1"/>
  <c r="AE69295" i="1"/>
  <c r="AE69296" i="1"/>
  <c r="AE69297" i="1"/>
  <c r="AE69298" i="1"/>
  <c r="AE69299" i="1"/>
  <c r="AE69300" i="1"/>
  <c r="AE69301" i="1"/>
  <c r="AE69302" i="1"/>
  <c r="AE69303" i="1"/>
  <c r="AE69304" i="1"/>
  <c r="AE69305" i="1"/>
  <c r="AE69306" i="1"/>
  <c r="AE69307" i="1"/>
  <c r="AE69308" i="1"/>
  <c r="AE69309" i="1"/>
  <c r="AE69310" i="1"/>
  <c r="AE69311" i="1"/>
  <c r="AE69312" i="1"/>
  <c r="AE69313" i="1"/>
  <c r="AE69314" i="1"/>
  <c r="AE69315" i="1"/>
  <c r="AE69316" i="1"/>
  <c r="AE69317" i="1"/>
  <c r="AE69318" i="1"/>
  <c r="AE69319" i="1"/>
  <c r="AE69320" i="1"/>
  <c r="AE69321" i="1"/>
  <c r="AE69322" i="1"/>
  <c r="AE69323" i="1"/>
  <c r="AE69324" i="1"/>
  <c r="AE69325" i="1"/>
  <c r="AE69326" i="1"/>
  <c r="AE69327" i="1"/>
  <c r="AE69328" i="1"/>
  <c r="AE69329" i="1"/>
  <c r="AE69330" i="1"/>
  <c r="AE69331" i="1"/>
  <c r="AE69332" i="1"/>
  <c r="AE69333" i="1"/>
  <c r="AE69334" i="1"/>
  <c r="AE69335" i="1"/>
  <c r="AE69336" i="1"/>
  <c r="AE69337" i="1"/>
  <c r="AE69338" i="1"/>
  <c r="AE69339" i="1"/>
  <c r="AE69340" i="1"/>
  <c r="AE69341" i="1"/>
  <c r="AE69342" i="1"/>
  <c r="AE69343" i="1"/>
  <c r="AE69344" i="1"/>
  <c r="AE69345" i="1"/>
  <c r="AE69346" i="1"/>
  <c r="AE69347" i="1"/>
  <c r="AE69348" i="1"/>
  <c r="AE69349" i="1"/>
  <c r="AE69350" i="1"/>
  <c r="AE69351" i="1"/>
  <c r="AE69352" i="1"/>
  <c r="AE69353" i="1"/>
  <c r="AE69354" i="1"/>
  <c r="AE69355" i="1"/>
  <c r="AE69356" i="1"/>
  <c r="AE69357" i="1"/>
  <c r="AE69358" i="1"/>
  <c r="AE69359" i="1"/>
  <c r="AE69360" i="1"/>
  <c r="AE69361" i="1"/>
  <c r="AE69362" i="1"/>
  <c r="AE69363" i="1"/>
  <c r="AE69364" i="1"/>
  <c r="AE69365" i="1"/>
  <c r="AE69366" i="1"/>
  <c r="AE69367" i="1"/>
  <c r="AE69368" i="1"/>
  <c r="AE69369" i="1"/>
  <c r="AE69370" i="1"/>
  <c r="AE69371" i="1"/>
  <c r="AE69372" i="1"/>
  <c r="AE69373" i="1"/>
  <c r="AE69374" i="1"/>
  <c r="AE69375" i="1"/>
  <c r="AE69376" i="1"/>
  <c r="AE69377" i="1"/>
  <c r="AE69378" i="1"/>
  <c r="AE69379" i="1"/>
  <c r="AE69380" i="1"/>
  <c r="AE69381" i="1"/>
  <c r="AE69382" i="1"/>
  <c r="AE69383" i="1"/>
  <c r="AE69384" i="1"/>
  <c r="AE69385" i="1"/>
  <c r="AE69386" i="1"/>
  <c r="AE69387" i="1"/>
  <c r="AE69388" i="1"/>
  <c r="AE69389" i="1"/>
  <c r="AE69390" i="1"/>
  <c r="AE69391" i="1"/>
  <c r="AE69392" i="1"/>
  <c r="AE69393" i="1"/>
  <c r="AE69394" i="1"/>
  <c r="AE69395" i="1"/>
  <c r="AE69396" i="1"/>
  <c r="AE69397" i="1"/>
  <c r="AE69398" i="1"/>
  <c r="AE69399" i="1"/>
  <c r="AE69400" i="1"/>
  <c r="AE69401" i="1"/>
  <c r="AE69402" i="1"/>
  <c r="AE69403" i="1"/>
  <c r="AE69404" i="1"/>
  <c r="AE69405" i="1"/>
  <c r="AE69406" i="1"/>
  <c r="AE69407" i="1"/>
  <c r="AE69408" i="1"/>
  <c r="AE69409" i="1"/>
  <c r="AE69410" i="1"/>
  <c r="AE69411" i="1"/>
  <c r="AE69412" i="1"/>
  <c r="AE69413" i="1"/>
  <c r="AE69414" i="1"/>
  <c r="AE69415" i="1"/>
  <c r="AE69416" i="1"/>
  <c r="AE69417" i="1"/>
  <c r="AE69418" i="1"/>
  <c r="AE69419" i="1"/>
  <c r="AE69420" i="1"/>
  <c r="AE69421" i="1"/>
  <c r="AE69422" i="1"/>
  <c r="AE69423" i="1"/>
  <c r="AE69424" i="1"/>
  <c r="AE69425" i="1"/>
  <c r="AE69426" i="1"/>
  <c r="AE69427" i="1"/>
  <c r="AE69428" i="1"/>
  <c r="AE69429" i="1"/>
  <c r="AE69430" i="1"/>
  <c r="AE69431" i="1"/>
  <c r="AE69432" i="1"/>
  <c r="AE69433" i="1"/>
  <c r="AE69434" i="1"/>
  <c r="AE69435" i="1"/>
  <c r="AE69436" i="1"/>
  <c r="AE69437" i="1"/>
  <c r="AE69438" i="1"/>
  <c r="AE69439" i="1"/>
  <c r="AE69440" i="1"/>
  <c r="AE69441" i="1"/>
  <c r="AE69442" i="1"/>
  <c r="AE69443" i="1"/>
  <c r="AE69444" i="1"/>
  <c r="AE69445" i="1"/>
  <c r="AE69446" i="1"/>
  <c r="AE69447" i="1"/>
  <c r="AE69448" i="1"/>
  <c r="AE69449" i="1"/>
  <c r="AE69450" i="1"/>
  <c r="AE69451" i="1"/>
  <c r="AE69452" i="1"/>
  <c r="AE69453" i="1"/>
  <c r="AE69454" i="1"/>
  <c r="AE69455" i="1"/>
  <c r="AE69456" i="1"/>
  <c r="AE69457" i="1"/>
  <c r="AE69458" i="1"/>
  <c r="AE69459" i="1"/>
  <c r="AE69460" i="1"/>
  <c r="AE69461" i="1"/>
  <c r="AE69462" i="1"/>
  <c r="AE69463" i="1"/>
  <c r="AE69464" i="1"/>
  <c r="AE69465" i="1"/>
  <c r="AE69466" i="1"/>
  <c r="AE69467" i="1"/>
  <c r="AE69468" i="1"/>
  <c r="AE69469" i="1"/>
  <c r="AE69470" i="1"/>
  <c r="AE69471" i="1"/>
  <c r="AE69472" i="1"/>
  <c r="AE69473" i="1"/>
  <c r="AE69474" i="1"/>
  <c r="AE69475" i="1"/>
  <c r="AE69476" i="1"/>
  <c r="AE69477" i="1"/>
  <c r="AE69478" i="1"/>
  <c r="AE69479" i="1"/>
  <c r="AE69480" i="1"/>
  <c r="AE69481" i="1"/>
  <c r="AE69482" i="1"/>
  <c r="AE69483" i="1"/>
  <c r="AE69484" i="1"/>
  <c r="AE69485" i="1"/>
  <c r="AE69486" i="1"/>
  <c r="AE69487" i="1"/>
  <c r="AE69488" i="1"/>
  <c r="AE69489" i="1"/>
  <c r="AE69490" i="1"/>
  <c r="AE69491" i="1"/>
  <c r="AE69492" i="1"/>
  <c r="AE69493" i="1"/>
  <c r="AE69494" i="1"/>
  <c r="AE69495" i="1"/>
  <c r="AE69496" i="1"/>
  <c r="AE69497" i="1"/>
  <c r="AE69498" i="1"/>
  <c r="AE69499" i="1"/>
  <c r="AE69500" i="1"/>
  <c r="AE69501" i="1"/>
  <c r="AE69502" i="1"/>
  <c r="AE69503" i="1"/>
  <c r="AE69504" i="1"/>
  <c r="AE69505" i="1"/>
  <c r="AE69506" i="1"/>
  <c r="AE69507" i="1"/>
  <c r="AE69508" i="1"/>
  <c r="AE69509" i="1"/>
  <c r="AE69510" i="1"/>
  <c r="AE69511" i="1"/>
  <c r="AE69512" i="1"/>
  <c r="AE69513" i="1"/>
  <c r="AE69514" i="1"/>
  <c r="AE69515" i="1"/>
  <c r="AE69516" i="1"/>
  <c r="AE69517" i="1"/>
  <c r="AE69518" i="1"/>
  <c r="AE69519" i="1"/>
  <c r="AE69520" i="1"/>
  <c r="AE69521" i="1"/>
  <c r="AE69522" i="1"/>
  <c r="AE69523" i="1"/>
  <c r="AE69524" i="1"/>
  <c r="AE69525" i="1"/>
  <c r="AE69526" i="1"/>
  <c r="AE69527" i="1"/>
  <c r="AE69528" i="1"/>
  <c r="AE69529" i="1"/>
  <c r="AE69530" i="1"/>
  <c r="AE69531" i="1"/>
  <c r="AE69532" i="1"/>
  <c r="AE69533" i="1"/>
  <c r="AE69534" i="1"/>
  <c r="AE69535" i="1"/>
  <c r="AE69536" i="1"/>
  <c r="AE69537" i="1"/>
  <c r="AE69538" i="1"/>
  <c r="AE69539" i="1"/>
  <c r="AE69540" i="1"/>
  <c r="AE69541" i="1"/>
  <c r="AE69542" i="1"/>
  <c r="AE69543" i="1"/>
  <c r="AE69544" i="1"/>
  <c r="AE69545" i="1"/>
  <c r="AE69546" i="1"/>
  <c r="AE69547" i="1"/>
  <c r="AE69548" i="1"/>
  <c r="AE69549" i="1"/>
  <c r="AE69550" i="1"/>
  <c r="AE69551" i="1"/>
  <c r="AE69552" i="1"/>
  <c r="AE69553" i="1"/>
  <c r="AE69554" i="1"/>
  <c r="AE69555" i="1"/>
  <c r="AE69556" i="1"/>
  <c r="AE69557" i="1"/>
  <c r="AE69558" i="1"/>
  <c r="AE69559" i="1"/>
  <c r="AE69560" i="1"/>
  <c r="AE69561" i="1"/>
  <c r="AE69562" i="1"/>
  <c r="AE69563" i="1"/>
  <c r="AE69564" i="1"/>
  <c r="AE69565" i="1"/>
  <c r="AE69566" i="1"/>
  <c r="AE69567" i="1"/>
  <c r="AE69568" i="1"/>
  <c r="AE69569" i="1"/>
  <c r="AE69570" i="1"/>
  <c r="AE69571" i="1"/>
  <c r="AE69572" i="1"/>
  <c r="AE69573" i="1"/>
  <c r="AE69574" i="1"/>
  <c r="AE69575" i="1"/>
  <c r="AE69576" i="1"/>
  <c r="AE69577" i="1"/>
  <c r="AE69578" i="1"/>
  <c r="AE69579" i="1"/>
  <c r="AE69580" i="1"/>
  <c r="AE69581" i="1"/>
  <c r="AE69582" i="1"/>
  <c r="AE69583" i="1"/>
  <c r="AE69584" i="1"/>
  <c r="AE69585" i="1"/>
  <c r="AE69586" i="1"/>
  <c r="AE69587" i="1"/>
  <c r="AE69588" i="1"/>
  <c r="AE69589" i="1"/>
  <c r="AE69590" i="1"/>
  <c r="AE69591" i="1"/>
  <c r="AE69592" i="1"/>
  <c r="AE69593" i="1"/>
  <c r="AE69594" i="1"/>
  <c r="AE69595" i="1"/>
  <c r="AE69596" i="1"/>
  <c r="AE69597" i="1"/>
  <c r="AE69598" i="1"/>
  <c r="AE69599" i="1"/>
  <c r="AE69600" i="1"/>
  <c r="AE69601" i="1"/>
  <c r="AE69602" i="1"/>
  <c r="AE69603" i="1"/>
  <c r="AE69604" i="1"/>
  <c r="AE69605" i="1"/>
  <c r="AE69606" i="1"/>
  <c r="AE69607" i="1"/>
  <c r="AE69608" i="1"/>
  <c r="AE69609" i="1"/>
  <c r="AE69610" i="1"/>
  <c r="AE69611" i="1"/>
  <c r="AE69612" i="1"/>
  <c r="AE69613" i="1"/>
  <c r="AE69614" i="1"/>
  <c r="AE69615" i="1"/>
  <c r="AE69616" i="1"/>
  <c r="AE69617" i="1"/>
  <c r="AE69618" i="1"/>
  <c r="AE69619" i="1"/>
  <c r="AE69620" i="1"/>
  <c r="AE69621" i="1"/>
  <c r="AE69622" i="1"/>
  <c r="AE69623" i="1"/>
  <c r="AE69624" i="1"/>
  <c r="AE69625" i="1"/>
  <c r="AE69626" i="1"/>
  <c r="AE69627" i="1"/>
  <c r="AE69628" i="1"/>
  <c r="AE69629" i="1"/>
  <c r="AE69630" i="1"/>
  <c r="AE69631" i="1"/>
  <c r="AE69632" i="1"/>
  <c r="AE69633" i="1"/>
  <c r="AE69634" i="1"/>
  <c r="AE69635" i="1"/>
  <c r="AE69636" i="1"/>
  <c r="AE69637" i="1"/>
  <c r="AE69638" i="1"/>
  <c r="AE69639" i="1"/>
  <c r="AE69640" i="1"/>
  <c r="AE69641" i="1"/>
  <c r="AE69642" i="1"/>
  <c r="AE69643" i="1"/>
  <c r="AE69644" i="1"/>
  <c r="AE69645" i="1"/>
  <c r="AE69646" i="1"/>
  <c r="AE69647" i="1"/>
  <c r="AE69648" i="1"/>
  <c r="AE69649" i="1"/>
  <c r="AE69650" i="1"/>
  <c r="AE69651" i="1"/>
  <c r="AE69652" i="1"/>
  <c r="AE69653" i="1"/>
  <c r="AE69654" i="1"/>
  <c r="AE69655" i="1"/>
  <c r="AE69656" i="1"/>
  <c r="AE69657" i="1"/>
  <c r="AE69658" i="1"/>
  <c r="AE69659" i="1"/>
  <c r="AE69660" i="1"/>
  <c r="AE69661" i="1"/>
  <c r="AE69662" i="1"/>
  <c r="AE69663" i="1"/>
  <c r="AE69664" i="1"/>
  <c r="AE69665" i="1"/>
  <c r="AE69666" i="1"/>
  <c r="AE69667" i="1"/>
  <c r="AE69668" i="1"/>
  <c r="AE69669" i="1"/>
  <c r="AE69670" i="1"/>
  <c r="AE69671" i="1"/>
  <c r="AE69672" i="1"/>
  <c r="AE69673" i="1"/>
  <c r="AE69674" i="1"/>
  <c r="AE69675" i="1"/>
  <c r="AE69676" i="1"/>
  <c r="AE69677" i="1"/>
  <c r="AE69678" i="1"/>
  <c r="AE69679" i="1"/>
  <c r="AE69680" i="1"/>
  <c r="AE69681" i="1"/>
  <c r="AE69682" i="1"/>
  <c r="AE69683" i="1"/>
  <c r="AE69684" i="1"/>
  <c r="AE69685" i="1"/>
  <c r="AE69686" i="1"/>
  <c r="AE69687" i="1"/>
  <c r="AE69688" i="1"/>
  <c r="AE69689" i="1"/>
  <c r="AE69690" i="1"/>
  <c r="AE69691" i="1"/>
  <c r="AE69692" i="1"/>
  <c r="AE69693" i="1"/>
  <c r="AE69694" i="1"/>
  <c r="AE69695" i="1"/>
  <c r="AE69696" i="1"/>
  <c r="AE69697" i="1"/>
  <c r="AE69698" i="1"/>
  <c r="AE69699" i="1"/>
  <c r="AE69700" i="1"/>
  <c r="AE69701" i="1"/>
  <c r="AE69702" i="1"/>
  <c r="AE69703" i="1"/>
  <c r="AE69704" i="1"/>
  <c r="AE69705" i="1"/>
  <c r="AE69706" i="1"/>
  <c r="AE69707" i="1"/>
  <c r="AE69708" i="1"/>
  <c r="AE69709" i="1"/>
  <c r="AE69710" i="1"/>
  <c r="AE69711" i="1"/>
  <c r="AE69712" i="1"/>
  <c r="AE69713" i="1"/>
  <c r="AE69714" i="1"/>
  <c r="AE69715" i="1"/>
  <c r="AE69716" i="1"/>
  <c r="AE69717" i="1"/>
  <c r="AE69718" i="1"/>
  <c r="AE69719" i="1"/>
  <c r="AE69720" i="1"/>
  <c r="AE69721" i="1"/>
  <c r="AE69722" i="1"/>
  <c r="AE69723" i="1"/>
  <c r="AE69724" i="1"/>
  <c r="AE69725" i="1"/>
  <c r="AE69726" i="1"/>
  <c r="AE69727" i="1"/>
  <c r="AE69728" i="1"/>
  <c r="AE69729" i="1"/>
  <c r="AE69730" i="1"/>
  <c r="AE69731" i="1"/>
  <c r="AE69732" i="1"/>
  <c r="AE69733" i="1"/>
  <c r="AE69734" i="1"/>
  <c r="AE69735" i="1"/>
  <c r="AE69736" i="1"/>
  <c r="AE69737" i="1"/>
  <c r="AE69738" i="1"/>
  <c r="AE69739" i="1"/>
  <c r="AE69740" i="1"/>
  <c r="AE69741" i="1"/>
  <c r="AE69742" i="1"/>
  <c r="AE69743" i="1"/>
  <c r="AE69744" i="1"/>
  <c r="AE69745" i="1"/>
  <c r="AE69746" i="1"/>
  <c r="AE69747" i="1"/>
  <c r="AE69748" i="1"/>
  <c r="AE69749" i="1"/>
  <c r="AE69750" i="1"/>
  <c r="AE69751" i="1"/>
  <c r="AE69752" i="1"/>
  <c r="AE69753" i="1"/>
  <c r="AE69754" i="1"/>
  <c r="AE69755" i="1"/>
  <c r="AE69756" i="1"/>
  <c r="AE69757" i="1"/>
  <c r="AE69758" i="1"/>
  <c r="AE69759" i="1"/>
  <c r="AE69760" i="1"/>
  <c r="AE69761" i="1"/>
  <c r="AE69762" i="1"/>
  <c r="AE69763" i="1"/>
  <c r="AE69764" i="1"/>
  <c r="AE69765" i="1"/>
  <c r="AE69766" i="1"/>
  <c r="AE69767" i="1"/>
  <c r="AE69768" i="1"/>
  <c r="AE69769" i="1"/>
  <c r="AE69770" i="1"/>
  <c r="AE69771" i="1"/>
  <c r="AE69772" i="1"/>
  <c r="AE69773" i="1"/>
  <c r="AE69774" i="1"/>
  <c r="AE69775" i="1"/>
  <c r="AE69776" i="1"/>
  <c r="AE69777" i="1"/>
  <c r="AE69778" i="1"/>
  <c r="AE69779" i="1"/>
  <c r="AE69780" i="1"/>
  <c r="AE69781" i="1"/>
  <c r="AE69782" i="1"/>
  <c r="AE69783" i="1"/>
  <c r="AE69784" i="1"/>
  <c r="AE69785" i="1"/>
  <c r="AE69786" i="1"/>
  <c r="AE69787" i="1"/>
  <c r="AE69788" i="1"/>
  <c r="AE69789" i="1"/>
  <c r="AE69790" i="1"/>
  <c r="AE69791" i="1"/>
  <c r="AE69792" i="1"/>
  <c r="AE69793" i="1"/>
  <c r="AE69794" i="1"/>
  <c r="AE69795" i="1"/>
  <c r="AE69796" i="1"/>
  <c r="AE69797" i="1"/>
  <c r="AE69798" i="1"/>
  <c r="AE69799" i="1"/>
  <c r="AE69800" i="1"/>
  <c r="AE69801" i="1"/>
  <c r="AE69802" i="1"/>
  <c r="AE69803" i="1"/>
  <c r="AE69804" i="1"/>
  <c r="AE69805" i="1"/>
  <c r="AE69806" i="1"/>
  <c r="AE69807" i="1"/>
  <c r="AE69808" i="1"/>
  <c r="AE69809" i="1"/>
  <c r="AE69810" i="1"/>
  <c r="AE69811" i="1"/>
  <c r="AE69812" i="1"/>
  <c r="AE69813" i="1"/>
  <c r="AE69814" i="1"/>
  <c r="AE69815" i="1"/>
  <c r="AE69816" i="1"/>
  <c r="AE69817" i="1"/>
  <c r="AE69818" i="1"/>
  <c r="AE69819" i="1"/>
  <c r="AE69820" i="1"/>
  <c r="AE69821" i="1"/>
  <c r="AE69822" i="1"/>
  <c r="AE69823" i="1"/>
  <c r="AE69824" i="1"/>
  <c r="AE69825" i="1"/>
  <c r="AE69826" i="1"/>
  <c r="AE69827" i="1"/>
  <c r="AE69828" i="1"/>
  <c r="AE69829" i="1"/>
  <c r="AE69830" i="1"/>
  <c r="AE69831" i="1"/>
  <c r="AE69832" i="1"/>
  <c r="AE69833" i="1"/>
  <c r="AE69834" i="1"/>
  <c r="AE69835" i="1"/>
  <c r="AE69836" i="1"/>
  <c r="AE69837" i="1"/>
  <c r="AE69838" i="1"/>
  <c r="AE69839" i="1"/>
  <c r="AE69840" i="1"/>
  <c r="AE69841" i="1"/>
  <c r="AE69842" i="1"/>
  <c r="AE69843" i="1"/>
  <c r="AE69844" i="1"/>
  <c r="AE69845" i="1"/>
  <c r="AE69846" i="1"/>
  <c r="AE69847" i="1"/>
  <c r="AE69848" i="1"/>
  <c r="AE69849" i="1"/>
  <c r="AE69850" i="1"/>
  <c r="AE69851" i="1"/>
  <c r="AE69852" i="1"/>
  <c r="AE69853" i="1"/>
  <c r="AE69854" i="1"/>
  <c r="AE69855" i="1"/>
  <c r="AE69856" i="1"/>
  <c r="AE69857" i="1"/>
  <c r="AE69858" i="1"/>
  <c r="AE69859" i="1"/>
  <c r="AE69860" i="1"/>
  <c r="AE69861" i="1"/>
  <c r="AE69862" i="1"/>
  <c r="AE69863" i="1"/>
  <c r="AE69864" i="1"/>
  <c r="AE69865" i="1"/>
  <c r="AE69866" i="1"/>
  <c r="AE69867" i="1"/>
  <c r="AE69868" i="1"/>
  <c r="AE69869" i="1"/>
  <c r="AE69870" i="1"/>
  <c r="AE69871" i="1"/>
  <c r="AE69872" i="1"/>
  <c r="AE69873" i="1"/>
  <c r="AE69874" i="1"/>
  <c r="AE69875" i="1"/>
  <c r="AE69876" i="1"/>
  <c r="AE69877" i="1"/>
  <c r="AE69878" i="1"/>
  <c r="AE69879" i="1"/>
  <c r="AE69880" i="1"/>
  <c r="AE69881" i="1"/>
  <c r="AE69882" i="1"/>
  <c r="AE69883" i="1"/>
  <c r="AE69884" i="1"/>
  <c r="AE69885" i="1"/>
  <c r="AE69886" i="1"/>
  <c r="AE69887" i="1"/>
  <c r="AE69888" i="1"/>
  <c r="AE69889" i="1"/>
  <c r="AE69890" i="1"/>
  <c r="AE69891" i="1"/>
  <c r="AE69892" i="1"/>
  <c r="AE69893" i="1"/>
  <c r="AE69894" i="1"/>
  <c r="AE69895" i="1"/>
  <c r="AE69896" i="1"/>
  <c r="AE69897" i="1"/>
  <c r="AE69898" i="1"/>
  <c r="AE69899" i="1"/>
  <c r="AE69900" i="1"/>
  <c r="AE69901" i="1"/>
  <c r="AE69902" i="1"/>
  <c r="AE69903" i="1"/>
  <c r="AE69904" i="1"/>
  <c r="AE69905" i="1"/>
  <c r="AE69906" i="1"/>
  <c r="AE69907" i="1"/>
  <c r="AE69908" i="1"/>
  <c r="AE69909" i="1"/>
  <c r="AE69910" i="1"/>
  <c r="AE69911" i="1"/>
  <c r="AE69912" i="1"/>
  <c r="AE69913" i="1"/>
  <c r="AE69914" i="1"/>
  <c r="AE69915" i="1"/>
  <c r="AE69916" i="1"/>
  <c r="AE69917" i="1"/>
  <c r="AE69918" i="1"/>
  <c r="AE69919" i="1"/>
  <c r="AE69920" i="1"/>
  <c r="AE69921" i="1"/>
  <c r="AE69922" i="1"/>
  <c r="AE69923" i="1"/>
  <c r="AE69924" i="1"/>
  <c r="AE69925" i="1"/>
  <c r="AE69926" i="1"/>
  <c r="AE69927" i="1"/>
  <c r="AE69928" i="1"/>
  <c r="AE69929" i="1"/>
  <c r="AE69930" i="1"/>
  <c r="AE69931" i="1"/>
  <c r="AE69932" i="1"/>
  <c r="AE69933" i="1"/>
  <c r="AE69934" i="1"/>
  <c r="AE69935" i="1"/>
  <c r="AE69936" i="1"/>
  <c r="AE69937" i="1"/>
  <c r="AE69938" i="1"/>
  <c r="AE69939" i="1"/>
  <c r="AE69940" i="1"/>
  <c r="AE69941" i="1"/>
  <c r="AE69942" i="1"/>
  <c r="AE69943" i="1"/>
  <c r="AE69944" i="1"/>
  <c r="AE69945" i="1"/>
  <c r="AE69946" i="1"/>
  <c r="AE69947" i="1"/>
  <c r="AE69948" i="1"/>
  <c r="AE69949" i="1"/>
  <c r="AE69950" i="1"/>
  <c r="AE69951" i="1"/>
  <c r="AE69952" i="1"/>
  <c r="AE69953" i="1"/>
  <c r="AE69954" i="1"/>
  <c r="AE69955" i="1"/>
  <c r="AE69956" i="1"/>
  <c r="AE69957" i="1"/>
  <c r="AE69958" i="1"/>
  <c r="AE69959" i="1"/>
  <c r="AE69960" i="1"/>
  <c r="AE69961" i="1"/>
  <c r="AE69962" i="1"/>
  <c r="AE69963" i="1"/>
  <c r="AE69964" i="1"/>
  <c r="AE69965" i="1"/>
  <c r="AE69966" i="1"/>
  <c r="AE69967" i="1"/>
  <c r="AE69968" i="1"/>
  <c r="AE69969" i="1"/>
  <c r="AE69970" i="1"/>
  <c r="AE69971" i="1"/>
  <c r="AE69972" i="1"/>
  <c r="AE69973" i="1"/>
  <c r="AE69974" i="1"/>
  <c r="AE69975" i="1"/>
  <c r="AE69976" i="1"/>
  <c r="AE69977" i="1"/>
  <c r="AE69978" i="1"/>
  <c r="AE69979" i="1"/>
  <c r="AE69980" i="1"/>
  <c r="AE69981" i="1"/>
  <c r="AE69982" i="1"/>
  <c r="AE69983" i="1"/>
  <c r="AE69984" i="1"/>
  <c r="AE69985" i="1"/>
  <c r="AE69986" i="1"/>
  <c r="AE69987" i="1"/>
  <c r="AE69988" i="1"/>
  <c r="AE69989" i="1"/>
  <c r="AE69990" i="1"/>
  <c r="AE69991" i="1"/>
  <c r="AE69992" i="1"/>
  <c r="AE69993" i="1"/>
  <c r="AE69994" i="1"/>
  <c r="AE69995" i="1"/>
  <c r="AE69996" i="1"/>
  <c r="AE69997" i="1"/>
  <c r="AE69998" i="1"/>
  <c r="AE69999" i="1"/>
  <c r="AE70000" i="1"/>
  <c r="AE70001" i="1"/>
  <c r="AE70002" i="1"/>
  <c r="AE70003" i="1"/>
  <c r="AE70004" i="1"/>
  <c r="AE70005" i="1"/>
  <c r="AE70006" i="1"/>
  <c r="AE70007" i="1"/>
  <c r="AE70008" i="1"/>
  <c r="AE70009" i="1"/>
  <c r="AE70010" i="1"/>
  <c r="AE70011" i="1"/>
  <c r="AE70012" i="1"/>
  <c r="AE70013" i="1"/>
  <c r="AE70014" i="1"/>
  <c r="AE70015" i="1"/>
  <c r="AE70016" i="1"/>
  <c r="AE70017" i="1"/>
  <c r="AE70018" i="1"/>
  <c r="AE70019" i="1"/>
  <c r="AE70020" i="1"/>
  <c r="AE70021" i="1"/>
  <c r="AE70022" i="1"/>
  <c r="AE70023" i="1"/>
  <c r="AE70024" i="1"/>
  <c r="AE70025" i="1"/>
  <c r="AE70026" i="1"/>
  <c r="AE70027" i="1"/>
  <c r="AE70028" i="1"/>
  <c r="AE70029" i="1"/>
  <c r="AE70030" i="1"/>
  <c r="AE70031" i="1"/>
  <c r="AE70032" i="1"/>
  <c r="AE70033" i="1"/>
  <c r="AE70034" i="1"/>
  <c r="AE70035" i="1"/>
  <c r="AE70036" i="1"/>
  <c r="AE70037" i="1"/>
  <c r="AE70038" i="1"/>
  <c r="AE70039" i="1"/>
  <c r="AE70040" i="1"/>
  <c r="AE70041" i="1"/>
  <c r="AE70042" i="1"/>
  <c r="AE70043" i="1"/>
  <c r="AE70044" i="1"/>
  <c r="AE70045" i="1"/>
  <c r="AE70046" i="1"/>
  <c r="AE70047" i="1"/>
  <c r="AE70048" i="1"/>
  <c r="AE70049" i="1"/>
  <c r="AE70050" i="1"/>
  <c r="AE70051" i="1"/>
  <c r="AE70052" i="1"/>
  <c r="AE70053" i="1"/>
  <c r="AE70054" i="1"/>
  <c r="AE70055" i="1"/>
  <c r="AE70056" i="1"/>
  <c r="AE70057" i="1"/>
  <c r="AE70058" i="1"/>
  <c r="AE70059" i="1"/>
  <c r="AE70060" i="1"/>
  <c r="AE70061" i="1"/>
  <c r="AE70062" i="1"/>
  <c r="AE70063" i="1"/>
  <c r="AE70064" i="1"/>
  <c r="AE70065" i="1"/>
  <c r="AE70066" i="1"/>
  <c r="AE70067" i="1"/>
  <c r="AE70068" i="1"/>
  <c r="AE70069" i="1"/>
  <c r="AE70070" i="1"/>
  <c r="AE70071" i="1"/>
  <c r="AE70072" i="1"/>
  <c r="AE70073" i="1"/>
  <c r="AE70074" i="1"/>
  <c r="AE70075" i="1"/>
  <c r="AE70076" i="1"/>
  <c r="AE70077" i="1"/>
  <c r="AE70078" i="1"/>
  <c r="AE70079" i="1"/>
  <c r="AE70080" i="1"/>
  <c r="AE70081" i="1"/>
  <c r="AE70082" i="1"/>
  <c r="AE70083" i="1"/>
  <c r="AE70084" i="1"/>
  <c r="AE70085" i="1"/>
  <c r="AE70086" i="1"/>
  <c r="AE70087" i="1"/>
  <c r="AE70088" i="1"/>
  <c r="AE70089" i="1"/>
  <c r="AE70090" i="1"/>
  <c r="AE70091" i="1"/>
  <c r="AE70092" i="1"/>
  <c r="AE70093" i="1"/>
  <c r="AE70094" i="1"/>
  <c r="AE70095" i="1"/>
  <c r="AE70096" i="1"/>
  <c r="AE70097" i="1"/>
  <c r="AE70098" i="1"/>
  <c r="AE70099" i="1"/>
  <c r="AE70100" i="1"/>
  <c r="AE70101" i="1"/>
  <c r="AE70102" i="1"/>
  <c r="AE70103" i="1"/>
  <c r="AE70104" i="1"/>
  <c r="AE70105" i="1"/>
  <c r="AE70106" i="1"/>
  <c r="AE70107" i="1"/>
  <c r="AE70108" i="1"/>
  <c r="AE70109" i="1"/>
  <c r="AE70110" i="1"/>
  <c r="AE70111" i="1"/>
  <c r="AE70112" i="1"/>
  <c r="AE70113" i="1"/>
  <c r="AE70114" i="1"/>
  <c r="AE70115" i="1"/>
  <c r="AE70116" i="1"/>
  <c r="AE70117" i="1"/>
  <c r="AE70118" i="1"/>
  <c r="AE70119" i="1"/>
  <c r="AE70120" i="1"/>
  <c r="AE70121" i="1"/>
  <c r="AE70122" i="1"/>
  <c r="AE70123" i="1"/>
  <c r="AE70124" i="1"/>
  <c r="AE70125" i="1"/>
  <c r="AE70126" i="1"/>
  <c r="AE70127" i="1"/>
  <c r="AE70128" i="1"/>
  <c r="AE70129" i="1"/>
  <c r="AE70130" i="1"/>
  <c r="AE70131" i="1"/>
  <c r="AE70132" i="1"/>
  <c r="AE70133" i="1"/>
  <c r="AE70134" i="1"/>
  <c r="AE70135" i="1"/>
  <c r="AE70136" i="1"/>
  <c r="AE70137" i="1"/>
  <c r="AE70138" i="1"/>
  <c r="AE70139" i="1"/>
  <c r="AE70140" i="1"/>
  <c r="AE70141" i="1"/>
  <c r="AE70142" i="1"/>
  <c r="AE70143" i="1"/>
  <c r="AE70144" i="1"/>
  <c r="AE70145" i="1"/>
  <c r="AE70146" i="1"/>
  <c r="AE70147" i="1"/>
  <c r="AE70148" i="1"/>
  <c r="AE70149" i="1"/>
  <c r="AE70150" i="1"/>
  <c r="AE70151" i="1"/>
  <c r="AE70152" i="1"/>
  <c r="AE70153" i="1"/>
  <c r="AE70154" i="1"/>
  <c r="AE70155" i="1"/>
  <c r="AE70156" i="1"/>
  <c r="AE70157" i="1"/>
  <c r="AE70158" i="1"/>
  <c r="AE70159" i="1"/>
  <c r="AE70160" i="1"/>
  <c r="AE70161" i="1"/>
  <c r="AE70162" i="1"/>
  <c r="AE70163" i="1"/>
  <c r="AE70164" i="1"/>
  <c r="AE70165" i="1"/>
  <c r="AE70166" i="1"/>
  <c r="AE70167" i="1"/>
  <c r="AE70168" i="1"/>
  <c r="AE70169" i="1"/>
  <c r="AE70170" i="1"/>
  <c r="AE70171" i="1"/>
  <c r="AE70172" i="1"/>
  <c r="AE70173" i="1"/>
  <c r="AE70174" i="1"/>
  <c r="AE70175" i="1"/>
  <c r="AE70176" i="1"/>
  <c r="AE70177" i="1"/>
  <c r="AE70178" i="1"/>
  <c r="AE70179" i="1"/>
  <c r="AE70180" i="1"/>
  <c r="AE70181" i="1"/>
  <c r="AE70182" i="1"/>
  <c r="AE70183" i="1"/>
  <c r="AE70184" i="1"/>
  <c r="AE70185" i="1"/>
  <c r="AE70186" i="1"/>
  <c r="AE70187" i="1"/>
  <c r="AE70188" i="1"/>
  <c r="AE70189" i="1"/>
  <c r="AE70190" i="1"/>
  <c r="AE70191" i="1"/>
  <c r="AE70192" i="1"/>
  <c r="AE70193" i="1"/>
  <c r="AE70194" i="1"/>
  <c r="AE70195" i="1"/>
  <c r="AE70196" i="1"/>
  <c r="AE70197" i="1"/>
  <c r="AE70198" i="1"/>
  <c r="AE70199" i="1"/>
  <c r="AE70200" i="1"/>
  <c r="AE70201" i="1"/>
  <c r="AE70202" i="1"/>
  <c r="AE70203" i="1"/>
  <c r="AE70204" i="1"/>
  <c r="AE70205" i="1"/>
  <c r="AE70206" i="1"/>
  <c r="AE70207" i="1"/>
  <c r="AE70208" i="1"/>
  <c r="AE70209" i="1"/>
  <c r="AE70210" i="1"/>
  <c r="AE70211" i="1"/>
  <c r="AE70212" i="1"/>
  <c r="AE70213" i="1"/>
  <c r="AE70214" i="1"/>
  <c r="AE70215" i="1"/>
  <c r="AE70216" i="1"/>
  <c r="AE70217" i="1"/>
  <c r="AE70218" i="1"/>
  <c r="AE70219" i="1"/>
  <c r="AE70220" i="1"/>
  <c r="AE70221" i="1"/>
  <c r="AE70222" i="1"/>
  <c r="AE70223" i="1"/>
  <c r="AE70224" i="1"/>
  <c r="AE70225" i="1"/>
  <c r="AE70226" i="1"/>
  <c r="AE70227" i="1"/>
  <c r="AE70228" i="1"/>
  <c r="AE70229" i="1"/>
  <c r="AE70230" i="1"/>
  <c r="AE70231" i="1"/>
  <c r="AE70232" i="1"/>
  <c r="AE70233" i="1"/>
  <c r="AE70234" i="1"/>
  <c r="AE70235" i="1"/>
  <c r="AE70236" i="1"/>
  <c r="AE70237" i="1"/>
  <c r="AE70238" i="1"/>
  <c r="AE70239" i="1"/>
  <c r="AE70240" i="1"/>
  <c r="AE70241" i="1"/>
  <c r="AE70242" i="1"/>
  <c r="AE70243" i="1"/>
  <c r="AE70244" i="1"/>
  <c r="AE70245" i="1"/>
  <c r="AE70246" i="1"/>
  <c r="AE70247" i="1"/>
  <c r="AE70248" i="1"/>
  <c r="AE70249" i="1"/>
  <c r="AE70250" i="1"/>
  <c r="AE70251" i="1"/>
  <c r="AE70252" i="1"/>
  <c r="AE70253" i="1"/>
  <c r="AE70254" i="1"/>
  <c r="AE70255" i="1"/>
  <c r="AE70256" i="1"/>
  <c r="AE70257" i="1"/>
  <c r="AE70258" i="1"/>
  <c r="AE70259" i="1"/>
  <c r="AE70260" i="1"/>
  <c r="AE70261" i="1"/>
  <c r="AE70262" i="1"/>
  <c r="AE70263" i="1"/>
  <c r="AE70264" i="1"/>
  <c r="AE70265" i="1"/>
  <c r="AE70266" i="1"/>
  <c r="AE70267" i="1"/>
  <c r="AE70268" i="1"/>
  <c r="AE70269" i="1"/>
  <c r="AE70270" i="1"/>
  <c r="AE70271" i="1"/>
  <c r="AE70272" i="1"/>
  <c r="AE70273" i="1"/>
  <c r="AE70274" i="1"/>
  <c r="AE70275" i="1"/>
  <c r="AE70276" i="1"/>
  <c r="AE70277" i="1"/>
  <c r="AE70278" i="1"/>
  <c r="AE70279" i="1"/>
  <c r="AE70280" i="1"/>
  <c r="AE70281" i="1"/>
  <c r="AE70282" i="1"/>
  <c r="AE70283" i="1"/>
  <c r="AE70284" i="1"/>
  <c r="AE70285" i="1"/>
  <c r="AE70286" i="1"/>
  <c r="AE70287" i="1"/>
  <c r="AE70288" i="1"/>
  <c r="AE70289" i="1"/>
  <c r="AE70290" i="1"/>
  <c r="AE70291" i="1"/>
  <c r="AE70292" i="1"/>
  <c r="AE70293" i="1"/>
  <c r="AE70294" i="1"/>
  <c r="AE70295" i="1"/>
  <c r="AE70296" i="1"/>
  <c r="AE70297" i="1"/>
  <c r="AE70298" i="1"/>
  <c r="AE70299" i="1"/>
  <c r="AE70300" i="1"/>
  <c r="AE70301" i="1"/>
  <c r="AE70302" i="1"/>
  <c r="AE70303" i="1"/>
  <c r="AE70304" i="1"/>
  <c r="AE70305" i="1"/>
  <c r="AE70306" i="1"/>
  <c r="AE70307" i="1"/>
  <c r="AE70308" i="1"/>
  <c r="AE70309" i="1"/>
  <c r="AE70310" i="1"/>
  <c r="AE70311" i="1"/>
  <c r="AE70312" i="1"/>
  <c r="AE70313" i="1"/>
  <c r="AE70314" i="1"/>
  <c r="AE70315" i="1"/>
  <c r="AE70316" i="1"/>
  <c r="AE70317" i="1"/>
  <c r="AE70318" i="1"/>
  <c r="AE70319" i="1"/>
  <c r="AE70320" i="1"/>
  <c r="AE70321" i="1"/>
  <c r="AE70322" i="1"/>
  <c r="AE70323" i="1"/>
  <c r="AE70324" i="1"/>
  <c r="AE70325" i="1"/>
  <c r="AE70326" i="1"/>
  <c r="AE70327" i="1"/>
  <c r="AE70328" i="1"/>
  <c r="AE70329" i="1"/>
  <c r="AE70330" i="1"/>
  <c r="AE70331" i="1"/>
  <c r="AE70332" i="1"/>
  <c r="AE70333" i="1"/>
  <c r="AE70334" i="1"/>
  <c r="AE70335" i="1"/>
  <c r="AE70336" i="1"/>
  <c r="AE70337" i="1"/>
  <c r="AE70338" i="1"/>
  <c r="AE70339" i="1"/>
  <c r="AE70340" i="1"/>
  <c r="AE70341" i="1"/>
  <c r="AE70342" i="1"/>
  <c r="AE70343" i="1"/>
  <c r="AE70344" i="1"/>
  <c r="AE70345" i="1"/>
  <c r="AE70346" i="1"/>
  <c r="AE70347" i="1"/>
  <c r="AE70348" i="1"/>
  <c r="AE70349" i="1"/>
  <c r="AE70350" i="1"/>
  <c r="AE70351" i="1"/>
  <c r="AE70352" i="1"/>
  <c r="AE70353" i="1"/>
  <c r="AE70354" i="1"/>
  <c r="AE70355" i="1"/>
  <c r="AE70356" i="1"/>
  <c r="AE70357" i="1"/>
  <c r="AE70358" i="1"/>
  <c r="AE70359" i="1"/>
  <c r="AE70360" i="1"/>
  <c r="AE70361" i="1"/>
  <c r="AE70362" i="1"/>
  <c r="AE70363" i="1"/>
  <c r="AE70364" i="1"/>
  <c r="AE70365" i="1"/>
  <c r="AE70366" i="1"/>
  <c r="AE70367" i="1"/>
  <c r="AE70368" i="1"/>
  <c r="AE70369" i="1"/>
  <c r="AE70370" i="1"/>
  <c r="AE70371" i="1"/>
  <c r="AE70372" i="1"/>
  <c r="AE70373" i="1"/>
  <c r="AE70374" i="1"/>
  <c r="AE70375" i="1"/>
  <c r="AE70376" i="1"/>
  <c r="AE70377" i="1"/>
  <c r="AE70378" i="1"/>
  <c r="AE70379" i="1"/>
  <c r="AE70380" i="1"/>
  <c r="AE70381" i="1"/>
  <c r="AE70382" i="1"/>
  <c r="AE70383" i="1"/>
  <c r="AE70384" i="1"/>
  <c r="AE70385" i="1"/>
  <c r="AE70386" i="1"/>
  <c r="AE70387" i="1"/>
  <c r="AE70388" i="1"/>
  <c r="AE70389" i="1"/>
  <c r="AE70390" i="1"/>
  <c r="AE70391" i="1"/>
  <c r="AE70392" i="1"/>
  <c r="AE70393" i="1"/>
  <c r="AE70394" i="1"/>
  <c r="AE70395" i="1"/>
  <c r="AE70396" i="1"/>
  <c r="AE70397" i="1"/>
  <c r="AE70398" i="1"/>
  <c r="AE70399" i="1"/>
  <c r="AE70400" i="1"/>
  <c r="AE70401" i="1"/>
  <c r="AE70402" i="1"/>
  <c r="AE70403" i="1"/>
  <c r="AE70404" i="1"/>
  <c r="AE70405" i="1"/>
  <c r="AE70406" i="1"/>
  <c r="AE70407" i="1"/>
  <c r="AE70408" i="1"/>
  <c r="AE70409" i="1"/>
  <c r="AE70410" i="1"/>
  <c r="AE70411" i="1"/>
  <c r="AE70412" i="1"/>
  <c r="AE70413" i="1"/>
  <c r="AE70414" i="1"/>
  <c r="AE70415" i="1"/>
  <c r="AE70416" i="1"/>
  <c r="AE70417" i="1"/>
  <c r="AE70418" i="1"/>
  <c r="AE70419" i="1"/>
  <c r="AE70420" i="1"/>
  <c r="AE70421" i="1"/>
  <c r="AE70422" i="1"/>
  <c r="AE70423" i="1"/>
  <c r="AE70424" i="1"/>
  <c r="AE70425" i="1"/>
  <c r="AE70426" i="1"/>
  <c r="AE70427" i="1"/>
  <c r="AE70428" i="1"/>
  <c r="AE70429" i="1"/>
  <c r="AE70430" i="1"/>
  <c r="AE70431" i="1"/>
  <c r="AE70432" i="1"/>
  <c r="AE70433" i="1"/>
  <c r="AE70434" i="1"/>
  <c r="AE70435" i="1"/>
  <c r="AE70436" i="1"/>
  <c r="AE70437" i="1"/>
  <c r="AE70438" i="1"/>
  <c r="AE70439" i="1"/>
  <c r="AE70440" i="1"/>
  <c r="AE70441" i="1"/>
  <c r="AE70442" i="1"/>
  <c r="AE70443" i="1"/>
  <c r="AE70444" i="1"/>
  <c r="AE70445" i="1"/>
  <c r="AE70446" i="1"/>
  <c r="AE70447" i="1"/>
  <c r="AE70448" i="1"/>
  <c r="AE70449" i="1"/>
  <c r="AE70450" i="1"/>
  <c r="AE70451" i="1"/>
  <c r="AE70452" i="1"/>
  <c r="AE70453" i="1"/>
  <c r="AE70454" i="1"/>
  <c r="AE70455" i="1"/>
  <c r="AE70456" i="1"/>
  <c r="AE70457" i="1"/>
  <c r="AE70458" i="1"/>
  <c r="AE70459" i="1"/>
  <c r="AE70460" i="1"/>
  <c r="AE70461" i="1"/>
  <c r="AE70462" i="1"/>
  <c r="AE70463" i="1"/>
  <c r="AE70464" i="1"/>
  <c r="AE70465" i="1"/>
  <c r="AE70466" i="1"/>
  <c r="AE70467" i="1"/>
  <c r="AE70468" i="1"/>
  <c r="AE70469" i="1"/>
  <c r="AE70470" i="1"/>
  <c r="AE70471" i="1"/>
  <c r="AE70472" i="1"/>
  <c r="AE70473" i="1"/>
  <c r="AE70474" i="1"/>
  <c r="AE70475" i="1"/>
  <c r="AE70476" i="1"/>
  <c r="AE70477" i="1"/>
  <c r="AE70478" i="1"/>
  <c r="AE70479" i="1"/>
  <c r="AE70480" i="1"/>
  <c r="AE70481" i="1"/>
  <c r="AE70482" i="1"/>
  <c r="AE70483" i="1"/>
  <c r="AE70484" i="1"/>
  <c r="AE70485" i="1"/>
  <c r="AE70486" i="1"/>
  <c r="AE70487" i="1"/>
  <c r="AE70488" i="1"/>
  <c r="AE70489" i="1"/>
  <c r="AE70490" i="1"/>
  <c r="AE70491" i="1"/>
  <c r="AE70492" i="1"/>
  <c r="AE70493" i="1"/>
  <c r="AE70494" i="1"/>
  <c r="AE70495" i="1"/>
  <c r="AE70496" i="1"/>
  <c r="AE70497" i="1"/>
  <c r="AE70498" i="1"/>
  <c r="AE70499" i="1"/>
  <c r="AE70500" i="1"/>
  <c r="AE70501" i="1"/>
  <c r="AE70502" i="1"/>
  <c r="AE70503" i="1"/>
  <c r="AE70504" i="1"/>
  <c r="AE70505" i="1"/>
  <c r="AE70506" i="1"/>
  <c r="AE70507" i="1"/>
  <c r="AE70508" i="1"/>
  <c r="AE70509" i="1"/>
  <c r="AE70510" i="1"/>
  <c r="AE70511" i="1"/>
  <c r="AE70512" i="1"/>
  <c r="AE70513" i="1"/>
  <c r="AE70514" i="1"/>
  <c r="AE70515" i="1"/>
  <c r="AE70516" i="1"/>
  <c r="AE70517" i="1"/>
  <c r="AE70518" i="1"/>
  <c r="AE70519" i="1"/>
  <c r="AE70520" i="1"/>
  <c r="AE70521" i="1"/>
  <c r="AE70522" i="1"/>
  <c r="AE70523" i="1"/>
  <c r="AE70524" i="1"/>
  <c r="AE70525" i="1"/>
  <c r="AE70526" i="1"/>
  <c r="AE70527" i="1"/>
  <c r="AE70528" i="1"/>
  <c r="AE70529" i="1"/>
  <c r="AE70530" i="1"/>
  <c r="AE70531" i="1"/>
  <c r="AE70532" i="1"/>
  <c r="AE70533" i="1"/>
  <c r="AE70534" i="1"/>
  <c r="AE70535" i="1"/>
  <c r="AE70536" i="1"/>
  <c r="AE70537" i="1"/>
  <c r="AE70538" i="1"/>
  <c r="AE70539" i="1"/>
  <c r="AE70540" i="1"/>
  <c r="AE70541" i="1"/>
  <c r="AE70542" i="1"/>
  <c r="AE70543" i="1"/>
  <c r="AE70544" i="1"/>
  <c r="AE70545" i="1"/>
  <c r="AE70546" i="1"/>
  <c r="AE70547" i="1"/>
  <c r="AE70548" i="1"/>
  <c r="AE70549" i="1"/>
  <c r="AE70550" i="1"/>
  <c r="AE70551" i="1"/>
  <c r="AE70552" i="1"/>
  <c r="AE70553" i="1"/>
  <c r="AE70554" i="1"/>
  <c r="AE70555" i="1"/>
  <c r="AE70556" i="1"/>
  <c r="AE70557" i="1"/>
  <c r="AE70558" i="1"/>
  <c r="AE70559" i="1"/>
  <c r="AE70560" i="1"/>
  <c r="AE70561" i="1"/>
  <c r="AE70562" i="1"/>
  <c r="AE70563" i="1"/>
  <c r="AE70564" i="1"/>
  <c r="AE70565" i="1"/>
  <c r="AE70566" i="1"/>
  <c r="AE70567" i="1"/>
  <c r="AE70568" i="1"/>
  <c r="AE70569" i="1"/>
  <c r="AE70570" i="1"/>
  <c r="AE70571" i="1"/>
  <c r="AE70572" i="1"/>
  <c r="AE70573" i="1"/>
  <c r="AE70574" i="1"/>
  <c r="AE70575" i="1"/>
  <c r="AE70576" i="1"/>
  <c r="AE70577" i="1"/>
  <c r="AE70578" i="1"/>
  <c r="AE70579" i="1"/>
  <c r="AE70580" i="1"/>
  <c r="AE70581" i="1"/>
  <c r="AE70582" i="1"/>
  <c r="AE70583" i="1"/>
  <c r="AE70584" i="1"/>
  <c r="AE70585" i="1"/>
  <c r="AE70586" i="1"/>
  <c r="AE70587" i="1"/>
  <c r="AE70588" i="1"/>
  <c r="AE70589" i="1"/>
  <c r="AE70590" i="1"/>
  <c r="AE70591" i="1"/>
  <c r="AE70592" i="1"/>
  <c r="AE70593" i="1"/>
  <c r="AE70594" i="1"/>
  <c r="AE70595" i="1"/>
  <c r="AE70596" i="1"/>
  <c r="AE70597" i="1"/>
  <c r="AE70598" i="1"/>
  <c r="AE70599" i="1"/>
  <c r="AE70600" i="1"/>
  <c r="AE70601" i="1"/>
  <c r="AE70602" i="1"/>
  <c r="AE70603" i="1"/>
  <c r="AE70604" i="1"/>
  <c r="AE70605" i="1"/>
  <c r="AE70606" i="1"/>
  <c r="AE70607" i="1"/>
  <c r="AE70608" i="1"/>
  <c r="AE70609" i="1"/>
  <c r="AE70610" i="1"/>
  <c r="AE70611" i="1"/>
  <c r="AE70612" i="1"/>
  <c r="AE70613" i="1"/>
  <c r="AE70614" i="1"/>
  <c r="AE70615" i="1"/>
  <c r="AE70616" i="1"/>
  <c r="AE70617" i="1"/>
  <c r="AE70618" i="1"/>
  <c r="AE70619" i="1"/>
  <c r="AE70620" i="1"/>
  <c r="AE70621" i="1"/>
  <c r="AE70622" i="1"/>
  <c r="AE70623" i="1"/>
  <c r="AE70624" i="1"/>
  <c r="AE70625" i="1"/>
  <c r="AE70626" i="1"/>
  <c r="AE70627" i="1"/>
  <c r="AE70628" i="1"/>
  <c r="AE70629" i="1"/>
  <c r="AE70630" i="1"/>
  <c r="AE70631" i="1"/>
  <c r="AE70632" i="1"/>
  <c r="AE70633" i="1"/>
  <c r="AE70634" i="1"/>
  <c r="AE70635" i="1"/>
  <c r="AE70636" i="1"/>
  <c r="AE70637" i="1"/>
  <c r="AE70638" i="1"/>
  <c r="AE70639" i="1"/>
  <c r="AE70640" i="1"/>
  <c r="AE70641" i="1"/>
  <c r="AE70642" i="1"/>
  <c r="AE70643" i="1"/>
  <c r="AE70644" i="1"/>
  <c r="AE70645" i="1"/>
  <c r="AE70646" i="1"/>
  <c r="AE70647" i="1"/>
  <c r="AE70648" i="1"/>
  <c r="AE70649" i="1"/>
  <c r="AE70650" i="1"/>
  <c r="AE70651" i="1"/>
  <c r="AE70652" i="1"/>
  <c r="AE70653" i="1"/>
  <c r="AE70654" i="1"/>
  <c r="AE70655" i="1"/>
  <c r="AE70656" i="1"/>
  <c r="AE70657" i="1"/>
  <c r="AE70658" i="1"/>
  <c r="AE70659" i="1"/>
  <c r="AE70660" i="1"/>
  <c r="AE70661" i="1"/>
  <c r="AE70662" i="1"/>
  <c r="AE70663" i="1"/>
  <c r="AE70664" i="1"/>
  <c r="AE70665" i="1"/>
  <c r="AE70666" i="1"/>
  <c r="AE70667" i="1"/>
  <c r="AE70668" i="1"/>
  <c r="AE70669" i="1"/>
  <c r="AE70670" i="1"/>
  <c r="AE70671" i="1"/>
  <c r="AE70672" i="1"/>
  <c r="AE70673" i="1"/>
  <c r="AE70674" i="1"/>
  <c r="AE70675" i="1"/>
  <c r="AE70676" i="1"/>
  <c r="AE70677" i="1"/>
  <c r="AE70678" i="1"/>
  <c r="AE70679" i="1"/>
  <c r="AE70680" i="1"/>
  <c r="AE70681" i="1"/>
  <c r="AE70682" i="1"/>
  <c r="AE70683" i="1"/>
  <c r="AE70684" i="1"/>
  <c r="AE70685" i="1"/>
  <c r="AE70686" i="1"/>
  <c r="AE70687" i="1"/>
  <c r="AE70688" i="1"/>
  <c r="AE70689" i="1"/>
  <c r="AE70690" i="1"/>
  <c r="AE70691" i="1"/>
  <c r="AE70692" i="1"/>
  <c r="AE70693" i="1"/>
  <c r="AE70694" i="1"/>
  <c r="AE70695" i="1"/>
  <c r="AE70696" i="1"/>
  <c r="AE70697" i="1"/>
  <c r="AE70698" i="1"/>
  <c r="AE70699" i="1"/>
  <c r="AE70700" i="1"/>
  <c r="AE70701" i="1"/>
  <c r="AE70702" i="1"/>
  <c r="AE70703" i="1"/>
  <c r="AE70704" i="1"/>
  <c r="AE70705" i="1"/>
  <c r="AE70706" i="1"/>
  <c r="AE70707" i="1"/>
  <c r="AE70708" i="1"/>
  <c r="AE70709" i="1"/>
  <c r="AE70710" i="1"/>
  <c r="AE70711" i="1"/>
  <c r="AE70712" i="1"/>
  <c r="AE70713" i="1"/>
  <c r="AE70714" i="1"/>
  <c r="AE70715" i="1"/>
  <c r="AE70716" i="1"/>
  <c r="AE70717" i="1"/>
  <c r="AE70718" i="1"/>
  <c r="AE70719" i="1"/>
  <c r="AE70720" i="1"/>
  <c r="AE70721" i="1"/>
  <c r="AE70722" i="1"/>
  <c r="AE70723" i="1"/>
  <c r="AE70724" i="1"/>
  <c r="AE70725" i="1"/>
  <c r="AE70726" i="1"/>
  <c r="AE70727" i="1"/>
  <c r="AE70728" i="1"/>
  <c r="AE70729" i="1"/>
  <c r="AE70730" i="1"/>
  <c r="AE70731" i="1"/>
  <c r="AE70732" i="1"/>
  <c r="AE70733" i="1"/>
  <c r="AE70734" i="1"/>
  <c r="AE70735" i="1"/>
  <c r="AE70736" i="1"/>
  <c r="AE70737" i="1"/>
  <c r="AE70738" i="1"/>
  <c r="AE70739" i="1"/>
  <c r="AE70740" i="1"/>
  <c r="AE70741" i="1"/>
  <c r="AE70742" i="1"/>
  <c r="AE70743" i="1"/>
  <c r="AE70744" i="1"/>
  <c r="AE70745" i="1"/>
  <c r="AE70746" i="1"/>
  <c r="AE70747" i="1"/>
  <c r="AE70748" i="1"/>
  <c r="AE70749" i="1"/>
  <c r="AE70750" i="1"/>
  <c r="AE70751" i="1"/>
  <c r="AE70752" i="1"/>
  <c r="AE70753" i="1"/>
  <c r="AE70754" i="1"/>
  <c r="AE70755" i="1"/>
  <c r="AE70756" i="1"/>
  <c r="AE70757" i="1"/>
  <c r="AE70758" i="1"/>
  <c r="AE70759" i="1"/>
  <c r="AE70760" i="1"/>
  <c r="AE70761" i="1"/>
  <c r="AE70762" i="1"/>
  <c r="AE70763" i="1"/>
  <c r="AE70764" i="1"/>
  <c r="AE70765" i="1"/>
  <c r="AE70766" i="1"/>
  <c r="AE70767" i="1"/>
  <c r="AE70768" i="1"/>
  <c r="AE70769" i="1"/>
  <c r="AE70770" i="1"/>
  <c r="AE70771" i="1"/>
  <c r="AE70772" i="1"/>
  <c r="AE70773" i="1"/>
  <c r="AE70774" i="1"/>
  <c r="AE70775" i="1"/>
  <c r="AE70776" i="1"/>
  <c r="AE70777" i="1"/>
  <c r="AE70778" i="1"/>
  <c r="AE70779" i="1"/>
  <c r="AE70780" i="1"/>
  <c r="AE70781" i="1"/>
  <c r="AE70782" i="1"/>
  <c r="AE70783" i="1"/>
  <c r="AE70784" i="1"/>
  <c r="AE70785" i="1"/>
  <c r="AE70786" i="1"/>
  <c r="AE70787" i="1"/>
  <c r="AE70788" i="1"/>
  <c r="AE70789" i="1"/>
  <c r="AE70790" i="1"/>
  <c r="AE70791" i="1"/>
  <c r="AE70792" i="1"/>
  <c r="AE70793" i="1"/>
  <c r="AE70794" i="1"/>
  <c r="AE70795" i="1"/>
  <c r="AE70796" i="1"/>
  <c r="AE70797" i="1"/>
  <c r="AE70798" i="1"/>
  <c r="AE70799" i="1"/>
  <c r="AE70800" i="1"/>
  <c r="AE70801" i="1"/>
  <c r="AE70802" i="1"/>
  <c r="AE70803" i="1"/>
  <c r="AE70804" i="1"/>
  <c r="AE70805" i="1"/>
  <c r="AE70806" i="1"/>
  <c r="AE70807" i="1"/>
  <c r="AE70808" i="1"/>
  <c r="AE70809" i="1"/>
  <c r="AE70810" i="1"/>
  <c r="AE70811" i="1"/>
  <c r="AE70812" i="1"/>
  <c r="AE70813" i="1"/>
  <c r="AE70814" i="1"/>
  <c r="AE70815" i="1"/>
  <c r="AE70816" i="1"/>
  <c r="AE70817" i="1"/>
  <c r="AE70818" i="1"/>
  <c r="AE70819" i="1"/>
  <c r="AE70820" i="1"/>
  <c r="AE70821" i="1"/>
  <c r="AE70822" i="1"/>
  <c r="AE70823" i="1"/>
  <c r="AE70824" i="1"/>
  <c r="AE70825" i="1"/>
  <c r="AE70826" i="1"/>
  <c r="AE70827" i="1"/>
  <c r="AE70828" i="1"/>
  <c r="AE70829" i="1"/>
  <c r="AE70830" i="1"/>
  <c r="AE70831" i="1"/>
  <c r="AE70832" i="1"/>
  <c r="AE70833" i="1"/>
  <c r="AE70834" i="1"/>
  <c r="AE70835" i="1"/>
  <c r="AE70836" i="1"/>
  <c r="AE70837" i="1"/>
  <c r="AE70838" i="1"/>
  <c r="AE70839" i="1"/>
  <c r="AE70840" i="1"/>
  <c r="AE70841" i="1"/>
  <c r="AE70842" i="1"/>
  <c r="AE70843" i="1"/>
  <c r="AE70844" i="1"/>
  <c r="AE70845" i="1"/>
  <c r="AE70846" i="1"/>
  <c r="AE70847" i="1"/>
  <c r="AE70848" i="1"/>
  <c r="AE70849" i="1"/>
  <c r="AE70850" i="1"/>
  <c r="AE70851" i="1"/>
  <c r="AE70852" i="1"/>
  <c r="AE70853" i="1"/>
  <c r="AE70854" i="1"/>
  <c r="AE70855" i="1"/>
  <c r="AE70856" i="1"/>
  <c r="AE70857" i="1"/>
  <c r="AE70858" i="1"/>
  <c r="AE70859" i="1"/>
  <c r="AE70860" i="1"/>
  <c r="AE70861" i="1"/>
  <c r="AE70862" i="1"/>
  <c r="AE70863" i="1"/>
  <c r="AE70864" i="1"/>
  <c r="AE70865" i="1"/>
  <c r="AE70866" i="1"/>
  <c r="AE70867" i="1"/>
  <c r="AE70868" i="1"/>
  <c r="AE70869" i="1"/>
  <c r="AE70870" i="1"/>
  <c r="AE70871" i="1"/>
  <c r="AE70872" i="1"/>
  <c r="AE70873" i="1"/>
  <c r="AE70874" i="1"/>
  <c r="AE70875" i="1"/>
  <c r="AE70876" i="1"/>
  <c r="AE70877" i="1"/>
  <c r="AE70878" i="1"/>
  <c r="AE70879" i="1"/>
  <c r="AE70880" i="1"/>
  <c r="AE70881" i="1"/>
  <c r="AE70882" i="1"/>
  <c r="AE70883" i="1"/>
  <c r="AE70884" i="1"/>
  <c r="AE70885" i="1"/>
  <c r="AE70886" i="1"/>
  <c r="AE70887" i="1"/>
  <c r="AE70888" i="1"/>
  <c r="AE70889" i="1"/>
  <c r="AE70890" i="1"/>
  <c r="AE70891" i="1"/>
  <c r="AE70892" i="1"/>
  <c r="AE70893" i="1"/>
  <c r="AE70894" i="1"/>
  <c r="AE70895" i="1"/>
  <c r="AE70896" i="1"/>
  <c r="AE70897" i="1"/>
  <c r="AE70898" i="1"/>
  <c r="AE70899" i="1"/>
  <c r="AE70900" i="1"/>
  <c r="AE70901" i="1"/>
  <c r="AE70902" i="1"/>
  <c r="AE70903" i="1"/>
  <c r="AE70904" i="1"/>
  <c r="AE70905" i="1"/>
  <c r="AE70906" i="1"/>
  <c r="AE70907" i="1"/>
  <c r="AE70908" i="1"/>
  <c r="AE70909" i="1"/>
  <c r="AE70910" i="1"/>
  <c r="AE70911" i="1"/>
  <c r="AE70912" i="1"/>
  <c r="AE70913" i="1"/>
  <c r="AE70914" i="1"/>
  <c r="AE70915" i="1"/>
  <c r="AE70916" i="1"/>
  <c r="AE70917" i="1"/>
  <c r="AE70918" i="1"/>
  <c r="AE70919" i="1"/>
  <c r="AE70920" i="1"/>
  <c r="AE70921" i="1"/>
  <c r="AE70922" i="1"/>
  <c r="AE70923" i="1"/>
  <c r="AE70924" i="1"/>
  <c r="AE70925" i="1"/>
  <c r="AE70926" i="1"/>
  <c r="AE70927" i="1"/>
  <c r="AE70928" i="1"/>
  <c r="AE70929" i="1"/>
  <c r="AE70930" i="1"/>
  <c r="AE70931" i="1"/>
  <c r="AE70932" i="1"/>
  <c r="AE70933" i="1"/>
  <c r="AE70934" i="1"/>
  <c r="AE70935" i="1"/>
  <c r="AE70936" i="1"/>
  <c r="AE70937" i="1"/>
  <c r="AE70938" i="1"/>
  <c r="AE70939" i="1"/>
  <c r="AE70940" i="1"/>
  <c r="AE70941" i="1"/>
  <c r="AE70942" i="1"/>
  <c r="AE70943" i="1"/>
  <c r="AE70944" i="1"/>
  <c r="AE70945" i="1"/>
  <c r="AE70946" i="1"/>
  <c r="AE70947" i="1"/>
  <c r="AE70948" i="1"/>
  <c r="AE70949" i="1"/>
  <c r="AE70950" i="1"/>
  <c r="AE70951" i="1"/>
  <c r="AE70952" i="1"/>
  <c r="AE70953" i="1"/>
  <c r="AE70954" i="1"/>
  <c r="AE70955" i="1"/>
  <c r="AE70956" i="1"/>
  <c r="AE70957" i="1"/>
  <c r="AE70958" i="1"/>
  <c r="AE70959" i="1"/>
  <c r="AE70960" i="1"/>
  <c r="AE70961" i="1"/>
  <c r="AE70962" i="1"/>
  <c r="AE70963" i="1"/>
  <c r="AE70964" i="1"/>
  <c r="AE70965" i="1"/>
  <c r="AE70966" i="1"/>
  <c r="AE70967" i="1"/>
  <c r="AE70968" i="1"/>
  <c r="AE70969" i="1"/>
  <c r="AE70970" i="1"/>
  <c r="AE70971" i="1"/>
  <c r="AE70972" i="1"/>
  <c r="AE70973" i="1"/>
  <c r="AE70974" i="1"/>
  <c r="AE70975" i="1"/>
  <c r="AE70976" i="1"/>
  <c r="AE70977" i="1"/>
  <c r="AE70978" i="1"/>
  <c r="AE70979" i="1"/>
  <c r="AE70980" i="1"/>
  <c r="AE70981" i="1"/>
  <c r="AE70982" i="1"/>
  <c r="AE70983" i="1"/>
  <c r="AE70984" i="1"/>
  <c r="AE70985" i="1"/>
  <c r="AE70986" i="1"/>
  <c r="AE70987" i="1"/>
  <c r="AE70988" i="1"/>
  <c r="AE70989" i="1"/>
  <c r="AE70990" i="1"/>
  <c r="AE70991" i="1"/>
  <c r="AE70992" i="1"/>
  <c r="AE70993" i="1"/>
  <c r="AE70994" i="1"/>
  <c r="AE70995" i="1"/>
  <c r="AE70996" i="1"/>
  <c r="AE70997" i="1"/>
  <c r="AE70998" i="1"/>
  <c r="AE70999" i="1"/>
  <c r="AE71000" i="1"/>
  <c r="AE71001" i="1"/>
  <c r="AE71002" i="1"/>
  <c r="AE71003" i="1"/>
  <c r="AE71004" i="1"/>
  <c r="AE71005" i="1"/>
  <c r="AE71006" i="1"/>
  <c r="AE71007" i="1"/>
  <c r="AE71008" i="1"/>
  <c r="AE71009" i="1"/>
  <c r="AE71010" i="1"/>
  <c r="AE71011" i="1"/>
  <c r="AE71012" i="1"/>
  <c r="AE71013" i="1"/>
  <c r="AE71014" i="1"/>
  <c r="AE71015" i="1"/>
  <c r="AE71016" i="1"/>
  <c r="AE71017" i="1"/>
  <c r="AE71018" i="1"/>
  <c r="AE71019" i="1"/>
  <c r="AE71020" i="1"/>
  <c r="AE71021" i="1"/>
  <c r="AE71022" i="1"/>
  <c r="AE71023" i="1"/>
  <c r="AE71024" i="1"/>
  <c r="AE71025" i="1"/>
  <c r="AE71026" i="1"/>
  <c r="AE71027" i="1"/>
  <c r="AE71028" i="1"/>
  <c r="AE71029" i="1"/>
  <c r="AE71030" i="1"/>
  <c r="AE71031" i="1"/>
  <c r="AE71032" i="1"/>
  <c r="AE71033" i="1"/>
  <c r="AE71034" i="1"/>
  <c r="AE71035" i="1"/>
  <c r="AE71036" i="1"/>
  <c r="AE71037" i="1"/>
  <c r="AE71038" i="1"/>
  <c r="AE71039" i="1"/>
  <c r="AE71040" i="1"/>
  <c r="AE71041" i="1"/>
  <c r="AE71042" i="1"/>
  <c r="AE71043" i="1"/>
  <c r="AE71044" i="1"/>
  <c r="AE71045" i="1"/>
  <c r="AE71046" i="1"/>
  <c r="AE71047" i="1"/>
  <c r="AE71048" i="1"/>
  <c r="AE71049" i="1"/>
  <c r="AE71050" i="1"/>
  <c r="AE71051" i="1"/>
  <c r="AE71052" i="1"/>
  <c r="AE71053" i="1"/>
  <c r="AE71054" i="1"/>
  <c r="AE71055" i="1"/>
  <c r="AE71056" i="1"/>
  <c r="AE71057" i="1"/>
  <c r="AE71058" i="1"/>
  <c r="AE71059" i="1"/>
  <c r="AE71060" i="1"/>
  <c r="AE71061" i="1"/>
  <c r="AE71062" i="1"/>
  <c r="AE71063" i="1"/>
  <c r="AE71064" i="1"/>
  <c r="AE71065" i="1"/>
  <c r="AE71066" i="1"/>
  <c r="AE71067" i="1"/>
  <c r="AE71068" i="1"/>
  <c r="AE71069" i="1"/>
  <c r="AE71070" i="1"/>
  <c r="AE71071" i="1"/>
  <c r="AE71072" i="1"/>
  <c r="AE71073" i="1"/>
  <c r="AE71074" i="1"/>
  <c r="AE71075" i="1"/>
  <c r="AE71076" i="1"/>
  <c r="AE71077" i="1"/>
  <c r="AE71078" i="1"/>
  <c r="AE71079" i="1"/>
  <c r="AE71080" i="1"/>
  <c r="AE71081" i="1"/>
  <c r="AE71082" i="1"/>
  <c r="AE71083" i="1"/>
  <c r="AE71084" i="1"/>
  <c r="AE71085" i="1"/>
  <c r="AE71086" i="1"/>
  <c r="AE71087" i="1"/>
  <c r="AE71088" i="1"/>
  <c r="AE71089" i="1"/>
  <c r="AE71090" i="1"/>
  <c r="AE71091" i="1"/>
  <c r="AE71092" i="1"/>
  <c r="AE71093" i="1"/>
  <c r="AE71094" i="1"/>
  <c r="AE71095" i="1"/>
  <c r="AE71096" i="1"/>
  <c r="AE71097" i="1"/>
  <c r="AE71098" i="1"/>
  <c r="AE71099" i="1"/>
  <c r="AE71100" i="1"/>
  <c r="AE71101" i="1"/>
  <c r="AE71102" i="1"/>
  <c r="AE71103" i="1"/>
  <c r="AE71104" i="1"/>
  <c r="AE71105" i="1"/>
  <c r="AE71106" i="1"/>
  <c r="AE71107" i="1"/>
  <c r="AE71108" i="1"/>
  <c r="AE71109" i="1"/>
  <c r="AE71110" i="1"/>
  <c r="AE71111" i="1"/>
  <c r="AE71112" i="1"/>
  <c r="AE71113" i="1"/>
  <c r="AE71114" i="1"/>
  <c r="AE71115" i="1"/>
  <c r="AE71116" i="1"/>
  <c r="AE71117" i="1"/>
  <c r="AE71118" i="1"/>
  <c r="AE71119" i="1"/>
  <c r="AE71120" i="1"/>
  <c r="AE71121" i="1"/>
  <c r="AE71122" i="1"/>
  <c r="AE71123" i="1"/>
  <c r="AE71124" i="1"/>
  <c r="AE71125" i="1"/>
  <c r="AE71126" i="1"/>
  <c r="AE71127" i="1"/>
  <c r="AE71128" i="1"/>
  <c r="AE71129" i="1"/>
  <c r="AE71130" i="1"/>
  <c r="AE71131" i="1"/>
  <c r="AE71132" i="1"/>
  <c r="AE71133" i="1"/>
  <c r="AE71134" i="1"/>
  <c r="AE71135" i="1"/>
  <c r="AE71136" i="1"/>
  <c r="AE71137" i="1"/>
  <c r="AE71138" i="1"/>
  <c r="AE71139" i="1"/>
  <c r="AE71140" i="1"/>
  <c r="AE71141" i="1"/>
  <c r="AE71142" i="1"/>
  <c r="AE71143" i="1"/>
  <c r="AE71144" i="1"/>
  <c r="AE71145" i="1"/>
  <c r="AE71146" i="1"/>
  <c r="AE71147" i="1"/>
  <c r="AE71148" i="1"/>
  <c r="AE71149" i="1"/>
  <c r="AE71150" i="1"/>
  <c r="AE71151" i="1"/>
  <c r="AE71152" i="1"/>
  <c r="AE71153" i="1"/>
  <c r="AE71154" i="1"/>
  <c r="AE71155" i="1"/>
  <c r="AE71156" i="1"/>
  <c r="AE71157" i="1"/>
  <c r="AE71158" i="1"/>
  <c r="AE71159" i="1"/>
  <c r="AE71160" i="1"/>
  <c r="AE71161" i="1"/>
  <c r="AE71162" i="1"/>
  <c r="AE71163" i="1"/>
  <c r="AE71164" i="1"/>
  <c r="AE71165" i="1"/>
  <c r="AE71166" i="1"/>
  <c r="AE71167" i="1"/>
  <c r="AE71168" i="1"/>
  <c r="AE71169" i="1"/>
  <c r="AE71170" i="1"/>
  <c r="AE71171" i="1"/>
  <c r="AE71172" i="1"/>
  <c r="AE71173" i="1"/>
  <c r="AE71174" i="1"/>
  <c r="AE71175" i="1"/>
  <c r="AE71176" i="1"/>
  <c r="AE71177" i="1"/>
  <c r="AE71178" i="1"/>
  <c r="AE71179" i="1"/>
  <c r="AE71180" i="1"/>
  <c r="AE71181" i="1"/>
  <c r="AE71182" i="1"/>
  <c r="AE71183" i="1"/>
  <c r="AE71184" i="1"/>
  <c r="AE71185" i="1"/>
  <c r="AE71186" i="1"/>
  <c r="AE71187" i="1"/>
  <c r="AE71188" i="1"/>
  <c r="AE71189" i="1"/>
  <c r="AE71190" i="1"/>
  <c r="AE71191" i="1"/>
  <c r="AE71192" i="1"/>
  <c r="AE71193" i="1"/>
  <c r="AE71194" i="1"/>
  <c r="AE71195" i="1"/>
  <c r="AE71196" i="1"/>
  <c r="AE71197" i="1"/>
  <c r="AE71198" i="1"/>
  <c r="AE71199" i="1"/>
  <c r="AE71200" i="1"/>
  <c r="AE71201" i="1"/>
  <c r="AE71202" i="1"/>
  <c r="AE71203" i="1"/>
  <c r="AE71204" i="1"/>
  <c r="AE71205" i="1"/>
  <c r="AE71206" i="1"/>
  <c r="AE71207" i="1"/>
  <c r="AE71208" i="1"/>
  <c r="AE71209" i="1"/>
  <c r="AE71210" i="1"/>
  <c r="AE71211" i="1"/>
  <c r="AE71212" i="1"/>
  <c r="AE71213" i="1"/>
  <c r="AE71214" i="1"/>
  <c r="AE71215" i="1"/>
  <c r="AE71216" i="1"/>
  <c r="AE71217" i="1"/>
  <c r="AE71218" i="1"/>
  <c r="AE71219" i="1"/>
  <c r="AE71220" i="1"/>
  <c r="AE71221" i="1"/>
  <c r="AE71222" i="1"/>
  <c r="AE71223" i="1"/>
  <c r="AE71224" i="1"/>
  <c r="AE71225" i="1"/>
  <c r="AE71226" i="1"/>
  <c r="AE71227" i="1"/>
  <c r="AE71228" i="1"/>
  <c r="AE71229" i="1"/>
  <c r="AE71230" i="1"/>
  <c r="AE71231" i="1"/>
  <c r="AE71232" i="1"/>
  <c r="AE71233" i="1"/>
  <c r="AE71234" i="1"/>
  <c r="AE71235" i="1"/>
  <c r="AE71236" i="1"/>
  <c r="AE71237" i="1"/>
  <c r="AE71238" i="1"/>
  <c r="AE71239" i="1"/>
  <c r="AE71240" i="1"/>
  <c r="AE71241" i="1"/>
  <c r="AE71242" i="1"/>
  <c r="AE71243" i="1"/>
  <c r="AE71244" i="1"/>
  <c r="AE71245" i="1"/>
  <c r="AE71246" i="1"/>
  <c r="AE71247" i="1"/>
  <c r="AE71248" i="1"/>
  <c r="AE71249" i="1"/>
  <c r="AE71250" i="1"/>
  <c r="AE71251" i="1"/>
  <c r="AE71252" i="1"/>
  <c r="AE71253" i="1"/>
  <c r="AE71254" i="1"/>
  <c r="AE71255" i="1"/>
  <c r="AE71256" i="1"/>
  <c r="AE71257" i="1"/>
  <c r="AE71258" i="1"/>
  <c r="AE71259" i="1"/>
  <c r="AE71260" i="1"/>
  <c r="AE71261" i="1"/>
  <c r="AE71262" i="1"/>
  <c r="AE71263" i="1"/>
  <c r="AE71264" i="1"/>
  <c r="AE71265" i="1"/>
  <c r="AE71266" i="1"/>
  <c r="AE71267" i="1"/>
  <c r="AE71268" i="1"/>
  <c r="AE71269" i="1"/>
  <c r="AE71270" i="1"/>
  <c r="AE71271" i="1"/>
  <c r="AE71272" i="1"/>
  <c r="AE71273" i="1"/>
  <c r="AE71274" i="1"/>
  <c r="AE71275" i="1"/>
  <c r="AE71276" i="1"/>
  <c r="AE71277" i="1"/>
  <c r="AE71278" i="1"/>
  <c r="AE71279" i="1"/>
  <c r="AE71280" i="1"/>
  <c r="AE71281" i="1"/>
  <c r="AE71282" i="1"/>
  <c r="AE71283" i="1"/>
  <c r="AE71284" i="1"/>
  <c r="AE71285" i="1"/>
  <c r="AE71286" i="1"/>
  <c r="AE71287" i="1"/>
  <c r="AE71288" i="1"/>
  <c r="AE71289" i="1"/>
  <c r="AE71290" i="1"/>
  <c r="AE71291" i="1"/>
  <c r="AE71292" i="1"/>
  <c r="AE71293" i="1"/>
  <c r="AE71294" i="1"/>
  <c r="AE71295" i="1"/>
  <c r="AE71296" i="1"/>
  <c r="AE71297" i="1"/>
  <c r="AE71298" i="1"/>
  <c r="AE71299" i="1"/>
  <c r="AE71300" i="1"/>
  <c r="AE71301" i="1"/>
  <c r="AE71302" i="1"/>
  <c r="AE71303" i="1"/>
  <c r="AE71304" i="1"/>
  <c r="AE71305" i="1"/>
  <c r="AE71306" i="1"/>
  <c r="AE71307" i="1"/>
  <c r="AE71308" i="1"/>
  <c r="AE71309" i="1"/>
  <c r="AE71310" i="1"/>
  <c r="AE71311" i="1"/>
  <c r="AE71312" i="1"/>
  <c r="AE71313" i="1"/>
  <c r="AE71314" i="1"/>
  <c r="AE71315" i="1"/>
  <c r="AE71316" i="1"/>
  <c r="AE71317" i="1"/>
  <c r="AE71318" i="1"/>
  <c r="AE71319" i="1"/>
  <c r="AE71320" i="1"/>
  <c r="AE71321" i="1"/>
  <c r="AE71322" i="1"/>
  <c r="AE71323" i="1"/>
  <c r="AE71324" i="1"/>
  <c r="AE71325" i="1"/>
  <c r="AE71326" i="1"/>
  <c r="AE71327" i="1"/>
  <c r="AE71328" i="1"/>
  <c r="AE71329" i="1"/>
  <c r="AE71330" i="1"/>
  <c r="AE71331" i="1"/>
  <c r="AE71332" i="1"/>
  <c r="AE71333" i="1"/>
  <c r="AE71334" i="1"/>
  <c r="AE71335" i="1"/>
  <c r="AE71336" i="1"/>
  <c r="AE71337" i="1"/>
  <c r="AE71338" i="1"/>
  <c r="AE71339" i="1"/>
  <c r="AE71340" i="1"/>
  <c r="AE71341" i="1"/>
  <c r="AE71342" i="1"/>
  <c r="AE71343" i="1"/>
  <c r="AE71344" i="1"/>
  <c r="AE71345" i="1"/>
  <c r="AE71346" i="1"/>
  <c r="AE71347" i="1"/>
  <c r="AE71348" i="1"/>
  <c r="AE71349" i="1"/>
  <c r="AE71350" i="1"/>
  <c r="AE71351" i="1"/>
  <c r="AE71352" i="1"/>
  <c r="AE71353" i="1"/>
  <c r="AE71354" i="1"/>
  <c r="AE71355" i="1"/>
  <c r="AE71356" i="1"/>
  <c r="AE71357" i="1"/>
  <c r="AE71358" i="1"/>
  <c r="AE71359" i="1"/>
  <c r="AE71360" i="1"/>
  <c r="AE71361" i="1"/>
  <c r="AE71362" i="1"/>
  <c r="AE71363" i="1"/>
  <c r="AE71364" i="1"/>
  <c r="AE71365" i="1"/>
  <c r="AE71366" i="1"/>
  <c r="AE71367" i="1"/>
  <c r="AE71368" i="1"/>
  <c r="AE71369" i="1"/>
  <c r="AE71370" i="1"/>
  <c r="AE71371" i="1"/>
  <c r="AE71372" i="1"/>
  <c r="AE71373" i="1"/>
  <c r="AE71374" i="1"/>
  <c r="AE71375" i="1"/>
  <c r="AE71376" i="1"/>
  <c r="AE71377" i="1"/>
  <c r="AE71378" i="1"/>
  <c r="AE71379" i="1"/>
  <c r="AE71380" i="1"/>
  <c r="AE71381" i="1"/>
  <c r="AE71382" i="1"/>
  <c r="AE71383" i="1"/>
  <c r="AE71384" i="1"/>
  <c r="AE71385" i="1"/>
  <c r="AE71386" i="1"/>
  <c r="AE71387" i="1"/>
  <c r="AE71388" i="1"/>
  <c r="AE71389" i="1"/>
  <c r="AE71390" i="1"/>
  <c r="AE71391" i="1"/>
  <c r="AE71392" i="1"/>
  <c r="AE71393" i="1"/>
  <c r="AE71394" i="1"/>
  <c r="AE71395" i="1"/>
  <c r="AE71396" i="1"/>
  <c r="AE71397" i="1"/>
  <c r="AE71398" i="1"/>
  <c r="AE71399" i="1"/>
  <c r="AE71400" i="1"/>
  <c r="AE71401" i="1"/>
  <c r="AE71402" i="1"/>
  <c r="AE71403" i="1"/>
  <c r="AE71404" i="1"/>
  <c r="AE71405" i="1"/>
  <c r="AE71406" i="1"/>
  <c r="AE71407" i="1"/>
  <c r="AE71408" i="1"/>
  <c r="AE71409" i="1"/>
  <c r="AE71410" i="1"/>
  <c r="AE71411" i="1"/>
  <c r="AE71412" i="1"/>
  <c r="AE71413" i="1"/>
  <c r="AE71414" i="1"/>
  <c r="AE71415" i="1"/>
  <c r="AE71416" i="1"/>
  <c r="AE71417" i="1"/>
  <c r="AE71418" i="1"/>
  <c r="AE71419" i="1"/>
  <c r="AE71420" i="1"/>
  <c r="AE71421" i="1"/>
  <c r="AE71422" i="1"/>
  <c r="AE71423" i="1"/>
  <c r="AE71424" i="1"/>
  <c r="AE71425" i="1"/>
  <c r="AE71426" i="1"/>
  <c r="AE71427" i="1"/>
  <c r="AE71428" i="1"/>
  <c r="AE71429" i="1"/>
  <c r="AE71430" i="1"/>
  <c r="AE71431" i="1"/>
  <c r="AE71432" i="1"/>
  <c r="AE71433" i="1"/>
  <c r="AE71434" i="1"/>
  <c r="AE71435" i="1"/>
  <c r="AE71436" i="1"/>
  <c r="AE71437" i="1"/>
  <c r="AE71438" i="1"/>
  <c r="AE71439" i="1"/>
  <c r="AE71440" i="1"/>
  <c r="AE71441" i="1"/>
  <c r="AE71442" i="1"/>
  <c r="AE71443" i="1"/>
  <c r="AE71444" i="1"/>
  <c r="AE71445" i="1"/>
  <c r="AE71446" i="1"/>
  <c r="AE71447" i="1"/>
  <c r="AE71448" i="1"/>
  <c r="AE71449" i="1"/>
  <c r="AE71450" i="1"/>
  <c r="AE71451" i="1"/>
  <c r="AE71452" i="1"/>
  <c r="AE71453" i="1"/>
  <c r="AE71454" i="1"/>
  <c r="AE71455" i="1"/>
  <c r="AE71456" i="1"/>
  <c r="AE71457" i="1"/>
  <c r="AE71458" i="1"/>
  <c r="AE71459" i="1"/>
  <c r="AE71460" i="1"/>
  <c r="AE71461" i="1"/>
  <c r="AE71462" i="1"/>
  <c r="AE71463" i="1"/>
  <c r="AE71464" i="1"/>
  <c r="AE71465" i="1"/>
  <c r="AE71466" i="1"/>
  <c r="AE71467" i="1"/>
  <c r="AE71468" i="1"/>
  <c r="AE71469" i="1"/>
  <c r="AE71470" i="1"/>
  <c r="AE71471" i="1"/>
  <c r="AE71472" i="1"/>
  <c r="AE71473" i="1"/>
  <c r="AE71474" i="1"/>
  <c r="AE71475" i="1"/>
  <c r="AE71476" i="1"/>
  <c r="AE71477" i="1"/>
  <c r="AE71478" i="1"/>
  <c r="AE71479" i="1"/>
  <c r="AE71480" i="1"/>
  <c r="AE71481" i="1"/>
  <c r="AE71482" i="1"/>
  <c r="AE71483" i="1"/>
  <c r="AE71484" i="1"/>
  <c r="AE71485" i="1"/>
  <c r="AE71486" i="1"/>
  <c r="AE71487" i="1"/>
  <c r="AE71488" i="1"/>
  <c r="AE71489" i="1"/>
  <c r="AE71490" i="1"/>
  <c r="AE71491" i="1"/>
  <c r="AE71492" i="1"/>
  <c r="AE71493" i="1"/>
  <c r="AE71494" i="1"/>
  <c r="AE71495" i="1"/>
  <c r="AE71496" i="1"/>
  <c r="AE71497" i="1"/>
  <c r="AE71498" i="1"/>
  <c r="AE71499" i="1"/>
  <c r="AE71500" i="1"/>
  <c r="AE71501" i="1"/>
  <c r="AE71502" i="1"/>
  <c r="AE71503" i="1"/>
  <c r="AE71504" i="1"/>
  <c r="AE71505" i="1"/>
  <c r="AE71506" i="1"/>
  <c r="AE71507" i="1"/>
  <c r="AE71508" i="1"/>
  <c r="AE71509" i="1"/>
  <c r="AE71510" i="1"/>
  <c r="AE71511" i="1"/>
  <c r="AE71512" i="1"/>
  <c r="AE71513" i="1"/>
  <c r="AE71514" i="1"/>
  <c r="AE71515" i="1"/>
  <c r="AE71516" i="1"/>
  <c r="AE71517" i="1"/>
  <c r="AE71518" i="1"/>
  <c r="AE71519" i="1"/>
  <c r="AE71520" i="1"/>
  <c r="AE71521" i="1"/>
  <c r="AE71522" i="1"/>
  <c r="AE71523" i="1"/>
  <c r="AE71524" i="1"/>
  <c r="AE71525" i="1"/>
  <c r="AE71526" i="1"/>
  <c r="AE71527" i="1"/>
  <c r="AE71528" i="1"/>
  <c r="AE71529" i="1"/>
  <c r="AE71530" i="1"/>
  <c r="AE71531" i="1"/>
  <c r="AE71532" i="1"/>
  <c r="AE71533" i="1"/>
  <c r="AE71534" i="1"/>
  <c r="AE71535" i="1"/>
  <c r="AE71536" i="1"/>
  <c r="AE71537" i="1"/>
  <c r="AE71538" i="1"/>
  <c r="AE71539" i="1"/>
  <c r="AE71540" i="1"/>
  <c r="AE71541" i="1"/>
  <c r="AE71542" i="1"/>
  <c r="AE71543" i="1"/>
  <c r="AE71544" i="1"/>
  <c r="AE71545" i="1"/>
  <c r="AE71546" i="1"/>
  <c r="AE71547" i="1"/>
  <c r="AE71548" i="1"/>
  <c r="AE71549" i="1"/>
  <c r="AE71550" i="1"/>
  <c r="AE71551" i="1"/>
  <c r="AE71552" i="1"/>
  <c r="AE71553" i="1"/>
  <c r="AE71554" i="1"/>
  <c r="AE71555" i="1"/>
  <c r="AE71556" i="1"/>
  <c r="AE71557" i="1"/>
  <c r="AE71558" i="1"/>
  <c r="AE71559" i="1"/>
  <c r="AE71560" i="1"/>
  <c r="AE71561" i="1"/>
  <c r="AE71562" i="1"/>
  <c r="AE71563" i="1"/>
  <c r="AE71564" i="1"/>
  <c r="AE71565" i="1"/>
  <c r="AE71566" i="1"/>
  <c r="AE71567" i="1"/>
  <c r="AE71568" i="1"/>
  <c r="AE71569" i="1"/>
  <c r="AE71570" i="1"/>
  <c r="AE71571" i="1"/>
  <c r="AE71572" i="1"/>
  <c r="AE71573" i="1"/>
  <c r="AE71574" i="1"/>
  <c r="AE71575" i="1"/>
  <c r="AE71576" i="1"/>
  <c r="AE71577" i="1"/>
  <c r="AE71578" i="1"/>
  <c r="AE71579" i="1"/>
  <c r="AE71580" i="1"/>
  <c r="AE71581" i="1"/>
  <c r="AE71582" i="1"/>
  <c r="AE71583" i="1"/>
  <c r="AE71584" i="1"/>
  <c r="AE71585" i="1"/>
  <c r="AE71586" i="1"/>
  <c r="AE71587" i="1"/>
  <c r="AE71588" i="1"/>
  <c r="AE71589" i="1"/>
  <c r="AE71590" i="1"/>
  <c r="AE71591" i="1"/>
  <c r="AE71592" i="1"/>
  <c r="AE71593" i="1"/>
  <c r="AE71594" i="1"/>
  <c r="AE71595" i="1"/>
  <c r="AE71596" i="1"/>
  <c r="AE71597" i="1"/>
  <c r="AE71598" i="1"/>
  <c r="AE71599" i="1"/>
  <c r="AE71600" i="1"/>
  <c r="AE71601" i="1"/>
  <c r="AE71602" i="1"/>
  <c r="AE71603" i="1"/>
  <c r="AE71604" i="1"/>
  <c r="AE71605" i="1"/>
  <c r="AE71606" i="1"/>
  <c r="AE71607" i="1"/>
  <c r="AE71608" i="1"/>
  <c r="AE71609" i="1"/>
  <c r="AE71610" i="1"/>
  <c r="AE71611" i="1"/>
  <c r="AE71612" i="1"/>
  <c r="AE71613" i="1"/>
  <c r="AE71614" i="1"/>
  <c r="AE71615" i="1"/>
  <c r="AE71616" i="1"/>
  <c r="AE71617" i="1"/>
  <c r="AE71618" i="1"/>
  <c r="AE71619" i="1"/>
  <c r="AE71620" i="1"/>
  <c r="AE71621" i="1"/>
  <c r="AE71622" i="1"/>
  <c r="AE71623" i="1"/>
  <c r="AE71624" i="1"/>
  <c r="AE71625" i="1"/>
  <c r="AE71626" i="1"/>
  <c r="AE71627" i="1"/>
  <c r="AE71628" i="1"/>
  <c r="AE71629" i="1"/>
  <c r="AE71630" i="1"/>
  <c r="AE71631" i="1"/>
  <c r="AE71632" i="1"/>
  <c r="AE71633" i="1"/>
  <c r="AE71634" i="1"/>
  <c r="AE71635" i="1"/>
  <c r="AE71636" i="1"/>
  <c r="AE71637" i="1"/>
  <c r="AE71638" i="1"/>
  <c r="AE71639" i="1"/>
  <c r="AE71640" i="1"/>
  <c r="AE71641" i="1"/>
  <c r="AE71642" i="1"/>
  <c r="AE71643" i="1"/>
  <c r="AE71644" i="1"/>
  <c r="AE71645" i="1"/>
  <c r="AE71646" i="1"/>
  <c r="AE71647" i="1"/>
  <c r="AE71648" i="1"/>
  <c r="AE71649" i="1"/>
  <c r="AE71650" i="1"/>
  <c r="AE71651" i="1"/>
  <c r="AE71652" i="1"/>
  <c r="AE71653" i="1"/>
  <c r="AE71654" i="1"/>
  <c r="AE71655" i="1"/>
  <c r="AE71656" i="1"/>
  <c r="AE71657" i="1"/>
  <c r="AE71658" i="1"/>
  <c r="AE71659" i="1"/>
  <c r="AE71660" i="1"/>
  <c r="AE71661" i="1"/>
  <c r="AE71662" i="1"/>
  <c r="AE71663" i="1"/>
  <c r="AE71664" i="1"/>
  <c r="AE71665" i="1"/>
  <c r="AE71666" i="1"/>
  <c r="AE71667" i="1"/>
  <c r="AE71668" i="1"/>
  <c r="AE71669" i="1"/>
  <c r="AE71670" i="1"/>
  <c r="AE71671" i="1"/>
  <c r="AE71672" i="1"/>
  <c r="AE71673" i="1"/>
  <c r="AE71674" i="1"/>
  <c r="AE71675" i="1"/>
  <c r="AE71676" i="1"/>
  <c r="AE71677" i="1"/>
  <c r="AE71678" i="1"/>
  <c r="AE71679" i="1"/>
  <c r="AE71680" i="1"/>
  <c r="AE71681" i="1"/>
  <c r="AE71682" i="1"/>
  <c r="AE71683" i="1"/>
  <c r="AE71684" i="1"/>
  <c r="AE71685" i="1"/>
  <c r="AE71686" i="1"/>
  <c r="AE71687" i="1"/>
  <c r="AE71688" i="1"/>
  <c r="AE71689" i="1"/>
  <c r="AE71690" i="1"/>
  <c r="AE71691" i="1"/>
  <c r="AE71692" i="1"/>
  <c r="AE71693" i="1"/>
  <c r="AE71694" i="1"/>
  <c r="AE71695" i="1"/>
  <c r="AE71696" i="1"/>
  <c r="AE71697" i="1"/>
  <c r="AE71698" i="1"/>
  <c r="AE71699" i="1"/>
  <c r="AE71700" i="1"/>
  <c r="AE71701" i="1"/>
  <c r="AE71702" i="1"/>
  <c r="AE71703" i="1"/>
  <c r="AE71704" i="1"/>
  <c r="AE71705" i="1"/>
  <c r="AE71706" i="1"/>
  <c r="AE71707" i="1"/>
  <c r="AE71708" i="1"/>
  <c r="AE71709" i="1"/>
  <c r="AE71710" i="1"/>
  <c r="AE71711" i="1"/>
  <c r="AE71712" i="1"/>
  <c r="AE71713" i="1"/>
  <c r="AE71714" i="1"/>
  <c r="AE71715" i="1"/>
  <c r="AE71716" i="1"/>
  <c r="AE71717" i="1"/>
  <c r="AE71718" i="1"/>
  <c r="AE71719" i="1"/>
  <c r="AE71720" i="1"/>
  <c r="AE71721" i="1"/>
  <c r="AE71722" i="1"/>
  <c r="AE71723" i="1"/>
  <c r="AE71724" i="1"/>
  <c r="AE71725" i="1"/>
  <c r="AE71726" i="1"/>
  <c r="AE71727" i="1"/>
  <c r="AE71728" i="1"/>
  <c r="AE71729" i="1"/>
  <c r="AE71730" i="1"/>
  <c r="AE71731" i="1"/>
  <c r="AE71732" i="1"/>
  <c r="AE71733" i="1"/>
  <c r="AE71734" i="1"/>
  <c r="AE71735" i="1"/>
  <c r="AE71736" i="1"/>
  <c r="AE71737" i="1"/>
  <c r="AE71738" i="1"/>
  <c r="AE71739" i="1"/>
  <c r="AE71740" i="1"/>
  <c r="AE71741" i="1"/>
  <c r="AE71742" i="1"/>
  <c r="AE71743" i="1"/>
  <c r="AE71744" i="1"/>
  <c r="AE71745" i="1"/>
  <c r="AE71746" i="1"/>
  <c r="AE71747" i="1"/>
  <c r="AE71748" i="1"/>
  <c r="AE71749" i="1"/>
  <c r="AE71750" i="1"/>
  <c r="AE71751" i="1"/>
  <c r="AE71752" i="1"/>
  <c r="AE71753" i="1"/>
  <c r="AE71754" i="1"/>
  <c r="AE71755" i="1"/>
  <c r="AE71756" i="1"/>
  <c r="AE71757" i="1"/>
  <c r="AE71758" i="1"/>
  <c r="AE71759" i="1"/>
  <c r="AE71760" i="1"/>
  <c r="AE71761" i="1"/>
  <c r="AE71762" i="1"/>
  <c r="AE71763" i="1"/>
  <c r="AE71764" i="1"/>
  <c r="AE71765" i="1"/>
  <c r="AE71766" i="1"/>
  <c r="AE71767" i="1"/>
  <c r="AE71768" i="1"/>
  <c r="AE71769" i="1"/>
  <c r="AE71770" i="1"/>
  <c r="AE71771" i="1"/>
  <c r="AE71772" i="1"/>
  <c r="AE71773" i="1"/>
  <c r="AE71774" i="1"/>
  <c r="AE71775" i="1"/>
  <c r="AE71776" i="1"/>
  <c r="AE71777" i="1"/>
  <c r="AE71778" i="1"/>
  <c r="AE71779" i="1"/>
  <c r="AE71780" i="1"/>
  <c r="AE71781" i="1"/>
  <c r="AE71782" i="1"/>
  <c r="AE71783" i="1"/>
  <c r="AE71784" i="1"/>
  <c r="AE71785" i="1"/>
  <c r="AE71786" i="1"/>
  <c r="AE71787" i="1"/>
  <c r="AE71788" i="1"/>
  <c r="AE71789" i="1"/>
  <c r="AE71790" i="1"/>
  <c r="AE71791" i="1"/>
  <c r="AE71792" i="1"/>
  <c r="AE71793" i="1"/>
  <c r="AE71794" i="1"/>
  <c r="AE71795" i="1"/>
  <c r="AE71796" i="1"/>
  <c r="AE71797" i="1"/>
  <c r="AE71798" i="1"/>
  <c r="AE71799" i="1"/>
  <c r="AE71800" i="1"/>
  <c r="AE71801" i="1"/>
  <c r="AE71802" i="1"/>
  <c r="AE71803" i="1"/>
  <c r="AE71804" i="1"/>
  <c r="AE71805" i="1"/>
  <c r="AE71806" i="1"/>
  <c r="AE71807" i="1"/>
  <c r="AE71808" i="1"/>
  <c r="AE71809" i="1"/>
  <c r="AE71810" i="1"/>
  <c r="AE71811" i="1"/>
  <c r="AE71812" i="1"/>
  <c r="AE71813" i="1"/>
  <c r="AE71814" i="1"/>
  <c r="AE71815" i="1"/>
  <c r="AE71816" i="1"/>
  <c r="AE71817" i="1"/>
  <c r="AE71818" i="1"/>
  <c r="AE71819" i="1"/>
  <c r="AE71820" i="1"/>
  <c r="AE71821" i="1"/>
  <c r="AE71822" i="1"/>
  <c r="AE71823" i="1"/>
  <c r="AE71824" i="1"/>
  <c r="AE71825" i="1"/>
  <c r="AE71826" i="1"/>
  <c r="AE71827" i="1"/>
  <c r="AE71828" i="1"/>
  <c r="AE71829" i="1"/>
  <c r="AE71830" i="1"/>
  <c r="AE71831" i="1"/>
  <c r="AE71832" i="1"/>
  <c r="AE71833" i="1"/>
  <c r="AE71834" i="1"/>
  <c r="AE71835" i="1"/>
  <c r="AE71836" i="1"/>
  <c r="AE71837" i="1"/>
  <c r="AE71838" i="1"/>
  <c r="AE71839" i="1"/>
  <c r="AE71840" i="1"/>
  <c r="AE71841" i="1"/>
  <c r="AE71842" i="1"/>
  <c r="AE71843" i="1"/>
  <c r="AE71844" i="1"/>
  <c r="AE71845" i="1"/>
  <c r="AE71846" i="1"/>
  <c r="AE71847" i="1"/>
  <c r="AE71848" i="1"/>
  <c r="AE71849" i="1"/>
  <c r="AE71850" i="1"/>
  <c r="AE71851" i="1"/>
  <c r="AE71852" i="1"/>
  <c r="AE71853" i="1"/>
  <c r="AE71854" i="1"/>
  <c r="AE71855" i="1"/>
  <c r="AE71856" i="1"/>
  <c r="AE71857" i="1"/>
  <c r="AE71858" i="1"/>
  <c r="AE71859" i="1"/>
  <c r="AE71860" i="1"/>
  <c r="AE71861" i="1"/>
  <c r="AE71862" i="1"/>
  <c r="AE71863" i="1"/>
  <c r="AE71864" i="1"/>
  <c r="AE71865" i="1"/>
  <c r="AE71866" i="1"/>
  <c r="AE71867" i="1"/>
  <c r="AE71868" i="1"/>
  <c r="AE71869" i="1"/>
  <c r="AE71870" i="1"/>
  <c r="AE71871" i="1"/>
  <c r="AE71872" i="1"/>
  <c r="AE71873" i="1"/>
  <c r="AE71874" i="1"/>
  <c r="AE71875" i="1"/>
  <c r="AE71876" i="1"/>
  <c r="AE71877" i="1"/>
  <c r="AE71878" i="1"/>
  <c r="AE71879" i="1"/>
  <c r="AE71880" i="1"/>
  <c r="AE71881" i="1"/>
  <c r="AE71882" i="1"/>
  <c r="AE71883" i="1"/>
  <c r="AE71884" i="1"/>
  <c r="AE71885" i="1"/>
  <c r="AE71886" i="1"/>
  <c r="AE71887" i="1"/>
  <c r="AE71888" i="1"/>
  <c r="AE71889" i="1"/>
  <c r="AE71890" i="1"/>
  <c r="AE71891" i="1"/>
  <c r="AE71892" i="1"/>
  <c r="AE71893" i="1"/>
  <c r="AE71894" i="1"/>
  <c r="AE71895" i="1"/>
  <c r="AE71896" i="1"/>
  <c r="AE71897" i="1"/>
  <c r="AE71898" i="1"/>
  <c r="AE71899" i="1"/>
  <c r="AE71900" i="1"/>
  <c r="AE71901" i="1"/>
  <c r="AE71902" i="1"/>
  <c r="AE71903" i="1"/>
  <c r="AE71904" i="1"/>
  <c r="AE71905" i="1"/>
  <c r="AE71906" i="1"/>
  <c r="AE71907" i="1"/>
  <c r="AE71908" i="1"/>
  <c r="AE71909" i="1"/>
  <c r="AE71910" i="1"/>
  <c r="AE71911" i="1"/>
  <c r="AE71912" i="1"/>
  <c r="AE71913" i="1"/>
  <c r="AE71914" i="1"/>
  <c r="AE71915" i="1"/>
  <c r="AE71916" i="1"/>
  <c r="AE71917" i="1"/>
  <c r="AE71918" i="1"/>
  <c r="AE71919" i="1"/>
  <c r="AE71920" i="1"/>
  <c r="AE71921" i="1"/>
  <c r="AE71922" i="1"/>
  <c r="AE71923" i="1"/>
  <c r="AE71924" i="1"/>
  <c r="AE71925" i="1"/>
  <c r="AE71926" i="1"/>
  <c r="AE71927" i="1"/>
  <c r="AE71928" i="1"/>
  <c r="AE71929" i="1"/>
  <c r="AE71930" i="1"/>
  <c r="AE71931" i="1"/>
  <c r="AE71932" i="1"/>
  <c r="AE71933" i="1"/>
  <c r="AE71934" i="1"/>
  <c r="AE71935" i="1"/>
  <c r="AE71936" i="1"/>
  <c r="AE71937" i="1"/>
  <c r="AE71938" i="1"/>
  <c r="AE71939" i="1"/>
  <c r="AE71940" i="1"/>
  <c r="AE71941" i="1"/>
  <c r="AE71942" i="1"/>
  <c r="AE71943" i="1"/>
  <c r="AE71944" i="1"/>
  <c r="AE71945" i="1"/>
  <c r="AE71946" i="1"/>
  <c r="AE71947" i="1"/>
  <c r="AE71948" i="1"/>
  <c r="AE71949" i="1"/>
  <c r="AE71950" i="1"/>
  <c r="AE71951" i="1"/>
  <c r="AE71952" i="1"/>
  <c r="AE71953" i="1"/>
  <c r="AE71954" i="1"/>
  <c r="AE71955" i="1"/>
  <c r="AE71956" i="1"/>
  <c r="AE71957" i="1"/>
  <c r="AE71958" i="1"/>
  <c r="AE71959" i="1"/>
  <c r="AE71960" i="1"/>
  <c r="AE71961" i="1"/>
  <c r="AE71962" i="1"/>
  <c r="AE71963" i="1"/>
  <c r="AE71964" i="1"/>
  <c r="AE71965" i="1"/>
  <c r="AE71966" i="1"/>
  <c r="AE71967" i="1"/>
  <c r="AE71968" i="1"/>
  <c r="AE71969" i="1"/>
  <c r="AE71970" i="1"/>
  <c r="AE71971" i="1"/>
  <c r="AE71972" i="1"/>
  <c r="AE71973" i="1"/>
  <c r="AE71974" i="1"/>
  <c r="AE71975" i="1"/>
  <c r="AE71976" i="1"/>
  <c r="AE71977" i="1"/>
  <c r="AE71978" i="1"/>
  <c r="AE71979" i="1"/>
  <c r="AE71980" i="1"/>
  <c r="AE71981" i="1"/>
  <c r="AE71982" i="1"/>
  <c r="AE71983" i="1"/>
  <c r="AE71984" i="1"/>
  <c r="AE71985" i="1"/>
  <c r="AE71986" i="1"/>
  <c r="AE71987" i="1"/>
  <c r="AE71988" i="1"/>
  <c r="AE71989" i="1"/>
  <c r="AE71990" i="1"/>
  <c r="AE71991" i="1"/>
  <c r="AE71992" i="1"/>
  <c r="AE71993" i="1"/>
  <c r="AE71994" i="1"/>
  <c r="AE71995" i="1"/>
  <c r="AE71996" i="1"/>
  <c r="AE71997" i="1"/>
  <c r="AE71998" i="1"/>
  <c r="AE71999" i="1"/>
  <c r="AE72000" i="1"/>
  <c r="AE72001" i="1"/>
  <c r="AE72002" i="1"/>
  <c r="AE72003" i="1"/>
  <c r="AE72004" i="1"/>
  <c r="AE72005" i="1"/>
  <c r="AE72006" i="1"/>
  <c r="AE72007" i="1"/>
  <c r="AE72008" i="1"/>
  <c r="AE72009" i="1"/>
  <c r="AE72010" i="1"/>
  <c r="AE72011" i="1"/>
  <c r="AE72012" i="1"/>
  <c r="AE72013" i="1"/>
  <c r="AE72014" i="1"/>
  <c r="AE72015" i="1"/>
  <c r="AE72016" i="1"/>
  <c r="AE72017" i="1"/>
  <c r="AE72018" i="1"/>
  <c r="AE72019" i="1"/>
  <c r="AE72020" i="1"/>
  <c r="AE72021" i="1"/>
  <c r="AE72022" i="1"/>
  <c r="AE72023" i="1"/>
  <c r="AE72024" i="1"/>
  <c r="AE72025" i="1"/>
  <c r="AE72026" i="1"/>
  <c r="AE72027" i="1"/>
  <c r="AE72028" i="1"/>
  <c r="AE72029" i="1"/>
  <c r="AE72030" i="1"/>
  <c r="AE72031" i="1"/>
  <c r="AE72032" i="1"/>
  <c r="AE72033" i="1"/>
  <c r="AE72034" i="1"/>
  <c r="AE72035" i="1"/>
  <c r="AE72036" i="1"/>
  <c r="AE72037" i="1"/>
  <c r="AE72038" i="1"/>
  <c r="AE72039" i="1"/>
  <c r="AE72040" i="1"/>
  <c r="AE72041" i="1"/>
  <c r="AE72042" i="1"/>
  <c r="AE72043" i="1"/>
  <c r="AE72044" i="1"/>
  <c r="AE72045" i="1"/>
  <c r="AE72046" i="1"/>
  <c r="AE72047" i="1"/>
  <c r="AE72048" i="1"/>
  <c r="AE72049" i="1"/>
  <c r="AE72050" i="1"/>
  <c r="AE72051" i="1"/>
  <c r="AE72052" i="1"/>
  <c r="AE72053" i="1"/>
  <c r="AE72054" i="1"/>
  <c r="AE72055" i="1"/>
  <c r="AE72056" i="1"/>
  <c r="AE72057" i="1"/>
  <c r="AE72058" i="1"/>
  <c r="AE72059" i="1"/>
  <c r="AE72060" i="1"/>
  <c r="AE72061" i="1"/>
  <c r="AE72062" i="1"/>
  <c r="AE72063" i="1"/>
  <c r="AE72064" i="1"/>
  <c r="AE72065" i="1"/>
  <c r="AE72066" i="1"/>
  <c r="AE72067" i="1"/>
  <c r="AE72068" i="1"/>
  <c r="AE72069" i="1"/>
  <c r="AE72070" i="1"/>
  <c r="AE72071" i="1"/>
  <c r="AE72072" i="1"/>
  <c r="AE72073" i="1"/>
  <c r="AE72074" i="1"/>
  <c r="AE72075" i="1"/>
  <c r="AE72076" i="1"/>
  <c r="AE72077" i="1"/>
  <c r="AE72078" i="1"/>
  <c r="AE72079" i="1"/>
  <c r="AE72080" i="1"/>
  <c r="AE72081" i="1"/>
  <c r="AE72082" i="1"/>
  <c r="AE72083" i="1"/>
  <c r="AE72084" i="1"/>
  <c r="AE72085" i="1"/>
  <c r="AE72086" i="1"/>
  <c r="AE72087" i="1"/>
  <c r="AE72088" i="1"/>
  <c r="AE72089" i="1"/>
  <c r="AE72090" i="1"/>
  <c r="AE72091" i="1"/>
  <c r="AE72092" i="1"/>
  <c r="AE72093" i="1"/>
  <c r="AE72094" i="1"/>
  <c r="AE72095" i="1"/>
  <c r="AE72096" i="1"/>
  <c r="AE72097" i="1"/>
  <c r="AE72098" i="1"/>
  <c r="AE72099" i="1"/>
  <c r="AE72100" i="1"/>
  <c r="AE72101" i="1"/>
  <c r="AE72102" i="1"/>
  <c r="AE72103" i="1"/>
  <c r="AE72104" i="1"/>
  <c r="AE72105" i="1"/>
  <c r="AE72106" i="1"/>
  <c r="AE72107" i="1"/>
  <c r="AE72108" i="1"/>
  <c r="AE72109" i="1"/>
  <c r="AE72110" i="1"/>
  <c r="AE72111" i="1"/>
  <c r="AE72112" i="1"/>
  <c r="AE72113" i="1"/>
  <c r="AE72114" i="1"/>
  <c r="AE72115" i="1"/>
  <c r="AE72116" i="1"/>
  <c r="AE72117" i="1"/>
  <c r="AE72118" i="1"/>
  <c r="AE72119" i="1"/>
  <c r="AE72120" i="1"/>
  <c r="AE72121" i="1"/>
  <c r="AE72122" i="1"/>
  <c r="AE72123" i="1"/>
  <c r="AE72124" i="1"/>
  <c r="AE72125" i="1"/>
  <c r="AE72126" i="1"/>
  <c r="AE72127" i="1"/>
  <c r="AE72128" i="1"/>
  <c r="AE72129" i="1"/>
  <c r="AE72130" i="1"/>
  <c r="AE72131" i="1"/>
  <c r="AE72132" i="1"/>
  <c r="AE72133" i="1"/>
  <c r="AE72134" i="1"/>
  <c r="AE72135" i="1"/>
  <c r="AE72136" i="1"/>
  <c r="AE72137" i="1"/>
  <c r="AE72138" i="1"/>
  <c r="AE72139" i="1"/>
  <c r="AE72140" i="1"/>
  <c r="AE72141" i="1"/>
  <c r="AE72142" i="1"/>
  <c r="AE72143" i="1"/>
  <c r="AE72144" i="1"/>
  <c r="AE72145" i="1"/>
  <c r="AE72146" i="1"/>
  <c r="AE72147" i="1"/>
  <c r="AE72148" i="1"/>
  <c r="AE72149" i="1"/>
  <c r="AE72150" i="1"/>
  <c r="AE72151" i="1"/>
  <c r="AE72152" i="1"/>
  <c r="AE72153" i="1"/>
  <c r="AE72154" i="1"/>
  <c r="AE72155" i="1"/>
  <c r="AE72156" i="1"/>
  <c r="AE72157" i="1"/>
  <c r="AE72158" i="1"/>
  <c r="AE72159" i="1"/>
  <c r="AE72160" i="1"/>
  <c r="AE72161" i="1"/>
  <c r="AE72162" i="1"/>
  <c r="AE72163" i="1"/>
  <c r="AE72164" i="1"/>
  <c r="AE72165" i="1"/>
  <c r="AE72166" i="1"/>
  <c r="AE72167" i="1"/>
  <c r="AE72168" i="1"/>
  <c r="AE72169" i="1"/>
  <c r="AE72170" i="1"/>
  <c r="AE72171" i="1"/>
  <c r="AE72172" i="1"/>
  <c r="AE72173" i="1"/>
  <c r="AE72174" i="1"/>
  <c r="AE72175" i="1"/>
  <c r="AE72176" i="1"/>
  <c r="AE72177" i="1"/>
  <c r="AE72178" i="1"/>
  <c r="AE72179" i="1"/>
  <c r="AE72180" i="1"/>
  <c r="AE72181" i="1"/>
  <c r="AE72182" i="1"/>
  <c r="AE72183" i="1"/>
  <c r="AE72184" i="1"/>
  <c r="AE72185" i="1"/>
  <c r="AE72186" i="1"/>
  <c r="AE72187" i="1"/>
  <c r="AE72188" i="1"/>
  <c r="AE72189" i="1"/>
  <c r="AE72190" i="1"/>
  <c r="AE72191" i="1"/>
  <c r="AE72192" i="1"/>
  <c r="AE72193" i="1"/>
  <c r="AE72194" i="1"/>
  <c r="AE72195" i="1"/>
  <c r="AE72196" i="1"/>
  <c r="AE72197" i="1"/>
  <c r="AE72198" i="1"/>
  <c r="AE72199" i="1"/>
  <c r="AE72200" i="1"/>
  <c r="AE72201" i="1"/>
  <c r="AE72202" i="1"/>
  <c r="AE72203" i="1"/>
  <c r="AE72204" i="1"/>
  <c r="AE72205" i="1"/>
  <c r="AE72206" i="1"/>
  <c r="AE72207" i="1"/>
  <c r="AE72208" i="1"/>
  <c r="AE72209" i="1"/>
  <c r="AE72210" i="1"/>
  <c r="AE72211" i="1"/>
  <c r="AE72212" i="1"/>
  <c r="AE72213" i="1"/>
  <c r="AE72214" i="1"/>
  <c r="AE72215" i="1"/>
  <c r="AE72216" i="1"/>
  <c r="AE72217" i="1"/>
  <c r="AE72218" i="1"/>
  <c r="AE72219" i="1"/>
  <c r="AE72220" i="1"/>
  <c r="AE72221" i="1"/>
  <c r="AE72222" i="1"/>
  <c r="AE72223" i="1"/>
  <c r="AE72224" i="1"/>
  <c r="AE72225" i="1"/>
  <c r="AE72226" i="1"/>
  <c r="AE72227" i="1"/>
  <c r="AE72228" i="1"/>
  <c r="AE72229" i="1"/>
  <c r="AE72230" i="1"/>
  <c r="AE72231" i="1"/>
  <c r="AE72232" i="1"/>
  <c r="AE72233" i="1"/>
  <c r="AE72234" i="1"/>
  <c r="AE72235" i="1"/>
  <c r="AE72236" i="1"/>
  <c r="AE72237" i="1"/>
  <c r="AE72238" i="1"/>
  <c r="AE72239" i="1"/>
  <c r="AE72240" i="1"/>
  <c r="AE72241" i="1"/>
  <c r="AE72242" i="1"/>
  <c r="AE72243" i="1"/>
  <c r="AE72244" i="1"/>
  <c r="AE72245" i="1"/>
  <c r="AE72246" i="1"/>
  <c r="AE72247" i="1"/>
  <c r="AE72248" i="1"/>
  <c r="AE72249" i="1"/>
  <c r="AE72250" i="1"/>
  <c r="AE72251" i="1"/>
  <c r="AE72252" i="1"/>
  <c r="AE72253" i="1"/>
  <c r="AE72254" i="1"/>
  <c r="AE72255" i="1"/>
  <c r="AE72256" i="1"/>
  <c r="AE72257" i="1"/>
  <c r="AE72258" i="1"/>
  <c r="AE72259" i="1"/>
  <c r="AE72260" i="1"/>
  <c r="AE72261" i="1"/>
  <c r="AE72262" i="1"/>
  <c r="AE72263" i="1"/>
  <c r="AE72264" i="1"/>
  <c r="AE72265" i="1"/>
  <c r="AE72266" i="1"/>
  <c r="AE72267" i="1"/>
  <c r="AE72268" i="1"/>
  <c r="AE72269" i="1"/>
  <c r="AE72270" i="1"/>
  <c r="AE72271" i="1"/>
  <c r="AE72272" i="1"/>
  <c r="AE72273" i="1"/>
  <c r="AE72274" i="1"/>
  <c r="AE72275" i="1"/>
  <c r="AE72276" i="1"/>
  <c r="AE72277" i="1"/>
  <c r="AE72278" i="1"/>
  <c r="AE72279" i="1"/>
  <c r="AE72280" i="1"/>
  <c r="AE72281" i="1"/>
  <c r="AE72282" i="1"/>
  <c r="AE72283" i="1"/>
  <c r="AE72284" i="1"/>
  <c r="AE72285" i="1"/>
  <c r="AE72286" i="1"/>
  <c r="AE72287" i="1"/>
  <c r="AE72288" i="1"/>
  <c r="AE72289" i="1"/>
  <c r="AE72290" i="1"/>
  <c r="AE72291" i="1"/>
  <c r="AE72292" i="1"/>
  <c r="AE72293" i="1"/>
  <c r="AE72294" i="1"/>
  <c r="AE72295" i="1"/>
  <c r="AE72296" i="1"/>
  <c r="AE72297" i="1"/>
  <c r="AE72298" i="1"/>
  <c r="AE72299" i="1"/>
  <c r="AE72300" i="1"/>
  <c r="AE72301" i="1"/>
  <c r="AE72302" i="1"/>
  <c r="AE72303" i="1"/>
  <c r="AE72304" i="1"/>
  <c r="AE72305" i="1"/>
  <c r="AE72306" i="1"/>
  <c r="AE72307" i="1"/>
  <c r="AE72308" i="1"/>
  <c r="AE72309" i="1"/>
  <c r="AE72310" i="1"/>
  <c r="AE72311" i="1"/>
  <c r="AE72312" i="1"/>
  <c r="AE72313" i="1"/>
  <c r="AE72314" i="1"/>
  <c r="AE72315" i="1"/>
  <c r="AE72316" i="1"/>
  <c r="AE72317" i="1"/>
  <c r="AE72318" i="1"/>
  <c r="AE72319" i="1"/>
  <c r="AE72320" i="1"/>
  <c r="AE72321" i="1"/>
  <c r="AE72322" i="1"/>
  <c r="AE72323" i="1"/>
  <c r="AE72324" i="1"/>
  <c r="AE72325" i="1"/>
  <c r="AE72326" i="1"/>
  <c r="AE72327" i="1"/>
  <c r="AE72328" i="1"/>
  <c r="AE72329" i="1"/>
  <c r="AE72330" i="1"/>
  <c r="AE72331" i="1"/>
  <c r="AE72332" i="1"/>
  <c r="AE72333" i="1"/>
  <c r="AE72334" i="1"/>
  <c r="AE72335" i="1"/>
  <c r="AE72336" i="1"/>
  <c r="AE72337" i="1"/>
  <c r="AE72338" i="1"/>
  <c r="AE72339" i="1"/>
  <c r="AE72340" i="1"/>
  <c r="AE72341" i="1"/>
  <c r="AE72342" i="1"/>
  <c r="AE72343" i="1"/>
  <c r="AE72344" i="1"/>
  <c r="AE72345" i="1"/>
  <c r="AE72346" i="1"/>
  <c r="AE72347" i="1"/>
  <c r="AE72348" i="1"/>
  <c r="AE72349" i="1"/>
  <c r="AE72350" i="1"/>
  <c r="AE72351" i="1"/>
  <c r="AE72352" i="1"/>
  <c r="AE72353" i="1"/>
  <c r="AE72354" i="1"/>
  <c r="AE72355" i="1"/>
  <c r="AE72356" i="1"/>
  <c r="AE72357" i="1"/>
  <c r="AE72358" i="1"/>
  <c r="AE72359" i="1"/>
  <c r="AE72360" i="1"/>
  <c r="AE72361" i="1"/>
  <c r="AE72362" i="1"/>
  <c r="AE72363" i="1"/>
  <c r="AE72364" i="1"/>
  <c r="AE72365" i="1"/>
  <c r="AE72366" i="1"/>
  <c r="AE72367" i="1"/>
  <c r="AE72368" i="1"/>
  <c r="AE72369" i="1"/>
  <c r="AE72370" i="1"/>
  <c r="AE72371" i="1"/>
  <c r="AE72372" i="1"/>
  <c r="AE72373" i="1"/>
  <c r="AE72374" i="1"/>
  <c r="AE72375" i="1"/>
  <c r="AE72376" i="1"/>
  <c r="AE72377" i="1"/>
  <c r="AE72378" i="1"/>
  <c r="AE72379" i="1"/>
  <c r="AE72380" i="1"/>
  <c r="AE72381" i="1"/>
  <c r="AE72382" i="1"/>
  <c r="AE72383" i="1"/>
  <c r="AE72384" i="1"/>
  <c r="AE72385" i="1"/>
  <c r="AE72386" i="1"/>
  <c r="AE72387" i="1"/>
  <c r="AE72388" i="1"/>
  <c r="AE72389" i="1"/>
  <c r="AE72390" i="1"/>
  <c r="AE72391" i="1"/>
  <c r="AE72392" i="1"/>
  <c r="AE72393" i="1"/>
  <c r="AE72394" i="1"/>
  <c r="AE72395" i="1"/>
  <c r="AE72396" i="1"/>
  <c r="AE72397" i="1"/>
  <c r="AE72398" i="1"/>
  <c r="AE72399" i="1"/>
  <c r="AE72400" i="1"/>
  <c r="AE72401" i="1"/>
  <c r="AE72402" i="1"/>
  <c r="AE72403" i="1"/>
  <c r="AE72404" i="1"/>
  <c r="AE72405" i="1"/>
  <c r="AE72406" i="1"/>
  <c r="AE72407" i="1"/>
  <c r="AE72408" i="1"/>
  <c r="AE72409" i="1"/>
  <c r="AE72410" i="1"/>
  <c r="AE72411" i="1"/>
  <c r="AE72412" i="1"/>
  <c r="AE72413" i="1"/>
  <c r="AE72414" i="1"/>
  <c r="AE72415" i="1"/>
  <c r="AE72416" i="1"/>
  <c r="AE72417" i="1"/>
  <c r="AE72418" i="1"/>
  <c r="AE72419" i="1"/>
  <c r="AE72420" i="1"/>
  <c r="AE72421" i="1"/>
  <c r="AE72422" i="1"/>
  <c r="AE72423" i="1"/>
  <c r="AE72424" i="1"/>
  <c r="AE72425" i="1"/>
  <c r="AE72426" i="1"/>
  <c r="AE72427" i="1"/>
  <c r="AE72428" i="1"/>
  <c r="AE72429" i="1"/>
  <c r="AE72430" i="1"/>
  <c r="AE72431" i="1"/>
  <c r="AE72432" i="1"/>
  <c r="AE72433" i="1"/>
  <c r="AE72434" i="1"/>
  <c r="AE72435" i="1"/>
  <c r="AE72436" i="1"/>
  <c r="AE72437" i="1"/>
  <c r="AE72438" i="1"/>
  <c r="AE72439" i="1"/>
  <c r="AE72440" i="1"/>
  <c r="AE72441" i="1"/>
  <c r="AE72442" i="1"/>
  <c r="AE72443" i="1"/>
  <c r="AE72444" i="1"/>
  <c r="AE72445" i="1"/>
  <c r="AE72446" i="1"/>
  <c r="AE72447" i="1"/>
  <c r="AE72448" i="1"/>
  <c r="AE72449" i="1"/>
  <c r="AE72450" i="1"/>
  <c r="AE72451" i="1"/>
  <c r="AE72452" i="1"/>
  <c r="AE72453" i="1"/>
  <c r="AE72454" i="1"/>
  <c r="AE72455" i="1"/>
  <c r="AE72456" i="1"/>
  <c r="AE72457" i="1"/>
  <c r="AE72458" i="1"/>
  <c r="AE72459" i="1"/>
  <c r="AE72460" i="1"/>
  <c r="AE72461" i="1"/>
  <c r="AE72462" i="1"/>
  <c r="AE72463" i="1"/>
  <c r="AE72464" i="1"/>
  <c r="AE72465" i="1"/>
  <c r="AE72466" i="1"/>
  <c r="AE72467" i="1"/>
  <c r="AE72468" i="1"/>
  <c r="AE72469" i="1"/>
  <c r="AE72470" i="1"/>
  <c r="AE72471" i="1"/>
  <c r="AE72472" i="1"/>
  <c r="AE72473" i="1"/>
  <c r="AE72474" i="1"/>
  <c r="AE72475" i="1"/>
  <c r="AE72476" i="1"/>
  <c r="AE72477" i="1"/>
  <c r="AE72478" i="1"/>
  <c r="AE72479" i="1"/>
  <c r="AE72480" i="1"/>
  <c r="AE72481" i="1"/>
  <c r="AE72482" i="1"/>
  <c r="AE72483" i="1"/>
  <c r="AE72484" i="1"/>
  <c r="AE72485" i="1"/>
  <c r="AE72486" i="1"/>
  <c r="AE72487" i="1"/>
  <c r="AE72488" i="1"/>
  <c r="AE72489" i="1"/>
  <c r="AE72490" i="1"/>
  <c r="AE72491" i="1"/>
  <c r="AE72492" i="1"/>
  <c r="AE72493" i="1"/>
  <c r="AE72494" i="1"/>
  <c r="AE72495" i="1"/>
  <c r="AE72496" i="1"/>
  <c r="AE72497" i="1"/>
  <c r="AE72498" i="1"/>
  <c r="AE72499" i="1"/>
  <c r="AE72500" i="1"/>
  <c r="AE72501" i="1"/>
  <c r="AE72502" i="1"/>
  <c r="AE72503" i="1"/>
  <c r="AE72504" i="1"/>
  <c r="AE72505" i="1"/>
  <c r="AE72506" i="1"/>
  <c r="AE72507" i="1"/>
  <c r="AE72508" i="1"/>
  <c r="AE72509" i="1"/>
  <c r="AE72510" i="1"/>
  <c r="AE72511" i="1"/>
  <c r="AE72512" i="1"/>
  <c r="AE72513" i="1"/>
  <c r="AE72514" i="1"/>
  <c r="AE72515" i="1"/>
  <c r="AE72516" i="1"/>
  <c r="AE72517" i="1"/>
  <c r="AE72518" i="1"/>
  <c r="AE72519" i="1"/>
  <c r="AE72520" i="1"/>
  <c r="AE72521" i="1"/>
  <c r="AE72522" i="1"/>
  <c r="AE72523" i="1"/>
  <c r="AE72524" i="1"/>
  <c r="AE72525" i="1"/>
  <c r="AE72526" i="1"/>
  <c r="AE72527" i="1"/>
  <c r="AE72528" i="1"/>
  <c r="AE72529" i="1"/>
  <c r="AE72530" i="1"/>
  <c r="AE72531" i="1"/>
  <c r="AE72532" i="1"/>
  <c r="AE72533" i="1"/>
  <c r="AE72534" i="1"/>
  <c r="AE72535" i="1"/>
  <c r="AE72536" i="1"/>
  <c r="AE72537" i="1"/>
  <c r="AE72538" i="1"/>
  <c r="AE72539" i="1"/>
  <c r="AE72540" i="1"/>
  <c r="AE72541" i="1"/>
  <c r="AE72542" i="1"/>
  <c r="AE72543" i="1"/>
  <c r="AE72544" i="1"/>
  <c r="AE72545" i="1"/>
  <c r="AE72546" i="1"/>
  <c r="AE72547" i="1"/>
  <c r="AE72548" i="1"/>
  <c r="AE72549" i="1"/>
  <c r="AE72550" i="1"/>
  <c r="AE72551" i="1"/>
  <c r="AE72552" i="1"/>
  <c r="AE72553" i="1"/>
  <c r="AE72554" i="1"/>
  <c r="AE72555" i="1"/>
  <c r="AE72556" i="1"/>
  <c r="AE72557" i="1"/>
  <c r="AE72558" i="1"/>
  <c r="AE72559" i="1"/>
  <c r="AE72560" i="1"/>
  <c r="AE72561" i="1"/>
  <c r="AE72562" i="1"/>
  <c r="AE72563" i="1"/>
  <c r="AE72564" i="1"/>
  <c r="AE72565" i="1"/>
  <c r="AE72566" i="1"/>
  <c r="AE72567" i="1"/>
  <c r="AE72568" i="1"/>
  <c r="AE72569" i="1"/>
  <c r="AE72570" i="1"/>
  <c r="AE72571" i="1"/>
  <c r="AE72572" i="1"/>
  <c r="AE72573" i="1"/>
  <c r="AE72574" i="1"/>
  <c r="AE72575" i="1"/>
  <c r="AE72576" i="1"/>
  <c r="AE72577" i="1"/>
  <c r="AE72578" i="1"/>
  <c r="AE72579" i="1"/>
  <c r="AE72580" i="1"/>
  <c r="AE72581" i="1"/>
  <c r="AE72582" i="1"/>
  <c r="AE72583" i="1"/>
  <c r="AE72584" i="1"/>
  <c r="AE72585" i="1"/>
  <c r="AE72586" i="1"/>
  <c r="AE72587" i="1"/>
  <c r="AE72588" i="1"/>
  <c r="AE72589" i="1"/>
  <c r="AE72590" i="1"/>
  <c r="AE72591" i="1"/>
  <c r="AE72592" i="1"/>
  <c r="AE72593" i="1"/>
  <c r="AE72594" i="1"/>
  <c r="AE72595" i="1"/>
  <c r="AE72596" i="1"/>
  <c r="AE72597" i="1"/>
  <c r="AE72598" i="1"/>
  <c r="AE72599" i="1"/>
  <c r="AE72600" i="1"/>
  <c r="AE72601" i="1"/>
  <c r="AE72602" i="1"/>
  <c r="AE72603" i="1"/>
  <c r="AE72604" i="1"/>
  <c r="AE72605" i="1"/>
  <c r="AE72606" i="1"/>
  <c r="AE72607" i="1"/>
  <c r="AE72608" i="1"/>
  <c r="AE72609" i="1"/>
  <c r="AE72610" i="1"/>
  <c r="AE72611" i="1"/>
  <c r="AE72612" i="1"/>
  <c r="AE72613" i="1"/>
  <c r="AE72614" i="1"/>
  <c r="AE72615" i="1"/>
  <c r="AE72616" i="1"/>
  <c r="AE72617" i="1"/>
  <c r="AE72618" i="1"/>
  <c r="AE72619" i="1"/>
  <c r="AE72620" i="1"/>
  <c r="AE72621" i="1"/>
  <c r="AE72622" i="1"/>
  <c r="AE72623" i="1"/>
  <c r="AE72624" i="1"/>
  <c r="AE72625" i="1"/>
  <c r="AE72626" i="1"/>
  <c r="AE72627" i="1"/>
  <c r="AE72628" i="1"/>
  <c r="AE72629" i="1"/>
  <c r="AE72630" i="1"/>
  <c r="AE72631" i="1"/>
  <c r="AE72632" i="1"/>
  <c r="AE72633" i="1"/>
  <c r="AE72634" i="1"/>
  <c r="AE72635" i="1"/>
  <c r="AE72636" i="1"/>
  <c r="AE72637" i="1"/>
  <c r="AE72638" i="1"/>
  <c r="AE72639" i="1"/>
  <c r="AE72640" i="1"/>
  <c r="AE72641" i="1"/>
  <c r="AE72642" i="1"/>
  <c r="AE72643" i="1"/>
  <c r="AE72644" i="1"/>
  <c r="AE72645" i="1"/>
  <c r="AE72646" i="1"/>
  <c r="AE72647" i="1"/>
  <c r="AE72648" i="1"/>
  <c r="AE72649" i="1"/>
  <c r="AE72650" i="1"/>
  <c r="AE72651" i="1"/>
  <c r="AE72652" i="1"/>
  <c r="AE72653" i="1"/>
  <c r="AE72654" i="1"/>
  <c r="AE72655" i="1"/>
  <c r="AE72656" i="1"/>
  <c r="AE72657" i="1"/>
  <c r="AE72658" i="1"/>
  <c r="AE72659" i="1"/>
  <c r="AE72660" i="1"/>
  <c r="AE72661" i="1"/>
  <c r="AE72662" i="1"/>
  <c r="AE72663" i="1"/>
  <c r="AE72664" i="1"/>
  <c r="AE72665" i="1"/>
  <c r="AE72666" i="1"/>
  <c r="AE72667" i="1"/>
  <c r="AE72668" i="1"/>
  <c r="AE72669" i="1"/>
  <c r="AE72670" i="1"/>
  <c r="AE72671" i="1"/>
  <c r="AE72672" i="1"/>
  <c r="AE72673" i="1"/>
  <c r="AE72674" i="1"/>
  <c r="AE72675" i="1"/>
  <c r="AE72676" i="1"/>
  <c r="AE72677" i="1"/>
  <c r="AE72678" i="1"/>
  <c r="AE72679" i="1"/>
  <c r="AE72680" i="1"/>
  <c r="AE72681" i="1"/>
  <c r="AE72682" i="1"/>
  <c r="AE72683" i="1"/>
  <c r="AE72684" i="1"/>
  <c r="AE72685" i="1"/>
  <c r="AE72686" i="1"/>
  <c r="AE72687" i="1"/>
  <c r="AE72688" i="1"/>
  <c r="AE72689" i="1"/>
  <c r="AE72690" i="1"/>
  <c r="AE72691" i="1"/>
  <c r="AE72692" i="1"/>
  <c r="AE72693" i="1"/>
  <c r="AE72694" i="1"/>
  <c r="AE72695" i="1"/>
  <c r="AE72696" i="1"/>
  <c r="AE72697" i="1"/>
  <c r="AE72698" i="1"/>
  <c r="AE72699" i="1"/>
  <c r="AE72700" i="1"/>
  <c r="AE72701" i="1"/>
  <c r="AE72702" i="1"/>
  <c r="AE72703" i="1"/>
  <c r="AE72704" i="1"/>
  <c r="AE72705" i="1"/>
  <c r="AE72706" i="1"/>
  <c r="AE72707" i="1"/>
  <c r="AE72708" i="1"/>
  <c r="AE72709" i="1"/>
  <c r="AE72710" i="1"/>
  <c r="AE72711" i="1"/>
  <c r="AE72712" i="1"/>
  <c r="AE72713" i="1"/>
  <c r="AE72714" i="1"/>
  <c r="AE72715" i="1"/>
  <c r="AE72716" i="1"/>
  <c r="AE72717" i="1"/>
  <c r="AE72718" i="1"/>
  <c r="AE72719" i="1"/>
  <c r="AE72720" i="1"/>
  <c r="AE72721" i="1"/>
  <c r="AE72722" i="1"/>
  <c r="AE72723" i="1"/>
  <c r="AE72724" i="1"/>
  <c r="AE72725" i="1"/>
  <c r="AE72726" i="1"/>
  <c r="AE72727" i="1"/>
  <c r="AE72728" i="1"/>
  <c r="AE72729" i="1"/>
  <c r="AE72730" i="1"/>
  <c r="AE72731" i="1"/>
  <c r="AE72732" i="1"/>
  <c r="AE72733" i="1"/>
  <c r="AE72734" i="1"/>
  <c r="AE72735" i="1"/>
  <c r="AE72736" i="1"/>
  <c r="AE72737" i="1"/>
  <c r="AE72738" i="1"/>
  <c r="AE72739" i="1"/>
  <c r="AE72740" i="1"/>
  <c r="AE72741" i="1"/>
  <c r="AE72742" i="1"/>
  <c r="AE72743" i="1"/>
  <c r="AE72744" i="1"/>
  <c r="AE72745" i="1"/>
  <c r="AE72746" i="1"/>
  <c r="AE72747" i="1"/>
  <c r="AE72748" i="1"/>
  <c r="AE72749" i="1"/>
  <c r="AE72750" i="1"/>
  <c r="AE72751" i="1"/>
  <c r="AE72752" i="1"/>
  <c r="AE72753" i="1"/>
  <c r="AE72754" i="1"/>
  <c r="AE72755" i="1"/>
  <c r="AE72756" i="1"/>
  <c r="AE72757" i="1"/>
  <c r="AE72758" i="1"/>
  <c r="AE72759" i="1"/>
  <c r="AE72760" i="1"/>
  <c r="AE72761" i="1"/>
  <c r="AE72762" i="1"/>
  <c r="AE72763" i="1"/>
  <c r="AE72764" i="1"/>
  <c r="AE72765" i="1"/>
  <c r="AE72766" i="1"/>
  <c r="AE72767" i="1"/>
  <c r="AE72768" i="1"/>
  <c r="AE72769" i="1"/>
  <c r="AE72770" i="1"/>
  <c r="AE72771" i="1"/>
  <c r="AE72772" i="1"/>
  <c r="AE72773" i="1"/>
  <c r="AE72774" i="1"/>
  <c r="AE72775" i="1"/>
  <c r="AE72776" i="1"/>
  <c r="AE72777" i="1"/>
  <c r="AE72778" i="1"/>
  <c r="AE72779" i="1"/>
  <c r="AE72780" i="1"/>
  <c r="AE72781" i="1"/>
  <c r="AE72782" i="1"/>
  <c r="AE72783" i="1"/>
  <c r="AE72784" i="1"/>
  <c r="AE72785" i="1"/>
  <c r="AE72786" i="1"/>
  <c r="AE72787" i="1"/>
  <c r="AE72788" i="1"/>
  <c r="AE72789" i="1"/>
  <c r="AE72790" i="1"/>
  <c r="AE72791" i="1"/>
  <c r="AE72792" i="1"/>
  <c r="AE72793" i="1"/>
  <c r="AE72794" i="1"/>
  <c r="AE72795" i="1"/>
  <c r="AE72796" i="1"/>
  <c r="AE72797" i="1"/>
  <c r="AE72798" i="1"/>
  <c r="AE72799" i="1"/>
  <c r="AE72800" i="1"/>
  <c r="AE72801" i="1"/>
  <c r="AE72802" i="1"/>
  <c r="AE72803" i="1"/>
  <c r="AE72804" i="1"/>
  <c r="AE72805" i="1"/>
  <c r="AE72806" i="1"/>
  <c r="AE72807" i="1"/>
  <c r="AE72808" i="1"/>
  <c r="AE72809" i="1"/>
  <c r="AE72810" i="1"/>
  <c r="AE72811" i="1"/>
  <c r="AE72812" i="1"/>
  <c r="AE72813" i="1"/>
  <c r="AE72814" i="1"/>
  <c r="AE72815" i="1"/>
  <c r="AE72816" i="1"/>
  <c r="AE72817" i="1"/>
  <c r="AE72818" i="1"/>
  <c r="AE72819" i="1"/>
  <c r="AE72820" i="1"/>
  <c r="AE72821" i="1"/>
  <c r="AE72822" i="1"/>
  <c r="AE72823" i="1"/>
  <c r="AE72824" i="1"/>
  <c r="AE72825" i="1"/>
  <c r="AE72826" i="1"/>
  <c r="AE72827" i="1"/>
  <c r="AE72828" i="1"/>
  <c r="AE72829" i="1"/>
  <c r="AE72830" i="1"/>
  <c r="AE72831" i="1"/>
  <c r="AE72832" i="1"/>
  <c r="AE72833" i="1"/>
  <c r="AE72834" i="1"/>
  <c r="AE72835" i="1"/>
  <c r="AE72836" i="1"/>
  <c r="AE72837" i="1"/>
  <c r="AE72838" i="1"/>
  <c r="AE72839" i="1"/>
  <c r="AE72840" i="1"/>
  <c r="AE72841" i="1"/>
  <c r="AE72842" i="1"/>
  <c r="AE72843" i="1"/>
  <c r="AE72844" i="1"/>
  <c r="AE72845" i="1"/>
  <c r="AE72846" i="1"/>
  <c r="AE72847" i="1"/>
  <c r="AE72848" i="1"/>
  <c r="AE72849" i="1"/>
  <c r="AE72850" i="1"/>
  <c r="AE72851" i="1"/>
  <c r="AE72852" i="1"/>
  <c r="AE72853" i="1"/>
  <c r="AE72854" i="1"/>
  <c r="AE72855" i="1"/>
  <c r="AE72856" i="1"/>
  <c r="AE72857" i="1"/>
  <c r="AE72858" i="1"/>
  <c r="AE72859" i="1"/>
  <c r="AE72860" i="1"/>
  <c r="AE72861" i="1"/>
  <c r="AE72862" i="1"/>
  <c r="AE72863" i="1"/>
  <c r="AE72864" i="1"/>
  <c r="AE72865" i="1"/>
  <c r="AE72866" i="1"/>
  <c r="AE72867" i="1"/>
  <c r="AE72868" i="1"/>
  <c r="AE72869" i="1"/>
  <c r="AE72870" i="1"/>
  <c r="AE72871" i="1"/>
  <c r="AE72872" i="1"/>
  <c r="AE72873" i="1"/>
  <c r="AE72874" i="1"/>
  <c r="AE72875" i="1"/>
  <c r="AE72876" i="1"/>
  <c r="AE72877" i="1"/>
  <c r="AE72878" i="1"/>
  <c r="AE72879" i="1"/>
  <c r="AE72880" i="1"/>
  <c r="AE72881" i="1"/>
  <c r="AE72882" i="1"/>
  <c r="AE72883" i="1"/>
  <c r="AE72884" i="1"/>
  <c r="AE72885" i="1"/>
  <c r="AE72886" i="1"/>
  <c r="AE72887" i="1"/>
  <c r="AE72888" i="1"/>
  <c r="AE72889" i="1"/>
  <c r="AE72890" i="1"/>
  <c r="AE72891" i="1"/>
  <c r="AE72892" i="1"/>
  <c r="AE72893" i="1"/>
  <c r="AE72894" i="1"/>
  <c r="AE72895" i="1"/>
  <c r="AE72896" i="1"/>
  <c r="AE72897" i="1"/>
  <c r="AE72898" i="1"/>
  <c r="AE72899" i="1"/>
  <c r="AE72900" i="1"/>
  <c r="AE72901" i="1"/>
  <c r="AE72902" i="1"/>
  <c r="AE72903" i="1"/>
  <c r="AE72904" i="1"/>
  <c r="AE72905" i="1"/>
  <c r="AE72906" i="1"/>
  <c r="AE72907" i="1"/>
  <c r="AE72908" i="1"/>
  <c r="AE72909" i="1"/>
  <c r="AE72910" i="1"/>
  <c r="AE72911" i="1"/>
  <c r="AE72912" i="1"/>
  <c r="AE72913" i="1"/>
  <c r="AE72914" i="1"/>
  <c r="AE72915" i="1"/>
  <c r="AE72916" i="1"/>
  <c r="AE72917" i="1"/>
  <c r="AE72918" i="1"/>
  <c r="AE72919" i="1"/>
  <c r="AE72920" i="1"/>
  <c r="AE72921" i="1"/>
  <c r="AE72922" i="1"/>
  <c r="AE72923" i="1"/>
  <c r="AE72924" i="1"/>
  <c r="AE72925" i="1"/>
  <c r="AE72926" i="1"/>
  <c r="AE72927" i="1"/>
  <c r="AE72928" i="1"/>
  <c r="AE72929" i="1"/>
  <c r="AE72930" i="1"/>
  <c r="AE72931" i="1"/>
  <c r="AE72932" i="1"/>
  <c r="AE72933" i="1"/>
  <c r="AE72934" i="1"/>
  <c r="AE72935" i="1"/>
  <c r="AE72936" i="1"/>
  <c r="AE72937" i="1"/>
  <c r="AE72938" i="1"/>
  <c r="AE72939" i="1"/>
  <c r="AE72940" i="1"/>
  <c r="AE72941" i="1"/>
  <c r="AE72942" i="1"/>
  <c r="AE72943" i="1"/>
  <c r="AE72944" i="1"/>
  <c r="AE72945" i="1"/>
  <c r="AE72946" i="1"/>
  <c r="AE72947" i="1"/>
  <c r="AE72948" i="1"/>
  <c r="AE72949" i="1"/>
  <c r="AE72950" i="1"/>
  <c r="AE72951" i="1"/>
  <c r="AE72952" i="1"/>
  <c r="AE72953" i="1"/>
  <c r="AE72954" i="1"/>
  <c r="AE72955" i="1"/>
  <c r="AE72956" i="1"/>
  <c r="AE72957" i="1"/>
  <c r="AE72958" i="1"/>
  <c r="AE72959" i="1"/>
  <c r="AE72960" i="1"/>
  <c r="AE72961" i="1"/>
  <c r="AE72962" i="1"/>
  <c r="AE72963" i="1"/>
  <c r="AE72964" i="1"/>
  <c r="AE72965" i="1"/>
  <c r="AE72966" i="1"/>
  <c r="AE72967" i="1"/>
  <c r="AE72968" i="1"/>
  <c r="AE72969" i="1"/>
  <c r="AE72970" i="1"/>
  <c r="AE72971" i="1"/>
  <c r="AE72972" i="1"/>
  <c r="AE72973" i="1"/>
  <c r="AE72974" i="1"/>
  <c r="AE72975" i="1"/>
  <c r="AE72976" i="1"/>
  <c r="AE72977" i="1"/>
  <c r="AE72978" i="1"/>
  <c r="AE72979" i="1"/>
  <c r="AE72980" i="1"/>
  <c r="AE72981" i="1"/>
  <c r="AE72982" i="1"/>
  <c r="AE72983" i="1"/>
  <c r="AE72984" i="1"/>
  <c r="AE72985" i="1"/>
  <c r="AE72986" i="1"/>
  <c r="AE72987" i="1"/>
  <c r="AE72988" i="1"/>
  <c r="AE72989" i="1"/>
  <c r="AE72990" i="1"/>
  <c r="AE72991" i="1"/>
  <c r="AE72992" i="1"/>
  <c r="AE72993" i="1"/>
  <c r="AE72994" i="1"/>
  <c r="AE72995" i="1"/>
  <c r="AE72996" i="1"/>
  <c r="AE72997" i="1"/>
  <c r="AE72998" i="1"/>
  <c r="AE72999" i="1"/>
  <c r="AE73000" i="1"/>
  <c r="AE73001" i="1"/>
  <c r="AE73002" i="1"/>
  <c r="AE73003" i="1"/>
  <c r="AE73004" i="1"/>
  <c r="AE73005" i="1"/>
  <c r="AE73006" i="1"/>
  <c r="AE73007" i="1"/>
  <c r="AE73008" i="1"/>
  <c r="AE73009" i="1"/>
  <c r="AE73010" i="1"/>
  <c r="AE73011" i="1"/>
  <c r="AE73012" i="1"/>
  <c r="AE73013" i="1"/>
  <c r="AE73014" i="1"/>
  <c r="AE73015" i="1"/>
  <c r="AE73016" i="1"/>
  <c r="AE73017" i="1"/>
  <c r="AE73018" i="1"/>
  <c r="AE73019" i="1"/>
  <c r="AE73020" i="1"/>
  <c r="AE73021" i="1"/>
  <c r="AE73022" i="1"/>
  <c r="AE73023" i="1"/>
  <c r="AE73024" i="1"/>
  <c r="AE73025" i="1"/>
  <c r="AE73026" i="1"/>
  <c r="AE73027" i="1"/>
  <c r="AE73028" i="1"/>
  <c r="AE73029" i="1"/>
  <c r="AE73030" i="1"/>
  <c r="AE73031" i="1"/>
  <c r="AE73032" i="1"/>
  <c r="AE73033" i="1"/>
  <c r="AE73034" i="1"/>
  <c r="AE73035" i="1"/>
  <c r="AE73036" i="1"/>
  <c r="AE73037" i="1"/>
  <c r="AE73038" i="1"/>
  <c r="AE73039" i="1"/>
  <c r="AE73040" i="1"/>
  <c r="AE73041" i="1"/>
  <c r="AE73042" i="1"/>
  <c r="AE73043" i="1"/>
  <c r="AE73044" i="1"/>
  <c r="AE73045" i="1"/>
  <c r="AE73046" i="1"/>
  <c r="AE73047" i="1"/>
  <c r="AE73048" i="1"/>
  <c r="AE73049" i="1"/>
  <c r="AE73050" i="1"/>
  <c r="AE73051" i="1"/>
  <c r="AE73052" i="1"/>
  <c r="AE73053" i="1"/>
  <c r="AE73054" i="1"/>
  <c r="AE73055" i="1"/>
  <c r="AE73056" i="1"/>
  <c r="AE73057" i="1"/>
  <c r="AE73058" i="1"/>
  <c r="AE73059" i="1"/>
  <c r="AE73060" i="1"/>
  <c r="AE73061" i="1"/>
  <c r="AE73062" i="1"/>
  <c r="AE73063" i="1"/>
  <c r="AE73064" i="1"/>
  <c r="AE73065" i="1"/>
  <c r="AE73066" i="1"/>
  <c r="AE73067" i="1"/>
  <c r="AE73068" i="1"/>
  <c r="AE73069" i="1"/>
  <c r="AE73070" i="1"/>
  <c r="AE73071" i="1"/>
  <c r="AE73072" i="1"/>
  <c r="AE73073" i="1"/>
  <c r="AE73074" i="1"/>
  <c r="AE73075" i="1"/>
  <c r="AE73076" i="1"/>
  <c r="AE73077" i="1"/>
  <c r="AE73078" i="1"/>
  <c r="AE73079" i="1"/>
  <c r="AE73080" i="1"/>
  <c r="AE73081" i="1"/>
  <c r="AE73082" i="1"/>
  <c r="AE73083" i="1"/>
  <c r="AE73084" i="1"/>
  <c r="AE73085" i="1"/>
  <c r="AE73086" i="1"/>
  <c r="AE73087" i="1"/>
  <c r="AE73088" i="1"/>
  <c r="AE73089" i="1"/>
  <c r="AE73090" i="1"/>
  <c r="AE73091" i="1"/>
  <c r="AE73092" i="1"/>
  <c r="AE73093" i="1"/>
  <c r="AE73094" i="1"/>
  <c r="AE73095" i="1"/>
  <c r="AE73096" i="1"/>
  <c r="AE73097" i="1"/>
  <c r="AE73098" i="1"/>
  <c r="AE73099" i="1"/>
  <c r="AE73100" i="1"/>
  <c r="AE73101" i="1"/>
  <c r="AE73102" i="1"/>
  <c r="AE73103" i="1"/>
  <c r="AE73104" i="1"/>
  <c r="AE73105" i="1"/>
  <c r="AE73106" i="1"/>
  <c r="AE73107" i="1"/>
  <c r="AE73108" i="1"/>
  <c r="AE73109" i="1"/>
  <c r="AE73110" i="1"/>
  <c r="AE73111" i="1"/>
  <c r="AE73112" i="1"/>
  <c r="AE73113" i="1"/>
  <c r="AE73114" i="1"/>
  <c r="AE73115" i="1"/>
  <c r="AE73116" i="1"/>
  <c r="AE73117" i="1"/>
  <c r="AE73118" i="1"/>
  <c r="AE73119" i="1"/>
  <c r="AE73120" i="1"/>
  <c r="AE73121" i="1"/>
  <c r="AE73122" i="1"/>
  <c r="AE73123" i="1"/>
  <c r="AE73124" i="1"/>
  <c r="AE73125" i="1"/>
  <c r="AE73126" i="1"/>
  <c r="AE73127" i="1"/>
  <c r="AE73128" i="1"/>
  <c r="AE73129" i="1"/>
  <c r="AE73130" i="1"/>
  <c r="AE73131" i="1"/>
  <c r="AE73132" i="1"/>
  <c r="AE73133" i="1"/>
  <c r="AE73134" i="1"/>
  <c r="AE73135" i="1"/>
  <c r="AE73136" i="1"/>
  <c r="AE73137" i="1"/>
  <c r="AE73138" i="1"/>
  <c r="AE73139" i="1"/>
  <c r="AE73140" i="1"/>
  <c r="AE73141" i="1"/>
  <c r="AE73142" i="1"/>
  <c r="AE73143" i="1"/>
  <c r="AE73144" i="1"/>
  <c r="AE73145" i="1"/>
  <c r="AE73146" i="1"/>
  <c r="AE73147" i="1"/>
  <c r="AE73148" i="1"/>
  <c r="AE73149" i="1"/>
  <c r="AE73150" i="1"/>
  <c r="AE73151" i="1"/>
  <c r="AE73152" i="1"/>
  <c r="AE73153" i="1"/>
  <c r="AE73154" i="1"/>
  <c r="AE73155" i="1"/>
  <c r="AE73156" i="1"/>
  <c r="AE73157" i="1"/>
  <c r="AE73158" i="1"/>
  <c r="AE73159" i="1"/>
  <c r="AE73160" i="1"/>
  <c r="AE73161" i="1"/>
  <c r="AE73162" i="1"/>
  <c r="AE73163" i="1"/>
  <c r="AE73164" i="1"/>
  <c r="AE73165" i="1"/>
  <c r="AE73166" i="1"/>
  <c r="AE73167" i="1"/>
  <c r="AE73168" i="1"/>
  <c r="AE73169" i="1"/>
  <c r="AE73170" i="1"/>
  <c r="AE73171" i="1"/>
  <c r="AE73172" i="1"/>
  <c r="AE73173" i="1"/>
  <c r="AE73174" i="1"/>
  <c r="AE73175" i="1"/>
  <c r="AE73176" i="1"/>
  <c r="AE73177" i="1"/>
  <c r="AE73178" i="1"/>
  <c r="AE73179" i="1"/>
  <c r="AE73180" i="1"/>
  <c r="AE73181" i="1"/>
  <c r="AE73182" i="1"/>
  <c r="AE73183" i="1"/>
  <c r="AE73184" i="1"/>
  <c r="AE73185" i="1"/>
  <c r="AE73186" i="1"/>
  <c r="AE73187" i="1"/>
  <c r="AE73188" i="1"/>
  <c r="AE73189" i="1"/>
  <c r="AE73190" i="1"/>
  <c r="AE73191" i="1"/>
  <c r="AE73192" i="1"/>
  <c r="AE73193" i="1"/>
  <c r="AE73194" i="1"/>
  <c r="AE73195" i="1"/>
  <c r="AE73196" i="1"/>
  <c r="AE73197" i="1"/>
  <c r="AE73198" i="1"/>
  <c r="AE73199" i="1"/>
  <c r="AE73200" i="1"/>
  <c r="AE73201" i="1"/>
  <c r="AE73202" i="1"/>
  <c r="AE73203" i="1"/>
  <c r="AE73204" i="1"/>
  <c r="AE73205" i="1"/>
  <c r="AE73206" i="1"/>
  <c r="AE73207" i="1"/>
  <c r="AE73208" i="1"/>
  <c r="AE73209" i="1"/>
  <c r="AE73210" i="1"/>
  <c r="AE73211" i="1"/>
  <c r="AE73212" i="1"/>
  <c r="AE73213" i="1"/>
  <c r="AE73214" i="1"/>
  <c r="AE73215" i="1"/>
  <c r="AE73216" i="1"/>
  <c r="AE73217" i="1"/>
  <c r="AE73218" i="1"/>
  <c r="AE73219" i="1"/>
  <c r="AE73220" i="1"/>
  <c r="AE73221" i="1"/>
  <c r="AE73222" i="1"/>
  <c r="AE73223" i="1"/>
  <c r="AE73224" i="1"/>
  <c r="AE73225" i="1"/>
  <c r="AE73226" i="1"/>
  <c r="AE73227" i="1"/>
  <c r="AE73228" i="1"/>
  <c r="AE73229" i="1"/>
  <c r="AE73230" i="1"/>
  <c r="AE73231" i="1"/>
  <c r="AE73232" i="1"/>
  <c r="AE73233" i="1"/>
  <c r="AE73234" i="1"/>
  <c r="AE73235" i="1"/>
  <c r="AE73236" i="1"/>
  <c r="AE73237" i="1"/>
  <c r="AE73238" i="1"/>
  <c r="AE73239" i="1"/>
  <c r="AE73240" i="1"/>
  <c r="AE73241" i="1"/>
  <c r="AE73242" i="1"/>
  <c r="AE73243" i="1"/>
  <c r="AE73244" i="1"/>
  <c r="AE73245" i="1"/>
  <c r="AE73246" i="1"/>
  <c r="AE73247" i="1"/>
  <c r="AE73248" i="1"/>
  <c r="AE73249" i="1"/>
  <c r="AE73250" i="1"/>
  <c r="AE73251" i="1"/>
  <c r="AE73252" i="1"/>
  <c r="AE73253" i="1"/>
  <c r="AE73254" i="1"/>
  <c r="AE73255" i="1"/>
  <c r="AE73256" i="1"/>
  <c r="AE73257" i="1"/>
  <c r="AE73258" i="1"/>
  <c r="AE73259" i="1"/>
  <c r="AE73260" i="1"/>
  <c r="AE73261" i="1"/>
  <c r="AE73262" i="1"/>
  <c r="AE73263" i="1"/>
  <c r="AE73264" i="1"/>
  <c r="AE73265" i="1"/>
  <c r="AE73266" i="1"/>
  <c r="AE73267" i="1"/>
  <c r="AE73268" i="1"/>
  <c r="AE73269" i="1"/>
  <c r="AE73270" i="1"/>
  <c r="AE73271" i="1"/>
  <c r="AE73272" i="1"/>
  <c r="AE73273" i="1"/>
  <c r="AE73274" i="1"/>
  <c r="AE73275" i="1"/>
  <c r="AE73276" i="1"/>
  <c r="AE73277" i="1"/>
  <c r="AE73278" i="1"/>
  <c r="AE73279" i="1"/>
  <c r="AE73280" i="1"/>
  <c r="AE73281" i="1"/>
  <c r="AE73282" i="1"/>
  <c r="AE73283" i="1"/>
  <c r="AE73284" i="1"/>
  <c r="AE73285" i="1"/>
  <c r="AE73286" i="1"/>
  <c r="AE73287" i="1"/>
  <c r="AE73288" i="1"/>
  <c r="AE73289" i="1"/>
  <c r="AE73290" i="1"/>
  <c r="AE73291" i="1"/>
  <c r="AE73292" i="1"/>
  <c r="AE73293" i="1"/>
  <c r="AE73294" i="1"/>
  <c r="AE73295" i="1"/>
  <c r="AE73296" i="1"/>
  <c r="AE73297" i="1"/>
  <c r="AE73298" i="1"/>
  <c r="AE73299" i="1"/>
  <c r="AE73300" i="1"/>
  <c r="AE73301" i="1"/>
  <c r="AE73302" i="1"/>
  <c r="AE73303" i="1"/>
  <c r="AE73304" i="1"/>
  <c r="AE73305" i="1"/>
  <c r="AE73306" i="1"/>
  <c r="AE73307" i="1"/>
  <c r="AE73308" i="1"/>
  <c r="AE73309" i="1"/>
  <c r="AE73310" i="1"/>
  <c r="AE73311" i="1"/>
  <c r="AE73312" i="1"/>
  <c r="AE73313" i="1"/>
  <c r="AE73314" i="1"/>
  <c r="AE73315" i="1"/>
  <c r="AE73316" i="1"/>
  <c r="AE73317" i="1"/>
  <c r="AE73318" i="1"/>
  <c r="AE73319" i="1"/>
  <c r="AE73320" i="1"/>
  <c r="AE73321" i="1"/>
  <c r="AE73322" i="1"/>
  <c r="AE73323" i="1"/>
  <c r="AE73324" i="1"/>
  <c r="AE73325" i="1"/>
  <c r="AE73326" i="1"/>
  <c r="AE73327" i="1"/>
  <c r="AE73328" i="1"/>
  <c r="AE73329" i="1"/>
  <c r="AE73330" i="1"/>
  <c r="AE73331" i="1"/>
  <c r="AE73332" i="1"/>
  <c r="AE73333" i="1"/>
  <c r="AE73334" i="1"/>
  <c r="AE73335" i="1"/>
  <c r="AE73336" i="1"/>
  <c r="AE73337" i="1"/>
  <c r="AE73338" i="1"/>
  <c r="AE73339" i="1"/>
  <c r="AE73340" i="1"/>
  <c r="AE73341" i="1"/>
  <c r="AE73342" i="1"/>
  <c r="AE73343" i="1"/>
  <c r="AE73344" i="1"/>
  <c r="AE73345" i="1"/>
  <c r="AE73346" i="1"/>
  <c r="AE73347" i="1"/>
  <c r="AE73348" i="1"/>
  <c r="AE73349" i="1"/>
  <c r="AE73350" i="1"/>
  <c r="AE73351" i="1"/>
  <c r="AE73352" i="1"/>
  <c r="AE73353" i="1"/>
  <c r="AE73354" i="1"/>
  <c r="AE73355" i="1"/>
  <c r="AE73356" i="1"/>
  <c r="AE73357" i="1"/>
  <c r="AE73358" i="1"/>
  <c r="AE73359" i="1"/>
  <c r="AE73360" i="1"/>
  <c r="AE73361" i="1"/>
  <c r="AE73362" i="1"/>
  <c r="AE73363" i="1"/>
  <c r="AE73364" i="1"/>
  <c r="AE73365" i="1"/>
  <c r="AE73366" i="1"/>
  <c r="AE73367" i="1"/>
  <c r="AE73368" i="1"/>
  <c r="AE73369" i="1"/>
  <c r="AE73370" i="1"/>
  <c r="AE73371" i="1"/>
  <c r="AE73372" i="1"/>
  <c r="AE73373" i="1"/>
  <c r="AE73374" i="1"/>
  <c r="AE73375" i="1"/>
  <c r="AE73376" i="1"/>
  <c r="AE73377" i="1"/>
  <c r="AE73378" i="1"/>
  <c r="AE73379" i="1"/>
  <c r="AE73380" i="1"/>
  <c r="AE73381" i="1"/>
  <c r="AE73382" i="1"/>
  <c r="AE73383" i="1"/>
  <c r="AE73384" i="1"/>
  <c r="AE73385" i="1"/>
  <c r="AE73386" i="1"/>
  <c r="AE73387" i="1"/>
  <c r="AE73388" i="1"/>
  <c r="AE73389" i="1"/>
  <c r="AE73390" i="1"/>
  <c r="AE73391" i="1"/>
  <c r="AE73392" i="1"/>
  <c r="AE73393" i="1"/>
  <c r="AE73394" i="1"/>
  <c r="AE73395" i="1"/>
  <c r="AE73396" i="1"/>
  <c r="AE73397" i="1"/>
  <c r="AE73398" i="1"/>
  <c r="AE73399" i="1"/>
  <c r="AE73400" i="1"/>
  <c r="AE73401" i="1"/>
  <c r="AE73402" i="1"/>
  <c r="AE73403" i="1"/>
  <c r="AE73404" i="1"/>
  <c r="AE73405" i="1"/>
  <c r="AE73406" i="1"/>
  <c r="AE73407" i="1"/>
  <c r="AE73408" i="1"/>
  <c r="AE73409" i="1"/>
  <c r="AE73410" i="1"/>
  <c r="AE73411" i="1"/>
  <c r="AE73412" i="1"/>
  <c r="AE73413" i="1"/>
  <c r="AE73414" i="1"/>
  <c r="AE73415" i="1"/>
  <c r="AE73416" i="1"/>
  <c r="AE73417" i="1"/>
  <c r="AE73418" i="1"/>
  <c r="AE73419" i="1"/>
  <c r="AE73420" i="1"/>
  <c r="AE73421" i="1"/>
  <c r="AE73422" i="1"/>
  <c r="AE73423" i="1"/>
  <c r="AE73424" i="1"/>
  <c r="AE73425" i="1"/>
  <c r="AE73426" i="1"/>
  <c r="AE73427" i="1"/>
  <c r="AE73428" i="1"/>
  <c r="AE73429" i="1"/>
  <c r="AE73430" i="1"/>
  <c r="AE73431" i="1"/>
  <c r="AE73432" i="1"/>
  <c r="AE73433" i="1"/>
  <c r="AE73434" i="1"/>
  <c r="AE73435" i="1"/>
  <c r="AE73436" i="1"/>
  <c r="AE73437" i="1"/>
  <c r="AE73438" i="1"/>
  <c r="AE73439" i="1"/>
  <c r="AE73440" i="1"/>
  <c r="AE73441" i="1"/>
  <c r="AE73442" i="1"/>
  <c r="AE73443" i="1"/>
  <c r="AE73444" i="1"/>
  <c r="AE73445" i="1"/>
  <c r="AE73446" i="1"/>
  <c r="AE73447" i="1"/>
  <c r="AE73448" i="1"/>
  <c r="AE73449" i="1"/>
  <c r="AE73450" i="1"/>
  <c r="AE73451" i="1"/>
  <c r="AE73452" i="1"/>
  <c r="AE73453" i="1"/>
  <c r="AE73454" i="1"/>
  <c r="AE73455" i="1"/>
  <c r="AE73456" i="1"/>
  <c r="AE73457" i="1"/>
  <c r="AE73458" i="1"/>
  <c r="AE73459" i="1"/>
  <c r="AE73460" i="1"/>
  <c r="AE73461" i="1"/>
  <c r="AE73462" i="1"/>
  <c r="AE73463" i="1"/>
  <c r="AE73464" i="1"/>
  <c r="AE73465" i="1"/>
  <c r="AE73466" i="1"/>
  <c r="AE73467" i="1"/>
  <c r="AE73468" i="1"/>
  <c r="AE73469" i="1"/>
  <c r="AE73470" i="1"/>
  <c r="AE73471" i="1"/>
  <c r="AE73472" i="1"/>
  <c r="AE73473" i="1"/>
  <c r="AE73474" i="1"/>
  <c r="AE73475" i="1"/>
  <c r="AE73476" i="1"/>
  <c r="AE73477" i="1"/>
  <c r="AE73478" i="1"/>
  <c r="AE73479" i="1"/>
  <c r="AE73480" i="1"/>
  <c r="AE73481" i="1"/>
  <c r="AE73482" i="1"/>
  <c r="AE73483" i="1"/>
  <c r="AE73484" i="1"/>
  <c r="AE73485" i="1"/>
  <c r="AE73486" i="1"/>
  <c r="AE73487" i="1"/>
  <c r="AE73488" i="1"/>
  <c r="AE73489" i="1"/>
  <c r="AE73490" i="1"/>
  <c r="AE73491" i="1"/>
  <c r="AE73492" i="1"/>
  <c r="AE73493" i="1"/>
  <c r="AE73494" i="1"/>
  <c r="AE73495" i="1"/>
  <c r="AE73496" i="1"/>
  <c r="AE73497" i="1"/>
  <c r="AE73498" i="1"/>
  <c r="AE73499" i="1"/>
  <c r="AE73500" i="1"/>
  <c r="AE73501" i="1"/>
  <c r="AE73502" i="1"/>
  <c r="AE73503" i="1"/>
  <c r="AE73504" i="1"/>
  <c r="AE73505" i="1"/>
  <c r="AE73506" i="1"/>
  <c r="AE73507" i="1"/>
  <c r="AE73508" i="1"/>
  <c r="AE73509" i="1"/>
  <c r="AE73510" i="1"/>
  <c r="AE73511" i="1"/>
  <c r="AE73512" i="1"/>
  <c r="AE73513" i="1"/>
  <c r="AE73514" i="1"/>
  <c r="AE73515" i="1"/>
  <c r="AE73516" i="1"/>
  <c r="AE73517" i="1"/>
  <c r="AE73518" i="1"/>
  <c r="AE73519" i="1"/>
  <c r="AE73520" i="1"/>
  <c r="AE73521" i="1"/>
  <c r="AE73522" i="1"/>
  <c r="AE73523" i="1"/>
  <c r="AE73524" i="1"/>
  <c r="AE73525" i="1"/>
  <c r="AE73526" i="1"/>
  <c r="AE73527" i="1"/>
  <c r="AE73528" i="1"/>
  <c r="AE73529" i="1"/>
  <c r="AE73530" i="1"/>
  <c r="AE73531" i="1"/>
  <c r="AE73532" i="1"/>
  <c r="AE73533" i="1"/>
  <c r="AE73534" i="1"/>
  <c r="AE73535" i="1"/>
  <c r="AE73536" i="1"/>
  <c r="AE73537" i="1"/>
  <c r="AE73538" i="1"/>
  <c r="AE73539" i="1"/>
  <c r="AE73540" i="1"/>
  <c r="AE73541" i="1"/>
  <c r="AE73542" i="1"/>
  <c r="AE73543" i="1"/>
  <c r="AE73544" i="1"/>
  <c r="AE73545" i="1"/>
  <c r="AE73546" i="1"/>
  <c r="AE73547" i="1"/>
  <c r="AE73548" i="1"/>
  <c r="AE73549" i="1"/>
  <c r="AE73550" i="1"/>
  <c r="AE73551" i="1"/>
  <c r="AE73552" i="1"/>
  <c r="AE73553" i="1"/>
  <c r="AE73554" i="1"/>
  <c r="AE73555" i="1"/>
  <c r="AE73556" i="1"/>
  <c r="AE73557" i="1"/>
  <c r="AE73558" i="1"/>
  <c r="AE73559" i="1"/>
  <c r="AE73560" i="1"/>
  <c r="AE73561" i="1"/>
  <c r="AE73562" i="1"/>
  <c r="AE73563" i="1"/>
  <c r="AE73564" i="1"/>
  <c r="AE73565" i="1"/>
  <c r="AE73566" i="1"/>
  <c r="AE73567" i="1"/>
  <c r="AE73568" i="1"/>
  <c r="AE73569" i="1"/>
  <c r="AE73570" i="1"/>
  <c r="AE73571" i="1"/>
  <c r="AE73572" i="1"/>
  <c r="AE73573" i="1"/>
  <c r="AE73574" i="1"/>
  <c r="AE73575" i="1"/>
  <c r="AE73576" i="1"/>
  <c r="AE73577" i="1"/>
  <c r="AE73578" i="1"/>
  <c r="AE73579" i="1"/>
  <c r="AE73580" i="1"/>
  <c r="AE73581" i="1"/>
  <c r="AE73582" i="1"/>
  <c r="AE73583" i="1"/>
  <c r="AE73584" i="1"/>
  <c r="AE73585" i="1"/>
  <c r="AE73586" i="1"/>
  <c r="AE73587" i="1"/>
  <c r="AE73588" i="1"/>
  <c r="AE73589" i="1"/>
  <c r="AE73590" i="1"/>
  <c r="AE73591" i="1"/>
  <c r="AE73592" i="1"/>
  <c r="AE73593" i="1"/>
  <c r="AE73594" i="1"/>
  <c r="AE73595" i="1"/>
  <c r="AE73596" i="1"/>
  <c r="AE73597" i="1"/>
  <c r="AE73598" i="1"/>
  <c r="AE73599" i="1"/>
  <c r="AE73600" i="1"/>
  <c r="AE73601" i="1"/>
  <c r="AE73602" i="1"/>
  <c r="AE73603" i="1"/>
  <c r="AE73604" i="1"/>
  <c r="AE73605" i="1"/>
  <c r="AE73606" i="1"/>
  <c r="AE73607" i="1"/>
  <c r="AE73608" i="1"/>
  <c r="AE73609" i="1"/>
  <c r="AE73610" i="1"/>
  <c r="AE73611" i="1"/>
  <c r="AE73612" i="1"/>
  <c r="AE73613" i="1"/>
  <c r="AE73614" i="1"/>
  <c r="AE73615" i="1"/>
  <c r="AE73616" i="1"/>
  <c r="AE73617" i="1"/>
  <c r="AE73618" i="1"/>
  <c r="AE73619" i="1"/>
  <c r="AE73620" i="1"/>
  <c r="AE73621" i="1"/>
  <c r="AE73622" i="1"/>
  <c r="AE73623" i="1"/>
  <c r="AE73624" i="1"/>
  <c r="AE73625" i="1"/>
  <c r="AE73626" i="1"/>
  <c r="AE73627" i="1"/>
  <c r="AE73628" i="1"/>
  <c r="AE73629" i="1"/>
  <c r="AE73630" i="1"/>
  <c r="AE73631" i="1"/>
  <c r="AE73632" i="1"/>
  <c r="AE73633" i="1"/>
  <c r="AE73634" i="1"/>
  <c r="AE73635" i="1"/>
  <c r="AE73636" i="1"/>
  <c r="AE73637" i="1"/>
  <c r="AE73638" i="1"/>
  <c r="AE73639" i="1"/>
  <c r="AE73640" i="1"/>
  <c r="AE73641" i="1"/>
  <c r="AE73642" i="1"/>
  <c r="AE73643" i="1"/>
  <c r="AE73644" i="1"/>
  <c r="AE73645" i="1"/>
  <c r="AE73646" i="1"/>
  <c r="AE73647" i="1"/>
  <c r="AE73648" i="1"/>
  <c r="AE73649" i="1"/>
  <c r="AE73650" i="1"/>
  <c r="AE73651" i="1"/>
  <c r="AE73652" i="1"/>
  <c r="AE73653" i="1"/>
  <c r="AE73654" i="1"/>
  <c r="AE73655" i="1"/>
  <c r="AE73656" i="1"/>
  <c r="AE73657" i="1"/>
  <c r="AE73658" i="1"/>
  <c r="AE73659" i="1"/>
  <c r="AE73660" i="1"/>
  <c r="AE73661" i="1"/>
  <c r="AE73662" i="1"/>
  <c r="AE73663" i="1"/>
  <c r="AE73664" i="1"/>
  <c r="AE73665" i="1"/>
  <c r="AE73666" i="1"/>
  <c r="AE73667" i="1"/>
  <c r="AE73668" i="1"/>
  <c r="AE73669" i="1"/>
  <c r="AE73670" i="1"/>
  <c r="AE73671" i="1"/>
  <c r="AE73672" i="1"/>
  <c r="AE73673" i="1"/>
  <c r="AE73674" i="1"/>
  <c r="AE73675" i="1"/>
  <c r="AE73676" i="1"/>
  <c r="AE73677" i="1"/>
  <c r="AE73678" i="1"/>
  <c r="AE73679" i="1"/>
  <c r="AE73680" i="1"/>
  <c r="AE73681" i="1"/>
  <c r="AE73682" i="1"/>
  <c r="AE73683" i="1"/>
  <c r="AE73684" i="1"/>
  <c r="AE73685" i="1"/>
  <c r="AE73686" i="1"/>
  <c r="AE73687" i="1"/>
  <c r="AE73688" i="1"/>
  <c r="AE73689" i="1"/>
  <c r="AE73690" i="1"/>
  <c r="AE73691" i="1"/>
  <c r="AE73692" i="1"/>
  <c r="AE73693" i="1"/>
  <c r="AE73694" i="1"/>
  <c r="AE73695" i="1"/>
  <c r="AE73696" i="1"/>
  <c r="AE73697" i="1"/>
  <c r="AE73698" i="1"/>
  <c r="AE73699" i="1"/>
  <c r="AE73700" i="1"/>
  <c r="AE73701" i="1"/>
  <c r="AE73702" i="1"/>
  <c r="AE73703" i="1"/>
  <c r="AE73704" i="1"/>
  <c r="AE73705" i="1"/>
  <c r="AE73706" i="1"/>
  <c r="AE73707" i="1"/>
  <c r="AE73708" i="1"/>
  <c r="AE73709" i="1"/>
  <c r="AE73710" i="1"/>
  <c r="AE73711" i="1"/>
  <c r="AE73712" i="1"/>
  <c r="AE73713" i="1"/>
  <c r="AE73714" i="1"/>
  <c r="AE73715" i="1"/>
  <c r="AE73716" i="1"/>
  <c r="AE73717" i="1"/>
  <c r="AE73718" i="1"/>
  <c r="AE73719" i="1"/>
  <c r="AE73720" i="1"/>
  <c r="AE73721" i="1"/>
  <c r="AE73722" i="1"/>
  <c r="AE73723" i="1"/>
  <c r="AE73724" i="1"/>
  <c r="AE73725" i="1"/>
  <c r="AE73726" i="1"/>
  <c r="AE73727" i="1"/>
  <c r="AE73728" i="1"/>
  <c r="AE73729" i="1"/>
  <c r="AE73730" i="1"/>
  <c r="AE73731" i="1"/>
  <c r="AE73732" i="1"/>
  <c r="AE73733" i="1"/>
  <c r="AE73734" i="1"/>
  <c r="AE73735" i="1"/>
  <c r="AE73736" i="1"/>
  <c r="AE73737" i="1"/>
  <c r="AE73738" i="1"/>
  <c r="AE73739" i="1"/>
  <c r="AE73740" i="1"/>
  <c r="AE73741" i="1"/>
  <c r="AE73742" i="1"/>
  <c r="AE73743" i="1"/>
  <c r="AE73744" i="1"/>
  <c r="AE73745" i="1"/>
  <c r="AE73746" i="1"/>
  <c r="AE73747" i="1"/>
  <c r="AE73748" i="1"/>
  <c r="AE73749" i="1"/>
  <c r="AE73750" i="1"/>
  <c r="AE73751" i="1"/>
  <c r="AE73752" i="1"/>
  <c r="AE73753" i="1"/>
  <c r="AE73754" i="1"/>
  <c r="AE73755" i="1"/>
  <c r="AE73756" i="1"/>
  <c r="AE73757" i="1"/>
  <c r="AE73758" i="1"/>
  <c r="AE73759" i="1"/>
  <c r="AE73760" i="1"/>
  <c r="AE73761" i="1"/>
  <c r="AE73762" i="1"/>
  <c r="AE73763" i="1"/>
  <c r="AE73764" i="1"/>
  <c r="AE73765" i="1"/>
  <c r="AE73766" i="1"/>
  <c r="AE73767" i="1"/>
  <c r="AE73768" i="1"/>
  <c r="AE73769" i="1"/>
  <c r="AE73770" i="1"/>
  <c r="AE73771" i="1"/>
  <c r="AE73772" i="1"/>
  <c r="AE73773" i="1"/>
  <c r="AE73774" i="1"/>
  <c r="AE73775" i="1"/>
  <c r="AE73776" i="1"/>
  <c r="AE73777" i="1"/>
  <c r="AE73778" i="1"/>
  <c r="AE73779" i="1"/>
  <c r="AE73780" i="1"/>
  <c r="AE73781" i="1"/>
  <c r="AE73782" i="1"/>
  <c r="AE73783" i="1"/>
  <c r="AE73784" i="1"/>
  <c r="AE73785" i="1"/>
  <c r="AE73786" i="1"/>
  <c r="AE73787" i="1"/>
  <c r="AE73788" i="1"/>
  <c r="AE73789" i="1"/>
  <c r="AE73790" i="1"/>
  <c r="AE73791" i="1"/>
  <c r="AE73792" i="1"/>
  <c r="AE73793" i="1"/>
  <c r="AE73794" i="1"/>
  <c r="AE73795" i="1"/>
  <c r="AE73796" i="1"/>
  <c r="AE73797" i="1"/>
  <c r="AE73798" i="1"/>
  <c r="AE73799" i="1"/>
  <c r="AE73800" i="1"/>
  <c r="AE73801" i="1"/>
  <c r="AE73802" i="1"/>
  <c r="AE73803" i="1"/>
  <c r="AE73804" i="1"/>
  <c r="AE73805" i="1"/>
  <c r="AE73806" i="1"/>
  <c r="AE73807" i="1"/>
  <c r="AE73808" i="1"/>
  <c r="AE73809" i="1"/>
  <c r="AE73810" i="1"/>
  <c r="AE73811" i="1"/>
  <c r="AE73812" i="1"/>
  <c r="AE73813" i="1"/>
  <c r="AE73814" i="1"/>
  <c r="AE73815" i="1"/>
  <c r="AE73816" i="1"/>
  <c r="AE73817" i="1"/>
  <c r="AE73818" i="1"/>
  <c r="AE73819" i="1"/>
  <c r="AE73820" i="1"/>
  <c r="AE73821" i="1"/>
  <c r="AE73822" i="1"/>
  <c r="AE73823" i="1"/>
  <c r="AE73824" i="1"/>
  <c r="AE73825" i="1"/>
  <c r="AE73826" i="1"/>
  <c r="AE73827" i="1"/>
  <c r="AE73828" i="1"/>
  <c r="AE73829" i="1"/>
  <c r="AE73830" i="1"/>
  <c r="AE73831" i="1"/>
  <c r="AE73832" i="1"/>
  <c r="AE73833" i="1"/>
  <c r="AE73834" i="1"/>
  <c r="AE73835" i="1"/>
  <c r="AE73836" i="1"/>
  <c r="AE73837" i="1"/>
  <c r="AE73838" i="1"/>
  <c r="AE73839" i="1"/>
  <c r="AE73840" i="1"/>
  <c r="AE73841" i="1"/>
  <c r="AE73842" i="1"/>
  <c r="AE73843" i="1"/>
  <c r="AE73844" i="1"/>
  <c r="AE73845" i="1"/>
  <c r="AE73846" i="1"/>
  <c r="AE73847" i="1"/>
  <c r="AE73848" i="1"/>
  <c r="AE73849" i="1"/>
  <c r="AE73850" i="1"/>
  <c r="AE73851" i="1"/>
  <c r="AE73852" i="1"/>
  <c r="AE73853" i="1"/>
  <c r="AE73854" i="1"/>
  <c r="AE73855" i="1"/>
  <c r="AE73856" i="1"/>
  <c r="AE73857" i="1"/>
  <c r="AE73858" i="1"/>
  <c r="AE73859" i="1"/>
  <c r="AE73860" i="1"/>
  <c r="AE73861" i="1"/>
  <c r="AE73862" i="1"/>
  <c r="AE73863" i="1"/>
  <c r="AE73864" i="1"/>
  <c r="AE73865" i="1"/>
  <c r="AE73866" i="1"/>
  <c r="AE73867" i="1"/>
  <c r="AE73868" i="1"/>
  <c r="AE73869" i="1"/>
  <c r="AE73870" i="1"/>
  <c r="AE73871" i="1"/>
  <c r="AE73872" i="1"/>
  <c r="AE73873" i="1"/>
  <c r="AE73874" i="1"/>
  <c r="AE73875" i="1"/>
  <c r="AE73876" i="1"/>
  <c r="AE73877" i="1"/>
  <c r="AE73878" i="1"/>
  <c r="AE73879" i="1"/>
  <c r="AE73880" i="1"/>
  <c r="AE73881" i="1"/>
  <c r="AE73882" i="1"/>
  <c r="AE73883" i="1"/>
  <c r="AE73884" i="1"/>
  <c r="AE73885" i="1"/>
  <c r="AE73886" i="1"/>
  <c r="AE73887" i="1"/>
  <c r="AE73888" i="1"/>
  <c r="AE73889" i="1"/>
  <c r="AE73890" i="1"/>
  <c r="AE73891" i="1"/>
  <c r="AE73892" i="1"/>
  <c r="AE73893" i="1"/>
  <c r="AE73894" i="1"/>
  <c r="AE73895" i="1"/>
  <c r="AE73896" i="1"/>
  <c r="AE73897" i="1"/>
  <c r="AE73898" i="1"/>
  <c r="AE73899" i="1"/>
  <c r="AE73900" i="1"/>
  <c r="AE73901" i="1"/>
  <c r="AE73902" i="1"/>
  <c r="AE73903" i="1"/>
  <c r="AE73904" i="1"/>
  <c r="AE73905" i="1"/>
  <c r="AE73906" i="1"/>
  <c r="AE73907" i="1"/>
  <c r="AE73908" i="1"/>
  <c r="AE73909" i="1"/>
  <c r="AE73910" i="1"/>
  <c r="AE73911" i="1"/>
  <c r="AE73912" i="1"/>
  <c r="AE73913" i="1"/>
  <c r="AE73914" i="1"/>
  <c r="AE73915" i="1"/>
  <c r="AE73916" i="1"/>
  <c r="AE73917" i="1"/>
  <c r="AE73918" i="1"/>
  <c r="AE73919" i="1"/>
  <c r="AE73920" i="1"/>
  <c r="AE73921" i="1"/>
  <c r="AE73922" i="1"/>
  <c r="AE73923" i="1"/>
  <c r="AE73924" i="1"/>
  <c r="AE73925" i="1"/>
  <c r="AE73926" i="1"/>
  <c r="AE73927" i="1"/>
  <c r="AE73928" i="1"/>
  <c r="AE73929" i="1"/>
  <c r="AE73930" i="1"/>
  <c r="AE73931" i="1"/>
  <c r="AE73932" i="1"/>
  <c r="AE73933" i="1"/>
  <c r="AE73934" i="1"/>
  <c r="AE73935" i="1"/>
  <c r="AE73936" i="1"/>
  <c r="AE73937" i="1"/>
  <c r="AE73938" i="1"/>
  <c r="AE73939" i="1"/>
  <c r="AE73940" i="1"/>
  <c r="AE73941" i="1"/>
  <c r="AE73942" i="1"/>
  <c r="AE73943" i="1"/>
  <c r="AE73944" i="1"/>
  <c r="AE73945" i="1"/>
  <c r="AE73946" i="1"/>
  <c r="AE73947" i="1"/>
  <c r="AE73948" i="1"/>
  <c r="AE73949" i="1"/>
  <c r="AE73950" i="1"/>
  <c r="AE73951" i="1"/>
  <c r="AE73952" i="1"/>
  <c r="AE73953" i="1"/>
  <c r="AE73954" i="1"/>
  <c r="AE73955" i="1"/>
  <c r="AE73956" i="1"/>
  <c r="AE73957" i="1"/>
  <c r="AE73958" i="1"/>
  <c r="AE73959" i="1"/>
  <c r="AE73960" i="1"/>
  <c r="AE73961" i="1"/>
  <c r="AE73962" i="1"/>
  <c r="AE73963" i="1"/>
  <c r="AE73964" i="1"/>
  <c r="AE73965" i="1"/>
  <c r="AE73966" i="1"/>
  <c r="AE73967" i="1"/>
  <c r="AE73968" i="1"/>
  <c r="AE73969" i="1"/>
  <c r="AE73970" i="1"/>
  <c r="AE73971" i="1"/>
  <c r="AE73972" i="1"/>
  <c r="AE73973" i="1"/>
  <c r="AE73974" i="1"/>
  <c r="AE73975" i="1"/>
  <c r="AE73976" i="1"/>
  <c r="AE73977" i="1"/>
  <c r="AE73978" i="1"/>
  <c r="AE73979" i="1"/>
  <c r="AE73980" i="1"/>
  <c r="AE73981" i="1"/>
  <c r="AE73982" i="1"/>
  <c r="AE73983" i="1"/>
  <c r="AE73984" i="1"/>
  <c r="AE73985" i="1"/>
  <c r="AE73986" i="1"/>
  <c r="AE73987" i="1"/>
  <c r="AE73988" i="1"/>
  <c r="AE73989" i="1"/>
  <c r="AE73990" i="1"/>
  <c r="AE73991" i="1"/>
  <c r="AE73992" i="1"/>
  <c r="AE73993" i="1"/>
  <c r="AE73994" i="1"/>
  <c r="AE73995" i="1"/>
  <c r="AE73996" i="1"/>
  <c r="AE73997" i="1"/>
  <c r="AE73998" i="1"/>
  <c r="AE73999" i="1"/>
  <c r="AE74000" i="1"/>
  <c r="AE74001" i="1"/>
  <c r="AE74002" i="1"/>
  <c r="AE74003" i="1"/>
  <c r="AE74004" i="1"/>
  <c r="AE74005" i="1"/>
  <c r="AE74006" i="1"/>
  <c r="AE74007" i="1"/>
  <c r="AE74008" i="1"/>
  <c r="AE74009" i="1"/>
  <c r="AE74010" i="1"/>
  <c r="AE74011" i="1"/>
  <c r="AE74012" i="1"/>
  <c r="AE74013" i="1"/>
  <c r="AE74014" i="1"/>
  <c r="AE74015" i="1"/>
  <c r="AE74016" i="1"/>
  <c r="AE74017" i="1"/>
  <c r="AE74018" i="1"/>
  <c r="AE74019" i="1"/>
  <c r="AE74020" i="1"/>
  <c r="AE74021" i="1"/>
  <c r="AE74022" i="1"/>
  <c r="AE74023" i="1"/>
  <c r="AE74024" i="1"/>
  <c r="AE74025" i="1"/>
  <c r="AE74026" i="1"/>
  <c r="AE74027" i="1"/>
  <c r="AE74028" i="1"/>
  <c r="AE74029" i="1"/>
  <c r="AE74030" i="1"/>
  <c r="AE74031" i="1"/>
  <c r="AE74032" i="1"/>
  <c r="AE74033" i="1"/>
  <c r="AE74034" i="1"/>
  <c r="AE74035" i="1"/>
  <c r="AE74036" i="1"/>
  <c r="AE74037" i="1"/>
  <c r="AE74038" i="1"/>
  <c r="AE74039" i="1"/>
  <c r="AE74040" i="1"/>
  <c r="AE74041" i="1"/>
  <c r="AE74042" i="1"/>
  <c r="AE74043" i="1"/>
  <c r="AE74044" i="1"/>
  <c r="AE74045" i="1"/>
  <c r="AE74046" i="1"/>
  <c r="AE74047" i="1"/>
  <c r="AE74048" i="1"/>
  <c r="AE74049" i="1"/>
  <c r="AE74050" i="1"/>
  <c r="AE74051" i="1"/>
  <c r="AE74052" i="1"/>
  <c r="AE74053" i="1"/>
  <c r="AE74054" i="1"/>
  <c r="AE74055" i="1"/>
  <c r="AE74056" i="1"/>
  <c r="AE74057" i="1"/>
  <c r="AE74058" i="1"/>
  <c r="AE74059" i="1"/>
  <c r="AE74060" i="1"/>
  <c r="AE74061" i="1"/>
  <c r="AE74062" i="1"/>
  <c r="AE74063" i="1"/>
  <c r="AE74064" i="1"/>
  <c r="AE74065" i="1"/>
  <c r="AE74066" i="1"/>
  <c r="AE74067" i="1"/>
  <c r="AE74068" i="1"/>
  <c r="AE74069" i="1"/>
  <c r="AE74070" i="1"/>
  <c r="AE74071" i="1"/>
  <c r="AE74072" i="1"/>
  <c r="AE74073" i="1"/>
  <c r="AE74074" i="1"/>
  <c r="AE74075" i="1"/>
  <c r="AE74076" i="1"/>
  <c r="AE74077" i="1"/>
  <c r="AE74078" i="1"/>
  <c r="AE74079" i="1"/>
  <c r="AE74080" i="1"/>
  <c r="AE74081" i="1"/>
  <c r="AE74082" i="1"/>
  <c r="AE74083" i="1"/>
  <c r="AE74084" i="1"/>
  <c r="AE74085" i="1"/>
  <c r="AE74086" i="1"/>
  <c r="AE74087" i="1"/>
  <c r="AE74088" i="1"/>
  <c r="AE74089" i="1"/>
  <c r="AE74090" i="1"/>
  <c r="AE74091" i="1"/>
  <c r="AE74092" i="1"/>
  <c r="AE74093" i="1"/>
  <c r="AE74094" i="1"/>
  <c r="AE74095" i="1"/>
  <c r="AE74096" i="1"/>
  <c r="AE74097" i="1"/>
  <c r="AE74098" i="1"/>
  <c r="AE74099" i="1"/>
  <c r="AE74100" i="1"/>
  <c r="AE74101" i="1"/>
  <c r="AE74102" i="1"/>
  <c r="AE74103" i="1"/>
  <c r="AE74104" i="1"/>
  <c r="AE74105" i="1"/>
  <c r="AE74106" i="1"/>
  <c r="AE74107" i="1"/>
  <c r="AE74108" i="1"/>
  <c r="AE74109" i="1"/>
  <c r="AE74110" i="1"/>
  <c r="AE74111" i="1"/>
  <c r="AE74112" i="1"/>
  <c r="AE74113" i="1"/>
  <c r="AE74114" i="1"/>
  <c r="AE74115" i="1"/>
  <c r="AE74116" i="1"/>
  <c r="AE74117" i="1"/>
  <c r="AE74118" i="1"/>
  <c r="AE74119" i="1"/>
  <c r="AE74120" i="1"/>
  <c r="AE74121" i="1"/>
  <c r="AE74122" i="1"/>
  <c r="AE74123" i="1"/>
  <c r="AE74124" i="1"/>
  <c r="AE74125" i="1"/>
  <c r="AE74126" i="1"/>
  <c r="AE74127" i="1"/>
  <c r="AE74128" i="1"/>
  <c r="AE74129" i="1"/>
  <c r="AE74130" i="1"/>
  <c r="AE74131" i="1"/>
  <c r="AE74132" i="1"/>
  <c r="AE74133" i="1"/>
  <c r="AE74134" i="1"/>
  <c r="AE74135" i="1"/>
  <c r="AE74136" i="1"/>
  <c r="AE74137" i="1"/>
  <c r="AE74138" i="1"/>
  <c r="AE74139" i="1"/>
  <c r="AE74140" i="1"/>
  <c r="AE74141" i="1"/>
  <c r="AE74142" i="1"/>
  <c r="AE74143" i="1"/>
  <c r="AE74144" i="1"/>
  <c r="AE74145" i="1"/>
  <c r="AE74146" i="1"/>
  <c r="AE74147" i="1"/>
  <c r="AE74148" i="1"/>
  <c r="AE74149" i="1"/>
  <c r="AE74150" i="1"/>
  <c r="AE74151" i="1"/>
  <c r="AE74152" i="1"/>
  <c r="AE74153" i="1"/>
  <c r="AE74154" i="1"/>
  <c r="AE74155" i="1"/>
  <c r="AE74156" i="1"/>
  <c r="AE74157" i="1"/>
  <c r="AE74158" i="1"/>
  <c r="AE74159" i="1"/>
  <c r="AE74160" i="1"/>
  <c r="AE74161" i="1"/>
  <c r="AE74162" i="1"/>
  <c r="AE74163" i="1"/>
  <c r="AE74164" i="1"/>
  <c r="AE74165" i="1"/>
  <c r="AE74166" i="1"/>
  <c r="AE74167" i="1"/>
  <c r="AE74168" i="1"/>
  <c r="AE74169" i="1"/>
  <c r="AE74170" i="1"/>
  <c r="AE74171" i="1"/>
  <c r="AE74172" i="1"/>
  <c r="AE74173" i="1"/>
  <c r="AE74174" i="1"/>
  <c r="AE74175" i="1"/>
  <c r="AE74176" i="1"/>
  <c r="AE74177" i="1"/>
  <c r="AE74178" i="1"/>
  <c r="AE74179" i="1"/>
  <c r="AE74180" i="1"/>
  <c r="AE74181" i="1"/>
  <c r="AE74182" i="1"/>
  <c r="AE74183" i="1"/>
  <c r="AE74184" i="1"/>
  <c r="AE74185" i="1"/>
  <c r="AE74186" i="1"/>
  <c r="AE74187" i="1"/>
  <c r="AE74188" i="1"/>
  <c r="AE74189" i="1"/>
  <c r="AE74190" i="1"/>
  <c r="AE74191" i="1"/>
  <c r="AE74192" i="1"/>
  <c r="AE74193" i="1"/>
  <c r="AE74194" i="1"/>
  <c r="AE74195" i="1"/>
  <c r="AE74196" i="1"/>
  <c r="AE74197" i="1"/>
  <c r="AE74198" i="1"/>
  <c r="AE74199" i="1"/>
  <c r="AE74200" i="1"/>
  <c r="AE74201" i="1"/>
  <c r="AE74202" i="1"/>
  <c r="AE74203" i="1"/>
  <c r="AE74204" i="1"/>
  <c r="AE74205" i="1"/>
  <c r="AE74206" i="1"/>
  <c r="AE74207" i="1"/>
  <c r="AE74208" i="1"/>
  <c r="AE74209" i="1"/>
  <c r="AE74210" i="1"/>
  <c r="AE74211" i="1"/>
  <c r="AE74212" i="1"/>
  <c r="AE74213" i="1"/>
  <c r="AE74214" i="1"/>
  <c r="AE74215" i="1"/>
  <c r="AE74216" i="1"/>
  <c r="AE74217" i="1"/>
  <c r="AE74218" i="1"/>
  <c r="AE74219" i="1"/>
  <c r="AE74220" i="1"/>
  <c r="AE74221" i="1"/>
  <c r="AE74222" i="1"/>
  <c r="AE74223" i="1"/>
  <c r="AE74224" i="1"/>
  <c r="AE74225" i="1"/>
  <c r="AE74226" i="1"/>
  <c r="AE74227" i="1"/>
  <c r="AE74228" i="1"/>
  <c r="AE74229" i="1"/>
  <c r="AE74230" i="1"/>
  <c r="AE74231" i="1"/>
  <c r="AE74232" i="1"/>
  <c r="AE74233" i="1"/>
  <c r="AE74234" i="1"/>
  <c r="AE74235" i="1"/>
  <c r="AE74236" i="1"/>
  <c r="AE74237" i="1"/>
  <c r="AE74238" i="1"/>
  <c r="AE74239" i="1"/>
  <c r="AE74240" i="1"/>
  <c r="AE74241" i="1"/>
  <c r="AE74242" i="1"/>
  <c r="AE74243" i="1"/>
  <c r="AE74244" i="1"/>
  <c r="AE74245" i="1"/>
  <c r="AE74246" i="1"/>
  <c r="AE74247" i="1"/>
  <c r="AE74248" i="1"/>
  <c r="AE74249" i="1"/>
  <c r="AE74250" i="1"/>
  <c r="AE74251" i="1"/>
  <c r="AE74252" i="1"/>
  <c r="AE74253" i="1"/>
  <c r="AE74254" i="1"/>
  <c r="AE74255" i="1"/>
  <c r="AE74256" i="1"/>
  <c r="AE74257" i="1"/>
  <c r="AE74258" i="1"/>
  <c r="AE74259" i="1"/>
  <c r="AE74260" i="1"/>
  <c r="AE74261" i="1"/>
  <c r="AE74262" i="1"/>
  <c r="AE74263" i="1"/>
  <c r="AE74264" i="1"/>
  <c r="AE74265" i="1"/>
  <c r="AE74266" i="1"/>
  <c r="AE74267" i="1"/>
  <c r="AE74268" i="1"/>
  <c r="AE74269" i="1"/>
  <c r="AE74270" i="1"/>
  <c r="AE74271" i="1"/>
  <c r="AE74272" i="1"/>
  <c r="AE74273" i="1"/>
  <c r="AE74274" i="1"/>
  <c r="AE74275" i="1"/>
  <c r="AE74276" i="1"/>
  <c r="AE74277" i="1"/>
  <c r="AE74278" i="1"/>
  <c r="AE74279" i="1"/>
  <c r="AE74280" i="1"/>
  <c r="AE74281" i="1"/>
  <c r="AE74282" i="1"/>
  <c r="AE74283" i="1"/>
  <c r="AE74284" i="1"/>
  <c r="AE74285" i="1"/>
  <c r="AE74286" i="1"/>
  <c r="AE74287" i="1"/>
  <c r="AE74288" i="1"/>
  <c r="AE74289" i="1"/>
  <c r="AE74290" i="1"/>
  <c r="AE74291" i="1"/>
  <c r="AE74292" i="1"/>
  <c r="AE74293" i="1"/>
  <c r="AE74294" i="1"/>
  <c r="AE74295" i="1"/>
  <c r="AE74296" i="1"/>
  <c r="AE74297" i="1"/>
  <c r="AE74298" i="1"/>
  <c r="AE74299" i="1"/>
  <c r="AE74300" i="1"/>
  <c r="AE74301" i="1"/>
  <c r="AE74302" i="1"/>
  <c r="AE74303" i="1"/>
  <c r="AE74304" i="1"/>
  <c r="AE74305" i="1"/>
  <c r="AE74306" i="1"/>
  <c r="AE74307" i="1"/>
  <c r="AE74308" i="1"/>
  <c r="AE74309" i="1"/>
  <c r="AE74310" i="1"/>
  <c r="AE74311" i="1"/>
  <c r="AE74312" i="1"/>
  <c r="AE74313" i="1"/>
  <c r="AE74314" i="1"/>
  <c r="AE74315" i="1"/>
  <c r="AE74316" i="1"/>
  <c r="AE74317" i="1"/>
  <c r="AE74318" i="1"/>
  <c r="AE74319" i="1"/>
  <c r="AE74320" i="1"/>
  <c r="AE74321" i="1"/>
  <c r="AE74322" i="1"/>
  <c r="AE74323" i="1"/>
  <c r="AE74324" i="1"/>
  <c r="AE74325" i="1"/>
  <c r="AE74326" i="1"/>
  <c r="AE74327" i="1"/>
  <c r="AE74328" i="1"/>
  <c r="AE74329" i="1"/>
  <c r="AE74330" i="1"/>
  <c r="AE74331" i="1"/>
  <c r="AE74332" i="1"/>
  <c r="AE74333" i="1"/>
  <c r="AE74334" i="1"/>
  <c r="AE74335" i="1"/>
  <c r="AE74336" i="1"/>
  <c r="AE74337" i="1"/>
  <c r="AE74338" i="1"/>
  <c r="AE74339" i="1"/>
  <c r="AE74340" i="1"/>
  <c r="AE74341" i="1"/>
  <c r="AE74342" i="1"/>
  <c r="AE74343" i="1"/>
  <c r="AE74344" i="1"/>
  <c r="AE74345" i="1"/>
  <c r="AE74346" i="1"/>
  <c r="AE74347" i="1"/>
  <c r="AE74348" i="1"/>
  <c r="AE74349" i="1"/>
  <c r="AE74350" i="1"/>
  <c r="AE74351" i="1"/>
  <c r="AE74352" i="1"/>
  <c r="AE74353" i="1"/>
  <c r="AE74354" i="1"/>
  <c r="AE74355" i="1"/>
  <c r="AE74356" i="1"/>
  <c r="AE74357" i="1"/>
  <c r="AE74358" i="1"/>
  <c r="AE74359" i="1"/>
  <c r="AE74360" i="1"/>
  <c r="AE74361" i="1"/>
  <c r="AE74362" i="1"/>
  <c r="AE74363" i="1"/>
  <c r="AE74364" i="1"/>
  <c r="AE74365" i="1"/>
  <c r="AE74366" i="1"/>
  <c r="AE74367" i="1"/>
  <c r="AE74368" i="1"/>
  <c r="AE74369" i="1"/>
  <c r="AE74370" i="1"/>
  <c r="AE74371" i="1"/>
  <c r="AE74372" i="1"/>
  <c r="AE74373" i="1"/>
  <c r="AE74374" i="1"/>
  <c r="AE74375" i="1"/>
  <c r="AE74376" i="1"/>
  <c r="AE74377" i="1"/>
  <c r="AE74378" i="1"/>
  <c r="AE74379" i="1"/>
  <c r="AE74380" i="1"/>
  <c r="AE74381" i="1"/>
  <c r="AE74382" i="1"/>
  <c r="AE74383" i="1"/>
  <c r="AE74384" i="1"/>
  <c r="AE74385" i="1"/>
  <c r="AE74386" i="1"/>
  <c r="AE74387" i="1"/>
  <c r="AE74388" i="1"/>
  <c r="AE74389" i="1"/>
  <c r="AE74390" i="1"/>
  <c r="AE74391" i="1"/>
  <c r="AE74392" i="1"/>
  <c r="AE74393" i="1"/>
  <c r="AE74394" i="1"/>
  <c r="AE74395" i="1"/>
  <c r="AE74396" i="1"/>
  <c r="AE74397" i="1"/>
  <c r="AE74398" i="1"/>
  <c r="AE74399" i="1"/>
  <c r="AE74400" i="1"/>
  <c r="AE74401" i="1"/>
  <c r="AE74402" i="1"/>
  <c r="AE74403" i="1"/>
  <c r="AE74404" i="1"/>
  <c r="AE74405" i="1"/>
  <c r="AE74406" i="1"/>
  <c r="AE74407" i="1"/>
  <c r="AE74408" i="1"/>
  <c r="AE74409" i="1"/>
  <c r="AE74410" i="1"/>
  <c r="AE74411" i="1"/>
  <c r="AE74412" i="1"/>
  <c r="AE74413" i="1"/>
  <c r="AE74414" i="1"/>
  <c r="AE74415" i="1"/>
  <c r="AE74416" i="1"/>
  <c r="AE74417" i="1"/>
  <c r="AE74418" i="1"/>
  <c r="AE74419" i="1"/>
  <c r="AE74420" i="1"/>
  <c r="AE74421" i="1"/>
  <c r="AE74422" i="1"/>
  <c r="AE74423" i="1"/>
  <c r="AE74424" i="1"/>
  <c r="AE74425" i="1"/>
  <c r="AE74426" i="1"/>
  <c r="AE74427" i="1"/>
  <c r="AE74428" i="1"/>
  <c r="AE74429" i="1"/>
  <c r="AE74430" i="1"/>
  <c r="AE74431" i="1"/>
  <c r="AE74432" i="1"/>
  <c r="AE74433" i="1"/>
  <c r="AE74434" i="1"/>
  <c r="AE74435" i="1"/>
  <c r="AE74436" i="1"/>
  <c r="AE74437" i="1"/>
  <c r="AE74438" i="1"/>
  <c r="AE74439" i="1"/>
  <c r="AE74440" i="1"/>
  <c r="AE74441" i="1"/>
  <c r="AE74442" i="1"/>
  <c r="AE74443" i="1"/>
  <c r="AE74444" i="1"/>
  <c r="AE74445" i="1"/>
  <c r="AE74446" i="1"/>
  <c r="AE74447" i="1"/>
  <c r="AE74448" i="1"/>
  <c r="AE74449" i="1"/>
  <c r="AE74450" i="1"/>
  <c r="AE74451" i="1"/>
  <c r="AE74452" i="1"/>
  <c r="AE74453" i="1"/>
  <c r="AE74454" i="1"/>
  <c r="AE74455" i="1"/>
  <c r="AE74456" i="1"/>
  <c r="AE74457" i="1"/>
  <c r="AE74458" i="1"/>
  <c r="AE74459" i="1"/>
  <c r="AE74460" i="1"/>
  <c r="AE74461" i="1"/>
  <c r="AE74462" i="1"/>
  <c r="AE74463" i="1"/>
  <c r="AE74464" i="1"/>
  <c r="AE74465" i="1"/>
  <c r="AE74466" i="1"/>
  <c r="AE74467" i="1"/>
  <c r="AE74468" i="1"/>
  <c r="AE74469" i="1"/>
  <c r="AE74470" i="1"/>
  <c r="AE74471" i="1"/>
  <c r="AE74472" i="1"/>
  <c r="AE74473" i="1"/>
  <c r="AE74474" i="1"/>
  <c r="AE74475" i="1"/>
  <c r="AE74476" i="1"/>
  <c r="AE74477" i="1"/>
  <c r="AE74478" i="1"/>
  <c r="AE74479" i="1"/>
  <c r="AE74480" i="1"/>
  <c r="AE74481" i="1"/>
  <c r="AE74482" i="1"/>
  <c r="AE74483" i="1"/>
  <c r="AE74484" i="1"/>
  <c r="AE74485" i="1"/>
  <c r="AE74486" i="1"/>
  <c r="AE74487" i="1"/>
  <c r="AE74488" i="1"/>
  <c r="AE74489" i="1"/>
  <c r="AE74490" i="1"/>
  <c r="AE74491" i="1"/>
  <c r="AE74492" i="1"/>
  <c r="AE74493" i="1"/>
  <c r="AE74494" i="1"/>
  <c r="AE74495" i="1"/>
  <c r="AE74496" i="1"/>
  <c r="AE74497" i="1"/>
  <c r="AE74498" i="1"/>
  <c r="AE74499" i="1"/>
  <c r="AE74500" i="1"/>
  <c r="AE74501" i="1"/>
  <c r="AE74502" i="1"/>
  <c r="AE74503" i="1"/>
  <c r="AE74504" i="1"/>
  <c r="AE74505" i="1"/>
  <c r="AE74506" i="1"/>
  <c r="AE74507" i="1"/>
  <c r="AE74508" i="1"/>
  <c r="AE74509" i="1"/>
  <c r="AE74510" i="1"/>
  <c r="AE74511" i="1"/>
  <c r="AE74512" i="1"/>
  <c r="AE74513" i="1"/>
  <c r="AE74514" i="1"/>
  <c r="AE74515" i="1"/>
  <c r="AE74516" i="1"/>
  <c r="AE74517" i="1"/>
  <c r="AE74518" i="1"/>
  <c r="AE74519" i="1"/>
  <c r="AE74520" i="1"/>
  <c r="AE74521" i="1"/>
  <c r="AE74522" i="1"/>
  <c r="AE74523" i="1"/>
  <c r="AE74524" i="1"/>
  <c r="AE74525" i="1"/>
  <c r="AE74526" i="1"/>
  <c r="AE74527" i="1"/>
  <c r="AE74528" i="1"/>
  <c r="AE74529" i="1"/>
  <c r="AE74530" i="1"/>
  <c r="AE74531" i="1"/>
  <c r="AE74532" i="1"/>
  <c r="AE74533" i="1"/>
  <c r="AE74534" i="1"/>
  <c r="AE74535" i="1"/>
  <c r="AE74536" i="1"/>
  <c r="AE74537" i="1"/>
  <c r="AE74538" i="1"/>
  <c r="AE74539" i="1"/>
  <c r="AE74540" i="1"/>
  <c r="AE74541" i="1"/>
  <c r="AE74542" i="1"/>
  <c r="AE74543" i="1"/>
  <c r="AE74544" i="1"/>
  <c r="AE74545" i="1"/>
  <c r="AE74546" i="1"/>
  <c r="AE74547" i="1"/>
  <c r="AE74548" i="1"/>
  <c r="AE74549" i="1"/>
  <c r="AE74550" i="1"/>
  <c r="AE74551" i="1"/>
  <c r="AE74552" i="1"/>
  <c r="AE74553" i="1"/>
  <c r="AE74554" i="1"/>
  <c r="AE74555" i="1"/>
  <c r="AE74556" i="1"/>
  <c r="AE74557" i="1"/>
  <c r="AE74558" i="1"/>
  <c r="AE74559" i="1"/>
  <c r="AE74560" i="1"/>
  <c r="AE74561" i="1"/>
  <c r="AE74562" i="1"/>
  <c r="AE74563" i="1"/>
  <c r="AE74564" i="1"/>
  <c r="AE74565" i="1"/>
  <c r="AE74566" i="1"/>
  <c r="AE74567" i="1"/>
  <c r="AE74568" i="1"/>
  <c r="AE74569" i="1"/>
  <c r="AE74570" i="1"/>
  <c r="AE74571" i="1"/>
  <c r="AE74572" i="1"/>
  <c r="AE74573" i="1"/>
  <c r="AE74574" i="1"/>
  <c r="AE74575" i="1"/>
  <c r="AE74576" i="1"/>
  <c r="AE74577" i="1"/>
  <c r="AE74578" i="1"/>
  <c r="AE74579" i="1"/>
  <c r="AE74580" i="1"/>
  <c r="AE74581" i="1"/>
  <c r="AE74582" i="1"/>
  <c r="AE74583" i="1"/>
  <c r="AE74584" i="1"/>
  <c r="AE74585" i="1"/>
  <c r="AE74586" i="1"/>
  <c r="AE74587" i="1"/>
  <c r="AE74588" i="1"/>
  <c r="AE74589" i="1"/>
  <c r="AE74590" i="1"/>
  <c r="AE74591" i="1"/>
  <c r="AE74592" i="1"/>
  <c r="AE74593" i="1"/>
  <c r="AE74594" i="1"/>
  <c r="AE74595" i="1"/>
  <c r="AE74596" i="1"/>
  <c r="AE74597" i="1"/>
  <c r="AE74598" i="1"/>
  <c r="AE74599" i="1"/>
  <c r="AE74600" i="1"/>
  <c r="AE74601" i="1"/>
  <c r="AE74602" i="1"/>
  <c r="AE74603" i="1"/>
  <c r="AE74604" i="1"/>
  <c r="AE74605" i="1"/>
  <c r="AE74606" i="1"/>
  <c r="AE74607" i="1"/>
  <c r="AE74608" i="1"/>
  <c r="AE74609" i="1"/>
  <c r="AE74610" i="1"/>
  <c r="AE74611" i="1"/>
  <c r="AE74612" i="1"/>
  <c r="AE74613" i="1"/>
  <c r="AE74614" i="1"/>
  <c r="AE74615" i="1"/>
  <c r="AE74616" i="1"/>
  <c r="AE74617" i="1"/>
  <c r="AE74618" i="1"/>
  <c r="AE74619" i="1"/>
  <c r="AE74620" i="1"/>
  <c r="AE74621" i="1"/>
  <c r="AE74622" i="1"/>
  <c r="AE74623" i="1"/>
  <c r="AE74624" i="1"/>
  <c r="AE74625" i="1"/>
  <c r="AE74626" i="1"/>
  <c r="AE74627" i="1"/>
  <c r="AE74628" i="1"/>
  <c r="AE74629" i="1"/>
  <c r="AE74630" i="1"/>
  <c r="AE74631" i="1"/>
  <c r="AE74632" i="1"/>
  <c r="AE74633" i="1"/>
  <c r="AE74634" i="1"/>
  <c r="AE74635" i="1"/>
  <c r="AE74636" i="1"/>
  <c r="AE74637" i="1"/>
  <c r="AE74638" i="1"/>
  <c r="AE74639" i="1"/>
  <c r="AE74640" i="1"/>
  <c r="AE74641" i="1"/>
  <c r="AE74642" i="1"/>
  <c r="AE74643" i="1"/>
  <c r="AE74644" i="1"/>
  <c r="AE74645" i="1"/>
  <c r="AE74646" i="1"/>
  <c r="AE74647" i="1"/>
  <c r="AE74648" i="1"/>
  <c r="AE74649" i="1"/>
  <c r="AE74650" i="1"/>
  <c r="AE74651" i="1"/>
  <c r="AE74652" i="1"/>
  <c r="AE74653" i="1"/>
  <c r="AE74654" i="1"/>
  <c r="AE74655" i="1"/>
  <c r="AE74656" i="1"/>
  <c r="AE74657" i="1"/>
  <c r="AE74658" i="1"/>
  <c r="AE74659" i="1"/>
  <c r="AE74660" i="1"/>
  <c r="AE74661" i="1"/>
  <c r="AE74662" i="1"/>
  <c r="AE74663" i="1"/>
  <c r="AE74664" i="1"/>
  <c r="AE74665" i="1"/>
  <c r="AE74666" i="1"/>
  <c r="AE74667" i="1"/>
  <c r="AE74668" i="1"/>
  <c r="AE74669" i="1"/>
  <c r="AE74670" i="1"/>
  <c r="AE74671" i="1"/>
  <c r="AE74672" i="1"/>
  <c r="AE74673" i="1"/>
  <c r="AE74674" i="1"/>
  <c r="AE74675" i="1"/>
  <c r="AE74676" i="1"/>
  <c r="AE74677" i="1"/>
  <c r="AE74678" i="1"/>
  <c r="AE74679" i="1"/>
  <c r="AE74680" i="1"/>
  <c r="AE74681" i="1"/>
  <c r="AE74682" i="1"/>
  <c r="AE74683" i="1"/>
  <c r="AE74684" i="1"/>
  <c r="AE74685" i="1"/>
  <c r="AE74686" i="1"/>
  <c r="AE74687" i="1"/>
  <c r="AE74688" i="1"/>
  <c r="AE74689" i="1"/>
  <c r="AE74690" i="1"/>
  <c r="AE74691" i="1"/>
  <c r="AE74692" i="1"/>
  <c r="AE74693" i="1"/>
  <c r="AE74694" i="1"/>
  <c r="AE74695" i="1"/>
  <c r="AE74696" i="1"/>
  <c r="AE74697" i="1"/>
  <c r="AE74698" i="1"/>
  <c r="AE74699" i="1"/>
  <c r="AE74700" i="1"/>
  <c r="AE74701" i="1"/>
  <c r="AE74702" i="1"/>
  <c r="AE74703" i="1"/>
  <c r="AE74704" i="1"/>
  <c r="AE74705" i="1"/>
  <c r="AE74706" i="1"/>
  <c r="AE74707" i="1"/>
  <c r="AE74708" i="1"/>
  <c r="AE74709" i="1"/>
  <c r="AE74710" i="1"/>
  <c r="AE74711" i="1"/>
  <c r="AE74712" i="1"/>
  <c r="AE74713" i="1"/>
  <c r="AE74714" i="1"/>
  <c r="AE74715" i="1"/>
  <c r="AE74716" i="1"/>
  <c r="AE74717" i="1"/>
  <c r="AE74718" i="1"/>
  <c r="AE74719" i="1"/>
  <c r="AE74720" i="1"/>
  <c r="AE74721" i="1"/>
  <c r="AE74722" i="1"/>
  <c r="AE74723" i="1"/>
  <c r="AE74724" i="1"/>
  <c r="AE74725" i="1"/>
  <c r="AE74726" i="1"/>
  <c r="AE74727" i="1"/>
  <c r="AE74728" i="1"/>
  <c r="AE74729" i="1"/>
  <c r="AE74730" i="1"/>
  <c r="AE74731" i="1"/>
  <c r="AE74732" i="1"/>
  <c r="AE74733" i="1"/>
  <c r="AE74734" i="1"/>
  <c r="AE74735" i="1"/>
  <c r="AE74736" i="1"/>
  <c r="AE74737" i="1"/>
  <c r="AE74738" i="1"/>
  <c r="AE74739" i="1"/>
  <c r="AE74740" i="1"/>
  <c r="AE74741" i="1"/>
  <c r="AE74742" i="1"/>
  <c r="AE74743" i="1"/>
  <c r="AE74744" i="1"/>
  <c r="AE74745" i="1"/>
  <c r="AE74746" i="1"/>
  <c r="AE74747" i="1"/>
  <c r="AE74748" i="1"/>
  <c r="AE74749" i="1"/>
  <c r="AE74750" i="1"/>
  <c r="AE74751" i="1"/>
  <c r="AE74752" i="1"/>
  <c r="AE74753" i="1"/>
  <c r="AE74754" i="1"/>
  <c r="AE74755" i="1"/>
  <c r="AE74756" i="1"/>
  <c r="AE74757" i="1"/>
  <c r="AE74758" i="1"/>
  <c r="AE74759" i="1"/>
  <c r="AE74760" i="1"/>
  <c r="AE74761" i="1"/>
  <c r="AE74762" i="1"/>
  <c r="AE74763" i="1"/>
  <c r="AE74764" i="1"/>
  <c r="AE74765" i="1"/>
  <c r="AE74766" i="1"/>
  <c r="AE74767" i="1"/>
  <c r="AE74768" i="1"/>
  <c r="AE74769" i="1"/>
  <c r="AE74770" i="1"/>
  <c r="AE74771" i="1"/>
  <c r="AE74772" i="1"/>
  <c r="AE74773" i="1"/>
  <c r="AE74774" i="1"/>
  <c r="AE74775" i="1"/>
  <c r="AE74776" i="1"/>
  <c r="AE74777" i="1"/>
  <c r="AE74778" i="1"/>
  <c r="AE74779" i="1"/>
  <c r="AE74780" i="1"/>
  <c r="AE74781" i="1"/>
  <c r="AE74782" i="1"/>
  <c r="AE74783" i="1"/>
  <c r="AE74784" i="1"/>
  <c r="AE74785" i="1"/>
  <c r="AE74786" i="1"/>
  <c r="AE74787" i="1"/>
  <c r="AE74788" i="1"/>
  <c r="AE74789" i="1"/>
  <c r="AE74790" i="1"/>
  <c r="AE74791" i="1"/>
  <c r="AE74792" i="1"/>
  <c r="AE74793" i="1"/>
  <c r="AE74794" i="1"/>
  <c r="AE74795" i="1"/>
  <c r="AE74796" i="1"/>
  <c r="AE74797" i="1"/>
  <c r="AE74798" i="1"/>
  <c r="AE74799" i="1"/>
  <c r="AE74800" i="1"/>
  <c r="AE74801" i="1"/>
  <c r="AE74802" i="1"/>
  <c r="AE74803" i="1"/>
  <c r="AE74804" i="1"/>
  <c r="AE74805" i="1"/>
  <c r="AE74806" i="1"/>
  <c r="AE74807" i="1"/>
  <c r="AE74808" i="1"/>
  <c r="AE74809" i="1"/>
  <c r="AE74810" i="1"/>
  <c r="AE74811" i="1"/>
  <c r="AE74812" i="1"/>
  <c r="AE74813" i="1"/>
  <c r="AE74814" i="1"/>
  <c r="AE74815" i="1"/>
  <c r="AE74816" i="1"/>
  <c r="AE74817" i="1"/>
  <c r="AE74818" i="1"/>
  <c r="AE74819" i="1"/>
  <c r="AE74820" i="1"/>
  <c r="AE74821" i="1"/>
  <c r="AE74822" i="1"/>
  <c r="AE74823" i="1"/>
  <c r="AE74824" i="1"/>
  <c r="AE74825" i="1"/>
  <c r="AE74826" i="1"/>
  <c r="AE74827" i="1"/>
  <c r="AE74828" i="1"/>
  <c r="AE74829" i="1"/>
  <c r="AE74830" i="1"/>
  <c r="AE74831" i="1"/>
  <c r="AE74832" i="1"/>
  <c r="AE74833" i="1"/>
  <c r="AE74834" i="1"/>
  <c r="AE74835" i="1"/>
  <c r="AE74836" i="1"/>
  <c r="AE74837" i="1"/>
  <c r="AE74838" i="1"/>
  <c r="AE74839" i="1"/>
  <c r="AE74840" i="1"/>
  <c r="AE74841" i="1"/>
  <c r="AE74842" i="1"/>
  <c r="AE74843" i="1"/>
  <c r="AE74844" i="1"/>
  <c r="AE74845" i="1"/>
  <c r="AE74846" i="1"/>
  <c r="AE74847" i="1"/>
  <c r="AE74848" i="1"/>
  <c r="AE74849" i="1"/>
  <c r="AE74850" i="1"/>
  <c r="AE74851" i="1"/>
  <c r="AE74852" i="1"/>
  <c r="AE74853" i="1"/>
  <c r="AE74854" i="1"/>
  <c r="AE74855" i="1"/>
  <c r="AE74856" i="1"/>
  <c r="AE74857" i="1"/>
  <c r="AE74858" i="1"/>
  <c r="AE74859" i="1"/>
  <c r="AE74860" i="1"/>
  <c r="AE74861" i="1"/>
  <c r="AE74862" i="1"/>
  <c r="AE74863" i="1"/>
  <c r="AE74864" i="1"/>
  <c r="AE74865" i="1"/>
  <c r="AE74866" i="1"/>
  <c r="AE74867" i="1"/>
  <c r="AE74868" i="1"/>
  <c r="AE74869" i="1"/>
  <c r="AE74870" i="1"/>
  <c r="AE74871" i="1"/>
  <c r="AE74872" i="1"/>
  <c r="AE74873" i="1"/>
  <c r="AE74874" i="1"/>
  <c r="AE74875" i="1"/>
  <c r="AE74876" i="1"/>
  <c r="AE74877" i="1"/>
  <c r="AE74878" i="1"/>
  <c r="AE74879" i="1"/>
  <c r="AE74880" i="1"/>
  <c r="AE74881" i="1"/>
  <c r="AE74882" i="1"/>
  <c r="AE74883" i="1"/>
  <c r="AE74884" i="1"/>
  <c r="AE74885" i="1"/>
  <c r="AE74886" i="1"/>
  <c r="AE74887" i="1"/>
  <c r="AE74888" i="1"/>
  <c r="AE74889" i="1"/>
  <c r="AE74890" i="1"/>
  <c r="AE74891" i="1"/>
  <c r="AE74892" i="1"/>
  <c r="AE74893" i="1"/>
  <c r="AE74894" i="1"/>
  <c r="AE74895" i="1"/>
  <c r="AE74896" i="1"/>
  <c r="AE74897" i="1"/>
  <c r="AE74898" i="1"/>
  <c r="AE74899" i="1"/>
  <c r="AE74900" i="1"/>
  <c r="AE74901" i="1"/>
  <c r="AE74902" i="1"/>
  <c r="AE74903" i="1"/>
  <c r="AE74904" i="1"/>
  <c r="AE74905" i="1"/>
  <c r="AE74906" i="1"/>
  <c r="AE74907" i="1"/>
  <c r="AE74908" i="1"/>
  <c r="AE74909" i="1"/>
  <c r="AE74910" i="1"/>
  <c r="AE74911" i="1"/>
  <c r="AE74912" i="1"/>
  <c r="AE74913" i="1"/>
  <c r="AE74914" i="1"/>
  <c r="AE74915" i="1"/>
  <c r="AE74916" i="1"/>
  <c r="AE74917" i="1"/>
  <c r="AE74918" i="1"/>
  <c r="AE74919" i="1"/>
  <c r="AE74920" i="1"/>
  <c r="AE74921" i="1"/>
  <c r="AE74922" i="1"/>
  <c r="AE74923" i="1"/>
  <c r="AE74924" i="1"/>
  <c r="AE74925" i="1"/>
  <c r="AE74926" i="1"/>
  <c r="AE74927" i="1"/>
  <c r="AE74928" i="1"/>
  <c r="AE74929" i="1"/>
  <c r="AE74930" i="1"/>
  <c r="AE74931" i="1"/>
  <c r="AE74932" i="1"/>
  <c r="AE74933" i="1"/>
  <c r="AE74934" i="1"/>
  <c r="AE74935" i="1"/>
  <c r="AE74936" i="1"/>
  <c r="AE74937" i="1"/>
  <c r="AE74938" i="1"/>
  <c r="AE74939" i="1"/>
  <c r="AE74940" i="1"/>
  <c r="AE74941" i="1"/>
  <c r="AE74942" i="1"/>
  <c r="AE74943" i="1"/>
  <c r="AE74944" i="1"/>
  <c r="AE74945" i="1"/>
  <c r="AE74946" i="1"/>
  <c r="AE74947" i="1"/>
  <c r="AE74948" i="1"/>
  <c r="AE74949" i="1"/>
  <c r="AE74950" i="1"/>
  <c r="AE74951" i="1"/>
  <c r="AE74952" i="1"/>
  <c r="AE74953" i="1"/>
  <c r="AE74954" i="1"/>
  <c r="AE74955" i="1"/>
  <c r="AE74956" i="1"/>
  <c r="AE74957" i="1"/>
  <c r="AE74958" i="1"/>
  <c r="AE74959" i="1"/>
  <c r="AE74960" i="1"/>
  <c r="AE74961" i="1"/>
  <c r="AE74962" i="1"/>
  <c r="AE74963" i="1"/>
  <c r="AE74964" i="1"/>
  <c r="AE74965" i="1"/>
  <c r="AE74966" i="1"/>
  <c r="AE74967" i="1"/>
  <c r="AE74968" i="1"/>
  <c r="AE74969" i="1"/>
  <c r="AE74970" i="1"/>
  <c r="AE74971" i="1"/>
  <c r="AE74972" i="1"/>
  <c r="AE74973" i="1"/>
  <c r="AE74974" i="1"/>
  <c r="AE74975" i="1"/>
  <c r="AE74976" i="1"/>
  <c r="AE74977" i="1"/>
  <c r="AE74978" i="1"/>
  <c r="AE74979" i="1"/>
  <c r="AE74980" i="1"/>
  <c r="AE74981" i="1"/>
  <c r="AE74982" i="1"/>
  <c r="AE74983" i="1"/>
  <c r="AE74984" i="1"/>
  <c r="AE74985" i="1"/>
  <c r="AE74986" i="1"/>
  <c r="AE74987" i="1"/>
  <c r="AE74988" i="1"/>
  <c r="AE74989" i="1"/>
  <c r="AE74990" i="1"/>
  <c r="AE74991" i="1"/>
  <c r="AE74992" i="1"/>
  <c r="AE74993" i="1"/>
  <c r="AE74994" i="1"/>
  <c r="AE74995" i="1"/>
  <c r="AE74996" i="1"/>
  <c r="AE74997" i="1"/>
  <c r="AE74998" i="1"/>
  <c r="AE74999" i="1"/>
  <c r="AE75000" i="1"/>
  <c r="AE75001" i="1"/>
  <c r="AE75002" i="1"/>
  <c r="AE75003" i="1"/>
  <c r="AE75004" i="1"/>
  <c r="AE75005" i="1"/>
  <c r="AE75006" i="1"/>
  <c r="AE75007" i="1"/>
  <c r="AE75008" i="1"/>
  <c r="AE75009" i="1"/>
  <c r="AE75010" i="1"/>
  <c r="AE75011" i="1"/>
  <c r="AE75012" i="1"/>
  <c r="AE75013" i="1"/>
  <c r="AE75014" i="1"/>
  <c r="AE75015" i="1"/>
  <c r="AE75016" i="1"/>
  <c r="AE75017" i="1"/>
  <c r="AE75018" i="1"/>
  <c r="AE75019" i="1"/>
  <c r="AE75020" i="1"/>
  <c r="AE75021" i="1"/>
  <c r="AE75022" i="1"/>
  <c r="AE75023" i="1"/>
  <c r="AE75024" i="1"/>
  <c r="AE75025" i="1"/>
  <c r="AE75026" i="1"/>
  <c r="AE75027" i="1"/>
  <c r="AE75028" i="1"/>
  <c r="AE75029" i="1"/>
  <c r="AE75030" i="1"/>
  <c r="AE75031" i="1"/>
  <c r="AE75032" i="1"/>
  <c r="AE75033" i="1"/>
  <c r="AE75034" i="1"/>
  <c r="AE75035" i="1"/>
  <c r="AE75036" i="1"/>
  <c r="AE75037" i="1"/>
  <c r="AE75038" i="1"/>
  <c r="AE75039" i="1"/>
  <c r="AE75040" i="1"/>
  <c r="AE75041" i="1"/>
  <c r="AE75042" i="1"/>
  <c r="AE75043" i="1"/>
  <c r="AE75044" i="1"/>
  <c r="AE75045" i="1"/>
  <c r="AE75046" i="1"/>
  <c r="AE75047" i="1"/>
  <c r="AE75048" i="1"/>
  <c r="AE75049" i="1"/>
  <c r="AE75050" i="1"/>
  <c r="AE75051" i="1"/>
  <c r="AE75052" i="1"/>
  <c r="AE75053" i="1"/>
  <c r="AE75054" i="1"/>
  <c r="AE75055" i="1"/>
  <c r="AE75056" i="1"/>
  <c r="AE75057" i="1"/>
  <c r="AE75058" i="1"/>
  <c r="AE75059" i="1"/>
  <c r="AE75060" i="1"/>
  <c r="AE75061" i="1"/>
  <c r="AE75062" i="1"/>
  <c r="AE75063" i="1"/>
  <c r="AE75064" i="1"/>
  <c r="AE75065" i="1"/>
  <c r="AE75066" i="1"/>
  <c r="AE75067" i="1"/>
  <c r="AE75068" i="1"/>
  <c r="AE75069" i="1"/>
  <c r="AE75070" i="1"/>
  <c r="AE75071" i="1"/>
  <c r="AE75072" i="1"/>
  <c r="AE75073" i="1"/>
  <c r="AE75074" i="1"/>
  <c r="AE75075" i="1"/>
  <c r="AE75076" i="1"/>
  <c r="AE75077" i="1"/>
  <c r="AE75078" i="1"/>
  <c r="AE75079" i="1"/>
  <c r="AE75080" i="1"/>
  <c r="AE75081" i="1"/>
  <c r="AE75082" i="1"/>
  <c r="AE75083" i="1"/>
  <c r="AE75084" i="1"/>
  <c r="AE75085" i="1"/>
  <c r="AE75086" i="1"/>
  <c r="AE75087" i="1"/>
  <c r="AE75088" i="1"/>
  <c r="AE75089" i="1"/>
  <c r="AE75090" i="1"/>
  <c r="AE75091" i="1"/>
  <c r="AE75092" i="1"/>
  <c r="AE75093" i="1"/>
  <c r="AE75094" i="1"/>
  <c r="AE75095" i="1"/>
  <c r="AE75096" i="1"/>
  <c r="AE75097" i="1"/>
  <c r="AE75098" i="1"/>
  <c r="AE75099" i="1"/>
  <c r="AE75100" i="1"/>
  <c r="AE75101" i="1"/>
  <c r="AE75102" i="1"/>
  <c r="AE75103" i="1"/>
  <c r="AE75104" i="1"/>
  <c r="AE75105" i="1"/>
  <c r="AE75106" i="1"/>
  <c r="AE75107" i="1"/>
  <c r="AE75108" i="1"/>
  <c r="AE75109" i="1"/>
  <c r="AE75110" i="1"/>
  <c r="AE75111" i="1"/>
  <c r="AE75112" i="1"/>
  <c r="AE75113" i="1"/>
  <c r="AE75114" i="1"/>
  <c r="AE75115" i="1"/>
  <c r="AE75116" i="1"/>
  <c r="AE75117" i="1"/>
  <c r="AE75118" i="1"/>
  <c r="AE75119" i="1"/>
  <c r="AE75120" i="1"/>
  <c r="AE75121" i="1"/>
  <c r="AE75122" i="1"/>
  <c r="AE75123" i="1"/>
  <c r="AE75124" i="1"/>
  <c r="AE75125" i="1"/>
  <c r="AE75126" i="1"/>
  <c r="AE75127" i="1"/>
  <c r="AE75128" i="1"/>
  <c r="AE75129" i="1"/>
  <c r="AE75130" i="1"/>
  <c r="AE75131" i="1"/>
  <c r="AE75132" i="1"/>
  <c r="AE75133" i="1"/>
  <c r="AE75134" i="1"/>
  <c r="AE75135" i="1"/>
  <c r="AE75136" i="1"/>
  <c r="AE75137" i="1"/>
  <c r="AE75138" i="1"/>
  <c r="AE75139" i="1"/>
  <c r="AE75140" i="1"/>
  <c r="AE75141" i="1"/>
  <c r="AE75142" i="1"/>
  <c r="AE75143" i="1"/>
  <c r="AE75144" i="1"/>
  <c r="AE75145" i="1"/>
  <c r="AE75146" i="1"/>
  <c r="AE75147" i="1"/>
  <c r="AE75148" i="1"/>
  <c r="AE75149" i="1"/>
  <c r="AE75150" i="1"/>
  <c r="AE75151" i="1"/>
  <c r="AE75152" i="1"/>
  <c r="AE75153" i="1"/>
  <c r="AE75154" i="1"/>
  <c r="AE75155" i="1"/>
  <c r="AE75156" i="1"/>
  <c r="AE75157" i="1"/>
  <c r="AE75158" i="1"/>
  <c r="AE75159" i="1"/>
  <c r="AE75160" i="1"/>
  <c r="AE75161" i="1"/>
  <c r="AE75162" i="1"/>
  <c r="AE75163" i="1"/>
  <c r="AE75164" i="1"/>
  <c r="AE75165" i="1"/>
  <c r="AE75166" i="1"/>
  <c r="AE75167" i="1"/>
  <c r="AE75168" i="1"/>
  <c r="AE75169" i="1"/>
  <c r="AE75170" i="1"/>
  <c r="AE75171" i="1"/>
  <c r="AE75172" i="1"/>
  <c r="AE75173" i="1"/>
  <c r="AE75174" i="1"/>
  <c r="AE75175" i="1"/>
  <c r="AE75176" i="1"/>
  <c r="AE75177" i="1"/>
  <c r="AE75178" i="1"/>
  <c r="AE75179" i="1"/>
  <c r="AE75180" i="1"/>
  <c r="AE75181" i="1"/>
  <c r="AE75182" i="1"/>
  <c r="AE75183" i="1"/>
  <c r="AE75184" i="1"/>
  <c r="AE75185" i="1"/>
  <c r="AE75186" i="1"/>
  <c r="AE75187" i="1"/>
  <c r="AE75188" i="1"/>
  <c r="AE75189" i="1"/>
  <c r="AE75190" i="1"/>
  <c r="AE75191" i="1"/>
  <c r="AE75192" i="1"/>
  <c r="AE75193" i="1"/>
  <c r="AE75194" i="1"/>
  <c r="AE75195" i="1"/>
  <c r="AE75196" i="1"/>
  <c r="AE75197" i="1"/>
  <c r="AE75198" i="1"/>
  <c r="AE75199" i="1"/>
  <c r="AE75200" i="1"/>
  <c r="AE75201" i="1"/>
  <c r="AE75202" i="1"/>
  <c r="AE75203" i="1"/>
  <c r="AE75204" i="1"/>
  <c r="AE75205" i="1"/>
  <c r="AE75206" i="1"/>
  <c r="AE75207" i="1"/>
  <c r="AE75208" i="1"/>
  <c r="AE75209" i="1"/>
  <c r="AE75210" i="1"/>
  <c r="AE75211" i="1"/>
  <c r="AE75212" i="1"/>
  <c r="AE75213" i="1"/>
  <c r="AE75214" i="1"/>
  <c r="AE75215" i="1"/>
  <c r="AE75216" i="1"/>
  <c r="AE75217" i="1"/>
  <c r="AE75218" i="1"/>
  <c r="AE75219" i="1"/>
  <c r="AE75220" i="1"/>
  <c r="AE75221" i="1"/>
  <c r="AE75222" i="1"/>
  <c r="AE75223" i="1"/>
  <c r="AE75224" i="1"/>
  <c r="AE75225" i="1"/>
  <c r="AE75226" i="1"/>
  <c r="AE75227" i="1"/>
  <c r="AE75228" i="1"/>
  <c r="AE75229" i="1"/>
  <c r="AE75230" i="1"/>
  <c r="AE75231" i="1"/>
  <c r="AE75232" i="1"/>
  <c r="AE75233" i="1"/>
  <c r="AE75234" i="1"/>
  <c r="AE75235" i="1"/>
  <c r="AE75236" i="1"/>
  <c r="AE75237" i="1"/>
  <c r="AE75238" i="1"/>
  <c r="AE75239" i="1"/>
  <c r="AE75240" i="1"/>
  <c r="AE75241" i="1"/>
  <c r="AE75242" i="1"/>
  <c r="AE75243" i="1"/>
  <c r="AE75244" i="1"/>
  <c r="AE75245" i="1"/>
  <c r="AE75246" i="1"/>
  <c r="AE75247" i="1"/>
  <c r="AE75248" i="1"/>
  <c r="AE75249" i="1"/>
  <c r="AE75250" i="1"/>
  <c r="AE75251" i="1"/>
  <c r="AE75252" i="1"/>
  <c r="AE75253" i="1"/>
  <c r="AE75254" i="1"/>
  <c r="AE75255" i="1"/>
  <c r="AE75256" i="1"/>
  <c r="AE75257" i="1"/>
  <c r="AE75258" i="1"/>
  <c r="AE75259" i="1"/>
  <c r="AE75260" i="1"/>
  <c r="AE75261" i="1"/>
  <c r="AE75262" i="1"/>
  <c r="AE75263" i="1"/>
  <c r="AE75264" i="1"/>
  <c r="AE75265" i="1"/>
  <c r="AE75266" i="1"/>
  <c r="AE75267" i="1"/>
  <c r="AE75268" i="1"/>
  <c r="AE75269" i="1"/>
  <c r="AE75270" i="1"/>
  <c r="AE75271" i="1"/>
  <c r="AE75272" i="1"/>
  <c r="AE75273" i="1"/>
  <c r="AE75274" i="1"/>
  <c r="AE75275" i="1"/>
  <c r="AE75276" i="1"/>
  <c r="AE75277" i="1"/>
  <c r="AE75278" i="1"/>
  <c r="AE75279" i="1"/>
  <c r="AE75280" i="1"/>
  <c r="AE75281" i="1"/>
  <c r="AE75282" i="1"/>
  <c r="AE75283" i="1"/>
  <c r="AE75284" i="1"/>
  <c r="AE75285" i="1"/>
  <c r="AE75286" i="1"/>
  <c r="AE75287" i="1"/>
  <c r="AE75288" i="1"/>
  <c r="AE75289" i="1"/>
  <c r="AE75290" i="1"/>
  <c r="AE75291" i="1"/>
  <c r="AE75292" i="1"/>
  <c r="AE75293" i="1"/>
  <c r="AE75294" i="1"/>
  <c r="AE75295" i="1"/>
  <c r="AE75296" i="1"/>
  <c r="AE75297" i="1"/>
  <c r="AE75298" i="1"/>
  <c r="AE75299" i="1"/>
  <c r="AE75300" i="1"/>
  <c r="AE75301" i="1"/>
  <c r="AE75302" i="1"/>
  <c r="AE75303" i="1"/>
  <c r="AE75304" i="1"/>
  <c r="AE75305" i="1"/>
  <c r="AE75306" i="1"/>
  <c r="AE75307" i="1"/>
  <c r="AE75308" i="1"/>
  <c r="AE75309" i="1"/>
  <c r="AE75310" i="1"/>
  <c r="AE75311" i="1"/>
  <c r="AE75312" i="1"/>
  <c r="AE75313" i="1"/>
  <c r="AE75314" i="1"/>
  <c r="AE75315" i="1"/>
  <c r="AE75316" i="1"/>
  <c r="AE75317" i="1"/>
  <c r="AE75318" i="1"/>
  <c r="AE75319" i="1"/>
  <c r="AE75320" i="1"/>
  <c r="AE75321" i="1"/>
  <c r="AE75322" i="1"/>
  <c r="AE75323" i="1"/>
  <c r="AE75324" i="1"/>
  <c r="AE75325" i="1"/>
  <c r="AE75326" i="1"/>
  <c r="AE75327" i="1"/>
  <c r="AE75328" i="1"/>
  <c r="AE75329" i="1"/>
  <c r="AE75330" i="1"/>
  <c r="AE75331" i="1"/>
  <c r="AE75332" i="1"/>
  <c r="AE75333" i="1"/>
  <c r="AE75334" i="1"/>
  <c r="AE75335" i="1"/>
  <c r="AE75336" i="1"/>
  <c r="AE75337" i="1"/>
  <c r="AE75338" i="1"/>
  <c r="AE75339" i="1"/>
  <c r="AE75340" i="1"/>
  <c r="AE75341" i="1"/>
  <c r="AE75342" i="1"/>
  <c r="AE75343" i="1"/>
  <c r="AE75344" i="1"/>
  <c r="AE75345" i="1"/>
  <c r="AE75346" i="1"/>
  <c r="AE75347" i="1"/>
  <c r="AE75348" i="1"/>
  <c r="AE75349" i="1"/>
  <c r="AE75350" i="1"/>
  <c r="AE75351" i="1"/>
  <c r="AE75352" i="1"/>
  <c r="AE75353" i="1"/>
  <c r="AE75354" i="1"/>
  <c r="AE75355" i="1"/>
  <c r="AE75356" i="1"/>
  <c r="AE75357" i="1"/>
  <c r="AE75358" i="1"/>
  <c r="AE75359" i="1"/>
  <c r="AE75360" i="1"/>
  <c r="AE75361" i="1"/>
  <c r="AE75362" i="1"/>
  <c r="AE75363" i="1"/>
  <c r="AE75364" i="1"/>
  <c r="AE75365" i="1"/>
  <c r="AE75366" i="1"/>
  <c r="AE75367" i="1"/>
  <c r="AE75368" i="1"/>
  <c r="AE75369" i="1"/>
  <c r="AE75370" i="1"/>
  <c r="AE75371" i="1"/>
  <c r="AE75372" i="1"/>
  <c r="AE75373" i="1"/>
  <c r="AE75374" i="1"/>
  <c r="AE75375" i="1"/>
  <c r="AE75376" i="1"/>
  <c r="AE75377" i="1"/>
  <c r="AE75378" i="1"/>
  <c r="AE75379" i="1"/>
  <c r="AE75380" i="1"/>
  <c r="AE75381" i="1"/>
  <c r="AE75382" i="1"/>
  <c r="AE75383" i="1"/>
  <c r="AE75384" i="1"/>
  <c r="AE75385" i="1"/>
  <c r="AE75386" i="1"/>
  <c r="AE75387" i="1"/>
  <c r="AE75388" i="1"/>
  <c r="AE75389" i="1"/>
  <c r="AE75390" i="1"/>
  <c r="AE75391" i="1"/>
  <c r="AE75392" i="1"/>
  <c r="AE75393" i="1"/>
  <c r="AE75394" i="1"/>
  <c r="AE75395" i="1"/>
  <c r="AE75396" i="1"/>
  <c r="AE75397" i="1"/>
  <c r="AE75398" i="1"/>
  <c r="AE75399" i="1"/>
  <c r="AE75400" i="1"/>
  <c r="AE75401" i="1"/>
  <c r="AE75402" i="1"/>
  <c r="AE75403" i="1"/>
  <c r="AE75404" i="1"/>
  <c r="AE75405" i="1"/>
  <c r="AE75406" i="1"/>
  <c r="AE75407" i="1"/>
  <c r="AE75408" i="1"/>
  <c r="AE75409" i="1"/>
  <c r="AE75410" i="1"/>
  <c r="AE75411" i="1"/>
  <c r="AE75412" i="1"/>
  <c r="AE75413" i="1"/>
  <c r="AE75414" i="1"/>
  <c r="AE75415" i="1"/>
  <c r="AE75416" i="1"/>
  <c r="AE75417" i="1"/>
  <c r="AE75418" i="1"/>
  <c r="AE75419" i="1"/>
  <c r="AE75420" i="1"/>
  <c r="AE75421" i="1"/>
  <c r="AE75422" i="1"/>
  <c r="AE75423" i="1"/>
  <c r="AE75424" i="1"/>
  <c r="AE75425" i="1"/>
  <c r="AE75426" i="1"/>
  <c r="AE75427" i="1"/>
  <c r="AE75428" i="1"/>
  <c r="AE75429" i="1"/>
  <c r="AE75430" i="1"/>
  <c r="AE75431" i="1"/>
  <c r="AE75432" i="1"/>
  <c r="AE75433" i="1"/>
  <c r="AE75434" i="1"/>
  <c r="AE75435" i="1"/>
  <c r="AE75436" i="1"/>
  <c r="AE75437" i="1"/>
  <c r="AE75438" i="1"/>
  <c r="AE75439" i="1"/>
  <c r="AE75440" i="1"/>
  <c r="AE75441" i="1"/>
  <c r="AE75442" i="1"/>
  <c r="AE75443" i="1"/>
  <c r="AE75444" i="1"/>
  <c r="AE75445" i="1"/>
  <c r="AE75446" i="1"/>
  <c r="AE75447" i="1"/>
  <c r="AE75448" i="1"/>
  <c r="AE75449" i="1"/>
  <c r="AE75450" i="1"/>
  <c r="AE75451" i="1"/>
  <c r="AE75452" i="1"/>
  <c r="AE75453" i="1"/>
  <c r="AE75454" i="1"/>
  <c r="AE75455" i="1"/>
  <c r="AE75456" i="1"/>
  <c r="AE75457" i="1"/>
  <c r="AE75458" i="1"/>
  <c r="AE75459" i="1"/>
  <c r="AE75460" i="1"/>
  <c r="AE75461" i="1"/>
  <c r="AE75462" i="1"/>
  <c r="AE75463" i="1"/>
  <c r="AE75464" i="1"/>
  <c r="AE75465" i="1"/>
  <c r="AE75466" i="1"/>
  <c r="AE75467" i="1"/>
  <c r="AE75468" i="1"/>
  <c r="AE75469" i="1"/>
  <c r="AE75470" i="1"/>
  <c r="AE75471" i="1"/>
  <c r="AE75472" i="1"/>
  <c r="AE75473" i="1"/>
  <c r="AE75474" i="1"/>
  <c r="AE75475" i="1"/>
  <c r="AE75476" i="1"/>
  <c r="AE75477" i="1"/>
  <c r="AE75478" i="1"/>
  <c r="AE75479" i="1"/>
  <c r="AE75480" i="1"/>
  <c r="AE75481" i="1"/>
  <c r="AE75482" i="1"/>
  <c r="AE75483" i="1"/>
  <c r="AE75484" i="1"/>
  <c r="AE75485" i="1"/>
  <c r="AE75486" i="1"/>
  <c r="AE75487" i="1"/>
  <c r="AE75488" i="1"/>
  <c r="AE75489" i="1"/>
  <c r="AE75490" i="1"/>
  <c r="AE75491" i="1"/>
  <c r="AE75492" i="1"/>
  <c r="AE75493" i="1"/>
  <c r="AE75494" i="1"/>
  <c r="AE75495" i="1"/>
  <c r="AE75496" i="1"/>
  <c r="AE75497" i="1"/>
  <c r="AE75498" i="1"/>
  <c r="AE75499" i="1"/>
  <c r="AE75500" i="1"/>
  <c r="AE75501" i="1"/>
  <c r="AE75502" i="1"/>
  <c r="AE75503" i="1"/>
  <c r="AE75504" i="1"/>
  <c r="AE75505" i="1"/>
  <c r="AE75506" i="1"/>
  <c r="AE75507" i="1"/>
  <c r="AE75508" i="1"/>
  <c r="AE75509" i="1"/>
  <c r="AE75510" i="1"/>
  <c r="AE75511" i="1"/>
  <c r="AE75512" i="1"/>
  <c r="AE75513" i="1"/>
  <c r="AE75514" i="1"/>
  <c r="AE75515" i="1"/>
  <c r="AE75516" i="1"/>
  <c r="AE75517" i="1"/>
  <c r="AE75518" i="1"/>
  <c r="AE75519" i="1"/>
  <c r="AE75520" i="1"/>
  <c r="AE75521" i="1"/>
  <c r="AE75522" i="1"/>
  <c r="AE75523" i="1"/>
  <c r="AE75524" i="1"/>
  <c r="AE75525" i="1"/>
  <c r="AE75526" i="1"/>
  <c r="AE75527" i="1"/>
  <c r="AE75528" i="1"/>
  <c r="AE75529" i="1"/>
  <c r="AE75530" i="1"/>
  <c r="AE75531" i="1"/>
  <c r="AE75532" i="1"/>
  <c r="AE75533" i="1"/>
  <c r="AE75534" i="1"/>
  <c r="AE75535" i="1"/>
  <c r="AE75536" i="1"/>
  <c r="AE75537" i="1"/>
  <c r="AE75538" i="1"/>
  <c r="AE75539" i="1"/>
  <c r="AE75540" i="1"/>
  <c r="AE75541" i="1"/>
  <c r="AE75542" i="1"/>
  <c r="AE75543" i="1"/>
  <c r="AE75544" i="1"/>
  <c r="AE75545" i="1"/>
  <c r="AE75546" i="1"/>
  <c r="AE75547" i="1"/>
  <c r="AE75548" i="1"/>
  <c r="AE75549" i="1"/>
  <c r="AE75550" i="1"/>
  <c r="AE75551" i="1"/>
  <c r="AE75552" i="1"/>
  <c r="AE75553" i="1"/>
  <c r="AE75554" i="1"/>
  <c r="AE75555" i="1"/>
  <c r="AE75556" i="1"/>
  <c r="AE75557" i="1"/>
  <c r="AE75558" i="1"/>
  <c r="AE75559" i="1"/>
  <c r="AE75560" i="1"/>
  <c r="AE75561" i="1"/>
  <c r="AE75562" i="1"/>
  <c r="AE75563" i="1"/>
  <c r="AE75564" i="1"/>
  <c r="AE75565" i="1"/>
  <c r="AE75566" i="1"/>
  <c r="AE75567" i="1"/>
  <c r="AE75568" i="1"/>
  <c r="AE75569" i="1"/>
  <c r="AE75570" i="1"/>
  <c r="AE75571" i="1"/>
  <c r="AE75572" i="1"/>
  <c r="AE75573" i="1"/>
  <c r="AE75574" i="1"/>
  <c r="AE75575" i="1"/>
  <c r="AE75576" i="1"/>
  <c r="AE75577" i="1"/>
  <c r="AE75578" i="1"/>
  <c r="AE75579" i="1"/>
  <c r="AE75580" i="1"/>
  <c r="AE75581" i="1"/>
  <c r="AE75582" i="1"/>
  <c r="AE75583" i="1"/>
  <c r="AE75584" i="1"/>
  <c r="AE75585" i="1"/>
  <c r="AE75586" i="1"/>
  <c r="AE75587" i="1"/>
  <c r="AE75588" i="1"/>
  <c r="AE75589" i="1"/>
  <c r="AE75590" i="1"/>
  <c r="AE75591" i="1"/>
  <c r="AE75592" i="1"/>
  <c r="AE75593" i="1"/>
  <c r="AE75594" i="1"/>
  <c r="AE75595" i="1"/>
  <c r="AE75596" i="1"/>
  <c r="AE75597" i="1"/>
  <c r="AE75598" i="1"/>
  <c r="AE75599" i="1"/>
  <c r="AE75600" i="1"/>
  <c r="AE75601" i="1"/>
  <c r="AE75602" i="1"/>
  <c r="AE75603" i="1"/>
  <c r="AE75604" i="1"/>
  <c r="AE75605" i="1"/>
  <c r="AE75606" i="1"/>
  <c r="AE75607" i="1"/>
  <c r="AE75608" i="1"/>
  <c r="AE75609" i="1"/>
  <c r="AE75610" i="1"/>
  <c r="AE75611" i="1"/>
  <c r="AE75612" i="1"/>
  <c r="AE75613" i="1"/>
  <c r="AE75614" i="1"/>
  <c r="AE75615" i="1"/>
  <c r="AE75616" i="1"/>
  <c r="AE75617" i="1"/>
  <c r="AE75618" i="1"/>
  <c r="AE75619" i="1"/>
  <c r="AE75620" i="1"/>
  <c r="AE75621" i="1"/>
  <c r="AE75622" i="1"/>
  <c r="AE75623" i="1"/>
  <c r="AE75624" i="1"/>
  <c r="AE75625" i="1"/>
  <c r="AE75626" i="1"/>
  <c r="AE75627" i="1"/>
  <c r="AE75628" i="1"/>
  <c r="AE75629" i="1"/>
  <c r="AE75630" i="1"/>
  <c r="AE75631" i="1"/>
  <c r="AE75632" i="1"/>
  <c r="AE75633" i="1"/>
  <c r="AE75634" i="1"/>
  <c r="AE75635" i="1"/>
  <c r="AE75636" i="1"/>
  <c r="AE75637" i="1"/>
  <c r="AE75638" i="1"/>
  <c r="AE75639" i="1"/>
  <c r="AE75640" i="1"/>
  <c r="AE75641" i="1"/>
  <c r="AE75642" i="1"/>
  <c r="AE75643" i="1"/>
  <c r="AE75644" i="1"/>
  <c r="AE75645" i="1"/>
  <c r="AE75646" i="1"/>
  <c r="AE75647" i="1"/>
  <c r="AE75648" i="1"/>
  <c r="AE75649" i="1"/>
  <c r="AE75650" i="1"/>
  <c r="AE75651" i="1"/>
  <c r="AE75652" i="1"/>
  <c r="AE75653" i="1"/>
  <c r="AE75654" i="1"/>
  <c r="AE75655" i="1"/>
  <c r="AE75656" i="1"/>
  <c r="AE75657" i="1"/>
  <c r="AE75658" i="1"/>
  <c r="AE75659" i="1"/>
  <c r="AE75660" i="1"/>
  <c r="AE75661" i="1"/>
  <c r="AE75662" i="1"/>
  <c r="AE75663" i="1"/>
  <c r="AE75664" i="1"/>
  <c r="AE75665" i="1"/>
  <c r="AE75666" i="1"/>
  <c r="AE75667" i="1"/>
  <c r="AE75668" i="1"/>
  <c r="AE75669" i="1"/>
  <c r="AE75670" i="1"/>
  <c r="AE75671" i="1"/>
  <c r="AE75672" i="1"/>
  <c r="AE75673" i="1"/>
  <c r="AE75674" i="1"/>
  <c r="AE75675" i="1"/>
  <c r="AE75676" i="1"/>
  <c r="AE75677" i="1"/>
  <c r="AE75678" i="1"/>
  <c r="AE75679" i="1"/>
  <c r="AE75680" i="1"/>
  <c r="AE75681" i="1"/>
  <c r="AE75682" i="1"/>
  <c r="AE75683" i="1"/>
  <c r="AE75684" i="1"/>
  <c r="AE75685" i="1"/>
  <c r="AE75686" i="1"/>
  <c r="AE75687" i="1"/>
  <c r="AE75688" i="1"/>
  <c r="AE75689" i="1"/>
  <c r="AE75690" i="1"/>
  <c r="AE75691" i="1"/>
  <c r="AE75692" i="1"/>
  <c r="AE75693" i="1"/>
  <c r="AE75694" i="1"/>
  <c r="AE75695" i="1"/>
  <c r="AE75696" i="1"/>
  <c r="AE75697" i="1"/>
  <c r="AE75698" i="1"/>
  <c r="AE75699" i="1"/>
  <c r="AE75700" i="1"/>
  <c r="AE75701" i="1"/>
  <c r="AE75702" i="1"/>
  <c r="AE75703" i="1"/>
  <c r="AE75704" i="1"/>
  <c r="AE75705" i="1"/>
  <c r="AE75706" i="1"/>
  <c r="AE75707" i="1"/>
  <c r="AE75708" i="1"/>
  <c r="AE75709" i="1"/>
  <c r="AE75710" i="1"/>
  <c r="AE75711" i="1"/>
  <c r="AE75712" i="1"/>
  <c r="AE75713" i="1"/>
  <c r="AE75714" i="1"/>
  <c r="AE75715" i="1"/>
  <c r="AE75716" i="1"/>
  <c r="AE75717" i="1"/>
  <c r="AE75718" i="1"/>
  <c r="AE75719" i="1"/>
  <c r="AE75720" i="1"/>
  <c r="AE75721" i="1"/>
  <c r="AE75722" i="1"/>
  <c r="AE75723" i="1"/>
  <c r="AE75724" i="1"/>
  <c r="AE75725" i="1"/>
  <c r="AE75726" i="1"/>
  <c r="AE75727" i="1"/>
  <c r="AE75728" i="1"/>
  <c r="AE75729" i="1"/>
  <c r="AE75730" i="1"/>
  <c r="AE75731" i="1"/>
  <c r="AE75732" i="1"/>
  <c r="AE75733" i="1"/>
  <c r="AE75734" i="1"/>
  <c r="AE75735" i="1"/>
  <c r="AE75736" i="1"/>
  <c r="AE75737" i="1"/>
  <c r="AE75738" i="1"/>
  <c r="AE75739" i="1"/>
  <c r="AE75740" i="1"/>
  <c r="AE75741" i="1"/>
  <c r="AE75742" i="1"/>
  <c r="AE75743" i="1"/>
  <c r="AE75744" i="1"/>
  <c r="AE75745" i="1"/>
  <c r="AE75746" i="1"/>
  <c r="AE75747" i="1"/>
  <c r="AE75748" i="1"/>
  <c r="AE75749" i="1"/>
  <c r="AE75750" i="1"/>
  <c r="AE75751" i="1"/>
  <c r="AE75752" i="1"/>
  <c r="AE75753" i="1"/>
  <c r="AE75754" i="1"/>
  <c r="AE75755" i="1"/>
  <c r="AE75756" i="1"/>
  <c r="AE75757" i="1"/>
  <c r="AE75758" i="1"/>
  <c r="AE75759" i="1"/>
  <c r="AE75760" i="1"/>
  <c r="AE75761" i="1"/>
  <c r="AE75762" i="1"/>
  <c r="AE75763" i="1"/>
  <c r="AE75764" i="1"/>
  <c r="AE75765" i="1"/>
  <c r="AE75766" i="1"/>
  <c r="AE75767" i="1"/>
  <c r="AE75768" i="1"/>
  <c r="AE75769" i="1"/>
  <c r="AE75770" i="1"/>
  <c r="AE75771" i="1"/>
  <c r="AE75772" i="1"/>
  <c r="AE75773" i="1"/>
  <c r="AE75774" i="1"/>
  <c r="AE75775" i="1"/>
  <c r="AE75776" i="1"/>
  <c r="AE75777" i="1"/>
  <c r="AE75778" i="1"/>
  <c r="AE75779" i="1"/>
  <c r="AE75780" i="1"/>
  <c r="AE75781" i="1"/>
  <c r="AE75782" i="1"/>
  <c r="AE75783" i="1"/>
  <c r="AE75784" i="1"/>
  <c r="AE75785" i="1"/>
  <c r="AE75786" i="1"/>
  <c r="AE75787" i="1"/>
  <c r="AE75788" i="1"/>
  <c r="AE75789" i="1"/>
  <c r="AE75790" i="1"/>
  <c r="AE75791" i="1"/>
  <c r="AE75792" i="1"/>
  <c r="AE75793" i="1"/>
  <c r="AE75794" i="1"/>
  <c r="AE75795" i="1"/>
  <c r="AE75796" i="1"/>
  <c r="AE75797" i="1"/>
  <c r="AE75798" i="1"/>
  <c r="AE75799" i="1"/>
  <c r="AE75800" i="1"/>
  <c r="AE75801" i="1"/>
  <c r="AE75802" i="1"/>
  <c r="AE75803" i="1"/>
  <c r="AE75804" i="1"/>
  <c r="AE75805" i="1"/>
  <c r="AE75806" i="1"/>
  <c r="AE75807" i="1"/>
  <c r="AE75808" i="1"/>
  <c r="AE75809" i="1"/>
  <c r="AE75810" i="1"/>
  <c r="AE75811" i="1"/>
  <c r="AE75812" i="1"/>
  <c r="AE75813" i="1"/>
  <c r="AE75814" i="1"/>
  <c r="AE75815" i="1"/>
  <c r="AE75816" i="1"/>
  <c r="AE75817" i="1"/>
  <c r="AE75818" i="1"/>
  <c r="AE75819" i="1"/>
  <c r="AE75820" i="1"/>
  <c r="AE75821" i="1"/>
  <c r="AE75822" i="1"/>
  <c r="AE75823" i="1"/>
  <c r="AE75824" i="1"/>
  <c r="AE75825" i="1"/>
  <c r="AE75826" i="1"/>
  <c r="AE75827" i="1"/>
  <c r="AE75828" i="1"/>
  <c r="AE75829" i="1"/>
  <c r="AE75830" i="1"/>
  <c r="AE75831" i="1"/>
  <c r="AE75832" i="1"/>
  <c r="AE75833" i="1"/>
  <c r="AE75834" i="1"/>
  <c r="AE75835" i="1"/>
  <c r="AE75836" i="1"/>
  <c r="AE75837" i="1"/>
  <c r="AE75838" i="1"/>
  <c r="AE75839" i="1"/>
  <c r="AE75840" i="1"/>
  <c r="AE75841" i="1"/>
  <c r="AE75842" i="1"/>
  <c r="AE75843" i="1"/>
  <c r="AE75844" i="1"/>
  <c r="AE75845" i="1"/>
  <c r="AE75846" i="1"/>
  <c r="AE75847" i="1"/>
  <c r="AE75848" i="1"/>
  <c r="AE75849" i="1"/>
  <c r="AE75850" i="1"/>
  <c r="AE75851" i="1"/>
  <c r="AE75852" i="1"/>
  <c r="AE75853" i="1"/>
  <c r="AE75854" i="1"/>
  <c r="AE75855" i="1"/>
  <c r="AE75856" i="1"/>
  <c r="AE75857" i="1"/>
  <c r="AE75858" i="1"/>
  <c r="AE75859" i="1"/>
  <c r="AE75860" i="1"/>
  <c r="AE75861" i="1"/>
  <c r="AE75862" i="1"/>
  <c r="AE75863" i="1"/>
  <c r="AE75864" i="1"/>
  <c r="AE75865" i="1"/>
  <c r="AE75866" i="1"/>
  <c r="AE75867" i="1"/>
  <c r="AE75868" i="1"/>
  <c r="AE75869" i="1"/>
  <c r="AE75870" i="1"/>
  <c r="AE75871" i="1"/>
  <c r="AE75872" i="1"/>
  <c r="AE75873" i="1"/>
  <c r="AE75874" i="1"/>
  <c r="AE75875" i="1"/>
  <c r="AE75876" i="1"/>
  <c r="AE75877" i="1"/>
  <c r="AE75878" i="1"/>
  <c r="AE75879" i="1"/>
  <c r="AE75880" i="1"/>
  <c r="AE75881" i="1"/>
  <c r="AE75882" i="1"/>
  <c r="AE75883" i="1"/>
  <c r="AE75884" i="1"/>
  <c r="AE75885" i="1"/>
  <c r="AE75886" i="1"/>
  <c r="AE75887" i="1"/>
  <c r="AE75888" i="1"/>
  <c r="AE75889" i="1"/>
  <c r="AE75890" i="1"/>
  <c r="AE75891" i="1"/>
  <c r="AE75892" i="1"/>
  <c r="AE75893" i="1"/>
  <c r="AE75894" i="1"/>
  <c r="AE75895" i="1"/>
  <c r="AE75896" i="1"/>
  <c r="AE75897" i="1"/>
  <c r="AE75898" i="1"/>
  <c r="AE75899" i="1"/>
  <c r="AE75900" i="1"/>
  <c r="AE75901" i="1"/>
  <c r="AE75902" i="1"/>
  <c r="AE75903" i="1"/>
  <c r="AE75904" i="1"/>
  <c r="AE75905" i="1"/>
  <c r="AE75906" i="1"/>
  <c r="AE75907" i="1"/>
  <c r="AE75908" i="1"/>
  <c r="AE75909" i="1"/>
  <c r="AE75910" i="1"/>
  <c r="AE75911" i="1"/>
  <c r="AE75912" i="1"/>
  <c r="AE75913" i="1"/>
  <c r="AE75914" i="1"/>
  <c r="AE75915" i="1"/>
  <c r="AE75916" i="1"/>
  <c r="AE75917" i="1"/>
  <c r="AE75918" i="1"/>
  <c r="AE75919" i="1"/>
  <c r="AE75920" i="1"/>
  <c r="AE75921" i="1"/>
  <c r="AE75922" i="1"/>
  <c r="AE75923" i="1"/>
  <c r="AE75924" i="1"/>
  <c r="AE75925" i="1"/>
  <c r="AE75926" i="1"/>
  <c r="AE75927" i="1"/>
  <c r="AE75928" i="1"/>
  <c r="AE75929" i="1"/>
  <c r="AE75930" i="1"/>
  <c r="AE75931" i="1"/>
  <c r="AE75932" i="1"/>
  <c r="AE75933" i="1"/>
  <c r="AE75934" i="1"/>
  <c r="AE75935" i="1"/>
  <c r="AE75936" i="1"/>
  <c r="AE75937" i="1"/>
  <c r="AE75938" i="1"/>
  <c r="AE75939" i="1"/>
  <c r="AE75940" i="1"/>
  <c r="AE75941" i="1"/>
  <c r="AE75942" i="1"/>
  <c r="AE75943" i="1"/>
  <c r="AE75944" i="1"/>
  <c r="AE75945" i="1"/>
  <c r="AE75946" i="1"/>
  <c r="AE75947" i="1"/>
  <c r="AE75948" i="1"/>
  <c r="AE75949" i="1"/>
  <c r="AE75950" i="1"/>
  <c r="AE75951" i="1"/>
  <c r="AE75952" i="1"/>
  <c r="AE75953" i="1"/>
  <c r="AE75954" i="1"/>
  <c r="AE75955" i="1"/>
  <c r="AE75956" i="1"/>
  <c r="AE75957" i="1"/>
  <c r="AE75958" i="1"/>
  <c r="AE75959" i="1"/>
  <c r="AE75960" i="1"/>
  <c r="AE75961" i="1"/>
  <c r="AE75962" i="1"/>
  <c r="AE75963" i="1"/>
  <c r="AE75964" i="1"/>
  <c r="AE75965" i="1"/>
  <c r="AE75966" i="1"/>
  <c r="AE75967" i="1"/>
  <c r="AE75968" i="1"/>
  <c r="AE75969" i="1"/>
  <c r="AE75970" i="1"/>
  <c r="AE75971" i="1"/>
  <c r="AE75972" i="1"/>
  <c r="AE75973" i="1"/>
  <c r="AE75974" i="1"/>
  <c r="AE75975" i="1"/>
  <c r="AE75976" i="1"/>
  <c r="AE75977" i="1"/>
  <c r="AE75978" i="1"/>
  <c r="AE75979" i="1"/>
  <c r="AE75980" i="1"/>
  <c r="AE75981" i="1"/>
  <c r="AE75982" i="1"/>
  <c r="AE75983" i="1"/>
  <c r="AE75984" i="1"/>
  <c r="AE75985" i="1"/>
  <c r="AE75986" i="1"/>
  <c r="AE75987" i="1"/>
  <c r="AE75988" i="1"/>
  <c r="AE75989" i="1"/>
  <c r="AE75990" i="1"/>
  <c r="AE75991" i="1"/>
  <c r="AE75992" i="1"/>
  <c r="AE75993" i="1"/>
  <c r="AE75994" i="1"/>
  <c r="AE75995" i="1"/>
  <c r="AE75996" i="1"/>
  <c r="AE75997" i="1"/>
  <c r="AE75998" i="1"/>
  <c r="AE75999" i="1"/>
  <c r="AE76000" i="1"/>
  <c r="AE76001" i="1"/>
  <c r="AE76002" i="1"/>
  <c r="AE76003" i="1"/>
  <c r="AE76004" i="1"/>
  <c r="AE76005" i="1"/>
  <c r="AE76006" i="1"/>
  <c r="AE76007" i="1"/>
  <c r="AE76008" i="1"/>
  <c r="AE76009" i="1"/>
  <c r="AE76010" i="1"/>
  <c r="AE76011" i="1"/>
  <c r="AE76012" i="1"/>
  <c r="AE76013" i="1"/>
  <c r="AE76014" i="1"/>
  <c r="AE76015" i="1"/>
  <c r="AE76016" i="1"/>
  <c r="AE76017" i="1"/>
  <c r="AE76018" i="1"/>
  <c r="AE76019" i="1"/>
  <c r="AE76020" i="1"/>
  <c r="AE76021" i="1"/>
  <c r="AE76022" i="1"/>
  <c r="AE76023" i="1"/>
  <c r="AE76024" i="1"/>
  <c r="AE76025" i="1"/>
  <c r="AE76026" i="1"/>
  <c r="AE76027" i="1"/>
  <c r="AE76028" i="1"/>
  <c r="AE76029" i="1"/>
  <c r="AE76030" i="1"/>
  <c r="AE76031" i="1"/>
  <c r="AE76032" i="1"/>
  <c r="AE76033" i="1"/>
  <c r="AE76034" i="1"/>
  <c r="AE76035" i="1"/>
  <c r="AE76036" i="1"/>
  <c r="AE76037" i="1"/>
  <c r="AE76038" i="1"/>
  <c r="AE76039" i="1"/>
  <c r="AE76040" i="1"/>
  <c r="AE76041" i="1"/>
  <c r="AE76042" i="1"/>
  <c r="AE76043" i="1"/>
  <c r="AE76044" i="1"/>
  <c r="AE76045" i="1"/>
  <c r="AE76046" i="1"/>
  <c r="AE76047" i="1"/>
  <c r="AE76048" i="1"/>
  <c r="AE76049" i="1"/>
  <c r="AE76050" i="1"/>
  <c r="AE76051" i="1"/>
  <c r="AE76052" i="1"/>
  <c r="AE76053" i="1"/>
  <c r="AE76054" i="1"/>
  <c r="AE76055" i="1"/>
  <c r="AE76056" i="1"/>
  <c r="AE76057" i="1"/>
  <c r="AE76058" i="1"/>
  <c r="AE76059" i="1"/>
  <c r="AE76060" i="1"/>
  <c r="AE76061" i="1"/>
  <c r="AE76062" i="1"/>
  <c r="AE76063" i="1"/>
  <c r="AE76064" i="1"/>
  <c r="AE76065" i="1"/>
  <c r="AE76066" i="1"/>
  <c r="AE76067" i="1"/>
  <c r="AE76068" i="1"/>
  <c r="AE76069" i="1"/>
  <c r="AE76070" i="1"/>
  <c r="AE76071" i="1"/>
  <c r="AE76072" i="1"/>
  <c r="AE76073" i="1"/>
  <c r="AE76074" i="1"/>
  <c r="AE76075" i="1"/>
  <c r="AE76076" i="1"/>
  <c r="AE76077" i="1"/>
  <c r="AE76078" i="1"/>
  <c r="AE76079" i="1"/>
  <c r="AE76080" i="1"/>
  <c r="AE76081" i="1"/>
  <c r="AE76082" i="1"/>
  <c r="AE76083" i="1"/>
  <c r="AE76084" i="1"/>
  <c r="AE76085" i="1"/>
  <c r="AE76086" i="1"/>
  <c r="AE76087" i="1"/>
  <c r="AE76088" i="1"/>
  <c r="AE76089" i="1"/>
  <c r="AE76090" i="1"/>
  <c r="AE76091" i="1"/>
  <c r="AE76092" i="1"/>
  <c r="AE76093" i="1"/>
  <c r="AE76094" i="1"/>
  <c r="AE76095" i="1"/>
  <c r="AE76096" i="1"/>
  <c r="AE76097" i="1"/>
  <c r="AE76098" i="1"/>
  <c r="AE76099" i="1"/>
  <c r="AE76100" i="1"/>
  <c r="AE76101" i="1"/>
  <c r="AE76102" i="1"/>
  <c r="AE76103" i="1"/>
  <c r="AE76104" i="1"/>
  <c r="AE76105" i="1"/>
  <c r="AE76106" i="1"/>
  <c r="AE76107" i="1"/>
  <c r="AE76108" i="1"/>
  <c r="AE76109" i="1"/>
  <c r="AE76110" i="1"/>
  <c r="AE76111" i="1"/>
  <c r="AE76112" i="1"/>
  <c r="AE76113" i="1"/>
  <c r="AE76114" i="1"/>
  <c r="AE76115" i="1"/>
  <c r="AE76116" i="1"/>
  <c r="AE76117" i="1"/>
  <c r="AE76118" i="1"/>
  <c r="AE76119" i="1"/>
  <c r="AE76120" i="1"/>
  <c r="AE76121" i="1"/>
  <c r="AE76122" i="1"/>
  <c r="AE76123" i="1"/>
  <c r="AE76124" i="1"/>
  <c r="AE76125" i="1"/>
  <c r="AE76126" i="1"/>
  <c r="AE76127" i="1"/>
  <c r="AE76128" i="1"/>
  <c r="AE76129" i="1"/>
  <c r="AE76130" i="1"/>
  <c r="AE76131" i="1"/>
  <c r="AE76132" i="1"/>
  <c r="AE76133" i="1"/>
  <c r="AE76134" i="1"/>
  <c r="AE76135" i="1"/>
  <c r="AE76136" i="1"/>
  <c r="AE76137" i="1"/>
  <c r="AE76138" i="1"/>
  <c r="AE76139" i="1"/>
  <c r="AE76140" i="1"/>
  <c r="AE76141" i="1"/>
  <c r="AE76142" i="1"/>
  <c r="AE76143" i="1"/>
  <c r="AE76144" i="1"/>
  <c r="AE76145" i="1"/>
  <c r="AE76146" i="1"/>
  <c r="AE76147" i="1"/>
  <c r="AE76148" i="1"/>
  <c r="AE76149" i="1"/>
  <c r="AE76150" i="1"/>
  <c r="AE76151" i="1"/>
  <c r="AE76152" i="1"/>
  <c r="AE76153" i="1"/>
  <c r="AE76154" i="1"/>
  <c r="AE76155" i="1"/>
  <c r="AE76156" i="1"/>
  <c r="AE76157" i="1"/>
  <c r="AE76158" i="1"/>
  <c r="AE76159" i="1"/>
  <c r="AE76160" i="1"/>
  <c r="AE76161" i="1"/>
  <c r="AE76162" i="1"/>
  <c r="AE76163" i="1"/>
  <c r="AE76164" i="1"/>
  <c r="AE76165" i="1"/>
  <c r="AE76166" i="1"/>
  <c r="AE76167" i="1"/>
  <c r="AE76168" i="1"/>
  <c r="AE76169" i="1"/>
  <c r="AE76170" i="1"/>
  <c r="AE76171" i="1"/>
  <c r="AE76172" i="1"/>
  <c r="AE76173" i="1"/>
  <c r="AE76174" i="1"/>
  <c r="AE76175" i="1"/>
  <c r="AE76176" i="1"/>
  <c r="AE76177" i="1"/>
  <c r="AE76178" i="1"/>
  <c r="AE76179" i="1"/>
  <c r="AE76180" i="1"/>
  <c r="AE76181" i="1"/>
  <c r="AE76182" i="1"/>
  <c r="AE76183" i="1"/>
  <c r="AE76184" i="1"/>
  <c r="AE76185" i="1"/>
  <c r="AE76186" i="1"/>
  <c r="AE76187" i="1"/>
  <c r="AE76188" i="1"/>
  <c r="AE76189" i="1"/>
  <c r="AE76190" i="1"/>
  <c r="AE76191" i="1"/>
  <c r="AE76192" i="1"/>
  <c r="AE76193" i="1"/>
  <c r="AE76194" i="1"/>
  <c r="AE76195" i="1"/>
  <c r="AE76196" i="1"/>
  <c r="AE76197" i="1"/>
  <c r="AE76198" i="1"/>
  <c r="AE76199" i="1"/>
  <c r="AE76200" i="1"/>
  <c r="AE76201" i="1"/>
  <c r="AE76202" i="1"/>
  <c r="AE76203" i="1"/>
  <c r="AE76204" i="1"/>
  <c r="AE76205" i="1"/>
  <c r="AE76206" i="1"/>
  <c r="AE76207" i="1"/>
  <c r="AE76208" i="1"/>
  <c r="AE76209" i="1"/>
  <c r="AE76210" i="1"/>
  <c r="AE76211" i="1"/>
  <c r="AE76212" i="1"/>
  <c r="AE76213" i="1"/>
  <c r="AE76214" i="1"/>
  <c r="AE76215" i="1"/>
  <c r="AE76216" i="1"/>
  <c r="AE76217" i="1"/>
  <c r="AE76218" i="1"/>
  <c r="AE76219" i="1"/>
  <c r="AE76220" i="1"/>
  <c r="AE76221" i="1"/>
  <c r="AE76222" i="1"/>
  <c r="AE76223" i="1"/>
  <c r="AE76224" i="1"/>
  <c r="AE76225" i="1"/>
  <c r="AE76226" i="1"/>
  <c r="AE76227" i="1"/>
  <c r="AE76228" i="1"/>
  <c r="AE76229" i="1"/>
  <c r="AE76230" i="1"/>
  <c r="AE76231" i="1"/>
  <c r="AE76232" i="1"/>
  <c r="AE76233" i="1"/>
  <c r="AE76234" i="1"/>
  <c r="AE76235" i="1"/>
  <c r="AE76236" i="1"/>
  <c r="AE76237" i="1"/>
  <c r="AE76238" i="1"/>
  <c r="AE76239" i="1"/>
  <c r="AE76240" i="1"/>
  <c r="AE76241" i="1"/>
  <c r="AE76242" i="1"/>
  <c r="AE76243" i="1"/>
  <c r="AE76244" i="1"/>
  <c r="AE76245" i="1"/>
  <c r="AE76246" i="1"/>
  <c r="AE76247" i="1"/>
  <c r="AE76248" i="1"/>
  <c r="AE76249" i="1"/>
  <c r="AE76250" i="1"/>
  <c r="AE76251" i="1"/>
  <c r="AE76252" i="1"/>
  <c r="AE76253" i="1"/>
  <c r="AE76254" i="1"/>
  <c r="AE76255" i="1"/>
  <c r="AE76256" i="1"/>
  <c r="AE76257" i="1"/>
  <c r="AE76258" i="1"/>
  <c r="AE76259" i="1"/>
  <c r="AE76260" i="1"/>
  <c r="AE76261" i="1"/>
  <c r="AE76262" i="1"/>
  <c r="AE76263" i="1"/>
  <c r="AE76264" i="1"/>
  <c r="AE76265" i="1"/>
  <c r="AE76266" i="1"/>
  <c r="AE76267" i="1"/>
  <c r="AE76268" i="1"/>
  <c r="AE76269" i="1"/>
  <c r="AE76270" i="1"/>
  <c r="AE76271" i="1"/>
  <c r="AE76272" i="1"/>
  <c r="AE76273" i="1"/>
  <c r="AE76274" i="1"/>
  <c r="AE76275" i="1"/>
  <c r="AE76276" i="1"/>
  <c r="AE76277" i="1"/>
  <c r="AE76278" i="1"/>
  <c r="AE76279" i="1"/>
  <c r="AE76280" i="1"/>
  <c r="AE76281" i="1"/>
  <c r="AE76282" i="1"/>
  <c r="AE76283" i="1"/>
  <c r="AE76284" i="1"/>
  <c r="AE76285" i="1"/>
  <c r="AE76286" i="1"/>
  <c r="AE76287" i="1"/>
  <c r="AE76288" i="1"/>
  <c r="AE76289" i="1"/>
  <c r="AE76290" i="1"/>
  <c r="AE76291" i="1"/>
  <c r="AE76292" i="1"/>
  <c r="AE76293" i="1"/>
  <c r="AE76294" i="1"/>
  <c r="AE76295" i="1"/>
  <c r="AE76296" i="1"/>
  <c r="AE76297" i="1"/>
  <c r="AE76298" i="1"/>
  <c r="AE76299" i="1"/>
  <c r="AE76300" i="1"/>
  <c r="AE76301" i="1"/>
  <c r="AE76302" i="1"/>
  <c r="AE76303" i="1"/>
  <c r="AE76304" i="1"/>
  <c r="AE76305" i="1"/>
  <c r="AE76306" i="1"/>
  <c r="AE76307" i="1"/>
  <c r="AE76308" i="1"/>
  <c r="AE76309" i="1"/>
  <c r="AE76310" i="1"/>
  <c r="AE76311" i="1"/>
  <c r="AE76312" i="1"/>
  <c r="AE76313" i="1"/>
  <c r="AE76314" i="1"/>
  <c r="AE76315" i="1"/>
  <c r="AE76316" i="1"/>
  <c r="AE76317" i="1"/>
  <c r="AE76318" i="1"/>
  <c r="AE76319" i="1"/>
  <c r="AE76320" i="1"/>
  <c r="AE76321" i="1"/>
  <c r="AE76322" i="1"/>
  <c r="AE76323" i="1"/>
  <c r="AE76324" i="1"/>
  <c r="AE76325" i="1"/>
  <c r="AE76326" i="1"/>
  <c r="AE76327" i="1"/>
  <c r="AE76328" i="1"/>
  <c r="AE76329" i="1"/>
  <c r="AE76330" i="1"/>
  <c r="AE76331" i="1"/>
  <c r="AE76332" i="1"/>
  <c r="AE76333" i="1"/>
  <c r="AE76334" i="1"/>
  <c r="AE76335" i="1"/>
  <c r="AE76336" i="1"/>
  <c r="AE76337" i="1"/>
  <c r="AE76338" i="1"/>
  <c r="AE76339" i="1"/>
  <c r="AE76340" i="1"/>
  <c r="AE76341" i="1"/>
  <c r="AE76342" i="1"/>
  <c r="AE76343" i="1"/>
  <c r="AE76344" i="1"/>
  <c r="AE76345" i="1"/>
  <c r="AE76346" i="1"/>
  <c r="AE76347" i="1"/>
  <c r="AE76348" i="1"/>
  <c r="AE76349" i="1"/>
  <c r="AE76350" i="1"/>
  <c r="AE76351" i="1"/>
  <c r="AE76352" i="1"/>
  <c r="AE76353" i="1"/>
  <c r="AE76354" i="1"/>
  <c r="AE76355" i="1"/>
  <c r="AE76356" i="1"/>
  <c r="AE76357" i="1"/>
  <c r="AE76358" i="1"/>
  <c r="AE76359" i="1"/>
  <c r="AE76360" i="1"/>
  <c r="AE76361" i="1"/>
  <c r="AE76362" i="1"/>
  <c r="AE76363" i="1"/>
  <c r="AE76364" i="1"/>
  <c r="AE76365" i="1"/>
  <c r="AE76366" i="1"/>
  <c r="AE76367" i="1"/>
  <c r="AE76368" i="1"/>
  <c r="AE76369" i="1"/>
  <c r="AE76370" i="1"/>
  <c r="AE76371" i="1"/>
  <c r="AE76372" i="1"/>
  <c r="AE76373" i="1"/>
  <c r="AE76374" i="1"/>
  <c r="AE76375" i="1"/>
  <c r="AE76376" i="1"/>
  <c r="AE76377" i="1"/>
  <c r="AE76378" i="1"/>
  <c r="AE76379" i="1"/>
  <c r="AE76380" i="1"/>
  <c r="AE76381" i="1"/>
  <c r="AE76382" i="1"/>
  <c r="AE76383" i="1"/>
  <c r="AE76384" i="1"/>
  <c r="AE76385" i="1"/>
  <c r="AE76386" i="1"/>
  <c r="AE76387" i="1"/>
  <c r="AE76388" i="1"/>
  <c r="AE76389" i="1"/>
  <c r="AE76390" i="1"/>
  <c r="AE76391" i="1"/>
  <c r="AE76392" i="1"/>
  <c r="AE76393" i="1"/>
  <c r="AE76394" i="1"/>
  <c r="AE76395" i="1"/>
  <c r="AE76396" i="1"/>
  <c r="AE76397" i="1"/>
  <c r="AE76398" i="1"/>
  <c r="AE76399" i="1"/>
  <c r="AE76400" i="1"/>
  <c r="AE76401" i="1"/>
  <c r="AE76402" i="1"/>
  <c r="AE76403" i="1"/>
  <c r="AE76404" i="1"/>
  <c r="AE76405" i="1"/>
  <c r="AE76406" i="1"/>
  <c r="AE76407" i="1"/>
  <c r="AE76408" i="1"/>
  <c r="AE76409" i="1"/>
  <c r="AE76410" i="1"/>
  <c r="AE76411" i="1"/>
  <c r="AE76412" i="1"/>
  <c r="AE76413" i="1"/>
  <c r="AE76414" i="1"/>
  <c r="AE76415" i="1"/>
  <c r="AE76416" i="1"/>
  <c r="AE76417" i="1"/>
  <c r="AE76418" i="1"/>
  <c r="AE76419" i="1"/>
  <c r="AE76420" i="1"/>
  <c r="AE76421" i="1"/>
  <c r="AE76422" i="1"/>
  <c r="AE76423" i="1"/>
  <c r="AE76424" i="1"/>
  <c r="AE76425" i="1"/>
  <c r="AE76426" i="1"/>
  <c r="AE76427" i="1"/>
  <c r="AE76428" i="1"/>
  <c r="AE76429" i="1"/>
  <c r="AE76430" i="1"/>
  <c r="AE76431" i="1"/>
  <c r="AE76432" i="1"/>
  <c r="AE76433" i="1"/>
  <c r="AE76434" i="1"/>
  <c r="AE76435" i="1"/>
  <c r="AE76436" i="1"/>
  <c r="AE76437" i="1"/>
  <c r="AE76438" i="1"/>
  <c r="AE76439" i="1"/>
  <c r="AE76440" i="1"/>
  <c r="AE76441" i="1"/>
  <c r="AE76442" i="1"/>
  <c r="AE76443" i="1"/>
  <c r="AE76444" i="1"/>
  <c r="AE76445" i="1"/>
  <c r="AE76446" i="1"/>
  <c r="AE76447" i="1"/>
  <c r="AE76448" i="1"/>
  <c r="AE76449" i="1"/>
  <c r="AE76450" i="1"/>
  <c r="AE76451" i="1"/>
  <c r="AE76452" i="1"/>
  <c r="AE76453" i="1"/>
  <c r="AE76454" i="1"/>
  <c r="AE76455" i="1"/>
  <c r="AE76456" i="1"/>
  <c r="AE76457" i="1"/>
  <c r="AE76458" i="1"/>
  <c r="AE76459" i="1"/>
  <c r="AE76460" i="1"/>
  <c r="AE76461" i="1"/>
  <c r="AE76462" i="1"/>
  <c r="AE76463" i="1"/>
  <c r="AE76464" i="1"/>
  <c r="AE76465" i="1"/>
  <c r="AE76466" i="1"/>
  <c r="AE76467" i="1"/>
  <c r="AE76468" i="1"/>
  <c r="AE76469" i="1"/>
  <c r="AE76470" i="1"/>
  <c r="AE76471" i="1"/>
  <c r="AE76472" i="1"/>
  <c r="AE76473" i="1"/>
  <c r="AE76474" i="1"/>
  <c r="AE76475" i="1"/>
  <c r="AE76476" i="1"/>
  <c r="AE76477" i="1"/>
  <c r="AE76478" i="1"/>
  <c r="AE76479" i="1"/>
  <c r="AE76480" i="1"/>
  <c r="AE76481" i="1"/>
  <c r="AE76482" i="1"/>
  <c r="AE76483" i="1"/>
  <c r="AE76484" i="1"/>
  <c r="AE76485" i="1"/>
  <c r="AE76486" i="1"/>
  <c r="AE76487" i="1"/>
  <c r="AE76488" i="1"/>
  <c r="AE76489" i="1"/>
  <c r="AE76490" i="1"/>
  <c r="AE76491" i="1"/>
  <c r="AE76492" i="1"/>
  <c r="AE76493" i="1"/>
  <c r="AE76494" i="1"/>
  <c r="AE76495" i="1"/>
  <c r="AE76496" i="1"/>
  <c r="AE76497" i="1"/>
  <c r="AE76498" i="1"/>
  <c r="AE76499" i="1"/>
  <c r="AE76500" i="1"/>
  <c r="AE76501" i="1"/>
  <c r="AE76502" i="1"/>
  <c r="AE76503" i="1"/>
  <c r="AE76504" i="1"/>
  <c r="AE76505" i="1"/>
  <c r="AE76506" i="1"/>
  <c r="AE76507" i="1"/>
  <c r="AE76508" i="1"/>
  <c r="AE76509" i="1"/>
  <c r="AE76510" i="1"/>
  <c r="AE76511" i="1"/>
  <c r="AE76512" i="1"/>
  <c r="AE76513" i="1"/>
  <c r="AE76514" i="1"/>
  <c r="AE76515" i="1"/>
  <c r="AE76516" i="1"/>
  <c r="AE76517" i="1"/>
  <c r="AE76518" i="1"/>
  <c r="AE76519" i="1"/>
  <c r="AE76520" i="1"/>
  <c r="AE76521" i="1"/>
  <c r="AE76522" i="1"/>
  <c r="AE76523" i="1"/>
  <c r="AE76524" i="1"/>
  <c r="AE76525" i="1"/>
  <c r="AE76526" i="1"/>
  <c r="AE76527" i="1"/>
  <c r="AE76528" i="1"/>
  <c r="AE76529" i="1"/>
  <c r="AE76530" i="1"/>
  <c r="AE76531" i="1"/>
  <c r="AE76532" i="1"/>
  <c r="AE76533" i="1"/>
  <c r="AE76534" i="1"/>
  <c r="AE76535" i="1"/>
  <c r="AE76536" i="1"/>
  <c r="AE76537" i="1"/>
  <c r="AE76538" i="1"/>
  <c r="AE76539" i="1"/>
  <c r="AE76540" i="1"/>
  <c r="AE76541" i="1"/>
  <c r="AE76542" i="1"/>
  <c r="AE76543" i="1"/>
  <c r="AE76544" i="1"/>
  <c r="AE76545" i="1"/>
  <c r="AE76546" i="1"/>
  <c r="AE76547" i="1"/>
  <c r="AE76548" i="1"/>
  <c r="AE76549" i="1"/>
  <c r="AE76550" i="1"/>
  <c r="AE76551" i="1"/>
  <c r="AE76552" i="1"/>
  <c r="AE76553" i="1"/>
  <c r="AE76554" i="1"/>
  <c r="AE76555" i="1"/>
  <c r="AE76556" i="1"/>
  <c r="AE76557" i="1"/>
  <c r="AE76558" i="1"/>
  <c r="AE76559" i="1"/>
  <c r="AE76560" i="1"/>
  <c r="AE76561" i="1"/>
  <c r="AE76562" i="1"/>
  <c r="AE76563" i="1"/>
  <c r="AE76564" i="1"/>
  <c r="AE76565" i="1"/>
  <c r="AE76566" i="1"/>
  <c r="AE76567" i="1"/>
  <c r="AE76568" i="1"/>
  <c r="AE76569" i="1"/>
  <c r="AE76570" i="1"/>
  <c r="AE76571" i="1"/>
  <c r="AE76572" i="1"/>
  <c r="AE76573" i="1"/>
  <c r="AE76574" i="1"/>
  <c r="AE76575" i="1"/>
  <c r="AE76576" i="1"/>
  <c r="AE76577" i="1"/>
  <c r="AE76578" i="1"/>
  <c r="AE76579" i="1"/>
  <c r="AE76580" i="1"/>
  <c r="AE76581" i="1"/>
  <c r="AE76582" i="1"/>
  <c r="AE76583" i="1"/>
  <c r="AE76584" i="1"/>
  <c r="AE76585" i="1"/>
  <c r="AE76586" i="1"/>
  <c r="AE76587" i="1"/>
  <c r="AE76588" i="1"/>
  <c r="AE76589" i="1"/>
  <c r="AE76590" i="1"/>
  <c r="AE76591" i="1"/>
  <c r="AE76592" i="1"/>
  <c r="AE76593" i="1"/>
  <c r="AE76594" i="1"/>
  <c r="AE76595" i="1"/>
  <c r="AE76596" i="1"/>
  <c r="AE76597" i="1"/>
  <c r="AE76598" i="1"/>
  <c r="AE76599" i="1"/>
  <c r="AE76600" i="1"/>
  <c r="AE76601" i="1"/>
  <c r="AE76602" i="1"/>
  <c r="AE76603" i="1"/>
  <c r="AE76604" i="1"/>
  <c r="AE76605" i="1"/>
  <c r="AE76606" i="1"/>
  <c r="AE76607" i="1"/>
  <c r="AE76608" i="1"/>
  <c r="AE76609" i="1"/>
  <c r="AE76610" i="1"/>
  <c r="AE76611" i="1"/>
  <c r="AE76612" i="1"/>
  <c r="AE76613" i="1"/>
  <c r="AE76614" i="1"/>
  <c r="AE76615" i="1"/>
  <c r="AE76616" i="1"/>
  <c r="AE76617" i="1"/>
  <c r="AE76618" i="1"/>
  <c r="AE76619" i="1"/>
  <c r="AE76620" i="1"/>
  <c r="AE76621" i="1"/>
  <c r="AE76622" i="1"/>
  <c r="AE76623" i="1"/>
  <c r="AE76624" i="1"/>
  <c r="AE76625" i="1"/>
  <c r="AE76626" i="1"/>
  <c r="AE76627" i="1"/>
  <c r="AE76628" i="1"/>
  <c r="AE76629" i="1"/>
  <c r="AE76630" i="1"/>
  <c r="AE76631" i="1"/>
  <c r="AE76632" i="1"/>
  <c r="AE76633" i="1"/>
  <c r="AE76634" i="1"/>
  <c r="AE76635" i="1"/>
  <c r="AE76636" i="1"/>
  <c r="AE76637" i="1"/>
  <c r="AE76638" i="1"/>
  <c r="AE76639" i="1"/>
  <c r="AE76640" i="1"/>
  <c r="AE76641" i="1"/>
  <c r="AE76642" i="1"/>
  <c r="AE76643" i="1"/>
  <c r="AE76644" i="1"/>
  <c r="AE76645" i="1"/>
  <c r="AE76646" i="1"/>
  <c r="AE76647" i="1"/>
  <c r="AE76648" i="1"/>
  <c r="AE76649" i="1"/>
  <c r="AE76650" i="1"/>
  <c r="AE76651" i="1"/>
  <c r="AE76652" i="1"/>
  <c r="AE76653" i="1"/>
  <c r="AE76654" i="1"/>
  <c r="AE76655" i="1"/>
  <c r="AE76656" i="1"/>
  <c r="AE76657" i="1"/>
  <c r="AE76658" i="1"/>
  <c r="AE76659" i="1"/>
  <c r="AE76660" i="1"/>
  <c r="AE76661" i="1"/>
  <c r="AE76662" i="1"/>
  <c r="AE76663" i="1"/>
  <c r="AE76664" i="1"/>
  <c r="AE76665" i="1"/>
  <c r="AE76666" i="1"/>
  <c r="AE76667" i="1"/>
  <c r="AE76668" i="1"/>
  <c r="AE76669" i="1"/>
  <c r="AE76670" i="1"/>
  <c r="AE76671" i="1"/>
  <c r="AE76672" i="1"/>
  <c r="AE76673" i="1"/>
  <c r="AE76674" i="1"/>
  <c r="AE76675" i="1"/>
  <c r="AE76676" i="1"/>
  <c r="AE76677" i="1"/>
  <c r="AE76678" i="1"/>
  <c r="AE76679" i="1"/>
  <c r="AE76680" i="1"/>
  <c r="AE76681" i="1"/>
  <c r="AE76682" i="1"/>
  <c r="AE76683" i="1"/>
  <c r="AE76684" i="1"/>
  <c r="AE76685" i="1"/>
  <c r="AE76686" i="1"/>
  <c r="AE76687" i="1"/>
  <c r="AE76688" i="1"/>
  <c r="AE76689" i="1"/>
  <c r="AE76690" i="1"/>
  <c r="AE76691" i="1"/>
  <c r="AE76692" i="1"/>
  <c r="AE76693" i="1"/>
  <c r="AE76694" i="1"/>
  <c r="AE76695" i="1"/>
  <c r="AE76696" i="1"/>
  <c r="AE76697" i="1"/>
  <c r="AE76698" i="1"/>
  <c r="AE76699" i="1"/>
  <c r="AE76700" i="1"/>
  <c r="AE76701" i="1"/>
  <c r="AE76702" i="1"/>
  <c r="AE76703" i="1"/>
  <c r="AE76704" i="1"/>
  <c r="AE76705" i="1"/>
  <c r="AE76706" i="1"/>
  <c r="AE76707" i="1"/>
  <c r="AE76708" i="1"/>
  <c r="AE76709" i="1"/>
  <c r="AE76710" i="1"/>
  <c r="AE76711" i="1"/>
  <c r="AE76712" i="1"/>
  <c r="AE76713" i="1"/>
  <c r="AE76714" i="1"/>
  <c r="AE76715" i="1"/>
  <c r="AE76716" i="1"/>
  <c r="AE76717" i="1"/>
  <c r="AE76718" i="1"/>
  <c r="AE76719" i="1"/>
  <c r="AE76720" i="1"/>
  <c r="AE76721" i="1"/>
  <c r="AE76722" i="1"/>
  <c r="AE76723" i="1"/>
  <c r="AE76724" i="1"/>
  <c r="AE76725" i="1"/>
  <c r="AE76726" i="1"/>
  <c r="AE76727" i="1"/>
  <c r="AE76728" i="1"/>
  <c r="AE76729" i="1"/>
  <c r="AE76730" i="1"/>
  <c r="AE76731" i="1"/>
  <c r="AE76732" i="1"/>
  <c r="AE76733" i="1"/>
  <c r="AE76734" i="1"/>
  <c r="AE76735" i="1"/>
  <c r="AE76736" i="1"/>
  <c r="AE76737" i="1"/>
  <c r="AE76738" i="1"/>
  <c r="AE76739" i="1"/>
  <c r="AE76740" i="1"/>
  <c r="AE76741" i="1"/>
  <c r="AE76742" i="1"/>
  <c r="AE76743" i="1"/>
  <c r="AE76744" i="1"/>
  <c r="AE76745" i="1"/>
  <c r="AE76746" i="1"/>
  <c r="AE76747" i="1"/>
  <c r="AE76748" i="1"/>
  <c r="AE76749" i="1"/>
  <c r="AE76750" i="1"/>
  <c r="AE76751" i="1"/>
  <c r="AE76752" i="1"/>
  <c r="AE76753" i="1"/>
  <c r="AE76754" i="1"/>
  <c r="AE76755" i="1"/>
  <c r="AE76756" i="1"/>
  <c r="AE76757" i="1"/>
  <c r="AE76758" i="1"/>
  <c r="AE76759" i="1"/>
  <c r="AE76760" i="1"/>
  <c r="AE76761" i="1"/>
  <c r="AE76762" i="1"/>
  <c r="AE76763" i="1"/>
  <c r="AE76764" i="1"/>
  <c r="AE76765" i="1"/>
  <c r="AE76766" i="1"/>
  <c r="AE76767" i="1"/>
  <c r="AE76768" i="1"/>
  <c r="AE76769" i="1"/>
  <c r="AE76770" i="1"/>
  <c r="AE76771" i="1"/>
  <c r="AE76772" i="1"/>
  <c r="AE76773" i="1"/>
  <c r="AE76774" i="1"/>
  <c r="AE76775" i="1"/>
  <c r="AE76776" i="1"/>
  <c r="AE76777" i="1"/>
  <c r="AE76778" i="1"/>
  <c r="AE76779" i="1"/>
  <c r="AE76780" i="1"/>
  <c r="AE76781" i="1"/>
  <c r="AE76782" i="1"/>
  <c r="AE76783" i="1"/>
  <c r="AE76784" i="1"/>
  <c r="AE76785" i="1"/>
  <c r="AE76786" i="1"/>
  <c r="AE76787" i="1"/>
  <c r="AE76788" i="1"/>
  <c r="AE76789" i="1"/>
  <c r="AE76790" i="1"/>
  <c r="AE76791" i="1"/>
  <c r="AE76792" i="1"/>
  <c r="AE76793" i="1"/>
  <c r="AE76794" i="1"/>
  <c r="AE76795" i="1"/>
  <c r="AE76796" i="1"/>
  <c r="AE76797" i="1"/>
  <c r="AE76798" i="1"/>
  <c r="AE76799" i="1"/>
  <c r="AE76800" i="1"/>
  <c r="AE76801" i="1"/>
  <c r="AE76802" i="1"/>
  <c r="AE76803" i="1"/>
  <c r="AE76804" i="1"/>
  <c r="AE76805" i="1"/>
  <c r="AE76806" i="1"/>
  <c r="AE76807" i="1"/>
  <c r="AE76808" i="1"/>
  <c r="AE76809" i="1"/>
  <c r="AE76810" i="1"/>
  <c r="AE76811" i="1"/>
  <c r="AE76812" i="1"/>
  <c r="AE76813" i="1"/>
  <c r="AE76814" i="1"/>
  <c r="AE76815" i="1"/>
  <c r="AE76816" i="1"/>
  <c r="AE76817" i="1"/>
  <c r="AE76818" i="1"/>
  <c r="AE76819" i="1"/>
  <c r="AE76820" i="1"/>
  <c r="AE76821" i="1"/>
  <c r="AE76822" i="1"/>
  <c r="AE76823" i="1"/>
  <c r="AE76824" i="1"/>
  <c r="AE76825" i="1"/>
  <c r="AE76826" i="1"/>
  <c r="AE76827" i="1"/>
  <c r="AE76828" i="1"/>
  <c r="AE76829" i="1"/>
  <c r="AE76830" i="1"/>
  <c r="AE76831" i="1"/>
  <c r="AE76832" i="1"/>
  <c r="AE76833" i="1"/>
  <c r="AE76834" i="1"/>
  <c r="AE76835" i="1"/>
  <c r="AE76836" i="1"/>
  <c r="AE76837" i="1"/>
  <c r="AE76838" i="1"/>
  <c r="AE76839" i="1"/>
  <c r="AE76840" i="1"/>
  <c r="AE76841" i="1"/>
  <c r="AE76842" i="1"/>
  <c r="AE76843" i="1"/>
  <c r="AE76844" i="1"/>
  <c r="AE76845" i="1"/>
  <c r="AE76846" i="1"/>
  <c r="AE76847" i="1"/>
  <c r="AE76848" i="1"/>
  <c r="AE76849" i="1"/>
  <c r="AE76850" i="1"/>
  <c r="AE76851" i="1"/>
  <c r="AE76852" i="1"/>
  <c r="AE76853" i="1"/>
  <c r="AE76854" i="1"/>
  <c r="AE76855" i="1"/>
  <c r="AE76856" i="1"/>
  <c r="AE76857" i="1"/>
  <c r="AE76858" i="1"/>
  <c r="AE76859" i="1"/>
  <c r="AE76860" i="1"/>
  <c r="AE76861" i="1"/>
  <c r="AE76862" i="1"/>
  <c r="AE76863" i="1"/>
  <c r="AE76864" i="1"/>
  <c r="AE76865" i="1"/>
  <c r="AE76866" i="1"/>
  <c r="AE76867" i="1"/>
  <c r="AE76868" i="1"/>
  <c r="AE76869" i="1"/>
  <c r="AE76870" i="1"/>
  <c r="AE76871" i="1"/>
  <c r="AE76872" i="1"/>
  <c r="AE76873" i="1"/>
  <c r="AE76874" i="1"/>
  <c r="AE76875" i="1"/>
  <c r="AE76876" i="1"/>
  <c r="AE76877" i="1"/>
  <c r="AE76878" i="1"/>
  <c r="AE76879" i="1"/>
  <c r="AE76880" i="1"/>
  <c r="AE76881" i="1"/>
  <c r="AE76882" i="1"/>
  <c r="AE76883" i="1"/>
  <c r="AE76884" i="1"/>
  <c r="AE76885" i="1"/>
  <c r="AE76886" i="1"/>
  <c r="AE76887" i="1"/>
  <c r="AE76888" i="1"/>
  <c r="AE76889" i="1"/>
  <c r="AE76890" i="1"/>
  <c r="AE76891" i="1"/>
  <c r="AE76892" i="1"/>
  <c r="AE76893" i="1"/>
  <c r="AE76894" i="1"/>
  <c r="AE76895" i="1"/>
  <c r="AE76896" i="1"/>
  <c r="AE76897" i="1"/>
  <c r="AE76898" i="1"/>
  <c r="AE76899" i="1"/>
  <c r="AE76900" i="1"/>
  <c r="AE76901" i="1"/>
  <c r="AE76902" i="1"/>
  <c r="AE76903" i="1"/>
  <c r="AE76904" i="1"/>
  <c r="AE76905" i="1"/>
  <c r="AE76906" i="1"/>
  <c r="AE76907" i="1"/>
  <c r="AE76908" i="1"/>
  <c r="AE76909" i="1"/>
  <c r="AE76910" i="1"/>
  <c r="AE76911" i="1"/>
  <c r="AE76912" i="1"/>
  <c r="AE76913" i="1"/>
  <c r="AE76914" i="1"/>
  <c r="AE76915" i="1"/>
  <c r="AE76916" i="1"/>
  <c r="AE76917" i="1"/>
  <c r="AE76918" i="1"/>
  <c r="AE76919" i="1"/>
  <c r="AE76920" i="1"/>
  <c r="AE76921" i="1"/>
  <c r="AE76922" i="1"/>
  <c r="AE76923" i="1"/>
  <c r="AE76924" i="1"/>
  <c r="AE76925" i="1"/>
  <c r="AE76926" i="1"/>
  <c r="AE76927" i="1"/>
  <c r="AE76928" i="1"/>
  <c r="AE76929" i="1"/>
  <c r="AE76930" i="1"/>
  <c r="AE76931" i="1"/>
  <c r="AE76932" i="1"/>
  <c r="AE76933" i="1"/>
  <c r="AE76934" i="1"/>
  <c r="AE76935" i="1"/>
  <c r="AE76936" i="1"/>
  <c r="AE76937" i="1"/>
  <c r="AE76938" i="1"/>
  <c r="AE76939" i="1"/>
  <c r="AE76940" i="1"/>
  <c r="AE76941" i="1"/>
  <c r="AE76942" i="1"/>
  <c r="AE76943" i="1"/>
  <c r="AE76944" i="1"/>
  <c r="AE76945" i="1"/>
  <c r="AE76946" i="1"/>
  <c r="AE76947" i="1"/>
  <c r="AE76948" i="1"/>
  <c r="AE76949" i="1"/>
  <c r="AE76950" i="1"/>
  <c r="AE76951" i="1"/>
  <c r="AE76952" i="1"/>
  <c r="AE76953" i="1"/>
  <c r="AE76954" i="1"/>
  <c r="AE76955" i="1"/>
  <c r="AE76956" i="1"/>
  <c r="AE76957" i="1"/>
  <c r="AE76958" i="1"/>
  <c r="AE76959" i="1"/>
  <c r="AE76960" i="1"/>
  <c r="AE76961" i="1"/>
  <c r="AE76962" i="1"/>
  <c r="AE76963" i="1"/>
  <c r="AE76964" i="1"/>
  <c r="AE76965" i="1"/>
  <c r="AE76966" i="1"/>
  <c r="AE76967" i="1"/>
  <c r="AE76968" i="1"/>
  <c r="AE76969" i="1"/>
  <c r="AE76970" i="1"/>
  <c r="AE76971" i="1"/>
  <c r="AE76972" i="1"/>
  <c r="AE76973" i="1"/>
  <c r="AE76974" i="1"/>
  <c r="AE76975" i="1"/>
  <c r="AE76976" i="1"/>
  <c r="AE76977" i="1"/>
  <c r="AE76978" i="1"/>
  <c r="AE76979" i="1"/>
  <c r="AE76980" i="1"/>
  <c r="AE76981" i="1"/>
  <c r="AE76982" i="1"/>
  <c r="AE76983" i="1"/>
  <c r="AE76984" i="1"/>
  <c r="AE76985" i="1"/>
  <c r="AE76986" i="1"/>
  <c r="AE76987" i="1"/>
  <c r="AE76988" i="1"/>
  <c r="AE76989" i="1"/>
  <c r="AE76990" i="1"/>
  <c r="AE76991" i="1"/>
  <c r="AE76992" i="1"/>
  <c r="AE76993" i="1"/>
  <c r="AE76994" i="1"/>
  <c r="AE76995" i="1"/>
  <c r="AE76996" i="1"/>
  <c r="AE76997" i="1"/>
  <c r="AE76998" i="1"/>
  <c r="AE76999" i="1"/>
  <c r="AE77000" i="1"/>
  <c r="AE77001" i="1"/>
  <c r="AE77002" i="1"/>
  <c r="AE77003" i="1"/>
  <c r="AE77004" i="1"/>
  <c r="AE77005" i="1"/>
  <c r="AE77006" i="1"/>
  <c r="AE77007" i="1"/>
  <c r="AE77008" i="1"/>
  <c r="AE77009" i="1"/>
  <c r="AE77010" i="1"/>
  <c r="AE77011" i="1"/>
  <c r="AE77012" i="1"/>
  <c r="AE77013" i="1"/>
  <c r="AE77014" i="1"/>
  <c r="AE77015" i="1"/>
  <c r="AE77016" i="1"/>
  <c r="AE77017" i="1"/>
  <c r="AE77018" i="1"/>
  <c r="AE77019" i="1"/>
  <c r="AE77020" i="1"/>
  <c r="AE77021" i="1"/>
  <c r="AE77022" i="1"/>
  <c r="AE77023" i="1"/>
  <c r="AE77024" i="1"/>
  <c r="AE77025" i="1"/>
  <c r="AE77026" i="1"/>
  <c r="AE77027" i="1"/>
  <c r="AE77028" i="1"/>
  <c r="AE77029" i="1"/>
  <c r="AE77030" i="1"/>
  <c r="AE77031" i="1"/>
  <c r="AE77032" i="1"/>
  <c r="AE77033" i="1"/>
  <c r="AE77034" i="1"/>
  <c r="AE77035" i="1"/>
  <c r="AE77036" i="1"/>
  <c r="AE77037" i="1"/>
  <c r="AE77038" i="1"/>
  <c r="AE77039" i="1"/>
  <c r="AE77040" i="1"/>
  <c r="AE77041" i="1"/>
  <c r="AE77042" i="1"/>
  <c r="AE77043" i="1"/>
  <c r="AE77044" i="1"/>
  <c r="AE77045" i="1"/>
  <c r="AE77046" i="1"/>
  <c r="AE77047" i="1"/>
  <c r="AE77048" i="1"/>
  <c r="AE77049" i="1"/>
  <c r="AE77050" i="1"/>
  <c r="AE77051" i="1"/>
  <c r="AE77052" i="1"/>
  <c r="AE77053" i="1"/>
  <c r="AE77054" i="1"/>
  <c r="AE77055" i="1"/>
  <c r="AE77056" i="1"/>
  <c r="AE77057" i="1"/>
  <c r="AE77058" i="1"/>
  <c r="AE77059" i="1"/>
  <c r="AE77060" i="1"/>
  <c r="AE77061" i="1"/>
  <c r="AE77062" i="1"/>
  <c r="AE77063" i="1"/>
  <c r="AE77064" i="1"/>
  <c r="AE77065" i="1"/>
  <c r="AE77066" i="1"/>
  <c r="AE77067" i="1"/>
  <c r="AE77068" i="1"/>
  <c r="AE77069" i="1"/>
  <c r="AE77070" i="1"/>
  <c r="AE77071" i="1"/>
  <c r="AE77072" i="1"/>
  <c r="AE77073" i="1"/>
  <c r="AE77074" i="1"/>
  <c r="AE77075" i="1"/>
  <c r="AE77076" i="1"/>
  <c r="AE77077" i="1"/>
  <c r="AE77078" i="1"/>
  <c r="AE77079" i="1"/>
  <c r="AE77080" i="1"/>
  <c r="AE77081" i="1"/>
  <c r="AE77082" i="1"/>
  <c r="AE77083" i="1"/>
  <c r="AE77084" i="1"/>
  <c r="AE77085" i="1"/>
  <c r="AE77086" i="1"/>
  <c r="AE77087" i="1"/>
  <c r="AE77088" i="1"/>
  <c r="AE77089" i="1"/>
  <c r="AE77090" i="1"/>
  <c r="AE77091" i="1"/>
  <c r="AE77092" i="1"/>
  <c r="AE77093" i="1"/>
  <c r="AE77094" i="1"/>
  <c r="AE77095" i="1"/>
  <c r="AE77096" i="1"/>
  <c r="AE77097" i="1"/>
  <c r="AE77098" i="1"/>
  <c r="AE77099" i="1"/>
  <c r="AE77100" i="1"/>
  <c r="AE77101" i="1"/>
  <c r="AE77102" i="1"/>
  <c r="AE77103" i="1"/>
  <c r="AE77104" i="1"/>
  <c r="AE77105" i="1"/>
  <c r="AE77106" i="1"/>
  <c r="AE77107" i="1"/>
  <c r="AE77108" i="1"/>
  <c r="AE77109" i="1"/>
  <c r="AE77110" i="1"/>
  <c r="AE77111" i="1"/>
  <c r="AE77112" i="1"/>
  <c r="AE77113" i="1"/>
  <c r="AE77114" i="1"/>
  <c r="AE77115" i="1"/>
  <c r="AE77116" i="1"/>
  <c r="AE77117" i="1"/>
  <c r="AE77118" i="1"/>
  <c r="AE77119" i="1"/>
  <c r="AE77120" i="1"/>
  <c r="AE77121" i="1"/>
  <c r="AE77122" i="1"/>
  <c r="AE77123" i="1"/>
  <c r="AE77124" i="1"/>
  <c r="AE77125" i="1"/>
  <c r="AE77126" i="1"/>
  <c r="AE77127" i="1"/>
  <c r="AE77128" i="1"/>
  <c r="AE77129" i="1"/>
  <c r="AE77130" i="1"/>
  <c r="AE77131" i="1"/>
  <c r="AE77132" i="1"/>
  <c r="AE77133" i="1"/>
  <c r="AE77134" i="1"/>
  <c r="AE77135" i="1"/>
  <c r="AE77136" i="1"/>
  <c r="AE77137" i="1"/>
  <c r="AE77138" i="1"/>
  <c r="AE77139" i="1"/>
  <c r="AE77140" i="1"/>
  <c r="AE77141" i="1"/>
  <c r="AE77142" i="1"/>
  <c r="AE77143" i="1"/>
  <c r="AE77144" i="1"/>
  <c r="AE77145" i="1"/>
  <c r="AE77146" i="1"/>
  <c r="AE77147" i="1"/>
  <c r="AE77148" i="1"/>
  <c r="AE77149" i="1"/>
  <c r="AE77150" i="1"/>
  <c r="AE77151" i="1"/>
  <c r="AE77152" i="1"/>
  <c r="AE77153" i="1"/>
  <c r="AE77154" i="1"/>
  <c r="AE77155" i="1"/>
  <c r="AE77156" i="1"/>
  <c r="AE77157" i="1"/>
  <c r="AE77158" i="1"/>
  <c r="AE77159" i="1"/>
  <c r="AE77160" i="1"/>
  <c r="AE77161" i="1"/>
  <c r="AE77162" i="1"/>
  <c r="AE77163" i="1"/>
  <c r="AE77164" i="1"/>
  <c r="AE77165" i="1"/>
  <c r="AE77166" i="1"/>
  <c r="AE77167" i="1"/>
  <c r="AE77168" i="1"/>
  <c r="AE77169" i="1"/>
  <c r="AE77170" i="1"/>
  <c r="AE77171" i="1"/>
  <c r="AE77172" i="1"/>
  <c r="AE77173" i="1"/>
  <c r="AE77174" i="1"/>
  <c r="AE77175" i="1"/>
  <c r="AE77176" i="1"/>
  <c r="AE77177" i="1"/>
  <c r="AE77178" i="1"/>
  <c r="AE77179" i="1"/>
  <c r="AE77180" i="1"/>
  <c r="AE77181" i="1"/>
  <c r="AE77182" i="1"/>
  <c r="AE77183" i="1"/>
  <c r="AE77184" i="1"/>
  <c r="AE77185" i="1"/>
  <c r="AE77186" i="1"/>
  <c r="AE77187" i="1"/>
  <c r="AE77188" i="1"/>
  <c r="AE77189" i="1"/>
  <c r="AE77190" i="1"/>
  <c r="AE77191" i="1"/>
  <c r="AE77192" i="1"/>
  <c r="AE77193" i="1"/>
  <c r="AE77194" i="1"/>
  <c r="AE77195" i="1"/>
  <c r="AE77196" i="1"/>
  <c r="AE77197" i="1"/>
  <c r="AE77198" i="1"/>
  <c r="AE77199" i="1"/>
  <c r="AE77200" i="1"/>
  <c r="AE77201" i="1"/>
  <c r="AE77202" i="1"/>
  <c r="AE77203" i="1"/>
  <c r="AE77204" i="1"/>
  <c r="AE77205" i="1"/>
  <c r="AE77206" i="1"/>
  <c r="AE77207" i="1"/>
  <c r="AE77208" i="1"/>
  <c r="AE77209" i="1"/>
  <c r="AE77210" i="1"/>
  <c r="AE77211" i="1"/>
  <c r="AE77212" i="1"/>
  <c r="AE77213" i="1"/>
  <c r="AE77214" i="1"/>
  <c r="AE77215" i="1"/>
  <c r="AE77216" i="1"/>
  <c r="AE77217" i="1"/>
  <c r="AE77218" i="1"/>
  <c r="AE77219" i="1"/>
  <c r="AE77220" i="1"/>
  <c r="AE77221" i="1"/>
  <c r="AE77222" i="1"/>
  <c r="AE77223" i="1"/>
  <c r="AE77224" i="1"/>
  <c r="AE77225" i="1"/>
  <c r="AE77226" i="1"/>
  <c r="AE77227" i="1"/>
  <c r="AE77228" i="1"/>
  <c r="AE77229" i="1"/>
  <c r="AE77230" i="1"/>
  <c r="AE77231" i="1"/>
  <c r="AE77232" i="1"/>
  <c r="AE77233" i="1"/>
  <c r="AE77234" i="1"/>
  <c r="AE77235" i="1"/>
  <c r="AE77236" i="1"/>
  <c r="AE77237" i="1"/>
  <c r="AE77238" i="1"/>
  <c r="AE77239" i="1"/>
  <c r="AE77240" i="1"/>
  <c r="AE77241" i="1"/>
  <c r="AE77242" i="1"/>
  <c r="AE77243" i="1"/>
  <c r="AE77244" i="1"/>
  <c r="AE77245" i="1"/>
  <c r="AE77246" i="1"/>
  <c r="AE77247" i="1"/>
  <c r="AE77248" i="1"/>
  <c r="AE77249" i="1"/>
  <c r="AE77250" i="1"/>
  <c r="AE77251" i="1"/>
  <c r="AE77252" i="1"/>
  <c r="AE77253" i="1"/>
  <c r="AE77254" i="1"/>
  <c r="AE77255" i="1"/>
  <c r="AE77256" i="1"/>
  <c r="AE77257" i="1"/>
  <c r="AE77258" i="1"/>
  <c r="AE77259" i="1"/>
  <c r="AE77260" i="1"/>
  <c r="AE77261" i="1"/>
  <c r="AE77262" i="1"/>
  <c r="AE77263" i="1"/>
  <c r="AE77264" i="1"/>
  <c r="AE77265" i="1"/>
  <c r="AE77266" i="1"/>
  <c r="AE77267" i="1"/>
  <c r="AE77268" i="1"/>
  <c r="AE77269" i="1"/>
  <c r="AE77270" i="1"/>
  <c r="AE77271" i="1"/>
  <c r="AE77272" i="1"/>
  <c r="AE77273" i="1"/>
  <c r="AE77274" i="1"/>
  <c r="AE77275" i="1"/>
  <c r="AE77276" i="1"/>
  <c r="AE77277" i="1"/>
  <c r="AE77278" i="1"/>
  <c r="AE77279" i="1"/>
  <c r="AE77280" i="1"/>
  <c r="AE77281" i="1"/>
  <c r="AE77282" i="1"/>
  <c r="AE77283" i="1"/>
  <c r="AE77284" i="1"/>
  <c r="AE77285" i="1"/>
  <c r="AE77286" i="1"/>
  <c r="AE77287" i="1"/>
  <c r="AE77288" i="1"/>
  <c r="AE77289" i="1"/>
  <c r="AE77290" i="1"/>
  <c r="AE77291" i="1"/>
  <c r="AE77292" i="1"/>
  <c r="AE77293" i="1"/>
  <c r="AE77294" i="1"/>
  <c r="AE77295" i="1"/>
  <c r="AE77296" i="1"/>
  <c r="AE77297" i="1"/>
  <c r="AE77298" i="1"/>
  <c r="AE77299" i="1"/>
  <c r="AE77300" i="1"/>
  <c r="AE77301" i="1"/>
  <c r="AE77302" i="1"/>
  <c r="AE77303" i="1"/>
  <c r="AE77304" i="1"/>
  <c r="AE77305" i="1"/>
  <c r="AE77306" i="1"/>
  <c r="AE77307" i="1"/>
  <c r="AE77308" i="1"/>
  <c r="AE77309" i="1"/>
  <c r="AE77310" i="1"/>
  <c r="AE77311" i="1"/>
  <c r="AE77312" i="1"/>
  <c r="AE77313" i="1"/>
  <c r="AE77314" i="1"/>
  <c r="AE77315" i="1"/>
  <c r="AE77316" i="1"/>
  <c r="AE77317" i="1"/>
  <c r="AE77318" i="1"/>
  <c r="AE77319" i="1"/>
  <c r="AE77320" i="1"/>
  <c r="AE77321" i="1"/>
  <c r="AE77322" i="1"/>
  <c r="AE77323" i="1"/>
  <c r="AE77324" i="1"/>
  <c r="AE77325" i="1"/>
  <c r="AE77326" i="1"/>
  <c r="AE77327" i="1"/>
  <c r="AE77328" i="1"/>
  <c r="AE77329" i="1"/>
  <c r="AE77330" i="1"/>
  <c r="AE77331" i="1"/>
  <c r="AE77332" i="1"/>
  <c r="AE77333" i="1"/>
  <c r="AE77334" i="1"/>
  <c r="AE77335" i="1"/>
  <c r="AE77336" i="1"/>
  <c r="AE77337" i="1"/>
  <c r="AE77338" i="1"/>
  <c r="AE77339" i="1"/>
  <c r="AE77340" i="1"/>
  <c r="AE77341" i="1"/>
  <c r="AE77342" i="1"/>
  <c r="AE77343" i="1"/>
  <c r="AE77344" i="1"/>
  <c r="AE77345" i="1"/>
  <c r="AE77346" i="1"/>
  <c r="AE77347" i="1"/>
  <c r="AE77348" i="1"/>
  <c r="AE77349" i="1"/>
  <c r="AE77350" i="1"/>
  <c r="AE77351" i="1"/>
  <c r="AE77352" i="1"/>
  <c r="AE77353" i="1"/>
  <c r="AE77354" i="1"/>
  <c r="AE77355" i="1"/>
  <c r="AE77356" i="1"/>
  <c r="AE77357" i="1"/>
  <c r="AE77358" i="1"/>
  <c r="AE77359" i="1"/>
  <c r="AE77360" i="1"/>
  <c r="AE77361" i="1"/>
  <c r="AE77362" i="1"/>
  <c r="AE77363" i="1"/>
  <c r="AE77364" i="1"/>
  <c r="AE77365" i="1"/>
  <c r="AE77366" i="1"/>
  <c r="AE77367" i="1"/>
  <c r="AE77368" i="1"/>
  <c r="AE77369" i="1"/>
  <c r="AE77370" i="1"/>
  <c r="AE77371" i="1"/>
  <c r="AE77372" i="1"/>
  <c r="AE77373" i="1"/>
  <c r="AE77374" i="1"/>
  <c r="AE77375" i="1"/>
  <c r="AE77376" i="1"/>
  <c r="AE77377" i="1"/>
  <c r="AE77378" i="1"/>
  <c r="AE77379" i="1"/>
  <c r="AE77380" i="1"/>
  <c r="AE77381" i="1"/>
  <c r="AE77382" i="1"/>
  <c r="AE77383" i="1"/>
  <c r="AE77384" i="1"/>
  <c r="AE77385" i="1"/>
  <c r="AE77386" i="1"/>
  <c r="AE77387" i="1"/>
  <c r="AE77388" i="1"/>
  <c r="AE77389" i="1"/>
  <c r="AE77390" i="1"/>
  <c r="AE77391" i="1"/>
  <c r="AE77392" i="1"/>
  <c r="AE77393" i="1"/>
  <c r="AE77394" i="1"/>
  <c r="AE77395" i="1"/>
  <c r="AE77396" i="1"/>
  <c r="AE77397" i="1"/>
  <c r="AE77398" i="1"/>
  <c r="AE77399" i="1"/>
  <c r="AE77400" i="1"/>
  <c r="AE77401" i="1"/>
  <c r="AE77402" i="1"/>
  <c r="AE77403" i="1"/>
  <c r="AE77404" i="1"/>
  <c r="AE77405" i="1"/>
  <c r="AE77406" i="1"/>
  <c r="AE77407" i="1"/>
  <c r="AE77408" i="1"/>
  <c r="AE77409" i="1"/>
  <c r="AE77410" i="1"/>
  <c r="AE77411" i="1"/>
  <c r="AE77412" i="1"/>
  <c r="AE77413" i="1"/>
  <c r="AE77414" i="1"/>
  <c r="AE77415" i="1"/>
  <c r="AE77416" i="1"/>
  <c r="AE77417" i="1"/>
  <c r="AE77418" i="1"/>
  <c r="AE77419" i="1"/>
  <c r="AE77420" i="1"/>
  <c r="AE77421" i="1"/>
  <c r="AE77422" i="1"/>
  <c r="AE77423" i="1"/>
  <c r="AE77424" i="1"/>
  <c r="AE77425" i="1"/>
  <c r="AE77426" i="1"/>
  <c r="AE77427" i="1"/>
  <c r="AE77428" i="1"/>
  <c r="AE77429" i="1"/>
  <c r="AE77430" i="1"/>
  <c r="AE77431" i="1"/>
  <c r="AE77432" i="1"/>
  <c r="AE77433" i="1"/>
  <c r="AE77434" i="1"/>
  <c r="AE77435" i="1"/>
  <c r="AE77436" i="1"/>
  <c r="AE77437" i="1"/>
  <c r="AE77438" i="1"/>
  <c r="AE77439" i="1"/>
  <c r="AE77440" i="1"/>
  <c r="AE77441" i="1"/>
  <c r="AE77442" i="1"/>
  <c r="AE77443" i="1"/>
  <c r="AE77444" i="1"/>
  <c r="AE77445" i="1"/>
  <c r="AE77446" i="1"/>
  <c r="AE77447" i="1"/>
  <c r="AE77448" i="1"/>
  <c r="AE77449" i="1"/>
  <c r="AE77450" i="1"/>
  <c r="AE77451" i="1"/>
  <c r="AE77452" i="1"/>
  <c r="AE77453" i="1"/>
  <c r="AE77454" i="1"/>
  <c r="AE77455" i="1"/>
  <c r="AE77456" i="1"/>
  <c r="AE77457" i="1"/>
  <c r="AE77458" i="1"/>
  <c r="AE77459" i="1"/>
  <c r="AE77460" i="1"/>
  <c r="AE77461" i="1"/>
  <c r="AE77462" i="1"/>
  <c r="AE77463" i="1"/>
  <c r="AE77464" i="1"/>
  <c r="AE77465" i="1"/>
  <c r="AE77466" i="1"/>
  <c r="AE77467" i="1"/>
  <c r="AE77468" i="1"/>
  <c r="AE77469" i="1"/>
  <c r="AE77470" i="1"/>
  <c r="AE77471" i="1"/>
  <c r="AE77472" i="1"/>
  <c r="AE77473" i="1"/>
  <c r="AE77474" i="1"/>
  <c r="AE77475" i="1"/>
  <c r="AE77476" i="1"/>
  <c r="AE77477" i="1"/>
  <c r="AE77478" i="1"/>
  <c r="AE77479" i="1"/>
  <c r="AE77480" i="1"/>
  <c r="AE77481" i="1"/>
  <c r="AE77482" i="1"/>
  <c r="AE77483" i="1"/>
  <c r="AE77484" i="1"/>
  <c r="AE77485" i="1"/>
  <c r="AE77486" i="1"/>
  <c r="AE77487" i="1"/>
  <c r="AE77488" i="1"/>
  <c r="AE77489" i="1"/>
  <c r="AE77490" i="1"/>
  <c r="AE77491" i="1"/>
  <c r="AE77492" i="1"/>
  <c r="AE77493" i="1"/>
  <c r="AE77494" i="1"/>
  <c r="AE77495" i="1"/>
  <c r="AE77496" i="1"/>
  <c r="AE77497" i="1"/>
  <c r="AE77498" i="1"/>
  <c r="AE77499" i="1"/>
  <c r="AE77500" i="1"/>
  <c r="AE77501" i="1"/>
  <c r="AE77502" i="1"/>
  <c r="AE77503" i="1"/>
  <c r="AE77504" i="1"/>
  <c r="AE77505" i="1"/>
  <c r="AE77506" i="1"/>
  <c r="AE77507" i="1"/>
  <c r="AE77508" i="1"/>
  <c r="AE77509" i="1"/>
  <c r="AE77510" i="1"/>
  <c r="AE77511" i="1"/>
  <c r="AE77512" i="1"/>
  <c r="AE77513" i="1"/>
  <c r="AE77514" i="1"/>
  <c r="AE77515" i="1"/>
  <c r="AE77516" i="1"/>
  <c r="AE77517" i="1"/>
  <c r="AE77518" i="1"/>
  <c r="AE77519" i="1"/>
  <c r="AE77520" i="1"/>
  <c r="AE77521" i="1"/>
  <c r="AE77522" i="1"/>
  <c r="AE77523" i="1"/>
  <c r="AE77524" i="1"/>
  <c r="AE77525" i="1"/>
  <c r="AE77526" i="1"/>
  <c r="AE77527" i="1"/>
  <c r="AE77528" i="1"/>
  <c r="AE77529" i="1"/>
  <c r="AE77530" i="1"/>
  <c r="AE77531" i="1"/>
  <c r="AE77532" i="1"/>
  <c r="AE77533" i="1"/>
  <c r="AE77534" i="1"/>
  <c r="AE77535" i="1"/>
  <c r="AE77536" i="1"/>
  <c r="AE77537" i="1"/>
  <c r="AE77538" i="1"/>
  <c r="AE77539" i="1"/>
  <c r="AE77540" i="1"/>
  <c r="AE77541" i="1"/>
  <c r="AE77542" i="1"/>
  <c r="AE77543" i="1"/>
  <c r="AE77544" i="1"/>
  <c r="AE77545" i="1"/>
  <c r="AE77546" i="1"/>
  <c r="AE77547" i="1"/>
  <c r="AE77548" i="1"/>
  <c r="AE77549" i="1"/>
  <c r="AE77550" i="1"/>
  <c r="AE77551" i="1"/>
  <c r="AE77552" i="1"/>
  <c r="AE77553" i="1"/>
  <c r="AE77554" i="1"/>
  <c r="AE77555" i="1"/>
  <c r="AE77556" i="1"/>
  <c r="AE77557" i="1"/>
  <c r="AE77558" i="1"/>
  <c r="AE77559" i="1"/>
  <c r="AE77560" i="1"/>
  <c r="AE77561" i="1"/>
  <c r="AE77562" i="1"/>
  <c r="AE77563" i="1"/>
  <c r="AE77564" i="1"/>
  <c r="AE77565" i="1"/>
  <c r="AE77566" i="1"/>
  <c r="AE77567" i="1"/>
  <c r="AE77568" i="1"/>
  <c r="AE77569" i="1"/>
  <c r="AE77570" i="1"/>
  <c r="AE77571" i="1"/>
  <c r="AE77572" i="1"/>
  <c r="AE77573" i="1"/>
  <c r="AE77574" i="1"/>
  <c r="AE77575" i="1"/>
  <c r="AE77576" i="1"/>
  <c r="AE77577" i="1"/>
  <c r="AE77578" i="1"/>
  <c r="AE77579" i="1"/>
  <c r="AE77580" i="1"/>
  <c r="AE77581" i="1"/>
  <c r="AE77582" i="1"/>
  <c r="AE77583" i="1"/>
  <c r="AE77584" i="1"/>
  <c r="AE77585" i="1"/>
  <c r="AE77586" i="1"/>
  <c r="AE77587" i="1"/>
  <c r="AE77588" i="1"/>
  <c r="AE77589" i="1"/>
  <c r="AE77590" i="1"/>
  <c r="AE77591" i="1"/>
  <c r="AE77592" i="1"/>
  <c r="AE77593" i="1"/>
  <c r="AE77594" i="1"/>
  <c r="AE77595" i="1"/>
  <c r="AE77596" i="1"/>
  <c r="AE77597" i="1"/>
  <c r="AE77598" i="1"/>
  <c r="AE77599" i="1"/>
  <c r="AE77600" i="1"/>
  <c r="AE77601" i="1"/>
  <c r="AE77602" i="1"/>
  <c r="AE77603" i="1"/>
  <c r="AE77604" i="1"/>
  <c r="AE77605" i="1"/>
  <c r="AE77606" i="1"/>
  <c r="AE77607" i="1"/>
  <c r="AE77608" i="1"/>
  <c r="AE77609" i="1"/>
  <c r="AE77610" i="1"/>
  <c r="AE77611" i="1"/>
  <c r="AE77612" i="1"/>
  <c r="AE77613" i="1"/>
  <c r="AE77614" i="1"/>
  <c r="AE77615" i="1"/>
  <c r="AE77616" i="1"/>
  <c r="AE77617" i="1"/>
  <c r="AE77618" i="1"/>
  <c r="AE77619" i="1"/>
  <c r="AE77620" i="1"/>
  <c r="AE77621" i="1"/>
  <c r="AE77622" i="1"/>
  <c r="AE77623" i="1"/>
  <c r="AE77624" i="1"/>
  <c r="AE77625" i="1"/>
  <c r="AE77626" i="1"/>
  <c r="AE77627" i="1"/>
  <c r="AE77628" i="1"/>
  <c r="AE77629" i="1"/>
  <c r="AE77630" i="1"/>
  <c r="AE77631" i="1"/>
  <c r="AE77632" i="1"/>
  <c r="AE77633" i="1"/>
  <c r="AE77634" i="1"/>
  <c r="AE77635" i="1"/>
  <c r="AE77636" i="1"/>
  <c r="AE77637" i="1"/>
  <c r="AE77638" i="1"/>
  <c r="AE77639" i="1"/>
  <c r="AE77640" i="1"/>
  <c r="AE77641" i="1"/>
  <c r="AE77642" i="1"/>
  <c r="AE77643" i="1"/>
  <c r="AE77644" i="1"/>
  <c r="AE77645" i="1"/>
  <c r="AE77646" i="1"/>
  <c r="AE77647" i="1"/>
  <c r="AE77648" i="1"/>
  <c r="AE77649" i="1"/>
  <c r="AE77650" i="1"/>
  <c r="AE77651" i="1"/>
  <c r="AE77652" i="1"/>
  <c r="AE77653" i="1"/>
  <c r="AE77654" i="1"/>
  <c r="AE77655" i="1"/>
  <c r="AE77656" i="1"/>
  <c r="AE77657" i="1"/>
  <c r="AE77658" i="1"/>
  <c r="AE77659" i="1"/>
  <c r="AE77660" i="1"/>
  <c r="AE77661" i="1"/>
  <c r="AE77662" i="1"/>
  <c r="AE77663" i="1"/>
  <c r="AE77664" i="1"/>
  <c r="AE77665" i="1"/>
  <c r="AE77666" i="1"/>
  <c r="AE77667" i="1"/>
  <c r="AE77668" i="1"/>
  <c r="AE77669" i="1"/>
  <c r="AE77670" i="1"/>
  <c r="AE77671" i="1"/>
  <c r="AE77672" i="1"/>
  <c r="AE77673" i="1"/>
  <c r="AE77674" i="1"/>
  <c r="AE77675" i="1"/>
  <c r="AE77676" i="1"/>
  <c r="AE77677" i="1"/>
  <c r="AE77678" i="1"/>
  <c r="AE77679" i="1"/>
  <c r="AE77680" i="1"/>
  <c r="AE77681" i="1"/>
  <c r="AE77682" i="1"/>
  <c r="AE77683" i="1"/>
  <c r="AE77684" i="1"/>
  <c r="AE77685" i="1"/>
  <c r="AE77686" i="1"/>
  <c r="AE77687" i="1"/>
  <c r="AE77688" i="1"/>
  <c r="AE77689" i="1"/>
  <c r="AE77690" i="1"/>
  <c r="AE77691" i="1"/>
  <c r="AE77692" i="1"/>
  <c r="AE77693" i="1"/>
  <c r="AE77694" i="1"/>
  <c r="AE77695" i="1"/>
  <c r="AE77696" i="1"/>
  <c r="AE77697" i="1"/>
  <c r="AE77698" i="1"/>
  <c r="AE77699" i="1"/>
  <c r="AE77700" i="1"/>
  <c r="AE77701" i="1"/>
  <c r="AE77702" i="1"/>
  <c r="AE77703" i="1"/>
  <c r="AE77704" i="1"/>
  <c r="AE77705" i="1"/>
  <c r="AE77706" i="1"/>
  <c r="AE77707" i="1"/>
  <c r="AE77708" i="1"/>
  <c r="AE77709" i="1"/>
  <c r="AE77710" i="1"/>
  <c r="AE77711" i="1"/>
  <c r="AE77712" i="1"/>
  <c r="AE77713" i="1"/>
  <c r="AE77714" i="1"/>
  <c r="AE77715" i="1"/>
  <c r="AE77716" i="1"/>
  <c r="AE77717" i="1"/>
  <c r="AE77718" i="1"/>
  <c r="AE77719" i="1"/>
  <c r="AE77720" i="1"/>
  <c r="AE77721" i="1"/>
  <c r="AE77722" i="1"/>
  <c r="AE77723" i="1"/>
  <c r="AE77724" i="1"/>
  <c r="AE77725" i="1"/>
  <c r="AE77726" i="1"/>
  <c r="AE77727" i="1"/>
  <c r="AE77728" i="1"/>
  <c r="AE77729" i="1"/>
  <c r="AE77730" i="1"/>
  <c r="AE77731" i="1"/>
  <c r="AE77732" i="1"/>
  <c r="AE77733" i="1"/>
  <c r="AE77734" i="1"/>
  <c r="AE77735" i="1"/>
  <c r="AE77736" i="1"/>
  <c r="AE77737" i="1"/>
  <c r="AE77738" i="1"/>
  <c r="AE77739" i="1"/>
  <c r="AE77740" i="1"/>
  <c r="AE77741" i="1"/>
  <c r="AE77742" i="1"/>
  <c r="AE77743" i="1"/>
  <c r="AE77744" i="1"/>
  <c r="AE77745" i="1"/>
  <c r="AE77746" i="1"/>
  <c r="AE77747" i="1"/>
  <c r="AE77748" i="1"/>
  <c r="AE77749" i="1"/>
  <c r="AE77750" i="1"/>
  <c r="AE77751" i="1"/>
  <c r="AE77752" i="1"/>
  <c r="AE77753" i="1"/>
  <c r="AE77754" i="1"/>
  <c r="AE77755" i="1"/>
  <c r="AE77756" i="1"/>
  <c r="AE77757" i="1"/>
  <c r="AE77758" i="1"/>
  <c r="AE77759" i="1"/>
  <c r="AE77760" i="1"/>
  <c r="AE77761" i="1"/>
  <c r="AE77762" i="1"/>
  <c r="AE77763" i="1"/>
  <c r="AE77764" i="1"/>
  <c r="AE77765" i="1"/>
  <c r="AE77766" i="1"/>
  <c r="AE77767" i="1"/>
  <c r="AE77768" i="1"/>
  <c r="AE77769" i="1"/>
  <c r="AE77770" i="1"/>
  <c r="AE77771" i="1"/>
  <c r="AE77772" i="1"/>
  <c r="AE77773" i="1"/>
  <c r="AE77774" i="1"/>
  <c r="AE77775" i="1"/>
  <c r="AE77776" i="1"/>
  <c r="AE77777" i="1"/>
  <c r="AE77778" i="1"/>
  <c r="AE77779" i="1"/>
  <c r="AE77780" i="1"/>
  <c r="AE77781" i="1"/>
  <c r="AE77782" i="1"/>
  <c r="AE77783" i="1"/>
  <c r="AE77784" i="1"/>
  <c r="AE77785" i="1"/>
  <c r="AE77786" i="1"/>
  <c r="AE77787" i="1"/>
  <c r="AE77788" i="1"/>
  <c r="AE77789" i="1"/>
  <c r="AE77790" i="1"/>
  <c r="AE77791" i="1"/>
  <c r="AE77792" i="1"/>
  <c r="AE77793" i="1"/>
  <c r="AE77794" i="1"/>
  <c r="AE77795" i="1"/>
  <c r="AE77796" i="1"/>
  <c r="AE77797" i="1"/>
  <c r="AE77798" i="1"/>
  <c r="AE77799" i="1"/>
  <c r="AE77800" i="1"/>
  <c r="AE77801" i="1"/>
  <c r="AE77802" i="1"/>
  <c r="AE77803" i="1"/>
  <c r="AE77804" i="1"/>
  <c r="AE77805" i="1"/>
  <c r="AE77806" i="1"/>
  <c r="AE77807" i="1"/>
  <c r="AE77808" i="1"/>
  <c r="AE77809" i="1"/>
  <c r="AE77810" i="1"/>
  <c r="AE77811" i="1"/>
  <c r="AE77812" i="1"/>
  <c r="AE77813" i="1"/>
  <c r="AE77814" i="1"/>
  <c r="AE77815" i="1"/>
  <c r="AE77816" i="1"/>
  <c r="AE77817" i="1"/>
  <c r="AE77818" i="1"/>
  <c r="AE77819" i="1"/>
  <c r="AE77820" i="1"/>
  <c r="AE77821" i="1"/>
  <c r="AE77822" i="1"/>
  <c r="AE77823" i="1"/>
  <c r="AE77824" i="1"/>
  <c r="AE77825" i="1"/>
  <c r="AE77826" i="1"/>
  <c r="AE77827" i="1"/>
  <c r="AE77828" i="1"/>
  <c r="AE77829" i="1"/>
  <c r="AE77830" i="1"/>
  <c r="AE77831" i="1"/>
  <c r="AE77832" i="1"/>
  <c r="AE77833" i="1"/>
  <c r="AE77834" i="1"/>
  <c r="AE77835" i="1"/>
  <c r="AE77836" i="1"/>
  <c r="AE77837" i="1"/>
  <c r="AE77838" i="1"/>
  <c r="AE77839" i="1"/>
  <c r="AE77840" i="1"/>
  <c r="AE77841" i="1"/>
  <c r="AE77842" i="1"/>
  <c r="AE77843" i="1"/>
  <c r="AE77844" i="1"/>
  <c r="AE77845" i="1"/>
  <c r="AE77846" i="1"/>
  <c r="AE77847" i="1"/>
  <c r="AE77848" i="1"/>
  <c r="AE77849" i="1"/>
  <c r="AE77850" i="1"/>
  <c r="AE77851" i="1"/>
  <c r="AE77852" i="1"/>
  <c r="AE77853" i="1"/>
  <c r="AE77854" i="1"/>
  <c r="AE77855" i="1"/>
  <c r="AE77856" i="1"/>
  <c r="AE77857" i="1"/>
  <c r="AE77858" i="1"/>
  <c r="AE77859" i="1"/>
  <c r="AE77860" i="1"/>
  <c r="AE77861" i="1"/>
  <c r="AE77862" i="1"/>
  <c r="AE77863" i="1"/>
  <c r="AE77864" i="1"/>
  <c r="AE77865" i="1"/>
  <c r="AE77866" i="1"/>
  <c r="AE77867" i="1"/>
  <c r="AE77868" i="1"/>
  <c r="AE77869" i="1"/>
  <c r="AE77870" i="1"/>
  <c r="AE77871" i="1"/>
  <c r="AE77872" i="1"/>
  <c r="AE77873" i="1"/>
  <c r="AE77874" i="1"/>
  <c r="AE77875" i="1"/>
  <c r="AE77876" i="1"/>
  <c r="AE77877" i="1"/>
  <c r="AE77878" i="1"/>
  <c r="AE77879" i="1"/>
  <c r="AE77880" i="1"/>
  <c r="AE77881" i="1"/>
  <c r="AE77882" i="1"/>
  <c r="AE77883" i="1"/>
  <c r="AE77884" i="1"/>
  <c r="AE77885" i="1"/>
  <c r="AE77886" i="1"/>
  <c r="AE77887" i="1"/>
  <c r="AE77888" i="1"/>
  <c r="AE77889" i="1"/>
  <c r="AE77890" i="1"/>
  <c r="AE77891" i="1"/>
  <c r="AE77892" i="1"/>
  <c r="AE77893" i="1"/>
  <c r="AE77894" i="1"/>
  <c r="AE77895" i="1"/>
  <c r="AE77896" i="1"/>
  <c r="AE77897" i="1"/>
  <c r="AE77898" i="1"/>
  <c r="AE77899" i="1"/>
  <c r="AE77900" i="1"/>
  <c r="AE77901" i="1"/>
  <c r="AE77902" i="1"/>
  <c r="AE77903" i="1"/>
  <c r="AE77904" i="1"/>
  <c r="AE77905" i="1"/>
  <c r="AE77906" i="1"/>
  <c r="AE77907" i="1"/>
  <c r="AE77908" i="1"/>
  <c r="AE77909" i="1"/>
  <c r="AE77910" i="1"/>
  <c r="AE77911" i="1"/>
  <c r="AE77912" i="1"/>
  <c r="AE77913" i="1"/>
  <c r="AE77914" i="1"/>
  <c r="AE77915" i="1"/>
  <c r="AE77916" i="1"/>
  <c r="AE77917" i="1"/>
  <c r="AE77918" i="1"/>
  <c r="AE77919" i="1"/>
  <c r="AE77920" i="1"/>
  <c r="AE77921" i="1"/>
  <c r="AE77922" i="1"/>
  <c r="AE77923" i="1"/>
  <c r="AE77924" i="1"/>
  <c r="AE77925" i="1"/>
  <c r="AE77926" i="1"/>
  <c r="AE77927" i="1"/>
  <c r="AE77928" i="1"/>
  <c r="AE77929" i="1"/>
  <c r="AE77930" i="1"/>
  <c r="AE77931" i="1"/>
  <c r="AE77932" i="1"/>
  <c r="AE77933" i="1"/>
  <c r="AE77934" i="1"/>
  <c r="AE77935" i="1"/>
  <c r="AE77936" i="1"/>
  <c r="AE77937" i="1"/>
  <c r="AE77938" i="1"/>
  <c r="AE77939" i="1"/>
  <c r="AE77940" i="1"/>
  <c r="AE77941" i="1"/>
  <c r="AE77942" i="1"/>
  <c r="AE77943" i="1"/>
  <c r="AE77944" i="1"/>
  <c r="AE77945" i="1"/>
  <c r="AE77946" i="1"/>
  <c r="AE77947" i="1"/>
  <c r="AE77948" i="1"/>
  <c r="AE77949" i="1"/>
  <c r="AE77950" i="1"/>
  <c r="AE77951" i="1"/>
  <c r="AE77952" i="1"/>
  <c r="AE77953" i="1"/>
  <c r="AE77954" i="1"/>
  <c r="AE77955" i="1"/>
  <c r="AE77956" i="1"/>
  <c r="AE77957" i="1"/>
  <c r="AE77958" i="1"/>
  <c r="AE77959" i="1"/>
  <c r="AE77960" i="1"/>
  <c r="AE77961" i="1"/>
  <c r="AE77962" i="1"/>
  <c r="AE77963" i="1"/>
  <c r="AE77964" i="1"/>
  <c r="AE77965" i="1"/>
  <c r="AE77966" i="1"/>
  <c r="AE77967" i="1"/>
  <c r="AE77968" i="1"/>
  <c r="AE77969" i="1"/>
  <c r="AE77970" i="1"/>
  <c r="AE77971" i="1"/>
  <c r="AE77972" i="1"/>
  <c r="AE77973" i="1"/>
  <c r="AE77974" i="1"/>
  <c r="AE77975" i="1"/>
  <c r="AE77976" i="1"/>
  <c r="AE77977" i="1"/>
  <c r="AE77978" i="1"/>
  <c r="AE77979" i="1"/>
  <c r="AE77980" i="1"/>
  <c r="AE77981" i="1"/>
  <c r="AE77982" i="1"/>
  <c r="AE77983" i="1"/>
  <c r="AE77984" i="1"/>
  <c r="AE77985" i="1"/>
  <c r="AE77986" i="1"/>
  <c r="AE77987" i="1"/>
  <c r="AE77988" i="1"/>
  <c r="AE77989" i="1"/>
  <c r="AE77990" i="1"/>
  <c r="AE77991" i="1"/>
  <c r="AE77992" i="1"/>
  <c r="AE77993" i="1"/>
  <c r="AE77994" i="1"/>
  <c r="AE77995" i="1"/>
  <c r="AE77996" i="1"/>
  <c r="AE77997" i="1"/>
  <c r="AE77998" i="1"/>
  <c r="AE77999" i="1"/>
  <c r="AE78000" i="1"/>
  <c r="AE78001" i="1"/>
  <c r="AE78002" i="1"/>
  <c r="AE78003" i="1"/>
  <c r="AE78004" i="1"/>
  <c r="AE78005" i="1"/>
  <c r="AE78006" i="1"/>
  <c r="AE78007" i="1"/>
  <c r="AE78008" i="1"/>
  <c r="AE78009" i="1"/>
  <c r="AE78010" i="1"/>
  <c r="AE78011" i="1"/>
  <c r="AE78012" i="1"/>
  <c r="AE78013" i="1"/>
  <c r="AE78014" i="1"/>
  <c r="AE78015" i="1"/>
  <c r="AE78016" i="1"/>
  <c r="AE78017" i="1"/>
  <c r="AE78018" i="1"/>
  <c r="AE78019" i="1"/>
  <c r="AE78020" i="1"/>
  <c r="AE78021" i="1"/>
  <c r="AE78022" i="1"/>
  <c r="AE78023" i="1"/>
  <c r="AE78024" i="1"/>
  <c r="AE78025" i="1"/>
  <c r="AE78026" i="1"/>
  <c r="AE78027" i="1"/>
  <c r="AE78028" i="1"/>
  <c r="AE78029" i="1"/>
  <c r="AE78030" i="1"/>
  <c r="AE78031" i="1"/>
  <c r="AE78032" i="1"/>
  <c r="AE78033" i="1"/>
  <c r="AE78034" i="1"/>
  <c r="AE78035" i="1"/>
  <c r="AE78036" i="1"/>
  <c r="AE78037" i="1"/>
  <c r="AE78038" i="1"/>
  <c r="AE78039" i="1"/>
  <c r="AE78040" i="1"/>
  <c r="AE78041" i="1"/>
  <c r="AE78042" i="1"/>
  <c r="AE78043" i="1"/>
  <c r="AE78044" i="1"/>
  <c r="AE78045" i="1"/>
  <c r="AE78046" i="1"/>
  <c r="AE78047" i="1"/>
  <c r="AE78048" i="1"/>
  <c r="AE78049" i="1"/>
  <c r="AE78050" i="1"/>
  <c r="AE78051" i="1"/>
  <c r="AE78052" i="1"/>
  <c r="AE78053" i="1"/>
  <c r="AE78054" i="1"/>
  <c r="AE78055" i="1"/>
  <c r="AE78056" i="1"/>
  <c r="AE78057" i="1"/>
  <c r="AE78058" i="1"/>
  <c r="AE78059" i="1"/>
  <c r="AE78060" i="1"/>
  <c r="AE78061" i="1"/>
  <c r="AE78062" i="1"/>
  <c r="AE78063" i="1"/>
  <c r="AE78064" i="1"/>
  <c r="AE78065" i="1"/>
  <c r="AE78066" i="1"/>
  <c r="AE78067" i="1"/>
  <c r="AE78068" i="1"/>
  <c r="AE78069" i="1"/>
  <c r="AE78070" i="1"/>
  <c r="AE78071" i="1"/>
  <c r="AE78072" i="1"/>
  <c r="AE78073" i="1"/>
  <c r="AE78074" i="1"/>
  <c r="AE78075" i="1"/>
  <c r="AE78076" i="1"/>
  <c r="AE78077" i="1"/>
  <c r="AE78078" i="1"/>
  <c r="AE78079" i="1"/>
  <c r="AE78080" i="1"/>
  <c r="AE78081" i="1"/>
  <c r="AE78082" i="1"/>
  <c r="AE78083" i="1"/>
  <c r="AE78084" i="1"/>
  <c r="AE78085" i="1"/>
  <c r="AE78086" i="1"/>
  <c r="AE78087" i="1"/>
  <c r="AE78088" i="1"/>
  <c r="AE78089" i="1"/>
  <c r="AE78090" i="1"/>
  <c r="AE78091" i="1"/>
  <c r="AE78092" i="1"/>
  <c r="AE78093" i="1"/>
  <c r="AE78094" i="1"/>
  <c r="AE78095" i="1"/>
  <c r="AE78096" i="1"/>
  <c r="AE78097" i="1"/>
  <c r="AE78098" i="1"/>
  <c r="AE78099" i="1"/>
  <c r="AE78100" i="1"/>
  <c r="AE78101" i="1"/>
  <c r="AE78102" i="1"/>
  <c r="AE78103" i="1"/>
  <c r="AE78104" i="1"/>
  <c r="AE78105" i="1"/>
  <c r="AE78106" i="1"/>
  <c r="AE78107" i="1"/>
  <c r="AE78108" i="1"/>
  <c r="AE78109" i="1"/>
  <c r="AE78110" i="1"/>
  <c r="AE78111" i="1"/>
  <c r="AE78112" i="1"/>
  <c r="AE78113" i="1"/>
  <c r="AE78114" i="1"/>
  <c r="AE78115" i="1"/>
  <c r="AE78116" i="1"/>
  <c r="AE78117" i="1"/>
  <c r="AE78118" i="1"/>
  <c r="AE78119" i="1"/>
  <c r="AE78120" i="1"/>
  <c r="AE78121" i="1"/>
  <c r="AE78122" i="1"/>
  <c r="AE78123" i="1"/>
  <c r="AE78124" i="1"/>
  <c r="AE78125" i="1"/>
  <c r="AE78126" i="1"/>
  <c r="AE78127" i="1"/>
  <c r="AE78128" i="1"/>
  <c r="AE78129" i="1"/>
  <c r="AE78130" i="1"/>
  <c r="AE78131" i="1"/>
  <c r="AE78132" i="1"/>
  <c r="AE78133" i="1"/>
  <c r="AE78134" i="1"/>
  <c r="AE78135" i="1"/>
  <c r="AE78136" i="1"/>
  <c r="AE78137" i="1"/>
  <c r="AE78138" i="1"/>
  <c r="AE78139" i="1"/>
  <c r="AE78140" i="1"/>
  <c r="AE78141" i="1"/>
  <c r="AE78142" i="1"/>
  <c r="AE78143" i="1"/>
  <c r="AE78144" i="1"/>
  <c r="AE78145" i="1"/>
  <c r="AE78146" i="1"/>
  <c r="AE78147" i="1"/>
  <c r="AE78148" i="1"/>
  <c r="AE78149" i="1"/>
  <c r="AE78150" i="1"/>
  <c r="AE78151" i="1"/>
  <c r="AE78152" i="1"/>
  <c r="AE78153" i="1"/>
  <c r="AE78154" i="1"/>
  <c r="AE78155" i="1"/>
  <c r="AE78156" i="1"/>
  <c r="AE78157" i="1"/>
  <c r="AE78158" i="1"/>
  <c r="AE78159" i="1"/>
  <c r="AE78160" i="1"/>
  <c r="AE78161" i="1"/>
  <c r="AE78162" i="1"/>
  <c r="AE78163" i="1"/>
  <c r="AE78164" i="1"/>
  <c r="AE78165" i="1"/>
  <c r="AE78166" i="1"/>
  <c r="AE78167" i="1"/>
  <c r="AE78168" i="1"/>
  <c r="AE78169" i="1"/>
  <c r="AE78170" i="1"/>
  <c r="AE78171" i="1"/>
  <c r="AE78172" i="1"/>
  <c r="AE78173" i="1"/>
  <c r="AE78174" i="1"/>
  <c r="AE78175" i="1"/>
  <c r="AE78176" i="1"/>
  <c r="AE78177" i="1"/>
  <c r="AE78178" i="1"/>
  <c r="AE78179" i="1"/>
  <c r="AE78180" i="1"/>
  <c r="AE78181" i="1"/>
  <c r="AE78182" i="1"/>
  <c r="AE78183" i="1"/>
  <c r="AE78184" i="1"/>
  <c r="AE78185" i="1"/>
  <c r="AE78186" i="1"/>
  <c r="AE78187" i="1"/>
  <c r="AE78188" i="1"/>
  <c r="AE78189" i="1"/>
  <c r="AE78190" i="1"/>
  <c r="AE78191" i="1"/>
  <c r="AE78192" i="1"/>
  <c r="AE78193" i="1"/>
  <c r="AE78194" i="1"/>
  <c r="AE78195" i="1"/>
  <c r="AE78196" i="1"/>
  <c r="AE78197" i="1"/>
  <c r="AE78198" i="1"/>
  <c r="AE78199" i="1"/>
  <c r="AE78200" i="1"/>
  <c r="AE78201" i="1"/>
  <c r="AE78202" i="1"/>
  <c r="AE78203" i="1"/>
  <c r="AE78204" i="1"/>
  <c r="AE78205" i="1"/>
  <c r="AE78206" i="1"/>
  <c r="AE78207" i="1"/>
  <c r="AE78208" i="1"/>
  <c r="AE78209" i="1"/>
  <c r="AE78210" i="1"/>
  <c r="AE78211" i="1"/>
  <c r="AE78212" i="1"/>
  <c r="AE78213" i="1"/>
  <c r="AE78214" i="1"/>
  <c r="AE78215" i="1"/>
  <c r="AE78216" i="1"/>
  <c r="AE78217" i="1"/>
  <c r="AE78218" i="1"/>
  <c r="AE78219" i="1"/>
  <c r="AE78220" i="1"/>
  <c r="AE78221" i="1"/>
  <c r="AE78222" i="1"/>
  <c r="AE78223" i="1"/>
  <c r="AE78224" i="1"/>
  <c r="AE78225" i="1"/>
  <c r="AE78226" i="1"/>
  <c r="AE78227" i="1"/>
  <c r="AE78228" i="1"/>
  <c r="AE78229" i="1"/>
  <c r="AE78230" i="1"/>
  <c r="AE78231" i="1"/>
  <c r="AE78232" i="1"/>
  <c r="AE78233" i="1"/>
  <c r="AE78234" i="1"/>
  <c r="AE78235" i="1"/>
  <c r="AE78236" i="1"/>
  <c r="AE78237" i="1"/>
  <c r="AE78238" i="1"/>
  <c r="AE78239" i="1"/>
  <c r="AE78240" i="1"/>
  <c r="AE78241" i="1"/>
  <c r="AE78242" i="1"/>
  <c r="AE78243" i="1"/>
  <c r="AE78244" i="1"/>
  <c r="AE78245" i="1"/>
  <c r="AE78246" i="1"/>
  <c r="AE78247" i="1"/>
  <c r="AE78248" i="1"/>
  <c r="AE78249" i="1"/>
  <c r="AE78250" i="1"/>
  <c r="AE78251" i="1"/>
  <c r="AE78252" i="1"/>
  <c r="AE78253" i="1"/>
  <c r="AE78254" i="1"/>
  <c r="AE78255" i="1"/>
  <c r="AE78256" i="1"/>
  <c r="AE78257" i="1"/>
  <c r="AE78258" i="1"/>
  <c r="AE78259" i="1"/>
  <c r="AE78260" i="1"/>
  <c r="AE78261" i="1"/>
  <c r="AE78262" i="1"/>
  <c r="AE78263" i="1"/>
  <c r="AE78264" i="1"/>
  <c r="AE78265" i="1"/>
  <c r="AE78266" i="1"/>
  <c r="AE78267" i="1"/>
  <c r="AE78268" i="1"/>
  <c r="AE78269" i="1"/>
  <c r="AE78270" i="1"/>
  <c r="AE78271" i="1"/>
  <c r="AE78272" i="1"/>
  <c r="AE78273" i="1"/>
  <c r="AE78274" i="1"/>
  <c r="AE78275" i="1"/>
  <c r="AE78276" i="1"/>
  <c r="AE78277" i="1"/>
  <c r="AE78278" i="1"/>
  <c r="AE78279" i="1"/>
  <c r="AE78280" i="1"/>
  <c r="AE78281" i="1"/>
  <c r="AE78282" i="1"/>
  <c r="AE78283" i="1"/>
  <c r="AE78284" i="1"/>
  <c r="AE78285" i="1"/>
  <c r="AE78286" i="1"/>
  <c r="AE78287" i="1"/>
  <c r="AE78288" i="1"/>
  <c r="AE78289" i="1"/>
  <c r="AE78290" i="1"/>
  <c r="AE78291" i="1"/>
  <c r="AE78292" i="1"/>
  <c r="AE78293" i="1"/>
  <c r="AE78294" i="1"/>
  <c r="AE78295" i="1"/>
  <c r="AE78296" i="1"/>
  <c r="AE78297" i="1"/>
  <c r="AE78298" i="1"/>
  <c r="AE78299" i="1"/>
  <c r="AE78300" i="1"/>
  <c r="AE78301" i="1"/>
  <c r="AE78302" i="1"/>
  <c r="AE78303" i="1"/>
  <c r="AE78304" i="1"/>
  <c r="AE78305" i="1"/>
  <c r="AE78306" i="1"/>
  <c r="AE78307" i="1"/>
  <c r="AE78308" i="1"/>
  <c r="AE78309" i="1"/>
  <c r="AE78310" i="1"/>
  <c r="AE78311" i="1"/>
  <c r="AE78312" i="1"/>
  <c r="AE78313" i="1"/>
  <c r="AE78314" i="1"/>
  <c r="AE78315" i="1"/>
  <c r="AE78316" i="1"/>
  <c r="AE78317" i="1"/>
  <c r="AE78318" i="1"/>
  <c r="AE78319" i="1"/>
  <c r="AE78320" i="1"/>
  <c r="AE78321" i="1"/>
  <c r="AE78322" i="1"/>
  <c r="AE78323" i="1"/>
  <c r="AE78324" i="1"/>
  <c r="AE78325" i="1"/>
  <c r="AE78326" i="1"/>
  <c r="AE78327" i="1"/>
  <c r="AE78328" i="1"/>
  <c r="AE78329" i="1"/>
  <c r="AE78330" i="1"/>
  <c r="AE78331" i="1"/>
  <c r="AE78332" i="1"/>
  <c r="AE78333" i="1"/>
  <c r="AE78334" i="1"/>
  <c r="AE78335" i="1"/>
  <c r="AE78336" i="1"/>
  <c r="AE78337" i="1"/>
  <c r="AE78338" i="1"/>
  <c r="AE78339" i="1"/>
  <c r="AE78340" i="1"/>
  <c r="AE78341" i="1"/>
  <c r="AE78342" i="1"/>
  <c r="AE78343" i="1"/>
  <c r="AE78344" i="1"/>
  <c r="AE78345" i="1"/>
  <c r="AE78346" i="1"/>
  <c r="AE78347" i="1"/>
  <c r="AE78348" i="1"/>
  <c r="AE78349" i="1"/>
  <c r="AE78350" i="1"/>
  <c r="AE78351" i="1"/>
  <c r="AE78352" i="1"/>
  <c r="AE78353" i="1"/>
  <c r="AE78354" i="1"/>
  <c r="AE78355" i="1"/>
  <c r="AE78356" i="1"/>
  <c r="AE78357" i="1"/>
  <c r="AE78358" i="1"/>
  <c r="AE78359" i="1"/>
  <c r="AE78360" i="1"/>
  <c r="AE78361" i="1"/>
  <c r="AE78362" i="1"/>
  <c r="AE78363" i="1"/>
  <c r="AE78364" i="1"/>
  <c r="AE78365" i="1"/>
  <c r="AE78366" i="1"/>
  <c r="AE78367" i="1"/>
  <c r="AE78368" i="1"/>
  <c r="AE78369" i="1"/>
  <c r="AE78370" i="1"/>
  <c r="AE78371" i="1"/>
  <c r="AE78372" i="1"/>
  <c r="AE78373" i="1"/>
  <c r="AE78374" i="1"/>
  <c r="AE78375" i="1"/>
  <c r="AE78376" i="1"/>
  <c r="AE78377" i="1"/>
  <c r="AE78378" i="1"/>
  <c r="AE78379" i="1"/>
  <c r="AE78380" i="1"/>
  <c r="AE78381" i="1"/>
  <c r="AE78382" i="1"/>
  <c r="AE78383" i="1"/>
  <c r="AE78384" i="1"/>
  <c r="AE78385" i="1"/>
  <c r="AE78386" i="1"/>
  <c r="AE78387" i="1"/>
  <c r="AE78388" i="1"/>
  <c r="AE78389" i="1"/>
  <c r="AE78390" i="1"/>
  <c r="AE78391" i="1"/>
  <c r="AE78392" i="1"/>
  <c r="AE78393" i="1"/>
  <c r="AE78394" i="1"/>
  <c r="AE78395" i="1"/>
  <c r="AE78396" i="1"/>
  <c r="AE78397" i="1"/>
  <c r="AE78398" i="1"/>
  <c r="AE78399" i="1"/>
  <c r="AE78400" i="1"/>
  <c r="AE78401" i="1"/>
  <c r="AE78402" i="1"/>
  <c r="AE78403" i="1"/>
  <c r="AE78404" i="1"/>
  <c r="AE78405" i="1"/>
  <c r="AE78406" i="1"/>
  <c r="AE78407" i="1"/>
  <c r="AE78408" i="1"/>
  <c r="AE78409" i="1"/>
  <c r="AE78410" i="1"/>
  <c r="AE78411" i="1"/>
  <c r="AE78412" i="1"/>
  <c r="AE78413" i="1"/>
  <c r="AE78414" i="1"/>
  <c r="AE78415" i="1"/>
  <c r="AE78416" i="1"/>
  <c r="AE78417" i="1"/>
  <c r="AE78418" i="1"/>
  <c r="AE78419" i="1"/>
  <c r="AE78420" i="1"/>
  <c r="AE78421" i="1"/>
  <c r="AE78422" i="1"/>
  <c r="AE78423" i="1"/>
  <c r="AE78424" i="1"/>
  <c r="AE78425" i="1"/>
  <c r="AE78426" i="1"/>
  <c r="AE78427" i="1"/>
  <c r="AE78428" i="1"/>
  <c r="AE78429" i="1"/>
  <c r="AE78430" i="1"/>
  <c r="AE78431" i="1"/>
  <c r="AE78432" i="1"/>
  <c r="AE78433" i="1"/>
  <c r="AE78434" i="1"/>
  <c r="AE78435" i="1"/>
  <c r="AE78436" i="1"/>
  <c r="AE78437" i="1"/>
  <c r="AE78438" i="1"/>
  <c r="AE78439" i="1"/>
  <c r="AE78440" i="1"/>
  <c r="AE78441" i="1"/>
  <c r="AE78442" i="1"/>
  <c r="AE78443" i="1"/>
  <c r="AE78444" i="1"/>
  <c r="AE78445" i="1"/>
  <c r="AE78446" i="1"/>
  <c r="AE78447" i="1"/>
  <c r="AE78448" i="1"/>
  <c r="AE78449" i="1"/>
  <c r="AE78450" i="1"/>
  <c r="AE78451" i="1"/>
  <c r="AE78452" i="1"/>
  <c r="AE78453" i="1"/>
  <c r="AE78454" i="1"/>
  <c r="AE78455" i="1"/>
  <c r="AE78456" i="1"/>
  <c r="AE78457" i="1"/>
  <c r="AE78458" i="1"/>
  <c r="AE78459" i="1"/>
  <c r="AE78460" i="1"/>
  <c r="AE78461" i="1"/>
  <c r="AE78462" i="1"/>
  <c r="AE78463" i="1"/>
  <c r="AE78464" i="1"/>
  <c r="AE78465" i="1"/>
  <c r="AE78466" i="1"/>
  <c r="AE78467" i="1"/>
  <c r="AE78468" i="1"/>
  <c r="AE78469" i="1"/>
  <c r="AE78470" i="1"/>
  <c r="AE78471" i="1"/>
  <c r="AE78472" i="1"/>
  <c r="AE78473" i="1"/>
  <c r="AE78474" i="1"/>
  <c r="AE78475" i="1"/>
  <c r="AE78476" i="1"/>
  <c r="AE78477" i="1"/>
  <c r="AE78478" i="1"/>
  <c r="AE78479" i="1"/>
  <c r="AE78480" i="1"/>
  <c r="AE78481" i="1"/>
  <c r="AE78482" i="1"/>
  <c r="AE78483" i="1"/>
  <c r="AE78484" i="1"/>
  <c r="AE78485" i="1"/>
  <c r="AE78486" i="1"/>
  <c r="AE78487" i="1"/>
  <c r="AE78488" i="1"/>
  <c r="AE78489" i="1"/>
  <c r="AE78490" i="1"/>
  <c r="AE78491" i="1"/>
  <c r="AE78492" i="1"/>
  <c r="AE78493" i="1"/>
  <c r="AE78494" i="1"/>
  <c r="AE78495" i="1"/>
  <c r="AE78496" i="1"/>
  <c r="AE78497" i="1"/>
  <c r="AE78498" i="1"/>
  <c r="AE78499" i="1"/>
  <c r="AE78500" i="1"/>
  <c r="AE78501" i="1"/>
  <c r="AE78502" i="1"/>
  <c r="AE78503" i="1"/>
  <c r="AE78504" i="1"/>
  <c r="AE78505" i="1"/>
  <c r="AE78506" i="1"/>
  <c r="AE78507" i="1"/>
  <c r="AE78508" i="1"/>
  <c r="AE78509" i="1"/>
  <c r="AE78510" i="1"/>
  <c r="AE78511" i="1"/>
  <c r="AE78512" i="1"/>
  <c r="AE78513" i="1"/>
  <c r="AE78514" i="1"/>
  <c r="AE78515" i="1"/>
  <c r="AE78516" i="1"/>
  <c r="AE78517" i="1"/>
  <c r="AE78518" i="1"/>
  <c r="AE78519" i="1"/>
  <c r="AE78520" i="1"/>
  <c r="AE78521" i="1"/>
  <c r="AE78522" i="1"/>
  <c r="AE78523" i="1"/>
  <c r="AE78524" i="1"/>
  <c r="AE78525" i="1"/>
  <c r="AE78526" i="1"/>
  <c r="AE78527" i="1"/>
  <c r="AE78528" i="1"/>
  <c r="AE78529" i="1"/>
  <c r="AE78530" i="1"/>
  <c r="AE78531" i="1"/>
  <c r="AE78532" i="1"/>
  <c r="AE78533" i="1"/>
  <c r="AE78534" i="1"/>
  <c r="AE78535" i="1"/>
  <c r="AE78536" i="1"/>
  <c r="AE78537" i="1"/>
  <c r="AE78538" i="1"/>
  <c r="AE78539" i="1"/>
  <c r="AE78540" i="1"/>
  <c r="AE78541" i="1"/>
  <c r="AE78542" i="1"/>
  <c r="AE78543" i="1"/>
  <c r="AE78544" i="1"/>
  <c r="AE78545" i="1"/>
  <c r="AE78546" i="1"/>
  <c r="AE78547" i="1"/>
  <c r="AE78548" i="1"/>
  <c r="AE78549" i="1"/>
  <c r="AE78550" i="1"/>
  <c r="AE78551" i="1"/>
  <c r="AE78552" i="1"/>
  <c r="AE78553" i="1"/>
  <c r="AE78554" i="1"/>
  <c r="AE78555" i="1"/>
  <c r="AE78556" i="1"/>
  <c r="AE78557" i="1"/>
  <c r="AE78558" i="1"/>
  <c r="AE78559" i="1"/>
  <c r="AE78560" i="1"/>
  <c r="AE78561" i="1"/>
  <c r="AE78562" i="1"/>
  <c r="AE78563" i="1"/>
  <c r="AE78564" i="1"/>
  <c r="AE78565" i="1"/>
  <c r="AE78566" i="1"/>
  <c r="AE78567" i="1"/>
  <c r="AE78568" i="1"/>
  <c r="AE78569" i="1"/>
  <c r="AE78570" i="1"/>
  <c r="AE78571" i="1"/>
  <c r="AE78572" i="1"/>
  <c r="AE78573" i="1"/>
  <c r="AE78574" i="1"/>
  <c r="AE78575" i="1"/>
  <c r="AE78576" i="1"/>
  <c r="AE78577" i="1"/>
  <c r="AE78578" i="1"/>
  <c r="AE78579" i="1"/>
  <c r="AE78580" i="1"/>
  <c r="AE78581" i="1"/>
  <c r="AE78582" i="1"/>
  <c r="AE78583" i="1"/>
  <c r="AE78584" i="1"/>
  <c r="AE78585" i="1"/>
  <c r="AE78586" i="1"/>
  <c r="AE78587" i="1"/>
  <c r="AE78588" i="1"/>
  <c r="AE78589" i="1"/>
  <c r="AE78590" i="1"/>
  <c r="AE78591" i="1"/>
  <c r="AE78592" i="1"/>
  <c r="AE78593" i="1"/>
  <c r="AE78594" i="1"/>
  <c r="AE78595" i="1"/>
  <c r="AE78596" i="1"/>
  <c r="AE78597" i="1"/>
  <c r="AE78598" i="1"/>
  <c r="AE78599" i="1"/>
  <c r="AE78600" i="1"/>
  <c r="AE78601" i="1"/>
  <c r="AE78602" i="1"/>
  <c r="AE78603" i="1"/>
  <c r="AE78604" i="1"/>
  <c r="AE78605" i="1"/>
  <c r="AE78606" i="1"/>
  <c r="AE78607" i="1"/>
  <c r="AE78608" i="1"/>
  <c r="AE78609" i="1"/>
  <c r="AE78610" i="1"/>
  <c r="AE78611" i="1"/>
  <c r="AE78612" i="1"/>
  <c r="AE78613" i="1"/>
  <c r="AE78614" i="1"/>
  <c r="AE78615" i="1"/>
  <c r="AE78616" i="1"/>
  <c r="AE78617" i="1"/>
  <c r="AE78618" i="1"/>
  <c r="AE78619" i="1"/>
  <c r="AE78620" i="1"/>
  <c r="AE78621" i="1"/>
  <c r="AE78622" i="1"/>
  <c r="AE78623" i="1"/>
  <c r="AE78624" i="1"/>
  <c r="AE78625" i="1"/>
  <c r="AE78626" i="1"/>
  <c r="AE78627" i="1"/>
  <c r="AE78628" i="1"/>
  <c r="AE78629" i="1"/>
  <c r="AE78630" i="1"/>
  <c r="AE78631" i="1"/>
  <c r="AE78632" i="1"/>
  <c r="AE78633" i="1"/>
  <c r="AE78634" i="1"/>
  <c r="AE78635" i="1"/>
  <c r="AE78636" i="1"/>
  <c r="AE78637" i="1"/>
  <c r="AE78638" i="1"/>
  <c r="AE78639" i="1"/>
  <c r="AE78640" i="1"/>
  <c r="AE78641" i="1"/>
  <c r="AE78642" i="1"/>
  <c r="AE78643" i="1"/>
  <c r="AE78644" i="1"/>
  <c r="AE78645" i="1"/>
  <c r="AE78646" i="1"/>
  <c r="AE78647" i="1"/>
  <c r="AE78648" i="1"/>
  <c r="AE78649" i="1"/>
  <c r="AE78650" i="1"/>
  <c r="AE78651" i="1"/>
  <c r="AE78652" i="1"/>
  <c r="AE78653" i="1"/>
  <c r="AE78654" i="1"/>
  <c r="AE78655" i="1"/>
  <c r="AE78656" i="1"/>
  <c r="AE78657" i="1"/>
  <c r="AE78658" i="1"/>
  <c r="AE78659" i="1"/>
  <c r="AE78660" i="1"/>
  <c r="AE78661" i="1"/>
  <c r="AE78662" i="1"/>
  <c r="AE78663" i="1"/>
  <c r="AE78664" i="1"/>
  <c r="AE78665" i="1"/>
  <c r="AE78666" i="1"/>
  <c r="AE78667" i="1"/>
  <c r="AE78668" i="1"/>
  <c r="AE78669" i="1"/>
  <c r="AE78670" i="1"/>
  <c r="AE78671" i="1"/>
  <c r="AE78672" i="1"/>
  <c r="AE78673" i="1"/>
  <c r="AE78674" i="1"/>
  <c r="AE78675" i="1"/>
  <c r="AE78676" i="1"/>
  <c r="AE78677" i="1"/>
  <c r="AE78678" i="1"/>
  <c r="AE78679" i="1"/>
  <c r="AE78680" i="1"/>
  <c r="AE78681" i="1"/>
  <c r="AE78682" i="1"/>
  <c r="AE78683" i="1"/>
  <c r="AE78684" i="1"/>
  <c r="AE78685" i="1"/>
  <c r="AE78686" i="1"/>
  <c r="AE78687" i="1"/>
  <c r="AE78688" i="1"/>
  <c r="AE78689" i="1"/>
  <c r="AE78690" i="1"/>
  <c r="AE78691" i="1"/>
  <c r="AE78692" i="1"/>
  <c r="AE78693" i="1"/>
  <c r="AE78694" i="1"/>
  <c r="AE78695" i="1"/>
  <c r="AE78696" i="1"/>
  <c r="AE78697" i="1"/>
  <c r="AE78698" i="1"/>
  <c r="AE78699" i="1"/>
  <c r="AE78700" i="1"/>
  <c r="AE78701" i="1"/>
  <c r="AE78702" i="1"/>
  <c r="AE78703" i="1"/>
  <c r="AE78704" i="1"/>
  <c r="AE78705" i="1"/>
  <c r="AE78706" i="1"/>
  <c r="AE78707" i="1"/>
  <c r="AE78708" i="1"/>
  <c r="AE78709" i="1"/>
  <c r="AE78710" i="1"/>
  <c r="AE78711" i="1"/>
  <c r="AE78712" i="1"/>
  <c r="AE78713" i="1"/>
  <c r="AE78714" i="1"/>
  <c r="AE78715" i="1"/>
  <c r="AE78716" i="1"/>
  <c r="AE78717" i="1"/>
  <c r="AE78718" i="1"/>
  <c r="AE78719" i="1"/>
  <c r="AE78720" i="1"/>
  <c r="AE78721" i="1"/>
  <c r="AE78722" i="1"/>
  <c r="AE78723" i="1"/>
  <c r="AE78724" i="1"/>
  <c r="AE78725" i="1"/>
  <c r="AE78726" i="1"/>
  <c r="AE78727" i="1"/>
  <c r="AE78728" i="1"/>
  <c r="AE78729" i="1"/>
  <c r="AE78730" i="1"/>
  <c r="AE78731" i="1"/>
  <c r="AE78732" i="1"/>
  <c r="AE78733" i="1"/>
  <c r="AE78734" i="1"/>
  <c r="AE78735" i="1"/>
  <c r="AE78736" i="1"/>
  <c r="AE78737" i="1"/>
  <c r="AE78738" i="1"/>
  <c r="AE78739" i="1"/>
  <c r="AE78740" i="1"/>
  <c r="AE78741" i="1"/>
  <c r="AE78742" i="1"/>
  <c r="AE78743" i="1"/>
  <c r="AE78744" i="1"/>
  <c r="AE78745" i="1"/>
  <c r="AE78746" i="1"/>
  <c r="AE78747" i="1"/>
  <c r="AE78748" i="1"/>
  <c r="AE78749" i="1"/>
  <c r="AE78750" i="1"/>
  <c r="AE78751" i="1"/>
  <c r="AE78752" i="1"/>
  <c r="AE78753" i="1"/>
  <c r="AE78754" i="1"/>
  <c r="AE78755" i="1"/>
  <c r="AE78756" i="1"/>
  <c r="AE78757" i="1"/>
  <c r="AE78758" i="1"/>
  <c r="AE78759" i="1"/>
  <c r="AE78760" i="1"/>
  <c r="AE78761" i="1"/>
  <c r="AE78762" i="1"/>
  <c r="AE78763" i="1"/>
  <c r="AE78764" i="1"/>
  <c r="AE78765" i="1"/>
  <c r="AE78766" i="1"/>
  <c r="AE78767" i="1"/>
  <c r="AE78768" i="1"/>
  <c r="AE78769" i="1"/>
  <c r="AE78770" i="1"/>
  <c r="AE78771" i="1"/>
  <c r="AE78772" i="1"/>
  <c r="AE78773" i="1"/>
  <c r="AE78774" i="1"/>
  <c r="AE78775" i="1"/>
  <c r="AE78776" i="1"/>
  <c r="AE78777" i="1"/>
  <c r="AE78778" i="1"/>
  <c r="AE78779" i="1"/>
  <c r="AE78780" i="1"/>
  <c r="AE78781" i="1"/>
  <c r="AE78782" i="1"/>
  <c r="AE78783" i="1"/>
  <c r="AE78784" i="1"/>
  <c r="AE78785" i="1"/>
  <c r="AE78786" i="1"/>
  <c r="AE78787" i="1"/>
  <c r="AE78788" i="1"/>
  <c r="AE78789" i="1"/>
  <c r="AE78790" i="1"/>
  <c r="AE78791" i="1"/>
  <c r="AE78792" i="1"/>
  <c r="AE78793" i="1"/>
  <c r="AE78794" i="1"/>
  <c r="AE78795" i="1"/>
  <c r="AE78796" i="1"/>
  <c r="AE78797" i="1"/>
  <c r="AE78798" i="1"/>
  <c r="AE78799" i="1"/>
  <c r="AE78800" i="1"/>
  <c r="AE78801" i="1"/>
  <c r="AE78802" i="1"/>
  <c r="AE78803" i="1"/>
  <c r="AE78804" i="1"/>
  <c r="AE78805" i="1"/>
  <c r="AE78806" i="1"/>
  <c r="AE78807" i="1"/>
  <c r="AE78808" i="1"/>
  <c r="AE78809" i="1"/>
  <c r="AE78810" i="1"/>
  <c r="AE78811" i="1"/>
  <c r="AE78812" i="1"/>
  <c r="AE78813" i="1"/>
  <c r="AE78814" i="1"/>
  <c r="AE78815" i="1"/>
  <c r="AE78816" i="1"/>
  <c r="AE78817" i="1"/>
  <c r="AE78818" i="1"/>
  <c r="AE78819" i="1"/>
  <c r="AE78820" i="1"/>
  <c r="AE78821" i="1"/>
  <c r="AE78822" i="1"/>
  <c r="AE78823" i="1"/>
  <c r="AE78824" i="1"/>
  <c r="AE78825" i="1"/>
  <c r="AE78826" i="1"/>
  <c r="AE78827" i="1"/>
  <c r="AE78828" i="1"/>
  <c r="AE78829" i="1"/>
  <c r="AE78830" i="1"/>
  <c r="AE78831" i="1"/>
  <c r="AE78832" i="1"/>
  <c r="AE78833" i="1"/>
  <c r="AE78834" i="1"/>
  <c r="AE78835" i="1"/>
  <c r="AE78836" i="1"/>
  <c r="AE78837" i="1"/>
  <c r="AE78838" i="1"/>
  <c r="AE78839" i="1"/>
  <c r="AE78840" i="1"/>
  <c r="AE78841" i="1"/>
  <c r="AE78842" i="1"/>
  <c r="AE78843" i="1"/>
  <c r="AE78844" i="1"/>
  <c r="AE78845" i="1"/>
  <c r="AE78846" i="1"/>
  <c r="AE78847" i="1"/>
  <c r="AE78848" i="1"/>
  <c r="AE78849" i="1"/>
  <c r="AE78850" i="1"/>
  <c r="AE78851" i="1"/>
  <c r="AE78852" i="1"/>
  <c r="AE78853" i="1"/>
  <c r="AE78854" i="1"/>
  <c r="AE78855" i="1"/>
  <c r="AE78856" i="1"/>
  <c r="AE78857" i="1"/>
  <c r="AE78858" i="1"/>
  <c r="AE78859" i="1"/>
  <c r="AE78860" i="1"/>
  <c r="AE78861" i="1"/>
  <c r="AE78862" i="1"/>
  <c r="AE78863" i="1"/>
  <c r="AE78864" i="1"/>
  <c r="AE78865" i="1"/>
  <c r="AE78866" i="1"/>
  <c r="AE78867" i="1"/>
  <c r="AE78868" i="1"/>
  <c r="AE78869" i="1"/>
  <c r="AE78870" i="1"/>
  <c r="AE78871" i="1"/>
  <c r="AE78872" i="1"/>
  <c r="AE78873" i="1"/>
  <c r="AE78874" i="1"/>
  <c r="AE78875" i="1"/>
  <c r="AE78876" i="1"/>
  <c r="AE78877" i="1"/>
  <c r="AE78878" i="1"/>
  <c r="AE78879" i="1"/>
  <c r="AE78880" i="1"/>
  <c r="AE78881" i="1"/>
  <c r="AE78882" i="1"/>
  <c r="AE78883" i="1"/>
  <c r="AE78884" i="1"/>
  <c r="AE78885" i="1"/>
  <c r="AE78886" i="1"/>
  <c r="AE78887" i="1"/>
  <c r="AE78888" i="1"/>
  <c r="AE78889" i="1"/>
  <c r="AE78890" i="1"/>
  <c r="AE78891" i="1"/>
  <c r="AE78892" i="1"/>
  <c r="AE78893" i="1"/>
  <c r="AE78894" i="1"/>
  <c r="AE78895" i="1"/>
  <c r="AE78896" i="1"/>
  <c r="AE78897" i="1"/>
  <c r="AE78898" i="1"/>
  <c r="AE78899" i="1"/>
  <c r="AE78900" i="1"/>
  <c r="AE78901" i="1"/>
  <c r="AE78902" i="1"/>
  <c r="AE78903" i="1"/>
  <c r="AE78904" i="1"/>
  <c r="AE78905" i="1"/>
  <c r="AE78906" i="1"/>
  <c r="AE78907" i="1"/>
  <c r="AE78908" i="1"/>
  <c r="AE78909" i="1"/>
  <c r="AE78910" i="1"/>
  <c r="AE78911" i="1"/>
  <c r="AE78912" i="1"/>
  <c r="AE78913" i="1"/>
  <c r="AE78914" i="1"/>
  <c r="AE78915" i="1"/>
  <c r="AE78916" i="1"/>
  <c r="AE78917" i="1"/>
  <c r="AE78918" i="1"/>
  <c r="AE78919" i="1"/>
  <c r="AE78920" i="1"/>
  <c r="AE78921" i="1"/>
  <c r="AE78922" i="1"/>
  <c r="AE78923" i="1"/>
  <c r="AE78924" i="1"/>
  <c r="AE78925" i="1"/>
  <c r="AE78926" i="1"/>
  <c r="AE78927" i="1"/>
  <c r="AE78928" i="1"/>
  <c r="AE78929" i="1"/>
  <c r="AE78930" i="1"/>
  <c r="AE78931" i="1"/>
  <c r="AE78932" i="1"/>
  <c r="AE78933" i="1"/>
  <c r="AE78934" i="1"/>
  <c r="AE78935" i="1"/>
  <c r="AE78936" i="1"/>
  <c r="AE78937" i="1"/>
  <c r="AE78938" i="1"/>
  <c r="AE78939" i="1"/>
  <c r="AE78940" i="1"/>
  <c r="AE78941" i="1"/>
  <c r="AE78942" i="1"/>
  <c r="AE78943" i="1"/>
  <c r="AE78944" i="1"/>
  <c r="AE78945" i="1"/>
  <c r="AE78946" i="1"/>
  <c r="AE78947" i="1"/>
  <c r="AE78948" i="1"/>
  <c r="AE78949" i="1"/>
  <c r="AE78950" i="1"/>
  <c r="AE78951" i="1"/>
  <c r="AE78952" i="1"/>
  <c r="AE78953" i="1"/>
  <c r="AE78954" i="1"/>
  <c r="AE78955" i="1"/>
  <c r="AE78956" i="1"/>
  <c r="AE78957" i="1"/>
  <c r="AE78958" i="1"/>
  <c r="AE78959" i="1"/>
  <c r="AE78960" i="1"/>
  <c r="AE78961" i="1"/>
  <c r="AE78962" i="1"/>
  <c r="AE78963" i="1"/>
  <c r="AE78964" i="1"/>
  <c r="AE78965" i="1"/>
  <c r="AE78966" i="1"/>
  <c r="AE78967" i="1"/>
  <c r="AE78968" i="1"/>
  <c r="AE78969" i="1"/>
  <c r="AE78970" i="1"/>
  <c r="AE78971" i="1"/>
  <c r="AE78972" i="1"/>
  <c r="AE78973" i="1"/>
  <c r="AE78974" i="1"/>
  <c r="AE78975" i="1"/>
  <c r="AE78976" i="1"/>
  <c r="AE78977" i="1"/>
  <c r="AE78978" i="1"/>
  <c r="AE78979" i="1"/>
  <c r="AE78980" i="1"/>
  <c r="AE78981" i="1"/>
  <c r="AE78982" i="1"/>
  <c r="AE78983" i="1"/>
  <c r="AE78984" i="1"/>
  <c r="AE78985" i="1"/>
  <c r="AE78986" i="1"/>
  <c r="AE78987" i="1"/>
  <c r="AE78988" i="1"/>
  <c r="AE78989" i="1"/>
  <c r="AE78990" i="1"/>
  <c r="AE78991" i="1"/>
  <c r="AE78992" i="1"/>
  <c r="AE78993" i="1"/>
  <c r="AE78994" i="1"/>
  <c r="AE78995" i="1"/>
  <c r="AE78996" i="1"/>
  <c r="AE78997" i="1"/>
  <c r="AE78998" i="1"/>
  <c r="AE78999" i="1"/>
  <c r="AE79000" i="1"/>
  <c r="AE79001" i="1"/>
  <c r="AE79002" i="1"/>
  <c r="AE79003" i="1"/>
  <c r="AE79004" i="1"/>
  <c r="AE79005" i="1"/>
  <c r="AE79006" i="1"/>
  <c r="AE79007" i="1"/>
  <c r="AE79008" i="1"/>
  <c r="AE79009" i="1"/>
  <c r="AE79010" i="1"/>
  <c r="AE79011" i="1"/>
  <c r="AE79012" i="1"/>
  <c r="AE79013" i="1"/>
  <c r="AE79014" i="1"/>
  <c r="AE79015" i="1"/>
  <c r="AE79016" i="1"/>
  <c r="AE79017" i="1"/>
  <c r="AE79018" i="1"/>
  <c r="AE79019" i="1"/>
  <c r="AE79020" i="1"/>
  <c r="AE79021" i="1"/>
  <c r="AE79022" i="1"/>
  <c r="AE79023" i="1"/>
  <c r="AE79024" i="1"/>
  <c r="AE79025" i="1"/>
  <c r="AE79026" i="1"/>
  <c r="AE79027" i="1"/>
  <c r="AE79028" i="1"/>
  <c r="AE79029" i="1"/>
  <c r="AE79030" i="1"/>
  <c r="AE79031" i="1"/>
  <c r="AE79032" i="1"/>
  <c r="AE79033" i="1"/>
  <c r="AE79034" i="1"/>
  <c r="AE79035" i="1"/>
  <c r="AE79036" i="1"/>
  <c r="AE79037" i="1"/>
  <c r="AE79038" i="1"/>
  <c r="AE79039" i="1"/>
  <c r="AE79040" i="1"/>
  <c r="AE79041" i="1"/>
  <c r="AE79042" i="1"/>
  <c r="AE79043" i="1"/>
  <c r="AE79044" i="1"/>
  <c r="AE79045" i="1"/>
  <c r="AE79046" i="1"/>
  <c r="AE79047" i="1"/>
  <c r="AE79048" i="1"/>
  <c r="AE79049" i="1"/>
  <c r="AE79050" i="1"/>
  <c r="AE79051" i="1"/>
  <c r="AE79052" i="1"/>
  <c r="AE79053" i="1"/>
  <c r="AE79054" i="1"/>
  <c r="AE79055" i="1"/>
  <c r="AE79056" i="1"/>
  <c r="AE79057" i="1"/>
  <c r="AE79058" i="1"/>
  <c r="AE79059" i="1"/>
  <c r="AE79060" i="1"/>
  <c r="AE79061" i="1"/>
  <c r="AE79062" i="1"/>
  <c r="AE79063" i="1"/>
  <c r="AE79064" i="1"/>
  <c r="AE79065" i="1"/>
  <c r="AE79066" i="1"/>
  <c r="AE79067" i="1"/>
  <c r="AE79068" i="1"/>
  <c r="AE79069" i="1"/>
  <c r="AE79070" i="1"/>
  <c r="AE79071" i="1"/>
  <c r="AE79072" i="1"/>
  <c r="AE79073" i="1"/>
  <c r="AE79074" i="1"/>
  <c r="AE79075" i="1"/>
  <c r="AE79076" i="1"/>
  <c r="AE79077" i="1"/>
  <c r="AE79078" i="1"/>
  <c r="AE79079" i="1"/>
  <c r="AE79080" i="1"/>
  <c r="AE79081" i="1"/>
  <c r="AE79082" i="1"/>
  <c r="AE79083" i="1"/>
  <c r="AE79084" i="1"/>
  <c r="AE79085" i="1"/>
  <c r="AE79086" i="1"/>
  <c r="AE79087" i="1"/>
  <c r="AE79088" i="1"/>
  <c r="AE79089" i="1"/>
  <c r="AE79090" i="1"/>
  <c r="AE79091" i="1"/>
  <c r="AE79092" i="1"/>
  <c r="AE79093" i="1"/>
  <c r="AE79094" i="1"/>
  <c r="AE79095" i="1"/>
  <c r="AE79096" i="1"/>
  <c r="AE79097" i="1"/>
  <c r="AE79098" i="1"/>
  <c r="AE79099" i="1"/>
  <c r="AE79100" i="1"/>
  <c r="AE79101" i="1"/>
  <c r="AE79102" i="1"/>
  <c r="AE79103" i="1"/>
  <c r="AE79104" i="1"/>
  <c r="AE79105" i="1"/>
  <c r="AE79106" i="1"/>
  <c r="AE79107" i="1"/>
  <c r="AE79108" i="1"/>
  <c r="AE79109" i="1"/>
  <c r="AE79110" i="1"/>
  <c r="AE79111" i="1"/>
  <c r="AE79112" i="1"/>
  <c r="AE79113" i="1"/>
  <c r="AE79114" i="1"/>
  <c r="AE79115" i="1"/>
  <c r="AE79116" i="1"/>
  <c r="AE79117" i="1"/>
  <c r="AE79118" i="1"/>
  <c r="AE79119" i="1"/>
  <c r="AE79120" i="1"/>
  <c r="AE79121" i="1"/>
  <c r="AE79122" i="1"/>
  <c r="AE79123" i="1"/>
  <c r="AE79124" i="1"/>
  <c r="AE79125" i="1"/>
  <c r="AE79126" i="1"/>
  <c r="AE79127" i="1"/>
  <c r="AE79128" i="1"/>
  <c r="AE79129" i="1"/>
  <c r="AE79130" i="1"/>
  <c r="AE79131" i="1"/>
  <c r="AE79132" i="1"/>
  <c r="AE79133" i="1"/>
  <c r="AE79134" i="1"/>
  <c r="AE79135" i="1"/>
  <c r="AE79136" i="1"/>
  <c r="AE79137" i="1"/>
  <c r="AE79138" i="1"/>
  <c r="AE79139" i="1"/>
  <c r="AE79140" i="1"/>
  <c r="AE79141" i="1"/>
  <c r="AE79142" i="1"/>
  <c r="AE79143" i="1"/>
  <c r="AE79144" i="1"/>
  <c r="AE79145" i="1"/>
  <c r="AE79146" i="1"/>
  <c r="AE79147" i="1"/>
  <c r="AE79148" i="1"/>
  <c r="AE79149" i="1"/>
  <c r="AE79150" i="1"/>
  <c r="AE79151" i="1"/>
  <c r="AE79152" i="1"/>
  <c r="AE79153" i="1"/>
  <c r="AE79154" i="1"/>
  <c r="AE79155" i="1"/>
  <c r="AE79156" i="1"/>
  <c r="AE79157" i="1"/>
  <c r="AE79158" i="1"/>
  <c r="AE79159" i="1"/>
  <c r="AE79160" i="1"/>
  <c r="AE79161" i="1"/>
  <c r="AE79162" i="1"/>
  <c r="AE79163" i="1"/>
  <c r="AE79164" i="1"/>
  <c r="AE79165" i="1"/>
  <c r="AE79166" i="1"/>
  <c r="AE79167" i="1"/>
  <c r="AE79168" i="1"/>
  <c r="AE79169" i="1"/>
  <c r="AE79170" i="1"/>
  <c r="AE79171" i="1"/>
  <c r="AE79172" i="1"/>
  <c r="AE79173" i="1"/>
  <c r="AE79174" i="1"/>
  <c r="AE79175" i="1"/>
  <c r="AE79176" i="1"/>
  <c r="AE79177" i="1"/>
  <c r="AE79178" i="1"/>
  <c r="AE79179" i="1"/>
  <c r="AE79180" i="1"/>
  <c r="AE79181" i="1"/>
  <c r="AE79182" i="1"/>
  <c r="AE79183" i="1"/>
  <c r="AE79184" i="1"/>
  <c r="AE79185" i="1"/>
  <c r="AE79186" i="1"/>
  <c r="AE79187" i="1"/>
  <c r="AE79188" i="1"/>
  <c r="AE79189" i="1"/>
  <c r="AE79190" i="1"/>
  <c r="AE79191" i="1"/>
  <c r="AE79192" i="1"/>
  <c r="AE79193" i="1"/>
  <c r="AE79194" i="1"/>
  <c r="AE79195" i="1"/>
  <c r="AE79196" i="1"/>
  <c r="AE79197" i="1"/>
  <c r="AE79198" i="1"/>
  <c r="AE79199" i="1"/>
  <c r="AE79200" i="1"/>
  <c r="AE79201" i="1"/>
  <c r="AE79202" i="1"/>
  <c r="AE79203" i="1"/>
  <c r="AE79204" i="1"/>
  <c r="AE79205" i="1"/>
  <c r="AE79206" i="1"/>
  <c r="AE79207" i="1"/>
  <c r="AE79208" i="1"/>
  <c r="AE79209" i="1"/>
  <c r="AE79210" i="1"/>
  <c r="AE79211" i="1"/>
  <c r="AE79212" i="1"/>
  <c r="AE79213" i="1"/>
  <c r="AE79214" i="1"/>
  <c r="AE79215" i="1"/>
  <c r="AE79216" i="1"/>
  <c r="AE79217" i="1"/>
  <c r="AE79218" i="1"/>
  <c r="AE79219" i="1"/>
  <c r="AE79220" i="1"/>
  <c r="AE79221" i="1"/>
  <c r="AE79222" i="1"/>
  <c r="AE79223" i="1"/>
  <c r="AE79224" i="1"/>
  <c r="AE79225" i="1"/>
  <c r="AE79226" i="1"/>
  <c r="AE79227" i="1"/>
  <c r="AE79228" i="1"/>
  <c r="AE79229" i="1"/>
  <c r="AE79230" i="1"/>
  <c r="AE79231" i="1"/>
  <c r="AE79232" i="1"/>
  <c r="AE79233" i="1"/>
  <c r="AE79234" i="1"/>
  <c r="AE79235" i="1"/>
  <c r="AE79236" i="1"/>
  <c r="AE79237" i="1"/>
  <c r="AE79238" i="1"/>
  <c r="AE79239" i="1"/>
  <c r="AE79240" i="1"/>
  <c r="AE79241" i="1"/>
  <c r="AE79242" i="1"/>
  <c r="AE79243" i="1"/>
  <c r="AE79244" i="1"/>
  <c r="AE79245" i="1"/>
  <c r="AE79246" i="1"/>
  <c r="AE79247" i="1"/>
  <c r="AE79248" i="1"/>
  <c r="AE79249" i="1"/>
  <c r="AE79250" i="1"/>
  <c r="AE79251" i="1"/>
  <c r="AE79252" i="1"/>
  <c r="AE79253" i="1"/>
  <c r="AE79254" i="1"/>
  <c r="AE79255" i="1"/>
  <c r="AE79256" i="1"/>
  <c r="AE79257" i="1"/>
  <c r="AE79258" i="1"/>
  <c r="AE79259" i="1"/>
  <c r="AE79260" i="1"/>
  <c r="AE79261" i="1"/>
  <c r="AE79262" i="1"/>
  <c r="AE79263" i="1"/>
  <c r="AE79264" i="1"/>
  <c r="AE79265" i="1"/>
  <c r="AE79266" i="1"/>
  <c r="AE79267" i="1"/>
  <c r="AE79268" i="1"/>
  <c r="AE79269" i="1"/>
  <c r="AE79270" i="1"/>
  <c r="AE79271" i="1"/>
  <c r="AE79272" i="1"/>
  <c r="AE79273" i="1"/>
  <c r="AE79274" i="1"/>
  <c r="AE79275" i="1"/>
  <c r="AE79276" i="1"/>
  <c r="AE79277" i="1"/>
  <c r="AE79278" i="1"/>
  <c r="AE79279" i="1"/>
  <c r="AE79280" i="1"/>
  <c r="AE79281" i="1"/>
  <c r="AE79282" i="1"/>
  <c r="AE79283" i="1"/>
  <c r="AE79284" i="1"/>
  <c r="AE79285" i="1"/>
  <c r="AE79286" i="1"/>
  <c r="AE79287" i="1"/>
  <c r="AE79288" i="1"/>
  <c r="AE79289" i="1"/>
  <c r="AE79290" i="1"/>
  <c r="AE79291" i="1"/>
  <c r="AE79292" i="1"/>
  <c r="AE79293" i="1"/>
  <c r="AE79294" i="1"/>
  <c r="AE79295" i="1"/>
  <c r="AE79296" i="1"/>
  <c r="AE79297" i="1"/>
  <c r="AE79298" i="1"/>
  <c r="AE79299" i="1"/>
  <c r="AE79300" i="1"/>
  <c r="AE79301" i="1"/>
  <c r="AE79302" i="1"/>
  <c r="AE79303" i="1"/>
  <c r="AE79304" i="1"/>
  <c r="AE79305" i="1"/>
  <c r="AE79306" i="1"/>
  <c r="AE79307" i="1"/>
  <c r="AE79308" i="1"/>
  <c r="AE79309" i="1"/>
  <c r="AE79310" i="1"/>
  <c r="AE79311" i="1"/>
  <c r="AE79312" i="1"/>
  <c r="AE79313" i="1"/>
  <c r="AE79314" i="1"/>
  <c r="AE79315" i="1"/>
  <c r="AE79316" i="1"/>
  <c r="AE79317" i="1"/>
  <c r="AE79318" i="1"/>
  <c r="AE79319" i="1"/>
  <c r="AE79320" i="1"/>
  <c r="AE79321" i="1"/>
  <c r="AE79322" i="1"/>
  <c r="AE79323" i="1"/>
  <c r="AE79324" i="1"/>
  <c r="AE79325" i="1"/>
  <c r="AE79326" i="1"/>
  <c r="AE79327" i="1"/>
  <c r="AE79328" i="1"/>
  <c r="AE79329" i="1"/>
  <c r="AE79330" i="1"/>
  <c r="AE79331" i="1"/>
  <c r="AE79332" i="1"/>
  <c r="AE79333" i="1"/>
  <c r="AE79334" i="1"/>
  <c r="AE79335" i="1"/>
  <c r="AE79336" i="1"/>
  <c r="AE79337" i="1"/>
  <c r="AE79338" i="1"/>
  <c r="AE79339" i="1"/>
  <c r="AE79340" i="1"/>
  <c r="AE79341" i="1"/>
  <c r="AE79342" i="1"/>
  <c r="AE79343" i="1"/>
  <c r="AE79344" i="1"/>
  <c r="AE79345" i="1"/>
  <c r="AE79346" i="1"/>
  <c r="AE79347" i="1"/>
  <c r="AE79348" i="1"/>
  <c r="AE79349" i="1"/>
  <c r="AE79350" i="1"/>
  <c r="AE79351" i="1"/>
  <c r="AE79352" i="1"/>
  <c r="AE79353" i="1"/>
  <c r="AE79354" i="1"/>
  <c r="AE79355" i="1"/>
  <c r="AE79356" i="1"/>
  <c r="AE79357" i="1"/>
  <c r="AE79358" i="1"/>
  <c r="AE79359" i="1"/>
  <c r="AE79360" i="1"/>
  <c r="AE79361" i="1"/>
  <c r="AE79362" i="1"/>
  <c r="AE79363" i="1"/>
  <c r="AE79364" i="1"/>
  <c r="AE79365" i="1"/>
  <c r="AE79366" i="1"/>
  <c r="AE79367" i="1"/>
  <c r="AE79368" i="1"/>
  <c r="AE79369" i="1"/>
  <c r="AE79370" i="1"/>
  <c r="AE79371" i="1"/>
  <c r="AE79372" i="1"/>
  <c r="AE79373" i="1"/>
  <c r="AE79374" i="1"/>
  <c r="AE79375" i="1"/>
  <c r="AE79376" i="1"/>
  <c r="AE79377" i="1"/>
  <c r="AE79378" i="1"/>
  <c r="AE79379" i="1"/>
  <c r="AE79380" i="1"/>
  <c r="AE79381" i="1"/>
  <c r="AE79382" i="1"/>
  <c r="AE79383" i="1"/>
  <c r="AE79384" i="1"/>
  <c r="AE79385" i="1"/>
  <c r="AE79386" i="1"/>
  <c r="AE79387" i="1"/>
  <c r="AE79388" i="1"/>
  <c r="AE79389" i="1"/>
  <c r="AE79390" i="1"/>
  <c r="AE79391" i="1"/>
  <c r="AE79392" i="1"/>
  <c r="AE79393" i="1"/>
  <c r="AE79394" i="1"/>
  <c r="AE79395" i="1"/>
  <c r="AE79396" i="1"/>
  <c r="AE79397" i="1"/>
  <c r="AE79398" i="1"/>
  <c r="AE79399" i="1"/>
  <c r="AE79400" i="1"/>
  <c r="AE79401" i="1"/>
  <c r="AE79402" i="1"/>
  <c r="AE79403" i="1"/>
  <c r="AE79404" i="1"/>
  <c r="AE79405" i="1"/>
  <c r="AE79406" i="1"/>
  <c r="AE79407" i="1"/>
  <c r="AE79408" i="1"/>
  <c r="AE79409" i="1"/>
  <c r="AE79410" i="1"/>
  <c r="AE79411" i="1"/>
  <c r="AE79412" i="1"/>
  <c r="AE79413" i="1"/>
  <c r="AE79414" i="1"/>
  <c r="AE79415" i="1"/>
  <c r="AE79416" i="1"/>
  <c r="AE79417" i="1"/>
  <c r="AE79418" i="1"/>
  <c r="AE79419" i="1"/>
  <c r="AE79420" i="1"/>
  <c r="AE79421" i="1"/>
  <c r="AE79422" i="1"/>
  <c r="AE79423" i="1"/>
  <c r="AE79424" i="1"/>
  <c r="AE79425" i="1"/>
  <c r="AE79426" i="1"/>
  <c r="AE79427" i="1"/>
  <c r="AE79428" i="1"/>
  <c r="AE79429" i="1"/>
  <c r="AE79430" i="1"/>
  <c r="AE79431" i="1"/>
  <c r="AE79432" i="1"/>
  <c r="AE79433" i="1"/>
  <c r="AE79434" i="1"/>
  <c r="AE79435" i="1"/>
  <c r="AE79436" i="1"/>
  <c r="AE79437" i="1"/>
  <c r="AE79438" i="1"/>
  <c r="AE79439" i="1"/>
  <c r="AE79440" i="1"/>
  <c r="AE79441" i="1"/>
  <c r="AE79442" i="1"/>
  <c r="AE79443" i="1"/>
  <c r="AE79444" i="1"/>
  <c r="AE79445" i="1"/>
  <c r="AE79446" i="1"/>
  <c r="AE79447" i="1"/>
  <c r="AE79448" i="1"/>
  <c r="AE79449" i="1"/>
  <c r="AE79450" i="1"/>
  <c r="AE79451" i="1"/>
  <c r="AE79452" i="1"/>
  <c r="AE79453" i="1"/>
  <c r="AE79454" i="1"/>
  <c r="AE79455" i="1"/>
  <c r="AE79456" i="1"/>
  <c r="AE79457" i="1"/>
  <c r="AE79458" i="1"/>
  <c r="AE79459" i="1"/>
  <c r="AE79460" i="1"/>
  <c r="AE79461" i="1"/>
  <c r="AE79462" i="1"/>
  <c r="AE79463" i="1"/>
  <c r="AE79464" i="1"/>
  <c r="AE79465" i="1"/>
  <c r="AE79466" i="1"/>
  <c r="AE79467" i="1"/>
  <c r="AE79468" i="1"/>
  <c r="AE79469" i="1"/>
  <c r="AE79470" i="1"/>
  <c r="AE79471" i="1"/>
  <c r="AE79472" i="1"/>
  <c r="AE79473" i="1"/>
  <c r="AE79474" i="1"/>
  <c r="AE79475" i="1"/>
  <c r="AE79476" i="1"/>
  <c r="AE79477" i="1"/>
  <c r="AE79478" i="1"/>
  <c r="AE79479" i="1"/>
  <c r="AE79480" i="1"/>
  <c r="AE79481" i="1"/>
  <c r="AE79482" i="1"/>
  <c r="AE79483" i="1"/>
  <c r="AE79484" i="1"/>
  <c r="AE79485" i="1"/>
  <c r="AE79486" i="1"/>
  <c r="AE79487" i="1"/>
  <c r="AE79488" i="1"/>
  <c r="AE79489" i="1"/>
  <c r="AE79490" i="1"/>
  <c r="AE79491" i="1"/>
  <c r="AE79492" i="1"/>
  <c r="AE79493" i="1"/>
  <c r="AE79494" i="1"/>
  <c r="AE79495" i="1"/>
  <c r="AE79496" i="1"/>
  <c r="AE79497" i="1"/>
  <c r="AE79498" i="1"/>
  <c r="AE79499" i="1"/>
  <c r="AE79500" i="1"/>
  <c r="AE79501" i="1"/>
  <c r="AE79502" i="1"/>
  <c r="AE79503" i="1"/>
  <c r="AE79504" i="1"/>
  <c r="AE79505" i="1"/>
  <c r="AE79506" i="1"/>
  <c r="AE79507" i="1"/>
  <c r="AE79508" i="1"/>
  <c r="AE79509" i="1"/>
  <c r="AE79510" i="1"/>
  <c r="AE79511" i="1"/>
  <c r="AE79512" i="1"/>
  <c r="AE79513" i="1"/>
  <c r="AE79514" i="1"/>
  <c r="AE79515" i="1"/>
  <c r="AE79516" i="1"/>
  <c r="AE79517" i="1"/>
  <c r="AE79518" i="1"/>
  <c r="AE79519" i="1"/>
  <c r="AE79520" i="1"/>
  <c r="AE79521" i="1"/>
  <c r="AE79522" i="1"/>
  <c r="AE79523" i="1"/>
  <c r="AE79524" i="1"/>
  <c r="AE79525" i="1"/>
  <c r="AE79526" i="1"/>
  <c r="AE79527" i="1"/>
  <c r="AE79528" i="1"/>
  <c r="AE79529" i="1"/>
  <c r="AE79530" i="1"/>
  <c r="AE79531" i="1"/>
  <c r="AE79532" i="1"/>
  <c r="AE79533" i="1"/>
  <c r="AE79534" i="1"/>
  <c r="AE79535" i="1"/>
  <c r="AE79536" i="1"/>
  <c r="AE79537" i="1"/>
  <c r="AE79538" i="1"/>
  <c r="AE79539" i="1"/>
  <c r="AE79540" i="1"/>
  <c r="AE79541" i="1"/>
  <c r="AE79542" i="1"/>
  <c r="AE79543" i="1"/>
  <c r="AE79544" i="1"/>
  <c r="AE79545" i="1"/>
  <c r="AE79546" i="1"/>
  <c r="AE79547" i="1"/>
  <c r="AE79548" i="1"/>
  <c r="AE79549" i="1"/>
  <c r="AE79550" i="1"/>
  <c r="AE79551" i="1"/>
  <c r="AE79552" i="1"/>
  <c r="AE79553" i="1"/>
  <c r="AE79554" i="1"/>
  <c r="AE79555" i="1"/>
  <c r="AE79556" i="1"/>
  <c r="AE79557" i="1"/>
  <c r="AE79558" i="1"/>
  <c r="AE79559" i="1"/>
  <c r="AE79560" i="1"/>
  <c r="AE79561" i="1"/>
  <c r="AE79562" i="1"/>
  <c r="AE79563" i="1"/>
  <c r="AE79564" i="1"/>
  <c r="AE79565" i="1"/>
  <c r="AE79566" i="1"/>
  <c r="AE79567" i="1"/>
  <c r="AE79568" i="1"/>
  <c r="AE79569" i="1"/>
  <c r="AE79570" i="1"/>
  <c r="AE79571" i="1"/>
  <c r="AE79572" i="1"/>
  <c r="AE79573" i="1"/>
  <c r="AE79574" i="1"/>
  <c r="AE79575" i="1"/>
  <c r="AE79576" i="1"/>
  <c r="AE79577" i="1"/>
  <c r="AE79578" i="1"/>
  <c r="AE79579" i="1"/>
  <c r="AE79580" i="1"/>
  <c r="AE79581" i="1"/>
  <c r="AE79582" i="1"/>
  <c r="AE79583" i="1"/>
  <c r="AE79584" i="1"/>
  <c r="AE79585" i="1"/>
  <c r="AE79586" i="1"/>
  <c r="AE79587" i="1"/>
  <c r="AE79588" i="1"/>
  <c r="AE79589" i="1"/>
  <c r="AE79590" i="1"/>
  <c r="AE79591" i="1"/>
  <c r="AE79592" i="1"/>
  <c r="AE79593" i="1"/>
  <c r="AE79594" i="1"/>
  <c r="AE79595" i="1"/>
  <c r="AE79596" i="1"/>
  <c r="AE79597" i="1"/>
  <c r="AE79598" i="1"/>
  <c r="AE79599" i="1"/>
  <c r="AE79600" i="1"/>
  <c r="AE79601" i="1"/>
  <c r="AE79602" i="1"/>
  <c r="AE79603" i="1"/>
  <c r="AE79604" i="1"/>
  <c r="AE79605" i="1"/>
  <c r="AE79606" i="1"/>
  <c r="AE79607" i="1"/>
  <c r="AE79608" i="1"/>
  <c r="AE79609" i="1"/>
  <c r="AE79610" i="1"/>
  <c r="AE79611" i="1"/>
  <c r="AE79612" i="1"/>
  <c r="AE79613" i="1"/>
  <c r="AE79614" i="1"/>
  <c r="AE79615" i="1"/>
  <c r="AE79616" i="1"/>
  <c r="AE79617" i="1"/>
  <c r="AE79618" i="1"/>
  <c r="AE79619" i="1"/>
  <c r="AE79620" i="1"/>
  <c r="AE79621" i="1"/>
  <c r="AE79622" i="1"/>
  <c r="AE79623" i="1"/>
  <c r="AE79624" i="1"/>
  <c r="AE79625" i="1"/>
  <c r="AE79626" i="1"/>
  <c r="AE79627" i="1"/>
  <c r="AE79628" i="1"/>
  <c r="AE79629" i="1"/>
  <c r="AE79630" i="1"/>
  <c r="AE79631" i="1"/>
  <c r="AE79632" i="1"/>
  <c r="AE79633" i="1"/>
  <c r="AE79634" i="1"/>
  <c r="AE79635" i="1"/>
  <c r="AE79636" i="1"/>
  <c r="AE79637" i="1"/>
  <c r="AE79638" i="1"/>
  <c r="AE79639" i="1"/>
  <c r="AE79640" i="1"/>
  <c r="AE79641" i="1"/>
  <c r="AE79642" i="1"/>
  <c r="AE79643" i="1"/>
  <c r="AE79644" i="1"/>
  <c r="AE79645" i="1"/>
  <c r="AE79646" i="1"/>
  <c r="AE79647" i="1"/>
  <c r="AE79648" i="1"/>
  <c r="AE79649" i="1"/>
  <c r="AE79650" i="1"/>
  <c r="AE79651" i="1"/>
  <c r="AE79652" i="1"/>
  <c r="AE79653" i="1"/>
  <c r="AE79654" i="1"/>
  <c r="AE79655" i="1"/>
  <c r="AE79656" i="1"/>
  <c r="AE79657" i="1"/>
  <c r="AE79658" i="1"/>
  <c r="AE79659" i="1"/>
  <c r="AE79660" i="1"/>
  <c r="AE79661" i="1"/>
  <c r="AE79662" i="1"/>
  <c r="AE79663" i="1"/>
  <c r="AE79664" i="1"/>
  <c r="AE79665" i="1"/>
  <c r="AE79666" i="1"/>
  <c r="AE79667" i="1"/>
  <c r="AE79668" i="1"/>
  <c r="AE79669" i="1"/>
  <c r="AE79670" i="1"/>
  <c r="AE79671" i="1"/>
  <c r="AE79672" i="1"/>
  <c r="AE79673" i="1"/>
  <c r="AE79674" i="1"/>
  <c r="AE79675" i="1"/>
  <c r="AE79676" i="1"/>
  <c r="AE79677" i="1"/>
  <c r="AE79678" i="1"/>
  <c r="AE79679" i="1"/>
  <c r="AE79680" i="1"/>
  <c r="AE79681" i="1"/>
  <c r="AE79682" i="1"/>
  <c r="AE79683" i="1"/>
  <c r="AE79684" i="1"/>
  <c r="AE79685" i="1"/>
  <c r="AE79686" i="1"/>
  <c r="AE79687" i="1"/>
  <c r="AE79688" i="1"/>
  <c r="AE79689" i="1"/>
  <c r="AE79690" i="1"/>
  <c r="AE79691" i="1"/>
  <c r="AE79692" i="1"/>
  <c r="AE79693" i="1"/>
  <c r="AE79694" i="1"/>
  <c r="AE79695" i="1"/>
  <c r="AE79696" i="1"/>
  <c r="AE79697" i="1"/>
  <c r="AE79698" i="1"/>
  <c r="AE79699" i="1"/>
  <c r="AE79700" i="1"/>
  <c r="AE79701" i="1"/>
  <c r="AE79702" i="1"/>
  <c r="AE79703" i="1"/>
  <c r="AE79704" i="1"/>
  <c r="AE79705" i="1"/>
  <c r="AE79706" i="1"/>
  <c r="AE79707" i="1"/>
  <c r="AE79708" i="1"/>
  <c r="AE79709" i="1"/>
  <c r="AE79710" i="1"/>
  <c r="AE79711" i="1"/>
  <c r="AE79712" i="1"/>
  <c r="AE79713" i="1"/>
  <c r="AE79714" i="1"/>
  <c r="AE79715" i="1"/>
  <c r="AE79716" i="1"/>
  <c r="AE79717" i="1"/>
  <c r="AE79718" i="1"/>
  <c r="AE79719" i="1"/>
  <c r="AE79720" i="1"/>
  <c r="AE79721" i="1"/>
  <c r="AE79722" i="1"/>
  <c r="AE79723" i="1"/>
  <c r="AE79724" i="1"/>
  <c r="AE79725" i="1"/>
  <c r="AE79726" i="1"/>
  <c r="AE79727" i="1"/>
  <c r="AE79728" i="1"/>
  <c r="AE79729" i="1"/>
  <c r="AE79730" i="1"/>
  <c r="AE79731" i="1"/>
  <c r="AE79732" i="1"/>
  <c r="AE79733" i="1"/>
  <c r="AE79734" i="1"/>
  <c r="AE79735" i="1"/>
  <c r="AE79736" i="1"/>
  <c r="AE79737" i="1"/>
  <c r="AE79738" i="1"/>
  <c r="AE79739" i="1"/>
  <c r="AE79740" i="1"/>
  <c r="AE79741" i="1"/>
  <c r="AE79742" i="1"/>
  <c r="AE79743" i="1"/>
  <c r="AE79744" i="1"/>
  <c r="AE79745" i="1"/>
  <c r="AE79746" i="1"/>
  <c r="AE79747" i="1"/>
  <c r="AE79748" i="1"/>
  <c r="AE79749" i="1"/>
  <c r="AE79750" i="1"/>
  <c r="AE79751" i="1"/>
  <c r="AE79752" i="1"/>
  <c r="AE79753" i="1"/>
  <c r="AE79754" i="1"/>
  <c r="AE79755" i="1"/>
  <c r="AE79756" i="1"/>
  <c r="AE79757" i="1"/>
  <c r="AE79758" i="1"/>
  <c r="AE79759" i="1"/>
  <c r="AE79760" i="1"/>
  <c r="AE79761" i="1"/>
  <c r="AE79762" i="1"/>
  <c r="AE79763" i="1"/>
  <c r="AE79764" i="1"/>
  <c r="AE79765" i="1"/>
  <c r="AE79766" i="1"/>
  <c r="AE79767" i="1"/>
  <c r="AE79768" i="1"/>
  <c r="AE79769" i="1"/>
  <c r="AE79770" i="1"/>
  <c r="AE79771" i="1"/>
  <c r="AE79772" i="1"/>
  <c r="AE79773" i="1"/>
  <c r="AE79774" i="1"/>
  <c r="AE79775" i="1"/>
  <c r="AE79776" i="1"/>
  <c r="AE79777" i="1"/>
  <c r="AE79778" i="1"/>
  <c r="AE79779" i="1"/>
  <c r="AE79780" i="1"/>
  <c r="AE79781" i="1"/>
  <c r="AE79782" i="1"/>
  <c r="AE79783" i="1"/>
  <c r="AE79784" i="1"/>
  <c r="AE79785" i="1"/>
  <c r="AE79786" i="1"/>
  <c r="AE79787" i="1"/>
  <c r="AE79788" i="1"/>
  <c r="AE79789" i="1"/>
  <c r="AE79790" i="1"/>
  <c r="AE79791" i="1"/>
  <c r="AE79792" i="1"/>
  <c r="AE79793" i="1"/>
  <c r="AE79794" i="1"/>
  <c r="AE79795" i="1"/>
  <c r="AE79796" i="1"/>
  <c r="AE79797" i="1"/>
  <c r="AE79798" i="1"/>
  <c r="AE79799" i="1"/>
  <c r="AE79800" i="1"/>
  <c r="AE79801" i="1"/>
  <c r="AE79802" i="1"/>
  <c r="AE79803" i="1"/>
  <c r="AE79804" i="1"/>
  <c r="AE79805" i="1"/>
  <c r="AE79806" i="1"/>
  <c r="AE79807" i="1"/>
  <c r="AE79808" i="1"/>
  <c r="AE79809" i="1"/>
  <c r="AE79810" i="1"/>
  <c r="AE79811" i="1"/>
  <c r="AE79812" i="1"/>
  <c r="AE79813" i="1"/>
  <c r="AE79814" i="1"/>
  <c r="AE79815" i="1"/>
  <c r="AE79816" i="1"/>
  <c r="AE79817" i="1"/>
  <c r="AE79818" i="1"/>
  <c r="AE79819" i="1"/>
  <c r="AE79820" i="1"/>
  <c r="AE79821" i="1"/>
  <c r="AE79822" i="1"/>
  <c r="AE79823" i="1"/>
  <c r="AE79824" i="1"/>
  <c r="AE79825" i="1"/>
  <c r="AE79826" i="1"/>
  <c r="AE79827" i="1"/>
  <c r="AE79828" i="1"/>
  <c r="AE79829" i="1"/>
  <c r="AE79830" i="1"/>
  <c r="AE79831" i="1"/>
  <c r="AE79832" i="1"/>
  <c r="AE79833" i="1"/>
  <c r="AE79834" i="1"/>
  <c r="AE79835" i="1"/>
  <c r="AE79836" i="1"/>
  <c r="AE79837" i="1"/>
  <c r="AE79838" i="1"/>
  <c r="AE79839" i="1"/>
  <c r="AE79840" i="1"/>
  <c r="AE79841" i="1"/>
  <c r="AE79842" i="1"/>
  <c r="AE79843" i="1"/>
  <c r="AE79844" i="1"/>
  <c r="AE79845" i="1"/>
  <c r="AE79846" i="1"/>
  <c r="AE79847" i="1"/>
  <c r="AE79848" i="1"/>
  <c r="AE79849" i="1"/>
  <c r="AE79850" i="1"/>
  <c r="AE79851" i="1"/>
  <c r="AE79852" i="1"/>
  <c r="AE79853" i="1"/>
  <c r="AE79854" i="1"/>
  <c r="AE79855" i="1"/>
  <c r="AE79856" i="1"/>
  <c r="AE79857" i="1"/>
  <c r="AE79858" i="1"/>
  <c r="AE79859" i="1"/>
  <c r="AE79860" i="1"/>
  <c r="AE79861" i="1"/>
  <c r="AE79862" i="1"/>
  <c r="AE79863" i="1"/>
  <c r="AE79864" i="1"/>
  <c r="AE79865" i="1"/>
  <c r="AE79866" i="1"/>
  <c r="AE79867" i="1"/>
  <c r="AE79868" i="1"/>
  <c r="AE79869" i="1"/>
  <c r="AE79870" i="1"/>
  <c r="AE79871" i="1"/>
  <c r="AE79872" i="1"/>
  <c r="AE79873" i="1"/>
  <c r="AE79874" i="1"/>
  <c r="AE79875" i="1"/>
  <c r="AE79876" i="1"/>
  <c r="AE79877" i="1"/>
  <c r="AE79878" i="1"/>
  <c r="AE79879" i="1"/>
  <c r="AE79880" i="1"/>
  <c r="AE79881" i="1"/>
  <c r="AE79882" i="1"/>
  <c r="AE79883" i="1"/>
  <c r="AE79884" i="1"/>
  <c r="AE79885" i="1"/>
  <c r="AE79886" i="1"/>
  <c r="AE79887" i="1"/>
  <c r="AE79888" i="1"/>
  <c r="AE79889" i="1"/>
  <c r="AE79890" i="1"/>
  <c r="AE79891" i="1"/>
  <c r="AE79892" i="1"/>
  <c r="AE79893" i="1"/>
  <c r="AE79894" i="1"/>
  <c r="AE79895" i="1"/>
  <c r="AE79896" i="1"/>
  <c r="AE79897" i="1"/>
  <c r="AE79898" i="1"/>
  <c r="AE79899" i="1"/>
  <c r="AE79900" i="1"/>
  <c r="AE79901" i="1"/>
  <c r="AE79902" i="1"/>
  <c r="AE79903" i="1"/>
  <c r="AE79904" i="1"/>
  <c r="AE79905" i="1"/>
  <c r="AE79906" i="1"/>
  <c r="AE79907" i="1"/>
  <c r="AE79908" i="1"/>
  <c r="AE79909" i="1"/>
  <c r="AE79910" i="1"/>
  <c r="AE79911" i="1"/>
  <c r="AE79912" i="1"/>
  <c r="AE79913" i="1"/>
  <c r="AE79914" i="1"/>
  <c r="AE79915" i="1"/>
  <c r="AE79916" i="1"/>
  <c r="AE79917" i="1"/>
  <c r="AE79918" i="1"/>
  <c r="AE79919" i="1"/>
  <c r="AE79920" i="1"/>
  <c r="AE79921" i="1"/>
  <c r="AE79922" i="1"/>
  <c r="AE79923" i="1"/>
  <c r="AE79924" i="1"/>
  <c r="AE79925" i="1"/>
  <c r="AE79926" i="1"/>
  <c r="AE79927" i="1"/>
  <c r="AE79928" i="1"/>
  <c r="AE79929" i="1"/>
  <c r="AE79930" i="1"/>
  <c r="AE79931" i="1"/>
  <c r="AE79932" i="1"/>
  <c r="AE79933" i="1"/>
  <c r="AE79934" i="1"/>
  <c r="AE79935" i="1"/>
  <c r="AE79936" i="1"/>
  <c r="AE79937" i="1"/>
  <c r="AE79938" i="1"/>
  <c r="AE79939" i="1"/>
  <c r="AE79940" i="1"/>
  <c r="AE79941" i="1"/>
  <c r="AE79942" i="1"/>
  <c r="AE79943" i="1"/>
  <c r="AE79944" i="1"/>
  <c r="AE79945" i="1"/>
  <c r="AE79946" i="1"/>
  <c r="AE79947" i="1"/>
  <c r="AE79948" i="1"/>
  <c r="AE79949" i="1"/>
  <c r="AE79950" i="1"/>
  <c r="AE79951" i="1"/>
  <c r="AE79952" i="1"/>
  <c r="AE79953" i="1"/>
  <c r="AE79954" i="1"/>
  <c r="AE79955" i="1"/>
  <c r="AE79956" i="1"/>
  <c r="AE79957" i="1"/>
  <c r="AE79958" i="1"/>
  <c r="AE79959" i="1"/>
  <c r="AE79960" i="1"/>
  <c r="AE79961" i="1"/>
  <c r="AE79962" i="1"/>
  <c r="AE79963" i="1"/>
  <c r="AE79964" i="1"/>
  <c r="AE79965" i="1"/>
  <c r="AE79966" i="1"/>
  <c r="AE79967" i="1"/>
  <c r="AE79968" i="1"/>
  <c r="AE79969" i="1"/>
  <c r="AE79970" i="1"/>
  <c r="AE79971" i="1"/>
  <c r="AE79972" i="1"/>
  <c r="AE79973" i="1"/>
  <c r="AE79974" i="1"/>
  <c r="AE79975" i="1"/>
  <c r="AE79976" i="1"/>
  <c r="AE79977" i="1"/>
  <c r="AE79978" i="1"/>
  <c r="AE79979" i="1"/>
  <c r="AE79980" i="1"/>
  <c r="AE79981" i="1"/>
  <c r="AE79982" i="1"/>
  <c r="AE79983" i="1"/>
  <c r="AE79984" i="1"/>
  <c r="AE79985" i="1"/>
  <c r="AE79986" i="1"/>
  <c r="AE79987" i="1"/>
  <c r="AE79988" i="1"/>
  <c r="AE79989" i="1"/>
  <c r="AE79990" i="1"/>
  <c r="AE79991" i="1"/>
  <c r="AE79992" i="1"/>
  <c r="AE79993" i="1"/>
  <c r="AE79994" i="1"/>
  <c r="AE79995" i="1"/>
  <c r="AE79996" i="1"/>
  <c r="AE79997" i="1"/>
  <c r="AE79998" i="1"/>
  <c r="AE79999" i="1"/>
  <c r="AE80000" i="1"/>
  <c r="AE80001" i="1"/>
  <c r="AE80002" i="1"/>
  <c r="AE80003" i="1"/>
  <c r="AE80004" i="1"/>
  <c r="AE80005" i="1"/>
  <c r="AE80006" i="1"/>
  <c r="AE80007" i="1"/>
  <c r="AE80008" i="1"/>
  <c r="AE80009" i="1"/>
  <c r="AE80010" i="1"/>
  <c r="AE80011" i="1"/>
  <c r="AE80012" i="1"/>
  <c r="AE80013" i="1"/>
  <c r="AE80014" i="1"/>
  <c r="AE80015" i="1"/>
  <c r="AE80016" i="1"/>
  <c r="AE80017" i="1"/>
  <c r="AE80018" i="1"/>
  <c r="AE80019" i="1"/>
  <c r="AE80020" i="1"/>
  <c r="AE80021" i="1"/>
  <c r="AE80022" i="1"/>
  <c r="AE80023" i="1"/>
  <c r="AE80024" i="1"/>
  <c r="AE80025" i="1"/>
  <c r="AE80026" i="1"/>
  <c r="AE80027" i="1"/>
  <c r="AE80028" i="1"/>
  <c r="AE80029" i="1"/>
  <c r="AE80030" i="1"/>
  <c r="AE80031" i="1"/>
  <c r="AE80032" i="1"/>
  <c r="AE80033" i="1"/>
  <c r="AE80034" i="1"/>
  <c r="AE80035" i="1"/>
  <c r="AE80036" i="1"/>
  <c r="AE80037" i="1"/>
  <c r="AE80038" i="1"/>
  <c r="AE80039" i="1"/>
  <c r="AE80040" i="1"/>
  <c r="AE80041" i="1"/>
  <c r="AE80042" i="1"/>
  <c r="AE80043" i="1"/>
  <c r="AE80044" i="1"/>
  <c r="AE80045" i="1"/>
  <c r="AE80046" i="1"/>
  <c r="AE80047" i="1"/>
  <c r="AE80048" i="1"/>
  <c r="AE80049" i="1"/>
  <c r="AE80050" i="1"/>
  <c r="AE80051" i="1"/>
  <c r="AE80052" i="1"/>
  <c r="AE80053" i="1"/>
  <c r="AE80054" i="1"/>
  <c r="AE80055" i="1"/>
  <c r="AE80056" i="1"/>
  <c r="AE80057" i="1"/>
  <c r="AE80058" i="1"/>
  <c r="AE80059" i="1"/>
  <c r="AE80060" i="1"/>
  <c r="AE80061" i="1"/>
  <c r="AE80062" i="1"/>
  <c r="AE80063" i="1"/>
  <c r="AE80064" i="1"/>
  <c r="AE80065" i="1"/>
  <c r="AE80066" i="1"/>
  <c r="AE80067" i="1"/>
  <c r="AE80068" i="1"/>
  <c r="AE80069" i="1"/>
  <c r="AE80070" i="1"/>
  <c r="AE80071" i="1"/>
  <c r="AE80072" i="1"/>
  <c r="AE80073" i="1"/>
  <c r="AE80074" i="1"/>
  <c r="AE80075" i="1"/>
  <c r="AE80076" i="1"/>
  <c r="AE80077" i="1"/>
  <c r="AE80078" i="1"/>
  <c r="AE80079" i="1"/>
  <c r="AE80080" i="1"/>
  <c r="AE80081" i="1"/>
  <c r="AE80082" i="1"/>
  <c r="AE80083" i="1"/>
  <c r="AE80084" i="1"/>
  <c r="AE80085" i="1"/>
  <c r="AE80086" i="1"/>
  <c r="AE80087" i="1"/>
  <c r="AE80088" i="1"/>
  <c r="AE80089" i="1"/>
  <c r="AE80090" i="1"/>
  <c r="AE80091" i="1"/>
  <c r="AE80092" i="1"/>
  <c r="AE80093" i="1"/>
  <c r="AE80094" i="1"/>
  <c r="AE80095" i="1"/>
  <c r="AE80096" i="1"/>
  <c r="AE80097" i="1"/>
  <c r="AE80098" i="1"/>
  <c r="AE80099" i="1"/>
  <c r="AE80100" i="1"/>
  <c r="AE80101" i="1"/>
  <c r="AE80102" i="1"/>
  <c r="AE80103" i="1"/>
  <c r="AE80104" i="1"/>
  <c r="AE80105" i="1"/>
  <c r="AE80106" i="1"/>
  <c r="AE80107" i="1"/>
  <c r="AE80108" i="1"/>
  <c r="AE80109" i="1"/>
  <c r="AE80110" i="1"/>
  <c r="AE80111" i="1"/>
  <c r="AE80112" i="1"/>
  <c r="AE80113" i="1"/>
  <c r="AE80114" i="1"/>
  <c r="AE80115" i="1"/>
  <c r="AE80116" i="1"/>
  <c r="AE80117" i="1"/>
  <c r="AE80118" i="1"/>
  <c r="AE80119" i="1"/>
  <c r="AE80120" i="1"/>
  <c r="AE80121" i="1"/>
  <c r="AE80122" i="1"/>
  <c r="AE80123" i="1"/>
  <c r="AE80124" i="1"/>
  <c r="AE80125" i="1"/>
  <c r="AE80126" i="1"/>
  <c r="AE80127" i="1"/>
  <c r="AE80128" i="1"/>
  <c r="AE80129" i="1"/>
  <c r="AE80130" i="1"/>
  <c r="AE80131" i="1"/>
  <c r="AE80132" i="1"/>
  <c r="AE80133" i="1"/>
  <c r="AE80134" i="1"/>
  <c r="AE80135" i="1"/>
  <c r="AE80136" i="1"/>
  <c r="AE80137" i="1"/>
  <c r="AE80138" i="1"/>
  <c r="AE80139" i="1"/>
  <c r="AE80140" i="1"/>
  <c r="AE80141" i="1"/>
  <c r="AE80142" i="1"/>
  <c r="AE80143" i="1"/>
  <c r="AE80144" i="1"/>
  <c r="AE80145" i="1"/>
  <c r="AE80146" i="1"/>
  <c r="AE80147" i="1"/>
  <c r="AE80148" i="1"/>
  <c r="AE80149" i="1"/>
  <c r="AE80150" i="1"/>
  <c r="AE80151" i="1"/>
  <c r="AE80152" i="1"/>
  <c r="AE80153" i="1"/>
  <c r="AE80154" i="1"/>
  <c r="AE80155" i="1"/>
  <c r="AE80156" i="1"/>
  <c r="AE80157" i="1"/>
  <c r="AE80158" i="1"/>
  <c r="AE80159" i="1"/>
  <c r="AE80160" i="1"/>
  <c r="AE80161" i="1"/>
  <c r="AE80162" i="1"/>
  <c r="AE80163" i="1"/>
  <c r="AE80164" i="1"/>
  <c r="AE80165" i="1"/>
  <c r="AE80166" i="1"/>
  <c r="AE80167" i="1"/>
  <c r="AE80168" i="1"/>
  <c r="AE80169" i="1"/>
  <c r="AE80170" i="1"/>
  <c r="AE80171" i="1"/>
  <c r="AE80172" i="1"/>
  <c r="AE80173" i="1"/>
  <c r="AE80174" i="1"/>
  <c r="AE80175" i="1"/>
  <c r="AE80176" i="1"/>
  <c r="AE80177" i="1"/>
  <c r="AE80178" i="1"/>
  <c r="AE80179" i="1"/>
  <c r="AE80180" i="1"/>
  <c r="AE80181" i="1"/>
  <c r="AE80182" i="1"/>
  <c r="AE80183" i="1"/>
  <c r="AE80184" i="1"/>
  <c r="AE80185" i="1"/>
  <c r="AE80186" i="1"/>
  <c r="AE80187" i="1"/>
  <c r="AE80188" i="1"/>
  <c r="AE80189" i="1"/>
  <c r="AE80190" i="1"/>
  <c r="AE80191" i="1"/>
  <c r="AE80192" i="1"/>
  <c r="AE80193" i="1"/>
  <c r="AE80194" i="1"/>
  <c r="AE80195" i="1"/>
  <c r="AE80196" i="1"/>
  <c r="AE80197" i="1"/>
  <c r="AE80198" i="1"/>
  <c r="AE80199" i="1"/>
  <c r="AE80200" i="1"/>
  <c r="AE80201" i="1"/>
  <c r="AE80202" i="1"/>
  <c r="AE80203" i="1"/>
  <c r="AE80204" i="1"/>
  <c r="AE80205" i="1"/>
  <c r="AE80206" i="1"/>
  <c r="AE80207" i="1"/>
  <c r="AE80208" i="1"/>
  <c r="AE80209" i="1"/>
  <c r="AE80210" i="1"/>
  <c r="AE80211" i="1"/>
  <c r="AE80212" i="1"/>
  <c r="AE80213" i="1"/>
  <c r="AE80214" i="1"/>
  <c r="AE80215" i="1"/>
  <c r="AE80216" i="1"/>
  <c r="AE80217" i="1"/>
  <c r="AE80218" i="1"/>
  <c r="AE80219" i="1"/>
  <c r="AE80220" i="1"/>
  <c r="AE80221" i="1"/>
  <c r="AE80222" i="1"/>
  <c r="AE80223" i="1"/>
  <c r="AE80224" i="1"/>
  <c r="AE80225" i="1"/>
  <c r="AE80226" i="1"/>
  <c r="AE80227" i="1"/>
  <c r="AE80228" i="1"/>
  <c r="AE80229" i="1"/>
  <c r="AE80230" i="1"/>
  <c r="AE80231" i="1"/>
  <c r="AE80232" i="1"/>
  <c r="AE80233" i="1"/>
  <c r="AE80234" i="1"/>
  <c r="AE80235" i="1"/>
  <c r="AE80236" i="1"/>
  <c r="AE80237" i="1"/>
  <c r="AE80238" i="1"/>
  <c r="AE80239" i="1"/>
  <c r="AE80240" i="1"/>
  <c r="AE80241" i="1"/>
  <c r="AE80242" i="1"/>
  <c r="AE80243" i="1"/>
  <c r="AE80244" i="1"/>
  <c r="AE80245" i="1"/>
  <c r="AE80246" i="1"/>
  <c r="AE80247" i="1"/>
  <c r="AE80248" i="1"/>
  <c r="AE80249" i="1"/>
  <c r="AE80250" i="1"/>
  <c r="AE80251" i="1"/>
  <c r="AE80252" i="1"/>
  <c r="AE80253" i="1"/>
  <c r="AE80254" i="1"/>
  <c r="AE80255" i="1"/>
  <c r="AE80256" i="1"/>
  <c r="AE80257" i="1"/>
  <c r="AE80258" i="1"/>
  <c r="AE80259" i="1"/>
  <c r="AE80260" i="1"/>
  <c r="AE80261" i="1"/>
  <c r="AE80262" i="1"/>
  <c r="AE80263" i="1"/>
  <c r="AE80264" i="1"/>
  <c r="AE80265" i="1"/>
  <c r="AE80266" i="1"/>
  <c r="AE80267" i="1"/>
  <c r="AE80268" i="1"/>
  <c r="AE80269" i="1"/>
  <c r="AE80270" i="1"/>
  <c r="AE80271" i="1"/>
  <c r="AE80272" i="1"/>
  <c r="AE80273" i="1"/>
  <c r="AE80274" i="1"/>
  <c r="AE80275" i="1"/>
  <c r="AE80276" i="1"/>
  <c r="AE80277" i="1"/>
  <c r="AE80278" i="1"/>
  <c r="AE80279" i="1"/>
  <c r="AE80280" i="1"/>
  <c r="AE80281" i="1"/>
  <c r="AE80282" i="1"/>
  <c r="AE80283" i="1"/>
  <c r="AE80284" i="1"/>
  <c r="AE80285" i="1"/>
  <c r="AE80286" i="1"/>
  <c r="AE80287" i="1"/>
  <c r="AE80288" i="1"/>
  <c r="AE80289" i="1"/>
  <c r="AE80290" i="1"/>
  <c r="AE80291" i="1"/>
  <c r="AE80292" i="1"/>
  <c r="AE80293" i="1"/>
  <c r="AE80294" i="1"/>
  <c r="AE80295" i="1"/>
  <c r="AE80296" i="1"/>
  <c r="AE80297" i="1"/>
  <c r="AE80298" i="1"/>
  <c r="AE80299" i="1"/>
  <c r="AE80300" i="1"/>
  <c r="AE80301" i="1"/>
  <c r="AE80302" i="1"/>
  <c r="AE80303" i="1"/>
  <c r="AE80304" i="1"/>
  <c r="AE80305" i="1"/>
  <c r="AE80306" i="1"/>
  <c r="AE80307" i="1"/>
  <c r="AE80308" i="1"/>
  <c r="AE80309" i="1"/>
  <c r="AE80310" i="1"/>
  <c r="AE80311" i="1"/>
  <c r="AE80312" i="1"/>
  <c r="AE80313" i="1"/>
  <c r="AE80314" i="1"/>
  <c r="AE80315" i="1"/>
  <c r="AE80316" i="1"/>
  <c r="AE80317" i="1"/>
  <c r="AE80318" i="1"/>
  <c r="AE80319" i="1"/>
  <c r="AE80320" i="1"/>
  <c r="AE80321" i="1"/>
  <c r="AE80322" i="1"/>
  <c r="AE80323" i="1"/>
  <c r="AE80324" i="1"/>
  <c r="AE80325" i="1"/>
  <c r="AE80326" i="1"/>
  <c r="AE80327" i="1"/>
  <c r="AE80328" i="1"/>
  <c r="AE80329" i="1"/>
  <c r="AE80330" i="1"/>
  <c r="AE80331" i="1"/>
  <c r="AE80332" i="1"/>
  <c r="AE80333" i="1"/>
  <c r="AE80334" i="1"/>
  <c r="AE80335" i="1"/>
  <c r="AE80336" i="1"/>
  <c r="AE80337" i="1"/>
  <c r="AE80338" i="1"/>
  <c r="AE80339" i="1"/>
  <c r="AE80340" i="1"/>
  <c r="AE80341" i="1"/>
  <c r="AE80342" i="1"/>
  <c r="AE80343" i="1"/>
  <c r="AE80344" i="1"/>
  <c r="AE80345" i="1"/>
  <c r="AE80346" i="1"/>
  <c r="AE80347" i="1"/>
  <c r="AE80348" i="1"/>
  <c r="AE80349" i="1"/>
  <c r="AE80350" i="1"/>
  <c r="AE80351" i="1"/>
  <c r="AE80352" i="1"/>
  <c r="AE80353" i="1"/>
  <c r="AE80354" i="1"/>
  <c r="AE80355" i="1"/>
  <c r="AE80356" i="1"/>
  <c r="AE80357" i="1"/>
  <c r="AE80358" i="1"/>
  <c r="AE80359" i="1"/>
  <c r="AE80360" i="1"/>
  <c r="AE80361" i="1"/>
  <c r="AE80362" i="1"/>
  <c r="AE80363" i="1"/>
  <c r="AE80364" i="1"/>
  <c r="AE80365" i="1"/>
  <c r="AE80366" i="1"/>
  <c r="AE80367" i="1"/>
  <c r="AE80368" i="1"/>
  <c r="AE80369" i="1"/>
  <c r="AE80370" i="1"/>
  <c r="AE80371" i="1"/>
  <c r="AE80372" i="1"/>
  <c r="AE80373" i="1"/>
  <c r="AE80374" i="1"/>
  <c r="AE80375" i="1"/>
  <c r="AE80376" i="1"/>
  <c r="AE80377" i="1"/>
  <c r="AE80378" i="1"/>
  <c r="AE80379" i="1"/>
  <c r="AE80380" i="1"/>
  <c r="AE80381" i="1"/>
  <c r="AE80382" i="1"/>
  <c r="AE80383" i="1"/>
  <c r="AE80384" i="1"/>
  <c r="AE80385" i="1"/>
  <c r="AE80386" i="1"/>
  <c r="AE80387" i="1"/>
  <c r="AE80388" i="1"/>
  <c r="AE80389" i="1"/>
  <c r="AE80390" i="1"/>
  <c r="AE80391" i="1"/>
  <c r="AE80392" i="1"/>
  <c r="AE80393" i="1"/>
  <c r="AE80394" i="1"/>
  <c r="AE80395" i="1"/>
  <c r="AE80396" i="1"/>
  <c r="AE80397" i="1"/>
  <c r="AE80398" i="1"/>
  <c r="AE80399" i="1"/>
  <c r="AE80400" i="1"/>
  <c r="AE80401" i="1"/>
  <c r="AE80402" i="1"/>
  <c r="AE80403" i="1"/>
  <c r="AE80404" i="1"/>
  <c r="AE80405" i="1"/>
  <c r="AE80406" i="1"/>
  <c r="AE80407" i="1"/>
  <c r="AE80408" i="1"/>
  <c r="AE80409" i="1"/>
  <c r="AE80410" i="1"/>
  <c r="AE80411" i="1"/>
  <c r="AE80412" i="1"/>
  <c r="AE80413" i="1"/>
  <c r="AE80414" i="1"/>
  <c r="AE80415" i="1"/>
  <c r="AE80416" i="1"/>
  <c r="AE80417" i="1"/>
  <c r="AE80418" i="1"/>
  <c r="AE80419" i="1"/>
  <c r="AE80420" i="1"/>
  <c r="AE80421" i="1"/>
  <c r="AE80422" i="1"/>
  <c r="AE80423" i="1"/>
  <c r="AE80424" i="1"/>
  <c r="AE80425" i="1"/>
  <c r="AE80426" i="1"/>
  <c r="AE80427" i="1"/>
  <c r="AE80428" i="1"/>
  <c r="AE80429" i="1"/>
  <c r="AE80430" i="1"/>
  <c r="AE80431" i="1"/>
  <c r="AE80432" i="1"/>
  <c r="AE80433" i="1"/>
  <c r="AE80434" i="1"/>
  <c r="AE80435" i="1"/>
  <c r="AE80436" i="1"/>
  <c r="AE80437" i="1"/>
  <c r="AE80438" i="1"/>
  <c r="AE80439" i="1"/>
  <c r="AE80440" i="1"/>
  <c r="AE80441" i="1"/>
  <c r="AE80442" i="1"/>
  <c r="AE80443" i="1"/>
  <c r="AE80444" i="1"/>
  <c r="AE80445" i="1"/>
  <c r="AE80446" i="1"/>
  <c r="AE80447" i="1"/>
  <c r="AE80448" i="1"/>
  <c r="AE80449" i="1"/>
  <c r="AE80450" i="1"/>
  <c r="AE80451" i="1"/>
  <c r="AE80452" i="1"/>
  <c r="AE80453" i="1"/>
  <c r="AE80454" i="1"/>
  <c r="AE80455" i="1"/>
  <c r="AE80456" i="1"/>
  <c r="AE80457" i="1"/>
  <c r="AE80458" i="1"/>
  <c r="AE80459" i="1"/>
  <c r="AE80460" i="1"/>
  <c r="AE80461" i="1"/>
  <c r="AE80462" i="1"/>
  <c r="AE80463" i="1"/>
  <c r="AE80464" i="1"/>
  <c r="AE80465" i="1"/>
  <c r="AE80466" i="1"/>
  <c r="AE80467" i="1"/>
  <c r="AE80468" i="1"/>
  <c r="AE80469" i="1"/>
  <c r="AE80470" i="1"/>
  <c r="AE80471" i="1"/>
  <c r="AE80472" i="1"/>
  <c r="AE80473" i="1"/>
  <c r="AE80474" i="1"/>
  <c r="AE80475" i="1"/>
  <c r="AE80476" i="1"/>
  <c r="AE80477" i="1"/>
  <c r="AE80478" i="1"/>
  <c r="AE80479" i="1"/>
  <c r="AE80480" i="1"/>
  <c r="AE80481" i="1"/>
  <c r="AE80482" i="1"/>
  <c r="AE80483" i="1"/>
  <c r="AE80484" i="1"/>
  <c r="AE80485" i="1"/>
  <c r="AE80486" i="1"/>
  <c r="AE80487" i="1"/>
  <c r="AE80488" i="1"/>
  <c r="AE80489" i="1"/>
  <c r="AE80490" i="1"/>
  <c r="AE80491" i="1"/>
  <c r="AE80492" i="1"/>
  <c r="AE80493" i="1"/>
  <c r="AE80494" i="1"/>
  <c r="AE80495" i="1"/>
  <c r="AE80496" i="1"/>
  <c r="AE80497" i="1"/>
  <c r="AE80498" i="1"/>
  <c r="AE80499" i="1"/>
  <c r="AE80500" i="1"/>
  <c r="AE80501" i="1"/>
  <c r="AE80502" i="1"/>
  <c r="AE80503" i="1"/>
  <c r="AE80504" i="1"/>
  <c r="AE80505" i="1"/>
  <c r="AE80506" i="1"/>
  <c r="AE80507" i="1"/>
  <c r="AE80508" i="1"/>
  <c r="AE80509" i="1"/>
  <c r="AE80510" i="1"/>
  <c r="AE80511" i="1"/>
  <c r="AE80512" i="1"/>
  <c r="AE80513" i="1"/>
  <c r="AE80514" i="1"/>
  <c r="AE80515" i="1"/>
  <c r="AE80516" i="1"/>
  <c r="AE80517" i="1"/>
  <c r="AE80518" i="1"/>
  <c r="AE80519" i="1"/>
  <c r="AE80520" i="1"/>
  <c r="AE80521" i="1"/>
  <c r="AE80522" i="1"/>
  <c r="AE80523" i="1"/>
  <c r="AE80524" i="1"/>
  <c r="AE80525" i="1"/>
  <c r="AE80526" i="1"/>
  <c r="AE80527" i="1"/>
  <c r="AE80528" i="1"/>
  <c r="AE80529" i="1"/>
  <c r="AE80530" i="1"/>
  <c r="AE80531" i="1"/>
  <c r="AE80532" i="1"/>
  <c r="AE80533" i="1"/>
  <c r="AE80534" i="1"/>
  <c r="AE80535" i="1"/>
  <c r="AE80536" i="1"/>
  <c r="AE80537" i="1"/>
  <c r="AE80538" i="1"/>
  <c r="AE80539" i="1"/>
  <c r="AE80540" i="1"/>
  <c r="AE80541" i="1"/>
  <c r="AE80542" i="1"/>
  <c r="AE80543" i="1"/>
  <c r="AE80544" i="1"/>
  <c r="AE80545" i="1"/>
  <c r="AE80546" i="1"/>
  <c r="AE80547" i="1"/>
  <c r="AE80548" i="1"/>
  <c r="AE80549" i="1"/>
  <c r="AE80550" i="1"/>
  <c r="AE80551" i="1"/>
  <c r="AE80552" i="1"/>
  <c r="AE80553" i="1"/>
  <c r="AE80554" i="1"/>
  <c r="AE80555" i="1"/>
  <c r="AE80556" i="1"/>
  <c r="AE80557" i="1"/>
  <c r="AE80558" i="1"/>
  <c r="AE80559" i="1"/>
  <c r="AE80560" i="1"/>
  <c r="AE80561" i="1"/>
  <c r="AE80562" i="1"/>
  <c r="AE80563" i="1"/>
  <c r="AE80564" i="1"/>
  <c r="AE80565" i="1"/>
  <c r="AE80566" i="1"/>
  <c r="AE80567" i="1"/>
  <c r="AE80568" i="1"/>
  <c r="AE80569" i="1"/>
  <c r="AE80570" i="1"/>
  <c r="AE80571" i="1"/>
  <c r="AE80572" i="1"/>
  <c r="AE80573" i="1"/>
  <c r="AE80574" i="1"/>
  <c r="AE80575" i="1"/>
  <c r="AE80576" i="1"/>
  <c r="AE80577" i="1"/>
  <c r="AE80578" i="1"/>
  <c r="AE80579" i="1"/>
  <c r="AE80580" i="1"/>
  <c r="AE80581" i="1"/>
  <c r="AE80582" i="1"/>
  <c r="AE80583" i="1"/>
  <c r="AE80584" i="1"/>
  <c r="AE80585" i="1"/>
  <c r="AE80586" i="1"/>
  <c r="AE80587" i="1"/>
  <c r="AE80588" i="1"/>
  <c r="AE80589" i="1"/>
  <c r="AE80590" i="1"/>
  <c r="AE80591" i="1"/>
  <c r="AE80592" i="1"/>
  <c r="AE80593" i="1"/>
  <c r="AE80594" i="1"/>
  <c r="AE80595" i="1"/>
  <c r="AE80596" i="1"/>
  <c r="AE80597" i="1"/>
  <c r="AE80598" i="1"/>
  <c r="AE80599" i="1"/>
  <c r="AE80600" i="1"/>
  <c r="AE80601" i="1"/>
  <c r="AE80602" i="1"/>
  <c r="AE80603" i="1"/>
  <c r="AE80604" i="1"/>
  <c r="AE80605" i="1"/>
  <c r="AE80606" i="1"/>
  <c r="AE80607" i="1"/>
  <c r="AE80608" i="1"/>
  <c r="AE80609" i="1"/>
  <c r="AE80610" i="1"/>
  <c r="AE80611" i="1"/>
  <c r="AE80612" i="1"/>
  <c r="AE80613" i="1"/>
  <c r="AE80614" i="1"/>
  <c r="AE80615" i="1"/>
  <c r="AE80616" i="1"/>
  <c r="AE80617" i="1"/>
  <c r="AE80618" i="1"/>
  <c r="AE80619" i="1"/>
  <c r="AE80620" i="1"/>
  <c r="AE80621" i="1"/>
  <c r="AE80622" i="1"/>
  <c r="AE80623" i="1"/>
  <c r="AE80624" i="1"/>
  <c r="AE80625" i="1"/>
  <c r="AE80626" i="1"/>
  <c r="AE80627" i="1"/>
  <c r="AE80628" i="1"/>
  <c r="AE80629" i="1"/>
  <c r="AE80630" i="1"/>
  <c r="AE80631" i="1"/>
  <c r="AE80632" i="1"/>
  <c r="AE80633" i="1"/>
  <c r="AE80634" i="1"/>
  <c r="AE80635" i="1"/>
  <c r="AE80636" i="1"/>
  <c r="AE80637" i="1"/>
  <c r="AE80638" i="1"/>
  <c r="AE80639" i="1"/>
  <c r="AE80640" i="1"/>
  <c r="AE80641" i="1"/>
  <c r="AE80642" i="1"/>
  <c r="AE80643" i="1"/>
  <c r="AE80644" i="1"/>
  <c r="AE80645" i="1"/>
  <c r="AE80646" i="1"/>
  <c r="AE80647" i="1"/>
  <c r="AE80648" i="1"/>
  <c r="AE80649" i="1"/>
  <c r="AE80650" i="1"/>
  <c r="AE80651" i="1"/>
  <c r="AE80652" i="1"/>
  <c r="AE80653" i="1"/>
  <c r="AE80654" i="1"/>
  <c r="AE80655" i="1"/>
  <c r="AE80656" i="1"/>
  <c r="AE80657" i="1"/>
  <c r="AE80658" i="1"/>
  <c r="AE80659" i="1"/>
  <c r="AE80660" i="1"/>
  <c r="AE80661" i="1"/>
  <c r="AE80662" i="1"/>
  <c r="AE80663" i="1"/>
  <c r="AE80664" i="1"/>
  <c r="AE80665" i="1"/>
  <c r="AE80666" i="1"/>
  <c r="AE80667" i="1"/>
  <c r="AE80668" i="1"/>
  <c r="AE80669" i="1"/>
  <c r="AE80670" i="1"/>
  <c r="AE80671" i="1"/>
  <c r="AE80672" i="1"/>
  <c r="AE80673" i="1"/>
  <c r="AE80674" i="1"/>
  <c r="AE80675" i="1"/>
  <c r="AE80676" i="1"/>
  <c r="AE80677" i="1"/>
  <c r="AE80678" i="1"/>
  <c r="AE80679" i="1"/>
  <c r="AE80680" i="1"/>
  <c r="AE80681" i="1"/>
  <c r="AE80682" i="1"/>
  <c r="AE80683" i="1"/>
  <c r="AE80684" i="1"/>
  <c r="AE80685" i="1"/>
  <c r="AE80686" i="1"/>
  <c r="AE80687" i="1"/>
  <c r="AE80688" i="1"/>
  <c r="AE80689" i="1"/>
  <c r="AE80690" i="1"/>
  <c r="AE80691" i="1"/>
  <c r="AE80692" i="1"/>
  <c r="AE80693" i="1"/>
  <c r="AE80694" i="1"/>
  <c r="AE80695" i="1"/>
  <c r="AE80696" i="1"/>
  <c r="AE80697" i="1"/>
  <c r="AE80698" i="1"/>
  <c r="AE80699" i="1"/>
  <c r="AE80700" i="1"/>
  <c r="AE80701" i="1"/>
  <c r="AE80702" i="1"/>
  <c r="AE80703" i="1"/>
  <c r="AE80704" i="1"/>
  <c r="AE80705" i="1"/>
  <c r="AE80706" i="1"/>
  <c r="AE80707" i="1"/>
  <c r="AE80708" i="1"/>
  <c r="AE80709" i="1"/>
  <c r="AE80710" i="1"/>
  <c r="AE80711" i="1"/>
  <c r="AE80712" i="1"/>
  <c r="AE80713" i="1"/>
  <c r="AE80714" i="1"/>
  <c r="AE80715" i="1"/>
  <c r="AE80716" i="1"/>
  <c r="AE80717" i="1"/>
  <c r="AE80718" i="1"/>
  <c r="AE80719" i="1"/>
  <c r="AE80720" i="1"/>
  <c r="AE80721" i="1"/>
  <c r="AE80722" i="1"/>
  <c r="AE80723" i="1"/>
  <c r="AE80724" i="1"/>
  <c r="AE80725" i="1"/>
  <c r="AE80726" i="1"/>
  <c r="AE80727" i="1"/>
  <c r="AE80728" i="1"/>
  <c r="AE80729" i="1"/>
  <c r="AE80730" i="1"/>
  <c r="AE80731" i="1"/>
  <c r="AE80732" i="1"/>
  <c r="AE80733" i="1"/>
  <c r="AE80734" i="1"/>
  <c r="AE80735" i="1"/>
  <c r="AE80736" i="1"/>
  <c r="AE80737" i="1"/>
  <c r="AE80738" i="1"/>
  <c r="AE80739" i="1"/>
  <c r="AE80740" i="1"/>
  <c r="AE80741" i="1"/>
  <c r="AE80742" i="1"/>
  <c r="AE80743" i="1"/>
  <c r="AE80744" i="1"/>
  <c r="AE80745" i="1"/>
  <c r="AE80746" i="1"/>
  <c r="AE80747" i="1"/>
  <c r="AE80748" i="1"/>
  <c r="AE80749" i="1"/>
  <c r="AE80750" i="1"/>
  <c r="AE80751" i="1"/>
  <c r="AE80752" i="1"/>
  <c r="AE80753" i="1"/>
  <c r="AE80754" i="1"/>
  <c r="AE80755" i="1"/>
  <c r="AE80756" i="1"/>
  <c r="AE80757" i="1"/>
  <c r="AE80758" i="1"/>
  <c r="AE80759" i="1"/>
  <c r="AE80760" i="1"/>
  <c r="AE80761" i="1"/>
  <c r="AE80762" i="1"/>
  <c r="AE80763" i="1"/>
  <c r="AE80764" i="1"/>
  <c r="AE80765" i="1"/>
  <c r="AE80766" i="1"/>
  <c r="AE80767" i="1"/>
  <c r="AE80768" i="1"/>
  <c r="AE80769" i="1"/>
  <c r="AE80770" i="1"/>
  <c r="AE80771" i="1"/>
  <c r="AE80772" i="1"/>
  <c r="AE80773" i="1"/>
  <c r="AE80774" i="1"/>
  <c r="AE80775" i="1"/>
  <c r="AE80776" i="1"/>
  <c r="AE80777" i="1"/>
  <c r="AE80778" i="1"/>
  <c r="AE80779" i="1"/>
  <c r="AE80780" i="1"/>
  <c r="AE80781" i="1"/>
  <c r="AE80782" i="1"/>
  <c r="AE80783" i="1"/>
  <c r="AE80784" i="1"/>
  <c r="AE80785" i="1"/>
  <c r="AE80786" i="1"/>
  <c r="AE80787" i="1"/>
  <c r="AE80788" i="1"/>
  <c r="AE80789" i="1"/>
  <c r="AE80790" i="1"/>
  <c r="AE80791" i="1"/>
  <c r="AE80792" i="1"/>
  <c r="AE80793" i="1"/>
  <c r="AE80794" i="1"/>
  <c r="AE80795" i="1"/>
  <c r="AE80796" i="1"/>
  <c r="AE80797" i="1"/>
  <c r="AE80798" i="1"/>
  <c r="AE80799" i="1"/>
  <c r="AE80800" i="1"/>
  <c r="AE80801" i="1"/>
  <c r="AE80802" i="1"/>
  <c r="AE80803" i="1"/>
  <c r="AE80804" i="1"/>
  <c r="AE80805" i="1"/>
  <c r="AE80806" i="1"/>
  <c r="AE80807" i="1"/>
  <c r="AE80808" i="1"/>
  <c r="AE80809" i="1"/>
  <c r="AE80810" i="1"/>
  <c r="AE80811" i="1"/>
  <c r="AE80812" i="1"/>
  <c r="AE80813" i="1"/>
  <c r="AE80814" i="1"/>
  <c r="AE80815" i="1"/>
  <c r="AE80816" i="1"/>
  <c r="AE80817" i="1"/>
  <c r="AE80818" i="1"/>
  <c r="AE80819" i="1"/>
  <c r="AE80820" i="1"/>
  <c r="AE80821" i="1"/>
  <c r="AE80822" i="1"/>
  <c r="AE80823" i="1"/>
  <c r="AE80824" i="1"/>
  <c r="AE80825" i="1"/>
  <c r="AE80826" i="1"/>
  <c r="AE80827" i="1"/>
  <c r="AE80828" i="1"/>
  <c r="AE80829" i="1"/>
  <c r="AE80830" i="1"/>
  <c r="AE80831" i="1"/>
  <c r="AE80832" i="1"/>
  <c r="AE80833" i="1"/>
  <c r="AE80834" i="1"/>
  <c r="AE80835" i="1"/>
  <c r="AE80836" i="1"/>
  <c r="AE80837" i="1"/>
  <c r="AE80838" i="1"/>
  <c r="AE80839" i="1"/>
  <c r="AE80840" i="1"/>
  <c r="AE80841" i="1"/>
  <c r="AE80842" i="1"/>
  <c r="AE80843" i="1"/>
  <c r="AE80844" i="1"/>
  <c r="AE80845" i="1"/>
  <c r="AE80846" i="1"/>
  <c r="AE80847" i="1"/>
  <c r="AE80848" i="1"/>
  <c r="AE80849" i="1"/>
  <c r="AE80850" i="1"/>
  <c r="AE80851" i="1"/>
  <c r="AE80852" i="1"/>
  <c r="AE80853" i="1"/>
  <c r="AE80854" i="1"/>
  <c r="AE80855" i="1"/>
  <c r="AE80856" i="1"/>
  <c r="AE80857" i="1"/>
  <c r="AE80858" i="1"/>
  <c r="AE80859" i="1"/>
  <c r="AE80860" i="1"/>
  <c r="AE80861" i="1"/>
  <c r="AE80862" i="1"/>
  <c r="AE80863" i="1"/>
  <c r="AE80864" i="1"/>
  <c r="AE80865" i="1"/>
  <c r="AE80866" i="1"/>
  <c r="AE80867" i="1"/>
  <c r="AE80868" i="1"/>
  <c r="AE80869" i="1"/>
  <c r="AE80870" i="1"/>
  <c r="AE80871" i="1"/>
  <c r="AE80872" i="1"/>
  <c r="AE80873" i="1"/>
  <c r="AE80874" i="1"/>
  <c r="AE80875" i="1"/>
  <c r="AE80876" i="1"/>
  <c r="AE80877" i="1"/>
  <c r="AE80878" i="1"/>
  <c r="AE80879" i="1"/>
  <c r="AE80880" i="1"/>
  <c r="AE80881" i="1"/>
  <c r="AE80882" i="1"/>
  <c r="AE80883" i="1"/>
  <c r="AE80884" i="1"/>
  <c r="AE80885" i="1"/>
  <c r="AE80886" i="1"/>
  <c r="AE80887" i="1"/>
  <c r="AE80888" i="1"/>
  <c r="AE80889" i="1"/>
  <c r="AE80890" i="1"/>
  <c r="AE80891" i="1"/>
  <c r="AE80892" i="1"/>
  <c r="AE80893" i="1"/>
  <c r="AE80894" i="1"/>
  <c r="AE80895" i="1"/>
  <c r="AE80896" i="1"/>
  <c r="AE80897" i="1"/>
  <c r="AE80898" i="1"/>
  <c r="AE80899" i="1"/>
  <c r="AE80900" i="1"/>
  <c r="AE80901" i="1"/>
  <c r="AE80902" i="1"/>
  <c r="AE80903" i="1"/>
  <c r="AE80904" i="1"/>
  <c r="AE80905" i="1"/>
  <c r="AE80906" i="1"/>
  <c r="AE80907" i="1"/>
  <c r="AE80908" i="1"/>
  <c r="AE80909" i="1"/>
  <c r="AE80910" i="1"/>
  <c r="AE80911" i="1"/>
  <c r="AE80912" i="1"/>
  <c r="AE80913" i="1"/>
  <c r="AE80914" i="1"/>
  <c r="AE80915" i="1"/>
  <c r="AE80916" i="1"/>
  <c r="AE80917" i="1"/>
  <c r="AE80918" i="1"/>
  <c r="AE80919" i="1"/>
  <c r="AE80920" i="1"/>
  <c r="AE80921" i="1"/>
  <c r="AE80922" i="1"/>
  <c r="AE80923" i="1"/>
  <c r="AE80924" i="1"/>
  <c r="AE80925" i="1"/>
  <c r="AE80926" i="1"/>
  <c r="AE80927" i="1"/>
  <c r="AE80928" i="1"/>
  <c r="AE80929" i="1"/>
  <c r="AE80930" i="1"/>
  <c r="AE80931" i="1"/>
  <c r="AE80932" i="1"/>
  <c r="AE80933" i="1"/>
  <c r="AE80934" i="1"/>
  <c r="AE80935" i="1"/>
  <c r="AE80936" i="1"/>
  <c r="AE80937" i="1"/>
  <c r="AE80938" i="1"/>
  <c r="AE80939" i="1"/>
  <c r="AE80940" i="1"/>
  <c r="AE80941" i="1"/>
  <c r="AE80942" i="1"/>
  <c r="AE80943" i="1"/>
  <c r="AE80944" i="1"/>
  <c r="AE80945" i="1"/>
  <c r="AE80946" i="1"/>
  <c r="AE80947" i="1"/>
  <c r="AE80948" i="1"/>
  <c r="AE80949" i="1"/>
  <c r="AE80950" i="1"/>
  <c r="AE80951" i="1"/>
  <c r="AE80952" i="1"/>
  <c r="AE80953" i="1"/>
  <c r="AE80954" i="1"/>
  <c r="AE80955" i="1"/>
  <c r="AE80956" i="1"/>
  <c r="AE80957" i="1"/>
  <c r="AE80958" i="1"/>
  <c r="AE80959" i="1"/>
  <c r="AE80960" i="1"/>
  <c r="AE80961" i="1"/>
  <c r="AE80962" i="1"/>
  <c r="AE80963" i="1"/>
  <c r="AE80964" i="1"/>
  <c r="AE80965" i="1"/>
  <c r="AE80966" i="1"/>
  <c r="AE80967" i="1"/>
  <c r="AE80968" i="1"/>
  <c r="AE80969" i="1"/>
  <c r="AE80970" i="1"/>
  <c r="AE80971" i="1"/>
  <c r="AE80972" i="1"/>
  <c r="AE80973" i="1"/>
  <c r="AE80974" i="1"/>
  <c r="AE80975" i="1"/>
  <c r="AE80976" i="1"/>
  <c r="AE80977" i="1"/>
  <c r="AE80978" i="1"/>
  <c r="AE80979" i="1"/>
  <c r="AE80980" i="1"/>
  <c r="AE80981" i="1"/>
  <c r="AE80982" i="1"/>
  <c r="AE80983" i="1"/>
  <c r="AE80984" i="1"/>
  <c r="AE80985" i="1"/>
  <c r="AE80986" i="1"/>
  <c r="AE80987" i="1"/>
  <c r="AE80988" i="1"/>
  <c r="AE80989" i="1"/>
  <c r="AE80990" i="1"/>
  <c r="AE80991" i="1"/>
  <c r="AE80992" i="1"/>
  <c r="AE80993" i="1"/>
  <c r="AE80994" i="1"/>
  <c r="AE80995" i="1"/>
  <c r="AE80996" i="1"/>
  <c r="AE80997" i="1"/>
  <c r="AE80998" i="1"/>
  <c r="AE80999" i="1"/>
  <c r="AE81000" i="1"/>
  <c r="AE81001" i="1"/>
  <c r="AE81002" i="1"/>
  <c r="AE81003" i="1"/>
  <c r="AE81004" i="1"/>
  <c r="AE81005" i="1"/>
  <c r="AE81006" i="1"/>
  <c r="AE81007" i="1"/>
  <c r="AE81008" i="1"/>
  <c r="AE81009" i="1"/>
  <c r="AE81010" i="1"/>
  <c r="AE81011" i="1"/>
  <c r="AE81012" i="1"/>
  <c r="AE81013" i="1"/>
  <c r="AE81014" i="1"/>
  <c r="AE81015" i="1"/>
  <c r="AE81016" i="1"/>
  <c r="AE81017" i="1"/>
  <c r="AE81018" i="1"/>
  <c r="AE81019" i="1"/>
  <c r="AE81020" i="1"/>
  <c r="AE81021" i="1"/>
  <c r="AE81022" i="1"/>
  <c r="AE81023" i="1"/>
  <c r="AE81024" i="1"/>
  <c r="AE81025" i="1"/>
  <c r="AE81026" i="1"/>
  <c r="AE81027" i="1"/>
  <c r="AE81028" i="1"/>
  <c r="AE81029" i="1"/>
  <c r="AE81030" i="1"/>
  <c r="AE81031" i="1"/>
  <c r="AE81032" i="1"/>
  <c r="AE81033" i="1"/>
  <c r="AE81034" i="1"/>
  <c r="AE81035" i="1"/>
  <c r="AE81036" i="1"/>
  <c r="AE81037" i="1"/>
  <c r="AE81038" i="1"/>
  <c r="AE81039" i="1"/>
  <c r="AE81040" i="1"/>
  <c r="AE81041" i="1"/>
  <c r="AE81042" i="1"/>
  <c r="AE81043" i="1"/>
  <c r="AE81044" i="1"/>
  <c r="AE81045" i="1"/>
  <c r="AE81046" i="1"/>
  <c r="AE81047" i="1"/>
  <c r="AE81048" i="1"/>
  <c r="AE81049" i="1"/>
  <c r="AE81050" i="1"/>
  <c r="AE81051" i="1"/>
  <c r="AE81052" i="1"/>
  <c r="AE81053" i="1"/>
  <c r="AE81054" i="1"/>
  <c r="AE81055" i="1"/>
  <c r="AE81056" i="1"/>
  <c r="AE81057" i="1"/>
  <c r="AE81058" i="1"/>
  <c r="AE81059" i="1"/>
  <c r="AE81060" i="1"/>
  <c r="AE81061" i="1"/>
  <c r="AE81062" i="1"/>
  <c r="AE81063" i="1"/>
  <c r="AE81064" i="1"/>
  <c r="AE81065" i="1"/>
  <c r="AE81066" i="1"/>
  <c r="AE81067" i="1"/>
  <c r="AE81068" i="1"/>
  <c r="AE81069" i="1"/>
  <c r="AE81070" i="1"/>
  <c r="AE81071" i="1"/>
  <c r="AE81072" i="1"/>
  <c r="AE81073" i="1"/>
  <c r="AE81074" i="1"/>
  <c r="AE81075" i="1"/>
  <c r="AE81076" i="1"/>
  <c r="AE81077" i="1"/>
  <c r="AE81078" i="1"/>
  <c r="AE81079" i="1"/>
  <c r="AE81080" i="1"/>
  <c r="AE81081" i="1"/>
  <c r="AE81082" i="1"/>
  <c r="AE81083" i="1"/>
  <c r="AE81084" i="1"/>
  <c r="AE81085" i="1"/>
  <c r="AE81086" i="1"/>
  <c r="AE81087" i="1"/>
  <c r="AE81088" i="1"/>
  <c r="AE81089" i="1"/>
  <c r="AE81090" i="1"/>
  <c r="AE81091" i="1"/>
  <c r="AE81092" i="1"/>
  <c r="AE81093" i="1"/>
  <c r="AE81094" i="1"/>
  <c r="AE81095" i="1"/>
  <c r="AE81096" i="1"/>
  <c r="AE81097" i="1"/>
  <c r="AE81098" i="1"/>
  <c r="AE81099" i="1"/>
  <c r="AE81100" i="1"/>
  <c r="AE81101" i="1"/>
  <c r="AE81102" i="1"/>
  <c r="AE81103" i="1"/>
  <c r="AE81104" i="1"/>
  <c r="AE81105" i="1"/>
  <c r="AE81106" i="1"/>
  <c r="AE81107" i="1"/>
  <c r="AE81108" i="1"/>
  <c r="AE81109" i="1"/>
  <c r="AE81110" i="1"/>
  <c r="AE81111" i="1"/>
  <c r="AE81112" i="1"/>
  <c r="AE81113" i="1"/>
  <c r="AE81114" i="1"/>
  <c r="AE81115" i="1"/>
  <c r="AE81116" i="1"/>
  <c r="AE81117" i="1"/>
  <c r="AE81118" i="1"/>
  <c r="AE81119" i="1"/>
  <c r="AE81120" i="1"/>
  <c r="AE81121" i="1"/>
  <c r="AE81122" i="1"/>
  <c r="AE81123" i="1"/>
  <c r="AE81124" i="1"/>
  <c r="AE81125" i="1"/>
  <c r="AE81126" i="1"/>
  <c r="AE81127" i="1"/>
  <c r="AE81128" i="1"/>
  <c r="AE81129" i="1"/>
  <c r="AE81130" i="1"/>
  <c r="AE81131" i="1"/>
  <c r="AE81132" i="1"/>
  <c r="AE81133" i="1"/>
  <c r="AE81134" i="1"/>
  <c r="AE81135" i="1"/>
  <c r="AE81136" i="1"/>
  <c r="AE81137" i="1"/>
  <c r="AE81138" i="1"/>
  <c r="AE81139" i="1"/>
  <c r="AE81140" i="1"/>
  <c r="AE81141" i="1"/>
  <c r="AE81142" i="1"/>
  <c r="AE81143" i="1"/>
  <c r="AE81144" i="1"/>
  <c r="AE81145" i="1"/>
  <c r="AE81146" i="1"/>
  <c r="AE81147" i="1"/>
  <c r="AE81148" i="1"/>
  <c r="AE81149" i="1"/>
  <c r="AE81150" i="1"/>
  <c r="AE81151" i="1"/>
  <c r="AE81152" i="1"/>
  <c r="AE81153" i="1"/>
  <c r="AE81154" i="1"/>
  <c r="AE81155" i="1"/>
  <c r="AE81156" i="1"/>
  <c r="AE81157" i="1"/>
  <c r="AE81158" i="1"/>
  <c r="AE81159" i="1"/>
  <c r="AE81160" i="1"/>
  <c r="AE81161" i="1"/>
  <c r="AE81162" i="1"/>
  <c r="AE81163" i="1"/>
  <c r="AE81164" i="1"/>
  <c r="AE81165" i="1"/>
  <c r="AE81166" i="1"/>
  <c r="AE81167" i="1"/>
  <c r="AE81168" i="1"/>
  <c r="AE81169" i="1"/>
  <c r="AE81170" i="1"/>
  <c r="AE81171" i="1"/>
  <c r="AE81172" i="1"/>
  <c r="AE81173" i="1"/>
  <c r="AE81174" i="1"/>
  <c r="AE81175" i="1"/>
  <c r="AE81176" i="1"/>
  <c r="AE81177" i="1"/>
  <c r="AE81178" i="1"/>
  <c r="AE81179" i="1"/>
  <c r="AE81180" i="1"/>
  <c r="AE81181" i="1"/>
  <c r="AE81182" i="1"/>
  <c r="AE81183" i="1"/>
  <c r="AE81184" i="1"/>
  <c r="AE81185" i="1"/>
  <c r="AE81186" i="1"/>
  <c r="AE81187" i="1"/>
  <c r="AE81188" i="1"/>
  <c r="AE81189" i="1"/>
  <c r="AE81190" i="1"/>
  <c r="AE81191" i="1"/>
  <c r="AE81192" i="1"/>
  <c r="AE81193" i="1"/>
  <c r="AE81194" i="1"/>
  <c r="AE81195" i="1"/>
  <c r="AE81196" i="1"/>
  <c r="AE81197" i="1"/>
  <c r="AE81198" i="1"/>
  <c r="AE81199" i="1"/>
  <c r="AE81200" i="1"/>
  <c r="AE81201" i="1"/>
  <c r="AE81202" i="1"/>
  <c r="AE81203" i="1"/>
  <c r="AE81204" i="1"/>
  <c r="AE81205" i="1"/>
  <c r="AE81206" i="1"/>
  <c r="AE81207" i="1"/>
  <c r="AE81208" i="1"/>
  <c r="AE81209" i="1"/>
  <c r="AE81210" i="1"/>
  <c r="AE81211" i="1"/>
  <c r="AE81212" i="1"/>
  <c r="AE81213" i="1"/>
  <c r="AE81214" i="1"/>
  <c r="AE81215" i="1"/>
  <c r="AE81216" i="1"/>
  <c r="AE81217" i="1"/>
  <c r="AE81218" i="1"/>
  <c r="AE81219" i="1"/>
  <c r="AE81220" i="1"/>
  <c r="AE81221" i="1"/>
  <c r="AE81222" i="1"/>
  <c r="AE81223" i="1"/>
  <c r="AE81224" i="1"/>
  <c r="AE81225" i="1"/>
  <c r="AE81226" i="1"/>
  <c r="AE81227" i="1"/>
  <c r="AE81228" i="1"/>
  <c r="AE81229" i="1"/>
  <c r="AE81230" i="1"/>
  <c r="AE81231" i="1"/>
  <c r="AE81232" i="1"/>
  <c r="AE81233" i="1"/>
  <c r="AE81234" i="1"/>
  <c r="AE81235" i="1"/>
  <c r="AE81236" i="1"/>
  <c r="AE81237" i="1"/>
  <c r="AE81238" i="1"/>
  <c r="AE81239" i="1"/>
  <c r="AE81240" i="1"/>
  <c r="AE81241" i="1"/>
  <c r="AE81242" i="1"/>
  <c r="AE81243" i="1"/>
  <c r="AE81244" i="1"/>
  <c r="AE81245" i="1"/>
  <c r="AE81246" i="1"/>
  <c r="AE81247" i="1"/>
  <c r="AE81248" i="1"/>
  <c r="AE81249" i="1"/>
  <c r="AE81250" i="1"/>
  <c r="AE81251" i="1"/>
  <c r="AE81252" i="1"/>
  <c r="AE81253" i="1"/>
  <c r="AE81254" i="1"/>
  <c r="AE81255" i="1"/>
  <c r="AE81256" i="1"/>
  <c r="AE81257" i="1"/>
  <c r="AE81258" i="1"/>
  <c r="AE81259" i="1"/>
  <c r="AE81260" i="1"/>
  <c r="AE81261" i="1"/>
  <c r="AE81262" i="1"/>
  <c r="AE81263" i="1"/>
  <c r="AE81264" i="1"/>
  <c r="AE81265" i="1"/>
  <c r="AE81266" i="1"/>
  <c r="AE81267" i="1"/>
  <c r="AE81268" i="1"/>
  <c r="AE81269" i="1"/>
  <c r="AE81270" i="1"/>
  <c r="AE81271" i="1"/>
  <c r="AE81272" i="1"/>
  <c r="AE81273" i="1"/>
  <c r="AE81274" i="1"/>
  <c r="AE81275" i="1"/>
  <c r="AE81276" i="1"/>
  <c r="AE81277" i="1"/>
  <c r="AE81278" i="1"/>
  <c r="AE81279" i="1"/>
  <c r="AE81280" i="1"/>
  <c r="AE81281" i="1"/>
  <c r="AE81282" i="1"/>
  <c r="AE81283" i="1"/>
  <c r="AE81284" i="1"/>
  <c r="AE81285" i="1"/>
  <c r="AE81286" i="1"/>
  <c r="AE81287" i="1"/>
  <c r="AE81288" i="1"/>
  <c r="AE81289" i="1"/>
  <c r="AE81290" i="1"/>
  <c r="AE81291" i="1"/>
  <c r="AE81292" i="1"/>
  <c r="AE81293" i="1"/>
  <c r="AE81294" i="1"/>
  <c r="AE81295" i="1"/>
  <c r="AE81296" i="1"/>
  <c r="AE81297" i="1"/>
  <c r="AE81298" i="1"/>
  <c r="AE81299" i="1"/>
  <c r="AE81300" i="1"/>
  <c r="AE81301" i="1"/>
  <c r="AE81302" i="1"/>
  <c r="AE81303" i="1"/>
  <c r="AE81304" i="1"/>
  <c r="AE81305" i="1"/>
  <c r="AE81306" i="1"/>
  <c r="AE81307" i="1"/>
  <c r="AE81308" i="1"/>
  <c r="AE81309" i="1"/>
  <c r="AE81310" i="1"/>
  <c r="AE81311" i="1"/>
  <c r="AE81312" i="1"/>
  <c r="AE81313" i="1"/>
  <c r="AE81314" i="1"/>
  <c r="AE81315" i="1"/>
  <c r="AE81316" i="1"/>
  <c r="AE81317" i="1"/>
  <c r="AE81318" i="1"/>
  <c r="AE81319" i="1"/>
  <c r="AE81320" i="1"/>
  <c r="AE81321" i="1"/>
  <c r="AE81322" i="1"/>
  <c r="AE81323" i="1"/>
  <c r="AE81324" i="1"/>
  <c r="AE81325" i="1"/>
  <c r="AE81326" i="1"/>
  <c r="AE81327" i="1"/>
  <c r="AE81328" i="1"/>
  <c r="AE81329" i="1"/>
  <c r="AE81330" i="1"/>
  <c r="AE81331" i="1"/>
  <c r="AE81332" i="1"/>
  <c r="AE81333" i="1"/>
  <c r="AE81334" i="1"/>
  <c r="AE81335" i="1"/>
  <c r="AE81336" i="1"/>
  <c r="AE81337" i="1"/>
  <c r="AE81338" i="1"/>
  <c r="AE81339" i="1"/>
  <c r="AE81340" i="1"/>
  <c r="AE81341" i="1"/>
  <c r="AE81342" i="1"/>
  <c r="AE81343" i="1"/>
  <c r="AE81344" i="1"/>
  <c r="AE81345" i="1"/>
  <c r="AE81346" i="1"/>
  <c r="AE81347" i="1"/>
  <c r="AE81348" i="1"/>
  <c r="AE81349" i="1"/>
  <c r="AE81350" i="1"/>
  <c r="AE81351" i="1"/>
  <c r="AE81352" i="1"/>
  <c r="AE81353" i="1"/>
  <c r="AE81354" i="1"/>
  <c r="AE81355" i="1"/>
  <c r="AE81356" i="1"/>
  <c r="AE81357" i="1"/>
  <c r="AE81358" i="1"/>
  <c r="AE81359" i="1"/>
  <c r="AE81360" i="1"/>
  <c r="AE81361" i="1"/>
  <c r="AE81362" i="1"/>
  <c r="AE81363" i="1"/>
  <c r="AE81364" i="1"/>
  <c r="AE81365" i="1"/>
  <c r="AE81366" i="1"/>
  <c r="AE81367" i="1"/>
  <c r="AE81368" i="1"/>
  <c r="AE81369" i="1"/>
  <c r="AE81370" i="1"/>
  <c r="AE81371" i="1"/>
  <c r="AE81372" i="1"/>
  <c r="AE81373" i="1"/>
  <c r="AE81374" i="1"/>
  <c r="AE81375" i="1"/>
  <c r="AE81376" i="1"/>
  <c r="AE81377" i="1"/>
  <c r="AE81378" i="1"/>
  <c r="AE81379" i="1"/>
  <c r="AE81380" i="1"/>
  <c r="AE81381" i="1"/>
  <c r="AE81382" i="1"/>
  <c r="AE81383" i="1"/>
  <c r="AE81384" i="1"/>
  <c r="AE81385" i="1"/>
  <c r="AE81386" i="1"/>
  <c r="AE81387" i="1"/>
  <c r="AE81388" i="1"/>
  <c r="AE81389" i="1"/>
  <c r="AE81390" i="1"/>
  <c r="AE81391" i="1"/>
  <c r="AE81392" i="1"/>
  <c r="AE81393" i="1"/>
  <c r="AE81394" i="1"/>
  <c r="AE81395" i="1"/>
  <c r="AE81396" i="1"/>
  <c r="AE81397" i="1"/>
  <c r="AE81398" i="1"/>
  <c r="AE81399" i="1"/>
  <c r="AE81400" i="1"/>
  <c r="AE81401" i="1"/>
  <c r="AE81402" i="1"/>
  <c r="AE81403" i="1"/>
  <c r="AE81404" i="1"/>
  <c r="AE81405" i="1"/>
  <c r="AE81406" i="1"/>
  <c r="AE81407" i="1"/>
  <c r="AE81408" i="1"/>
  <c r="AE81409" i="1"/>
  <c r="AE81410" i="1"/>
  <c r="AE81411" i="1"/>
  <c r="AE81412" i="1"/>
  <c r="AE81413" i="1"/>
  <c r="AE81414" i="1"/>
  <c r="AE81415" i="1"/>
  <c r="AE81416" i="1"/>
  <c r="AE81417" i="1"/>
  <c r="AE81418" i="1"/>
  <c r="AE81419" i="1"/>
  <c r="AE81420" i="1"/>
  <c r="AE81421" i="1"/>
  <c r="AE81422" i="1"/>
  <c r="AE81423" i="1"/>
  <c r="AE81424" i="1"/>
  <c r="AE81425" i="1"/>
  <c r="AE81426" i="1"/>
  <c r="AE81427" i="1"/>
  <c r="AE81428" i="1"/>
  <c r="AE81429" i="1"/>
  <c r="AE81430" i="1"/>
  <c r="AE81431" i="1"/>
  <c r="AE81432" i="1"/>
  <c r="AE81433" i="1"/>
  <c r="AE81434" i="1"/>
  <c r="AE81435" i="1"/>
  <c r="AE81436" i="1"/>
  <c r="AE81437" i="1"/>
  <c r="AE81438" i="1"/>
  <c r="AE81439" i="1"/>
  <c r="AE81440" i="1"/>
  <c r="AE81441" i="1"/>
  <c r="AE81442" i="1"/>
  <c r="AE81443" i="1"/>
  <c r="AE81444" i="1"/>
  <c r="AE81445" i="1"/>
  <c r="AE81446" i="1"/>
  <c r="AE81447" i="1"/>
  <c r="AE81448" i="1"/>
  <c r="AE81449" i="1"/>
  <c r="AE81450" i="1"/>
  <c r="AE81451" i="1"/>
  <c r="AE81452" i="1"/>
  <c r="AE81453" i="1"/>
  <c r="AE81454" i="1"/>
  <c r="AE81455" i="1"/>
  <c r="AE81456" i="1"/>
  <c r="AE81457" i="1"/>
  <c r="AE81458" i="1"/>
  <c r="AE81459" i="1"/>
  <c r="AE81460" i="1"/>
  <c r="AE81461" i="1"/>
  <c r="AE81462" i="1"/>
  <c r="AE81463" i="1"/>
  <c r="AE81464" i="1"/>
  <c r="AE81465" i="1"/>
  <c r="AE81466" i="1"/>
  <c r="AE81467" i="1"/>
  <c r="AE81468" i="1"/>
  <c r="AE81469" i="1"/>
  <c r="AE81470" i="1"/>
  <c r="AE81471" i="1"/>
  <c r="AE81472" i="1"/>
  <c r="AE81473" i="1"/>
  <c r="AE81474" i="1"/>
  <c r="AE81475" i="1"/>
  <c r="AE81476" i="1"/>
  <c r="AE81477" i="1"/>
  <c r="AE81478" i="1"/>
  <c r="AE81479" i="1"/>
  <c r="AE81480" i="1"/>
  <c r="AE81481" i="1"/>
  <c r="AE81482" i="1"/>
  <c r="AE81483" i="1"/>
  <c r="AE81484" i="1"/>
  <c r="AE81485" i="1"/>
  <c r="AE81486" i="1"/>
  <c r="AE81487" i="1"/>
  <c r="AE81488" i="1"/>
  <c r="AE81489" i="1"/>
  <c r="AE81490" i="1"/>
  <c r="AE81491" i="1"/>
  <c r="AE81492" i="1"/>
  <c r="AE81493" i="1"/>
  <c r="AE81494" i="1"/>
  <c r="AE81495" i="1"/>
  <c r="AE81496" i="1"/>
  <c r="AE81497" i="1"/>
  <c r="AE81498" i="1"/>
  <c r="AE81499" i="1"/>
  <c r="AE81500" i="1"/>
  <c r="AE81501" i="1"/>
  <c r="AE81502" i="1"/>
  <c r="AE81503" i="1"/>
  <c r="AE81504" i="1"/>
  <c r="AE81505" i="1"/>
  <c r="AE81506" i="1"/>
  <c r="AE81507" i="1"/>
  <c r="AE81508" i="1"/>
  <c r="AE81509" i="1"/>
  <c r="AE81510" i="1"/>
  <c r="AE81511" i="1"/>
  <c r="AE81512" i="1"/>
  <c r="AE81513" i="1"/>
  <c r="AE81514" i="1"/>
  <c r="AE81515" i="1"/>
  <c r="AE81516" i="1"/>
  <c r="AE81517" i="1"/>
  <c r="AE81518" i="1"/>
  <c r="AE81519" i="1"/>
  <c r="AE81520" i="1"/>
  <c r="AE81521" i="1"/>
  <c r="AE81522" i="1"/>
  <c r="AE81523" i="1"/>
  <c r="AE81524" i="1"/>
  <c r="AE81525" i="1"/>
  <c r="AE81526" i="1"/>
  <c r="AE81527" i="1"/>
  <c r="AE81528" i="1"/>
  <c r="AE81529" i="1"/>
  <c r="AE81530" i="1"/>
  <c r="AE81531" i="1"/>
  <c r="AE81532" i="1"/>
  <c r="AE81533" i="1"/>
  <c r="AE81534" i="1"/>
  <c r="AE81535" i="1"/>
  <c r="AE81536" i="1"/>
  <c r="AE81537" i="1"/>
  <c r="AE81538" i="1"/>
  <c r="AE81539" i="1"/>
  <c r="AE81540" i="1"/>
  <c r="AE81541" i="1"/>
  <c r="AE81542" i="1"/>
  <c r="AE81543" i="1"/>
  <c r="AE81544" i="1"/>
  <c r="AE81545" i="1"/>
  <c r="AE81546" i="1"/>
  <c r="AE81547" i="1"/>
  <c r="AE81548" i="1"/>
  <c r="AE81549" i="1"/>
  <c r="AE81550" i="1"/>
  <c r="AE81551" i="1"/>
  <c r="AE81552" i="1"/>
  <c r="AE81553" i="1"/>
  <c r="AE81554" i="1"/>
  <c r="AE81555" i="1"/>
  <c r="AE81556" i="1"/>
  <c r="AE81557" i="1"/>
  <c r="AE81558" i="1"/>
  <c r="AE81559" i="1"/>
  <c r="AE81560" i="1"/>
  <c r="AE81561" i="1"/>
  <c r="AE81562" i="1"/>
  <c r="AE81563" i="1"/>
  <c r="AE81564" i="1"/>
  <c r="AE81565" i="1"/>
  <c r="AE81566" i="1"/>
  <c r="AE81567" i="1"/>
  <c r="AE81568" i="1"/>
  <c r="AE81569" i="1"/>
  <c r="AE81570" i="1"/>
  <c r="AE81571" i="1"/>
  <c r="AE81572" i="1"/>
  <c r="AE81573" i="1"/>
  <c r="AE81574" i="1"/>
  <c r="AE81575" i="1"/>
  <c r="AE81576" i="1"/>
  <c r="AE81577" i="1"/>
  <c r="AE81578" i="1"/>
  <c r="AE81579" i="1"/>
  <c r="AE81580" i="1"/>
  <c r="AE81581" i="1"/>
  <c r="AE81582" i="1"/>
  <c r="AE81583" i="1"/>
  <c r="AE81584" i="1"/>
  <c r="AE81585" i="1"/>
  <c r="AE81586" i="1"/>
  <c r="AE81587" i="1"/>
  <c r="AE81588" i="1"/>
  <c r="AE81589" i="1"/>
  <c r="AE81590" i="1"/>
  <c r="AE81591" i="1"/>
  <c r="AE81592" i="1"/>
  <c r="AE81593" i="1"/>
  <c r="AE81594" i="1"/>
  <c r="AE81595" i="1"/>
  <c r="AE81596" i="1"/>
  <c r="AE81597" i="1"/>
  <c r="AE81598" i="1"/>
  <c r="AE81599" i="1"/>
  <c r="AE81600" i="1"/>
  <c r="AE81601" i="1"/>
  <c r="AE81602" i="1"/>
  <c r="AE81603" i="1"/>
  <c r="AE81604" i="1"/>
  <c r="AE81605" i="1"/>
  <c r="AE81606" i="1"/>
  <c r="AE81607" i="1"/>
  <c r="AE81608" i="1"/>
  <c r="AE81609" i="1"/>
  <c r="AE81610" i="1"/>
  <c r="AE81611" i="1"/>
  <c r="AE81612" i="1"/>
  <c r="AE81613" i="1"/>
  <c r="AE81614" i="1"/>
  <c r="AE81615" i="1"/>
  <c r="AE81616" i="1"/>
  <c r="AE81617" i="1"/>
  <c r="AE81618" i="1"/>
  <c r="AE81619" i="1"/>
  <c r="AE81620" i="1"/>
  <c r="AE81621" i="1"/>
  <c r="AE81622" i="1"/>
  <c r="AE81623" i="1"/>
  <c r="AE81624" i="1"/>
  <c r="AE81625" i="1"/>
  <c r="AE81626" i="1"/>
  <c r="AE81627" i="1"/>
  <c r="AE81628" i="1"/>
  <c r="AE81629" i="1"/>
  <c r="AE81630" i="1"/>
  <c r="AE81631" i="1"/>
  <c r="AE81632" i="1"/>
  <c r="AE81633" i="1"/>
  <c r="AE81634" i="1"/>
  <c r="AE81635" i="1"/>
  <c r="AE81636" i="1"/>
  <c r="AE81637" i="1"/>
  <c r="AE81638" i="1"/>
  <c r="AE81639" i="1"/>
  <c r="AE81640" i="1"/>
  <c r="AE81641" i="1"/>
  <c r="AE81642" i="1"/>
  <c r="AE81643" i="1"/>
  <c r="AE81644" i="1"/>
  <c r="AE81645" i="1"/>
  <c r="AE81646" i="1"/>
  <c r="AE81647" i="1"/>
  <c r="AE81648" i="1"/>
  <c r="AE81649" i="1"/>
  <c r="AE81650" i="1"/>
  <c r="AE81651" i="1"/>
  <c r="AE81652" i="1"/>
  <c r="AE81653" i="1"/>
  <c r="AE81654" i="1"/>
  <c r="AE81655" i="1"/>
  <c r="AE81656" i="1"/>
  <c r="AE81657" i="1"/>
  <c r="AE81658" i="1"/>
  <c r="AE81659" i="1"/>
  <c r="AE81660" i="1"/>
  <c r="AE81661" i="1"/>
  <c r="AE81662" i="1"/>
  <c r="AE81663" i="1"/>
  <c r="AE81664" i="1"/>
  <c r="AE81665" i="1"/>
  <c r="AE81666" i="1"/>
  <c r="AE81667" i="1"/>
  <c r="AE81668" i="1"/>
  <c r="AE81669" i="1"/>
  <c r="AE81670" i="1"/>
  <c r="AE81671" i="1"/>
  <c r="AE81672" i="1"/>
  <c r="AE81673" i="1"/>
  <c r="AE81674" i="1"/>
  <c r="AE81675" i="1"/>
  <c r="AE81676" i="1"/>
  <c r="AE81677" i="1"/>
  <c r="AE81678" i="1"/>
  <c r="AE81679" i="1"/>
  <c r="AE81680" i="1"/>
  <c r="AE81681" i="1"/>
  <c r="AE81682" i="1"/>
  <c r="AE81683" i="1"/>
  <c r="AE81684" i="1"/>
  <c r="AE81685" i="1"/>
  <c r="AE81686" i="1"/>
  <c r="AE81687" i="1"/>
  <c r="AE81688" i="1"/>
  <c r="AE81689" i="1"/>
  <c r="AE81690" i="1"/>
  <c r="AE81691" i="1"/>
  <c r="AE81692" i="1"/>
  <c r="AE81693" i="1"/>
  <c r="AE81694" i="1"/>
  <c r="AE81695" i="1"/>
  <c r="AE81696" i="1"/>
  <c r="AE81697" i="1"/>
  <c r="AE81698" i="1"/>
  <c r="AE81699" i="1"/>
  <c r="AE81700" i="1"/>
  <c r="AE81701" i="1"/>
  <c r="AE81702" i="1"/>
  <c r="AE81703" i="1"/>
  <c r="AE81704" i="1"/>
  <c r="AE81705" i="1"/>
  <c r="AE81706" i="1"/>
  <c r="AE81707" i="1"/>
  <c r="AE81708" i="1"/>
  <c r="AE81709" i="1"/>
  <c r="AE81710" i="1"/>
  <c r="AE81711" i="1"/>
  <c r="AE81712" i="1"/>
  <c r="AE81713" i="1"/>
  <c r="AE81714" i="1"/>
  <c r="AE81715" i="1"/>
  <c r="AE81716" i="1"/>
  <c r="AE81717" i="1"/>
  <c r="AE81718" i="1"/>
  <c r="AE81719" i="1"/>
  <c r="AE81720" i="1"/>
  <c r="AE81721" i="1"/>
  <c r="AE81722" i="1"/>
  <c r="AE81723" i="1"/>
  <c r="AE81724" i="1"/>
  <c r="AE81725" i="1"/>
  <c r="AE81726" i="1"/>
  <c r="AE81727" i="1"/>
  <c r="AE81728" i="1"/>
  <c r="AE81729" i="1"/>
  <c r="AE81730" i="1"/>
  <c r="AE81731" i="1"/>
  <c r="AE81732" i="1"/>
  <c r="AE81733" i="1"/>
  <c r="AE81734" i="1"/>
  <c r="AE81735" i="1"/>
  <c r="AE81736" i="1"/>
  <c r="AE81737" i="1"/>
  <c r="AE81738" i="1"/>
  <c r="AE81739" i="1"/>
  <c r="AE81740" i="1"/>
  <c r="AE81741" i="1"/>
  <c r="AE81742" i="1"/>
  <c r="AE81743" i="1"/>
  <c r="AE81744" i="1"/>
  <c r="AE81745" i="1"/>
  <c r="AE81746" i="1"/>
  <c r="AE81747" i="1"/>
  <c r="AE81748" i="1"/>
  <c r="AE81749" i="1"/>
  <c r="AE81750" i="1"/>
  <c r="AE81751" i="1"/>
  <c r="AE81752" i="1"/>
  <c r="AE81753" i="1"/>
  <c r="AE81754" i="1"/>
  <c r="AE81755" i="1"/>
  <c r="AE81756" i="1"/>
  <c r="AE81757" i="1"/>
  <c r="AE81758" i="1"/>
  <c r="AE81759" i="1"/>
  <c r="AE81760" i="1"/>
  <c r="AE81761" i="1"/>
  <c r="AE81762" i="1"/>
  <c r="AE81763" i="1"/>
  <c r="AE81764" i="1"/>
  <c r="AE81765" i="1"/>
  <c r="AE81766" i="1"/>
  <c r="AE81767" i="1"/>
  <c r="AE81768" i="1"/>
  <c r="AE81769" i="1"/>
  <c r="AE81770" i="1"/>
  <c r="AE81771" i="1"/>
  <c r="AE81772" i="1"/>
  <c r="AE81773" i="1"/>
  <c r="AE81774" i="1"/>
  <c r="AE81775" i="1"/>
  <c r="AE81776" i="1"/>
  <c r="AE81777" i="1"/>
  <c r="AE81778" i="1"/>
  <c r="AE81779" i="1"/>
  <c r="AE81780" i="1"/>
  <c r="AE81781" i="1"/>
  <c r="AE81782" i="1"/>
  <c r="AE81783" i="1"/>
  <c r="AE81784" i="1"/>
  <c r="AE81785" i="1"/>
  <c r="AE81786" i="1"/>
  <c r="AE81787" i="1"/>
  <c r="AE81788" i="1"/>
  <c r="AE81789" i="1"/>
  <c r="AE81790" i="1"/>
  <c r="AE81791" i="1"/>
  <c r="AE81792" i="1"/>
  <c r="AE81793" i="1"/>
  <c r="AE81794" i="1"/>
  <c r="AE81795" i="1"/>
  <c r="AE81796" i="1"/>
  <c r="AE81797" i="1"/>
  <c r="AE81798" i="1"/>
  <c r="AE81799" i="1"/>
  <c r="AE81800" i="1"/>
  <c r="AE81801" i="1"/>
  <c r="AE81802" i="1"/>
  <c r="AE81803" i="1"/>
  <c r="AE81804" i="1"/>
  <c r="AE81805" i="1"/>
  <c r="AE81806" i="1"/>
  <c r="AE81807" i="1"/>
  <c r="AE81808" i="1"/>
  <c r="AE81809" i="1"/>
  <c r="AE81810" i="1"/>
  <c r="AE81811" i="1"/>
  <c r="AE81812" i="1"/>
  <c r="AE81813" i="1"/>
  <c r="AE81814" i="1"/>
  <c r="AE81815" i="1"/>
  <c r="AE81816" i="1"/>
  <c r="AE81817" i="1"/>
  <c r="AE81818" i="1"/>
  <c r="AE81819" i="1"/>
  <c r="AE81820" i="1"/>
  <c r="AE81821" i="1"/>
  <c r="AE81822" i="1"/>
  <c r="AE81823" i="1"/>
  <c r="AE81824" i="1"/>
  <c r="AE81825" i="1"/>
  <c r="AE81826" i="1"/>
  <c r="AE81827" i="1"/>
  <c r="AE81828" i="1"/>
  <c r="AE81829" i="1"/>
  <c r="AE81830" i="1"/>
  <c r="AE81831" i="1"/>
  <c r="AE81832" i="1"/>
  <c r="AE81833" i="1"/>
  <c r="AE81834" i="1"/>
  <c r="AE81835" i="1"/>
  <c r="AE81836" i="1"/>
  <c r="AE81837" i="1"/>
  <c r="AE81838" i="1"/>
  <c r="AE81839" i="1"/>
  <c r="AE81840" i="1"/>
  <c r="AE81841" i="1"/>
  <c r="AE81842" i="1"/>
  <c r="AE81843" i="1"/>
  <c r="AE81844" i="1"/>
  <c r="AE81845" i="1"/>
  <c r="AE81846" i="1"/>
  <c r="AE81847" i="1"/>
  <c r="AE81848" i="1"/>
  <c r="AE81849" i="1"/>
  <c r="AE81850" i="1"/>
  <c r="AE81851" i="1"/>
  <c r="AE81852" i="1"/>
  <c r="AE81853" i="1"/>
  <c r="AE81854" i="1"/>
  <c r="AE81855" i="1"/>
  <c r="AE81856" i="1"/>
  <c r="AE81857" i="1"/>
  <c r="AE81858" i="1"/>
  <c r="AE81859" i="1"/>
  <c r="AE81860" i="1"/>
  <c r="AE81861" i="1"/>
  <c r="AE81862" i="1"/>
  <c r="AE81863" i="1"/>
  <c r="AE81864" i="1"/>
  <c r="AE81865" i="1"/>
  <c r="AE81866" i="1"/>
  <c r="AE81867" i="1"/>
  <c r="AE81868" i="1"/>
  <c r="AE81869" i="1"/>
  <c r="AE81870" i="1"/>
  <c r="AE81871" i="1"/>
  <c r="AE81872" i="1"/>
  <c r="AE81873" i="1"/>
  <c r="AE81874" i="1"/>
  <c r="AE81875" i="1"/>
  <c r="AE81876" i="1"/>
  <c r="AE81877" i="1"/>
  <c r="AE81878" i="1"/>
  <c r="AE81879" i="1"/>
  <c r="AE81880" i="1"/>
  <c r="AE81881" i="1"/>
  <c r="AE81882" i="1"/>
  <c r="AE81883" i="1"/>
  <c r="AE81884" i="1"/>
  <c r="AE81885" i="1"/>
  <c r="AE81886" i="1"/>
  <c r="AE81887" i="1"/>
  <c r="AE81888" i="1"/>
  <c r="AE81889" i="1"/>
  <c r="AE81890" i="1"/>
  <c r="AE81891" i="1"/>
  <c r="AE81892" i="1"/>
  <c r="AE81893" i="1"/>
  <c r="AE81894" i="1"/>
  <c r="AE81895" i="1"/>
  <c r="AE81896" i="1"/>
  <c r="AE81897" i="1"/>
  <c r="AE81898" i="1"/>
  <c r="AE81899" i="1"/>
  <c r="AE81900" i="1"/>
  <c r="AE81901" i="1"/>
  <c r="AE81902" i="1"/>
  <c r="AE81903" i="1"/>
  <c r="AE81904" i="1"/>
  <c r="AE81905" i="1"/>
  <c r="AE81906" i="1"/>
  <c r="AE81907" i="1"/>
  <c r="AE81908" i="1"/>
  <c r="AE81909" i="1"/>
  <c r="AE81910" i="1"/>
  <c r="AE81911" i="1"/>
  <c r="AE81912" i="1"/>
  <c r="AE81913" i="1"/>
  <c r="AE81914" i="1"/>
  <c r="AE81915" i="1"/>
  <c r="AE81916" i="1"/>
  <c r="AE81917" i="1"/>
  <c r="AE81918" i="1"/>
  <c r="AE81919" i="1"/>
  <c r="AE81920" i="1"/>
  <c r="AE81921" i="1"/>
  <c r="AE81922" i="1"/>
  <c r="AE81923" i="1"/>
  <c r="AE81924" i="1"/>
  <c r="AE81925" i="1"/>
  <c r="AE81926" i="1"/>
  <c r="AE81927" i="1"/>
  <c r="AE81928" i="1"/>
  <c r="AE81929" i="1"/>
  <c r="AE81930" i="1"/>
  <c r="AE81931" i="1"/>
  <c r="AE81932" i="1"/>
  <c r="AE81933" i="1"/>
  <c r="AE81934" i="1"/>
  <c r="AE81935" i="1"/>
  <c r="AE81936" i="1"/>
  <c r="AE81937" i="1"/>
  <c r="AE81938" i="1"/>
  <c r="AE81939" i="1"/>
  <c r="AE81940" i="1"/>
  <c r="AE81941" i="1"/>
  <c r="AE81942" i="1"/>
  <c r="AE81943" i="1"/>
  <c r="AE81944" i="1"/>
  <c r="AE81945" i="1"/>
  <c r="AE81946" i="1"/>
  <c r="AE81947" i="1"/>
  <c r="AE81948" i="1"/>
  <c r="AE81949" i="1"/>
  <c r="AE81950" i="1"/>
  <c r="AE81951" i="1"/>
  <c r="AE81952" i="1"/>
  <c r="AE81953" i="1"/>
  <c r="AE81954" i="1"/>
  <c r="AE81955" i="1"/>
  <c r="AE81956" i="1"/>
  <c r="AE81957" i="1"/>
  <c r="AE81958" i="1"/>
  <c r="AE81959" i="1"/>
  <c r="AE81960" i="1"/>
  <c r="AE81961" i="1"/>
  <c r="AE81962" i="1"/>
  <c r="AE81963" i="1"/>
  <c r="AE81964" i="1"/>
  <c r="AE81965" i="1"/>
  <c r="AE81966" i="1"/>
  <c r="AE81967" i="1"/>
  <c r="AE81968" i="1"/>
  <c r="AE81969" i="1"/>
  <c r="AE81970" i="1"/>
  <c r="AE81971" i="1"/>
  <c r="AE81972" i="1"/>
  <c r="AE81973" i="1"/>
  <c r="AE81974" i="1"/>
  <c r="AE81975" i="1"/>
  <c r="AE81976" i="1"/>
  <c r="AE81977" i="1"/>
  <c r="AE81978" i="1"/>
  <c r="AE81979" i="1"/>
  <c r="AE81980" i="1"/>
  <c r="AE81981" i="1"/>
  <c r="AE81982" i="1"/>
  <c r="AE81983" i="1"/>
  <c r="AE81984" i="1"/>
  <c r="AE81985" i="1"/>
  <c r="AE81986" i="1"/>
  <c r="AE81987" i="1"/>
  <c r="AE81988" i="1"/>
  <c r="AE81989" i="1"/>
  <c r="AE81990" i="1"/>
  <c r="AE81991" i="1"/>
  <c r="AE81992" i="1"/>
  <c r="AE81993" i="1"/>
  <c r="AE81994" i="1"/>
  <c r="AE81995" i="1"/>
  <c r="AE81996" i="1"/>
  <c r="AE81997" i="1"/>
  <c r="AE81998" i="1"/>
  <c r="AE81999" i="1"/>
  <c r="AE82000" i="1"/>
  <c r="AE82001" i="1"/>
  <c r="AE82002" i="1"/>
  <c r="AE82003" i="1"/>
  <c r="AE82004" i="1"/>
  <c r="AE82005" i="1"/>
  <c r="AE82006" i="1"/>
  <c r="AE82007" i="1"/>
  <c r="AE82008" i="1"/>
  <c r="AE82009" i="1"/>
  <c r="AE82010" i="1"/>
  <c r="AE82011" i="1"/>
  <c r="AE82012" i="1"/>
  <c r="AE82013" i="1"/>
  <c r="AE82014" i="1"/>
  <c r="AE82015" i="1"/>
  <c r="AE82016" i="1"/>
  <c r="AE82017" i="1"/>
  <c r="AE82018" i="1"/>
  <c r="AE82019" i="1"/>
  <c r="AE82020" i="1"/>
  <c r="AE82021" i="1"/>
  <c r="AE82022" i="1"/>
  <c r="AE82023" i="1"/>
  <c r="AE82024" i="1"/>
  <c r="AE82025" i="1"/>
  <c r="AE82026" i="1"/>
  <c r="AE82027" i="1"/>
  <c r="AE82028" i="1"/>
  <c r="AE82029" i="1"/>
  <c r="AE82030" i="1"/>
  <c r="AE82031" i="1"/>
  <c r="AE82032" i="1"/>
  <c r="AE82033" i="1"/>
  <c r="AE82034" i="1"/>
  <c r="AE82035" i="1"/>
  <c r="AE82036" i="1"/>
  <c r="AE82037" i="1"/>
  <c r="AE82038" i="1"/>
  <c r="AE82039" i="1"/>
  <c r="AE82040" i="1"/>
  <c r="AE82041" i="1"/>
  <c r="AE82042" i="1"/>
  <c r="AE82043" i="1"/>
  <c r="AE82044" i="1"/>
  <c r="AE82045" i="1"/>
  <c r="AE82046" i="1"/>
  <c r="AE82047" i="1"/>
  <c r="AE82048" i="1"/>
  <c r="AE82049" i="1"/>
  <c r="AE82050" i="1"/>
  <c r="AE82051" i="1"/>
  <c r="AE82052" i="1"/>
  <c r="AE82053" i="1"/>
  <c r="AE82054" i="1"/>
  <c r="AE82055" i="1"/>
  <c r="AE82056" i="1"/>
  <c r="AE82057" i="1"/>
  <c r="AE82058" i="1"/>
  <c r="AE82059" i="1"/>
  <c r="AE82060" i="1"/>
  <c r="AE82061" i="1"/>
  <c r="AE82062" i="1"/>
  <c r="AE82063" i="1"/>
  <c r="AE82064" i="1"/>
  <c r="AE82065" i="1"/>
  <c r="AE82066" i="1"/>
  <c r="AE82067" i="1"/>
  <c r="AE82068" i="1"/>
  <c r="AE82069" i="1"/>
  <c r="AE82070" i="1"/>
  <c r="AE82071" i="1"/>
  <c r="AE82072" i="1"/>
  <c r="AE82073" i="1"/>
  <c r="AE82074" i="1"/>
  <c r="AE82075" i="1"/>
  <c r="AE82076" i="1"/>
  <c r="AE82077" i="1"/>
  <c r="AE82078" i="1"/>
  <c r="AE82079" i="1"/>
  <c r="AE82080" i="1"/>
  <c r="AE82081" i="1"/>
  <c r="AE82082" i="1"/>
  <c r="AE82083" i="1"/>
  <c r="AE82084" i="1"/>
  <c r="AE82085" i="1"/>
  <c r="AE82086" i="1"/>
  <c r="AE82087" i="1"/>
  <c r="AE82088" i="1"/>
  <c r="AE82089" i="1"/>
  <c r="AE82090" i="1"/>
  <c r="AE82091" i="1"/>
  <c r="AE82092" i="1"/>
  <c r="AE82093" i="1"/>
  <c r="AE82094" i="1"/>
  <c r="AE82095" i="1"/>
  <c r="AE82096" i="1"/>
  <c r="AE82097" i="1"/>
  <c r="AE82098" i="1"/>
  <c r="AE82099" i="1"/>
  <c r="AE82100" i="1"/>
  <c r="AE82101" i="1"/>
  <c r="AE82102" i="1"/>
  <c r="AE82103" i="1"/>
  <c r="AE82104" i="1"/>
  <c r="AE82105" i="1"/>
  <c r="AE82106" i="1"/>
  <c r="AE82107" i="1"/>
  <c r="AE82108" i="1"/>
  <c r="AE82109" i="1"/>
  <c r="AE82110" i="1"/>
  <c r="AE82111" i="1"/>
  <c r="AE82112" i="1"/>
  <c r="AE82113" i="1"/>
  <c r="AE82114" i="1"/>
  <c r="AE82115" i="1"/>
  <c r="AE82116" i="1"/>
  <c r="AE82117" i="1"/>
  <c r="AE82118" i="1"/>
  <c r="AE82119" i="1"/>
  <c r="AE82120" i="1"/>
  <c r="AE82121" i="1"/>
  <c r="AE82122" i="1"/>
  <c r="AE82123" i="1"/>
  <c r="AE82124" i="1"/>
  <c r="AE82125" i="1"/>
  <c r="AE82126" i="1"/>
  <c r="AE82127" i="1"/>
  <c r="AE82128" i="1"/>
  <c r="AE82129" i="1"/>
  <c r="AE82130" i="1"/>
  <c r="AE82131" i="1"/>
  <c r="AE82132" i="1"/>
  <c r="AE82133" i="1"/>
  <c r="AE82134" i="1"/>
  <c r="AE82135" i="1"/>
  <c r="AE82136" i="1"/>
  <c r="AE82137" i="1"/>
  <c r="AE82138" i="1"/>
  <c r="AE82139" i="1"/>
  <c r="AE82140" i="1"/>
  <c r="AE82141" i="1"/>
  <c r="AE82142" i="1"/>
  <c r="AE82143" i="1"/>
  <c r="AE82144" i="1"/>
  <c r="AE82145" i="1"/>
  <c r="AE82146" i="1"/>
  <c r="AE82147" i="1"/>
  <c r="AE82148" i="1"/>
  <c r="AE82149" i="1"/>
  <c r="AE82150" i="1"/>
  <c r="AE82151" i="1"/>
  <c r="AE82152" i="1"/>
  <c r="AE82153" i="1"/>
  <c r="AE82154" i="1"/>
  <c r="AE82155" i="1"/>
  <c r="AE82156" i="1"/>
  <c r="AE82157" i="1"/>
  <c r="AE82158" i="1"/>
  <c r="AE82159" i="1"/>
  <c r="AE82160" i="1"/>
  <c r="AE82161" i="1"/>
  <c r="AE82162" i="1"/>
  <c r="AE82163" i="1"/>
  <c r="AE82164" i="1"/>
  <c r="AE82165" i="1"/>
  <c r="AE82166" i="1"/>
  <c r="AE82167" i="1"/>
  <c r="AE82168" i="1"/>
  <c r="AE82169" i="1"/>
  <c r="AE82170" i="1"/>
  <c r="AE82171" i="1"/>
  <c r="AE82172" i="1"/>
  <c r="AE82173" i="1"/>
  <c r="AE82174" i="1"/>
  <c r="AE82175" i="1"/>
  <c r="AE82176" i="1"/>
  <c r="AE82177" i="1"/>
  <c r="AE82178" i="1"/>
  <c r="AE82179" i="1"/>
  <c r="AE82180" i="1"/>
  <c r="AE82181" i="1"/>
  <c r="AE82182" i="1"/>
  <c r="AE82183" i="1"/>
  <c r="AE82184" i="1"/>
  <c r="AE82185" i="1"/>
  <c r="AE82186" i="1"/>
  <c r="AE82187" i="1"/>
  <c r="AE82188" i="1"/>
  <c r="AE82189" i="1"/>
  <c r="AE82190" i="1"/>
  <c r="AE82191" i="1"/>
  <c r="AE82192" i="1"/>
  <c r="AE82193" i="1"/>
  <c r="AE82194" i="1"/>
  <c r="AE82195" i="1"/>
  <c r="AE82196" i="1"/>
  <c r="AE82197" i="1"/>
  <c r="AE82198" i="1"/>
  <c r="AE82199" i="1"/>
  <c r="AE82200" i="1"/>
  <c r="AE82201" i="1"/>
  <c r="AE82202" i="1"/>
  <c r="AE82203" i="1"/>
  <c r="AE82204" i="1"/>
  <c r="AE82205" i="1"/>
  <c r="AE82206" i="1"/>
  <c r="AE82207" i="1"/>
  <c r="AE82208" i="1"/>
  <c r="AE82209" i="1"/>
  <c r="AE82210" i="1"/>
  <c r="AE82211" i="1"/>
  <c r="AE82212" i="1"/>
  <c r="AE82213" i="1"/>
  <c r="AE82214" i="1"/>
  <c r="AE82215" i="1"/>
  <c r="AE82216" i="1"/>
  <c r="AE82217" i="1"/>
  <c r="AE82218" i="1"/>
  <c r="AE82219" i="1"/>
  <c r="AE82220" i="1"/>
  <c r="AE82221" i="1"/>
  <c r="AE82222" i="1"/>
  <c r="AE82223" i="1"/>
  <c r="AE82224" i="1"/>
  <c r="AE82225" i="1"/>
  <c r="AE82226" i="1"/>
  <c r="AE82227" i="1"/>
  <c r="AE82228" i="1"/>
  <c r="AE82229" i="1"/>
  <c r="AE82230" i="1"/>
  <c r="AE82231" i="1"/>
  <c r="AE82232" i="1"/>
  <c r="AE82233" i="1"/>
  <c r="AE82234" i="1"/>
  <c r="AE82235" i="1"/>
  <c r="AE82236" i="1"/>
  <c r="AE82237" i="1"/>
  <c r="AE82238" i="1"/>
  <c r="AE82239" i="1"/>
  <c r="AE82240" i="1"/>
  <c r="AE82241" i="1"/>
  <c r="AE82242" i="1"/>
  <c r="AE82243" i="1"/>
  <c r="AE82244" i="1"/>
  <c r="AE82245" i="1"/>
  <c r="AE82246" i="1"/>
  <c r="AE82247" i="1"/>
  <c r="AE82248" i="1"/>
  <c r="AE82249" i="1"/>
  <c r="AE82250" i="1"/>
  <c r="AE82251" i="1"/>
  <c r="AE82252" i="1"/>
  <c r="AE82253" i="1"/>
  <c r="AE82254" i="1"/>
  <c r="AE82255" i="1"/>
  <c r="AE82256" i="1"/>
  <c r="AE82257" i="1"/>
  <c r="AE82258" i="1"/>
  <c r="AE82259" i="1"/>
  <c r="AE82260" i="1"/>
  <c r="AE82261" i="1"/>
  <c r="AE82262" i="1"/>
  <c r="AE82263" i="1"/>
  <c r="AE82264" i="1"/>
  <c r="AE82265" i="1"/>
  <c r="AE82266" i="1"/>
  <c r="AE82267" i="1"/>
  <c r="AE82268" i="1"/>
  <c r="AE82269" i="1"/>
  <c r="AE82270" i="1"/>
  <c r="AE82271" i="1"/>
  <c r="AE82272" i="1"/>
  <c r="AE82273" i="1"/>
  <c r="AE82274" i="1"/>
  <c r="AE82275" i="1"/>
  <c r="AE82276" i="1"/>
  <c r="AE82277" i="1"/>
  <c r="AE82278" i="1"/>
  <c r="AE82279" i="1"/>
  <c r="AE82280" i="1"/>
  <c r="AE82281" i="1"/>
  <c r="AE82282" i="1"/>
  <c r="AE82283" i="1"/>
  <c r="AE82284" i="1"/>
  <c r="AE82285" i="1"/>
  <c r="AE82286" i="1"/>
  <c r="AE82287" i="1"/>
  <c r="AE82288" i="1"/>
  <c r="AE82289" i="1"/>
  <c r="AE82290" i="1"/>
  <c r="AE82291" i="1"/>
  <c r="AE82292" i="1"/>
  <c r="AE82293" i="1"/>
  <c r="AE82294" i="1"/>
  <c r="AE82295" i="1"/>
  <c r="AE82296" i="1"/>
  <c r="AE82297" i="1"/>
  <c r="AE82298" i="1"/>
  <c r="AE82299" i="1"/>
  <c r="AE82300" i="1"/>
  <c r="AE82301" i="1"/>
  <c r="AE82302" i="1"/>
  <c r="AE82303" i="1"/>
  <c r="AE82304" i="1"/>
  <c r="AE82305" i="1"/>
  <c r="AE82306" i="1"/>
  <c r="AE82307" i="1"/>
  <c r="AE82308" i="1"/>
  <c r="AE82309" i="1"/>
  <c r="AE82310" i="1"/>
  <c r="AE82311" i="1"/>
  <c r="AE82312" i="1"/>
  <c r="AE82313" i="1"/>
  <c r="AE82314" i="1"/>
  <c r="AE82315" i="1"/>
  <c r="AE82316" i="1"/>
  <c r="AE82317" i="1"/>
  <c r="AE82318" i="1"/>
  <c r="AE82319" i="1"/>
  <c r="AE82320" i="1"/>
  <c r="AE82321" i="1"/>
  <c r="AE82322" i="1"/>
  <c r="AE82323" i="1"/>
  <c r="AE82324" i="1"/>
  <c r="AE82325" i="1"/>
  <c r="AE82326" i="1"/>
  <c r="AE82327" i="1"/>
  <c r="AE82328" i="1"/>
  <c r="AE82329" i="1"/>
  <c r="AE82330" i="1"/>
  <c r="AE82331" i="1"/>
  <c r="AE82332" i="1"/>
  <c r="AE82333" i="1"/>
  <c r="AE82334" i="1"/>
  <c r="AE82335" i="1"/>
  <c r="AE82336" i="1"/>
  <c r="AE82337" i="1"/>
  <c r="AE82338" i="1"/>
  <c r="AE82339" i="1"/>
  <c r="AE82340" i="1"/>
  <c r="AE82341" i="1"/>
  <c r="AE82342" i="1"/>
  <c r="AE82343" i="1"/>
  <c r="AE82344" i="1"/>
  <c r="AE82345" i="1"/>
  <c r="AE82346" i="1"/>
  <c r="AE82347" i="1"/>
  <c r="AE82348" i="1"/>
  <c r="AE82349" i="1"/>
  <c r="AE82350" i="1"/>
  <c r="AE82351" i="1"/>
  <c r="AE82352" i="1"/>
  <c r="AE82353" i="1"/>
  <c r="AE82354" i="1"/>
  <c r="AE82355" i="1"/>
  <c r="AE82356" i="1"/>
  <c r="AE82357" i="1"/>
  <c r="AE82358" i="1"/>
  <c r="AE82359" i="1"/>
  <c r="AE82360" i="1"/>
  <c r="AE82361" i="1"/>
  <c r="AE82362" i="1"/>
  <c r="AE82363" i="1"/>
  <c r="AE82364" i="1"/>
  <c r="AE82365" i="1"/>
  <c r="AE82366" i="1"/>
  <c r="AE82367" i="1"/>
  <c r="AE82368" i="1"/>
  <c r="AE82369" i="1"/>
  <c r="AE82370" i="1"/>
  <c r="AE82371" i="1"/>
  <c r="AE82372" i="1"/>
  <c r="AE82373" i="1"/>
  <c r="AE82374" i="1"/>
  <c r="AE82375" i="1"/>
  <c r="AE82376" i="1"/>
  <c r="AE82377" i="1"/>
  <c r="AE82378" i="1"/>
  <c r="AE82379" i="1"/>
  <c r="AE82380" i="1"/>
  <c r="AE82381" i="1"/>
  <c r="AE82382" i="1"/>
  <c r="AE82383" i="1"/>
  <c r="AE82384" i="1"/>
  <c r="AE82385" i="1"/>
  <c r="AE82386" i="1"/>
  <c r="AE82387" i="1"/>
  <c r="AE82388" i="1"/>
  <c r="AE82389" i="1"/>
  <c r="AE82390" i="1"/>
  <c r="AE82391" i="1"/>
  <c r="AE82392" i="1"/>
  <c r="AE82393" i="1"/>
  <c r="AE82394" i="1"/>
  <c r="AE82395" i="1"/>
  <c r="AE82396" i="1"/>
  <c r="AE82397" i="1"/>
  <c r="AE82398" i="1"/>
  <c r="AE82399" i="1"/>
  <c r="AE82400" i="1"/>
  <c r="AE82401" i="1"/>
  <c r="AE82402" i="1"/>
  <c r="AE82403" i="1"/>
  <c r="AE82404" i="1"/>
  <c r="AE82405" i="1"/>
  <c r="AE82406" i="1"/>
  <c r="AE82407" i="1"/>
  <c r="AE82408" i="1"/>
  <c r="AE82409" i="1"/>
  <c r="AE82410" i="1"/>
  <c r="AE82411" i="1"/>
  <c r="AE82412" i="1"/>
  <c r="AE82413" i="1"/>
  <c r="AE82414" i="1"/>
  <c r="AE82415" i="1"/>
  <c r="AE82416" i="1"/>
  <c r="AE82417" i="1"/>
  <c r="AE82418" i="1"/>
  <c r="AE82419" i="1"/>
  <c r="AE82420" i="1"/>
  <c r="AE82421" i="1"/>
  <c r="AE82422" i="1"/>
  <c r="AE82423" i="1"/>
  <c r="AE82424" i="1"/>
  <c r="AE82425" i="1"/>
  <c r="AE82426" i="1"/>
  <c r="AE82427" i="1"/>
  <c r="AE82428" i="1"/>
  <c r="AE82429" i="1"/>
  <c r="AE82430" i="1"/>
  <c r="AE82431" i="1"/>
  <c r="AE82432" i="1"/>
  <c r="AE82433" i="1"/>
  <c r="AE82434" i="1"/>
  <c r="AE82435" i="1"/>
  <c r="AE82436" i="1"/>
  <c r="AE82437" i="1"/>
  <c r="AE82438" i="1"/>
  <c r="AE82439" i="1"/>
  <c r="AE82440" i="1"/>
  <c r="AE82441" i="1"/>
  <c r="AE82442" i="1"/>
  <c r="AE82443" i="1"/>
  <c r="AE82444" i="1"/>
  <c r="AE82445" i="1"/>
  <c r="AE82446" i="1"/>
  <c r="AE82447" i="1"/>
  <c r="AE82448" i="1"/>
  <c r="AE82449" i="1"/>
  <c r="AE82450" i="1"/>
  <c r="AE82451" i="1"/>
  <c r="AE82452" i="1"/>
  <c r="AE82453" i="1"/>
  <c r="AE82454" i="1"/>
  <c r="AE82455" i="1"/>
  <c r="AE82456" i="1"/>
  <c r="AE82457" i="1"/>
  <c r="AE82458" i="1"/>
  <c r="AE82459" i="1"/>
  <c r="AE82460" i="1"/>
  <c r="AE82461" i="1"/>
  <c r="AE82462" i="1"/>
  <c r="AE82463" i="1"/>
  <c r="AE82464" i="1"/>
  <c r="AE82465" i="1"/>
  <c r="AE82466" i="1"/>
  <c r="AE82467" i="1"/>
  <c r="AE82468" i="1"/>
  <c r="AE82469" i="1"/>
  <c r="AE82470" i="1"/>
  <c r="AE82471" i="1"/>
  <c r="AE82472" i="1"/>
  <c r="AE82473" i="1"/>
  <c r="AE82474" i="1"/>
  <c r="AE82475" i="1"/>
  <c r="AE82476" i="1"/>
  <c r="AE82477" i="1"/>
  <c r="AE82478" i="1"/>
  <c r="AE82479" i="1"/>
  <c r="AE82480" i="1"/>
  <c r="AE82481" i="1"/>
  <c r="AE82482" i="1"/>
  <c r="AE82483" i="1"/>
  <c r="AE82484" i="1"/>
  <c r="AE82485" i="1"/>
  <c r="AE82486" i="1"/>
  <c r="AE82487" i="1"/>
  <c r="AE82488" i="1"/>
  <c r="AE82489" i="1"/>
  <c r="AE82490" i="1"/>
  <c r="AE82491" i="1"/>
  <c r="AE82492" i="1"/>
  <c r="AE82493" i="1"/>
  <c r="AE82494" i="1"/>
  <c r="AE82495" i="1"/>
  <c r="AE82496" i="1"/>
  <c r="AE82497" i="1"/>
  <c r="AE82498" i="1"/>
  <c r="AE82499" i="1"/>
  <c r="AE82500" i="1"/>
  <c r="AE82501" i="1"/>
  <c r="AE82502" i="1"/>
  <c r="AE82503" i="1"/>
  <c r="AE82504" i="1"/>
  <c r="AE82505" i="1"/>
  <c r="AE82506" i="1"/>
  <c r="AE82507" i="1"/>
  <c r="AE82508" i="1"/>
  <c r="AE82509" i="1"/>
  <c r="AE82510" i="1"/>
  <c r="AE82511" i="1"/>
  <c r="AE82512" i="1"/>
  <c r="AE82513" i="1"/>
  <c r="AE82514" i="1"/>
  <c r="AE82515" i="1"/>
  <c r="AE82516" i="1"/>
  <c r="AE82517" i="1"/>
  <c r="AE82518" i="1"/>
  <c r="AE82519" i="1"/>
  <c r="AE82520" i="1"/>
  <c r="AE82521" i="1"/>
  <c r="AE82522" i="1"/>
  <c r="AE82523" i="1"/>
  <c r="AE82524" i="1"/>
  <c r="AE82525" i="1"/>
  <c r="AE82526" i="1"/>
  <c r="AE82527" i="1"/>
  <c r="AE82528" i="1"/>
  <c r="AE82529" i="1"/>
  <c r="AE82530" i="1"/>
  <c r="AE82531" i="1"/>
  <c r="AE82532" i="1"/>
  <c r="AE82533" i="1"/>
  <c r="AE82534" i="1"/>
  <c r="AE82535" i="1"/>
  <c r="AE82536" i="1"/>
  <c r="AE82537" i="1"/>
  <c r="AE82538" i="1"/>
  <c r="AE82539" i="1"/>
  <c r="AE82540" i="1"/>
  <c r="AE82541" i="1"/>
  <c r="AE82542" i="1"/>
  <c r="AE82543" i="1"/>
  <c r="AE82544" i="1"/>
  <c r="AE82545" i="1"/>
  <c r="AE82546" i="1"/>
  <c r="AE82547" i="1"/>
  <c r="AE82548" i="1"/>
  <c r="AE82549" i="1"/>
  <c r="AE82550" i="1"/>
  <c r="AE82551" i="1"/>
  <c r="AE82552" i="1"/>
  <c r="AE82553" i="1"/>
  <c r="AE82554" i="1"/>
  <c r="AE82555" i="1"/>
  <c r="AE82556" i="1"/>
  <c r="AE82557" i="1"/>
  <c r="AE82558" i="1"/>
  <c r="AE82559" i="1"/>
  <c r="AE82560" i="1"/>
  <c r="AE82561" i="1"/>
  <c r="AE82562" i="1"/>
  <c r="AE82563" i="1"/>
  <c r="AE82564" i="1"/>
  <c r="AE82565" i="1"/>
  <c r="AE82566" i="1"/>
  <c r="AE82567" i="1"/>
  <c r="AE82568" i="1"/>
  <c r="AE82569" i="1"/>
  <c r="AE82570" i="1"/>
  <c r="AE82571" i="1"/>
  <c r="AE82572" i="1"/>
  <c r="AE82573" i="1"/>
  <c r="AE82574" i="1"/>
  <c r="AE82575" i="1"/>
  <c r="AE82576" i="1"/>
  <c r="AE82577" i="1"/>
  <c r="AE82578" i="1"/>
  <c r="AE82579" i="1"/>
  <c r="AE82580" i="1"/>
  <c r="AE82581" i="1"/>
  <c r="AE82582" i="1"/>
  <c r="AE82583" i="1"/>
  <c r="AE82584" i="1"/>
  <c r="AE82585" i="1"/>
  <c r="AE82586" i="1"/>
  <c r="AE82587" i="1"/>
  <c r="AE82588" i="1"/>
  <c r="AE82589" i="1"/>
  <c r="AE82590" i="1"/>
  <c r="AE82591" i="1"/>
  <c r="AE82592" i="1"/>
  <c r="AE82593" i="1"/>
  <c r="AE82594" i="1"/>
  <c r="AE82595" i="1"/>
  <c r="AE82596" i="1"/>
  <c r="AE82597" i="1"/>
  <c r="AE82598" i="1"/>
  <c r="AE82599" i="1"/>
  <c r="AE82600" i="1"/>
  <c r="AE82601" i="1"/>
  <c r="AE82602" i="1"/>
  <c r="AE82603" i="1"/>
  <c r="AE82604" i="1"/>
  <c r="AE82605" i="1"/>
  <c r="AE82606" i="1"/>
  <c r="AE82607" i="1"/>
  <c r="AE82608" i="1"/>
  <c r="AE82609" i="1"/>
  <c r="AE82610" i="1"/>
  <c r="AE82611" i="1"/>
  <c r="AE82612" i="1"/>
  <c r="AE82613" i="1"/>
  <c r="AE82614" i="1"/>
  <c r="AE82615" i="1"/>
  <c r="AE82616" i="1"/>
  <c r="AE82617" i="1"/>
  <c r="AE82618" i="1"/>
  <c r="AE82619" i="1"/>
  <c r="AE82620" i="1"/>
  <c r="AE82621" i="1"/>
  <c r="AE82622" i="1"/>
  <c r="AE82623" i="1"/>
  <c r="AE82624" i="1"/>
  <c r="AE82625" i="1"/>
  <c r="AE82626" i="1"/>
  <c r="AE82627" i="1"/>
  <c r="AE82628" i="1"/>
  <c r="AE82629" i="1"/>
  <c r="AE82630" i="1"/>
  <c r="AE82631" i="1"/>
  <c r="AE82632" i="1"/>
  <c r="AE82633" i="1"/>
  <c r="AE82634" i="1"/>
  <c r="AE82635" i="1"/>
  <c r="AE82636" i="1"/>
  <c r="AE82637" i="1"/>
  <c r="AE82638" i="1"/>
  <c r="AE82639" i="1"/>
  <c r="AE82640" i="1"/>
  <c r="AE82641" i="1"/>
  <c r="AE82642" i="1"/>
  <c r="AE82643" i="1"/>
  <c r="AE82644" i="1"/>
  <c r="AE82645" i="1"/>
  <c r="AE82646" i="1"/>
  <c r="AE82647" i="1"/>
  <c r="AE82648" i="1"/>
  <c r="AE82649" i="1"/>
  <c r="AE82650" i="1"/>
  <c r="AE82651" i="1"/>
  <c r="AE82652" i="1"/>
  <c r="AE82653" i="1"/>
  <c r="AE82654" i="1"/>
  <c r="AE82655" i="1"/>
  <c r="AE82656" i="1"/>
  <c r="AE82657" i="1"/>
  <c r="AE82658" i="1"/>
  <c r="AE82659" i="1"/>
  <c r="AE82660" i="1"/>
  <c r="AE82661" i="1"/>
  <c r="AE82662" i="1"/>
  <c r="AE82663" i="1"/>
  <c r="AE82664" i="1"/>
  <c r="AE82665" i="1"/>
  <c r="AE82666" i="1"/>
  <c r="AE82667" i="1"/>
  <c r="AE82668" i="1"/>
  <c r="AE82669" i="1"/>
  <c r="AE82670" i="1"/>
  <c r="AE82671" i="1"/>
  <c r="AE82672" i="1"/>
  <c r="AE82673" i="1"/>
  <c r="AE82674" i="1"/>
  <c r="AE82675" i="1"/>
  <c r="AE82676" i="1"/>
  <c r="AE82677" i="1"/>
  <c r="AE82678" i="1"/>
  <c r="AE82679" i="1"/>
  <c r="AE82680" i="1"/>
  <c r="AE82681" i="1"/>
  <c r="AE82682" i="1"/>
  <c r="AE82683" i="1"/>
  <c r="AE82684" i="1"/>
  <c r="AE82685" i="1"/>
  <c r="AE82686" i="1"/>
  <c r="AE82687" i="1"/>
  <c r="AE82688" i="1"/>
  <c r="AE82689" i="1"/>
  <c r="AE82690" i="1"/>
  <c r="AE82691" i="1"/>
  <c r="AE82692" i="1"/>
  <c r="AE82693" i="1"/>
  <c r="AE82694" i="1"/>
  <c r="AE82695" i="1"/>
  <c r="AE82696" i="1"/>
  <c r="AE82697" i="1"/>
  <c r="AE82698" i="1"/>
  <c r="AE82699" i="1"/>
  <c r="AE82700" i="1"/>
  <c r="AE82701" i="1"/>
  <c r="AE82702" i="1"/>
  <c r="AE82703" i="1"/>
  <c r="AE82704" i="1"/>
  <c r="AE82705" i="1"/>
  <c r="AE82706" i="1"/>
  <c r="AE82707" i="1"/>
  <c r="AE82708" i="1"/>
  <c r="AE82709" i="1"/>
  <c r="AE82710" i="1"/>
  <c r="AE82711" i="1"/>
  <c r="AE82712" i="1"/>
  <c r="AE82713" i="1"/>
  <c r="AE82714" i="1"/>
  <c r="AE82715" i="1"/>
  <c r="AE82716" i="1"/>
  <c r="AE82717" i="1"/>
  <c r="AE82718" i="1"/>
  <c r="AE82719" i="1"/>
  <c r="AE82720" i="1"/>
  <c r="AE82721" i="1"/>
  <c r="AE82722" i="1"/>
  <c r="AE82723" i="1"/>
  <c r="AE82724" i="1"/>
  <c r="AE82725" i="1"/>
  <c r="AE82726" i="1"/>
  <c r="AE82727" i="1"/>
  <c r="AE82728" i="1"/>
  <c r="AE82729" i="1"/>
  <c r="AE82730" i="1"/>
  <c r="AE82731" i="1"/>
  <c r="AE82732" i="1"/>
  <c r="AE82733" i="1"/>
  <c r="AE82734" i="1"/>
  <c r="AE82735" i="1"/>
  <c r="AE82736" i="1"/>
  <c r="AE82737" i="1"/>
  <c r="AE82738" i="1"/>
  <c r="AE82739" i="1"/>
  <c r="AE82740" i="1"/>
  <c r="AE82741" i="1"/>
  <c r="AE82742" i="1"/>
  <c r="AE82743" i="1"/>
  <c r="AE82744" i="1"/>
  <c r="AE82745" i="1"/>
  <c r="AE82746" i="1"/>
  <c r="AE82747" i="1"/>
  <c r="AE82748" i="1"/>
  <c r="AE82749" i="1"/>
  <c r="AE82750" i="1"/>
  <c r="AE82751" i="1"/>
  <c r="AE82752" i="1"/>
  <c r="AE82753" i="1"/>
  <c r="AE82754" i="1"/>
  <c r="AE82755" i="1"/>
  <c r="AE82756" i="1"/>
  <c r="AE82757" i="1"/>
  <c r="AE82758" i="1"/>
  <c r="AE82759" i="1"/>
  <c r="AE82760" i="1"/>
  <c r="AE82761" i="1"/>
  <c r="AE82762" i="1"/>
  <c r="AE82763" i="1"/>
  <c r="AE82764" i="1"/>
  <c r="AE82765" i="1"/>
  <c r="AE82766" i="1"/>
  <c r="AE82767" i="1"/>
  <c r="AE82768" i="1"/>
  <c r="AE82769" i="1"/>
  <c r="AE82770" i="1"/>
  <c r="AE82771" i="1"/>
  <c r="AE82772" i="1"/>
  <c r="AE82773" i="1"/>
  <c r="AE82774" i="1"/>
  <c r="AE82775" i="1"/>
  <c r="AE82776" i="1"/>
  <c r="AE82777" i="1"/>
  <c r="AE82778" i="1"/>
  <c r="AE82779" i="1"/>
  <c r="AE82780" i="1"/>
  <c r="AE82781" i="1"/>
  <c r="AE82782" i="1"/>
  <c r="AE82783" i="1"/>
  <c r="AE82784" i="1"/>
  <c r="AE82785" i="1"/>
  <c r="AE82786" i="1"/>
  <c r="AE82787" i="1"/>
  <c r="AE82788" i="1"/>
  <c r="AE82789" i="1"/>
  <c r="AE82790" i="1"/>
  <c r="AE82791" i="1"/>
  <c r="AE82792" i="1"/>
  <c r="AE82793" i="1"/>
  <c r="AE82794" i="1"/>
  <c r="AE82795" i="1"/>
  <c r="AE82796" i="1"/>
  <c r="AE82797" i="1"/>
  <c r="AE82798" i="1"/>
  <c r="AE82799" i="1"/>
  <c r="AE82800" i="1"/>
  <c r="AE82801" i="1"/>
  <c r="AE82802" i="1"/>
  <c r="AE82803" i="1"/>
  <c r="AE82804" i="1"/>
  <c r="AE82805" i="1"/>
  <c r="AE82806" i="1"/>
  <c r="AE82807" i="1"/>
  <c r="AE82808" i="1"/>
  <c r="AE82809" i="1"/>
  <c r="AE82810" i="1"/>
  <c r="AE82811" i="1"/>
  <c r="AE82812" i="1"/>
  <c r="AE82813" i="1"/>
  <c r="AE82814" i="1"/>
  <c r="AE82815" i="1"/>
  <c r="AE82816" i="1"/>
  <c r="AE82817" i="1"/>
  <c r="AE82818" i="1"/>
  <c r="AE82819" i="1"/>
  <c r="AE82820" i="1"/>
  <c r="AE82821" i="1"/>
  <c r="AE82822" i="1"/>
  <c r="AE82823" i="1"/>
  <c r="AE82824" i="1"/>
  <c r="AE82825" i="1"/>
  <c r="AE82826" i="1"/>
  <c r="AE82827" i="1"/>
  <c r="AE82828" i="1"/>
  <c r="AE82829" i="1"/>
  <c r="AE82830" i="1"/>
  <c r="AE82831" i="1"/>
  <c r="AE82832" i="1"/>
  <c r="AE82833" i="1"/>
  <c r="AE82834" i="1"/>
  <c r="AE82835" i="1"/>
  <c r="AE82836" i="1"/>
  <c r="AE82837" i="1"/>
  <c r="AE82838" i="1"/>
  <c r="AE82839" i="1"/>
  <c r="AE82840" i="1"/>
  <c r="AE82841" i="1"/>
  <c r="AE82842" i="1"/>
  <c r="AE82843" i="1"/>
  <c r="AE82844" i="1"/>
  <c r="AE82845" i="1"/>
  <c r="AE82846" i="1"/>
  <c r="AE82847" i="1"/>
  <c r="AE82848" i="1"/>
  <c r="AE82849" i="1"/>
  <c r="AE82850" i="1"/>
  <c r="AE82851" i="1"/>
  <c r="AE82852" i="1"/>
  <c r="AE82853" i="1"/>
  <c r="AE82854" i="1"/>
  <c r="AE82855" i="1"/>
  <c r="AE82856" i="1"/>
  <c r="AE82857" i="1"/>
  <c r="AE82858" i="1"/>
  <c r="AE82859" i="1"/>
  <c r="AE82860" i="1"/>
  <c r="AE82861" i="1"/>
  <c r="AE82862" i="1"/>
  <c r="AE82863" i="1"/>
  <c r="AE82864" i="1"/>
  <c r="AE82865" i="1"/>
  <c r="AE82866" i="1"/>
  <c r="AE82867" i="1"/>
  <c r="AE82868" i="1"/>
  <c r="AE82869" i="1"/>
  <c r="AE82870" i="1"/>
  <c r="AE82871" i="1"/>
  <c r="AE82872" i="1"/>
  <c r="AE82873" i="1"/>
  <c r="AE82874" i="1"/>
  <c r="AE82875" i="1"/>
  <c r="AE82876" i="1"/>
  <c r="AE82877" i="1"/>
  <c r="AE82878" i="1"/>
  <c r="AE82879" i="1"/>
  <c r="AE82880" i="1"/>
  <c r="AE82881" i="1"/>
  <c r="AE82882" i="1"/>
  <c r="AE82883" i="1"/>
  <c r="AE82884" i="1"/>
  <c r="AE82885" i="1"/>
  <c r="AE82886" i="1"/>
  <c r="AE82887" i="1"/>
  <c r="AE82888" i="1"/>
  <c r="AE82889" i="1"/>
  <c r="AE82890" i="1"/>
  <c r="AE82891" i="1"/>
  <c r="AE82892" i="1"/>
  <c r="AE82893" i="1"/>
  <c r="AE82894" i="1"/>
  <c r="AE82895" i="1"/>
  <c r="AE82896" i="1"/>
  <c r="AE82897" i="1"/>
  <c r="AE82898" i="1"/>
  <c r="AE82899" i="1"/>
  <c r="AE82900" i="1"/>
  <c r="AE82901" i="1"/>
  <c r="AE82902" i="1"/>
  <c r="AE82903" i="1"/>
  <c r="AE82904" i="1"/>
  <c r="AE82905" i="1"/>
  <c r="AE82906" i="1"/>
  <c r="AE82907" i="1"/>
  <c r="AE82908" i="1"/>
  <c r="AE82909" i="1"/>
  <c r="AE82910" i="1"/>
  <c r="AE82911" i="1"/>
  <c r="AE82912" i="1"/>
  <c r="AE82913" i="1"/>
  <c r="AE82914" i="1"/>
  <c r="AE82915" i="1"/>
  <c r="AE82916" i="1"/>
  <c r="AE82917" i="1"/>
  <c r="AE82918" i="1"/>
  <c r="AE82919" i="1"/>
  <c r="AE82920" i="1"/>
  <c r="AE82921" i="1"/>
  <c r="AE82922" i="1"/>
  <c r="AE82923" i="1"/>
  <c r="AE82924" i="1"/>
  <c r="AE82925" i="1"/>
  <c r="AE82926" i="1"/>
  <c r="AE82927" i="1"/>
  <c r="AE82928" i="1"/>
  <c r="AE82929" i="1"/>
  <c r="AE82930" i="1"/>
  <c r="AE82931" i="1"/>
  <c r="AE82932" i="1"/>
  <c r="AE82933" i="1"/>
  <c r="AE82934" i="1"/>
  <c r="AE82935" i="1"/>
  <c r="AE82936" i="1"/>
  <c r="AE82937" i="1"/>
  <c r="AE82938" i="1"/>
  <c r="AE82939" i="1"/>
  <c r="AE82940" i="1"/>
  <c r="AE82941" i="1"/>
  <c r="AE82942" i="1"/>
  <c r="AE82943" i="1"/>
  <c r="AE82944" i="1"/>
  <c r="AE82945" i="1"/>
  <c r="AE82946" i="1"/>
  <c r="AE82947" i="1"/>
  <c r="AE82948" i="1"/>
  <c r="AE82949" i="1"/>
  <c r="AE82950" i="1"/>
  <c r="AE82951" i="1"/>
  <c r="AE82952" i="1"/>
  <c r="AE82953" i="1"/>
  <c r="AE82954" i="1"/>
  <c r="AE82955" i="1"/>
  <c r="AE82956" i="1"/>
  <c r="AE82957" i="1"/>
  <c r="AE82958" i="1"/>
  <c r="AE82959" i="1"/>
  <c r="AE82960" i="1"/>
  <c r="AE82961" i="1"/>
  <c r="AE82962" i="1"/>
  <c r="AE82963" i="1"/>
  <c r="AE82964" i="1"/>
  <c r="AE82965" i="1"/>
  <c r="AE82966" i="1"/>
  <c r="AE82967" i="1"/>
  <c r="AE82968" i="1"/>
  <c r="AE82969" i="1"/>
  <c r="AE82970" i="1"/>
  <c r="AE82971" i="1"/>
  <c r="AE82972" i="1"/>
  <c r="AE82973" i="1"/>
  <c r="AE82974" i="1"/>
  <c r="AE82975" i="1"/>
  <c r="AE82976" i="1"/>
  <c r="AE82977" i="1"/>
  <c r="AE82978" i="1"/>
  <c r="AE82979" i="1"/>
  <c r="AE82980" i="1"/>
  <c r="AE82981" i="1"/>
  <c r="AE82982" i="1"/>
  <c r="AE82983" i="1"/>
  <c r="AE82984" i="1"/>
  <c r="AE82985" i="1"/>
  <c r="AE82986" i="1"/>
  <c r="AE82987" i="1"/>
  <c r="AE82988" i="1"/>
  <c r="AE82989" i="1"/>
  <c r="AE82990" i="1"/>
  <c r="AE82991" i="1"/>
  <c r="AE82992" i="1"/>
  <c r="AE82993" i="1"/>
  <c r="AE82994" i="1"/>
  <c r="AE82995" i="1"/>
  <c r="AE82996" i="1"/>
  <c r="AE82997" i="1"/>
  <c r="AE82998" i="1"/>
  <c r="AE82999" i="1"/>
  <c r="AE83000" i="1"/>
  <c r="AE83001" i="1"/>
  <c r="AE83002" i="1"/>
  <c r="AE83003" i="1"/>
  <c r="AE83004" i="1"/>
  <c r="AE83005" i="1"/>
  <c r="AE83006" i="1"/>
  <c r="AE83007" i="1"/>
  <c r="AE83008" i="1"/>
  <c r="AE83009" i="1"/>
  <c r="AE83010" i="1"/>
  <c r="AE83011" i="1"/>
  <c r="AE83012" i="1"/>
  <c r="AE83013" i="1"/>
  <c r="AE83014" i="1"/>
  <c r="AE83015" i="1"/>
  <c r="AE83016" i="1"/>
  <c r="AE83017" i="1"/>
  <c r="AE83018" i="1"/>
  <c r="AE83019" i="1"/>
  <c r="AE83020" i="1"/>
  <c r="AE83021" i="1"/>
  <c r="AE83022" i="1"/>
  <c r="AE83023" i="1"/>
  <c r="AE83024" i="1"/>
  <c r="AE83025" i="1"/>
  <c r="AE83026" i="1"/>
  <c r="AE83027" i="1"/>
  <c r="AE83028" i="1"/>
  <c r="AE83029" i="1"/>
  <c r="AE83030" i="1"/>
  <c r="AE83031" i="1"/>
  <c r="AE83032" i="1"/>
  <c r="AE83033" i="1"/>
  <c r="AE83034" i="1"/>
  <c r="AE83035" i="1"/>
  <c r="AE83036" i="1"/>
  <c r="AE83037" i="1"/>
  <c r="AE83038" i="1"/>
  <c r="AE83039" i="1"/>
  <c r="AE83040" i="1"/>
  <c r="AE83041" i="1"/>
  <c r="AE83042" i="1"/>
  <c r="AE83043" i="1"/>
  <c r="AE83044" i="1"/>
  <c r="AE83045" i="1"/>
  <c r="AE83046" i="1"/>
  <c r="AE83047" i="1"/>
  <c r="AE83048" i="1"/>
  <c r="AE83049" i="1"/>
  <c r="AE83050" i="1"/>
  <c r="AE83051" i="1"/>
  <c r="AE83052" i="1"/>
  <c r="AE83053" i="1"/>
  <c r="AE83054" i="1"/>
  <c r="AE83055" i="1"/>
  <c r="AE83056" i="1"/>
  <c r="AE83057" i="1"/>
  <c r="AE83058" i="1"/>
  <c r="AE83059" i="1"/>
  <c r="AE83060" i="1"/>
  <c r="AE83061" i="1"/>
  <c r="AE83062" i="1"/>
  <c r="AE83063" i="1"/>
  <c r="AE83064" i="1"/>
  <c r="AE83065" i="1"/>
  <c r="AE83066" i="1"/>
  <c r="AE83067" i="1"/>
  <c r="AE83068" i="1"/>
  <c r="AE83069" i="1"/>
  <c r="AE83070" i="1"/>
  <c r="AE83071" i="1"/>
  <c r="AE83072" i="1"/>
  <c r="AE83073" i="1"/>
  <c r="AE83074" i="1"/>
  <c r="AE83075" i="1"/>
  <c r="AE83076" i="1"/>
  <c r="AE83077" i="1"/>
  <c r="AE83078" i="1"/>
  <c r="AE83079" i="1"/>
  <c r="AE83080" i="1"/>
  <c r="AE83081" i="1"/>
  <c r="AE83082" i="1"/>
  <c r="AE83083" i="1"/>
  <c r="AE83084" i="1"/>
  <c r="AE83085" i="1"/>
  <c r="AE83086" i="1"/>
  <c r="AE83087" i="1"/>
  <c r="AE83088" i="1"/>
  <c r="AE83089" i="1"/>
  <c r="AE83090" i="1"/>
  <c r="AE83091" i="1"/>
  <c r="AE83092" i="1"/>
  <c r="AE83093" i="1"/>
  <c r="AE83094" i="1"/>
  <c r="AE83095" i="1"/>
  <c r="AE83096" i="1"/>
  <c r="AE83097" i="1"/>
  <c r="AE83098" i="1"/>
  <c r="AE83099" i="1"/>
  <c r="AE83100" i="1"/>
  <c r="AE83101" i="1"/>
  <c r="AE83102" i="1"/>
  <c r="AE83103" i="1"/>
  <c r="AE83104" i="1"/>
  <c r="AE83105" i="1"/>
  <c r="AE83106" i="1"/>
  <c r="AE83107" i="1"/>
  <c r="AE83108" i="1"/>
  <c r="AE83109" i="1"/>
  <c r="AE83110" i="1"/>
  <c r="AE83111" i="1"/>
  <c r="AE83112" i="1"/>
  <c r="AE83113" i="1"/>
  <c r="AE83114" i="1"/>
  <c r="AE83115" i="1"/>
  <c r="AE83116" i="1"/>
  <c r="AE83117" i="1"/>
  <c r="AE83118" i="1"/>
  <c r="AE83119" i="1"/>
  <c r="AE83120" i="1"/>
  <c r="AE83121" i="1"/>
  <c r="AE83122" i="1"/>
  <c r="AE83123" i="1"/>
  <c r="AE83124" i="1"/>
  <c r="AE83125" i="1"/>
  <c r="AE83126" i="1"/>
  <c r="AE83127" i="1"/>
  <c r="AE83128" i="1"/>
  <c r="AE83129" i="1"/>
  <c r="AE83130" i="1"/>
  <c r="AE83131" i="1"/>
  <c r="AE83132" i="1"/>
  <c r="AE83133" i="1"/>
  <c r="AE83134" i="1"/>
  <c r="AE83135" i="1"/>
  <c r="AE83136" i="1"/>
  <c r="AE83137" i="1"/>
  <c r="AE83138" i="1"/>
  <c r="AE83139" i="1"/>
  <c r="AE83140" i="1"/>
  <c r="AE83141" i="1"/>
  <c r="AE83142" i="1"/>
  <c r="AE83143" i="1"/>
  <c r="AE83144" i="1"/>
  <c r="AE83145" i="1"/>
  <c r="AE83146" i="1"/>
  <c r="AE83147" i="1"/>
  <c r="AE83148" i="1"/>
  <c r="AE83149" i="1"/>
  <c r="AE83150" i="1"/>
  <c r="AE83151" i="1"/>
  <c r="AE83152" i="1"/>
  <c r="AE83153" i="1"/>
  <c r="AE83154" i="1"/>
  <c r="AE83155" i="1"/>
  <c r="AE83156" i="1"/>
  <c r="AE83157" i="1"/>
  <c r="AE83158" i="1"/>
  <c r="AE83159" i="1"/>
  <c r="AE83160" i="1"/>
  <c r="AE83161" i="1"/>
  <c r="AE83162" i="1"/>
  <c r="AE83163" i="1"/>
  <c r="AE83164" i="1"/>
  <c r="AE83165" i="1"/>
  <c r="AE83166" i="1"/>
  <c r="AE83167" i="1"/>
  <c r="AE83168" i="1"/>
  <c r="AE83169" i="1"/>
  <c r="AE83170" i="1"/>
  <c r="AE83171" i="1"/>
  <c r="AE83172" i="1"/>
  <c r="AE83173" i="1"/>
  <c r="AE83174" i="1"/>
  <c r="AE83175" i="1"/>
  <c r="AE83176" i="1"/>
  <c r="AE83177" i="1"/>
  <c r="AE83178" i="1"/>
  <c r="AE83179" i="1"/>
  <c r="AE83180" i="1"/>
  <c r="AE83181" i="1"/>
  <c r="AE83182" i="1"/>
  <c r="AE83183" i="1"/>
  <c r="AE83184" i="1"/>
  <c r="AE83185" i="1"/>
  <c r="AE83186" i="1"/>
  <c r="AE83187" i="1"/>
  <c r="AE83188" i="1"/>
  <c r="AE83189" i="1"/>
  <c r="AE83190" i="1"/>
  <c r="AE83191" i="1"/>
  <c r="AE83192" i="1"/>
  <c r="AE83193" i="1"/>
  <c r="AE83194" i="1"/>
  <c r="AE83195" i="1"/>
  <c r="AE83196" i="1"/>
  <c r="AE83197" i="1"/>
  <c r="AE83198" i="1"/>
  <c r="AE83199" i="1"/>
  <c r="AE83200" i="1"/>
  <c r="AE83201" i="1"/>
  <c r="AE83202" i="1"/>
  <c r="AE83203" i="1"/>
  <c r="AE83204" i="1"/>
  <c r="AE83205" i="1"/>
  <c r="AE83206" i="1"/>
  <c r="AE83207" i="1"/>
  <c r="AE83208" i="1"/>
  <c r="AE83209" i="1"/>
  <c r="AE83210" i="1"/>
  <c r="AE83211" i="1"/>
  <c r="AE83212" i="1"/>
  <c r="AE83213" i="1"/>
  <c r="AE83214" i="1"/>
  <c r="AE83215" i="1"/>
  <c r="AE83216" i="1"/>
  <c r="AE83217" i="1"/>
  <c r="AE83218" i="1"/>
  <c r="AE83219" i="1"/>
  <c r="AE83220" i="1"/>
  <c r="AE83221" i="1"/>
  <c r="AE83222" i="1"/>
  <c r="AE83223" i="1"/>
  <c r="AE83224" i="1"/>
  <c r="AE83225" i="1"/>
  <c r="AE83226" i="1"/>
  <c r="AE83227" i="1"/>
  <c r="AE83228" i="1"/>
  <c r="AE83229" i="1"/>
  <c r="AE83230" i="1"/>
  <c r="AE83231" i="1"/>
  <c r="AE83232" i="1"/>
  <c r="AE83233" i="1"/>
  <c r="AE83234" i="1"/>
  <c r="AE83235" i="1"/>
  <c r="AE83236" i="1"/>
  <c r="AE83237" i="1"/>
  <c r="AE83238" i="1"/>
  <c r="AE83239" i="1"/>
  <c r="AE83240" i="1"/>
  <c r="AE83241" i="1"/>
  <c r="AE83242" i="1"/>
  <c r="AE83243" i="1"/>
  <c r="AE83244" i="1"/>
  <c r="AE83245" i="1"/>
  <c r="AE83246" i="1"/>
  <c r="AE83247" i="1"/>
  <c r="AE83248" i="1"/>
  <c r="AE83249" i="1"/>
  <c r="AE83250" i="1"/>
  <c r="AE83251" i="1"/>
  <c r="AE83252" i="1"/>
  <c r="AE83253" i="1"/>
  <c r="AE83254" i="1"/>
  <c r="AE83255" i="1"/>
  <c r="AE83256" i="1"/>
  <c r="AE83257" i="1"/>
  <c r="AE83258" i="1"/>
  <c r="AE83259" i="1"/>
  <c r="AE83260" i="1"/>
  <c r="AE83261" i="1"/>
  <c r="AE83262" i="1"/>
  <c r="AE83263" i="1"/>
  <c r="AE83264" i="1"/>
  <c r="AE83265" i="1"/>
  <c r="AE83266" i="1"/>
  <c r="AE83267" i="1"/>
  <c r="AE83268" i="1"/>
  <c r="AE83269" i="1"/>
  <c r="AE83270" i="1"/>
  <c r="AE83271" i="1"/>
  <c r="AE83272" i="1"/>
  <c r="AE83273" i="1"/>
  <c r="AE83274" i="1"/>
  <c r="AE83275" i="1"/>
  <c r="AE83276" i="1"/>
  <c r="AE83277" i="1"/>
  <c r="AE83278" i="1"/>
  <c r="AE83279" i="1"/>
  <c r="AE83280" i="1"/>
  <c r="AE83281" i="1"/>
  <c r="AE83282" i="1"/>
  <c r="AE83283" i="1"/>
  <c r="AE83284" i="1"/>
  <c r="AE83285" i="1"/>
  <c r="AE83286" i="1"/>
  <c r="AE83287" i="1"/>
  <c r="AE83288" i="1"/>
  <c r="AE83289" i="1"/>
  <c r="AE83290" i="1"/>
  <c r="AE83291" i="1"/>
  <c r="AE83292" i="1"/>
  <c r="AE83293" i="1"/>
  <c r="AE83294" i="1"/>
  <c r="AE83295" i="1"/>
  <c r="AE83296" i="1"/>
  <c r="AE83297" i="1"/>
  <c r="AE83298" i="1"/>
  <c r="AE83299" i="1"/>
  <c r="AE83300" i="1"/>
  <c r="AE83301" i="1"/>
  <c r="AE83302" i="1"/>
  <c r="AE83303" i="1"/>
  <c r="AE83304" i="1"/>
  <c r="AE83305" i="1"/>
  <c r="AE83306" i="1"/>
  <c r="AE83307" i="1"/>
  <c r="AE83308" i="1"/>
  <c r="AE83309" i="1"/>
  <c r="AE83310" i="1"/>
  <c r="AE83311" i="1"/>
  <c r="AE83312" i="1"/>
  <c r="AE83313" i="1"/>
  <c r="AE83314" i="1"/>
  <c r="AE83315" i="1"/>
  <c r="AE83316" i="1"/>
  <c r="AE83317" i="1"/>
  <c r="AE83318" i="1"/>
  <c r="AE83319" i="1"/>
  <c r="AE83320" i="1"/>
  <c r="AE83321" i="1"/>
  <c r="AE83322" i="1"/>
  <c r="AE83323" i="1"/>
  <c r="AE83324" i="1"/>
  <c r="AE83325" i="1"/>
  <c r="AE83326" i="1"/>
  <c r="AE83327" i="1"/>
  <c r="AE83328" i="1"/>
  <c r="AE83329" i="1"/>
  <c r="AE83330" i="1"/>
  <c r="AE83331" i="1"/>
  <c r="AE83332" i="1"/>
  <c r="AE83333" i="1"/>
  <c r="AE83334" i="1"/>
  <c r="AE83335" i="1"/>
  <c r="AE83336" i="1"/>
  <c r="AE83337" i="1"/>
  <c r="AE83338" i="1"/>
  <c r="AE83339" i="1"/>
  <c r="AE83340" i="1"/>
  <c r="AE83341" i="1"/>
  <c r="AE83342" i="1"/>
  <c r="AE83343" i="1"/>
  <c r="AE83344" i="1"/>
  <c r="AE83345" i="1"/>
  <c r="AE83346" i="1"/>
  <c r="AE83347" i="1"/>
  <c r="AE83348" i="1"/>
  <c r="AE83349" i="1"/>
  <c r="AE83350" i="1"/>
  <c r="AE83351" i="1"/>
  <c r="AE83352" i="1"/>
  <c r="AE83353" i="1"/>
  <c r="AE83354" i="1"/>
  <c r="AE83355" i="1"/>
  <c r="AE83356" i="1"/>
  <c r="AE83357" i="1"/>
  <c r="AE83358" i="1"/>
  <c r="AE83359" i="1"/>
  <c r="AE83360" i="1"/>
  <c r="AE83361" i="1"/>
  <c r="AE83362" i="1"/>
  <c r="AE83363" i="1"/>
  <c r="AE83364" i="1"/>
  <c r="AE83365" i="1"/>
  <c r="AE83366" i="1"/>
  <c r="AE83367" i="1"/>
  <c r="AE83368" i="1"/>
  <c r="AE83369" i="1"/>
  <c r="AE83370" i="1"/>
  <c r="AE83371" i="1"/>
  <c r="AE83372" i="1"/>
  <c r="AE83373" i="1"/>
  <c r="AE83374" i="1"/>
  <c r="AE83375" i="1"/>
  <c r="AE83376" i="1"/>
  <c r="AE83377" i="1"/>
  <c r="AE83378" i="1"/>
  <c r="AE83379" i="1"/>
  <c r="AE83380" i="1"/>
  <c r="AE83381" i="1"/>
  <c r="AE83382" i="1"/>
  <c r="AE83383" i="1"/>
  <c r="AE83384" i="1"/>
  <c r="AE83385" i="1"/>
  <c r="AE83386" i="1"/>
  <c r="AE83387" i="1"/>
  <c r="AE83388" i="1"/>
  <c r="AE83389" i="1"/>
  <c r="AE83390" i="1"/>
  <c r="AE83391" i="1"/>
  <c r="AE83392" i="1"/>
  <c r="AE83393" i="1"/>
  <c r="AE83394" i="1"/>
  <c r="AE83395" i="1"/>
  <c r="AE83396" i="1"/>
  <c r="AE83397" i="1"/>
  <c r="AE83398" i="1"/>
  <c r="AE83399" i="1"/>
  <c r="AE83400" i="1"/>
  <c r="AE83401" i="1"/>
  <c r="AE83402" i="1"/>
  <c r="AE83403" i="1"/>
  <c r="AE83404" i="1"/>
  <c r="AE83405" i="1"/>
  <c r="AE83406" i="1"/>
  <c r="AE83407" i="1"/>
  <c r="AE83408" i="1"/>
  <c r="AE83409" i="1"/>
  <c r="AE83410" i="1"/>
  <c r="AE83411" i="1"/>
  <c r="AE83412" i="1"/>
  <c r="AE83413" i="1"/>
  <c r="AE83414" i="1"/>
  <c r="AE83415" i="1"/>
  <c r="AE83416" i="1"/>
  <c r="AE83417" i="1"/>
  <c r="AE83418" i="1"/>
  <c r="AE83419" i="1"/>
  <c r="AE83420" i="1"/>
  <c r="AE83421" i="1"/>
  <c r="AE83422" i="1"/>
  <c r="AE83423" i="1"/>
  <c r="AE83424" i="1"/>
  <c r="AE83425" i="1"/>
  <c r="AE83426" i="1"/>
  <c r="AE83427" i="1"/>
  <c r="AE83428" i="1"/>
  <c r="AE83429" i="1"/>
  <c r="AE83430" i="1"/>
  <c r="AE83431" i="1"/>
  <c r="AE83432" i="1"/>
  <c r="AE83433" i="1"/>
  <c r="AE83434" i="1"/>
  <c r="AE83435" i="1"/>
  <c r="AE83436" i="1"/>
  <c r="AE83437" i="1"/>
  <c r="AE83438" i="1"/>
  <c r="AE83439" i="1"/>
  <c r="AE83440" i="1"/>
  <c r="AE83441" i="1"/>
  <c r="AE83442" i="1"/>
  <c r="AE83443" i="1"/>
  <c r="AE83444" i="1"/>
  <c r="AE83445" i="1"/>
  <c r="AE83446" i="1"/>
  <c r="AE83447" i="1"/>
  <c r="AE83448" i="1"/>
  <c r="AE83449" i="1"/>
  <c r="AE83450" i="1"/>
  <c r="AE83451" i="1"/>
  <c r="AE83452" i="1"/>
  <c r="AE83453" i="1"/>
  <c r="AE83454" i="1"/>
  <c r="AE83455" i="1"/>
  <c r="AE83456" i="1"/>
  <c r="AE83457" i="1"/>
  <c r="AE83458" i="1"/>
  <c r="AE83459" i="1"/>
  <c r="AE83460" i="1"/>
  <c r="AE83461" i="1"/>
  <c r="AE83462" i="1"/>
  <c r="AE83463" i="1"/>
  <c r="AE83464" i="1"/>
  <c r="AE83465" i="1"/>
  <c r="AE83466" i="1"/>
  <c r="AE83467" i="1"/>
  <c r="AE83468" i="1"/>
  <c r="AE83469" i="1"/>
  <c r="AE83470" i="1"/>
  <c r="AE83471" i="1"/>
  <c r="AE83472" i="1"/>
  <c r="AE83473" i="1"/>
  <c r="AE83474" i="1"/>
  <c r="AE83475" i="1"/>
  <c r="AE83476" i="1"/>
  <c r="AE83477" i="1"/>
  <c r="AE83478" i="1"/>
  <c r="AE83479" i="1"/>
  <c r="AE83480" i="1"/>
  <c r="AE83481" i="1"/>
  <c r="AE83482" i="1"/>
  <c r="AE83483" i="1"/>
  <c r="AE83484" i="1"/>
  <c r="AE83485" i="1"/>
  <c r="AE83486" i="1"/>
  <c r="AE83487" i="1"/>
  <c r="AE83488" i="1"/>
  <c r="AE83489" i="1"/>
  <c r="AE83490" i="1"/>
  <c r="AE83491" i="1"/>
  <c r="AE83492" i="1"/>
  <c r="AE83493" i="1"/>
  <c r="AE83494" i="1"/>
  <c r="AE83495" i="1"/>
  <c r="AE83496" i="1"/>
  <c r="AE83497" i="1"/>
  <c r="AE83498" i="1"/>
  <c r="AE83499" i="1"/>
  <c r="AE83500" i="1"/>
  <c r="AE83501" i="1"/>
  <c r="AE83502" i="1"/>
  <c r="AE83503" i="1"/>
  <c r="AE83504" i="1"/>
  <c r="AE83505" i="1"/>
  <c r="AE83506" i="1"/>
  <c r="AE83507" i="1"/>
  <c r="AE83508" i="1"/>
  <c r="AE83509" i="1"/>
  <c r="AE83510" i="1"/>
  <c r="AE83511" i="1"/>
  <c r="AE83512" i="1"/>
  <c r="AE83513" i="1"/>
  <c r="AE83514" i="1"/>
  <c r="AE83515" i="1"/>
  <c r="AE83516" i="1"/>
  <c r="AE83517" i="1"/>
  <c r="AE83518" i="1"/>
  <c r="AE83519" i="1"/>
  <c r="AE83520" i="1"/>
  <c r="AE83521" i="1"/>
  <c r="AE83522" i="1"/>
  <c r="AE83523" i="1"/>
  <c r="AE83524" i="1"/>
  <c r="AE83525" i="1"/>
  <c r="AE83526" i="1"/>
  <c r="AE83527" i="1"/>
  <c r="AE83528" i="1"/>
  <c r="AE83529" i="1"/>
  <c r="AE83530" i="1"/>
  <c r="AE83531" i="1"/>
  <c r="AE83532" i="1"/>
  <c r="AE83533" i="1"/>
  <c r="AE83534" i="1"/>
  <c r="AE83535" i="1"/>
  <c r="AE83536" i="1"/>
  <c r="AE83537" i="1"/>
  <c r="AE83538" i="1"/>
  <c r="AE83539" i="1"/>
  <c r="AE83540" i="1"/>
  <c r="AE83541" i="1"/>
  <c r="AE83542" i="1"/>
  <c r="AE83543" i="1"/>
  <c r="AE83544" i="1"/>
  <c r="AE83545" i="1"/>
  <c r="AE83546" i="1"/>
  <c r="AE83547" i="1"/>
  <c r="AE83548" i="1"/>
  <c r="AE83549" i="1"/>
  <c r="AE83550" i="1"/>
  <c r="AE83551" i="1"/>
  <c r="AE83552" i="1"/>
  <c r="AE83553" i="1"/>
  <c r="AE83554" i="1"/>
  <c r="AE83555" i="1"/>
  <c r="AE83556" i="1"/>
  <c r="AE83557" i="1"/>
  <c r="AE83558" i="1"/>
  <c r="AE83559" i="1"/>
  <c r="AE83560" i="1"/>
  <c r="AE83561" i="1"/>
  <c r="AE83562" i="1"/>
  <c r="AE83563" i="1"/>
  <c r="AE83564" i="1"/>
  <c r="AE83565" i="1"/>
  <c r="AE83566" i="1"/>
  <c r="AE83567" i="1"/>
  <c r="AE83568" i="1"/>
  <c r="AE83569" i="1"/>
  <c r="AE83570" i="1"/>
  <c r="AE83571" i="1"/>
  <c r="AE83572" i="1"/>
  <c r="AE83573" i="1"/>
  <c r="AE83574" i="1"/>
  <c r="AE83575" i="1"/>
  <c r="AE83576" i="1"/>
  <c r="AE83577" i="1"/>
  <c r="AE83578" i="1"/>
  <c r="AE83579" i="1"/>
  <c r="AE83580" i="1"/>
  <c r="AE83581" i="1"/>
  <c r="AE83582" i="1"/>
  <c r="AE83583" i="1"/>
  <c r="AE83584" i="1"/>
  <c r="AE83585" i="1"/>
  <c r="AE83586" i="1"/>
  <c r="AE83587" i="1"/>
  <c r="AE83588" i="1"/>
  <c r="AE83589" i="1"/>
  <c r="AE83590" i="1"/>
  <c r="AE83591" i="1"/>
  <c r="AE83592" i="1"/>
  <c r="AE83593" i="1"/>
  <c r="AE83594" i="1"/>
  <c r="AE83595" i="1"/>
  <c r="AE83596" i="1"/>
  <c r="AE83597" i="1"/>
  <c r="AE83598" i="1"/>
  <c r="AE83599" i="1"/>
  <c r="AE83600" i="1"/>
  <c r="AE83601" i="1"/>
  <c r="AE83602" i="1"/>
  <c r="AE83603" i="1"/>
  <c r="AE83604" i="1"/>
  <c r="AE83605" i="1"/>
  <c r="AE83606" i="1"/>
  <c r="AE83607" i="1"/>
  <c r="AE83608" i="1"/>
  <c r="AE83609" i="1"/>
  <c r="AE83610" i="1"/>
  <c r="AE83611" i="1"/>
  <c r="AE83612" i="1"/>
  <c r="AE83613" i="1"/>
  <c r="AE83614" i="1"/>
  <c r="AE83615" i="1"/>
  <c r="AE83616" i="1"/>
  <c r="AE83617" i="1"/>
  <c r="AE83618" i="1"/>
  <c r="AE83619" i="1"/>
  <c r="AE83620" i="1"/>
  <c r="AE83621" i="1"/>
  <c r="AE83622" i="1"/>
  <c r="AE83623" i="1"/>
  <c r="AE83624" i="1"/>
  <c r="AE83625" i="1"/>
  <c r="AE83626" i="1"/>
  <c r="AE83627" i="1"/>
  <c r="AE83628" i="1"/>
  <c r="AE83629" i="1"/>
  <c r="AE83630" i="1"/>
  <c r="AE83631" i="1"/>
  <c r="AE83632" i="1"/>
  <c r="AE83633" i="1"/>
  <c r="AE83634" i="1"/>
  <c r="AE83635" i="1"/>
  <c r="AE83636" i="1"/>
  <c r="AE83637" i="1"/>
  <c r="AE83638" i="1"/>
  <c r="AE83639" i="1"/>
  <c r="AE83640" i="1"/>
  <c r="AE83641" i="1"/>
  <c r="AE83642" i="1"/>
  <c r="AE83643" i="1"/>
  <c r="AE83644" i="1"/>
  <c r="AE83645" i="1"/>
  <c r="AE83646" i="1"/>
  <c r="AE83647" i="1"/>
  <c r="AE83648" i="1"/>
  <c r="AE83649" i="1"/>
  <c r="AE83650" i="1"/>
  <c r="AE83651" i="1"/>
  <c r="AE83652" i="1"/>
  <c r="AE83653" i="1"/>
  <c r="AE83654" i="1"/>
  <c r="AE83655" i="1"/>
  <c r="AE83656" i="1"/>
  <c r="AE83657" i="1"/>
  <c r="AE83658" i="1"/>
  <c r="AE83659" i="1"/>
  <c r="AE83660" i="1"/>
  <c r="AE83661" i="1"/>
  <c r="AE83662" i="1"/>
  <c r="AE83663" i="1"/>
  <c r="AE83664" i="1"/>
  <c r="AE83665" i="1"/>
  <c r="AE83666" i="1"/>
  <c r="AE83667" i="1"/>
  <c r="AE83668" i="1"/>
  <c r="AE83669" i="1"/>
  <c r="AE83670" i="1"/>
  <c r="AE83671" i="1"/>
  <c r="AE83672" i="1"/>
  <c r="AE83673" i="1"/>
  <c r="AE83674" i="1"/>
  <c r="AE83675" i="1"/>
  <c r="AE83676" i="1"/>
  <c r="AE83677" i="1"/>
  <c r="AE83678" i="1"/>
  <c r="AE83679" i="1"/>
  <c r="AE83680" i="1"/>
  <c r="AE83681" i="1"/>
  <c r="AE83682" i="1"/>
  <c r="AE83683" i="1"/>
  <c r="AE83684" i="1"/>
  <c r="AE83685" i="1"/>
  <c r="AE83686" i="1"/>
  <c r="AE83687" i="1"/>
  <c r="AE83688" i="1"/>
  <c r="AE83689" i="1"/>
  <c r="AE83690" i="1"/>
  <c r="AE83691" i="1"/>
  <c r="AE83692" i="1"/>
  <c r="AE83693" i="1"/>
  <c r="AE83694" i="1"/>
  <c r="AE83695" i="1"/>
  <c r="AE83696" i="1"/>
  <c r="AE83697" i="1"/>
  <c r="AE83698" i="1"/>
  <c r="AE83699" i="1"/>
  <c r="AE83700" i="1"/>
  <c r="AE83701" i="1"/>
  <c r="AE83702" i="1"/>
  <c r="AE83703" i="1"/>
  <c r="AE83704" i="1"/>
  <c r="AE83705" i="1"/>
  <c r="AE83706" i="1"/>
  <c r="AE83707" i="1"/>
  <c r="AE83708" i="1"/>
  <c r="AE83709" i="1"/>
  <c r="AE83710" i="1"/>
  <c r="AE83711" i="1"/>
  <c r="AE83712" i="1"/>
  <c r="AE83713" i="1"/>
  <c r="AE83714" i="1"/>
  <c r="AE83715" i="1"/>
  <c r="AE83716" i="1"/>
  <c r="AE83717" i="1"/>
  <c r="AE83718" i="1"/>
  <c r="AE83719" i="1"/>
  <c r="AE83720" i="1"/>
  <c r="AE83721" i="1"/>
  <c r="AE83722" i="1"/>
  <c r="AE83723" i="1"/>
  <c r="AE83724" i="1"/>
  <c r="AE83725" i="1"/>
  <c r="AE83726" i="1"/>
  <c r="AE83727" i="1"/>
  <c r="AE83728" i="1"/>
  <c r="AE83729" i="1"/>
  <c r="AE83730" i="1"/>
  <c r="AE83731" i="1"/>
  <c r="AE83732" i="1"/>
  <c r="AE83733" i="1"/>
  <c r="AE83734" i="1"/>
  <c r="AE83735" i="1"/>
  <c r="AE83736" i="1"/>
  <c r="AE83737" i="1"/>
  <c r="AE83738" i="1"/>
  <c r="AE83739" i="1"/>
  <c r="AE83740" i="1"/>
  <c r="AE83741" i="1"/>
  <c r="AE83742" i="1"/>
  <c r="AE83743" i="1"/>
  <c r="AE83744" i="1"/>
  <c r="AE83745" i="1"/>
  <c r="AE83746" i="1"/>
  <c r="AE83747" i="1"/>
  <c r="AE83748" i="1"/>
  <c r="AE83749" i="1"/>
  <c r="AE83750" i="1"/>
  <c r="AE83751" i="1"/>
  <c r="AE83752" i="1"/>
  <c r="AE83753" i="1"/>
  <c r="AE83754" i="1"/>
  <c r="AE83755" i="1"/>
  <c r="AE83756" i="1"/>
  <c r="AE83757" i="1"/>
  <c r="AE83758" i="1"/>
  <c r="AE83759" i="1"/>
  <c r="AE83760" i="1"/>
  <c r="AE83761" i="1"/>
  <c r="AE83762" i="1"/>
  <c r="AE83763" i="1"/>
  <c r="AE83764" i="1"/>
  <c r="AE83765" i="1"/>
  <c r="AE83766" i="1"/>
  <c r="AE83767" i="1"/>
  <c r="AE83768" i="1"/>
  <c r="AE83769" i="1"/>
  <c r="AE83770" i="1"/>
  <c r="AE83771" i="1"/>
  <c r="AE83772" i="1"/>
  <c r="AE83773" i="1"/>
  <c r="AE83774" i="1"/>
  <c r="AE83775" i="1"/>
  <c r="AE83776" i="1"/>
  <c r="AE83777" i="1"/>
  <c r="AE83778" i="1"/>
  <c r="AE83779" i="1"/>
  <c r="AE83780" i="1"/>
  <c r="AE83781" i="1"/>
  <c r="AE83782" i="1"/>
  <c r="AE83783" i="1"/>
  <c r="AE83784" i="1"/>
  <c r="AE83785" i="1"/>
  <c r="AE83786" i="1"/>
  <c r="AE83787" i="1"/>
  <c r="AE83788" i="1"/>
  <c r="AE83789" i="1"/>
  <c r="AE83790" i="1"/>
  <c r="AE83791" i="1"/>
  <c r="AE83792" i="1"/>
  <c r="AE83793" i="1"/>
  <c r="AE83794" i="1"/>
  <c r="AE83795" i="1"/>
  <c r="AE83796" i="1"/>
  <c r="AE83797" i="1"/>
  <c r="AE83798" i="1"/>
  <c r="AE83799" i="1"/>
  <c r="AE83800" i="1"/>
  <c r="AE83801" i="1"/>
  <c r="AE83802" i="1"/>
  <c r="AE83803" i="1"/>
  <c r="AE83804" i="1"/>
  <c r="AE83805" i="1"/>
  <c r="AE83806" i="1"/>
  <c r="AE83807" i="1"/>
  <c r="AE83808" i="1"/>
  <c r="AE83809" i="1"/>
  <c r="AE83810" i="1"/>
  <c r="AE83811" i="1"/>
  <c r="AE83812" i="1"/>
  <c r="AE83813" i="1"/>
  <c r="AE83814" i="1"/>
  <c r="AE83815" i="1"/>
  <c r="AE83816" i="1"/>
  <c r="AE83817" i="1"/>
  <c r="AE83818" i="1"/>
  <c r="AE83819" i="1"/>
  <c r="AE83820" i="1"/>
  <c r="AE83821" i="1"/>
  <c r="AE83822" i="1"/>
  <c r="AE83823" i="1"/>
  <c r="AE83824" i="1"/>
  <c r="AE83825" i="1"/>
  <c r="AE83826" i="1"/>
  <c r="AE83827" i="1"/>
  <c r="AE83828" i="1"/>
  <c r="AE83829" i="1"/>
  <c r="AE83830" i="1"/>
  <c r="AE83831" i="1"/>
  <c r="AE83832" i="1"/>
  <c r="AE83833" i="1"/>
  <c r="AE83834" i="1"/>
  <c r="AE83835" i="1"/>
  <c r="AE83836" i="1"/>
  <c r="AE83837" i="1"/>
  <c r="AE83838" i="1"/>
  <c r="AE83839" i="1"/>
  <c r="AE83840" i="1"/>
  <c r="AE83841" i="1"/>
  <c r="AE83842" i="1"/>
  <c r="AE83843" i="1"/>
  <c r="AE83844" i="1"/>
  <c r="AE83845" i="1"/>
  <c r="AE83846" i="1"/>
  <c r="AE83847" i="1"/>
  <c r="AE83848" i="1"/>
  <c r="AE83849" i="1"/>
  <c r="AE83850" i="1"/>
  <c r="AE83851" i="1"/>
  <c r="AE83852" i="1"/>
  <c r="AE83853" i="1"/>
  <c r="AE83854" i="1"/>
  <c r="AE83855" i="1"/>
  <c r="AE83856" i="1"/>
  <c r="AE83857" i="1"/>
  <c r="AE83858" i="1"/>
  <c r="AE83859" i="1"/>
  <c r="AE83860" i="1"/>
  <c r="AE83861" i="1"/>
  <c r="AE83862" i="1"/>
  <c r="AE83863" i="1"/>
  <c r="AE83864" i="1"/>
  <c r="AE83865" i="1"/>
  <c r="AE83866" i="1"/>
  <c r="AE83867" i="1"/>
  <c r="AE83868" i="1"/>
  <c r="AE83869" i="1"/>
  <c r="AE83870" i="1"/>
  <c r="AE83871" i="1"/>
  <c r="AE83872" i="1"/>
  <c r="AE83873" i="1"/>
  <c r="AE83874" i="1"/>
  <c r="AE83875" i="1"/>
  <c r="AE83876" i="1"/>
  <c r="AE83877" i="1"/>
  <c r="AE83878" i="1"/>
  <c r="AE83879" i="1"/>
  <c r="AE83880" i="1"/>
  <c r="AE83881" i="1"/>
  <c r="AE83882" i="1"/>
  <c r="AE83883" i="1"/>
  <c r="AE83884" i="1"/>
  <c r="AE83885" i="1"/>
  <c r="AE83886" i="1"/>
  <c r="AE83887" i="1"/>
  <c r="AE83888" i="1"/>
  <c r="AE83889" i="1"/>
  <c r="AE83890" i="1"/>
  <c r="AE83891" i="1"/>
  <c r="AE83892" i="1"/>
  <c r="AE83893" i="1"/>
  <c r="AE83894" i="1"/>
  <c r="AE83895" i="1"/>
  <c r="AE83896" i="1"/>
  <c r="AE83897" i="1"/>
  <c r="AE83898" i="1"/>
  <c r="AE83899" i="1"/>
  <c r="AE83900" i="1"/>
  <c r="AE83901" i="1"/>
  <c r="AE83902" i="1"/>
  <c r="AE83903" i="1"/>
  <c r="AE83904" i="1"/>
  <c r="AE83905" i="1"/>
  <c r="AE83906" i="1"/>
  <c r="AE83907" i="1"/>
  <c r="AE83908" i="1"/>
  <c r="AE83909" i="1"/>
  <c r="AE83910" i="1"/>
  <c r="AE83911" i="1"/>
  <c r="AE83912" i="1"/>
  <c r="AE83913" i="1"/>
  <c r="AE83914" i="1"/>
  <c r="AE83915" i="1"/>
  <c r="AE83916" i="1"/>
  <c r="AE83917" i="1"/>
  <c r="AE83918" i="1"/>
  <c r="AE83919" i="1"/>
  <c r="AE83920" i="1"/>
  <c r="AE83921" i="1"/>
  <c r="AE83922" i="1"/>
  <c r="AE83923" i="1"/>
  <c r="AE83924" i="1"/>
  <c r="AE83925" i="1"/>
  <c r="AE83926" i="1"/>
  <c r="AE83927" i="1"/>
  <c r="AE83928" i="1"/>
  <c r="AE83929" i="1"/>
  <c r="AE83930" i="1"/>
  <c r="AE83931" i="1"/>
  <c r="AE83932" i="1"/>
  <c r="AE83933" i="1"/>
  <c r="AE83934" i="1"/>
  <c r="AE83935" i="1"/>
  <c r="AE83936" i="1"/>
  <c r="AE83937" i="1"/>
  <c r="AE83938" i="1"/>
  <c r="AE83939" i="1"/>
  <c r="AE83940" i="1"/>
  <c r="AE83941" i="1"/>
  <c r="AE83942" i="1"/>
  <c r="AE83943" i="1"/>
  <c r="AE83944" i="1"/>
  <c r="AE83945" i="1"/>
  <c r="AE83946" i="1"/>
  <c r="AE83947" i="1"/>
  <c r="AE83948" i="1"/>
  <c r="AE83949" i="1"/>
  <c r="AE83950" i="1"/>
  <c r="AE83951" i="1"/>
  <c r="AE83952" i="1"/>
  <c r="AE83953" i="1"/>
  <c r="AE83954" i="1"/>
  <c r="AE83955" i="1"/>
  <c r="AE83956" i="1"/>
  <c r="AE83957" i="1"/>
  <c r="AE83958" i="1"/>
  <c r="AE83959" i="1"/>
  <c r="AE83960" i="1"/>
  <c r="AE83961" i="1"/>
  <c r="AE83962" i="1"/>
  <c r="AE83963" i="1"/>
  <c r="AE83964" i="1"/>
  <c r="AE83965" i="1"/>
  <c r="AE83966" i="1"/>
  <c r="AE83967" i="1"/>
  <c r="AE83968" i="1"/>
  <c r="AE83969" i="1"/>
  <c r="AE83970" i="1"/>
  <c r="AE83971" i="1"/>
  <c r="AE83972" i="1"/>
  <c r="AE83973" i="1"/>
  <c r="AE83974" i="1"/>
  <c r="AE83975" i="1"/>
  <c r="AE83976" i="1"/>
  <c r="AE83977" i="1"/>
  <c r="AE83978" i="1"/>
  <c r="AE83979" i="1"/>
  <c r="AE83980" i="1"/>
  <c r="AE83981" i="1"/>
  <c r="AE83982" i="1"/>
  <c r="AE83983" i="1"/>
  <c r="AE83984" i="1"/>
  <c r="AE83985" i="1"/>
  <c r="AE83986" i="1"/>
  <c r="AE83987" i="1"/>
  <c r="AE83988" i="1"/>
  <c r="AE83989" i="1"/>
  <c r="AE83990" i="1"/>
  <c r="AE83991" i="1"/>
  <c r="AE83992" i="1"/>
  <c r="AE83993" i="1"/>
  <c r="AE83994" i="1"/>
  <c r="AE83995" i="1"/>
  <c r="AE83996" i="1"/>
  <c r="AE83997" i="1"/>
  <c r="AE83998" i="1"/>
  <c r="AE83999" i="1"/>
  <c r="AE84000" i="1"/>
  <c r="AE84001" i="1"/>
  <c r="AE84002" i="1"/>
  <c r="AE84003" i="1"/>
  <c r="AE84004" i="1"/>
  <c r="AE84005" i="1"/>
  <c r="AE84006" i="1"/>
  <c r="AE84007" i="1"/>
  <c r="AE84008" i="1"/>
  <c r="AE84009" i="1"/>
  <c r="AE84010" i="1"/>
  <c r="AE84011" i="1"/>
  <c r="AE84012" i="1"/>
  <c r="AE84013" i="1"/>
  <c r="AE84014" i="1"/>
  <c r="AE84015" i="1"/>
  <c r="AE84016" i="1"/>
  <c r="AE84017" i="1"/>
  <c r="AE84018" i="1"/>
  <c r="AE84019" i="1"/>
  <c r="AE84020" i="1"/>
  <c r="AE84021" i="1"/>
  <c r="AE84022" i="1"/>
  <c r="AE84023" i="1"/>
  <c r="AE84024" i="1"/>
  <c r="AE84025" i="1"/>
  <c r="AE84026" i="1"/>
  <c r="AE84027" i="1"/>
  <c r="AE84028" i="1"/>
  <c r="AE84029" i="1"/>
  <c r="AE84030" i="1"/>
  <c r="AE84031" i="1"/>
  <c r="AE84032" i="1"/>
  <c r="AE84033" i="1"/>
  <c r="AE84034" i="1"/>
  <c r="AE84035" i="1"/>
  <c r="AE84036" i="1"/>
  <c r="AE84037" i="1"/>
  <c r="AE84038" i="1"/>
  <c r="AE84039" i="1"/>
  <c r="AE84040" i="1"/>
  <c r="AE84041" i="1"/>
  <c r="AE84042" i="1"/>
  <c r="AE84043" i="1"/>
  <c r="AE84044" i="1"/>
  <c r="AE84045" i="1"/>
  <c r="AE84046" i="1"/>
  <c r="AE84047" i="1"/>
  <c r="AE84048" i="1"/>
  <c r="AE84049" i="1"/>
  <c r="AE84050" i="1"/>
  <c r="AE84051" i="1"/>
  <c r="AE84052" i="1"/>
  <c r="AE84053" i="1"/>
  <c r="AE84054" i="1"/>
  <c r="AE84055" i="1"/>
  <c r="AE84056" i="1"/>
  <c r="AE84057" i="1"/>
  <c r="AE84058" i="1"/>
  <c r="AE84059" i="1"/>
  <c r="AE84060" i="1"/>
  <c r="AE84061" i="1"/>
  <c r="AE84062" i="1"/>
  <c r="AE84063" i="1"/>
  <c r="AE84064" i="1"/>
  <c r="AE84065" i="1"/>
  <c r="AE84066" i="1"/>
  <c r="AE84067" i="1"/>
  <c r="AE84068" i="1"/>
  <c r="AE84069" i="1"/>
  <c r="AE84070" i="1"/>
  <c r="AE84071" i="1"/>
  <c r="AE84072" i="1"/>
  <c r="AE84073" i="1"/>
  <c r="AE84074" i="1"/>
  <c r="AE84075" i="1"/>
  <c r="AE84076" i="1"/>
  <c r="AE84077" i="1"/>
  <c r="AE84078" i="1"/>
  <c r="AE84079" i="1"/>
  <c r="AE84080" i="1"/>
  <c r="AE84081" i="1"/>
  <c r="AE84082" i="1"/>
  <c r="AE84083" i="1"/>
  <c r="AE84084" i="1"/>
  <c r="AE84085" i="1"/>
  <c r="AE84086" i="1"/>
  <c r="AE84087" i="1"/>
  <c r="AE84088" i="1"/>
  <c r="AE84089" i="1"/>
  <c r="AE84090" i="1"/>
  <c r="AE84091" i="1"/>
  <c r="AE84092" i="1"/>
  <c r="AE84093" i="1"/>
  <c r="AE84094" i="1"/>
  <c r="AE84095" i="1"/>
  <c r="AE84096" i="1"/>
  <c r="AE84097" i="1"/>
  <c r="AE84098" i="1"/>
  <c r="AE84099" i="1"/>
  <c r="AE84100" i="1"/>
  <c r="AE84101" i="1"/>
  <c r="AE84102" i="1"/>
  <c r="AE84103" i="1"/>
  <c r="AE84104" i="1"/>
  <c r="AE84105" i="1"/>
  <c r="AE84106" i="1"/>
  <c r="AE84107" i="1"/>
  <c r="AE84108" i="1"/>
  <c r="AE84109" i="1"/>
  <c r="AE84110" i="1"/>
  <c r="AE84111" i="1"/>
  <c r="AE84112" i="1"/>
  <c r="AE84113" i="1"/>
  <c r="AE84114" i="1"/>
  <c r="AE84115" i="1"/>
  <c r="AE84116" i="1"/>
  <c r="AE84117" i="1"/>
  <c r="AE84118" i="1"/>
  <c r="AE84119" i="1"/>
  <c r="AE84120" i="1"/>
  <c r="AE84121" i="1"/>
  <c r="AE84122" i="1"/>
  <c r="AE84123" i="1"/>
  <c r="AE84124" i="1"/>
  <c r="AE84125" i="1"/>
  <c r="AE84126" i="1"/>
  <c r="AE84127" i="1"/>
  <c r="AE84128" i="1"/>
  <c r="AE84129" i="1"/>
  <c r="AE84130" i="1"/>
  <c r="AE84131" i="1"/>
  <c r="AE84132" i="1"/>
  <c r="AE84133" i="1"/>
  <c r="AE84134" i="1"/>
  <c r="AE84135" i="1"/>
  <c r="AE84136" i="1"/>
  <c r="AE84137" i="1"/>
  <c r="AE84138" i="1"/>
  <c r="AE84139" i="1"/>
  <c r="AE84140" i="1"/>
  <c r="AE84141" i="1"/>
  <c r="AE84142" i="1"/>
  <c r="AE84143" i="1"/>
  <c r="AE84144" i="1"/>
  <c r="AE84145" i="1"/>
  <c r="AE84146" i="1"/>
  <c r="AE84147" i="1"/>
  <c r="AE84148" i="1"/>
  <c r="AE84149" i="1"/>
  <c r="AE84150" i="1"/>
  <c r="AE84151" i="1"/>
  <c r="AE84152" i="1"/>
  <c r="AE84153" i="1"/>
  <c r="AE84154" i="1"/>
  <c r="AE84155" i="1"/>
  <c r="AE84156" i="1"/>
  <c r="AE84157" i="1"/>
  <c r="AE84158" i="1"/>
  <c r="AE84159" i="1"/>
  <c r="AE84160" i="1"/>
  <c r="AE84161" i="1"/>
  <c r="AE84162" i="1"/>
  <c r="AE84163" i="1"/>
  <c r="AE84164" i="1"/>
  <c r="AE84165" i="1"/>
  <c r="AE84166" i="1"/>
  <c r="AE84167" i="1"/>
  <c r="AE84168" i="1"/>
  <c r="AE84169" i="1"/>
  <c r="AE84170" i="1"/>
  <c r="AE84171" i="1"/>
  <c r="AE84172" i="1"/>
  <c r="AE84173" i="1"/>
  <c r="AE84174" i="1"/>
  <c r="AE84175" i="1"/>
  <c r="AE84176" i="1"/>
  <c r="AE84177" i="1"/>
  <c r="AE84178" i="1"/>
  <c r="AE84179" i="1"/>
  <c r="AE84180" i="1"/>
  <c r="AE84181" i="1"/>
  <c r="AE84182" i="1"/>
  <c r="AE84183" i="1"/>
  <c r="AE84184" i="1"/>
  <c r="AE84185" i="1"/>
  <c r="AE84186" i="1"/>
  <c r="AE84187" i="1"/>
  <c r="AE84188" i="1"/>
  <c r="AE84189" i="1"/>
  <c r="AE84190" i="1"/>
  <c r="AE84191" i="1"/>
  <c r="AE84192" i="1"/>
  <c r="AE84193" i="1"/>
  <c r="AE84194" i="1"/>
  <c r="AE84195" i="1"/>
  <c r="AE84196" i="1"/>
  <c r="AE84197" i="1"/>
  <c r="AE84198" i="1"/>
  <c r="AE84199" i="1"/>
  <c r="AE84200" i="1"/>
  <c r="AE84201" i="1"/>
  <c r="AE84202" i="1"/>
  <c r="AE84203" i="1"/>
  <c r="AE84204" i="1"/>
  <c r="AE84205" i="1"/>
  <c r="AE84206" i="1"/>
  <c r="AE84207" i="1"/>
  <c r="AE84208" i="1"/>
  <c r="AE84209" i="1"/>
  <c r="AE84210" i="1"/>
  <c r="AE84211" i="1"/>
  <c r="AE84212" i="1"/>
  <c r="AE84213" i="1"/>
  <c r="AE84214" i="1"/>
  <c r="AE84215" i="1"/>
  <c r="AE84216" i="1"/>
  <c r="AE84217" i="1"/>
  <c r="AE84218" i="1"/>
  <c r="AE84219" i="1"/>
  <c r="AE84220" i="1"/>
  <c r="AE84221" i="1"/>
  <c r="AE84222" i="1"/>
  <c r="AE84223" i="1"/>
  <c r="AE84224" i="1"/>
  <c r="AE84225" i="1"/>
  <c r="AE84226" i="1"/>
  <c r="AE84227" i="1"/>
  <c r="AE84228" i="1"/>
  <c r="AE84229" i="1"/>
  <c r="AE84230" i="1"/>
  <c r="AE84231" i="1"/>
  <c r="AE84232" i="1"/>
  <c r="AE84233" i="1"/>
  <c r="AE84234" i="1"/>
  <c r="AE84235" i="1"/>
  <c r="AE84236" i="1"/>
  <c r="AE84237" i="1"/>
  <c r="AE84238" i="1"/>
  <c r="AE84239" i="1"/>
  <c r="AE84240" i="1"/>
  <c r="AE84241" i="1"/>
  <c r="AE84242" i="1"/>
  <c r="AE84243" i="1"/>
  <c r="AE84244" i="1"/>
  <c r="AE84245" i="1"/>
  <c r="AE84246" i="1"/>
  <c r="AE84247" i="1"/>
  <c r="AE84248" i="1"/>
  <c r="AE84249" i="1"/>
  <c r="AE84250" i="1"/>
  <c r="AE84251" i="1"/>
  <c r="AE84252" i="1"/>
  <c r="AE84253" i="1"/>
  <c r="AE84254" i="1"/>
  <c r="AE84255" i="1"/>
  <c r="AE84256" i="1"/>
  <c r="AE84257" i="1"/>
  <c r="AE84258" i="1"/>
  <c r="AE84259" i="1"/>
  <c r="AE84260" i="1"/>
  <c r="AE84261" i="1"/>
  <c r="AE84262" i="1"/>
  <c r="AE84263" i="1"/>
  <c r="AE84264" i="1"/>
  <c r="AE84265" i="1"/>
  <c r="AE84266" i="1"/>
  <c r="AE84267" i="1"/>
  <c r="AE84268" i="1"/>
  <c r="AE84269" i="1"/>
  <c r="AE84270" i="1"/>
  <c r="AE84271" i="1"/>
  <c r="AE84272" i="1"/>
  <c r="AE84273" i="1"/>
  <c r="AE84274" i="1"/>
  <c r="AE84275" i="1"/>
  <c r="AE84276" i="1"/>
  <c r="AE84277" i="1"/>
  <c r="AE84278" i="1"/>
  <c r="AE84279" i="1"/>
  <c r="AE84280" i="1"/>
  <c r="AE84281" i="1"/>
  <c r="AE84282" i="1"/>
  <c r="AE84283" i="1"/>
  <c r="AE84284" i="1"/>
  <c r="AE84285" i="1"/>
  <c r="AE84286" i="1"/>
  <c r="AE84287" i="1"/>
  <c r="AE84288" i="1"/>
  <c r="AE84289" i="1"/>
  <c r="AE84290" i="1"/>
  <c r="AE84291" i="1"/>
  <c r="AE84292" i="1"/>
  <c r="AE84293" i="1"/>
  <c r="AE84294" i="1"/>
  <c r="AE84295" i="1"/>
  <c r="AE84296" i="1"/>
  <c r="AE84297" i="1"/>
  <c r="AE84298" i="1"/>
  <c r="AE84299" i="1"/>
  <c r="AE84300" i="1"/>
  <c r="AE84301" i="1"/>
  <c r="AE84302" i="1"/>
  <c r="AE84303" i="1"/>
  <c r="AE84304" i="1"/>
  <c r="AE84305" i="1"/>
  <c r="AE84306" i="1"/>
  <c r="AE84307" i="1"/>
  <c r="AE84308" i="1"/>
  <c r="AE84309" i="1"/>
  <c r="AE84310" i="1"/>
  <c r="AE84311" i="1"/>
  <c r="AE84312" i="1"/>
  <c r="AE84313" i="1"/>
  <c r="AE84314" i="1"/>
  <c r="AE84315" i="1"/>
  <c r="AE84316" i="1"/>
  <c r="AE84317" i="1"/>
  <c r="AE84318" i="1"/>
  <c r="AE84319" i="1"/>
  <c r="AE84320" i="1"/>
  <c r="AE84321" i="1"/>
  <c r="AE84322" i="1"/>
  <c r="AE84323" i="1"/>
  <c r="AE84324" i="1"/>
  <c r="AE84325" i="1"/>
  <c r="AE84326" i="1"/>
  <c r="AE84327" i="1"/>
  <c r="AE84328" i="1"/>
  <c r="AE84329" i="1"/>
  <c r="AE84330" i="1"/>
  <c r="AE84331" i="1"/>
  <c r="AE84332" i="1"/>
  <c r="AE84333" i="1"/>
  <c r="AE84334" i="1"/>
  <c r="AE84335" i="1"/>
  <c r="AE84336" i="1"/>
  <c r="AE84337" i="1"/>
  <c r="AE84338" i="1"/>
  <c r="AE84339" i="1"/>
  <c r="AE84340" i="1"/>
  <c r="AE84341" i="1"/>
  <c r="AE84342" i="1"/>
  <c r="AE84343" i="1"/>
  <c r="AE84344" i="1"/>
  <c r="AE84345" i="1"/>
  <c r="AE84346" i="1"/>
  <c r="AE84347" i="1"/>
  <c r="AE84348" i="1"/>
  <c r="AE84349" i="1"/>
  <c r="AE84350" i="1"/>
  <c r="AE84351" i="1"/>
  <c r="AE84352" i="1"/>
  <c r="AE84353" i="1"/>
  <c r="AE84354" i="1"/>
  <c r="AE84355" i="1"/>
  <c r="AE84356" i="1"/>
  <c r="AE84357" i="1"/>
  <c r="AE84358" i="1"/>
  <c r="AE84359" i="1"/>
  <c r="AE84360" i="1"/>
  <c r="AE84361" i="1"/>
  <c r="AE84362" i="1"/>
  <c r="AE84363" i="1"/>
  <c r="AE84364" i="1"/>
  <c r="AE84365" i="1"/>
  <c r="AE84366" i="1"/>
  <c r="AE84367" i="1"/>
  <c r="AE84368" i="1"/>
  <c r="AE84369" i="1"/>
  <c r="AE84370" i="1"/>
  <c r="AE84371" i="1"/>
  <c r="AE84372" i="1"/>
  <c r="AE84373" i="1"/>
  <c r="AE84374" i="1"/>
  <c r="AE84375" i="1"/>
  <c r="AE84376" i="1"/>
  <c r="AE84377" i="1"/>
  <c r="AE84378" i="1"/>
  <c r="AE84379" i="1"/>
  <c r="AE84380" i="1"/>
  <c r="AE84381" i="1"/>
  <c r="AE84382" i="1"/>
  <c r="AE84383" i="1"/>
  <c r="AE84384" i="1"/>
  <c r="AE84385" i="1"/>
  <c r="AE84386" i="1"/>
  <c r="AE84387" i="1"/>
  <c r="AE84388" i="1"/>
  <c r="AE84389" i="1"/>
  <c r="AE84390" i="1"/>
  <c r="AE84391" i="1"/>
  <c r="AE84392" i="1"/>
  <c r="AE84393" i="1"/>
  <c r="AE84394" i="1"/>
  <c r="AE84395" i="1"/>
  <c r="AE84396" i="1"/>
  <c r="AE84397" i="1"/>
  <c r="AE84398" i="1"/>
  <c r="AE84399" i="1"/>
  <c r="AE84400" i="1"/>
  <c r="AE84401" i="1"/>
  <c r="AE84402" i="1"/>
  <c r="AE84403" i="1"/>
  <c r="AE84404" i="1"/>
  <c r="AE84405" i="1"/>
  <c r="AE84406" i="1"/>
  <c r="AE84407" i="1"/>
  <c r="AE84408" i="1"/>
  <c r="AE84409" i="1"/>
  <c r="AE84410" i="1"/>
  <c r="AE84411" i="1"/>
  <c r="AE84412" i="1"/>
  <c r="AE84413" i="1"/>
  <c r="AE84414" i="1"/>
  <c r="AE84415" i="1"/>
  <c r="AE84416" i="1"/>
  <c r="AE84417" i="1"/>
  <c r="AE84418" i="1"/>
  <c r="AE84419" i="1"/>
  <c r="AE84420" i="1"/>
  <c r="AE84421" i="1"/>
  <c r="AE84422" i="1"/>
  <c r="AE84423" i="1"/>
  <c r="AE84424" i="1"/>
  <c r="AE84425" i="1"/>
  <c r="AE84426" i="1"/>
  <c r="AE84427" i="1"/>
  <c r="AE84428" i="1"/>
  <c r="AE84429" i="1"/>
  <c r="AE84430" i="1"/>
  <c r="AE84431" i="1"/>
  <c r="AE84432" i="1"/>
  <c r="AE84433" i="1"/>
  <c r="AE84434" i="1"/>
  <c r="AE84435" i="1"/>
  <c r="AE84436" i="1"/>
  <c r="AE84437" i="1"/>
  <c r="AE84438" i="1"/>
  <c r="AE84439" i="1"/>
  <c r="AE84440" i="1"/>
  <c r="AE84441" i="1"/>
  <c r="AE84442" i="1"/>
  <c r="AE84443" i="1"/>
  <c r="AE84444" i="1"/>
  <c r="AE84445" i="1"/>
  <c r="AE84446" i="1"/>
  <c r="AE84447" i="1"/>
  <c r="AE84448" i="1"/>
  <c r="AE84449" i="1"/>
  <c r="AE84450" i="1"/>
  <c r="AE84451" i="1"/>
  <c r="AE84452" i="1"/>
  <c r="AE84453" i="1"/>
  <c r="AE84454" i="1"/>
  <c r="AE84455" i="1"/>
  <c r="AE84456" i="1"/>
  <c r="AE84457" i="1"/>
  <c r="AE84458" i="1"/>
  <c r="AE84459" i="1"/>
  <c r="AE84460" i="1"/>
  <c r="AE84461" i="1"/>
  <c r="AE84462" i="1"/>
  <c r="AE84463" i="1"/>
  <c r="AE84464" i="1"/>
  <c r="AE84465" i="1"/>
  <c r="AE84466" i="1"/>
  <c r="AE84467" i="1"/>
  <c r="AE84468" i="1"/>
  <c r="AE84469" i="1"/>
  <c r="AE84470" i="1"/>
  <c r="AE84471" i="1"/>
  <c r="AE84472" i="1"/>
  <c r="AE84473" i="1"/>
  <c r="AE84474" i="1"/>
  <c r="AE84475" i="1"/>
  <c r="AE84476" i="1"/>
  <c r="AE84477" i="1"/>
  <c r="AE84478" i="1"/>
  <c r="AE84479" i="1"/>
  <c r="AE84480" i="1"/>
  <c r="AE84481" i="1"/>
  <c r="AE84482" i="1"/>
  <c r="AE84483" i="1"/>
  <c r="AE84484" i="1"/>
  <c r="AE84485" i="1"/>
  <c r="AE84486" i="1"/>
  <c r="AE84487" i="1"/>
  <c r="AE84488" i="1"/>
  <c r="AE84489" i="1"/>
  <c r="AE84490" i="1"/>
  <c r="AE84491" i="1"/>
  <c r="AE84492" i="1"/>
  <c r="AE84493" i="1"/>
  <c r="AE84494" i="1"/>
  <c r="AE84495" i="1"/>
  <c r="AE84496" i="1"/>
  <c r="AE84497" i="1"/>
  <c r="AE84498" i="1"/>
  <c r="AE84499" i="1"/>
  <c r="AE84500" i="1"/>
  <c r="AE84501" i="1"/>
  <c r="AE84502" i="1"/>
  <c r="AE84503" i="1"/>
  <c r="AE84504" i="1"/>
  <c r="AE84505" i="1"/>
  <c r="AE84506" i="1"/>
  <c r="AE84507" i="1"/>
  <c r="AE84508" i="1"/>
  <c r="AE84509" i="1"/>
  <c r="AE84510" i="1"/>
  <c r="AE84511" i="1"/>
  <c r="AE84512" i="1"/>
  <c r="AE84513" i="1"/>
  <c r="AE84514" i="1"/>
  <c r="AE84515" i="1"/>
  <c r="AE84516" i="1"/>
  <c r="AE84517" i="1"/>
  <c r="AE84518" i="1"/>
  <c r="AE84519" i="1"/>
  <c r="AE84520" i="1"/>
  <c r="AE84521" i="1"/>
  <c r="AE84522" i="1"/>
  <c r="AE84523" i="1"/>
  <c r="AE84524" i="1"/>
  <c r="AE84525" i="1"/>
  <c r="AE84526" i="1"/>
  <c r="AE84527" i="1"/>
  <c r="AE84528" i="1"/>
  <c r="AE84529" i="1"/>
  <c r="AE84530" i="1"/>
  <c r="AE84531" i="1"/>
  <c r="AE84532" i="1"/>
  <c r="AE84533" i="1"/>
  <c r="AE84534" i="1"/>
  <c r="AE84535" i="1"/>
  <c r="AE84536" i="1"/>
  <c r="AE84537" i="1"/>
  <c r="AE84538" i="1"/>
  <c r="AE84539" i="1"/>
  <c r="AE84540" i="1"/>
  <c r="AE84541" i="1"/>
  <c r="AE84542" i="1"/>
  <c r="AE84543" i="1"/>
  <c r="AE84544" i="1"/>
  <c r="AE84545" i="1"/>
  <c r="AE84546" i="1"/>
  <c r="AE84547" i="1"/>
  <c r="AE84548" i="1"/>
  <c r="AE84549" i="1"/>
  <c r="AE84550" i="1"/>
  <c r="AE84551" i="1"/>
  <c r="AE84552" i="1"/>
  <c r="AE84553" i="1"/>
  <c r="AE84554" i="1"/>
  <c r="AE84555" i="1"/>
  <c r="AE84556" i="1"/>
  <c r="AE84557" i="1"/>
  <c r="AE84558" i="1"/>
  <c r="AE84559" i="1"/>
  <c r="AE84560" i="1"/>
  <c r="AE84561" i="1"/>
  <c r="AE84562" i="1"/>
  <c r="AE84563" i="1"/>
  <c r="AE84564" i="1"/>
  <c r="AE84565" i="1"/>
  <c r="AE84566" i="1"/>
  <c r="AE84567" i="1"/>
  <c r="AE84568" i="1"/>
  <c r="AE84569" i="1"/>
  <c r="AE84570" i="1"/>
  <c r="AE84571" i="1"/>
  <c r="AE84572" i="1"/>
  <c r="AE84573" i="1"/>
  <c r="AE84574" i="1"/>
  <c r="AE84575" i="1"/>
  <c r="AE84576" i="1"/>
  <c r="AE84577" i="1"/>
  <c r="AE84578" i="1"/>
  <c r="AE84579" i="1"/>
  <c r="AE84580" i="1"/>
  <c r="AE84581" i="1"/>
  <c r="AE84582" i="1"/>
  <c r="AE84583" i="1"/>
  <c r="AE84584" i="1"/>
  <c r="AE84585" i="1"/>
  <c r="AE84586" i="1"/>
  <c r="AE84587" i="1"/>
  <c r="AE84588" i="1"/>
  <c r="AE84589" i="1"/>
  <c r="AE84590" i="1"/>
  <c r="AE84591" i="1"/>
  <c r="AE84592" i="1"/>
  <c r="AE84593" i="1"/>
  <c r="AE84594" i="1"/>
  <c r="AE84595" i="1"/>
  <c r="AE84596" i="1"/>
  <c r="AE84597" i="1"/>
  <c r="AE84598" i="1"/>
  <c r="AE84599" i="1"/>
  <c r="AE84600" i="1"/>
  <c r="AE84601" i="1"/>
  <c r="AE84602" i="1"/>
  <c r="AE84603" i="1"/>
  <c r="AE84604" i="1"/>
  <c r="AE84605" i="1"/>
  <c r="AE84606" i="1"/>
  <c r="AE84607" i="1"/>
  <c r="AE84608" i="1"/>
  <c r="AE84609" i="1"/>
  <c r="AE84610" i="1"/>
  <c r="AE84611" i="1"/>
  <c r="AE84612" i="1"/>
  <c r="AE84613" i="1"/>
  <c r="AE84614" i="1"/>
  <c r="AE84615" i="1"/>
  <c r="AE84616" i="1"/>
  <c r="AE84617" i="1"/>
  <c r="AE84618" i="1"/>
  <c r="AE84619" i="1"/>
  <c r="AE84620" i="1"/>
  <c r="AE84621" i="1"/>
  <c r="AE84622" i="1"/>
  <c r="AE84623" i="1"/>
  <c r="AE84624" i="1"/>
  <c r="AE84625" i="1"/>
  <c r="AE84626" i="1"/>
  <c r="AE84627" i="1"/>
  <c r="AE84628" i="1"/>
  <c r="AE84629" i="1"/>
  <c r="AE84630" i="1"/>
  <c r="AE84631" i="1"/>
  <c r="AE84632" i="1"/>
  <c r="AE84633" i="1"/>
  <c r="AE84634" i="1"/>
  <c r="AE84635" i="1"/>
  <c r="AE84636" i="1"/>
  <c r="AE84637" i="1"/>
  <c r="AE84638" i="1"/>
  <c r="AE84639" i="1"/>
  <c r="AE84640" i="1"/>
  <c r="AE84641" i="1"/>
  <c r="AE84642" i="1"/>
  <c r="AE84643" i="1"/>
  <c r="AE84644" i="1"/>
  <c r="AE84645" i="1"/>
  <c r="AE84646" i="1"/>
  <c r="AE84647" i="1"/>
  <c r="AE84648" i="1"/>
  <c r="AE84649" i="1"/>
  <c r="AE84650" i="1"/>
  <c r="AE84651" i="1"/>
  <c r="AE84652" i="1"/>
  <c r="AE84653" i="1"/>
  <c r="AE84654" i="1"/>
  <c r="AE84655" i="1"/>
  <c r="AE84656" i="1"/>
  <c r="AE84657" i="1"/>
  <c r="AE84658" i="1"/>
  <c r="AE84659" i="1"/>
  <c r="AE84660" i="1"/>
  <c r="AE84661" i="1"/>
  <c r="AE84662" i="1"/>
  <c r="AE84663" i="1"/>
  <c r="AE84664" i="1"/>
  <c r="AE84665" i="1"/>
  <c r="AE84666" i="1"/>
  <c r="AE84667" i="1"/>
  <c r="AE84668" i="1"/>
  <c r="AE84669" i="1"/>
  <c r="AE84670" i="1"/>
  <c r="AE84671" i="1"/>
  <c r="AE84672" i="1"/>
  <c r="AE84673" i="1"/>
  <c r="AE84674" i="1"/>
  <c r="AE84675" i="1"/>
  <c r="AE84676" i="1"/>
  <c r="AE84677" i="1"/>
  <c r="AE84678" i="1"/>
  <c r="AE84679" i="1"/>
  <c r="AE84680" i="1"/>
  <c r="AE84681" i="1"/>
  <c r="AE84682" i="1"/>
  <c r="AE84683" i="1"/>
  <c r="AE84684" i="1"/>
  <c r="AE84685" i="1"/>
  <c r="AE84686" i="1"/>
  <c r="AE84687" i="1"/>
  <c r="AE84688" i="1"/>
  <c r="AE84689" i="1"/>
  <c r="AE84690" i="1"/>
  <c r="AE84691" i="1"/>
  <c r="AE84692" i="1"/>
  <c r="AE84693" i="1"/>
  <c r="AE84694" i="1"/>
  <c r="AE84695" i="1"/>
  <c r="AE84696" i="1"/>
  <c r="AE84697" i="1"/>
  <c r="AE84698" i="1"/>
  <c r="AE84699" i="1"/>
  <c r="AE84700" i="1"/>
  <c r="AE84701" i="1"/>
  <c r="AE84702" i="1"/>
  <c r="AE84703" i="1"/>
  <c r="AE84704" i="1"/>
  <c r="AE84705" i="1"/>
  <c r="AE84706" i="1"/>
  <c r="AE84707" i="1"/>
  <c r="AE84708" i="1"/>
  <c r="AE84709" i="1"/>
  <c r="AE84710" i="1"/>
  <c r="AE84711" i="1"/>
  <c r="AE84712" i="1"/>
  <c r="AE84713" i="1"/>
  <c r="AE84714" i="1"/>
  <c r="AE84715" i="1"/>
  <c r="AE84716" i="1"/>
  <c r="AE84717" i="1"/>
  <c r="AE84718" i="1"/>
  <c r="AE84719" i="1"/>
  <c r="AE84720" i="1"/>
  <c r="AE84721" i="1"/>
  <c r="AE84722" i="1"/>
  <c r="AE84723" i="1"/>
  <c r="AE84724" i="1"/>
  <c r="AE84725" i="1"/>
  <c r="AE84726" i="1"/>
  <c r="AE84727" i="1"/>
  <c r="AE84728" i="1"/>
  <c r="AE84729" i="1"/>
  <c r="AE84730" i="1"/>
  <c r="AE84731" i="1"/>
  <c r="AE84732" i="1"/>
  <c r="AE84733" i="1"/>
  <c r="AE84734" i="1"/>
  <c r="AE84735" i="1"/>
  <c r="AE84736" i="1"/>
  <c r="AE84737" i="1"/>
  <c r="AE84738" i="1"/>
  <c r="AE84739" i="1"/>
  <c r="AE84740" i="1"/>
  <c r="AE84741" i="1"/>
  <c r="AE84742" i="1"/>
  <c r="AE84743" i="1"/>
  <c r="AE84744" i="1"/>
  <c r="AE84745" i="1"/>
  <c r="AE84746" i="1"/>
  <c r="AE84747" i="1"/>
  <c r="AE84748" i="1"/>
  <c r="AE84749" i="1"/>
  <c r="AE84750" i="1"/>
  <c r="AE84751" i="1"/>
  <c r="AE84752" i="1"/>
  <c r="AE84753" i="1"/>
  <c r="AE84754" i="1"/>
  <c r="AE84755" i="1"/>
  <c r="AE84756" i="1"/>
  <c r="AE84757" i="1"/>
  <c r="AE84758" i="1"/>
  <c r="AE84759" i="1"/>
  <c r="AE84760" i="1"/>
  <c r="AE84761" i="1"/>
  <c r="AE84762" i="1"/>
  <c r="AE84763" i="1"/>
  <c r="AE84764" i="1"/>
  <c r="AE84765" i="1"/>
  <c r="AE84766" i="1"/>
  <c r="AE84767" i="1"/>
  <c r="AE84768" i="1"/>
  <c r="AE84769" i="1"/>
  <c r="AE84770" i="1"/>
  <c r="AE84771" i="1"/>
  <c r="AE84772" i="1"/>
  <c r="AE84773" i="1"/>
  <c r="AE84774" i="1"/>
  <c r="AE84775" i="1"/>
  <c r="AE84776" i="1"/>
  <c r="AE84777" i="1"/>
  <c r="AE84778" i="1"/>
  <c r="AE84779" i="1"/>
  <c r="AE84780" i="1"/>
  <c r="AE84781" i="1"/>
  <c r="AE84782" i="1"/>
  <c r="AE84783" i="1"/>
  <c r="AE84784" i="1"/>
  <c r="AE84785" i="1"/>
  <c r="AE84786" i="1"/>
  <c r="AE84787" i="1"/>
  <c r="AE84788" i="1"/>
  <c r="AE84789" i="1"/>
  <c r="AE84790" i="1"/>
  <c r="AE84791" i="1"/>
  <c r="AE84792" i="1"/>
  <c r="AE84793" i="1"/>
  <c r="AE84794" i="1"/>
  <c r="AE84795" i="1"/>
  <c r="AE84796" i="1"/>
  <c r="AE84797" i="1"/>
  <c r="AE84798" i="1"/>
  <c r="AE84799" i="1"/>
  <c r="AE84800" i="1"/>
  <c r="AE84801" i="1"/>
  <c r="AE84802" i="1"/>
  <c r="AE84803" i="1"/>
  <c r="AE84804" i="1"/>
  <c r="AE84805" i="1"/>
  <c r="AE84806" i="1"/>
  <c r="AE84807" i="1"/>
  <c r="AE84808" i="1"/>
  <c r="AE84809" i="1"/>
  <c r="AE84810" i="1"/>
  <c r="AE84811" i="1"/>
  <c r="AE84812" i="1"/>
  <c r="AE84813" i="1"/>
  <c r="AE84814" i="1"/>
  <c r="AE84815" i="1"/>
  <c r="AE84816" i="1"/>
  <c r="AE84817" i="1"/>
  <c r="AE84818" i="1"/>
  <c r="AE84819" i="1"/>
  <c r="AE84820" i="1"/>
  <c r="AE84821" i="1"/>
  <c r="AE84822" i="1"/>
  <c r="AE84823" i="1"/>
  <c r="AE84824" i="1"/>
  <c r="AE84825" i="1"/>
  <c r="AE84826" i="1"/>
  <c r="AE84827" i="1"/>
  <c r="AE84828" i="1"/>
  <c r="AE84829" i="1"/>
  <c r="AE84830" i="1"/>
  <c r="AE84831" i="1"/>
  <c r="AE84832" i="1"/>
  <c r="AE84833" i="1"/>
  <c r="AE84834" i="1"/>
  <c r="AE84835" i="1"/>
  <c r="AE84836" i="1"/>
  <c r="AE84837" i="1"/>
  <c r="AE84838" i="1"/>
  <c r="AE84839" i="1"/>
  <c r="AE84840" i="1"/>
  <c r="AE84841" i="1"/>
  <c r="AE84842" i="1"/>
  <c r="AE84843" i="1"/>
  <c r="AE84844" i="1"/>
  <c r="AE84845" i="1"/>
  <c r="AE84846" i="1"/>
  <c r="AE84847" i="1"/>
  <c r="AE84848" i="1"/>
  <c r="AE84849" i="1"/>
  <c r="AE84850" i="1"/>
  <c r="AE84851" i="1"/>
  <c r="AE84852" i="1"/>
  <c r="AE84853" i="1"/>
  <c r="AE84854" i="1"/>
  <c r="AE84855" i="1"/>
  <c r="AE84856" i="1"/>
  <c r="AE84857" i="1"/>
  <c r="AE84858" i="1"/>
  <c r="AE84859" i="1"/>
  <c r="AE84860" i="1"/>
  <c r="AE84861" i="1"/>
  <c r="AE84862" i="1"/>
  <c r="AE84863" i="1"/>
  <c r="AE84864" i="1"/>
  <c r="AE84865" i="1"/>
  <c r="AE84866" i="1"/>
  <c r="AE84867" i="1"/>
  <c r="AE84868" i="1"/>
  <c r="AE84869" i="1"/>
  <c r="AE84870" i="1"/>
  <c r="AE84871" i="1"/>
  <c r="AE84872" i="1"/>
  <c r="AE84873" i="1"/>
  <c r="AE84874" i="1"/>
  <c r="AE84875" i="1"/>
  <c r="AE84876" i="1"/>
  <c r="AE84877" i="1"/>
  <c r="AE84878" i="1"/>
  <c r="AE84879" i="1"/>
  <c r="AE84880" i="1"/>
  <c r="AE84881" i="1"/>
  <c r="AE84882" i="1"/>
  <c r="AE84883" i="1"/>
  <c r="AE84884" i="1"/>
  <c r="AE84885" i="1"/>
  <c r="AE84886" i="1"/>
  <c r="AE84887" i="1"/>
  <c r="AE84888" i="1"/>
  <c r="AE84889" i="1"/>
  <c r="AE84890" i="1"/>
  <c r="AE84891" i="1"/>
  <c r="AE84892" i="1"/>
  <c r="AE84893" i="1"/>
  <c r="AE84894" i="1"/>
  <c r="AE84895" i="1"/>
  <c r="AE84896" i="1"/>
  <c r="AE84897" i="1"/>
  <c r="AE84898" i="1"/>
  <c r="AE84899" i="1"/>
  <c r="AE84900" i="1"/>
  <c r="AE84901" i="1"/>
  <c r="AE84902" i="1"/>
  <c r="AE84903" i="1"/>
  <c r="AE84904" i="1"/>
  <c r="AE84905" i="1"/>
  <c r="AE84906" i="1"/>
  <c r="AE84907" i="1"/>
  <c r="AE84908" i="1"/>
  <c r="AE84909" i="1"/>
  <c r="AE84910" i="1"/>
  <c r="AE84911" i="1"/>
  <c r="AE84912" i="1"/>
  <c r="AE84913" i="1"/>
  <c r="AE84914" i="1"/>
  <c r="AE84915" i="1"/>
  <c r="AE84916" i="1"/>
  <c r="AE84917" i="1"/>
  <c r="AE84918" i="1"/>
  <c r="AE84919" i="1"/>
  <c r="AE84920" i="1"/>
  <c r="AE84921" i="1"/>
  <c r="AE84922" i="1"/>
  <c r="AE84923" i="1"/>
  <c r="AE84924" i="1"/>
  <c r="AE84925" i="1"/>
  <c r="AE84926" i="1"/>
  <c r="AE84927" i="1"/>
  <c r="AE84928" i="1"/>
  <c r="AE84929" i="1"/>
  <c r="AE84930" i="1"/>
  <c r="AE84931" i="1"/>
  <c r="AE84932" i="1"/>
  <c r="AE84933" i="1"/>
  <c r="AE84934" i="1"/>
  <c r="AE84935" i="1"/>
  <c r="AE84936" i="1"/>
  <c r="AE84937" i="1"/>
  <c r="AE84938" i="1"/>
  <c r="AE84939" i="1"/>
  <c r="AE84940" i="1"/>
  <c r="AE84941" i="1"/>
  <c r="AE84942" i="1"/>
  <c r="AE84943" i="1"/>
  <c r="AE84944" i="1"/>
  <c r="AE84945" i="1"/>
  <c r="AE84946" i="1"/>
  <c r="AE84947" i="1"/>
  <c r="AE84948" i="1"/>
  <c r="AE84949" i="1"/>
  <c r="AE84950" i="1"/>
  <c r="AE84951" i="1"/>
  <c r="AE84952" i="1"/>
  <c r="AE84953" i="1"/>
  <c r="AE84954" i="1"/>
  <c r="AE84955" i="1"/>
  <c r="AE84956" i="1"/>
  <c r="AE84957" i="1"/>
  <c r="AE84958" i="1"/>
  <c r="AE84959" i="1"/>
  <c r="AE84960" i="1"/>
  <c r="AE84961" i="1"/>
  <c r="AE84962" i="1"/>
  <c r="AE84963" i="1"/>
  <c r="AE84964" i="1"/>
  <c r="AE84965" i="1"/>
  <c r="AE84966" i="1"/>
  <c r="AE84967" i="1"/>
  <c r="AE84968" i="1"/>
  <c r="AE84969" i="1"/>
  <c r="AE84970" i="1"/>
  <c r="AE84971" i="1"/>
  <c r="AE84972" i="1"/>
  <c r="AE84973" i="1"/>
  <c r="AE84974" i="1"/>
  <c r="AE84975" i="1"/>
  <c r="AE84976" i="1"/>
  <c r="AE84977" i="1"/>
  <c r="AE84978" i="1"/>
  <c r="AE84979" i="1"/>
  <c r="AE84980" i="1"/>
  <c r="AE84981" i="1"/>
  <c r="AE84982" i="1"/>
  <c r="AE84983" i="1"/>
  <c r="AE84984" i="1"/>
  <c r="AE84985" i="1"/>
  <c r="AE84986" i="1"/>
  <c r="AE84987" i="1"/>
  <c r="AE84988" i="1"/>
  <c r="AE84989" i="1"/>
  <c r="AE84990" i="1"/>
  <c r="AE84991" i="1"/>
  <c r="AE84992" i="1"/>
  <c r="AE84993" i="1"/>
  <c r="AE84994" i="1"/>
  <c r="AE84995" i="1"/>
  <c r="AE84996" i="1"/>
  <c r="AE84997" i="1"/>
  <c r="AE84998" i="1"/>
  <c r="AE84999" i="1"/>
  <c r="AE85000" i="1"/>
  <c r="AE85001" i="1"/>
  <c r="AE85002" i="1"/>
  <c r="AE85003" i="1"/>
  <c r="AE85004" i="1"/>
  <c r="AE85005" i="1"/>
  <c r="AE85006" i="1"/>
  <c r="AE85007" i="1"/>
  <c r="AE85008" i="1"/>
  <c r="AE85009" i="1"/>
  <c r="AE85010" i="1"/>
  <c r="AE85011" i="1"/>
  <c r="AE85012" i="1"/>
  <c r="AE85013" i="1"/>
  <c r="AE85014" i="1"/>
  <c r="AE85015" i="1"/>
  <c r="AE85016" i="1"/>
  <c r="AE85017" i="1"/>
  <c r="AE85018" i="1"/>
  <c r="AE85019" i="1"/>
  <c r="AE85020" i="1"/>
  <c r="AE85021" i="1"/>
  <c r="AE85022" i="1"/>
  <c r="AE85023" i="1"/>
  <c r="AE85024" i="1"/>
  <c r="AE85025" i="1"/>
  <c r="AE85026" i="1"/>
  <c r="AE85027" i="1"/>
  <c r="AE85028" i="1"/>
  <c r="AE85029" i="1"/>
  <c r="AE85030" i="1"/>
  <c r="AE85031" i="1"/>
  <c r="AE85032" i="1"/>
  <c r="AE85033" i="1"/>
  <c r="AE85034" i="1"/>
  <c r="AE85035" i="1"/>
  <c r="AE85036" i="1"/>
  <c r="AE85037" i="1"/>
  <c r="AE85038" i="1"/>
  <c r="AE85039" i="1"/>
  <c r="AE85040" i="1"/>
  <c r="AE85041" i="1"/>
  <c r="AE85042" i="1"/>
  <c r="AE85043" i="1"/>
  <c r="AE85044" i="1"/>
  <c r="AE85045" i="1"/>
  <c r="AE85046" i="1"/>
  <c r="AE85047" i="1"/>
  <c r="AE85048" i="1"/>
  <c r="AE85049" i="1"/>
  <c r="AE85050" i="1"/>
  <c r="AE85051" i="1"/>
  <c r="AE85052" i="1"/>
  <c r="AE85053" i="1"/>
  <c r="AE85054" i="1"/>
  <c r="AE85055" i="1"/>
  <c r="AE85056" i="1"/>
  <c r="AE85057" i="1"/>
  <c r="AE85058" i="1"/>
  <c r="AE85059" i="1"/>
  <c r="AE85060" i="1"/>
  <c r="AE85061" i="1"/>
  <c r="AE85062" i="1"/>
  <c r="AE85063" i="1"/>
  <c r="AE85064" i="1"/>
  <c r="AE85065" i="1"/>
  <c r="AE85066" i="1"/>
  <c r="AE85067" i="1"/>
  <c r="AE85068" i="1"/>
  <c r="AE85069" i="1"/>
  <c r="AE85070" i="1"/>
  <c r="AE85071" i="1"/>
  <c r="AE85072" i="1"/>
  <c r="AE85073" i="1"/>
  <c r="AE85074" i="1"/>
  <c r="AE85075" i="1"/>
  <c r="AE85076" i="1"/>
  <c r="AE85077" i="1"/>
  <c r="AE85078" i="1"/>
  <c r="AE85079" i="1"/>
  <c r="AE85080" i="1"/>
  <c r="AE85081" i="1"/>
  <c r="AE85082" i="1"/>
  <c r="AE85083" i="1"/>
  <c r="AE85084" i="1"/>
  <c r="AE85085" i="1"/>
  <c r="AE85086" i="1"/>
  <c r="AE85087" i="1"/>
  <c r="AE85088" i="1"/>
  <c r="AE85089" i="1"/>
  <c r="AE85090" i="1"/>
  <c r="AE85091" i="1"/>
  <c r="AE85092" i="1"/>
  <c r="AE85093" i="1"/>
  <c r="AE85094" i="1"/>
  <c r="AE85095" i="1"/>
  <c r="AE85096" i="1"/>
  <c r="AE85097" i="1"/>
  <c r="AE85098" i="1"/>
  <c r="AE85099" i="1"/>
  <c r="AE85100" i="1"/>
  <c r="AE85101" i="1"/>
  <c r="AE85102" i="1"/>
  <c r="AE85103" i="1"/>
  <c r="AE85104" i="1"/>
  <c r="AE85105" i="1"/>
  <c r="AE85106" i="1"/>
  <c r="AE85107" i="1"/>
  <c r="AE85108" i="1"/>
  <c r="AE85109" i="1"/>
  <c r="AE85110" i="1"/>
  <c r="AE85111" i="1"/>
  <c r="AE85112" i="1"/>
  <c r="AE85113" i="1"/>
  <c r="AE85114" i="1"/>
  <c r="AE85115" i="1"/>
  <c r="AE85116" i="1"/>
  <c r="AE85117" i="1"/>
  <c r="AE85118" i="1"/>
  <c r="AE85119" i="1"/>
  <c r="AE85120" i="1"/>
  <c r="AE85121" i="1"/>
  <c r="AE85122" i="1"/>
  <c r="AE85123" i="1"/>
  <c r="AE85124" i="1"/>
  <c r="AE85125" i="1"/>
  <c r="AE85126" i="1"/>
  <c r="AE85127" i="1"/>
  <c r="AE85128" i="1"/>
  <c r="AE85129" i="1"/>
  <c r="AE85130" i="1"/>
  <c r="AE85131" i="1"/>
  <c r="AE85132" i="1"/>
  <c r="AE85133" i="1"/>
  <c r="AE85134" i="1"/>
  <c r="AE85135" i="1"/>
  <c r="AE85136" i="1"/>
  <c r="AE85137" i="1"/>
  <c r="AE85138" i="1"/>
  <c r="AE85139" i="1"/>
  <c r="AE85140" i="1"/>
  <c r="AE85141" i="1"/>
  <c r="AE85142" i="1"/>
  <c r="AE85143" i="1"/>
  <c r="AE85144" i="1"/>
  <c r="AE85145" i="1"/>
  <c r="AE85146" i="1"/>
  <c r="AE85147" i="1"/>
  <c r="AE85148" i="1"/>
  <c r="AE85149" i="1"/>
  <c r="AE85150" i="1"/>
  <c r="AE85151" i="1"/>
  <c r="AE85152" i="1"/>
  <c r="AE85153" i="1"/>
  <c r="AE85154" i="1"/>
  <c r="AE85155" i="1"/>
  <c r="AE85156" i="1"/>
  <c r="AE85157" i="1"/>
  <c r="AE85158" i="1"/>
  <c r="AE85159" i="1"/>
  <c r="AE85160" i="1"/>
  <c r="AE85161" i="1"/>
  <c r="AE85162" i="1"/>
  <c r="AE85163" i="1"/>
  <c r="AE85164" i="1"/>
  <c r="AE85165" i="1"/>
  <c r="AE85166" i="1"/>
  <c r="AE85167" i="1"/>
  <c r="AE85168" i="1"/>
  <c r="AE85169" i="1"/>
  <c r="AE85170" i="1"/>
  <c r="AE85171" i="1"/>
  <c r="AE85172" i="1"/>
  <c r="AE85173" i="1"/>
  <c r="AE85174" i="1"/>
  <c r="AE85175" i="1"/>
  <c r="AE85176" i="1"/>
  <c r="AE85177" i="1"/>
  <c r="AE85178" i="1"/>
  <c r="AE85179" i="1"/>
  <c r="AE85180" i="1"/>
  <c r="AE85181" i="1"/>
  <c r="AE85182" i="1"/>
  <c r="AE85183" i="1"/>
  <c r="AE85184" i="1"/>
  <c r="AE85185" i="1"/>
  <c r="AE85186" i="1"/>
  <c r="AE85187" i="1"/>
  <c r="AE85188" i="1"/>
  <c r="AE85189" i="1"/>
  <c r="AE85190" i="1"/>
  <c r="AE85191" i="1"/>
  <c r="AE85192" i="1"/>
  <c r="AE85193" i="1"/>
  <c r="AE85194" i="1"/>
  <c r="AE85195" i="1"/>
  <c r="AE85196" i="1"/>
  <c r="AE85197" i="1"/>
  <c r="AE85198" i="1"/>
  <c r="AE85199" i="1"/>
  <c r="AE85200" i="1"/>
  <c r="AE85201" i="1"/>
  <c r="AE85202" i="1"/>
  <c r="AE85203" i="1"/>
  <c r="AE85204" i="1"/>
  <c r="AE85205" i="1"/>
  <c r="AE85206" i="1"/>
  <c r="AE85207" i="1"/>
  <c r="AE85208" i="1"/>
  <c r="AE85209" i="1"/>
  <c r="AE85210" i="1"/>
  <c r="AE85211" i="1"/>
  <c r="AE85212" i="1"/>
  <c r="AE85213" i="1"/>
  <c r="AE85214" i="1"/>
  <c r="AE85215" i="1"/>
  <c r="AE85216" i="1"/>
  <c r="AE85217" i="1"/>
  <c r="AE85218" i="1"/>
  <c r="AE85219" i="1"/>
  <c r="AE85220" i="1"/>
  <c r="AE85221" i="1"/>
  <c r="AE85222" i="1"/>
  <c r="AE85223" i="1"/>
  <c r="AE85224" i="1"/>
  <c r="AE85225" i="1"/>
  <c r="AE85226" i="1"/>
  <c r="AE85227" i="1"/>
  <c r="AE85228" i="1"/>
  <c r="AE85229" i="1"/>
  <c r="AE85230" i="1"/>
  <c r="AE85231" i="1"/>
  <c r="AE85232" i="1"/>
  <c r="AE85233" i="1"/>
  <c r="AE85234" i="1"/>
  <c r="AE85235" i="1"/>
  <c r="AE85236" i="1"/>
  <c r="AE85237" i="1"/>
  <c r="AE85238" i="1"/>
  <c r="AE85239" i="1"/>
  <c r="AE85240" i="1"/>
  <c r="AE85241" i="1"/>
  <c r="AE85242" i="1"/>
  <c r="AE85243" i="1"/>
  <c r="AE85244" i="1"/>
  <c r="AE85245" i="1"/>
  <c r="AE85246" i="1"/>
  <c r="AE85247" i="1"/>
  <c r="AE85248" i="1"/>
  <c r="AE85249" i="1"/>
  <c r="AE85250" i="1"/>
  <c r="AE85251" i="1"/>
  <c r="AE85252" i="1"/>
  <c r="AE85253" i="1"/>
  <c r="AE85254" i="1"/>
  <c r="AE85255" i="1"/>
  <c r="AE85256" i="1"/>
  <c r="AE85257" i="1"/>
  <c r="AE85258" i="1"/>
  <c r="AE85259" i="1"/>
  <c r="AE85260" i="1"/>
  <c r="AE85261" i="1"/>
  <c r="AE85262" i="1"/>
  <c r="AE85263" i="1"/>
  <c r="AE85264" i="1"/>
  <c r="AE85265" i="1"/>
  <c r="AE85266" i="1"/>
  <c r="AE85267" i="1"/>
  <c r="AE85268" i="1"/>
  <c r="AE85269" i="1"/>
  <c r="AE85270" i="1"/>
  <c r="AE85271" i="1"/>
  <c r="AE85272" i="1"/>
  <c r="AE85273" i="1"/>
  <c r="AE85274" i="1"/>
  <c r="AE85275" i="1"/>
  <c r="AE85276" i="1"/>
  <c r="AE85277" i="1"/>
  <c r="AE85278" i="1"/>
  <c r="AE85279" i="1"/>
  <c r="AE85280" i="1"/>
  <c r="AE85281" i="1"/>
  <c r="AE85282" i="1"/>
  <c r="AE85283" i="1"/>
  <c r="AE85284" i="1"/>
  <c r="AE85285" i="1"/>
  <c r="AE85286" i="1"/>
  <c r="AE85287" i="1"/>
  <c r="AE85288" i="1"/>
  <c r="AE85289" i="1"/>
  <c r="AE85290" i="1"/>
  <c r="AE85291" i="1"/>
  <c r="AE85292" i="1"/>
  <c r="AE85293" i="1"/>
  <c r="AE85294" i="1"/>
  <c r="AE85295" i="1"/>
  <c r="AE85296" i="1"/>
  <c r="AE85297" i="1"/>
  <c r="AE85298" i="1"/>
  <c r="AE85299" i="1"/>
  <c r="AE85300" i="1"/>
  <c r="AE85301" i="1"/>
  <c r="AE85302" i="1"/>
  <c r="AE85303" i="1"/>
  <c r="AE85304" i="1"/>
  <c r="AE85305" i="1"/>
  <c r="AE85306" i="1"/>
  <c r="AE85307" i="1"/>
  <c r="AE85308" i="1"/>
  <c r="AE85309" i="1"/>
  <c r="AE85310" i="1"/>
  <c r="AE85311" i="1"/>
  <c r="AE85312" i="1"/>
  <c r="AE85313" i="1"/>
  <c r="AE85314" i="1"/>
  <c r="AE85315" i="1"/>
  <c r="AE85316" i="1"/>
  <c r="AE85317" i="1"/>
  <c r="AE85318" i="1"/>
  <c r="AE85319" i="1"/>
  <c r="AE85320" i="1"/>
  <c r="AE85321" i="1"/>
  <c r="AE85322" i="1"/>
  <c r="AE85323" i="1"/>
  <c r="AE85324" i="1"/>
  <c r="AE85325" i="1"/>
  <c r="AE85326" i="1"/>
  <c r="AE85327" i="1"/>
  <c r="AE85328" i="1"/>
  <c r="AE85329" i="1"/>
  <c r="AE85330" i="1"/>
  <c r="AE85331" i="1"/>
  <c r="AE85332" i="1"/>
  <c r="AE85333" i="1"/>
  <c r="AE85334" i="1"/>
  <c r="AE85335" i="1"/>
  <c r="AE85336" i="1"/>
  <c r="AE85337" i="1"/>
  <c r="AE85338" i="1"/>
  <c r="AE85339" i="1"/>
  <c r="AE85340" i="1"/>
  <c r="AE85341" i="1"/>
  <c r="AE85342" i="1"/>
  <c r="AE85343" i="1"/>
  <c r="AE85344" i="1"/>
  <c r="AE85345" i="1"/>
  <c r="AE85346" i="1"/>
  <c r="AE85347" i="1"/>
  <c r="AE85348" i="1"/>
  <c r="AE85349" i="1"/>
  <c r="AE85350" i="1"/>
  <c r="AE85351" i="1"/>
  <c r="AE85352" i="1"/>
  <c r="AE85353" i="1"/>
  <c r="AE85354" i="1"/>
  <c r="AE85355" i="1"/>
  <c r="AE85356" i="1"/>
  <c r="AE85357" i="1"/>
  <c r="AE85358" i="1"/>
  <c r="AE85359" i="1"/>
  <c r="AE85360" i="1"/>
  <c r="AE85361" i="1"/>
  <c r="AE85362" i="1"/>
  <c r="AE85363" i="1"/>
  <c r="AE85364" i="1"/>
  <c r="AE85365" i="1"/>
  <c r="AE85366" i="1"/>
  <c r="AE85367" i="1"/>
  <c r="AE85368" i="1"/>
  <c r="AE85369" i="1"/>
  <c r="AE85370" i="1"/>
  <c r="AE85371" i="1"/>
  <c r="AE85372" i="1"/>
  <c r="AE85373" i="1"/>
  <c r="AE85374" i="1"/>
  <c r="AE85375" i="1"/>
  <c r="AE85376" i="1"/>
  <c r="AE85377" i="1"/>
  <c r="AE85378" i="1"/>
  <c r="AE85379" i="1"/>
  <c r="AE85380" i="1"/>
  <c r="AE85381" i="1"/>
  <c r="AE85382" i="1"/>
  <c r="AE85383" i="1"/>
  <c r="AE85384" i="1"/>
  <c r="AE85385" i="1"/>
  <c r="AE85386" i="1"/>
  <c r="AE85387" i="1"/>
  <c r="AE85388" i="1"/>
  <c r="AE85389" i="1"/>
  <c r="AE85390" i="1"/>
  <c r="AE85391" i="1"/>
  <c r="AE85392" i="1"/>
  <c r="AE85393" i="1"/>
  <c r="AE85394" i="1"/>
  <c r="AE85395" i="1"/>
  <c r="AE85396" i="1"/>
  <c r="AE85397" i="1"/>
  <c r="AE85398" i="1"/>
  <c r="AE85399" i="1"/>
  <c r="AE85400" i="1"/>
  <c r="AE85401" i="1"/>
  <c r="AE85402" i="1"/>
  <c r="AE85403" i="1"/>
  <c r="AE85404" i="1"/>
  <c r="AE85405" i="1"/>
  <c r="AE85406" i="1"/>
  <c r="AE85407" i="1"/>
  <c r="AE85408" i="1"/>
  <c r="AE85409" i="1"/>
  <c r="AE85410" i="1"/>
  <c r="AE85411" i="1"/>
  <c r="AE85412" i="1"/>
  <c r="AE85413" i="1"/>
  <c r="AE85414" i="1"/>
  <c r="AE85415" i="1"/>
  <c r="AE85416" i="1"/>
  <c r="AE85417" i="1"/>
  <c r="AE85418" i="1"/>
  <c r="AE85419" i="1"/>
  <c r="AE85420" i="1"/>
  <c r="AE85421" i="1"/>
  <c r="AE85422" i="1"/>
  <c r="AE85423" i="1"/>
  <c r="AE85424" i="1"/>
  <c r="AE85425" i="1"/>
  <c r="AE85426" i="1"/>
  <c r="AE85427" i="1"/>
  <c r="AE85428" i="1"/>
  <c r="AE85429" i="1"/>
  <c r="AE85430" i="1"/>
  <c r="AE85431" i="1"/>
  <c r="AE85432" i="1"/>
  <c r="AE85433" i="1"/>
  <c r="AE85434" i="1"/>
  <c r="AE85435" i="1"/>
  <c r="AE85436" i="1"/>
  <c r="AE85437" i="1"/>
  <c r="AE85438" i="1"/>
  <c r="AE85439" i="1"/>
  <c r="AE85440" i="1"/>
  <c r="AE85441" i="1"/>
  <c r="AE85442" i="1"/>
  <c r="AE85443" i="1"/>
  <c r="AE85444" i="1"/>
  <c r="AE85445" i="1"/>
  <c r="AE85446" i="1"/>
  <c r="AE85447" i="1"/>
  <c r="AE85448" i="1"/>
  <c r="AE85449" i="1"/>
  <c r="AE85450" i="1"/>
  <c r="AE85451" i="1"/>
  <c r="AE85452" i="1"/>
  <c r="AE85453" i="1"/>
  <c r="AE85454" i="1"/>
  <c r="AE85455" i="1"/>
  <c r="AE85456" i="1"/>
  <c r="AE85457" i="1"/>
  <c r="AE85458" i="1"/>
  <c r="AE85459" i="1"/>
  <c r="AE85460" i="1"/>
  <c r="AE85461" i="1"/>
  <c r="AE85462" i="1"/>
  <c r="AE85463" i="1"/>
  <c r="AE85464" i="1"/>
  <c r="AE85465" i="1"/>
  <c r="AE85466" i="1"/>
  <c r="AE85467" i="1"/>
  <c r="AE85468" i="1"/>
  <c r="AE85469" i="1"/>
  <c r="AE85470" i="1"/>
  <c r="AE85471" i="1"/>
  <c r="AE85472" i="1"/>
  <c r="AE85473" i="1"/>
  <c r="AE85474" i="1"/>
  <c r="AE85475" i="1"/>
  <c r="AE85476" i="1"/>
  <c r="AE85477" i="1"/>
  <c r="AE85478" i="1"/>
  <c r="AE85479" i="1"/>
  <c r="AE85480" i="1"/>
  <c r="AE85481" i="1"/>
  <c r="AE85482" i="1"/>
  <c r="AE85483" i="1"/>
  <c r="AE85484" i="1"/>
  <c r="AE85485" i="1"/>
  <c r="AE85486" i="1"/>
  <c r="AE85487" i="1"/>
  <c r="AE85488" i="1"/>
  <c r="AE85489" i="1"/>
  <c r="AE85490" i="1"/>
  <c r="AE85491" i="1"/>
  <c r="AE85492" i="1"/>
  <c r="AE85493" i="1"/>
  <c r="AE85494" i="1"/>
  <c r="AE85495" i="1"/>
  <c r="AE85496" i="1"/>
  <c r="AE85497" i="1"/>
  <c r="AE85498" i="1"/>
  <c r="AE85499" i="1"/>
  <c r="AE85500" i="1"/>
  <c r="AE85501" i="1"/>
  <c r="AE85502" i="1"/>
  <c r="AE85503" i="1"/>
  <c r="AE85504" i="1"/>
  <c r="AE85505" i="1"/>
  <c r="AE85506" i="1"/>
  <c r="AE85507" i="1"/>
  <c r="AE85508" i="1"/>
  <c r="AE85509" i="1"/>
  <c r="AE85510" i="1"/>
  <c r="AE85511" i="1"/>
  <c r="AE85512" i="1"/>
  <c r="AE85513" i="1"/>
  <c r="AE85514" i="1"/>
  <c r="AE85515" i="1"/>
  <c r="AE85516" i="1"/>
  <c r="AE85517" i="1"/>
  <c r="AE85518" i="1"/>
  <c r="AE85519" i="1"/>
  <c r="AE85520" i="1"/>
  <c r="AE85521" i="1"/>
  <c r="AE85522" i="1"/>
  <c r="AE85523" i="1"/>
  <c r="AE85524" i="1"/>
  <c r="AE85525" i="1"/>
  <c r="AE85526" i="1"/>
  <c r="AE85527" i="1"/>
  <c r="AE85528" i="1"/>
  <c r="AE85529" i="1"/>
  <c r="AE85530" i="1"/>
  <c r="AE85531" i="1"/>
  <c r="AE85532" i="1"/>
  <c r="AE85533" i="1"/>
  <c r="AE85534" i="1"/>
  <c r="AE85535" i="1"/>
  <c r="AE85536" i="1"/>
  <c r="AE85537" i="1"/>
  <c r="AE85538" i="1"/>
  <c r="AE85539" i="1"/>
  <c r="AE85540" i="1"/>
  <c r="AE85541" i="1"/>
  <c r="AE85542" i="1"/>
  <c r="AE85543" i="1"/>
  <c r="AE85544" i="1"/>
  <c r="AE85545" i="1"/>
  <c r="AE85546" i="1"/>
  <c r="AE85547" i="1"/>
  <c r="AE85548" i="1"/>
  <c r="AE85549" i="1"/>
  <c r="AE85550" i="1"/>
  <c r="AE85551" i="1"/>
  <c r="AE85552" i="1"/>
  <c r="AE85553" i="1"/>
  <c r="AE85554" i="1"/>
  <c r="AE85555" i="1"/>
  <c r="AE85556" i="1"/>
  <c r="AE85557" i="1"/>
  <c r="AE85558" i="1"/>
  <c r="AE85559" i="1"/>
  <c r="AE85560" i="1"/>
  <c r="AE85561" i="1"/>
  <c r="AE85562" i="1"/>
  <c r="AE85563" i="1"/>
  <c r="AE85564" i="1"/>
  <c r="AE85565" i="1"/>
  <c r="AE85566" i="1"/>
  <c r="AE85567" i="1"/>
  <c r="AE85568" i="1"/>
  <c r="AE85569" i="1"/>
  <c r="AE85570" i="1"/>
  <c r="AE85571" i="1"/>
  <c r="AE85572" i="1"/>
  <c r="AE85573" i="1"/>
  <c r="AE85574" i="1"/>
  <c r="AE85575" i="1"/>
  <c r="AE85576" i="1"/>
  <c r="AE85577" i="1"/>
  <c r="AE85578" i="1"/>
  <c r="AE85579" i="1"/>
  <c r="AE85580" i="1"/>
  <c r="AE85581" i="1"/>
  <c r="AE85582" i="1"/>
  <c r="AE85583" i="1"/>
  <c r="AE85584" i="1"/>
  <c r="AE85585" i="1"/>
  <c r="AE85586" i="1"/>
  <c r="AE85587" i="1"/>
  <c r="AE85588" i="1"/>
  <c r="AE85589" i="1"/>
  <c r="AE85590" i="1"/>
  <c r="AE85591" i="1"/>
  <c r="AE85592" i="1"/>
  <c r="AE85593" i="1"/>
  <c r="AE85594" i="1"/>
  <c r="AE85595" i="1"/>
  <c r="AE85596" i="1"/>
  <c r="AE85597" i="1"/>
  <c r="AE85598" i="1"/>
  <c r="AE85599" i="1"/>
  <c r="AE85600" i="1"/>
  <c r="AE85601" i="1"/>
  <c r="AE85602" i="1"/>
  <c r="AE85603" i="1"/>
  <c r="AE85604" i="1"/>
  <c r="AE85605" i="1"/>
  <c r="AE85606" i="1"/>
  <c r="AE85607" i="1"/>
  <c r="AE85608" i="1"/>
  <c r="AE85609" i="1"/>
  <c r="AE85610" i="1"/>
  <c r="AE85611" i="1"/>
  <c r="AE85612" i="1"/>
  <c r="AE85613" i="1"/>
  <c r="AE85614" i="1"/>
  <c r="AE85615" i="1"/>
  <c r="AE85616" i="1"/>
  <c r="AE85617" i="1"/>
  <c r="AE85618" i="1"/>
  <c r="AE85619" i="1"/>
  <c r="AE85620" i="1"/>
  <c r="AE85621" i="1"/>
  <c r="AE85622" i="1"/>
  <c r="AE85623" i="1"/>
  <c r="AE85624" i="1"/>
  <c r="AE85625" i="1"/>
  <c r="AE85626" i="1"/>
  <c r="AE85627" i="1"/>
  <c r="AE85628" i="1"/>
  <c r="AE85629" i="1"/>
  <c r="AE85630" i="1"/>
  <c r="AE85631" i="1"/>
  <c r="AE85632" i="1"/>
  <c r="AE85633" i="1"/>
  <c r="AE85634" i="1"/>
  <c r="AE85635" i="1"/>
  <c r="AE85636" i="1"/>
  <c r="AE85637" i="1"/>
  <c r="AE85638" i="1"/>
  <c r="AE85639" i="1"/>
  <c r="AE85640" i="1"/>
  <c r="AE85641" i="1"/>
  <c r="AE85642" i="1"/>
  <c r="AE85643" i="1"/>
  <c r="AE85644" i="1"/>
  <c r="AE85645" i="1"/>
  <c r="AE85646" i="1"/>
  <c r="AE85647" i="1"/>
  <c r="AE85648" i="1"/>
  <c r="AE85649" i="1"/>
  <c r="AE85650" i="1"/>
  <c r="AE85651" i="1"/>
  <c r="AE85652" i="1"/>
  <c r="AE85653" i="1"/>
  <c r="AE85654" i="1"/>
  <c r="AE85655" i="1"/>
  <c r="AE85656" i="1"/>
  <c r="AE85657" i="1"/>
  <c r="AE85658" i="1"/>
  <c r="AE85659" i="1"/>
  <c r="AE85660" i="1"/>
  <c r="AE85661" i="1"/>
  <c r="AE85662" i="1"/>
  <c r="AE85663" i="1"/>
  <c r="AE85664" i="1"/>
  <c r="AE85665" i="1"/>
  <c r="AE85666" i="1"/>
  <c r="AE85667" i="1"/>
  <c r="AE85668" i="1"/>
  <c r="AE85669" i="1"/>
  <c r="AE85670" i="1"/>
  <c r="AE85671" i="1"/>
  <c r="AE85672" i="1"/>
  <c r="AE85673" i="1"/>
  <c r="AE85674" i="1"/>
  <c r="AE85675" i="1"/>
  <c r="AE85676" i="1"/>
  <c r="AE85677" i="1"/>
  <c r="AE85678" i="1"/>
  <c r="AE85679" i="1"/>
  <c r="AE85680" i="1"/>
  <c r="AE85681" i="1"/>
  <c r="AE85682" i="1"/>
  <c r="AE85683" i="1"/>
  <c r="AE85684" i="1"/>
  <c r="AE85685" i="1"/>
  <c r="AE85686" i="1"/>
  <c r="AE85687" i="1"/>
  <c r="AE85688" i="1"/>
  <c r="AE85689" i="1"/>
  <c r="AE85690" i="1"/>
  <c r="AE85691" i="1"/>
  <c r="AE85692" i="1"/>
  <c r="AE85693" i="1"/>
  <c r="AE85694" i="1"/>
  <c r="AE85695" i="1"/>
  <c r="AE85696" i="1"/>
  <c r="AE85697" i="1"/>
  <c r="AE85698" i="1"/>
  <c r="AE85699" i="1"/>
  <c r="AE85700" i="1"/>
  <c r="AE85701" i="1"/>
  <c r="AE85702" i="1"/>
  <c r="AE85703" i="1"/>
  <c r="AE85704" i="1"/>
  <c r="AE85705" i="1"/>
  <c r="AE85706" i="1"/>
  <c r="AE85707" i="1"/>
  <c r="AE85708" i="1"/>
  <c r="AE85709" i="1"/>
  <c r="AE85710" i="1"/>
  <c r="AE85711" i="1"/>
  <c r="AE85712" i="1"/>
  <c r="AE85713" i="1"/>
  <c r="AE85714" i="1"/>
  <c r="AE85715" i="1"/>
  <c r="AE85716" i="1"/>
  <c r="AE85717" i="1"/>
  <c r="AE85718" i="1"/>
  <c r="AE85719" i="1"/>
  <c r="AE85720" i="1"/>
  <c r="AE85721" i="1"/>
  <c r="AE85722" i="1"/>
  <c r="AE85723" i="1"/>
  <c r="AE85724" i="1"/>
  <c r="AE85725" i="1"/>
  <c r="AE85726" i="1"/>
  <c r="AE85727" i="1"/>
  <c r="AE85728" i="1"/>
  <c r="AE85729" i="1"/>
  <c r="AE85730" i="1"/>
  <c r="AE85731" i="1"/>
  <c r="AE85732" i="1"/>
  <c r="AE85733" i="1"/>
  <c r="AE85734" i="1"/>
  <c r="AE85735" i="1"/>
  <c r="AE85736" i="1"/>
  <c r="AE85737" i="1"/>
  <c r="AE85738" i="1"/>
  <c r="AE85739" i="1"/>
  <c r="AE85740" i="1"/>
  <c r="AE85741" i="1"/>
  <c r="AE85742" i="1"/>
  <c r="AE85743" i="1"/>
  <c r="AE85744" i="1"/>
  <c r="AE85745" i="1"/>
  <c r="AE85746" i="1"/>
  <c r="AE85747" i="1"/>
  <c r="AE85748" i="1"/>
  <c r="AE85749" i="1"/>
  <c r="AE85750" i="1"/>
  <c r="AE85751" i="1"/>
  <c r="AE85752" i="1"/>
  <c r="AE85753" i="1"/>
  <c r="AE85754" i="1"/>
  <c r="AE85755" i="1"/>
  <c r="AE85756" i="1"/>
  <c r="AE85757" i="1"/>
  <c r="AE85758" i="1"/>
  <c r="AE85759" i="1"/>
  <c r="AE85760" i="1"/>
  <c r="AE85761" i="1"/>
  <c r="AE85762" i="1"/>
  <c r="AE85763" i="1"/>
  <c r="AE85764" i="1"/>
  <c r="AE85765" i="1"/>
  <c r="AE85766" i="1"/>
  <c r="AE85767" i="1"/>
  <c r="AE85768" i="1"/>
  <c r="AE85769" i="1"/>
  <c r="AE85770" i="1"/>
  <c r="AE85771" i="1"/>
  <c r="AE85772" i="1"/>
  <c r="AE85773" i="1"/>
  <c r="AE85774" i="1"/>
  <c r="AE85775" i="1"/>
  <c r="AE85776" i="1"/>
  <c r="AE85777" i="1"/>
  <c r="AE85778" i="1"/>
  <c r="AE85779" i="1"/>
  <c r="AE85780" i="1"/>
  <c r="AE85781" i="1"/>
  <c r="AE85782" i="1"/>
  <c r="AE85783" i="1"/>
  <c r="AE85784" i="1"/>
  <c r="AE85785" i="1"/>
  <c r="AE85786" i="1"/>
  <c r="AE85787" i="1"/>
  <c r="AE85788" i="1"/>
  <c r="AE85789" i="1"/>
  <c r="AE85790" i="1"/>
  <c r="AE85791" i="1"/>
  <c r="AE85792" i="1"/>
  <c r="AE85793" i="1"/>
  <c r="AE85794" i="1"/>
  <c r="AE85795" i="1"/>
  <c r="AE85796" i="1"/>
  <c r="AE85797" i="1"/>
  <c r="AE85798" i="1"/>
  <c r="AE85799" i="1"/>
  <c r="AE85800" i="1"/>
  <c r="AE85801" i="1"/>
  <c r="AE85802" i="1"/>
  <c r="AE85803" i="1"/>
  <c r="AE85804" i="1"/>
  <c r="AE85805" i="1"/>
  <c r="AE85806" i="1"/>
  <c r="AE85807" i="1"/>
  <c r="AE85808" i="1"/>
  <c r="AE85809" i="1"/>
  <c r="AE85810" i="1"/>
  <c r="AE85811" i="1"/>
  <c r="AE85812" i="1"/>
  <c r="AE85813" i="1"/>
  <c r="AE85814" i="1"/>
  <c r="AE85815" i="1"/>
  <c r="AE85816" i="1"/>
  <c r="AE85817" i="1"/>
  <c r="AE85818" i="1"/>
  <c r="AE85819" i="1"/>
  <c r="AE85820" i="1"/>
  <c r="AE85821" i="1"/>
  <c r="AE85822" i="1"/>
  <c r="AE85823" i="1"/>
  <c r="AE85824" i="1"/>
  <c r="AE85825" i="1"/>
  <c r="AE85826" i="1"/>
  <c r="AE85827" i="1"/>
  <c r="AE85828" i="1"/>
  <c r="AE85829" i="1"/>
  <c r="AE85830" i="1"/>
  <c r="AE85831" i="1"/>
  <c r="AE85832" i="1"/>
  <c r="AE85833" i="1"/>
  <c r="AE85834" i="1"/>
  <c r="AE85835" i="1"/>
  <c r="AE85836" i="1"/>
  <c r="AE85837" i="1"/>
  <c r="AE85838" i="1"/>
  <c r="AE85839" i="1"/>
  <c r="AE85840" i="1"/>
  <c r="AE85841" i="1"/>
  <c r="AE85842" i="1"/>
  <c r="AE85843" i="1"/>
  <c r="AE85844" i="1"/>
  <c r="AE85845" i="1"/>
  <c r="AE85846" i="1"/>
  <c r="AE85847" i="1"/>
  <c r="AE85848" i="1"/>
  <c r="AE85849" i="1"/>
  <c r="AE85850" i="1"/>
  <c r="AE85851" i="1"/>
  <c r="AE85852" i="1"/>
  <c r="AE85853" i="1"/>
  <c r="AE85854" i="1"/>
  <c r="AE85855" i="1"/>
  <c r="AE85856" i="1"/>
  <c r="AE85857" i="1"/>
  <c r="AE85858" i="1"/>
  <c r="AE85859" i="1"/>
  <c r="AE85860" i="1"/>
  <c r="AE85861" i="1"/>
  <c r="AE85862" i="1"/>
  <c r="AE85863" i="1"/>
  <c r="AE85864" i="1"/>
  <c r="AE85865" i="1"/>
  <c r="AE85866" i="1"/>
  <c r="AE85867" i="1"/>
  <c r="AE85868" i="1"/>
  <c r="AE85869" i="1"/>
  <c r="AE85870" i="1"/>
  <c r="AE85871" i="1"/>
  <c r="AE85872" i="1"/>
  <c r="AE85873" i="1"/>
  <c r="AE85874" i="1"/>
  <c r="AE85875" i="1"/>
  <c r="AE85876" i="1"/>
  <c r="AE85877" i="1"/>
  <c r="AE85878" i="1"/>
  <c r="AE85879" i="1"/>
  <c r="AE85880" i="1"/>
  <c r="AE85881" i="1"/>
  <c r="AE85882" i="1"/>
  <c r="AE85883" i="1"/>
  <c r="AE85884" i="1"/>
  <c r="AE85885" i="1"/>
  <c r="AE85886" i="1"/>
  <c r="AE85887" i="1"/>
  <c r="AE85888" i="1"/>
  <c r="AE85889" i="1"/>
  <c r="AE85890" i="1"/>
  <c r="AE85891" i="1"/>
  <c r="AE85892" i="1"/>
  <c r="AE85893" i="1"/>
  <c r="AE85894" i="1"/>
  <c r="AE85895" i="1"/>
  <c r="AE85896" i="1"/>
  <c r="AE85897" i="1"/>
  <c r="AE85898" i="1"/>
  <c r="AE85899" i="1"/>
  <c r="AE85900" i="1"/>
  <c r="AE85901" i="1"/>
  <c r="AE85902" i="1"/>
  <c r="AE85903" i="1"/>
  <c r="AE85904" i="1"/>
  <c r="AE85905" i="1"/>
  <c r="AE85906" i="1"/>
  <c r="AE85907" i="1"/>
  <c r="AE85908" i="1"/>
  <c r="AE85909" i="1"/>
  <c r="AE85910" i="1"/>
  <c r="AE85911" i="1"/>
  <c r="AE85912" i="1"/>
  <c r="AE85913" i="1"/>
  <c r="AE85914" i="1"/>
  <c r="AE85915" i="1"/>
  <c r="AE85916" i="1"/>
  <c r="AE85917" i="1"/>
  <c r="AE85918" i="1"/>
  <c r="AE85919" i="1"/>
  <c r="AE85920" i="1"/>
  <c r="AE85921" i="1"/>
  <c r="AE85922" i="1"/>
  <c r="AE85923" i="1"/>
  <c r="AE85924" i="1"/>
  <c r="AE85925" i="1"/>
  <c r="AE85926" i="1"/>
  <c r="AE85927" i="1"/>
  <c r="AE85928" i="1"/>
  <c r="AE85929" i="1"/>
  <c r="AE85930" i="1"/>
  <c r="AE85931" i="1"/>
  <c r="AE85932" i="1"/>
  <c r="AE85933" i="1"/>
  <c r="AE85934" i="1"/>
  <c r="AE85935" i="1"/>
  <c r="AE85936" i="1"/>
  <c r="AE85937" i="1"/>
  <c r="AE85938" i="1"/>
  <c r="AE85939" i="1"/>
  <c r="AE85940" i="1"/>
  <c r="AE85941" i="1"/>
  <c r="AE85942" i="1"/>
  <c r="AE85943" i="1"/>
  <c r="AE85944" i="1"/>
  <c r="AE85945" i="1"/>
  <c r="AE85946" i="1"/>
  <c r="AE85947" i="1"/>
  <c r="AE85948" i="1"/>
  <c r="AE85949" i="1"/>
  <c r="AE85950" i="1"/>
  <c r="AE85951" i="1"/>
  <c r="AE85952" i="1"/>
  <c r="AE85953" i="1"/>
  <c r="AE85954" i="1"/>
  <c r="AE85955" i="1"/>
  <c r="AE85956" i="1"/>
  <c r="AE85957" i="1"/>
  <c r="AE85958" i="1"/>
  <c r="AE85959" i="1"/>
  <c r="AE85960" i="1"/>
  <c r="AE85961" i="1"/>
  <c r="AE85962" i="1"/>
  <c r="AE85963" i="1"/>
  <c r="AE85964" i="1"/>
  <c r="AE85965" i="1"/>
  <c r="AE85966" i="1"/>
  <c r="AE85967" i="1"/>
  <c r="AE85968" i="1"/>
  <c r="AE85969" i="1"/>
  <c r="AE85970" i="1"/>
  <c r="AE85971" i="1"/>
  <c r="AE85972" i="1"/>
  <c r="AE85973" i="1"/>
  <c r="AE85974" i="1"/>
  <c r="AE85975" i="1"/>
  <c r="AE85976" i="1"/>
  <c r="AE85977" i="1"/>
  <c r="AE85978" i="1"/>
  <c r="AE85979" i="1"/>
  <c r="AE85980" i="1"/>
  <c r="AE85981" i="1"/>
  <c r="AE85982" i="1"/>
  <c r="AE85983" i="1"/>
  <c r="AE85984" i="1"/>
  <c r="AE85985" i="1"/>
  <c r="AE85986" i="1"/>
  <c r="AE85987" i="1"/>
  <c r="AE85988" i="1"/>
  <c r="AE85989" i="1"/>
  <c r="AE85990" i="1"/>
  <c r="AE85991" i="1"/>
  <c r="AE85992" i="1"/>
  <c r="AE85993" i="1"/>
  <c r="AE85994" i="1"/>
  <c r="AE85995" i="1"/>
  <c r="AE85996" i="1"/>
  <c r="AE85997" i="1"/>
  <c r="AE85998" i="1"/>
  <c r="AE85999" i="1"/>
  <c r="AE86000" i="1"/>
  <c r="AE86001" i="1"/>
  <c r="AE86002" i="1"/>
  <c r="AE86003" i="1"/>
  <c r="AE86004" i="1"/>
  <c r="AE86005" i="1"/>
  <c r="AE86006" i="1"/>
  <c r="AE86007" i="1"/>
  <c r="AE86008" i="1"/>
  <c r="AE86009" i="1"/>
  <c r="AE86010" i="1"/>
  <c r="AE86011" i="1"/>
  <c r="AE86012" i="1"/>
  <c r="AE86013" i="1"/>
  <c r="AE86014" i="1"/>
  <c r="AE86015" i="1"/>
  <c r="AE86016" i="1"/>
  <c r="AE86017" i="1"/>
  <c r="AE86018" i="1"/>
  <c r="AE86019" i="1"/>
  <c r="AE86020" i="1"/>
  <c r="AE86021" i="1"/>
  <c r="AE86022" i="1"/>
  <c r="AE86023" i="1"/>
  <c r="AE86024" i="1"/>
  <c r="AE86025" i="1"/>
  <c r="AE86026" i="1"/>
  <c r="AE86027" i="1"/>
  <c r="AE86028" i="1"/>
  <c r="AE86029" i="1"/>
  <c r="AE86030" i="1"/>
  <c r="AE86031" i="1"/>
  <c r="AE86032" i="1"/>
  <c r="AE86033" i="1"/>
  <c r="AE86034" i="1"/>
  <c r="AE86035" i="1"/>
  <c r="AE86036" i="1"/>
  <c r="AE86037" i="1"/>
  <c r="AE86038" i="1"/>
  <c r="AE86039" i="1"/>
  <c r="AE86040" i="1"/>
  <c r="AE86041" i="1"/>
  <c r="AE86042" i="1"/>
  <c r="AE86043" i="1"/>
  <c r="AE86044" i="1"/>
  <c r="AE86045" i="1"/>
  <c r="AE86046" i="1"/>
  <c r="AE86047" i="1"/>
  <c r="AE86048" i="1"/>
  <c r="AE86049" i="1"/>
  <c r="AE86050" i="1"/>
  <c r="AE86051" i="1"/>
  <c r="AE86052" i="1"/>
  <c r="AE86053" i="1"/>
  <c r="AE86054" i="1"/>
  <c r="AE86055" i="1"/>
  <c r="AE86056" i="1"/>
  <c r="AE86057" i="1"/>
  <c r="AE86058" i="1"/>
  <c r="AE86059" i="1"/>
  <c r="AE86060" i="1"/>
  <c r="AE86061" i="1"/>
  <c r="AE86062" i="1"/>
  <c r="AE86063" i="1"/>
  <c r="AE86064" i="1"/>
  <c r="AE86065" i="1"/>
  <c r="AE86066" i="1"/>
  <c r="AE86067" i="1"/>
  <c r="AE86068" i="1"/>
  <c r="AE86069" i="1"/>
  <c r="AE86070" i="1"/>
  <c r="AE86071" i="1"/>
  <c r="AE86072" i="1"/>
  <c r="AE86073" i="1"/>
  <c r="AE86074" i="1"/>
  <c r="AE86075" i="1"/>
  <c r="AE86076" i="1"/>
  <c r="AE86077" i="1"/>
  <c r="AE86078" i="1"/>
  <c r="AE86079" i="1"/>
  <c r="AE86080" i="1"/>
  <c r="AE86081" i="1"/>
  <c r="AE86082" i="1"/>
  <c r="AE86083" i="1"/>
  <c r="AE86084" i="1"/>
  <c r="AE86085" i="1"/>
  <c r="AE86086" i="1"/>
  <c r="AE86087" i="1"/>
  <c r="AE86088" i="1"/>
  <c r="AE86089" i="1"/>
  <c r="AE86090" i="1"/>
  <c r="AE86091" i="1"/>
  <c r="AE86092" i="1"/>
  <c r="AE86093" i="1"/>
  <c r="AE86094" i="1"/>
  <c r="AE86095" i="1"/>
  <c r="AE86096" i="1"/>
  <c r="AE86097" i="1"/>
  <c r="AE86098" i="1"/>
  <c r="AE86099" i="1"/>
  <c r="AE86100" i="1"/>
  <c r="AE86101" i="1"/>
  <c r="AE86102" i="1"/>
  <c r="AE86103" i="1"/>
  <c r="AE86104" i="1"/>
  <c r="AE86105" i="1"/>
  <c r="AE86106" i="1"/>
  <c r="AE86107" i="1"/>
  <c r="AE86108" i="1"/>
  <c r="AE86109" i="1"/>
  <c r="AE86110" i="1"/>
  <c r="AE86111" i="1"/>
  <c r="AE86112" i="1"/>
  <c r="AE86113" i="1"/>
  <c r="AE86114" i="1"/>
  <c r="AE86115" i="1"/>
  <c r="AE86116" i="1"/>
  <c r="AE86117" i="1"/>
  <c r="AE86118" i="1"/>
  <c r="AE86119" i="1"/>
  <c r="AE86120" i="1"/>
  <c r="AE86121" i="1"/>
  <c r="AE86122" i="1"/>
  <c r="AE86123" i="1"/>
  <c r="AE86124" i="1"/>
  <c r="AE86125" i="1"/>
  <c r="AE86126" i="1"/>
  <c r="AE86127" i="1"/>
  <c r="AE86128" i="1"/>
  <c r="AE86129" i="1"/>
  <c r="AE86130" i="1"/>
  <c r="AE86131" i="1"/>
  <c r="AE86132" i="1"/>
  <c r="AE86133" i="1"/>
  <c r="AE86134" i="1"/>
  <c r="AE86135" i="1"/>
  <c r="AE86136" i="1"/>
  <c r="AE86137" i="1"/>
  <c r="AE86138" i="1"/>
  <c r="AE86139" i="1"/>
  <c r="AE86140" i="1"/>
  <c r="AE86141" i="1"/>
  <c r="AE86142" i="1"/>
  <c r="AE86143" i="1"/>
  <c r="AE86144" i="1"/>
  <c r="AE86145" i="1"/>
  <c r="AE86146" i="1"/>
  <c r="AE86147" i="1"/>
  <c r="AE86148" i="1"/>
  <c r="AE86149" i="1"/>
  <c r="AE86150" i="1"/>
  <c r="AE86151" i="1"/>
  <c r="AE86152" i="1"/>
  <c r="AE86153" i="1"/>
  <c r="AE86154" i="1"/>
  <c r="AE86155" i="1"/>
  <c r="AE86156" i="1"/>
  <c r="AE86157" i="1"/>
  <c r="AE86158" i="1"/>
  <c r="AE86159" i="1"/>
  <c r="AE86160" i="1"/>
  <c r="AE86161" i="1"/>
  <c r="AE86162" i="1"/>
  <c r="AE86163" i="1"/>
  <c r="AE86164" i="1"/>
  <c r="AE86165" i="1"/>
  <c r="AE86166" i="1"/>
  <c r="AE86167" i="1"/>
  <c r="AE86168" i="1"/>
  <c r="AE86169" i="1"/>
  <c r="AE86170" i="1"/>
  <c r="AE86171" i="1"/>
  <c r="AE86172" i="1"/>
  <c r="AE86173" i="1"/>
  <c r="AE86174" i="1"/>
  <c r="AE86175" i="1"/>
  <c r="AE86176" i="1"/>
  <c r="AE86177" i="1"/>
  <c r="AE86178" i="1"/>
  <c r="AE86179" i="1"/>
  <c r="AE86180" i="1"/>
  <c r="AE86181" i="1"/>
  <c r="AE86182" i="1"/>
  <c r="AE86183" i="1"/>
  <c r="AE86184" i="1"/>
  <c r="AE86185" i="1"/>
  <c r="AE86186" i="1"/>
  <c r="AE86187" i="1"/>
  <c r="AE86188" i="1"/>
  <c r="AE86189" i="1"/>
  <c r="AE86190" i="1"/>
  <c r="AE86191" i="1"/>
  <c r="AE86192" i="1"/>
  <c r="AE86193" i="1"/>
  <c r="AE86194" i="1"/>
  <c r="AE86195" i="1"/>
  <c r="AE86196" i="1"/>
  <c r="AE86197" i="1"/>
  <c r="AE86198" i="1"/>
  <c r="AE86199" i="1"/>
  <c r="AE86200" i="1"/>
  <c r="AE86201" i="1"/>
  <c r="AE86202" i="1"/>
  <c r="AE86203" i="1"/>
  <c r="AE86204" i="1"/>
  <c r="AE86205" i="1"/>
  <c r="AE86206" i="1"/>
  <c r="AE86207" i="1"/>
  <c r="AE86208" i="1"/>
  <c r="AE86209" i="1"/>
  <c r="AE86210" i="1"/>
  <c r="AE86211" i="1"/>
  <c r="AE86212" i="1"/>
  <c r="AE86213" i="1"/>
  <c r="AE86214" i="1"/>
  <c r="AE86215" i="1"/>
  <c r="AE86216" i="1"/>
  <c r="AE86217" i="1"/>
  <c r="AE86218" i="1"/>
  <c r="AE86219" i="1"/>
  <c r="AE86220" i="1"/>
  <c r="AE86221" i="1"/>
  <c r="AE86222" i="1"/>
  <c r="AE86223" i="1"/>
  <c r="AE86224" i="1"/>
  <c r="AE86225" i="1"/>
  <c r="AE86226" i="1"/>
  <c r="AE86227" i="1"/>
  <c r="AE86228" i="1"/>
  <c r="AE86229" i="1"/>
  <c r="AE86230" i="1"/>
  <c r="AE86231" i="1"/>
  <c r="AE86232" i="1"/>
  <c r="AE86233" i="1"/>
  <c r="AE86234" i="1"/>
  <c r="AE86235" i="1"/>
  <c r="AE86236" i="1"/>
  <c r="AE86237" i="1"/>
  <c r="AE86238" i="1"/>
  <c r="AE86239" i="1"/>
  <c r="AE86240" i="1"/>
  <c r="AE86241" i="1"/>
  <c r="AE86242" i="1"/>
  <c r="AE86243" i="1"/>
  <c r="AE86244" i="1"/>
  <c r="AE86245" i="1"/>
  <c r="AE86246" i="1"/>
  <c r="AE86247" i="1"/>
  <c r="AE86248" i="1"/>
  <c r="AE86249" i="1"/>
  <c r="AE86250" i="1"/>
  <c r="AE86251" i="1"/>
  <c r="AE86252" i="1"/>
  <c r="AE86253" i="1"/>
  <c r="AE86254" i="1"/>
  <c r="AE86255" i="1"/>
  <c r="AE86256" i="1"/>
  <c r="AE86257" i="1"/>
  <c r="AE86258" i="1"/>
  <c r="AE86259" i="1"/>
  <c r="AE86260" i="1"/>
  <c r="AE86261" i="1"/>
  <c r="AE86262" i="1"/>
  <c r="AE86263" i="1"/>
  <c r="AE86264" i="1"/>
  <c r="AE86265" i="1"/>
  <c r="AE86266" i="1"/>
  <c r="AE86267" i="1"/>
  <c r="AE86268" i="1"/>
  <c r="AE86269" i="1"/>
  <c r="AE86270" i="1"/>
  <c r="AE86271" i="1"/>
  <c r="AE86272" i="1"/>
  <c r="AE86273" i="1"/>
  <c r="AE86274" i="1"/>
  <c r="AE86275" i="1"/>
  <c r="AE86276" i="1"/>
  <c r="AE86277" i="1"/>
  <c r="AE86278" i="1"/>
  <c r="AE86279" i="1"/>
  <c r="AE86280" i="1"/>
  <c r="AE86281" i="1"/>
  <c r="AE86282" i="1"/>
  <c r="AE86283" i="1"/>
  <c r="AE86284" i="1"/>
  <c r="AE86285" i="1"/>
  <c r="AE86286" i="1"/>
  <c r="AE86287" i="1"/>
  <c r="AE86288" i="1"/>
  <c r="AE86289" i="1"/>
  <c r="AE86290" i="1"/>
  <c r="AE86291" i="1"/>
  <c r="AE86292" i="1"/>
  <c r="AE86293" i="1"/>
  <c r="AE86294" i="1"/>
  <c r="AE86295" i="1"/>
  <c r="AE86296" i="1"/>
  <c r="AE86297" i="1"/>
  <c r="AE86298" i="1"/>
  <c r="AE86299" i="1"/>
  <c r="AE86300" i="1"/>
  <c r="AE86301" i="1"/>
  <c r="AE86302" i="1"/>
  <c r="AE86303" i="1"/>
  <c r="AE86304" i="1"/>
  <c r="AE86305" i="1"/>
  <c r="AE86306" i="1"/>
  <c r="AE86307" i="1"/>
  <c r="AE86308" i="1"/>
  <c r="AE86309" i="1"/>
  <c r="AE86310" i="1"/>
  <c r="AE86311" i="1"/>
  <c r="AE86312" i="1"/>
  <c r="AE86313" i="1"/>
  <c r="AE86314" i="1"/>
  <c r="AE86315" i="1"/>
  <c r="AE86316" i="1"/>
  <c r="AE86317" i="1"/>
  <c r="AE86318" i="1"/>
  <c r="AE86319" i="1"/>
  <c r="AE86320" i="1"/>
  <c r="AE86321" i="1"/>
  <c r="AE86322" i="1"/>
  <c r="AE86323" i="1"/>
  <c r="AE86324" i="1"/>
  <c r="AE86325" i="1"/>
  <c r="AE86326" i="1"/>
  <c r="AE86327" i="1"/>
  <c r="AE86328" i="1"/>
  <c r="AE86329" i="1"/>
  <c r="AE86330" i="1"/>
  <c r="AE86331" i="1"/>
  <c r="AE86332" i="1"/>
  <c r="AE86333" i="1"/>
  <c r="AE86334" i="1"/>
  <c r="AE86335" i="1"/>
  <c r="AE86336" i="1"/>
  <c r="AE86337" i="1"/>
  <c r="AE86338" i="1"/>
  <c r="AE86339" i="1"/>
  <c r="AE86340" i="1"/>
  <c r="AE86341" i="1"/>
  <c r="AE86342" i="1"/>
  <c r="AE86343" i="1"/>
  <c r="AE86344" i="1"/>
  <c r="AE86345" i="1"/>
  <c r="AE86346" i="1"/>
  <c r="AE86347" i="1"/>
  <c r="AE86348" i="1"/>
  <c r="AE86349" i="1"/>
  <c r="AE86350" i="1"/>
  <c r="AE86351" i="1"/>
  <c r="AE86352" i="1"/>
  <c r="AE86353" i="1"/>
  <c r="AE86354" i="1"/>
  <c r="AE86355" i="1"/>
  <c r="AE86356" i="1"/>
  <c r="AE86357" i="1"/>
  <c r="AE86358" i="1"/>
  <c r="AE86359" i="1"/>
  <c r="AE86360" i="1"/>
  <c r="AE86361" i="1"/>
  <c r="AE86362" i="1"/>
  <c r="AE86363" i="1"/>
  <c r="AE86364" i="1"/>
  <c r="AE86365" i="1"/>
  <c r="AE86366" i="1"/>
  <c r="AE86367" i="1"/>
  <c r="AE86368" i="1"/>
  <c r="AE86369" i="1"/>
  <c r="AE86370" i="1"/>
  <c r="AE86371" i="1"/>
  <c r="AE86372" i="1"/>
  <c r="AE86373" i="1"/>
  <c r="AE86374" i="1"/>
  <c r="AE86375" i="1"/>
  <c r="AE86376" i="1"/>
  <c r="AE86377" i="1"/>
  <c r="AE86378" i="1"/>
  <c r="AE86379" i="1"/>
  <c r="AE86380" i="1"/>
  <c r="AE86381" i="1"/>
  <c r="AE86382" i="1"/>
  <c r="AE86383" i="1"/>
  <c r="AE86384" i="1"/>
  <c r="AE86385" i="1"/>
  <c r="AE86386" i="1"/>
  <c r="AE86387" i="1"/>
  <c r="AE86388" i="1"/>
  <c r="AE86389" i="1"/>
  <c r="AE86390" i="1"/>
  <c r="AE86391" i="1"/>
  <c r="AE86392" i="1"/>
  <c r="AE86393" i="1"/>
  <c r="AE86394" i="1"/>
  <c r="AE86395" i="1"/>
  <c r="AE86396" i="1"/>
  <c r="AE86397" i="1"/>
  <c r="AE86398" i="1"/>
  <c r="AE86399" i="1"/>
  <c r="AE86400" i="1"/>
  <c r="AE86401" i="1"/>
  <c r="AE86402" i="1"/>
  <c r="AE86403" i="1"/>
  <c r="AE86404" i="1"/>
  <c r="AE86405" i="1"/>
  <c r="AE86406" i="1"/>
  <c r="AE86407" i="1"/>
  <c r="AE86408" i="1"/>
  <c r="AE86409" i="1"/>
  <c r="AE86410" i="1"/>
  <c r="AE86411" i="1"/>
  <c r="AE86412" i="1"/>
  <c r="AE86413" i="1"/>
  <c r="AE86414" i="1"/>
  <c r="AE86415" i="1"/>
  <c r="AE86416" i="1"/>
  <c r="AE86417" i="1"/>
  <c r="AE86418" i="1"/>
  <c r="AE86419" i="1"/>
  <c r="AE86420" i="1"/>
  <c r="AE86421" i="1"/>
  <c r="AE86422" i="1"/>
  <c r="AE86423" i="1"/>
  <c r="AE86424" i="1"/>
  <c r="AE86425" i="1"/>
  <c r="AE86426" i="1"/>
  <c r="AE86427" i="1"/>
  <c r="AE86428" i="1"/>
  <c r="AE86429" i="1"/>
  <c r="AE86430" i="1"/>
  <c r="AE86431" i="1"/>
  <c r="AE86432" i="1"/>
  <c r="AE86433" i="1"/>
  <c r="AE86434" i="1"/>
  <c r="AE86435" i="1"/>
  <c r="AE86436" i="1"/>
  <c r="AE86437" i="1"/>
  <c r="AE86438" i="1"/>
  <c r="AE86439" i="1"/>
  <c r="AE86440" i="1"/>
  <c r="AE86441" i="1"/>
  <c r="AE86442" i="1"/>
  <c r="AE86443" i="1"/>
  <c r="AE86444" i="1"/>
  <c r="AE86445" i="1"/>
  <c r="AE86446" i="1"/>
  <c r="AE86447" i="1"/>
  <c r="AE86448" i="1"/>
  <c r="AE86449" i="1"/>
  <c r="AE86450" i="1"/>
  <c r="AE86451" i="1"/>
  <c r="AE86452" i="1"/>
  <c r="AE86453" i="1"/>
  <c r="AE86454" i="1"/>
  <c r="AE86455" i="1"/>
  <c r="AE86456" i="1"/>
  <c r="AE86457" i="1"/>
  <c r="AE86458" i="1"/>
  <c r="AE86459" i="1"/>
  <c r="AE86460" i="1"/>
  <c r="AE86461" i="1"/>
  <c r="AE86462" i="1"/>
  <c r="AE86463" i="1"/>
  <c r="AE86464" i="1"/>
  <c r="AE86465" i="1"/>
  <c r="AE86466" i="1"/>
  <c r="AE86467" i="1"/>
  <c r="AE86468" i="1"/>
  <c r="AE86469" i="1"/>
  <c r="AE86470" i="1"/>
  <c r="AE86471" i="1"/>
  <c r="AE86472" i="1"/>
  <c r="AE86473" i="1"/>
  <c r="AE86474" i="1"/>
  <c r="AE86475" i="1"/>
  <c r="AE86476" i="1"/>
  <c r="AE86477" i="1"/>
  <c r="AE86478" i="1"/>
  <c r="AE86479" i="1"/>
  <c r="AE86480" i="1"/>
  <c r="AE86481" i="1"/>
  <c r="AE86482" i="1"/>
  <c r="AE86483" i="1"/>
  <c r="AE86484" i="1"/>
  <c r="AE86485" i="1"/>
  <c r="AE86486" i="1"/>
  <c r="AE86487" i="1"/>
  <c r="AE86488" i="1"/>
  <c r="AE86489" i="1"/>
  <c r="AE86490" i="1"/>
  <c r="AE86491" i="1"/>
  <c r="AE86492" i="1"/>
  <c r="AE86493" i="1"/>
  <c r="AE86494" i="1"/>
  <c r="AE86495" i="1"/>
  <c r="AE86496" i="1"/>
  <c r="AE86497" i="1"/>
  <c r="AE86498" i="1"/>
  <c r="AE86499" i="1"/>
  <c r="AE86500" i="1"/>
  <c r="AE86501" i="1"/>
  <c r="AE86502" i="1"/>
  <c r="AE86503" i="1"/>
  <c r="AE86504" i="1"/>
  <c r="AE86505" i="1"/>
  <c r="AE86506" i="1"/>
  <c r="AE86507" i="1"/>
  <c r="AE86508" i="1"/>
  <c r="AE86509" i="1"/>
  <c r="AE86510" i="1"/>
  <c r="AE86511" i="1"/>
  <c r="AE86512" i="1"/>
  <c r="AE86513" i="1"/>
  <c r="AE86514" i="1"/>
  <c r="AE86515" i="1"/>
  <c r="AE86516" i="1"/>
  <c r="AE86517" i="1"/>
  <c r="AE86518" i="1"/>
  <c r="AE86519" i="1"/>
  <c r="AE86520" i="1"/>
  <c r="AE86521" i="1"/>
  <c r="AE86522" i="1"/>
  <c r="AE86523" i="1"/>
  <c r="AE86524" i="1"/>
  <c r="AE86525" i="1"/>
  <c r="AE86526" i="1"/>
  <c r="AE86527" i="1"/>
  <c r="AE86528" i="1"/>
  <c r="AE86529" i="1"/>
  <c r="AE86530" i="1"/>
  <c r="AE86531" i="1"/>
  <c r="AE86532" i="1"/>
  <c r="AE86533" i="1"/>
  <c r="AE86534" i="1"/>
  <c r="AE86535" i="1"/>
  <c r="AE86536" i="1"/>
  <c r="AE86537" i="1"/>
  <c r="AE86538" i="1"/>
  <c r="AE86539" i="1"/>
  <c r="AE86540" i="1"/>
  <c r="AE86541" i="1"/>
  <c r="AE86542" i="1"/>
  <c r="AE86543" i="1"/>
  <c r="AE86544" i="1"/>
  <c r="AE86545" i="1"/>
  <c r="AE86546" i="1"/>
  <c r="AE86547" i="1"/>
  <c r="AE86548" i="1"/>
  <c r="AE86549" i="1"/>
  <c r="AE86550" i="1"/>
  <c r="AE86551" i="1"/>
  <c r="AE86552" i="1"/>
  <c r="AE86553" i="1"/>
  <c r="AE86554" i="1"/>
  <c r="AE86555" i="1"/>
  <c r="AE86556" i="1"/>
  <c r="AE86557" i="1"/>
  <c r="AE86558" i="1"/>
  <c r="AE86559" i="1"/>
  <c r="AE86560" i="1"/>
  <c r="AE86561" i="1"/>
  <c r="AE86562" i="1"/>
  <c r="AE86563" i="1"/>
  <c r="AE86564" i="1"/>
  <c r="AE86565" i="1"/>
  <c r="AE86566" i="1"/>
  <c r="AE86567" i="1"/>
  <c r="AE86568" i="1"/>
  <c r="AE86569" i="1"/>
  <c r="AE86570" i="1"/>
  <c r="AE86571" i="1"/>
  <c r="AE86572" i="1"/>
  <c r="AE86573" i="1"/>
  <c r="AE86574" i="1"/>
  <c r="AE86575" i="1"/>
  <c r="AE86576" i="1"/>
  <c r="AE86577" i="1"/>
  <c r="AE86578" i="1"/>
  <c r="AE86579" i="1"/>
  <c r="AE86580" i="1"/>
  <c r="AE86581" i="1"/>
  <c r="AE86582" i="1"/>
  <c r="AE86583" i="1"/>
  <c r="AE86584" i="1"/>
  <c r="AE86585" i="1"/>
  <c r="AE86586" i="1"/>
  <c r="AE86587" i="1"/>
  <c r="AE86588" i="1"/>
  <c r="AE86589" i="1"/>
  <c r="AE86590" i="1"/>
  <c r="AE86591" i="1"/>
  <c r="AE86592" i="1"/>
  <c r="AE86593" i="1"/>
  <c r="AE86594" i="1"/>
  <c r="AE86595" i="1"/>
  <c r="AE86596" i="1"/>
  <c r="AE86597" i="1"/>
  <c r="AE86598" i="1"/>
  <c r="AE86599" i="1"/>
  <c r="AE86600" i="1"/>
  <c r="AE86601" i="1"/>
  <c r="AE86602" i="1"/>
  <c r="AE86603" i="1"/>
  <c r="AE86604" i="1"/>
  <c r="AE86605" i="1"/>
  <c r="AE86606" i="1"/>
  <c r="AE86607" i="1"/>
  <c r="AE86608" i="1"/>
  <c r="AE86609" i="1"/>
  <c r="AE86610" i="1"/>
  <c r="AE86611" i="1"/>
  <c r="AE86612" i="1"/>
  <c r="AE86613" i="1"/>
  <c r="AE86614" i="1"/>
  <c r="AE86615" i="1"/>
  <c r="AE86616" i="1"/>
  <c r="AE86617" i="1"/>
  <c r="AE86618" i="1"/>
  <c r="AE86619" i="1"/>
  <c r="AE86620" i="1"/>
  <c r="AE86621" i="1"/>
  <c r="AE86622" i="1"/>
  <c r="AE86623" i="1"/>
  <c r="AE86624" i="1"/>
  <c r="AE86625" i="1"/>
  <c r="AE86626" i="1"/>
  <c r="AE86627" i="1"/>
  <c r="AE86628" i="1"/>
  <c r="AE86629" i="1"/>
  <c r="AE86630" i="1"/>
  <c r="AE86631" i="1"/>
  <c r="AE86632" i="1"/>
  <c r="AE86633" i="1"/>
  <c r="AE86634" i="1"/>
  <c r="AE86635" i="1"/>
  <c r="AE86636" i="1"/>
  <c r="AE86637" i="1"/>
  <c r="AE86638" i="1"/>
  <c r="AE86639" i="1"/>
  <c r="AE86640" i="1"/>
  <c r="AE86641" i="1"/>
  <c r="AE86642" i="1"/>
  <c r="AE86643" i="1"/>
  <c r="AE86644" i="1"/>
  <c r="AE86645" i="1"/>
  <c r="AE86646" i="1"/>
  <c r="AE86647" i="1"/>
  <c r="AE86648" i="1"/>
  <c r="AE86649" i="1"/>
  <c r="AE86650" i="1"/>
  <c r="AE86651" i="1"/>
  <c r="AE86652" i="1"/>
  <c r="AE86653" i="1"/>
  <c r="AE86654" i="1"/>
  <c r="AE86655" i="1"/>
  <c r="AE86656" i="1"/>
  <c r="AE86657" i="1"/>
  <c r="AE86658" i="1"/>
  <c r="AE86659" i="1"/>
  <c r="AE86660" i="1"/>
  <c r="AE86661" i="1"/>
  <c r="AE86662" i="1"/>
  <c r="AE86663" i="1"/>
  <c r="AE86664" i="1"/>
  <c r="AE86665" i="1"/>
  <c r="AE86666" i="1"/>
  <c r="AE86667" i="1"/>
  <c r="AE86668" i="1"/>
  <c r="AE86669" i="1"/>
  <c r="AE86670" i="1"/>
  <c r="AE86671" i="1"/>
  <c r="AE86672" i="1"/>
  <c r="AE86673" i="1"/>
  <c r="AE86674" i="1"/>
  <c r="AE86675" i="1"/>
  <c r="AE86676" i="1"/>
  <c r="AE86677" i="1"/>
  <c r="AE86678" i="1"/>
  <c r="AE86679" i="1"/>
  <c r="AE86680" i="1"/>
  <c r="AE86681" i="1"/>
  <c r="AE86682" i="1"/>
  <c r="AE86683" i="1"/>
  <c r="AE86684" i="1"/>
  <c r="AE86685" i="1"/>
  <c r="AE86686" i="1"/>
  <c r="AE86687" i="1"/>
  <c r="AE86688" i="1"/>
  <c r="AE86689" i="1"/>
  <c r="AE86690" i="1"/>
  <c r="AE86691" i="1"/>
  <c r="AE86692" i="1"/>
  <c r="AE86693" i="1"/>
  <c r="AE86694" i="1"/>
  <c r="AE86695" i="1"/>
  <c r="AE86696" i="1"/>
  <c r="AE86697" i="1"/>
  <c r="AE86698" i="1"/>
  <c r="AE86699" i="1"/>
  <c r="AE86700" i="1"/>
  <c r="AE86701" i="1"/>
  <c r="AE86702" i="1"/>
  <c r="AE86703" i="1"/>
  <c r="AE86704" i="1"/>
  <c r="AE86705" i="1"/>
  <c r="AE86706" i="1"/>
  <c r="AE86707" i="1"/>
  <c r="AE86708" i="1"/>
  <c r="AE86709" i="1"/>
  <c r="AE86710" i="1"/>
  <c r="AE86711" i="1"/>
  <c r="AE86712" i="1"/>
  <c r="AE86713" i="1"/>
  <c r="AE86714" i="1"/>
  <c r="AE86715" i="1"/>
  <c r="AE86716" i="1"/>
  <c r="AE86717" i="1"/>
  <c r="AE86718" i="1"/>
  <c r="AE86719" i="1"/>
  <c r="AE86720" i="1"/>
  <c r="AE86721" i="1"/>
  <c r="AE86722" i="1"/>
  <c r="AE86723" i="1"/>
  <c r="AE86724" i="1"/>
  <c r="AE86725" i="1"/>
  <c r="AE86726" i="1"/>
  <c r="AE86727" i="1"/>
  <c r="AE86728" i="1"/>
  <c r="AE86729" i="1"/>
  <c r="AE86730" i="1"/>
  <c r="AE86731" i="1"/>
  <c r="AE86732" i="1"/>
  <c r="AE86733" i="1"/>
  <c r="AE86734" i="1"/>
  <c r="AE86735" i="1"/>
  <c r="AE86736" i="1"/>
  <c r="AE86737" i="1"/>
  <c r="AE86738" i="1"/>
  <c r="AE86739" i="1"/>
  <c r="AE86740" i="1"/>
  <c r="AE86741" i="1"/>
  <c r="AE86742" i="1"/>
  <c r="AE86743" i="1"/>
  <c r="AE86744" i="1"/>
  <c r="AE86745" i="1"/>
  <c r="AE86746" i="1"/>
  <c r="AE86747" i="1"/>
  <c r="AE86748" i="1"/>
  <c r="AE86749" i="1"/>
  <c r="AE86750" i="1"/>
  <c r="AE86751" i="1"/>
  <c r="AE86752" i="1"/>
  <c r="AE86753" i="1"/>
  <c r="AE86754" i="1"/>
  <c r="AE86755" i="1"/>
  <c r="AE86756" i="1"/>
  <c r="AE86757" i="1"/>
  <c r="AE86758" i="1"/>
  <c r="AE86759" i="1"/>
  <c r="AE86760" i="1"/>
  <c r="AE86761" i="1"/>
  <c r="AE86762" i="1"/>
  <c r="AE86763" i="1"/>
  <c r="AE86764" i="1"/>
  <c r="AE86765" i="1"/>
  <c r="AE86766" i="1"/>
  <c r="AE86767" i="1"/>
  <c r="AE86768" i="1"/>
  <c r="AE86769" i="1"/>
  <c r="AE86770" i="1"/>
  <c r="AE86771" i="1"/>
  <c r="AE86772" i="1"/>
  <c r="AE86773" i="1"/>
  <c r="AE86774" i="1"/>
  <c r="AE86775" i="1"/>
  <c r="AE86776" i="1"/>
  <c r="AE86777" i="1"/>
  <c r="AE86778" i="1"/>
  <c r="AE86779" i="1"/>
  <c r="AE86780" i="1"/>
  <c r="AE86781" i="1"/>
  <c r="AE86782" i="1"/>
  <c r="AE86783" i="1"/>
  <c r="AE86784" i="1"/>
  <c r="AE86785" i="1"/>
  <c r="AE86786" i="1"/>
  <c r="AE86787" i="1"/>
  <c r="AE86788" i="1"/>
  <c r="AE86789" i="1"/>
  <c r="AE86790" i="1"/>
  <c r="AE86791" i="1"/>
  <c r="AE86792" i="1"/>
  <c r="AE86793" i="1"/>
  <c r="AE86794" i="1"/>
  <c r="AE86795" i="1"/>
  <c r="AE86796" i="1"/>
  <c r="AE86797" i="1"/>
  <c r="AE86798" i="1"/>
  <c r="AE86799" i="1"/>
  <c r="AE86800" i="1"/>
  <c r="AE86801" i="1"/>
  <c r="AE86802" i="1"/>
  <c r="AE86803" i="1"/>
  <c r="AE86804" i="1"/>
  <c r="AE86805" i="1"/>
  <c r="AE86806" i="1"/>
  <c r="AE86807" i="1"/>
  <c r="AE86808" i="1"/>
  <c r="AE86809" i="1"/>
  <c r="AE86810" i="1"/>
  <c r="AE86811" i="1"/>
  <c r="AE86812" i="1"/>
  <c r="AE86813" i="1"/>
  <c r="AE86814" i="1"/>
  <c r="AE86815" i="1"/>
  <c r="AE86816" i="1"/>
  <c r="AE86817" i="1"/>
  <c r="AE86818" i="1"/>
  <c r="AE86819" i="1"/>
  <c r="AE86820" i="1"/>
  <c r="AE86821" i="1"/>
  <c r="AE86822" i="1"/>
  <c r="AE86823" i="1"/>
  <c r="AE86824" i="1"/>
  <c r="AE86825" i="1"/>
  <c r="AE86826" i="1"/>
  <c r="AE86827" i="1"/>
  <c r="AE86828" i="1"/>
  <c r="AE86829" i="1"/>
  <c r="AE86830" i="1"/>
  <c r="AE86831" i="1"/>
  <c r="AE86832" i="1"/>
  <c r="AE86833" i="1"/>
  <c r="AE86834" i="1"/>
  <c r="AE86835" i="1"/>
  <c r="AE86836" i="1"/>
  <c r="AE86837" i="1"/>
  <c r="AE86838" i="1"/>
  <c r="AE86839" i="1"/>
  <c r="AE86840" i="1"/>
  <c r="AE86841" i="1"/>
  <c r="AE86842" i="1"/>
  <c r="AE86843" i="1"/>
  <c r="AE86844" i="1"/>
  <c r="AE86845" i="1"/>
  <c r="AE86846" i="1"/>
  <c r="AE86847" i="1"/>
  <c r="AE86848" i="1"/>
  <c r="AE86849" i="1"/>
  <c r="AE86850" i="1"/>
  <c r="AE86851" i="1"/>
  <c r="AE86852" i="1"/>
  <c r="AE86853" i="1"/>
  <c r="AE86854" i="1"/>
  <c r="AE86855" i="1"/>
  <c r="AE86856" i="1"/>
  <c r="AE86857" i="1"/>
  <c r="AE86858" i="1"/>
  <c r="AE86859" i="1"/>
  <c r="AE86860" i="1"/>
  <c r="AE86861" i="1"/>
  <c r="AE86862" i="1"/>
  <c r="AE86863" i="1"/>
  <c r="AE86864" i="1"/>
  <c r="AE86865" i="1"/>
  <c r="AE86866" i="1"/>
  <c r="AE86867" i="1"/>
  <c r="AE86868" i="1"/>
  <c r="AE86869" i="1"/>
  <c r="AE86870" i="1"/>
  <c r="AE86871" i="1"/>
  <c r="AE86872" i="1"/>
  <c r="AE86873" i="1"/>
  <c r="AE86874" i="1"/>
  <c r="AE86875" i="1"/>
  <c r="AE86876" i="1"/>
  <c r="AE86877" i="1"/>
  <c r="AE86878" i="1"/>
  <c r="AE86879" i="1"/>
  <c r="AE86880" i="1"/>
  <c r="AE86881" i="1"/>
  <c r="AE86882" i="1"/>
  <c r="AE86883" i="1"/>
  <c r="AE86884" i="1"/>
  <c r="AE86885" i="1"/>
  <c r="AE86886" i="1"/>
  <c r="AE86887" i="1"/>
  <c r="AE86888" i="1"/>
  <c r="AE86889" i="1"/>
  <c r="AE86890" i="1"/>
  <c r="AE86891" i="1"/>
  <c r="AE86892" i="1"/>
  <c r="AE86893" i="1"/>
  <c r="AE86894" i="1"/>
  <c r="AE86895" i="1"/>
  <c r="AE86896" i="1"/>
  <c r="AE86897" i="1"/>
  <c r="AE86898" i="1"/>
  <c r="AE86899" i="1"/>
  <c r="AE86900" i="1"/>
  <c r="AE86901" i="1"/>
  <c r="AE86902" i="1"/>
  <c r="AE86903" i="1"/>
  <c r="AE86904" i="1"/>
  <c r="AE86905" i="1"/>
  <c r="AE86906" i="1"/>
  <c r="AE86907" i="1"/>
  <c r="AE86908" i="1"/>
  <c r="AE86909" i="1"/>
  <c r="AE86910" i="1"/>
  <c r="AE86911" i="1"/>
  <c r="AE86912" i="1"/>
  <c r="AE86913" i="1"/>
  <c r="AE86914" i="1"/>
  <c r="AE86915" i="1"/>
  <c r="AE86916" i="1"/>
  <c r="AE86917" i="1"/>
  <c r="AE86918" i="1"/>
  <c r="AE86919" i="1"/>
  <c r="AE86920" i="1"/>
  <c r="AE86921" i="1"/>
  <c r="AE86922" i="1"/>
  <c r="AE86923" i="1"/>
  <c r="AE86924" i="1"/>
  <c r="AE86925" i="1"/>
  <c r="AE86926" i="1"/>
  <c r="AE86927" i="1"/>
  <c r="AE86928" i="1"/>
  <c r="AE86929" i="1"/>
  <c r="AE86930" i="1"/>
  <c r="AE86931" i="1"/>
  <c r="AE86932" i="1"/>
  <c r="AE86933" i="1"/>
  <c r="AE86934" i="1"/>
  <c r="AE86935" i="1"/>
  <c r="AE86936" i="1"/>
  <c r="AE86937" i="1"/>
  <c r="AE86938" i="1"/>
  <c r="AE86939" i="1"/>
  <c r="AE86940" i="1"/>
  <c r="AE86941" i="1"/>
  <c r="AE86942" i="1"/>
  <c r="AE86943" i="1"/>
  <c r="AE86944" i="1"/>
  <c r="AE86945" i="1"/>
  <c r="AE86946" i="1"/>
  <c r="AE86947" i="1"/>
  <c r="AE86948" i="1"/>
  <c r="AE86949" i="1"/>
  <c r="AE86950" i="1"/>
  <c r="AE86951" i="1"/>
  <c r="AE86952" i="1"/>
  <c r="AE86953" i="1"/>
  <c r="AE86954" i="1"/>
  <c r="AE86955" i="1"/>
  <c r="AE86956" i="1"/>
  <c r="AE86957" i="1"/>
  <c r="AE86958" i="1"/>
  <c r="AE86959" i="1"/>
  <c r="AE86960" i="1"/>
  <c r="AE86961" i="1"/>
  <c r="AE86962" i="1"/>
  <c r="AE86963" i="1"/>
  <c r="AE86964" i="1"/>
  <c r="AE86965" i="1"/>
  <c r="AE86966" i="1"/>
  <c r="AE86967" i="1"/>
  <c r="AE86968" i="1"/>
  <c r="AE86969" i="1"/>
  <c r="AE86970" i="1"/>
  <c r="AE86971" i="1"/>
  <c r="AE86972" i="1"/>
  <c r="AE86973" i="1"/>
  <c r="AE86974" i="1"/>
  <c r="AE86975" i="1"/>
  <c r="AE86976" i="1"/>
  <c r="AE86977" i="1"/>
  <c r="AE86978" i="1"/>
  <c r="AE86979" i="1"/>
  <c r="AE86980" i="1"/>
  <c r="AE86981" i="1"/>
  <c r="AE86982" i="1"/>
  <c r="AE86983" i="1"/>
  <c r="AE86984" i="1"/>
  <c r="AE86985" i="1"/>
  <c r="AE86986" i="1"/>
  <c r="AE86987" i="1"/>
  <c r="AE86988" i="1"/>
  <c r="AE86989" i="1"/>
  <c r="AE86990" i="1"/>
  <c r="AE86991" i="1"/>
  <c r="AE86992" i="1"/>
  <c r="AE86993" i="1"/>
  <c r="AE86994" i="1"/>
  <c r="AE86995" i="1"/>
  <c r="AE86996" i="1"/>
  <c r="AE86997" i="1"/>
  <c r="AE86998" i="1"/>
  <c r="AE86999" i="1"/>
  <c r="AE87000" i="1"/>
  <c r="AE87001" i="1"/>
  <c r="AE87002" i="1"/>
  <c r="AE87003" i="1"/>
  <c r="AE87004" i="1"/>
  <c r="AE87005" i="1"/>
  <c r="AE87006" i="1"/>
  <c r="AE87007" i="1"/>
  <c r="AE87008" i="1"/>
  <c r="AE87009" i="1"/>
  <c r="AE87010" i="1"/>
  <c r="AE87011" i="1"/>
  <c r="AE87012" i="1"/>
  <c r="AE87013" i="1"/>
  <c r="AE87014" i="1"/>
  <c r="AE87015" i="1"/>
  <c r="AE87016" i="1"/>
  <c r="AE87017" i="1"/>
  <c r="AE87018" i="1"/>
  <c r="AE87019" i="1"/>
  <c r="AE87020" i="1"/>
  <c r="AE87021" i="1"/>
  <c r="AE87022" i="1"/>
  <c r="AE87023" i="1"/>
  <c r="AE87024" i="1"/>
  <c r="AE87025" i="1"/>
  <c r="AE87026" i="1"/>
  <c r="AE87027" i="1"/>
  <c r="AE87028" i="1"/>
  <c r="AE87029" i="1"/>
  <c r="AE87030" i="1"/>
  <c r="AE87031" i="1"/>
  <c r="AE87032" i="1"/>
  <c r="AE87033" i="1"/>
  <c r="AE87034" i="1"/>
  <c r="AE87035" i="1"/>
  <c r="AE87036" i="1"/>
  <c r="AE87037" i="1"/>
  <c r="AE87038" i="1"/>
  <c r="AE87039" i="1"/>
  <c r="AE87040" i="1"/>
  <c r="AE87041" i="1"/>
  <c r="AE87042" i="1"/>
  <c r="AE87043" i="1"/>
  <c r="AE87044" i="1"/>
  <c r="AE87045" i="1"/>
  <c r="AE87046" i="1"/>
  <c r="AE87047" i="1"/>
  <c r="AE87048" i="1"/>
  <c r="AE87049" i="1"/>
  <c r="AE87050" i="1"/>
  <c r="AE87051" i="1"/>
  <c r="AE87052" i="1"/>
  <c r="AE87053" i="1"/>
  <c r="AE87054" i="1"/>
  <c r="AE87055" i="1"/>
  <c r="AE87056" i="1"/>
  <c r="AE87057" i="1"/>
  <c r="AE87058" i="1"/>
  <c r="AE87059" i="1"/>
  <c r="AE87060" i="1"/>
  <c r="AE87061" i="1"/>
  <c r="AE87062" i="1"/>
  <c r="AE87063" i="1"/>
  <c r="AE87064" i="1"/>
  <c r="AE87065" i="1"/>
  <c r="AE87066" i="1"/>
  <c r="AE87067" i="1"/>
  <c r="AE87068" i="1"/>
  <c r="AE87069" i="1"/>
  <c r="AE87070" i="1"/>
  <c r="AE87071" i="1"/>
  <c r="AE87072" i="1"/>
  <c r="AE87073" i="1"/>
  <c r="AE87074" i="1"/>
  <c r="AE87075" i="1"/>
  <c r="AE87076" i="1"/>
  <c r="AE87077" i="1"/>
  <c r="AE87078" i="1"/>
  <c r="AE87079" i="1"/>
  <c r="AE87080" i="1"/>
  <c r="AE87081" i="1"/>
  <c r="AE87082" i="1"/>
  <c r="AE87083" i="1"/>
  <c r="AE87084" i="1"/>
  <c r="AE87085" i="1"/>
  <c r="AE87086" i="1"/>
  <c r="AE87087" i="1"/>
  <c r="AE87088" i="1"/>
  <c r="AE87089" i="1"/>
  <c r="AE87090" i="1"/>
  <c r="AE87091" i="1"/>
  <c r="AE87092" i="1"/>
  <c r="AE87093" i="1"/>
  <c r="AE87094" i="1"/>
  <c r="AE87095" i="1"/>
  <c r="AE87096" i="1"/>
  <c r="AE87097" i="1"/>
  <c r="AE87098" i="1"/>
  <c r="AE87099" i="1"/>
  <c r="AE87100" i="1"/>
  <c r="AE87101" i="1"/>
  <c r="AE87102" i="1"/>
  <c r="AE87103" i="1"/>
  <c r="AE87104" i="1"/>
  <c r="AE87105" i="1"/>
  <c r="AE87106" i="1"/>
  <c r="AE87107" i="1"/>
  <c r="AE87108" i="1"/>
  <c r="AE87109" i="1"/>
  <c r="AE87110" i="1"/>
  <c r="AE87111" i="1"/>
  <c r="AE87112" i="1"/>
  <c r="AE87113" i="1"/>
  <c r="AE87114" i="1"/>
  <c r="AE87115" i="1"/>
  <c r="AE87116" i="1"/>
  <c r="AE87117" i="1"/>
  <c r="AE87118" i="1"/>
  <c r="AE87119" i="1"/>
  <c r="AE87120" i="1"/>
  <c r="AE87121" i="1"/>
  <c r="AE87122" i="1"/>
  <c r="AE87123" i="1"/>
  <c r="AE87124" i="1"/>
  <c r="AE87125" i="1"/>
  <c r="AE87126" i="1"/>
  <c r="AE87127" i="1"/>
  <c r="AE87128" i="1"/>
  <c r="AE87129" i="1"/>
  <c r="AE87130" i="1"/>
  <c r="AE87131" i="1"/>
  <c r="AE87132" i="1"/>
  <c r="AE87133" i="1"/>
  <c r="AE87134" i="1"/>
  <c r="AE87135" i="1"/>
  <c r="AE87136" i="1"/>
  <c r="AE87137" i="1"/>
  <c r="AE87138" i="1"/>
  <c r="AE87139" i="1"/>
  <c r="AE87140" i="1"/>
  <c r="AE87141" i="1"/>
  <c r="AE87142" i="1"/>
  <c r="AE87143" i="1"/>
  <c r="AE87144" i="1"/>
  <c r="AE87145" i="1"/>
  <c r="AE87146" i="1"/>
  <c r="AE87147" i="1"/>
  <c r="AE87148" i="1"/>
  <c r="AE87149" i="1"/>
  <c r="AE87150" i="1"/>
  <c r="AE87151" i="1"/>
  <c r="AE87152" i="1"/>
  <c r="AE87153" i="1"/>
  <c r="AE87154" i="1"/>
  <c r="AE87155" i="1"/>
  <c r="AE87156" i="1"/>
  <c r="AE87157" i="1"/>
  <c r="AE87158" i="1"/>
  <c r="AE87159" i="1"/>
  <c r="AE87160" i="1"/>
  <c r="AE87161" i="1"/>
  <c r="AE87162" i="1"/>
  <c r="AE87163" i="1"/>
  <c r="AE87164" i="1"/>
  <c r="AE87165" i="1"/>
  <c r="AE87166" i="1"/>
  <c r="AE87167" i="1"/>
  <c r="AE87168" i="1"/>
  <c r="AE87169" i="1"/>
  <c r="AE87170" i="1"/>
  <c r="AE87171" i="1"/>
  <c r="AE87172" i="1"/>
  <c r="AE87173" i="1"/>
  <c r="AE87174" i="1"/>
  <c r="AE87175" i="1"/>
  <c r="AE87176" i="1"/>
  <c r="AE87177" i="1"/>
  <c r="AE87178" i="1"/>
  <c r="AE87179" i="1"/>
  <c r="AE87180" i="1"/>
  <c r="AE87181" i="1"/>
  <c r="AE87182" i="1"/>
  <c r="AE87183" i="1"/>
  <c r="AE87184" i="1"/>
  <c r="AE87185" i="1"/>
  <c r="AE87186" i="1"/>
  <c r="AE87187" i="1"/>
  <c r="AE87188" i="1"/>
  <c r="AE87189" i="1"/>
  <c r="AE87190" i="1"/>
  <c r="AE87191" i="1"/>
  <c r="AE87192" i="1"/>
  <c r="AE87193" i="1"/>
  <c r="AE87194" i="1"/>
  <c r="AE87195" i="1"/>
  <c r="AE87196" i="1"/>
  <c r="AE87197" i="1"/>
  <c r="AE87198" i="1"/>
  <c r="AE87199" i="1"/>
  <c r="AE87200" i="1"/>
  <c r="AE87201" i="1"/>
  <c r="AE87202" i="1"/>
  <c r="AE87203" i="1"/>
  <c r="AE87204" i="1"/>
  <c r="AE87205" i="1"/>
  <c r="AE87206" i="1"/>
  <c r="AE87207" i="1"/>
  <c r="AE87208" i="1"/>
  <c r="AE87209" i="1"/>
  <c r="AE87210" i="1"/>
  <c r="AE87211" i="1"/>
  <c r="AE87212" i="1"/>
  <c r="AE87213" i="1"/>
  <c r="AE87214" i="1"/>
  <c r="AE87215" i="1"/>
  <c r="AE87216" i="1"/>
  <c r="AE87217" i="1"/>
  <c r="AE87218" i="1"/>
  <c r="AE87219" i="1"/>
  <c r="AE87220" i="1"/>
  <c r="AE87221" i="1"/>
  <c r="AE87222" i="1"/>
  <c r="AE87223" i="1"/>
  <c r="AE87224" i="1"/>
  <c r="AE87225" i="1"/>
  <c r="AE87226" i="1"/>
  <c r="AE87227" i="1"/>
  <c r="AE87228" i="1"/>
  <c r="AE87229" i="1"/>
  <c r="AE87230" i="1"/>
  <c r="AE87231" i="1"/>
  <c r="AE87232" i="1"/>
  <c r="AE87233" i="1"/>
  <c r="AE87234" i="1"/>
  <c r="AE87235" i="1"/>
  <c r="AE87236" i="1"/>
  <c r="AE87237" i="1"/>
  <c r="AE87238" i="1"/>
  <c r="AE87239" i="1"/>
  <c r="AE87240" i="1"/>
  <c r="AE87241" i="1"/>
  <c r="AE87242" i="1"/>
  <c r="AE87243" i="1"/>
  <c r="AE87244" i="1"/>
  <c r="AE87245" i="1"/>
  <c r="AE87246" i="1"/>
  <c r="AE87247" i="1"/>
  <c r="AE87248" i="1"/>
  <c r="AE87249" i="1"/>
  <c r="AE87250" i="1"/>
  <c r="AE87251" i="1"/>
  <c r="AE87252" i="1"/>
  <c r="AE87253" i="1"/>
  <c r="AE87254" i="1"/>
  <c r="AE87255" i="1"/>
  <c r="AE87256" i="1"/>
  <c r="AE87257" i="1"/>
  <c r="AE87258" i="1"/>
  <c r="AE87259" i="1"/>
  <c r="AE87260" i="1"/>
  <c r="AE87261" i="1"/>
  <c r="AE87262" i="1"/>
  <c r="AE87263" i="1"/>
  <c r="AE87264" i="1"/>
  <c r="AE87265" i="1"/>
  <c r="AE87266" i="1"/>
  <c r="AE87267" i="1"/>
  <c r="AE87268" i="1"/>
  <c r="AE87269" i="1"/>
  <c r="AE87270" i="1"/>
  <c r="AE87271" i="1"/>
  <c r="AE87272" i="1"/>
  <c r="AE87273" i="1"/>
  <c r="AE87274" i="1"/>
  <c r="AE87275" i="1"/>
  <c r="AE87276" i="1"/>
  <c r="AE87277" i="1"/>
  <c r="AE87278" i="1"/>
  <c r="AE87279" i="1"/>
  <c r="AE87280" i="1"/>
  <c r="AE87281" i="1"/>
  <c r="AE87282" i="1"/>
  <c r="AE87283" i="1"/>
  <c r="AE87284" i="1"/>
  <c r="AE87285" i="1"/>
  <c r="AE87286" i="1"/>
  <c r="AE87287" i="1"/>
  <c r="AE87288" i="1"/>
  <c r="AE87289" i="1"/>
  <c r="AE87290" i="1"/>
  <c r="AE87291" i="1"/>
  <c r="AE87292" i="1"/>
  <c r="AE87293" i="1"/>
  <c r="AE87294" i="1"/>
  <c r="AE87295" i="1"/>
  <c r="AE87296" i="1"/>
  <c r="AE87297" i="1"/>
  <c r="AE87298" i="1"/>
  <c r="AE87299" i="1"/>
  <c r="AE87300" i="1"/>
  <c r="AE87301" i="1"/>
  <c r="AE87302" i="1"/>
  <c r="AE87303" i="1"/>
  <c r="AE87304" i="1"/>
  <c r="AE87305" i="1"/>
  <c r="AE87306" i="1"/>
  <c r="AE87307" i="1"/>
  <c r="AE87308" i="1"/>
  <c r="AE87309" i="1"/>
  <c r="AE87310" i="1"/>
  <c r="AE87311" i="1"/>
  <c r="AE87312" i="1"/>
  <c r="AE87313" i="1"/>
  <c r="AE87314" i="1"/>
  <c r="AE87315" i="1"/>
  <c r="AE87316" i="1"/>
  <c r="AE87317" i="1"/>
  <c r="AE87318" i="1"/>
  <c r="AE87319" i="1"/>
  <c r="AE87320" i="1"/>
  <c r="AE87321" i="1"/>
  <c r="AE87322" i="1"/>
  <c r="AE87323" i="1"/>
  <c r="AE87324" i="1"/>
  <c r="AE87325" i="1"/>
  <c r="AE87326" i="1"/>
  <c r="AE87327" i="1"/>
  <c r="AE87328" i="1"/>
  <c r="AE87329" i="1"/>
  <c r="AE87330" i="1"/>
  <c r="AE87331" i="1"/>
  <c r="AE87332" i="1"/>
  <c r="AE87333" i="1"/>
  <c r="AE87334" i="1"/>
  <c r="AE87335" i="1"/>
  <c r="AE87336" i="1"/>
  <c r="AE87337" i="1"/>
  <c r="AE87338" i="1"/>
  <c r="AE87339" i="1"/>
  <c r="AE87340" i="1"/>
  <c r="AE87341" i="1"/>
  <c r="AE87342" i="1"/>
  <c r="AE87343" i="1"/>
  <c r="AE87344" i="1"/>
  <c r="AE87345" i="1"/>
  <c r="AE87346" i="1"/>
  <c r="AE87347" i="1"/>
  <c r="AE87348" i="1"/>
  <c r="AE87349" i="1"/>
  <c r="AE87350" i="1"/>
  <c r="AE87351" i="1"/>
  <c r="AE87352" i="1"/>
  <c r="AE87353" i="1"/>
  <c r="AE87354" i="1"/>
  <c r="AE87355" i="1"/>
  <c r="AE87356" i="1"/>
  <c r="AE87357" i="1"/>
  <c r="AE87358" i="1"/>
  <c r="AE87359" i="1"/>
  <c r="AE87360" i="1"/>
  <c r="AE87361" i="1"/>
  <c r="AE87362" i="1"/>
  <c r="AE87363" i="1"/>
  <c r="AE87364" i="1"/>
  <c r="AE87365" i="1"/>
  <c r="AE87366" i="1"/>
  <c r="AE87367" i="1"/>
  <c r="AE87368" i="1"/>
  <c r="AE87369" i="1"/>
  <c r="AE87370" i="1"/>
  <c r="AE87371" i="1"/>
  <c r="AE87372" i="1"/>
  <c r="AE87373" i="1"/>
  <c r="AE87374" i="1"/>
  <c r="AE87375" i="1"/>
  <c r="AE87376" i="1"/>
  <c r="AE87377" i="1"/>
  <c r="AE87378" i="1"/>
  <c r="AE87379" i="1"/>
  <c r="AE87380" i="1"/>
  <c r="AE87381" i="1"/>
  <c r="AE87382" i="1"/>
  <c r="AE87383" i="1"/>
  <c r="AE87384" i="1"/>
  <c r="AE87385" i="1"/>
  <c r="AE87386" i="1"/>
  <c r="AE87387" i="1"/>
  <c r="AE87388" i="1"/>
  <c r="AE87389" i="1"/>
  <c r="AE87390" i="1"/>
  <c r="AE87391" i="1"/>
  <c r="AE87392" i="1"/>
  <c r="AE87393" i="1"/>
  <c r="AE87394" i="1"/>
  <c r="AE87395" i="1"/>
  <c r="AE87396" i="1"/>
  <c r="AE87397" i="1"/>
  <c r="AE87398" i="1"/>
  <c r="AE87399" i="1"/>
  <c r="AE87400" i="1"/>
  <c r="AE87401" i="1"/>
  <c r="AE87402" i="1"/>
  <c r="AE87403" i="1"/>
  <c r="AE87404" i="1"/>
  <c r="AE87405" i="1"/>
  <c r="AE87406" i="1"/>
  <c r="AE87407" i="1"/>
  <c r="AE87408" i="1"/>
  <c r="AE87409" i="1"/>
  <c r="AE87410" i="1"/>
  <c r="AE87411" i="1"/>
  <c r="AE87412" i="1"/>
  <c r="AE87413" i="1"/>
  <c r="AE87414" i="1"/>
  <c r="AE87415" i="1"/>
  <c r="AE87416" i="1"/>
  <c r="AE87417" i="1"/>
  <c r="AE87418" i="1"/>
  <c r="AE87419" i="1"/>
  <c r="AE87420" i="1"/>
  <c r="AE87421" i="1"/>
  <c r="AE87422" i="1"/>
  <c r="AE87423" i="1"/>
  <c r="AE87424" i="1"/>
  <c r="AE87425" i="1"/>
  <c r="AE87426" i="1"/>
  <c r="AE87427" i="1"/>
  <c r="AE87428" i="1"/>
  <c r="AE87429" i="1"/>
  <c r="AE87430" i="1"/>
  <c r="AE87431" i="1"/>
  <c r="AE87432" i="1"/>
  <c r="AE87433" i="1"/>
  <c r="AE87434" i="1"/>
  <c r="AE87435" i="1"/>
  <c r="AE87436" i="1"/>
  <c r="AE87437" i="1"/>
  <c r="AE87438" i="1"/>
  <c r="AE87439" i="1"/>
  <c r="AE87440" i="1"/>
  <c r="AE87441" i="1"/>
  <c r="AE87442" i="1"/>
  <c r="AE87443" i="1"/>
  <c r="AE87444" i="1"/>
  <c r="AE87445" i="1"/>
  <c r="AE87446" i="1"/>
  <c r="AE87447" i="1"/>
  <c r="AE87448" i="1"/>
  <c r="AE87449" i="1"/>
  <c r="AE87450" i="1"/>
  <c r="AE87451" i="1"/>
  <c r="AE87452" i="1"/>
  <c r="AE87453" i="1"/>
  <c r="AE87454" i="1"/>
  <c r="AE87455" i="1"/>
  <c r="AE87456" i="1"/>
  <c r="AE87457" i="1"/>
  <c r="AE87458" i="1"/>
  <c r="AE87459" i="1"/>
  <c r="AE87460" i="1"/>
  <c r="AE87461" i="1"/>
  <c r="AE87462" i="1"/>
  <c r="AE87463" i="1"/>
  <c r="AE87464" i="1"/>
  <c r="AE87465" i="1"/>
  <c r="AE87466" i="1"/>
  <c r="AE87467" i="1"/>
  <c r="AE87468" i="1"/>
  <c r="AE87469" i="1"/>
  <c r="AE87470" i="1"/>
  <c r="AE87471" i="1"/>
  <c r="AE87472" i="1"/>
  <c r="AE87473" i="1"/>
  <c r="AE87474" i="1"/>
  <c r="AE87475" i="1"/>
  <c r="AE87476" i="1"/>
  <c r="AE87477" i="1"/>
  <c r="AE87478" i="1"/>
  <c r="AE87479" i="1"/>
  <c r="AE87480" i="1"/>
  <c r="AE87481" i="1"/>
  <c r="AE87482" i="1"/>
  <c r="AE87483" i="1"/>
  <c r="AE87484" i="1"/>
  <c r="AE87485" i="1"/>
  <c r="AE87486" i="1"/>
  <c r="AE87487" i="1"/>
  <c r="AE87488" i="1"/>
  <c r="AE87489" i="1"/>
  <c r="AE87490" i="1"/>
  <c r="AE87491" i="1"/>
  <c r="AE87492" i="1"/>
  <c r="AE87493" i="1"/>
  <c r="AE87494" i="1"/>
  <c r="AE87495" i="1"/>
  <c r="AE87496" i="1"/>
  <c r="AE87497" i="1"/>
  <c r="AE87498" i="1"/>
  <c r="AE87499" i="1"/>
  <c r="AE87500" i="1"/>
  <c r="AE87501" i="1"/>
  <c r="AE87502" i="1"/>
  <c r="AE87503" i="1"/>
  <c r="AE87504" i="1"/>
  <c r="AE87505" i="1"/>
  <c r="AE87506" i="1"/>
  <c r="AE87507" i="1"/>
  <c r="AE87508" i="1"/>
  <c r="AE87509" i="1"/>
  <c r="AE87510" i="1"/>
  <c r="AE87511" i="1"/>
  <c r="AE87512" i="1"/>
  <c r="AE87513" i="1"/>
  <c r="AE87514" i="1"/>
  <c r="AE87515" i="1"/>
  <c r="AE87516" i="1"/>
  <c r="AE87517" i="1"/>
  <c r="AE87518" i="1"/>
  <c r="AE87519" i="1"/>
  <c r="AE87520" i="1"/>
  <c r="AE87521" i="1"/>
  <c r="AE87522" i="1"/>
  <c r="AE87523" i="1"/>
  <c r="AE87524" i="1"/>
  <c r="AE87525" i="1"/>
  <c r="AE87526" i="1"/>
  <c r="AE87527" i="1"/>
  <c r="AE87528" i="1"/>
  <c r="AE87529" i="1"/>
  <c r="AE87530" i="1"/>
  <c r="AE87531" i="1"/>
  <c r="AE87532" i="1"/>
  <c r="AE87533" i="1"/>
  <c r="AE87534" i="1"/>
  <c r="AE87535" i="1"/>
  <c r="AE87536" i="1"/>
  <c r="AE87537" i="1"/>
  <c r="AE87538" i="1"/>
  <c r="AE87539" i="1"/>
  <c r="AE87540" i="1"/>
  <c r="AE87541" i="1"/>
  <c r="AE87542" i="1"/>
  <c r="AE87543" i="1"/>
  <c r="AE87544" i="1"/>
  <c r="AE87545" i="1"/>
  <c r="AE87546" i="1"/>
  <c r="AE87547" i="1"/>
  <c r="AE87548" i="1"/>
  <c r="AE87549" i="1"/>
  <c r="AE87550" i="1"/>
  <c r="AE87551" i="1"/>
  <c r="AE87552" i="1"/>
  <c r="AE87553" i="1"/>
  <c r="AE87554" i="1"/>
  <c r="AE87555" i="1"/>
  <c r="AE87556" i="1"/>
  <c r="AE87557" i="1"/>
  <c r="AE87558" i="1"/>
  <c r="AE87559" i="1"/>
  <c r="AE87560" i="1"/>
  <c r="AE87561" i="1"/>
  <c r="AE87562" i="1"/>
  <c r="AE87563" i="1"/>
  <c r="AE87564" i="1"/>
  <c r="AE87565" i="1"/>
  <c r="AE87566" i="1"/>
  <c r="AE87567" i="1"/>
  <c r="AE87568" i="1"/>
  <c r="AE87569" i="1"/>
  <c r="AE87570" i="1"/>
  <c r="AE87571" i="1"/>
  <c r="AE87572" i="1"/>
  <c r="AE87573" i="1"/>
  <c r="AE87574" i="1"/>
  <c r="AE87575" i="1"/>
  <c r="AE87576" i="1"/>
  <c r="AE87577" i="1"/>
  <c r="AE87578" i="1"/>
  <c r="AE87579" i="1"/>
  <c r="AE87580" i="1"/>
  <c r="AE87581" i="1"/>
  <c r="AE87582" i="1"/>
  <c r="AE87583" i="1"/>
  <c r="AE87584" i="1"/>
  <c r="AE87585" i="1"/>
  <c r="AE87586" i="1"/>
  <c r="AE87587" i="1"/>
  <c r="AE87588" i="1"/>
  <c r="AE87589" i="1"/>
  <c r="AE87590" i="1"/>
  <c r="AE87591" i="1"/>
  <c r="AE87592" i="1"/>
  <c r="AE87593" i="1"/>
  <c r="AE87594" i="1"/>
  <c r="AE87595" i="1"/>
  <c r="AE87596" i="1"/>
  <c r="AE87597" i="1"/>
  <c r="AE87598" i="1"/>
  <c r="AE87599" i="1"/>
  <c r="AE87600" i="1"/>
  <c r="AE87601" i="1"/>
  <c r="AE87602" i="1"/>
  <c r="AE87603" i="1"/>
  <c r="AE87604" i="1"/>
  <c r="AE87605" i="1"/>
  <c r="AE87606" i="1"/>
  <c r="AE87607" i="1"/>
  <c r="AE87608" i="1"/>
  <c r="AE87609" i="1"/>
  <c r="AE87610" i="1"/>
  <c r="AE87611" i="1"/>
  <c r="AE87612" i="1"/>
  <c r="AE87613" i="1"/>
  <c r="AE87614" i="1"/>
  <c r="AE87615" i="1"/>
  <c r="AE87616" i="1"/>
  <c r="AE87617" i="1"/>
  <c r="AE87618" i="1"/>
  <c r="AE87619" i="1"/>
  <c r="AE87620" i="1"/>
  <c r="AE87621" i="1"/>
  <c r="AE87622" i="1"/>
  <c r="AE87623" i="1"/>
  <c r="AE87624" i="1"/>
  <c r="AE87625" i="1"/>
  <c r="AE87626" i="1"/>
  <c r="AE87627" i="1"/>
  <c r="AE87628" i="1"/>
  <c r="AE87629" i="1"/>
  <c r="AE87630" i="1"/>
  <c r="AE87631" i="1"/>
  <c r="AE87632" i="1"/>
  <c r="AE87633" i="1"/>
  <c r="AE87634" i="1"/>
  <c r="AE87635" i="1"/>
  <c r="AE87636" i="1"/>
  <c r="AE87637" i="1"/>
  <c r="AE87638" i="1"/>
  <c r="AE87639" i="1"/>
  <c r="AE87640" i="1"/>
  <c r="AE87641" i="1"/>
  <c r="AE87642" i="1"/>
  <c r="AE87643" i="1"/>
  <c r="AE87644" i="1"/>
  <c r="AE87645" i="1"/>
  <c r="AE87646" i="1"/>
  <c r="AE87647" i="1"/>
  <c r="AE87648" i="1"/>
  <c r="AE87649" i="1"/>
  <c r="AE87650" i="1"/>
  <c r="AE87651" i="1"/>
  <c r="AE87652" i="1"/>
  <c r="AE87653" i="1"/>
  <c r="AE87654" i="1"/>
  <c r="AE87655" i="1"/>
  <c r="AE87656" i="1"/>
  <c r="AE87657" i="1"/>
  <c r="AE87658" i="1"/>
  <c r="AE87659" i="1"/>
  <c r="AE87660" i="1"/>
  <c r="AE87661" i="1"/>
  <c r="AE87662" i="1"/>
  <c r="AE87663" i="1"/>
  <c r="AE87664" i="1"/>
  <c r="AE87665" i="1"/>
  <c r="AE87666" i="1"/>
  <c r="AE87667" i="1"/>
  <c r="AE87668" i="1"/>
  <c r="AE87669" i="1"/>
  <c r="AE87670" i="1"/>
  <c r="AE87671" i="1"/>
  <c r="AE87672" i="1"/>
  <c r="AE87673" i="1"/>
  <c r="AE87674" i="1"/>
  <c r="AE87675" i="1"/>
  <c r="AE87676" i="1"/>
  <c r="AE87677" i="1"/>
  <c r="AE87678" i="1"/>
  <c r="AE87679" i="1"/>
  <c r="AE87680" i="1"/>
  <c r="AE87681" i="1"/>
  <c r="AE87682" i="1"/>
  <c r="AE87683" i="1"/>
  <c r="AE87684" i="1"/>
  <c r="AE87685" i="1"/>
  <c r="AE87686" i="1"/>
  <c r="AE87687" i="1"/>
  <c r="AE87688" i="1"/>
  <c r="AE87689" i="1"/>
  <c r="AE87690" i="1"/>
  <c r="AE87691" i="1"/>
  <c r="AE87692" i="1"/>
  <c r="AE87693" i="1"/>
  <c r="AE87694" i="1"/>
  <c r="AE87695" i="1"/>
  <c r="AE87696" i="1"/>
  <c r="AE87697" i="1"/>
  <c r="AE87698" i="1"/>
  <c r="AE87699" i="1"/>
  <c r="AE87700" i="1"/>
  <c r="AE87701" i="1"/>
  <c r="AE87702" i="1"/>
  <c r="AE87703" i="1"/>
  <c r="AE87704" i="1"/>
  <c r="AE87705" i="1"/>
  <c r="AE87706" i="1"/>
  <c r="AE87707" i="1"/>
  <c r="AE87708" i="1"/>
  <c r="AE87709" i="1"/>
  <c r="AE87710" i="1"/>
  <c r="AE87711" i="1"/>
  <c r="AE87712" i="1"/>
  <c r="AE87713" i="1"/>
  <c r="AE87714" i="1"/>
  <c r="AE87715" i="1"/>
  <c r="AE87716" i="1"/>
  <c r="AE87717" i="1"/>
  <c r="AE87718" i="1"/>
  <c r="AE87719" i="1"/>
  <c r="AE87720" i="1"/>
  <c r="AE87721" i="1"/>
  <c r="AE87722" i="1"/>
  <c r="AE87723" i="1"/>
  <c r="AE87724" i="1"/>
  <c r="AE87725" i="1"/>
  <c r="AE87726" i="1"/>
  <c r="AE87727" i="1"/>
  <c r="AE87728" i="1"/>
  <c r="AE87729" i="1"/>
  <c r="AE87730" i="1"/>
  <c r="AE87731" i="1"/>
  <c r="AE87732" i="1"/>
  <c r="AE87733" i="1"/>
  <c r="AE87734" i="1"/>
  <c r="AE87735" i="1"/>
  <c r="AE87736" i="1"/>
  <c r="AE87737" i="1"/>
  <c r="AE87738" i="1"/>
  <c r="AE87739" i="1"/>
  <c r="AE87740" i="1"/>
  <c r="AE87741" i="1"/>
  <c r="AE87742" i="1"/>
  <c r="AE87743" i="1"/>
  <c r="AE87744" i="1"/>
  <c r="AE87745" i="1"/>
  <c r="AE87746" i="1"/>
  <c r="AE87747" i="1"/>
  <c r="AE87748" i="1"/>
  <c r="AE87749" i="1"/>
  <c r="AE87750" i="1"/>
  <c r="AE87751" i="1"/>
  <c r="AE87752" i="1"/>
  <c r="AE87753" i="1"/>
  <c r="AE87754" i="1"/>
  <c r="AE87755" i="1"/>
  <c r="AE87756" i="1"/>
  <c r="AE87757" i="1"/>
  <c r="AE87758" i="1"/>
  <c r="AE87759" i="1"/>
  <c r="AE87760" i="1"/>
  <c r="AE87761" i="1"/>
  <c r="AE87762" i="1"/>
  <c r="AE87763" i="1"/>
  <c r="AE87764" i="1"/>
  <c r="AE87765" i="1"/>
  <c r="AE87766" i="1"/>
  <c r="AE87767" i="1"/>
  <c r="AE87768" i="1"/>
  <c r="AE87769" i="1"/>
  <c r="AE87770" i="1"/>
  <c r="AE87771" i="1"/>
  <c r="AE87772" i="1"/>
  <c r="AE87773" i="1"/>
  <c r="AE87774" i="1"/>
  <c r="AE87775" i="1"/>
  <c r="AE87776" i="1"/>
  <c r="AE87777" i="1"/>
  <c r="AE87778" i="1"/>
  <c r="AE87779" i="1"/>
  <c r="AE87780" i="1"/>
  <c r="AE87781" i="1"/>
  <c r="AE87782" i="1"/>
  <c r="AE87783" i="1"/>
  <c r="AE87784" i="1"/>
  <c r="AE87785" i="1"/>
  <c r="AE87786" i="1"/>
  <c r="AE87787" i="1"/>
  <c r="AE87788" i="1"/>
  <c r="AE87789" i="1"/>
  <c r="AE87790" i="1"/>
  <c r="AE87791" i="1"/>
  <c r="AE87792" i="1"/>
  <c r="AE87793" i="1"/>
  <c r="AE87794" i="1"/>
  <c r="AE87795" i="1"/>
  <c r="AE87796" i="1"/>
  <c r="AE87797" i="1"/>
  <c r="AE87798" i="1"/>
  <c r="AE87799" i="1"/>
  <c r="AE87800" i="1"/>
  <c r="AE87801" i="1"/>
  <c r="AE87802" i="1"/>
  <c r="AE87803" i="1"/>
  <c r="AE87804" i="1"/>
  <c r="AE87805" i="1"/>
  <c r="AE87806" i="1"/>
  <c r="AE87807" i="1"/>
  <c r="AE87808" i="1"/>
  <c r="AE87809" i="1"/>
  <c r="AE87810" i="1"/>
  <c r="AE87811" i="1"/>
  <c r="AE87812" i="1"/>
  <c r="AE87813" i="1"/>
  <c r="AE87814" i="1"/>
  <c r="AE87815" i="1"/>
  <c r="AE87816" i="1"/>
  <c r="AE87817" i="1"/>
  <c r="AE87818" i="1"/>
  <c r="AE87819" i="1"/>
  <c r="AE87820" i="1"/>
  <c r="AE87821" i="1"/>
  <c r="AE87822" i="1"/>
  <c r="AE87823" i="1"/>
  <c r="AE87824" i="1"/>
  <c r="AE87825" i="1"/>
  <c r="AE87826" i="1"/>
  <c r="AE87827" i="1"/>
  <c r="AE87828" i="1"/>
  <c r="AE87829" i="1"/>
  <c r="AE87830" i="1"/>
  <c r="AE87831" i="1"/>
  <c r="AE87832" i="1"/>
  <c r="AE87833" i="1"/>
  <c r="AE87834" i="1"/>
  <c r="AE87835" i="1"/>
  <c r="AE87836" i="1"/>
  <c r="AE87837" i="1"/>
  <c r="AE87838" i="1"/>
  <c r="AE87839" i="1"/>
  <c r="AE87840" i="1"/>
  <c r="AE87841" i="1"/>
  <c r="AE87842" i="1"/>
  <c r="AE87843" i="1"/>
  <c r="AE87844" i="1"/>
  <c r="AE87845" i="1"/>
  <c r="AE87846" i="1"/>
  <c r="AE87847" i="1"/>
  <c r="AE87848" i="1"/>
  <c r="AE87849" i="1"/>
  <c r="AE87850" i="1"/>
  <c r="AE87851" i="1"/>
  <c r="AE87852" i="1"/>
  <c r="AE87853" i="1"/>
  <c r="AE87854" i="1"/>
  <c r="AE87855" i="1"/>
  <c r="AE87856" i="1"/>
  <c r="AE87857" i="1"/>
  <c r="AE87858" i="1"/>
  <c r="AE87859" i="1"/>
  <c r="AE87860" i="1"/>
  <c r="AE87861" i="1"/>
  <c r="AE87862" i="1"/>
  <c r="AE87863" i="1"/>
  <c r="AE87864" i="1"/>
  <c r="AE87865" i="1"/>
  <c r="AE87866" i="1"/>
  <c r="AE87867" i="1"/>
  <c r="AE87868" i="1"/>
  <c r="AE87869" i="1"/>
  <c r="AE87870" i="1"/>
  <c r="AE87871" i="1"/>
  <c r="AE87872" i="1"/>
  <c r="AE87873" i="1"/>
  <c r="AE87874" i="1"/>
  <c r="AE87875" i="1"/>
  <c r="AE87876" i="1"/>
  <c r="AE87877" i="1"/>
  <c r="AE87878" i="1"/>
  <c r="AE87879" i="1"/>
  <c r="AE87880" i="1"/>
  <c r="AE87881" i="1"/>
  <c r="AE87882" i="1"/>
  <c r="AE87883" i="1"/>
  <c r="AE87884" i="1"/>
  <c r="AE87885" i="1"/>
  <c r="AE87886" i="1"/>
  <c r="AE87887" i="1"/>
  <c r="AE87888" i="1"/>
  <c r="AE87889" i="1"/>
  <c r="AE87890" i="1"/>
  <c r="AE87891" i="1"/>
  <c r="AE87892" i="1"/>
  <c r="AE87893" i="1"/>
  <c r="AE87894" i="1"/>
  <c r="AE87895" i="1"/>
  <c r="AE87896" i="1"/>
  <c r="AE87897" i="1"/>
  <c r="AE87898" i="1"/>
  <c r="AE87899" i="1"/>
  <c r="AE87900" i="1"/>
  <c r="AE87901" i="1"/>
  <c r="AE87902" i="1"/>
  <c r="AE87903" i="1"/>
  <c r="AE87904" i="1"/>
  <c r="AE87905" i="1"/>
  <c r="AE87906" i="1"/>
  <c r="AE87907" i="1"/>
  <c r="AE87908" i="1"/>
  <c r="AE87909" i="1"/>
  <c r="AE87910" i="1"/>
  <c r="AE87911" i="1"/>
  <c r="AE87912" i="1"/>
  <c r="AE87913" i="1"/>
  <c r="AE87914" i="1"/>
  <c r="AE87915" i="1"/>
  <c r="AE87916" i="1"/>
  <c r="AE87917" i="1"/>
  <c r="AE87918" i="1"/>
  <c r="AE87919" i="1"/>
  <c r="AE87920" i="1"/>
  <c r="AE87921" i="1"/>
  <c r="AE87922" i="1"/>
  <c r="AE87923" i="1"/>
  <c r="AE87924" i="1"/>
  <c r="AE87925" i="1"/>
  <c r="AE87926" i="1"/>
  <c r="AE87927" i="1"/>
  <c r="AE87928" i="1"/>
  <c r="AE87929" i="1"/>
  <c r="AE87930" i="1"/>
  <c r="AE87931" i="1"/>
  <c r="AE87932" i="1"/>
  <c r="AE87933" i="1"/>
  <c r="AE87934" i="1"/>
  <c r="AE87935" i="1"/>
  <c r="AE87936" i="1"/>
  <c r="AE87937" i="1"/>
  <c r="AE87938" i="1"/>
  <c r="AE87939" i="1"/>
  <c r="AE87940" i="1"/>
  <c r="AE87941" i="1"/>
  <c r="AE87942" i="1"/>
  <c r="AE87943" i="1"/>
  <c r="AE87944" i="1"/>
  <c r="AE87945" i="1"/>
  <c r="AE87946" i="1"/>
  <c r="AE87947" i="1"/>
  <c r="AE87948" i="1"/>
  <c r="AE87949" i="1"/>
  <c r="AE87950" i="1"/>
  <c r="AE87951" i="1"/>
  <c r="AE87952" i="1"/>
  <c r="AE87953" i="1"/>
  <c r="AE87954" i="1"/>
  <c r="AE87955" i="1"/>
  <c r="AE87956" i="1"/>
  <c r="AE87957" i="1"/>
  <c r="AE87958" i="1"/>
  <c r="AE87959" i="1"/>
  <c r="AE87960" i="1"/>
  <c r="AE87961" i="1"/>
  <c r="AE87962" i="1"/>
  <c r="AE87963" i="1"/>
  <c r="AE87964" i="1"/>
  <c r="AE87965" i="1"/>
  <c r="AE87966" i="1"/>
  <c r="AE87967" i="1"/>
  <c r="AE87968" i="1"/>
  <c r="AE87969" i="1"/>
  <c r="AE87970" i="1"/>
  <c r="AE87971" i="1"/>
  <c r="AE87972" i="1"/>
  <c r="AE87973" i="1"/>
  <c r="AE87974" i="1"/>
  <c r="AE87975" i="1"/>
  <c r="AE87976" i="1"/>
  <c r="AE87977" i="1"/>
  <c r="AE87978" i="1"/>
  <c r="AE87979" i="1"/>
  <c r="AE87980" i="1"/>
  <c r="AE87981" i="1"/>
  <c r="AE87982" i="1"/>
  <c r="AE87983" i="1"/>
  <c r="AE87984" i="1"/>
  <c r="AE87985" i="1"/>
  <c r="AE87986" i="1"/>
  <c r="AE87987" i="1"/>
  <c r="AE87988" i="1"/>
  <c r="AE87989" i="1"/>
  <c r="AE87990" i="1"/>
  <c r="AE87991" i="1"/>
  <c r="AE87992" i="1"/>
  <c r="AE87993" i="1"/>
  <c r="AE87994" i="1"/>
  <c r="AE87995" i="1"/>
  <c r="AE87996" i="1"/>
  <c r="AE87997" i="1"/>
  <c r="AE87998" i="1"/>
  <c r="AE87999" i="1"/>
  <c r="AE88000" i="1"/>
  <c r="AE88001" i="1"/>
  <c r="AE88002" i="1"/>
  <c r="AE88003" i="1"/>
  <c r="AE88004" i="1"/>
  <c r="AE88005" i="1"/>
  <c r="AE88006" i="1"/>
  <c r="AE88007" i="1"/>
  <c r="AE88008" i="1"/>
  <c r="AE88009" i="1"/>
  <c r="AE88010" i="1"/>
  <c r="AE88011" i="1"/>
  <c r="AE88012" i="1"/>
  <c r="AE88013" i="1"/>
  <c r="AE88014" i="1"/>
  <c r="AE88015" i="1"/>
  <c r="AE88016" i="1"/>
  <c r="AE88017" i="1"/>
  <c r="AE88018" i="1"/>
  <c r="AE88019" i="1"/>
  <c r="AE88020" i="1"/>
  <c r="AE88021" i="1"/>
  <c r="AE88022" i="1"/>
  <c r="AE88023" i="1"/>
  <c r="AE88024" i="1"/>
  <c r="AE88025" i="1"/>
  <c r="AE88026" i="1"/>
  <c r="AE88027" i="1"/>
  <c r="AE88028" i="1"/>
  <c r="AE88029" i="1"/>
  <c r="AE88030" i="1"/>
  <c r="AE88031" i="1"/>
  <c r="AE88032" i="1"/>
  <c r="AE88033" i="1"/>
  <c r="AE88034" i="1"/>
  <c r="AE88035" i="1"/>
  <c r="AE88036" i="1"/>
  <c r="AE88037" i="1"/>
  <c r="AE88038" i="1"/>
  <c r="AE88039" i="1"/>
  <c r="AE88040" i="1"/>
  <c r="AE88041" i="1"/>
  <c r="AE88042" i="1"/>
  <c r="AE88043" i="1"/>
  <c r="AE88044" i="1"/>
  <c r="AE88045" i="1"/>
  <c r="AE88046" i="1"/>
  <c r="AE88047" i="1"/>
  <c r="AE88048" i="1"/>
  <c r="AE88049" i="1"/>
  <c r="AE88050" i="1"/>
  <c r="AE88051" i="1"/>
  <c r="AE88052" i="1"/>
  <c r="AE88053" i="1"/>
  <c r="AE88054" i="1"/>
  <c r="AE88055" i="1"/>
  <c r="AE88056" i="1"/>
  <c r="AE88057" i="1"/>
  <c r="AE88058" i="1"/>
  <c r="AE88059" i="1"/>
  <c r="AE88060" i="1"/>
  <c r="AE88061" i="1"/>
  <c r="AE88062" i="1"/>
  <c r="AE88063" i="1"/>
  <c r="AE88064" i="1"/>
  <c r="AE88065" i="1"/>
  <c r="AE88066" i="1"/>
  <c r="AE88067" i="1"/>
  <c r="AE88068" i="1"/>
  <c r="AE88069" i="1"/>
  <c r="AE88070" i="1"/>
  <c r="AE88071" i="1"/>
  <c r="AE88072" i="1"/>
  <c r="AE88073" i="1"/>
  <c r="AE88074" i="1"/>
  <c r="AE88075" i="1"/>
  <c r="AE88076" i="1"/>
  <c r="AE88077" i="1"/>
  <c r="AE88078" i="1"/>
  <c r="AE88079" i="1"/>
  <c r="AE88080" i="1"/>
  <c r="AE88081" i="1"/>
  <c r="AE88082" i="1"/>
  <c r="AE88083" i="1"/>
  <c r="AE88084" i="1"/>
  <c r="AE88085" i="1"/>
  <c r="AE88086" i="1"/>
  <c r="AE88087" i="1"/>
  <c r="AE88088" i="1"/>
  <c r="AE88089" i="1"/>
  <c r="AE88090" i="1"/>
  <c r="AE88091" i="1"/>
  <c r="AE88092" i="1"/>
  <c r="AE88093" i="1"/>
  <c r="AE88094" i="1"/>
  <c r="AE88095" i="1"/>
  <c r="AE88096" i="1"/>
  <c r="AE88097" i="1"/>
  <c r="AE88098" i="1"/>
  <c r="AE88099" i="1"/>
  <c r="AE88100" i="1"/>
  <c r="AE88101" i="1"/>
  <c r="AE88102" i="1"/>
  <c r="AE88103" i="1"/>
  <c r="AE88104" i="1"/>
  <c r="AE88105" i="1"/>
  <c r="AE88106" i="1"/>
  <c r="AE88107" i="1"/>
  <c r="AE88108" i="1"/>
  <c r="AE88109" i="1"/>
  <c r="AE88110" i="1"/>
  <c r="AE88111" i="1"/>
  <c r="AE88112" i="1"/>
  <c r="AE88113" i="1"/>
  <c r="AE88114" i="1"/>
  <c r="AE88115" i="1"/>
  <c r="AE88116" i="1"/>
  <c r="AE88117" i="1"/>
  <c r="AE88118" i="1"/>
  <c r="AE88119" i="1"/>
  <c r="AE88120" i="1"/>
  <c r="AE88121" i="1"/>
  <c r="AE88122" i="1"/>
  <c r="AE88123" i="1"/>
  <c r="AE88124" i="1"/>
  <c r="AE88125" i="1"/>
  <c r="AE88126" i="1"/>
  <c r="AE88127" i="1"/>
  <c r="AE88128" i="1"/>
  <c r="AE88129" i="1"/>
  <c r="AE88130" i="1"/>
  <c r="AE88131" i="1"/>
  <c r="AE88132" i="1"/>
  <c r="AE88133" i="1"/>
  <c r="AE88134" i="1"/>
  <c r="AE88135" i="1"/>
  <c r="AE88136" i="1"/>
  <c r="AE88137" i="1"/>
  <c r="AE88138" i="1"/>
  <c r="AE88139" i="1"/>
  <c r="AE88140" i="1"/>
  <c r="AE88141" i="1"/>
  <c r="AE88142" i="1"/>
  <c r="AE88143" i="1"/>
  <c r="AE88144" i="1"/>
  <c r="AE88145" i="1"/>
  <c r="AE88146" i="1"/>
  <c r="AE88147" i="1"/>
  <c r="AE88148" i="1"/>
  <c r="AE88149" i="1"/>
  <c r="AE88150" i="1"/>
  <c r="AE88151" i="1"/>
  <c r="AE88152" i="1"/>
  <c r="AE88153" i="1"/>
  <c r="AE88154" i="1"/>
  <c r="AE88155" i="1"/>
  <c r="AE88156" i="1"/>
  <c r="AE88157" i="1"/>
  <c r="AE88158" i="1"/>
  <c r="AE88159" i="1"/>
  <c r="AE88160" i="1"/>
  <c r="AE88161" i="1"/>
  <c r="AE88162" i="1"/>
  <c r="AE88163" i="1"/>
  <c r="AE88164" i="1"/>
  <c r="AE88165" i="1"/>
  <c r="AE88166" i="1"/>
  <c r="AE88167" i="1"/>
  <c r="AE88168" i="1"/>
  <c r="AE88169" i="1"/>
  <c r="AE88170" i="1"/>
  <c r="AE88171" i="1"/>
  <c r="AE88172" i="1"/>
  <c r="AE88173" i="1"/>
  <c r="AE88174" i="1"/>
  <c r="AE88175" i="1"/>
  <c r="AE88176" i="1"/>
  <c r="AE88177" i="1"/>
  <c r="AE88178" i="1"/>
  <c r="AE88179" i="1"/>
  <c r="AE88180" i="1"/>
  <c r="AE88181" i="1"/>
  <c r="AE88182" i="1"/>
  <c r="AE88183" i="1"/>
  <c r="AE88184" i="1"/>
  <c r="AE88185" i="1"/>
  <c r="AE88186" i="1"/>
  <c r="AE88187" i="1"/>
  <c r="AE88188" i="1"/>
  <c r="AE88189" i="1"/>
  <c r="AE88190" i="1"/>
  <c r="AE88191" i="1"/>
  <c r="AE88192" i="1"/>
  <c r="AE88193" i="1"/>
  <c r="AE88194" i="1"/>
  <c r="AE88195" i="1"/>
  <c r="AE88196" i="1"/>
  <c r="AE88197" i="1"/>
  <c r="AE88198" i="1"/>
  <c r="AE88199" i="1"/>
  <c r="AE88200" i="1"/>
  <c r="AE88201" i="1"/>
  <c r="AE88202" i="1"/>
  <c r="AE88203" i="1"/>
  <c r="AE88204" i="1"/>
  <c r="AE88205" i="1"/>
  <c r="AE88206" i="1"/>
  <c r="AE88207" i="1"/>
  <c r="AE88208" i="1"/>
  <c r="AE88209" i="1"/>
  <c r="AE88210" i="1"/>
  <c r="AE88211" i="1"/>
  <c r="AE88212" i="1"/>
  <c r="AE88213" i="1"/>
  <c r="AE88214" i="1"/>
  <c r="AE88215" i="1"/>
  <c r="AE88216" i="1"/>
  <c r="AE88217" i="1"/>
  <c r="AE88218" i="1"/>
  <c r="AE88219" i="1"/>
  <c r="AE88220" i="1"/>
  <c r="AE88221" i="1"/>
  <c r="AE88222" i="1"/>
  <c r="AE88223" i="1"/>
  <c r="AE88224" i="1"/>
  <c r="AE88225" i="1"/>
  <c r="AE88226" i="1"/>
  <c r="AE88227" i="1"/>
  <c r="AE88228" i="1"/>
  <c r="AE88229" i="1"/>
  <c r="AE88230" i="1"/>
  <c r="AE88231" i="1"/>
  <c r="AE88232" i="1"/>
  <c r="AE88233" i="1"/>
  <c r="AE88234" i="1"/>
  <c r="AE88235" i="1"/>
  <c r="AE88236" i="1"/>
  <c r="AE88237" i="1"/>
  <c r="AE88238" i="1"/>
  <c r="AE88239" i="1"/>
  <c r="AE88240" i="1"/>
  <c r="AE88241" i="1"/>
  <c r="AE88242" i="1"/>
  <c r="AE88243" i="1"/>
  <c r="AE88244" i="1"/>
  <c r="AE88245" i="1"/>
  <c r="AE88246" i="1"/>
  <c r="AE88247" i="1"/>
  <c r="AE88248" i="1"/>
  <c r="AE88249" i="1"/>
  <c r="AE88250" i="1"/>
  <c r="AE88251" i="1"/>
  <c r="AE88252" i="1"/>
  <c r="AE88253" i="1"/>
  <c r="AE88254" i="1"/>
  <c r="AE88255" i="1"/>
  <c r="AE88256" i="1"/>
  <c r="AE88257" i="1"/>
  <c r="AE88258" i="1"/>
  <c r="AE88259" i="1"/>
  <c r="AE88260" i="1"/>
  <c r="AE88261" i="1"/>
  <c r="AE88262" i="1"/>
  <c r="AE88263" i="1"/>
  <c r="AE88264" i="1"/>
  <c r="AE88265" i="1"/>
  <c r="AE88266" i="1"/>
  <c r="AE88267" i="1"/>
  <c r="AE88268" i="1"/>
  <c r="AE88269" i="1"/>
  <c r="AE88270" i="1"/>
  <c r="AE88271" i="1"/>
  <c r="AE88272" i="1"/>
  <c r="AE88273" i="1"/>
  <c r="AE88274" i="1"/>
  <c r="AE88275" i="1"/>
  <c r="AE88276" i="1"/>
  <c r="AE88277" i="1"/>
  <c r="AE88278" i="1"/>
  <c r="AE88279" i="1"/>
  <c r="AE88280" i="1"/>
  <c r="AE88281" i="1"/>
  <c r="AE88282" i="1"/>
  <c r="AE88283" i="1"/>
  <c r="AE88284" i="1"/>
  <c r="AE88285" i="1"/>
  <c r="AE88286" i="1"/>
  <c r="AE88287" i="1"/>
  <c r="AE88288" i="1"/>
  <c r="AE88289" i="1"/>
  <c r="AE88290" i="1"/>
  <c r="AE88291" i="1"/>
  <c r="AE88292" i="1"/>
  <c r="AE88293" i="1"/>
  <c r="AE88294" i="1"/>
  <c r="AE88295" i="1"/>
  <c r="AE88296" i="1"/>
  <c r="AE88297" i="1"/>
  <c r="AE88298" i="1"/>
  <c r="AE88299" i="1"/>
  <c r="AE88300" i="1"/>
  <c r="AE88301" i="1"/>
  <c r="AE88302" i="1"/>
  <c r="AE88303" i="1"/>
  <c r="AE88304" i="1"/>
  <c r="AE88305" i="1"/>
  <c r="AE88306" i="1"/>
  <c r="AE88307" i="1"/>
  <c r="AE88308" i="1"/>
  <c r="AE88309" i="1"/>
  <c r="AE88310" i="1"/>
  <c r="AE88311" i="1"/>
  <c r="AE88312" i="1"/>
  <c r="AE88313" i="1"/>
  <c r="AE88314" i="1"/>
  <c r="AE88315" i="1"/>
  <c r="AE88316" i="1"/>
  <c r="AE88317" i="1"/>
  <c r="AE88318" i="1"/>
  <c r="AE88319" i="1"/>
  <c r="AE88320" i="1"/>
  <c r="AE88321" i="1"/>
  <c r="AE88322" i="1"/>
  <c r="AE88323" i="1"/>
  <c r="AE88324" i="1"/>
  <c r="AE88325" i="1"/>
  <c r="AE88326" i="1"/>
  <c r="AE88327" i="1"/>
  <c r="AE88328" i="1"/>
  <c r="AE88329" i="1"/>
  <c r="AE88330" i="1"/>
  <c r="AE88331" i="1"/>
  <c r="AE88332" i="1"/>
  <c r="AE88333" i="1"/>
  <c r="AE88334" i="1"/>
  <c r="AE88335" i="1"/>
  <c r="AE88336" i="1"/>
  <c r="AE88337" i="1"/>
  <c r="AE88338" i="1"/>
  <c r="AE88339" i="1"/>
  <c r="AE88340" i="1"/>
  <c r="AE88341" i="1"/>
  <c r="AE88342" i="1"/>
  <c r="AE88343" i="1"/>
  <c r="AE88344" i="1"/>
  <c r="AE88345" i="1"/>
  <c r="AE88346" i="1"/>
  <c r="AE88347" i="1"/>
  <c r="AE88348" i="1"/>
  <c r="AE88349" i="1"/>
  <c r="AE88350" i="1"/>
  <c r="AE88351" i="1"/>
  <c r="AE88352" i="1"/>
  <c r="AE88353" i="1"/>
  <c r="AE88354" i="1"/>
  <c r="AE88355" i="1"/>
  <c r="AE88356" i="1"/>
  <c r="AE88357" i="1"/>
  <c r="AE88358" i="1"/>
  <c r="AE88359" i="1"/>
  <c r="AE88360" i="1"/>
  <c r="AE88361" i="1"/>
  <c r="AE88362" i="1"/>
  <c r="AE88363" i="1"/>
  <c r="AE88364" i="1"/>
  <c r="AE88365" i="1"/>
  <c r="AE88366" i="1"/>
  <c r="AE88367" i="1"/>
  <c r="AE88368" i="1"/>
  <c r="AE88369" i="1"/>
  <c r="AE88370" i="1"/>
  <c r="AE88371" i="1"/>
  <c r="AE88372" i="1"/>
  <c r="AE88373" i="1"/>
  <c r="AE88374" i="1"/>
  <c r="AE88375" i="1"/>
  <c r="AE88376" i="1"/>
  <c r="AE88377" i="1"/>
  <c r="AE88378" i="1"/>
  <c r="AE88379" i="1"/>
  <c r="AE88380" i="1"/>
  <c r="AE88381" i="1"/>
  <c r="AE88382" i="1"/>
  <c r="AE88383" i="1"/>
  <c r="AE88384" i="1"/>
  <c r="AE88385" i="1"/>
  <c r="AE88386" i="1"/>
  <c r="AE88387" i="1"/>
  <c r="AE88388" i="1"/>
  <c r="AE88389" i="1"/>
  <c r="AE88390" i="1"/>
  <c r="AE88391" i="1"/>
  <c r="AE88392" i="1"/>
  <c r="AE88393" i="1"/>
  <c r="AE88394" i="1"/>
  <c r="AE88395" i="1"/>
  <c r="AE88396" i="1"/>
  <c r="AE88397" i="1"/>
  <c r="AE88398" i="1"/>
  <c r="AE88399" i="1"/>
  <c r="AE88400" i="1"/>
  <c r="AE88401" i="1"/>
  <c r="AE88402" i="1"/>
  <c r="AE88403" i="1"/>
  <c r="AE88404" i="1"/>
  <c r="AE88405" i="1"/>
  <c r="AE88406" i="1"/>
  <c r="AE88407" i="1"/>
  <c r="AE88408" i="1"/>
  <c r="AE88409" i="1"/>
  <c r="AE88410" i="1"/>
  <c r="AE88411" i="1"/>
  <c r="AE88412" i="1"/>
  <c r="AE88413" i="1"/>
  <c r="AE88414" i="1"/>
  <c r="AE88415" i="1"/>
  <c r="AE88416" i="1"/>
  <c r="AE88417" i="1"/>
  <c r="AE88418" i="1"/>
  <c r="AE88419" i="1"/>
  <c r="AE88420" i="1"/>
  <c r="AE88421" i="1"/>
  <c r="AE88422" i="1"/>
  <c r="AE88423" i="1"/>
  <c r="AE88424" i="1"/>
  <c r="AE88425" i="1"/>
  <c r="AE88426" i="1"/>
  <c r="AE88427" i="1"/>
  <c r="AE88428" i="1"/>
  <c r="AE88429" i="1"/>
  <c r="AE88430" i="1"/>
  <c r="AE88431" i="1"/>
  <c r="AE88432" i="1"/>
  <c r="AE88433" i="1"/>
  <c r="AE88434" i="1"/>
  <c r="AE88435" i="1"/>
  <c r="AE88436" i="1"/>
  <c r="AE88437" i="1"/>
  <c r="AE88438" i="1"/>
  <c r="AE88439" i="1"/>
  <c r="AE88440" i="1"/>
  <c r="AE88441" i="1"/>
  <c r="AE88442" i="1"/>
  <c r="AE88443" i="1"/>
  <c r="AE88444" i="1"/>
  <c r="AE88445" i="1"/>
  <c r="AE88446" i="1"/>
  <c r="AE88447" i="1"/>
  <c r="AE88448" i="1"/>
  <c r="AE88449" i="1"/>
  <c r="AE88450" i="1"/>
  <c r="AE88451" i="1"/>
  <c r="AE88452" i="1"/>
  <c r="AE88453" i="1"/>
  <c r="AE88454" i="1"/>
  <c r="AE88455" i="1"/>
  <c r="AE88456" i="1"/>
  <c r="AE88457" i="1"/>
  <c r="AE88458" i="1"/>
  <c r="AE88459" i="1"/>
  <c r="AE88460" i="1"/>
  <c r="AE88461" i="1"/>
  <c r="AE88462" i="1"/>
  <c r="AE88463" i="1"/>
  <c r="AE88464" i="1"/>
  <c r="AE88465" i="1"/>
  <c r="AE88466" i="1"/>
  <c r="AE88467" i="1"/>
  <c r="AE88468" i="1"/>
  <c r="AE88469" i="1"/>
  <c r="AE88470" i="1"/>
  <c r="AE88471" i="1"/>
  <c r="AE88472" i="1"/>
  <c r="AE88473" i="1"/>
  <c r="AE88474" i="1"/>
  <c r="AE88475" i="1"/>
  <c r="AE88476" i="1"/>
  <c r="AE88477" i="1"/>
  <c r="AE88478" i="1"/>
  <c r="AE88479" i="1"/>
  <c r="AE88480" i="1"/>
  <c r="AE88481" i="1"/>
  <c r="AE88482" i="1"/>
  <c r="AE88483" i="1"/>
  <c r="AE88484" i="1"/>
  <c r="AE88485" i="1"/>
  <c r="AE88486" i="1"/>
  <c r="AE88487" i="1"/>
  <c r="AE88488" i="1"/>
  <c r="AE88489" i="1"/>
  <c r="AE88490" i="1"/>
  <c r="AE88491" i="1"/>
  <c r="AE88492" i="1"/>
  <c r="AE88493" i="1"/>
  <c r="AE88494" i="1"/>
  <c r="AE88495" i="1"/>
  <c r="AE88496" i="1"/>
  <c r="AE88497" i="1"/>
  <c r="AE88498" i="1"/>
  <c r="AE88499" i="1"/>
  <c r="AE88500" i="1"/>
  <c r="AE88501" i="1"/>
  <c r="AE88502" i="1"/>
  <c r="AE88503" i="1"/>
  <c r="AE88504" i="1"/>
  <c r="AE88505" i="1"/>
  <c r="AE88506" i="1"/>
  <c r="AE88507" i="1"/>
  <c r="AE88508" i="1"/>
  <c r="AE88509" i="1"/>
  <c r="AE88510" i="1"/>
  <c r="AE88511" i="1"/>
  <c r="AE88512" i="1"/>
  <c r="AE88513" i="1"/>
  <c r="AE88514" i="1"/>
  <c r="AE88515" i="1"/>
  <c r="AE88516" i="1"/>
  <c r="AE88517" i="1"/>
  <c r="AE88518" i="1"/>
  <c r="AE88519" i="1"/>
  <c r="AE88520" i="1"/>
  <c r="AE88521" i="1"/>
  <c r="AE88522" i="1"/>
  <c r="AE88523" i="1"/>
  <c r="AE88524" i="1"/>
  <c r="AE88525" i="1"/>
  <c r="AE88526" i="1"/>
  <c r="AE88527" i="1"/>
  <c r="AE88528" i="1"/>
  <c r="AE88529" i="1"/>
  <c r="AE88530" i="1"/>
  <c r="AE88531" i="1"/>
  <c r="AE88532" i="1"/>
  <c r="AE88533" i="1"/>
  <c r="AE88534" i="1"/>
  <c r="AE88535" i="1"/>
  <c r="AE88536" i="1"/>
  <c r="AE88537" i="1"/>
  <c r="AE88538" i="1"/>
  <c r="AE88539" i="1"/>
  <c r="AE88540" i="1"/>
  <c r="AE88541" i="1"/>
  <c r="AE88542" i="1"/>
  <c r="AE88543" i="1"/>
  <c r="AE88544" i="1"/>
  <c r="AE88545" i="1"/>
  <c r="AE88546" i="1"/>
  <c r="AE88547" i="1"/>
  <c r="AE88548" i="1"/>
  <c r="AE88549" i="1"/>
  <c r="AE88550" i="1"/>
  <c r="AE88551" i="1"/>
  <c r="AE88552" i="1"/>
  <c r="AE88553" i="1"/>
  <c r="AE88554" i="1"/>
  <c r="AE88555" i="1"/>
  <c r="AE88556" i="1"/>
  <c r="AE88557" i="1"/>
  <c r="AE88558" i="1"/>
  <c r="AE88559" i="1"/>
  <c r="AE88560" i="1"/>
  <c r="AE88561" i="1"/>
  <c r="AE88562" i="1"/>
  <c r="AE88563" i="1"/>
  <c r="AE88564" i="1"/>
  <c r="AE88565" i="1"/>
  <c r="AE88566" i="1"/>
  <c r="AE88567" i="1"/>
  <c r="AE88568" i="1"/>
  <c r="AE88569" i="1"/>
  <c r="AE88570" i="1"/>
  <c r="AE88571" i="1"/>
  <c r="AE88572" i="1"/>
  <c r="AE88573" i="1"/>
  <c r="AE88574" i="1"/>
  <c r="AE88575" i="1"/>
  <c r="AE88576" i="1"/>
  <c r="AE88577" i="1"/>
  <c r="AE88578" i="1"/>
  <c r="AE88579" i="1"/>
  <c r="AE88580" i="1"/>
  <c r="AE88581" i="1"/>
  <c r="AE88582" i="1"/>
  <c r="AE88583" i="1"/>
  <c r="AE88584" i="1"/>
  <c r="AE88585" i="1"/>
  <c r="AE88586" i="1"/>
  <c r="AE88587" i="1"/>
  <c r="AE88588" i="1"/>
  <c r="AE88589" i="1"/>
  <c r="AE88590" i="1"/>
  <c r="AE88591" i="1"/>
  <c r="AE88592" i="1"/>
  <c r="AE88593" i="1"/>
  <c r="AE88594" i="1"/>
  <c r="AE88595" i="1"/>
  <c r="AE88596" i="1"/>
  <c r="AE88597" i="1"/>
  <c r="AE88598" i="1"/>
  <c r="AE88599" i="1"/>
  <c r="AE88600" i="1"/>
  <c r="AE88601" i="1"/>
  <c r="AE88602" i="1"/>
  <c r="AE88603" i="1"/>
  <c r="AE88604" i="1"/>
  <c r="AE88605" i="1"/>
  <c r="AE88606" i="1"/>
  <c r="AE88607" i="1"/>
  <c r="AE88608" i="1"/>
  <c r="AE88609" i="1"/>
  <c r="AE88610" i="1"/>
  <c r="AE88611" i="1"/>
  <c r="AE88612" i="1"/>
  <c r="AE88613" i="1"/>
  <c r="AE88614" i="1"/>
  <c r="AE88615" i="1"/>
  <c r="AE88616" i="1"/>
  <c r="AE88617" i="1"/>
  <c r="AE88618" i="1"/>
  <c r="AE88619" i="1"/>
  <c r="AE88620" i="1"/>
  <c r="AE88621" i="1"/>
  <c r="AE88622" i="1"/>
  <c r="AE88623" i="1"/>
  <c r="AE88624" i="1"/>
  <c r="AE88625" i="1"/>
  <c r="AE88626" i="1"/>
  <c r="AE88627" i="1"/>
  <c r="AE88628" i="1"/>
  <c r="AE88629" i="1"/>
  <c r="AE88630" i="1"/>
  <c r="AE88631" i="1"/>
  <c r="AE88632" i="1"/>
  <c r="AE88633" i="1"/>
  <c r="AE88634" i="1"/>
  <c r="AE88635" i="1"/>
  <c r="AE88636" i="1"/>
  <c r="AE88637" i="1"/>
  <c r="AE88638" i="1"/>
  <c r="AE88639" i="1"/>
  <c r="AE88640" i="1"/>
  <c r="AE88641" i="1"/>
  <c r="AE88642" i="1"/>
  <c r="AE88643" i="1"/>
  <c r="AE88644" i="1"/>
  <c r="AE88645" i="1"/>
  <c r="AE88646" i="1"/>
  <c r="AE88647" i="1"/>
  <c r="AE88648" i="1"/>
  <c r="AE88649" i="1"/>
  <c r="AE88650" i="1"/>
  <c r="AE88651" i="1"/>
  <c r="AE88652" i="1"/>
  <c r="AE88653" i="1"/>
  <c r="AE88654" i="1"/>
  <c r="AE88655" i="1"/>
  <c r="AE88656" i="1"/>
  <c r="AE88657" i="1"/>
  <c r="AE88658" i="1"/>
  <c r="AE88659" i="1"/>
  <c r="AE88660" i="1"/>
  <c r="AE88661" i="1"/>
  <c r="AE88662" i="1"/>
  <c r="AE88663" i="1"/>
  <c r="AE88664" i="1"/>
  <c r="AE88665" i="1"/>
  <c r="AE88666" i="1"/>
  <c r="AE88667" i="1"/>
  <c r="AE88668" i="1"/>
  <c r="AE88669" i="1"/>
  <c r="AE88670" i="1"/>
  <c r="AE88671" i="1"/>
  <c r="AE88672" i="1"/>
  <c r="AE88673" i="1"/>
  <c r="AE88674" i="1"/>
  <c r="AE88675" i="1"/>
  <c r="AE88676" i="1"/>
  <c r="AE88677" i="1"/>
  <c r="AE88678" i="1"/>
  <c r="AE88679" i="1"/>
  <c r="AE88680" i="1"/>
  <c r="AE88681" i="1"/>
  <c r="AE88682" i="1"/>
  <c r="AE88683" i="1"/>
  <c r="AE88684" i="1"/>
  <c r="AE88685" i="1"/>
  <c r="AE88686" i="1"/>
  <c r="AE88687" i="1"/>
  <c r="AE88688" i="1"/>
  <c r="AE88689" i="1"/>
  <c r="AE88690" i="1"/>
  <c r="AE88691" i="1"/>
  <c r="AE88692" i="1"/>
  <c r="AE88693" i="1"/>
  <c r="AE88694" i="1"/>
  <c r="AE88695" i="1"/>
  <c r="AE88696" i="1"/>
  <c r="AE88697" i="1"/>
  <c r="AE88698" i="1"/>
  <c r="AE88699" i="1"/>
  <c r="AE88700" i="1"/>
  <c r="AE88701" i="1"/>
  <c r="AE88702" i="1"/>
  <c r="AE88703" i="1"/>
  <c r="AE88704" i="1"/>
  <c r="AE88705" i="1"/>
  <c r="AE88706" i="1"/>
  <c r="AE88707" i="1"/>
  <c r="AE88708" i="1"/>
  <c r="AE88709" i="1"/>
  <c r="AE88710" i="1"/>
  <c r="AE88711" i="1"/>
  <c r="AE88712" i="1"/>
  <c r="AE88713" i="1"/>
  <c r="AE88714" i="1"/>
  <c r="AE88715" i="1"/>
  <c r="AE88716" i="1"/>
  <c r="AE88717" i="1"/>
  <c r="AE88718" i="1"/>
  <c r="AE88719" i="1"/>
  <c r="AE88720" i="1"/>
  <c r="AE88721" i="1"/>
  <c r="AE88722" i="1"/>
  <c r="AE88723" i="1"/>
  <c r="AE88724" i="1"/>
  <c r="AE88725" i="1"/>
  <c r="AE88726" i="1"/>
  <c r="AE88727" i="1"/>
  <c r="AE88728" i="1"/>
  <c r="AE88729" i="1"/>
  <c r="AE88730" i="1"/>
  <c r="AE88731" i="1"/>
  <c r="AE88732" i="1"/>
  <c r="AE88733" i="1"/>
  <c r="AE88734" i="1"/>
  <c r="AE88735" i="1"/>
  <c r="AE88736" i="1"/>
  <c r="AE88737" i="1"/>
  <c r="AE88738" i="1"/>
  <c r="AE88739" i="1"/>
  <c r="AE88740" i="1"/>
  <c r="AE88741" i="1"/>
  <c r="AE88742" i="1"/>
  <c r="AE88743" i="1"/>
  <c r="AE88744" i="1"/>
  <c r="AE88745" i="1"/>
  <c r="AE88746" i="1"/>
  <c r="AE88747" i="1"/>
  <c r="AE88748" i="1"/>
  <c r="AE88749" i="1"/>
  <c r="AE88750" i="1"/>
  <c r="AE88751" i="1"/>
  <c r="AE88752" i="1"/>
  <c r="AE88753" i="1"/>
  <c r="AE88754" i="1"/>
  <c r="AE88755" i="1"/>
  <c r="AE88756" i="1"/>
  <c r="AE88757" i="1"/>
  <c r="AE88758" i="1"/>
  <c r="AE88759" i="1"/>
  <c r="AE88760" i="1"/>
  <c r="AE88761" i="1"/>
  <c r="AE88762" i="1"/>
  <c r="AE88763" i="1"/>
  <c r="AE88764" i="1"/>
  <c r="AE88765" i="1"/>
  <c r="AE88766" i="1"/>
  <c r="AE88767" i="1"/>
  <c r="AE88768" i="1"/>
  <c r="AE88769" i="1"/>
  <c r="AE88770" i="1"/>
  <c r="AE88771" i="1"/>
  <c r="AE88772" i="1"/>
  <c r="AE88773" i="1"/>
  <c r="AE88774" i="1"/>
  <c r="AE88775" i="1"/>
  <c r="AE88776" i="1"/>
  <c r="AE88777" i="1"/>
  <c r="AE88778" i="1"/>
  <c r="AE88779" i="1"/>
  <c r="AE88780" i="1"/>
  <c r="AE88781" i="1"/>
  <c r="AE88782" i="1"/>
  <c r="AE88783" i="1"/>
  <c r="AE88784" i="1"/>
  <c r="AE88785" i="1"/>
  <c r="AE88786" i="1"/>
  <c r="AE88787" i="1"/>
  <c r="AE88788" i="1"/>
  <c r="AE88789" i="1"/>
  <c r="AE88790" i="1"/>
  <c r="AE88791" i="1"/>
  <c r="AE88792" i="1"/>
  <c r="AE88793" i="1"/>
  <c r="AE88794" i="1"/>
  <c r="AE88795" i="1"/>
  <c r="AE88796" i="1"/>
  <c r="AE88797" i="1"/>
  <c r="AE88798" i="1"/>
  <c r="AE88799" i="1"/>
  <c r="AE88800" i="1"/>
  <c r="AE88801" i="1"/>
  <c r="AE88802" i="1"/>
  <c r="AE88803" i="1"/>
  <c r="AE88804" i="1"/>
  <c r="AE88805" i="1"/>
  <c r="AE88806" i="1"/>
  <c r="AE88807" i="1"/>
  <c r="AE88808" i="1"/>
  <c r="AE88809" i="1"/>
  <c r="AE88810" i="1"/>
  <c r="AE88811" i="1"/>
  <c r="AE88812" i="1"/>
  <c r="AE88813" i="1"/>
  <c r="AE88814" i="1"/>
  <c r="AE88815" i="1"/>
  <c r="AE88816" i="1"/>
  <c r="AE88817" i="1"/>
  <c r="AE88818" i="1"/>
  <c r="AE88819" i="1"/>
  <c r="AE88820" i="1"/>
  <c r="AE88821" i="1"/>
  <c r="AE88822" i="1"/>
  <c r="AE88823" i="1"/>
  <c r="AE88824" i="1"/>
  <c r="AE88825" i="1"/>
  <c r="AE88826" i="1"/>
  <c r="AE88827" i="1"/>
  <c r="AE88828" i="1"/>
  <c r="AE88829" i="1"/>
  <c r="AE88830" i="1"/>
  <c r="AE88831" i="1"/>
  <c r="AE88832" i="1"/>
  <c r="AE88833" i="1"/>
  <c r="AE88834" i="1"/>
  <c r="AE88835" i="1"/>
  <c r="AE88836" i="1"/>
  <c r="AE88837" i="1"/>
  <c r="AE88838" i="1"/>
  <c r="AE88839" i="1"/>
  <c r="AE88840" i="1"/>
  <c r="AE88841" i="1"/>
  <c r="AE88842" i="1"/>
  <c r="AE88843" i="1"/>
  <c r="AE88844" i="1"/>
  <c r="AE88845" i="1"/>
  <c r="AE88846" i="1"/>
  <c r="AE88847" i="1"/>
  <c r="AE88848" i="1"/>
  <c r="AE88849" i="1"/>
  <c r="AE88850" i="1"/>
  <c r="AE88851" i="1"/>
  <c r="AE88852" i="1"/>
  <c r="AE88853" i="1"/>
  <c r="AE88854" i="1"/>
  <c r="AE88855" i="1"/>
  <c r="AE88856" i="1"/>
  <c r="AE88857" i="1"/>
  <c r="AE88858" i="1"/>
  <c r="AE88859" i="1"/>
  <c r="AE88860" i="1"/>
  <c r="AE88861" i="1"/>
  <c r="AE88862" i="1"/>
  <c r="AE88863" i="1"/>
  <c r="AE88864" i="1"/>
  <c r="AE88865" i="1"/>
  <c r="AE88866" i="1"/>
  <c r="AE88867" i="1"/>
  <c r="AE88868" i="1"/>
  <c r="AE88869" i="1"/>
  <c r="AE88870" i="1"/>
  <c r="AE88871" i="1"/>
  <c r="AE88872" i="1"/>
  <c r="AE88873" i="1"/>
  <c r="AE88874" i="1"/>
  <c r="AE88875" i="1"/>
  <c r="AE88876" i="1"/>
  <c r="AE88877" i="1"/>
  <c r="AE88878" i="1"/>
  <c r="AE88879" i="1"/>
  <c r="AE88880" i="1"/>
  <c r="AE88881" i="1"/>
  <c r="AE88882" i="1"/>
  <c r="AE88883" i="1"/>
  <c r="AE88884" i="1"/>
  <c r="AE88885" i="1"/>
  <c r="AE88886" i="1"/>
  <c r="AE88887" i="1"/>
  <c r="AE88888" i="1"/>
  <c r="AE88889" i="1"/>
  <c r="AE88890" i="1"/>
  <c r="AE88891" i="1"/>
  <c r="AE88892" i="1"/>
  <c r="AE88893" i="1"/>
  <c r="AE88894" i="1"/>
  <c r="AE88895" i="1"/>
  <c r="AE88896" i="1"/>
  <c r="AE88897" i="1"/>
  <c r="AE88898" i="1"/>
  <c r="AE88899" i="1"/>
  <c r="AE88900" i="1"/>
  <c r="AE88901" i="1"/>
  <c r="AE88902" i="1"/>
  <c r="AE88903" i="1"/>
  <c r="AE88904" i="1"/>
  <c r="AE88905" i="1"/>
  <c r="AE88906" i="1"/>
  <c r="AE88907" i="1"/>
  <c r="AE88908" i="1"/>
  <c r="AE88909" i="1"/>
  <c r="AE88910" i="1"/>
  <c r="AE88911" i="1"/>
  <c r="AE88912" i="1"/>
  <c r="AE88913" i="1"/>
  <c r="AE88914" i="1"/>
  <c r="AE88915" i="1"/>
  <c r="AE88916" i="1"/>
  <c r="AE88917" i="1"/>
  <c r="AE88918" i="1"/>
  <c r="AE88919" i="1"/>
  <c r="AE88920" i="1"/>
  <c r="AE88921" i="1"/>
  <c r="AE88922" i="1"/>
  <c r="AE88923" i="1"/>
  <c r="AE88924" i="1"/>
  <c r="AE88925" i="1"/>
  <c r="AE88926" i="1"/>
  <c r="AE88927" i="1"/>
  <c r="AE88928" i="1"/>
  <c r="AE88929" i="1"/>
  <c r="AE88930" i="1"/>
  <c r="AE88931" i="1"/>
  <c r="AE88932" i="1"/>
  <c r="AE88933" i="1"/>
  <c r="AE88934" i="1"/>
  <c r="AE88935" i="1"/>
  <c r="AE88936" i="1"/>
  <c r="AE88937" i="1"/>
  <c r="AE88938" i="1"/>
  <c r="AE88939" i="1"/>
  <c r="AE88940" i="1"/>
  <c r="AE88941" i="1"/>
  <c r="AE88942" i="1"/>
  <c r="AE88943" i="1"/>
  <c r="AE88944" i="1"/>
  <c r="AE88945" i="1"/>
  <c r="AE88946" i="1"/>
  <c r="AE88947" i="1"/>
  <c r="AE88948" i="1"/>
  <c r="AE88949" i="1"/>
  <c r="AE88950" i="1"/>
  <c r="AE88951" i="1"/>
  <c r="AE88952" i="1"/>
  <c r="AE88953" i="1"/>
  <c r="AE88954" i="1"/>
  <c r="AE88955" i="1"/>
  <c r="AE88956" i="1"/>
  <c r="AE88957" i="1"/>
  <c r="AE88958" i="1"/>
  <c r="AE88959" i="1"/>
  <c r="AE88960" i="1"/>
  <c r="AE88961" i="1"/>
  <c r="AE88962" i="1"/>
  <c r="AE88963" i="1"/>
  <c r="AE88964" i="1"/>
  <c r="AE88965" i="1"/>
  <c r="AE88966" i="1"/>
  <c r="AE88967" i="1"/>
  <c r="AE88968" i="1"/>
  <c r="AE88969" i="1"/>
  <c r="AE88970" i="1"/>
  <c r="AE88971" i="1"/>
  <c r="AE88972" i="1"/>
  <c r="AE88973" i="1"/>
  <c r="AE88974" i="1"/>
  <c r="AE88975" i="1"/>
  <c r="AE88976" i="1"/>
  <c r="AE88977" i="1"/>
  <c r="AE88978" i="1"/>
  <c r="AE88979" i="1"/>
  <c r="AE88980" i="1"/>
  <c r="AE88981" i="1"/>
  <c r="AE88982" i="1"/>
  <c r="AE88983" i="1"/>
  <c r="AE88984" i="1"/>
  <c r="AE88985" i="1"/>
  <c r="AE88986" i="1"/>
  <c r="AE88987" i="1"/>
  <c r="AE88988" i="1"/>
  <c r="AE88989" i="1"/>
  <c r="AE88990" i="1"/>
  <c r="AE88991" i="1"/>
  <c r="AE88992" i="1"/>
  <c r="AE88993" i="1"/>
  <c r="AE88994" i="1"/>
  <c r="AE88995" i="1"/>
  <c r="AE88996" i="1"/>
  <c r="AE88997" i="1"/>
  <c r="AE88998" i="1"/>
  <c r="AE88999" i="1"/>
  <c r="AE89000" i="1"/>
  <c r="AE89001" i="1"/>
  <c r="AE89002" i="1"/>
  <c r="AE89003" i="1"/>
  <c r="AE89004" i="1"/>
  <c r="AE89005" i="1"/>
  <c r="AE89006" i="1"/>
  <c r="AE89007" i="1"/>
  <c r="AE89008" i="1"/>
  <c r="AE89009" i="1"/>
  <c r="AE89010" i="1"/>
  <c r="AE89011" i="1"/>
  <c r="AE89012" i="1"/>
  <c r="AE89013" i="1"/>
  <c r="AE89014" i="1"/>
  <c r="AE89015" i="1"/>
  <c r="AE89016" i="1"/>
  <c r="AE89017" i="1"/>
  <c r="AE89018" i="1"/>
  <c r="AE89019" i="1"/>
  <c r="AE89020" i="1"/>
  <c r="AE89021" i="1"/>
  <c r="AE89022" i="1"/>
  <c r="AE89023" i="1"/>
  <c r="AE89024" i="1"/>
  <c r="AE89025" i="1"/>
  <c r="AE89026" i="1"/>
  <c r="AE89027" i="1"/>
  <c r="AE89028" i="1"/>
  <c r="AE89029" i="1"/>
  <c r="AE89030" i="1"/>
  <c r="AE89031" i="1"/>
  <c r="AE89032" i="1"/>
  <c r="AE89033" i="1"/>
  <c r="AE89034" i="1"/>
  <c r="AE89035" i="1"/>
  <c r="AE89036" i="1"/>
  <c r="AE89037" i="1"/>
  <c r="AE89038" i="1"/>
  <c r="AE89039" i="1"/>
  <c r="AE89040" i="1"/>
  <c r="AE89041" i="1"/>
  <c r="AE89042" i="1"/>
  <c r="AE89043" i="1"/>
  <c r="AE89044" i="1"/>
  <c r="AE89045" i="1"/>
  <c r="AE89046" i="1"/>
  <c r="AE89047" i="1"/>
  <c r="AE89048" i="1"/>
  <c r="AE89049" i="1"/>
  <c r="AE89050" i="1"/>
  <c r="AE89051" i="1"/>
  <c r="AE89052" i="1"/>
  <c r="AE89053" i="1"/>
  <c r="AE89054" i="1"/>
  <c r="AE89055" i="1"/>
  <c r="AE89056" i="1"/>
  <c r="AE89057" i="1"/>
  <c r="AE89058" i="1"/>
  <c r="AE89059" i="1"/>
  <c r="AE89060" i="1"/>
  <c r="AE89061" i="1"/>
  <c r="AE89062" i="1"/>
  <c r="AE89063" i="1"/>
  <c r="AE89064" i="1"/>
  <c r="AE89065" i="1"/>
  <c r="AE89066" i="1"/>
  <c r="AE89067" i="1"/>
  <c r="AE89068" i="1"/>
  <c r="AE89069" i="1"/>
  <c r="AE89070" i="1"/>
  <c r="AE89071" i="1"/>
  <c r="AE89072" i="1"/>
  <c r="AE89073" i="1"/>
  <c r="AE89074" i="1"/>
  <c r="AE89075" i="1"/>
  <c r="AE89076" i="1"/>
  <c r="AE89077" i="1"/>
  <c r="AE89078" i="1"/>
  <c r="AE89079" i="1"/>
  <c r="AE89080" i="1"/>
  <c r="AE89081" i="1"/>
  <c r="AE89082" i="1"/>
  <c r="AE89083" i="1"/>
  <c r="AE89084" i="1"/>
  <c r="AE89085" i="1"/>
  <c r="AE89086" i="1"/>
  <c r="AE89087" i="1"/>
  <c r="AE89088" i="1"/>
  <c r="AE89089" i="1"/>
  <c r="AE89090" i="1"/>
  <c r="AE89091" i="1"/>
  <c r="AE89092" i="1"/>
  <c r="AE89093" i="1"/>
  <c r="AE89094" i="1"/>
  <c r="AE89095" i="1"/>
  <c r="AE89096" i="1"/>
  <c r="AE89097" i="1"/>
  <c r="AE89098" i="1"/>
  <c r="AE89099" i="1"/>
  <c r="AE89100" i="1"/>
  <c r="AE89101" i="1"/>
  <c r="AE89102" i="1"/>
  <c r="AE89103" i="1"/>
  <c r="AE89104" i="1"/>
  <c r="AE89105" i="1"/>
  <c r="AE89106" i="1"/>
  <c r="AE89107" i="1"/>
  <c r="AE89108" i="1"/>
  <c r="AE89109" i="1"/>
  <c r="AE89110" i="1"/>
  <c r="AE89111" i="1"/>
  <c r="AE89112" i="1"/>
  <c r="AE89113" i="1"/>
  <c r="AE89114" i="1"/>
  <c r="AE89115" i="1"/>
  <c r="AE89116" i="1"/>
  <c r="AE89117" i="1"/>
  <c r="AE89118" i="1"/>
  <c r="AE89119" i="1"/>
  <c r="AE89120" i="1"/>
  <c r="AE89121" i="1"/>
  <c r="AE89122" i="1"/>
  <c r="AE89123" i="1"/>
  <c r="AE89124" i="1"/>
  <c r="AE89125" i="1"/>
  <c r="AE89126" i="1"/>
  <c r="AE89127" i="1"/>
  <c r="AE89128" i="1"/>
  <c r="AE89129" i="1"/>
  <c r="AE89130" i="1"/>
  <c r="AE89131" i="1"/>
  <c r="AE89132" i="1"/>
  <c r="AE89133" i="1"/>
  <c r="AE89134" i="1"/>
  <c r="AE89135" i="1"/>
  <c r="AE89136" i="1"/>
  <c r="AE89137" i="1"/>
  <c r="AE89138" i="1"/>
  <c r="AE89139" i="1"/>
  <c r="AE89140" i="1"/>
  <c r="AE89141" i="1"/>
  <c r="AE89142" i="1"/>
  <c r="AE89143" i="1"/>
  <c r="AE89144" i="1"/>
  <c r="AE89145" i="1"/>
  <c r="AE89146" i="1"/>
  <c r="AE89147" i="1"/>
  <c r="AE89148" i="1"/>
  <c r="AE89149" i="1"/>
  <c r="AE89150" i="1"/>
  <c r="AE89151" i="1"/>
  <c r="AE89152" i="1"/>
  <c r="AE89153" i="1"/>
  <c r="AE89154" i="1"/>
  <c r="AE89155" i="1"/>
  <c r="AE89156" i="1"/>
  <c r="AE89157" i="1"/>
  <c r="AE89158" i="1"/>
  <c r="AE89159" i="1"/>
  <c r="AE89160" i="1"/>
  <c r="AE89161" i="1"/>
  <c r="AE89162" i="1"/>
  <c r="AE89163" i="1"/>
  <c r="AE89164" i="1"/>
  <c r="AE89165" i="1"/>
  <c r="AE89166" i="1"/>
  <c r="AE89167" i="1"/>
  <c r="AE89168" i="1"/>
  <c r="AE89169" i="1"/>
  <c r="AE89170" i="1"/>
  <c r="AE89171" i="1"/>
  <c r="AE89172" i="1"/>
  <c r="AE89173" i="1"/>
  <c r="AE89174" i="1"/>
  <c r="AE89175" i="1"/>
  <c r="AE89176" i="1"/>
  <c r="AE89177" i="1"/>
  <c r="AE89178" i="1"/>
  <c r="AE89179" i="1"/>
  <c r="AE89180" i="1"/>
  <c r="AE89181" i="1"/>
  <c r="AE89182" i="1"/>
  <c r="AE89183" i="1"/>
  <c r="AE89184" i="1"/>
  <c r="AE89185" i="1"/>
  <c r="AE89186" i="1"/>
  <c r="AE89187" i="1"/>
  <c r="AE89188" i="1"/>
  <c r="AE89189" i="1"/>
  <c r="AE89190" i="1"/>
  <c r="AE89191" i="1"/>
  <c r="AE89192" i="1"/>
  <c r="AE89193" i="1"/>
  <c r="AE89194" i="1"/>
  <c r="AE89195" i="1"/>
  <c r="AE89196" i="1"/>
  <c r="AE89197" i="1"/>
  <c r="AE89198" i="1"/>
  <c r="AE89199" i="1"/>
  <c r="AE89200" i="1"/>
  <c r="AE89201" i="1"/>
  <c r="AE89202" i="1"/>
  <c r="AE89203" i="1"/>
  <c r="AE89204" i="1"/>
  <c r="AE89205" i="1"/>
  <c r="AE89206" i="1"/>
  <c r="AE89207" i="1"/>
  <c r="AE89208" i="1"/>
  <c r="AE89209" i="1"/>
  <c r="AE89210" i="1"/>
  <c r="AE89211" i="1"/>
  <c r="AE89212" i="1"/>
  <c r="AE89213" i="1"/>
  <c r="AE89214" i="1"/>
  <c r="AE89215" i="1"/>
  <c r="AE89216" i="1"/>
  <c r="AE89217" i="1"/>
  <c r="AE89218" i="1"/>
  <c r="AE89219" i="1"/>
  <c r="AE89220" i="1"/>
  <c r="AE89221" i="1"/>
  <c r="AE89222" i="1"/>
  <c r="AE89223" i="1"/>
  <c r="AE89224" i="1"/>
  <c r="AE89225" i="1"/>
  <c r="AE89226" i="1"/>
  <c r="AE89227" i="1"/>
  <c r="AE89228" i="1"/>
  <c r="AE89229" i="1"/>
  <c r="AE89230" i="1"/>
  <c r="AE89231" i="1"/>
  <c r="AE89232" i="1"/>
  <c r="AE89233" i="1"/>
  <c r="AE89234" i="1"/>
  <c r="AE89235" i="1"/>
  <c r="AE89236" i="1"/>
  <c r="AE89237" i="1"/>
  <c r="AE89238" i="1"/>
  <c r="AE89239" i="1"/>
  <c r="AE89240" i="1"/>
  <c r="AE89241" i="1"/>
  <c r="AE89242" i="1"/>
  <c r="AE89243" i="1"/>
  <c r="AE89244" i="1"/>
  <c r="AE89245" i="1"/>
  <c r="AE89246" i="1"/>
  <c r="AE89247" i="1"/>
  <c r="AE89248" i="1"/>
  <c r="AE89249" i="1"/>
  <c r="AE89250" i="1"/>
  <c r="AE89251" i="1"/>
  <c r="AE89252" i="1"/>
  <c r="AE89253" i="1"/>
  <c r="AE89254" i="1"/>
  <c r="AE89255" i="1"/>
  <c r="AE89256" i="1"/>
  <c r="AE89257" i="1"/>
  <c r="AE89258" i="1"/>
  <c r="AE89259" i="1"/>
  <c r="AE89260" i="1"/>
  <c r="AE89261" i="1"/>
  <c r="AE89262" i="1"/>
  <c r="AE89263" i="1"/>
  <c r="AE89264" i="1"/>
  <c r="AE89265" i="1"/>
  <c r="AE89266" i="1"/>
  <c r="AE89267" i="1"/>
  <c r="AE89268" i="1"/>
  <c r="AE89269" i="1"/>
  <c r="AE89270" i="1"/>
  <c r="AE89271" i="1"/>
  <c r="AE89272" i="1"/>
  <c r="AE89273" i="1"/>
  <c r="AE89274" i="1"/>
  <c r="AE89275" i="1"/>
  <c r="AE89276" i="1"/>
  <c r="AE89277" i="1"/>
  <c r="AE89278" i="1"/>
  <c r="AE89279" i="1"/>
  <c r="AE89280" i="1"/>
  <c r="AE89281" i="1"/>
  <c r="AE89282" i="1"/>
  <c r="AE89283" i="1"/>
  <c r="AE89284" i="1"/>
  <c r="AE89285" i="1"/>
  <c r="AE89286" i="1"/>
  <c r="AE89287" i="1"/>
  <c r="AE89288" i="1"/>
  <c r="AE89289" i="1"/>
  <c r="AE89290" i="1"/>
  <c r="AE89291" i="1"/>
  <c r="AE89292" i="1"/>
  <c r="AE89293" i="1"/>
  <c r="AE89294" i="1"/>
  <c r="AE89295" i="1"/>
  <c r="AE89296" i="1"/>
  <c r="AE89297" i="1"/>
  <c r="AE89298" i="1"/>
  <c r="AE89299" i="1"/>
  <c r="AE89300" i="1"/>
  <c r="AE89301" i="1"/>
  <c r="AE89302" i="1"/>
  <c r="AE89303" i="1"/>
  <c r="AE89304" i="1"/>
  <c r="AE89305" i="1"/>
  <c r="AE89306" i="1"/>
  <c r="AE89307" i="1"/>
  <c r="AE89308" i="1"/>
  <c r="AE89309" i="1"/>
  <c r="AE89310" i="1"/>
  <c r="AE89311" i="1"/>
  <c r="AE89312" i="1"/>
  <c r="AE89313" i="1"/>
  <c r="AE89314" i="1"/>
  <c r="AE89315" i="1"/>
  <c r="AE89316" i="1"/>
  <c r="AE89317" i="1"/>
  <c r="AE89318" i="1"/>
  <c r="AE89319" i="1"/>
  <c r="AE89320" i="1"/>
  <c r="AE89321" i="1"/>
  <c r="AE89322" i="1"/>
  <c r="AE89323" i="1"/>
  <c r="AE89324" i="1"/>
  <c r="AE89325" i="1"/>
  <c r="AE89326" i="1"/>
  <c r="AE89327" i="1"/>
  <c r="AE89328" i="1"/>
  <c r="AE89329" i="1"/>
  <c r="AE89330" i="1"/>
  <c r="AE89331" i="1"/>
  <c r="AE89332" i="1"/>
  <c r="AE89333" i="1"/>
  <c r="AE89334" i="1"/>
  <c r="AE89335" i="1"/>
  <c r="AE89336" i="1"/>
  <c r="AE89337" i="1"/>
  <c r="AE89338" i="1"/>
  <c r="AE89339" i="1"/>
  <c r="AE89340" i="1"/>
  <c r="AE89341" i="1"/>
  <c r="AE89342" i="1"/>
  <c r="AE89343" i="1"/>
  <c r="AE89344" i="1"/>
  <c r="AE89345" i="1"/>
  <c r="AE89346" i="1"/>
  <c r="AE89347" i="1"/>
  <c r="AE89348" i="1"/>
  <c r="AE89349" i="1"/>
  <c r="AE89350" i="1"/>
  <c r="AE89351" i="1"/>
  <c r="AE89352" i="1"/>
  <c r="AE89353" i="1"/>
  <c r="AE89354" i="1"/>
  <c r="AE89355" i="1"/>
  <c r="AE89356" i="1"/>
  <c r="AE89357" i="1"/>
  <c r="AE89358" i="1"/>
  <c r="AE89359" i="1"/>
  <c r="AE89360" i="1"/>
  <c r="AE89361" i="1"/>
  <c r="AE89362" i="1"/>
  <c r="AE89363" i="1"/>
  <c r="AE89364" i="1"/>
  <c r="AE89365" i="1"/>
  <c r="AE89366" i="1"/>
  <c r="AE89367" i="1"/>
  <c r="AE89368" i="1"/>
  <c r="AE89369" i="1"/>
  <c r="AE89370" i="1"/>
  <c r="AE89371" i="1"/>
  <c r="AE89372" i="1"/>
  <c r="AE89373" i="1"/>
  <c r="AE89374" i="1"/>
  <c r="AE89375" i="1"/>
  <c r="AE89376" i="1"/>
  <c r="AE89377" i="1"/>
  <c r="AE89378" i="1"/>
  <c r="AE89379" i="1"/>
  <c r="AE89380" i="1"/>
  <c r="AE89381" i="1"/>
  <c r="AE89382" i="1"/>
  <c r="AE89383" i="1"/>
  <c r="AE89384" i="1"/>
  <c r="AE89385" i="1"/>
  <c r="AE89386" i="1"/>
  <c r="AE89387" i="1"/>
  <c r="AE89388" i="1"/>
  <c r="AE89389" i="1"/>
  <c r="AE89390" i="1"/>
  <c r="AE89391" i="1"/>
  <c r="AE89392" i="1"/>
  <c r="AE89393" i="1"/>
  <c r="AE89394" i="1"/>
  <c r="AE89395" i="1"/>
  <c r="AE89396" i="1"/>
  <c r="AE89397" i="1"/>
  <c r="AE89398" i="1"/>
  <c r="AE89399" i="1"/>
  <c r="AE89400" i="1"/>
  <c r="AE89401" i="1"/>
  <c r="AE89402" i="1"/>
  <c r="AE89403" i="1"/>
  <c r="AE89404" i="1"/>
  <c r="AE89405" i="1"/>
  <c r="AE89406" i="1"/>
  <c r="AE89407" i="1"/>
  <c r="AE89408" i="1"/>
  <c r="AE89409" i="1"/>
  <c r="AE89410" i="1"/>
  <c r="AE89411" i="1"/>
  <c r="AE89412" i="1"/>
  <c r="AE89413" i="1"/>
  <c r="AE89414" i="1"/>
  <c r="AE89415" i="1"/>
  <c r="AE89416" i="1"/>
  <c r="AE89417" i="1"/>
  <c r="AE89418" i="1"/>
  <c r="AE89419" i="1"/>
  <c r="AE89420" i="1"/>
  <c r="AE89421" i="1"/>
  <c r="AE89422" i="1"/>
  <c r="AE89423" i="1"/>
  <c r="AE89424" i="1"/>
  <c r="AE89425" i="1"/>
  <c r="AE89426" i="1"/>
  <c r="AE89427" i="1"/>
  <c r="AE89428" i="1"/>
  <c r="AE89429" i="1"/>
  <c r="AE89430" i="1"/>
  <c r="AE89431" i="1"/>
  <c r="AE89432" i="1"/>
  <c r="AE89433" i="1"/>
  <c r="AE89434" i="1"/>
  <c r="AE89435" i="1"/>
  <c r="AE89436" i="1"/>
  <c r="AE89437" i="1"/>
  <c r="AE89438" i="1"/>
  <c r="AE89439" i="1"/>
  <c r="AE89440" i="1"/>
  <c r="AE89441" i="1"/>
  <c r="AE89442" i="1"/>
  <c r="AE89443" i="1"/>
  <c r="AE89444" i="1"/>
  <c r="AE89445" i="1"/>
  <c r="AE89446" i="1"/>
  <c r="AE89447" i="1"/>
  <c r="AE89448" i="1"/>
  <c r="AE89449" i="1"/>
  <c r="AE89450" i="1"/>
  <c r="AE89451" i="1"/>
  <c r="AE89452" i="1"/>
  <c r="AE89453" i="1"/>
  <c r="AE89454" i="1"/>
  <c r="AE89455" i="1"/>
  <c r="AE89456" i="1"/>
  <c r="AE89457" i="1"/>
  <c r="AE89458" i="1"/>
  <c r="AE89459" i="1"/>
  <c r="AE89460" i="1"/>
  <c r="AE89461" i="1"/>
  <c r="AE89462" i="1"/>
  <c r="AE89463" i="1"/>
  <c r="AE89464" i="1"/>
  <c r="AE89465" i="1"/>
  <c r="AE89466" i="1"/>
  <c r="AE89467" i="1"/>
  <c r="AE89468" i="1"/>
  <c r="AE89469" i="1"/>
  <c r="AE89470" i="1"/>
  <c r="AE89471" i="1"/>
  <c r="AE89472" i="1"/>
  <c r="AE89473" i="1"/>
  <c r="AE89474" i="1"/>
  <c r="AE89475" i="1"/>
  <c r="AE89476" i="1"/>
  <c r="AE89477" i="1"/>
  <c r="AE89478" i="1"/>
  <c r="AE89479" i="1"/>
  <c r="AE89480" i="1"/>
  <c r="AE89481" i="1"/>
  <c r="AE89482" i="1"/>
  <c r="AE89483" i="1"/>
  <c r="AE89484" i="1"/>
  <c r="AE89485" i="1"/>
  <c r="AE89486" i="1"/>
  <c r="AE89487" i="1"/>
  <c r="AE89488" i="1"/>
  <c r="AE89489" i="1"/>
  <c r="AE89490" i="1"/>
  <c r="AE89491" i="1"/>
  <c r="AE89492" i="1"/>
  <c r="AE89493" i="1"/>
  <c r="AE89494" i="1"/>
  <c r="AE89495" i="1"/>
  <c r="AE89496" i="1"/>
  <c r="AE89497" i="1"/>
  <c r="AE89498" i="1"/>
  <c r="AE89499" i="1"/>
  <c r="AE89500" i="1"/>
  <c r="AE89501" i="1"/>
  <c r="AE89502" i="1"/>
  <c r="AE89503" i="1"/>
  <c r="AE89504" i="1"/>
  <c r="AE89505" i="1"/>
  <c r="AE89506" i="1"/>
  <c r="AE89507" i="1"/>
  <c r="AE89508" i="1"/>
  <c r="AE89509" i="1"/>
  <c r="AE89510" i="1"/>
  <c r="AE89511" i="1"/>
  <c r="AE89512" i="1"/>
  <c r="AE89513" i="1"/>
  <c r="AE89514" i="1"/>
  <c r="AE89515" i="1"/>
  <c r="AE89516" i="1"/>
  <c r="AE89517" i="1"/>
  <c r="AE89518" i="1"/>
  <c r="AE89519" i="1"/>
  <c r="AE89520" i="1"/>
  <c r="AE89521" i="1"/>
  <c r="AE89522" i="1"/>
  <c r="AE89523" i="1"/>
  <c r="AE89524" i="1"/>
  <c r="AE89525" i="1"/>
  <c r="AE89526" i="1"/>
  <c r="AE89527" i="1"/>
  <c r="AE89528" i="1"/>
  <c r="AE89529" i="1"/>
  <c r="AE89530" i="1"/>
  <c r="AE89531" i="1"/>
  <c r="AE89532" i="1"/>
  <c r="AE89533" i="1"/>
  <c r="AE89534" i="1"/>
  <c r="AE89535" i="1"/>
  <c r="AE89536" i="1"/>
  <c r="AE89537" i="1"/>
  <c r="AE89538" i="1"/>
  <c r="AE89539" i="1"/>
  <c r="AE89540" i="1"/>
  <c r="AE89541" i="1"/>
  <c r="AE89542" i="1"/>
  <c r="AE89543" i="1"/>
  <c r="AE89544" i="1"/>
  <c r="AE89545" i="1"/>
  <c r="AE89546" i="1"/>
  <c r="AE89547" i="1"/>
  <c r="AE89548" i="1"/>
  <c r="AE89549" i="1"/>
  <c r="AE89550" i="1"/>
  <c r="AE89551" i="1"/>
  <c r="AE89552" i="1"/>
  <c r="AE89553" i="1"/>
  <c r="AE89554" i="1"/>
  <c r="AE89555" i="1"/>
  <c r="AE89556" i="1"/>
  <c r="AE89557" i="1"/>
  <c r="AE89558" i="1"/>
  <c r="AE89559" i="1"/>
  <c r="AE89560" i="1"/>
  <c r="AE89561" i="1"/>
  <c r="AE89562" i="1"/>
  <c r="AE89563" i="1"/>
  <c r="AE89564" i="1"/>
  <c r="AE89565" i="1"/>
  <c r="AE89566" i="1"/>
  <c r="AE89567" i="1"/>
  <c r="AE89568" i="1"/>
  <c r="AE89569" i="1"/>
  <c r="AE89570" i="1"/>
  <c r="AE89571" i="1"/>
  <c r="AE89572" i="1"/>
  <c r="AE89573" i="1"/>
  <c r="AE89574" i="1"/>
  <c r="AE89575" i="1"/>
  <c r="AE89576" i="1"/>
  <c r="AE89577" i="1"/>
  <c r="AE89578" i="1"/>
  <c r="AE89579" i="1"/>
  <c r="AE89580" i="1"/>
  <c r="AE89581" i="1"/>
  <c r="AE89582" i="1"/>
  <c r="AE89583" i="1"/>
  <c r="AE89584" i="1"/>
  <c r="AE89585" i="1"/>
  <c r="AE89586" i="1"/>
  <c r="AE89587" i="1"/>
  <c r="AE89588" i="1"/>
  <c r="AE89589" i="1"/>
  <c r="AE89590" i="1"/>
  <c r="AE89591" i="1"/>
  <c r="AE89592" i="1"/>
  <c r="AE89593" i="1"/>
  <c r="AE89594" i="1"/>
  <c r="AE89595" i="1"/>
  <c r="AE89596" i="1"/>
  <c r="AE89597" i="1"/>
  <c r="AE89598" i="1"/>
  <c r="AE89599" i="1"/>
  <c r="AE89600" i="1"/>
  <c r="AE89601" i="1"/>
  <c r="AE89602" i="1"/>
  <c r="AE89603" i="1"/>
  <c r="AE89604" i="1"/>
  <c r="AE89605" i="1"/>
  <c r="AE89606" i="1"/>
  <c r="AE89607" i="1"/>
  <c r="AE89608" i="1"/>
  <c r="AE89609" i="1"/>
  <c r="AE89610" i="1"/>
  <c r="AE89611" i="1"/>
  <c r="AE89612" i="1"/>
  <c r="AE89613" i="1"/>
  <c r="AE89614" i="1"/>
  <c r="AE89615" i="1"/>
  <c r="AE89616" i="1"/>
  <c r="AE89617" i="1"/>
  <c r="AE89618" i="1"/>
  <c r="AE89619" i="1"/>
  <c r="AE89620" i="1"/>
  <c r="AE89621" i="1"/>
  <c r="AE89622" i="1"/>
  <c r="AE89623" i="1"/>
  <c r="AE89624" i="1"/>
  <c r="AE89625" i="1"/>
  <c r="AE89626" i="1"/>
  <c r="AE89627" i="1"/>
  <c r="AE89628" i="1"/>
  <c r="AE89629" i="1"/>
  <c r="AE89630" i="1"/>
  <c r="AE89631" i="1"/>
  <c r="AE89632" i="1"/>
  <c r="AE89633" i="1"/>
  <c r="AE89634" i="1"/>
  <c r="AE89635" i="1"/>
  <c r="AE89636" i="1"/>
  <c r="AE89637" i="1"/>
  <c r="AE89638" i="1"/>
  <c r="AE89639" i="1"/>
  <c r="AE89640" i="1"/>
  <c r="AE89641" i="1"/>
  <c r="AE89642" i="1"/>
  <c r="AE89643" i="1"/>
  <c r="AE89644" i="1"/>
  <c r="AE89645" i="1"/>
  <c r="AE89646" i="1"/>
  <c r="AE89647" i="1"/>
  <c r="AE89648" i="1"/>
  <c r="AE89649" i="1"/>
  <c r="AE89650" i="1"/>
  <c r="AE89651" i="1"/>
  <c r="AE89652" i="1"/>
  <c r="AE89653" i="1"/>
  <c r="AE89654" i="1"/>
  <c r="AE89655" i="1"/>
  <c r="AE89656" i="1"/>
  <c r="AE89657" i="1"/>
  <c r="AE89658" i="1"/>
  <c r="AE89659" i="1"/>
  <c r="AE89660" i="1"/>
  <c r="AE89661" i="1"/>
  <c r="AE89662" i="1"/>
  <c r="AE89663" i="1"/>
  <c r="AE89664" i="1"/>
  <c r="AE89665" i="1"/>
  <c r="AE89666" i="1"/>
  <c r="AE89667" i="1"/>
  <c r="AE89668" i="1"/>
  <c r="AE89669" i="1"/>
  <c r="AE89670" i="1"/>
  <c r="AE89671" i="1"/>
  <c r="AE89672" i="1"/>
  <c r="AE89673" i="1"/>
  <c r="AE89674" i="1"/>
  <c r="AE89675" i="1"/>
  <c r="AE89676" i="1"/>
  <c r="AE89677" i="1"/>
  <c r="AE89678" i="1"/>
  <c r="AE89679" i="1"/>
  <c r="AE89680" i="1"/>
  <c r="AE89681" i="1"/>
  <c r="AE89682" i="1"/>
  <c r="AE89683" i="1"/>
  <c r="AE89684" i="1"/>
  <c r="AE89685" i="1"/>
  <c r="AE89686" i="1"/>
  <c r="AE89687" i="1"/>
  <c r="AE89688" i="1"/>
  <c r="AE89689" i="1"/>
  <c r="AE89690" i="1"/>
  <c r="AE89691" i="1"/>
  <c r="AE89692" i="1"/>
  <c r="AE89693" i="1"/>
  <c r="AE89694" i="1"/>
  <c r="AE89695" i="1"/>
  <c r="AE89696" i="1"/>
  <c r="AE89697" i="1"/>
  <c r="AE89698" i="1"/>
  <c r="AE89699" i="1"/>
  <c r="AE89700" i="1"/>
  <c r="AE89701" i="1"/>
  <c r="AE89702" i="1"/>
  <c r="AE89703" i="1"/>
  <c r="AE89704" i="1"/>
  <c r="AE89705" i="1"/>
  <c r="AE89706" i="1"/>
  <c r="AE89707" i="1"/>
  <c r="AE89708" i="1"/>
  <c r="AE89709" i="1"/>
  <c r="AE89710" i="1"/>
  <c r="AE89711" i="1"/>
  <c r="AE89712" i="1"/>
  <c r="AE89713" i="1"/>
  <c r="AE89714" i="1"/>
  <c r="AE89715" i="1"/>
  <c r="AE89716" i="1"/>
  <c r="AE89717" i="1"/>
  <c r="AE89718" i="1"/>
  <c r="AE89719" i="1"/>
  <c r="AE89720" i="1"/>
  <c r="AE89721" i="1"/>
  <c r="AE89722" i="1"/>
  <c r="AE89723" i="1"/>
  <c r="AE89724" i="1"/>
  <c r="AE89725" i="1"/>
  <c r="AE89726" i="1"/>
  <c r="AE89727" i="1"/>
  <c r="AE89728" i="1"/>
  <c r="AE89729" i="1"/>
  <c r="AE89730" i="1"/>
  <c r="AE89731" i="1"/>
  <c r="AE89732" i="1"/>
  <c r="AE89733" i="1"/>
  <c r="AE89734" i="1"/>
  <c r="AE89735" i="1"/>
  <c r="AE89736" i="1"/>
  <c r="AE89737" i="1"/>
  <c r="AE89738" i="1"/>
  <c r="AE89739" i="1"/>
  <c r="AE89740" i="1"/>
  <c r="AE89741" i="1"/>
  <c r="AE89742" i="1"/>
  <c r="AE89743" i="1"/>
  <c r="AE89744" i="1"/>
  <c r="AE89745" i="1"/>
  <c r="AE89746" i="1"/>
  <c r="AE89747" i="1"/>
  <c r="AE89748" i="1"/>
  <c r="AE89749" i="1"/>
  <c r="AE89750" i="1"/>
  <c r="AE89751" i="1"/>
  <c r="AE89752" i="1"/>
  <c r="AE89753" i="1"/>
  <c r="AE89754" i="1"/>
  <c r="AE89755" i="1"/>
  <c r="AE89756" i="1"/>
  <c r="AE89757" i="1"/>
  <c r="AE89758" i="1"/>
  <c r="AE89759" i="1"/>
  <c r="AE89760" i="1"/>
  <c r="AE89761" i="1"/>
  <c r="AE89762" i="1"/>
  <c r="AE89763" i="1"/>
  <c r="AE89764" i="1"/>
  <c r="AE89765" i="1"/>
  <c r="AE89766" i="1"/>
  <c r="AE89767" i="1"/>
  <c r="AE89768" i="1"/>
  <c r="AE89769" i="1"/>
  <c r="AE89770" i="1"/>
  <c r="AE89771" i="1"/>
  <c r="AE89772" i="1"/>
  <c r="AE89773" i="1"/>
  <c r="AE89774" i="1"/>
  <c r="AE89775" i="1"/>
  <c r="AE89776" i="1"/>
  <c r="AE89777" i="1"/>
  <c r="AE89778" i="1"/>
  <c r="AE89779" i="1"/>
  <c r="AE89780" i="1"/>
  <c r="AE89781" i="1"/>
  <c r="AE89782" i="1"/>
  <c r="AE89783" i="1"/>
  <c r="AE89784" i="1"/>
  <c r="AE89785" i="1"/>
  <c r="AE89786" i="1"/>
  <c r="AE89787" i="1"/>
  <c r="AE89788" i="1"/>
  <c r="AE89789" i="1"/>
  <c r="AE89790" i="1"/>
  <c r="AE89791" i="1"/>
  <c r="AE89792" i="1"/>
  <c r="AE89793" i="1"/>
  <c r="AE89794" i="1"/>
  <c r="AE89795" i="1"/>
  <c r="AE89796" i="1"/>
  <c r="AE89797" i="1"/>
  <c r="AE89798" i="1"/>
  <c r="AE89799" i="1"/>
  <c r="AE89800" i="1"/>
  <c r="AE89801" i="1"/>
  <c r="AE89802" i="1"/>
  <c r="AE89803" i="1"/>
  <c r="AE89804" i="1"/>
  <c r="AE89805" i="1"/>
  <c r="AE89806" i="1"/>
  <c r="AE89807" i="1"/>
  <c r="AE89808" i="1"/>
  <c r="AE89809" i="1"/>
  <c r="AE89810" i="1"/>
  <c r="AE89811" i="1"/>
  <c r="AE89812" i="1"/>
  <c r="AE89813" i="1"/>
  <c r="AE89814" i="1"/>
  <c r="AE89815" i="1"/>
  <c r="AE89816" i="1"/>
  <c r="AE89817" i="1"/>
  <c r="AE89818" i="1"/>
  <c r="AE89819" i="1"/>
  <c r="AE89820" i="1"/>
  <c r="AE89821" i="1"/>
  <c r="AE89822" i="1"/>
  <c r="AE89823" i="1"/>
  <c r="AE89824" i="1"/>
  <c r="AE89825" i="1"/>
  <c r="AE89826" i="1"/>
  <c r="AE89827" i="1"/>
  <c r="AE89828" i="1"/>
  <c r="AE89829" i="1"/>
  <c r="AE89830" i="1"/>
  <c r="AE89831" i="1"/>
  <c r="AE89832" i="1"/>
  <c r="AE89833" i="1"/>
  <c r="AE89834" i="1"/>
  <c r="AE89835" i="1"/>
  <c r="AE89836" i="1"/>
  <c r="AE89837" i="1"/>
  <c r="AE89838" i="1"/>
  <c r="AE89839" i="1"/>
  <c r="AE89840" i="1"/>
  <c r="AE89841" i="1"/>
  <c r="AE89842" i="1"/>
  <c r="AE89843" i="1"/>
  <c r="AE89844" i="1"/>
  <c r="AE89845" i="1"/>
  <c r="AE89846" i="1"/>
  <c r="AE89847" i="1"/>
  <c r="AE89848" i="1"/>
  <c r="AE89849" i="1"/>
  <c r="AE89850" i="1"/>
  <c r="AE89851" i="1"/>
  <c r="AE89852" i="1"/>
  <c r="AE89853" i="1"/>
  <c r="AE89854" i="1"/>
  <c r="AE89855" i="1"/>
  <c r="AE89856" i="1"/>
  <c r="AE89857" i="1"/>
  <c r="AE89858" i="1"/>
  <c r="AE89859" i="1"/>
  <c r="AE89860" i="1"/>
  <c r="AE89861" i="1"/>
  <c r="AE89862" i="1"/>
  <c r="AE89863" i="1"/>
  <c r="AE89864" i="1"/>
  <c r="AE89865" i="1"/>
  <c r="AE89866" i="1"/>
  <c r="AE89867" i="1"/>
  <c r="AE89868" i="1"/>
  <c r="AE89869" i="1"/>
  <c r="AE89870" i="1"/>
  <c r="AE89871" i="1"/>
  <c r="AE89872" i="1"/>
  <c r="AE89873" i="1"/>
  <c r="AE89874" i="1"/>
  <c r="AE89875" i="1"/>
  <c r="AE89876" i="1"/>
  <c r="AE89877" i="1"/>
  <c r="AE89878" i="1"/>
  <c r="AE89879" i="1"/>
  <c r="AE89880" i="1"/>
  <c r="AE89881" i="1"/>
  <c r="AE89882" i="1"/>
  <c r="AE89883" i="1"/>
  <c r="AE89884" i="1"/>
  <c r="AE89885" i="1"/>
  <c r="AE89886" i="1"/>
  <c r="AE89887" i="1"/>
  <c r="AE89888" i="1"/>
  <c r="AE89889" i="1"/>
  <c r="AE89890" i="1"/>
  <c r="AE89891" i="1"/>
  <c r="AE89892" i="1"/>
  <c r="AE89893" i="1"/>
  <c r="AE89894" i="1"/>
  <c r="AE89895" i="1"/>
  <c r="AE89896" i="1"/>
  <c r="AE89897" i="1"/>
  <c r="AE89898" i="1"/>
  <c r="AE89899" i="1"/>
  <c r="AE89900" i="1"/>
  <c r="AE89901" i="1"/>
  <c r="AE89902" i="1"/>
  <c r="AE89903" i="1"/>
  <c r="AE89904" i="1"/>
  <c r="AE89905" i="1"/>
  <c r="AE89906" i="1"/>
  <c r="AE89907" i="1"/>
  <c r="AE89908" i="1"/>
  <c r="AE89909" i="1"/>
  <c r="AE89910" i="1"/>
  <c r="AE89911" i="1"/>
  <c r="AE89912" i="1"/>
  <c r="AE89913" i="1"/>
  <c r="AE89914" i="1"/>
  <c r="AE89915" i="1"/>
  <c r="AE89916" i="1"/>
  <c r="AE89917" i="1"/>
  <c r="AE89918" i="1"/>
  <c r="AE89919" i="1"/>
  <c r="AE89920" i="1"/>
  <c r="AE89921" i="1"/>
  <c r="AE89922" i="1"/>
  <c r="AE89923" i="1"/>
  <c r="AE89924" i="1"/>
  <c r="AE89925" i="1"/>
  <c r="AE89926" i="1"/>
  <c r="AE89927" i="1"/>
  <c r="AE89928" i="1"/>
  <c r="AE89929" i="1"/>
  <c r="AE89930" i="1"/>
  <c r="AE89931" i="1"/>
  <c r="AE89932" i="1"/>
  <c r="AE89933" i="1"/>
  <c r="AE89934" i="1"/>
  <c r="AE89935" i="1"/>
  <c r="AE89936" i="1"/>
  <c r="AE89937" i="1"/>
  <c r="AE89938" i="1"/>
  <c r="AE89939" i="1"/>
  <c r="AE89940" i="1"/>
  <c r="AE89941" i="1"/>
  <c r="AE89942" i="1"/>
  <c r="AE89943" i="1"/>
  <c r="AE89944" i="1"/>
  <c r="AE89945" i="1"/>
  <c r="AE89946" i="1"/>
  <c r="AE89947" i="1"/>
  <c r="AE89948" i="1"/>
  <c r="AE89949" i="1"/>
  <c r="AE89950" i="1"/>
  <c r="AE89951" i="1"/>
  <c r="AE89952" i="1"/>
  <c r="AE89953" i="1"/>
  <c r="AE89954" i="1"/>
  <c r="AE89955" i="1"/>
  <c r="AE89956" i="1"/>
  <c r="AE89957" i="1"/>
  <c r="AE89958" i="1"/>
  <c r="AE89959" i="1"/>
  <c r="AE89960" i="1"/>
  <c r="AE89961" i="1"/>
  <c r="AE89962" i="1"/>
  <c r="AE89963" i="1"/>
  <c r="AE89964" i="1"/>
  <c r="AE89965" i="1"/>
  <c r="AE89966" i="1"/>
  <c r="AE89967" i="1"/>
  <c r="AE89968" i="1"/>
  <c r="AE89969" i="1"/>
  <c r="AE89970" i="1"/>
  <c r="AE89971" i="1"/>
  <c r="AE89972" i="1"/>
  <c r="AE89973" i="1"/>
  <c r="AE89974" i="1"/>
  <c r="AE89975" i="1"/>
  <c r="AE89976" i="1"/>
  <c r="AE89977" i="1"/>
  <c r="AE89978" i="1"/>
  <c r="AE89979" i="1"/>
  <c r="AE89980" i="1"/>
  <c r="AE89981" i="1"/>
  <c r="AE89982" i="1"/>
  <c r="AE89983" i="1"/>
  <c r="AE89984" i="1"/>
  <c r="AE89985" i="1"/>
  <c r="AE89986" i="1"/>
  <c r="AE89987" i="1"/>
  <c r="AE89988" i="1"/>
  <c r="AE89989" i="1"/>
  <c r="AE89990" i="1"/>
  <c r="AE89991" i="1"/>
  <c r="AE89992" i="1"/>
  <c r="AE89993" i="1"/>
  <c r="AE89994" i="1"/>
  <c r="AE89995" i="1"/>
  <c r="AE89996" i="1"/>
  <c r="AE89997" i="1"/>
  <c r="AE89998" i="1"/>
  <c r="AE89999" i="1"/>
  <c r="AE90000" i="1"/>
  <c r="AE90001" i="1"/>
  <c r="AE90002" i="1"/>
  <c r="AE90003" i="1"/>
  <c r="AE90004" i="1"/>
  <c r="AE90005" i="1"/>
  <c r="AE90006" i="1"/>
  <c r="AE90007" i="1"/>
  <c r="AE90008" i="1"/>
  <c r="AE90009" i="1"/>
  <c r="AE90010" i="1"/>
  <c r="AE90011" i="1"/>
  <c r="AE90012" i="1"/>
  <c r="AE90013" i="1"/>
  <c r="AE90014" i="1"/>
  <c r="AE90015" i="1"/>
  <c r="AE90016" i="1"/>
  <c r="AE90017" i="1"/>
  <c r="AE90018" i="1"/>
  <c r="AE90019" i="1"/>
  <c r="AE90020" i="1"/>
  <c r="AE90021" i="1"/>
  <c r="AE90022" i="1"/>
  <c r="AE90023" i="1"/>
  <c r="AE90024" i="1"/>
  <c r="AE90025" i="1"/>
  <c r="AE90026" i="1"/>
  <c r="AE90027" i="1"/>
  <c r="AE90028" i="1"/>
  <c r="AE90029" i="1"/>
  <c r="AE90030" i="1"/>
  <c r="AE90031" i="1"/>
  <c r="AE90032" i="1"/>
  <c r="AE90033" i="1"/>
  <c r="AE90034" i="1"/>
  <c r="AE90035" i="1"/>
  <c r="AE90036" i="1"/>
  <c r="AE90037" i="1"/>
  <c r="AE90038" i="1"/>
  <c r="AE90039" i="1"/>
  <c r="AE90040" i="1"/>
  <c r="AE90041" i="1"/>
  <c r="AE90042" i="1"/>
  <c r="AE90043" i="1"/>
  <c r="AE90044" i="1"/>
  <c r="AE90045" i="1"/>
  <c r="AE90046" i="1"/>
  <c r="AE90047" i="1"/>
  <c r="AE90048" i="1"/>
  <c r="AE90049" i="1"/>
  <c r="AE90050" i="1"/>
  <c r="AE90051" i="1"/>
  <c r="AE90052" i="1"/>
  <c r="AE90053" i="1"/>
  <c r="AE90054" i="1"/>
  <c r="AE90055" i="1"/>
  <c r="AE90056" i="1"/>
  <c r="AE90057" i="1"/>
  <c r="AE90058" i="1"/>
  <c r="AE90059" i="1"/>
  <c r="AE90060" i="1"/>
  <c r="AE90061" i="1"/>
  <c r="AE90062" i="1"/>
  <c r="AE90063" i="1"/>
  <c r="AE90064" i="1"/>
  <c r="AE90065" i="1"/>
  <c r="AE90066" i="1"/>
  <c r="AE90067" i="1"/>
  <c r="AE90068" i="1"/>
  <c r="AE90069" i="1"/>
  <c r="AE90070" i="1"/>
  <c r="AE90071" i="1"/>
  <c r="AE90072" i="1"/>
  <c r="AE90073" i="1"/>
  <c r="AE90074" i="1"/>
  <c r="AE90075" i="1"/>
  <c r="AE90076" i="1"/>
  <c r="AE90077" i="1"/>
  <c r="AE90078" i="1"/>
  <c r="AE90079" i="1"/>
  <c r="AE90080" i="1"/>
  <c r="AE90081" i="1"/>
  <c r="AE90082" i="1"/>
  <c r="AE90083" i="1"/>
  <c r="AE90084" i="1"/>
  <c r="AE90085" i="1"/>
  <c r="AE90086" i="1"/>
  <c r="AE90087" i="1"/>
  <c r="AE90088" i="1"/>
  <c r="AE90089" i="1"/>
  <c r="AE90090" i="1"/>
  <c r="AE90091" i="1"/>
  <c r="AE90092" i="1"/>
  <c r="AE90093" i="1"/>
  <c r="AE90094" i="1"/>
  <c r="AE90095" i="1"/>
  <c r="AE90096" i="1"/>
  <c r="AE90097" i="1"/>
  <c r="AE90098" i="1"/>
  <c r="AE90099" i="1"/>
  <c r="AE90100" i="1"/>
  <c r="AE90101" i="1"/>
  <c r="AE90102" i="1"/>
  <c r="AE90103" i="1"/>
  <c r="AE90104" i="1"/>
  <c r="AE90105" i="1"/>
  <c r="AE90106" i="1"/>
  <c r="AE90107" i="1"/>
  <c r="AE90108" i="1"/>
  <c r="AE90109" i="1"/>
  <c r="AE90110" i="1"/>
  <c r="AE90111" i="1"/>
  <c r="AE90112" i="1"/>
  <c r="AE90113" i="1"/>
  <c r="AE90114" i="1"/>
  <c r="AE90115" i="1"/>
  <c r="AE90116" i="1"/>
  <c r="AE90117" i="1"/>
  <c r="AE90118" i="1"/>
  <c r="AE90119" i="1"/>
  <c r="AE90120" i="1"/>
  <c r="AE90121" i="1"/>
  <c r="AE90122" i="1"/>
  <c r="AE90123" i="1"/>
  <c r="AE90124" i="1"/>
  <c r="AE90125" i="1"/>
  <c r="AE90126" i="1"/>
  <c r="AE90127" i="1"/>
  <c r="AE90128" i="1"/>
  <c r="AE90129" i="1"/>
  <c r="AE90130" i="1"/>
  <c r="AE90131" i="1"/>
  <c r="AE90132" i="1"/>
  <c r="AE90133" i="1"/>
  <c r="AE90134" i="1"/>
  <c r="AE90135" i="1"/>
  <c r="AE90136" i="1"/>
  <c r="AE90137" i="1"/>
  <c r="AE90138" i="1"/>
  <c r="AE90139" i="1"/>
  <c r="AE90140" i="1"/>
  <c r="AE90141" i="1"/>
  <c r="AE90142" i="1"/>
  <c r="AE90143" i="1"/>
  <c r="AE90144" i="1"/>
  <c r="AE90145" i="1"/>
  <c r="AE90146" i="1"/>
  <c r="AE90147" i="1"/>
  <c r="AE90148" i="1"/>
  <c r="AE90149" i="1"/>
  <c r="AE90150" i="1"/>
  <c r="AE90151" i="1"/>
  <c r="AE90152" i="1"/>
  <c r="AE90153" i="1"/>
  <c r="AE90154" i="1"/>
  <c r="AE90155" i="1"/>
  <c r="AE90156" i="1"/>
  <c r="AE90157" i="1"/>
  <c r="AE90158" i="1"/>
  <c r="AE90159" i="1"/>
  <c r="AE90160" i="1"/>
  <c r="AE90161" i="1"/>
  <c r="AE90162" i="1"/>
  <c r="AE90163" i="1"/>
  <c r="AE90164" i="1"/>
  <c r="AE90165" i="1"/>
  <c r="AE90166" i="1"/>
  <c r="AE90167" i="1"/>
  <c r="AE90168" i="1"/>
  <c r="AE90169" i="1"/>
  <c r="AE90170" i="1"/>
  <c r="AE90171" i="1"/>
  <c r="AE90172" i="1"/>
  <c r="AE90173" i="1"/>
  <c r="AE90174" i="1"/>
  <c r="AE90175" i="1"/>
  <c r="AE90176" i="1"/>
  <c r="AE90177" i="1"/>
  <c r="AE90178" i="1"/>
  <c r="AE90179" i="1"/>
  <c r="AE90180" i="1"/>
  <c r="AE90181" i="1"/>
  <c r="AE90182" i="1"/>
  <c r="AE90183" i="1"/>
  <c r="AE90184" i="1"/>
  <c r="AE90185" i="1"/>
  <c r="AE90186" i="1"/>
  <c r="AE90187" i="1"/>
  <c r="AE90188" i="1"/>
  <c r="AE90189" i="1"/>
  <c r="AE90190" i="1"/>
  <c r="AE90191" i="1"/>
  <c r="AE90192" i="1"/>
  <c r="AE90193" i="1"/>
  <c r="AE90194" i="1"/>
  <c r="AE90195" i="1"/>
  <c r="AE90196" i="1"/>
  <c r="AE90197" i="1"/>
  <c r="AE90198" i="1"/>
  <c r="AE90199" i="1"/>
  <c r="AE90200" i="1"/>
  <c r="AE90201" i="1"/>
  <c r="AE90202" i="1"/>
  <c r="AE90203" i="1"/>
  <c r="AE90204" i="1"/>
  <c r="AE90205" i="1"/>
  <c r="AE90206" i="1"/>
  <c r="AE90207" i="1"/>
  <c r="AE90208" i="1"/>
  <c r="AE90209" i="1"/>
  <c r="AE90210" i="1"/>
  <c r="AE90211" i="1"/>
  <c r="AE90212" i="1"/>
  <c r="AE90213" i="1"/>
  <c r="AE90214" i="1"/>
  <c r="AE90215" i="1"/>
  <c r="AE90216" i="1"/>
  <c r="AE90217" i="1"/>
  <c r="AE90218" i="1"/>
  <c r="AE90219" i="1"/>
  <c r="AE90220" i="1"/>
  <c r="AE90221" i="1"/>
  <c r="AE90222" i="1"/>
  <c r="AE90223" i="1"/>
  <c r="AE90224" i="1"/>
  <c r="AE90225" i="1"/>
  <c r="AE90226" i="1"/>
  <c r="AE90227" i="1"/>
  <c r="AE90228" i="1"/>
  <c r="AE90229" i="1"/>
  <c r="AE90230" i="1"/>
  <c r="AE90231" i="1"/>
  <c r="AE90232" i="1"/>
  <c r="AE90233" i="1"/>
  <c r="AE90234" i="1"/>
  <c r="AE90235" i="1"/>
  <c r="AE90236" i="1"/>
  <c r="AE90237" i="1"/>
  <c r="AE90238" i="1"/>
  <c r="AE90239" i="1"/>
  <c r="AE90240" i="1"/>
  <c r="AE90241" i="1"/>
  <c r="AE90242" i="1"/>
  <c r="AE90243" i="1"/>
  <c r="AE90244" i="1"/>
  <c r="AE90245" i="1"/>
  <c r="AE90246" i="1"/>
  <c r="AE90247" i="1"/>
  <c r="AE90248" i="1"/>
  <c r="AE90249" i="1"/>
  <c r="AE90250" i="1"/>
  <c r="AE90251" i="1"/>
  <c r="AE90252" i="1"/>
  <c r="AE90253" i="1"/>
  <c r="AE90254" i="1"/>
  <c r="AE90255" i="1"/>
  <c r="AE90256" i="1"/>
  <c r="AE90257" i="1"/>
  <c r="AE90258" i="1"/>
  <c r="AE90259" i="1"/>
  <c r="AE90260" i="1"/>
  <c r="AE90261" i="1"/>
  <c r="AE90262" i="1"/>
  <c r="AE90263" i="1"/>
  <c r="AE90264" i="1"/>
  <c r="AE90265" i="1"/>
  <c r="AE90266" i="1"/>
  <c r="AE90267" i="1"/>
  <c r="AE90268" i="1"/>
  <c r="AE90269" i="1"/>
  <c r="AE90270" i="1"/>
  <c r="AE90271" i="1"/>
  <c r="AE90272" i="1"/>
  <c r="AE90273" i="1"/>
  <c r="AE90274" i="1"/>
  <c r="AE90275" i="1"/>
  <c r="AE90276" i="1"/>
  <c r="AE90277" i="1"/>
  <c r="AE90278" i="1"/>
  <c r="AE90279" i="1"/>
  <c r="AE90280" i="1"/>
  <c r="AE90281" i="1"/>
  <c r="AE90282" i="1"/>
  <c r="AE90283" i="1"/>
  <c r="AE90284" i="1"/>
  <c r="AE90285" i="1"/>
  <c r="AE90286" i="1"/>
  <c r="AE90287" i="1"/>
  <c r="AE90288" i="1"/>
  <c r="AE90289" i="1"/>
  <c r="AE90290" i="1"/>
  <c r="AE90291" i="1"/>
  <c r="AE90292" i="1"/>
  <c r="AE90293" i="1"/>
  <c r="AE90294" i="1"/>
  <c r="AE90295" i="1"/>
  <c r="AE90296" i="1"/>
  <c r="AE90297" i="1"/>
  <c r="AE90298" i="1"/>
  <c r="AE90299" i="1"/>
  <c r="AE90300" i="1"/>
  <c r="AE90301" i="1"/>
  <c r="AE90302" i="1"/>
  <c r="AE90303" i="1"/>
  <c r="AE90304" i="1"/>
  <c r="AE90305" i="1"/>
  <c r="AE90306" i="1"/>
  <c r="AE90307" i="1"/>
  <c r="AE90308" i="1"/>
  <c r="AE90309" i="1"/>
  <c r="AE90310" i="1"/>
  <c r="AE90311" i="1"/>
  <c r="AE90312" i="1"/>
  <c r="AE90313" i="1"/>
  <c r="AE90314" i="1"/>
  <c r="AE90315" i="1"/>
  <c r="AE90316" i="1"/>
  <c r="AE90317" i="1"/>
  <c r="AE90318" i="1"/>
  <c r="AE90319" i="1"/>
  <c r="AE90320" i="1"/>
  <c r="AE90321" i="1"/>
  <c r="AE90322" i="1"/>
  <c r="AE90323" i="1"/>
  <c r="AE90324" i="1"/>
  <c r="AE90325" i="1"/>
  <c r="AE90326" i="1"/>
  <c r="AE90327" i="1"/>
  <c r="AE90328" i="1"/>
  <c r="AE90329" i="1"/>
  <c r="AE90330" i="1"/>
  <c r="AE90331" i="1"/>
  <c r="AE90332" i="1"/>
  <c r="AE90333" i="1"/>
  <c r="AE90334" i="1"/>
  <c r="AE90335" i="1"/>
  <c r="AE90336" i="1"/>
  <c r="AE90337" i="1"/>
  <c r="AE90338" i="1"/>
  <c r="AE90339" i="1"/>
  <c r="AE90340" i="1"/>
  <c r="AE90341" i="1"/>
  <c r="AE90342" i="1"/>
  <c r="AE90343" i="1"/>
  <c r="AE90344" i="1"/>
  <c r="AE90345" i="1"/>
  <c r="AE90346" i="1"/>
  <c r="AE90347" i="1"/>
  <c r="AE90348" i="1"/>
  <c r="AE90349" i="1"/>
  <c r="AE90350" i="1"/>
  <c r="AE90351" i="1"/>
  <c r="AE90352" i="1"/>
  <c r="AE90353" i="1"/>
  <c r="AE90354" i="1"/>
  <c r="AE90355" i="1"/>
  <c r="AE90356" i="1"/>
  <c r="AE90357" i="1"/>
  <c r="AE90358" i="1"/>
  <c r="AE90359" i="1"/>
  <c r="AE90360" i="1"/>
  <c r="AE90361" i="1"/>
  <c r="AE90362" i="1"/>
  <c r="AE90363" i="1"/>
  <c r="AE90364" i="1"/>
  <c r="AE90365" i="1"/>
  <c r="AE90366" i="1"/>
  <c r="AE90367" i="1"/>
  <c r="AE90368" i="1"/>
  <c r="AE90369" i="1"/>
  <c r="AE90370" i="1"/>
  <c r="AE90371" i="1"/>
  <c r="AE90372" i="1"/>
  <c r="AE90373" i="1"/>
  <c r="AE90374" i="1"/>
  <c r="AE90375" i="1"/>
  <c r="AE90376" i="1"/>
  <c r="AE90377" i="1"/>
  <c r="AE90378" i="1"/>
  <c r="AE90379" i="1"/>
  <c r="AE90380" i="1"/>
  <c r="AE90381" i="1"/>
  <c r="AE90382" i="1"/>
  <c r="AE90383" i="1"/>
  <c r="AE90384" i="1"/>
  <c r="AE90385" i="1"/>
  <c r="AE90386" i="1"/>
  <c r="AE90387" i="1"/>
  <c r="AE90388" i="1"/>
  <c r="AE90389" i="1"/>
  <c r="AE90390" i="1"/>
  <c r="AE90391" i="1"/>
  <c r="AE90392" i="1"/>
  <c r="AE90393" i="1"/>
  <c r="AE90394" i="1"/>
  <c r="AE90395" i="1"/>
  <c r="AE90396" i="1"/>
  <c r="AE90397" i="1"/>
  <c r="AE90398" i="1"/>
  <c r="AE90399" i="1"/>
  <c r="AE90400" i="1"/>
  <c r="AE90401" i="1"/>
  <c r="AE90402" i="1"/>
  <c r="AE90403" i="1"/>
  <c r="AE90404" i="1"/>
  <c r="AE90405" i="1"/>
  <c r="AE90406" i="1"/>
  <c r="AE90407" i="1"/>
  <c r="AE90408" i="1"/>
  <c r="AE90409" i="1"/>
  <c r="AE90410" i="1"/>
  <c r="AE90411" i="1"/>
  <c r="AE90412" i="1"/>
  <c r="AE90413" i="1"/>
  <c r="AE90414" i="1"/>
  <c r="AE90415" i="1"/>
  <c r="AE90416" i="1"/>
  <c r="AE90417" i="1"/>
  <c r="AE90418" i="1"/>
  <c r="AE90419" i="1"/>
  <c r="AE90420" i="1"/>
  <c r="AE90421" i="1"/>
  <c r="AE90422" i="1"/>
  <c r="AE90423" i="1"/>
  <c r="AE90424" i="1"/>
  <c r="AE90425" i="1"/>
  <c r="AE90426" i="1"/>
  <c r="AE90427" i="1"/>
  <c r="AE90428" i="1"/>
  <c r="AE90429" i="1"/>
  <c r="AE90430" i="1"/>
  <c r="AE90431" i="1"/>
  <c r="AE90432" i="1"/>
  <c r="AE90433" i="1"/>
  <c r="AE90434" i="1"/>
  <c r="AE90435" i="1"/>
  <c r="AE90436" i="1"/>
  <c r="AE90437" i="1"/>
  <c r="AE90438" i="1"/>
  <c r="AE90439" i="1"/>
  <c r="AE90440" i="1"/>
  <c r="AE90441" i="1"/>
  <c r="AE90442" i="1"/>
  <c r="AE90443" i="1"/>
  <c r="AE90444" i="1"/>
  <c r="AE90445" i="1"/>
  <c r="AE90446" i="1"/>
  <c r="AE90447" i="1"/>
  <c r="AE90448" i="1"/>
  <c r="AE90449" i="1"/>
  <c r="AE90450" i="1"/>
  <c r="AE90451" i="1"/>
  <c r="AE90452" i="1"/>
  <c r="AE90453" i="1"/>
  <c r="AE90454" i="1"/>
  <c r="AE90455" i="1"/>
  <c r="AE90456" i="1"/>
  <c r="AE90457" i="1"/>
  <c r="AE90458" i="1"/>
  <c r="AE90459" i="1"/>
  <c r="AE90460" i="1"/>
  <c r="AE90461" i="1"/>
  <c r="AE90462" i="1"/>
  <c r="AE90463" i="1"/>
  <c r="AE90464" i="1"/>
  <c r="AE90465" i="1"/>
  <c r="AE90466" i="1"/>
  <c r="AE90467" i="1"/>
  <c r="AE90468" i="1"/>
  <c r="AE90469" i="1"/>
  <c r="AE90470" i="1"/>
  <c r="AE90471" i="1"/>
  <c r="AE90472" i="1"/>
  <c r="AE90473" i="1"/>
  <c r="AE90474" i="1"/>
  <c r="AE90475" i="1"/>
  <c r="AE90476" i="1"/>
  <c r="AE90477" i="1"/>
  <c r="AE90478" i="1"/>
  <c r="AE90479" i="1"/>
  <c r="AE90480" i="1"/>
  <c r="AE90481" i="1"/>
  <c r="AE90482" i="1"/>
  <c r="AE90483" i="1"/>
  <c r="AE90484" i="1"/>
  <c r="AE90485" i="1"/>
  <c r="AE90486" i="1"/>
  <c r="AE90487" i="1"/>
  <c r="AE90488" i="1"/>
  <c r="AE90489" i="1"/>
  <c r="AE90490" i="1"/>
  <c r="AE90491" i="1"/>
  <c r="AE90492" i="1"/>
  <c r="AE90493" i="1"/>
  <c r="AE90494" i="1"/>
  <c r="AE90495" i="1"/>
  <c r="AE90496" i="1"/>
  <c r="AE90497" i="1"/>
  <c r="AE90498" i="1"/>
  <c r="AE90499" i="1"/>
  <c r="AE90500" i="1"/>
  <c r="AE90501" i="1"/>
  <c r="AE90502" i="1"/>
  <c r="AE90503" i="1"/>
  <c r="AE90504" i="1"/>
  <c r="AE90505" i="1"/>
  <c r="AE90506" i="1"/>
  <c r="AE90507" i="1"/>
  <c r="AE90508" i="1"/>
  <c r="AE90509" i="1"/>
  <c r="AE90510" i="1"/>
  <c r="AE90511" i="1"/>
  <c r="AE90512" i="1"/>
  <c r="AE90513" i="1"/>
  <c r="AE90514" i="1"/>
  <c r="AE90515" i="1"/>
  <c r="AE90516" i="1"/>
  <c r="AE90517" i="1"/>
  <c r="AE90518" i="1"/>
  <c r="AE90519" i="1"/>
  <c r="AE90520" i="1"/>
  <c r="AE90521" i="1"/>
  <c r="AE90522" i="1"/>
  <c r="AE90523" i="1"/>
  <c r="AE90524" i="1"/>
  <c r="AE90525" i="1"/>
  <c r="AE90526" i="1"/>
  <c r="AE90527" i="1"/>
  <c r="AE90528" i="1"/>
  <c r="AE90529" i="1"/>
  <c r="AE90530" i="1"/>
  <c r="AE90531" i="1"/>
  <c r="AE90532" i="1"/>
  <c r="AE90533" i="1"/>
  <c r="AE90534" i="1"/>
  <c r="AE90535" i="1"/>
  <c r="AE90536" i="1"/>
  <c r="AE90537" i="1"/>
  <c r="AE90538" i="1"/>
  <c r="AE90539" i="1"/>
  <c r="AE90540" i="1"/>
  <c r="AE90541" i="1"/>
  <c r="AE90542" i="1"/>
  <c r="AE90543" i="1"/>
  <c r="AE90544" i="1"/>
  <c r="AE90545" i="1"/>
  <c r="AE90546" i="1"/>
  <c r="AE90547" i="1"/>
  <c r="AE90548" i="1"/>
  <c r="AE90549" i="1"/>
  <c r="AE90550" i="1"/>
  <c r="AE90551" i="1"/>
  <c r="AE90552" i="1"/>
  <c r="AE90553" i="1"/>
  <c r="AE90554" i="1"/>
  <c r="AE90555" i="1"/>
  <c r="AE90556" i="1"/>
  <c r="AE90557" i="1"/>
  <c r="AE90558" i="1"/>
  <c r="AE90559" i="1"/>
  <c r="AE90560" i="1"/>
  <c r="AE90561" i="1"/>
  <c r="AE90562" i="1"/>
  <c r="AE90563" i="1"/>
  <c r="AE90564" i="1"/>
  <c r="AE90565" i="1"/>
  <c r="AE90566" i="1"/>
  <c r="AE90567" i="1"/>
  <c r="AE90568" i="1"/>
  <c r="AE90569" i="1"/>
  <c r="AE90570" i="1"/>
  <c r="AE90571" i="1"/>
  <c r="AE90572" i="1"/>
  <c r="AE90573" i="1"/>
  <c r="AE90574" i="1"/>
  <c r="AE90575" i="1"/>
  <c r="AE90576" i="1"/>
  <c r="AE90577" i="1"/>
  <c r="AE90578" i="1"/>
  <c r="AE90579" i="1"/>
  <c r="AE90580" i="1"/>
  <c r="AE90581" i="1"/>
  <c r="AE90582" i="1"/>
  <c r="AE90583" i="1"/>
  <c r="AE90584" i="1"/>
  <c r="AE90585" i="1"/>
  <c r="AE90586" i="1"/>
  <c r="AE90587" i="1"/>
  <c r="AE90588" i="1"/>
  <c r="AE90589" i="1"/>
  <c r="AE90590" i="1"/>
  <c r="AE90591" i="1"/>
  <c r="AE90592" i="1"/>
  <c r="AE90593" i="1"/>
  <c r="AE90594" i="1"/>
  <c r="AE90595" i="1"/>
  <c r="AE90596" i="1"/>
  <c r="AE90597" i="1"/>
  <c r="AE90598" i="1"/>
  <c r="AE90599" i="1"/>
  <c r="AE90600" i="1"/>
  <c r="AE90601" i="1"/>
  <c r="AE90602" i="1"/>
  <c r="AE90603" i="1"/>
  <c r="AE90604" i="1"/>
  <c r="AE90605" i="1"/>
  <c r="AE90606" i="1"/>
  <c r="AE90607" i="1"/>
  <c r="AE90608" i="1"/>
  <c r="AE90609" i="1"/>
  <c r="AE90610" i="1"/>
  <c r="AE90611" i="1"/>
  <c r="AE90612" i="1"/>
  <c r="AE90613" i="1"/>
  <c r="AE90614" i="1"/>
  <c r="AE90615" i="1"/>
  <c r="AE90616" i="1"/>
  <c r="AE90617" i="1"/>
  <c r="AE90618" i="1"/>
  <c r="AE90619" i="1"/>
  <c r="AE90620" i="1"/>
  <c r="AE90621" i="1"/>
  <c r="AE90622" i="1"/>
  <c r="AE90623" i="1"/>
  <c r="AE90624" i="1"/>
  <c r="AE90625" i="1"/>
  <c r="AE90626" i="1"/>
  <c r="AE90627" i="1"/>
  <c r="AE90628" i="1"/>
  <c r="AE90629" i="1"/>
  <c r="AE90630" i="1"/>
  <c r="AE90631" i="1"/>
  <c r="AE90632" i="1"/>
  <c r="AE90633" i="1"/>
  <c r="AE90634" i="1"/>
  <c r="AE90635" i="1"/>
  <c r="AE90636" i="1"/>
  <c r="AE90637" i="1"/>
  <c r="AE90638" i="1"/>
  <c r="AE90639" i="1"/>
  <c r="AE90640" i="1"/>
  <c r="AE90641" i="1"/>
  <c r="AE90642" i="1"/>
  <c r="AE90643" i="1"/>
  <c r="AE90644" i="1"/>
  <c r="AE90645" i="1"/>
  <c r="AE90646" i="1"/>
  <c r="AE90647" i="1"/>
  <c r="AE90648" i="1"/>
  <c r="AE90649" i="1"/>
  <c r="AE90650" i="1"/>
  <c r="AE90651" i="1"/>
  <c r="AE90652" i="1"/>
  <c r="AE90653" i="1"/>
  <c r="AE90654" i="1"/>
  <c r="AE90655" i="1"/>
  <c r="AE90656" i="1"/>
  <c r="AE90657" i="1"/>
  <c r="AE90658" i="1"/>
  <c r="AE90659" i="1"/>
  <c r="AE90660" i="1"/>
  <c r="AE90661" i="1"/>
  <c r="AE90662" i="1"/>
  <c r="AE90663" i="1"/>
  <c r="AE90664" i="1"/>
  <c r="AE90665" i="1"/>
  <c r="AE90666" i="1"/>
  <c r="AE90667" i="1"/>
  <c r="AE90668" i="1"/>
  <c r="AE90669" i="1"/>
  <c r="AE90670" i="1"/>
  <c r="AE90671" i="1"/>
  <c r="AE90672" i="1"/>
  <c r="AE90673" i="1"/>
  <c r="AE90674" i="1"/>
  <c r="AE90675" i="1"/>
  <c r="AE90676" i="1"/>
  <c r="AE90677" i="1"/>
  <c r="AE90678" i="1"/>
  <c r="AE90679" i="1"/>
  <c r="AE90680" i="1"/>
  <c r="AE90681" i="1"/>
  <c r="AE90682" i="1"/>
  <c r="AE90683" i="1"/>
  <c r="AE90684" i="1"/>
  <c r="AE90685" i="1"/>
  <c r="AE90686" i="1"/>
  <c r="AE90687" i="1"/>
  <c r="AE90688" i="1"/>
  <c r="AE90689" i="1"/>
  <c r="AE90690" i="1"/>
  <c r="AE90691" i="1"/>
  <c r="AE90692" i="1"/>
  <c r="AE90693" i="1"/>
  <c r="AE90694" i="1"/>
  <c r="AE90695" i="1"/>
  <c r="AE90696" i="1"/>
  <c r="AE90697" i="1"/>
  <c r="AE90698" i="1"/>
  <c r="AE90699" i="1"/>
  <c r="AE90700" i="1"/>
  <c r="AE90701" i="1"/>
  <c r="AE90702" i="1"/>
  <c r="AE90703" i="1"/>
  <c r="AE90704" i="1"/>
  <c r="AE90705" i="1"/>
  <c r="AE90706" i="1"/>
  <c r="AE90707" i="1"/>
  <c r="AE90708" i="1"/>
  <c r="AE90709" i="1"/>
  <c r="AE90710" i="1"/>
  <c r="AE90711" i="1"/>
  <c r="AE90712" i="1"/>
  <c r="AE90713" i="1"/>
  <c r="AE90714" i="1"/>
  <c r="AE90715" i="1"/>
  <c r="AE90716" i="1"/>
  <c r="AE90717" i="1"/>
  <c r="AE90718" i="1"/>
  <c r="AE90719" i="1"/>
  <c r="AE90720" i="1"/>
  <c r="AE90721" i="1"/>
  <c r="AE90722" i="1"/>
  <c r="AE90723" i="1"/>
  <c r="AE90724" i="1"/>
  <c r="AE90725" i="1"/>
  <c r="AE90726" i="1"/>
  <c r="AE90727" i="1"/>
  <c r="AE90728" i="1"/>
  <c r="AE90729" i="1"/>
  <c r="AE90730" i="1"/>
  <c r="AE90731" i="1"/>
  <c r="AE90732" i="1"/>
  <c r="AE90733" i="1"/>
  <c r="AE90734" i="1"/>
  <c r="AE90735" i="1"/>
  <c r="AE90736" i="1"/>
  <c r="AE90737" i="1"/>
  <c r="AE90738" i="1"/>
  <c r="AE90739" i="1"/>
  <c r="AE90740" i="1"/>
  <c r="AE90741" i="1"/>
  <c r="AE90742" i="1"/>
  <c r="AE90743" i="1"/>
  <c r="AE90744" i="1"/>
  <c r="AE90745" i="1"/>
  <c r="AE90746" i="1"/>
  <c r="AE90747" i="1"/>
  <c r="AE90748" i="1"/>
  <c r="AE90749" i="1"/>
  <c r="AE90750" i="1"/>
  <c r="AE90751" i="1"/>
  <c r="AE90752" i="1"/>
  <c r="AE90753" i="1"/>
  <c r="AE90754" i="1"/>
  <c r="AE90755" i="1"/>
  <c r="AE90756" i="1"/>
  <c r="AE90757" i="1"/>
  <c r="AE90758" i="1"/>
  <c r="AE90759" i="1"/>
  <c r="AE90760" i="1"/>
  <c r="AE90761" i="1"/>
  <c r="AE90762" i="1"/>
  <c r="AE90763" i="1"/>
  <c r="AE90764" i="1"/>
  <c r="AE90765" i="1"/>
  <c r="AE90766" i="1"/>
  <c r="AE90767" i="1"/>
  <c r="AE90768" i="1"/>
  <c r="AE90769" i="1"/>
  <c r="AE90770" i="1"/>
  <c r="AE90771" i="1"/>
  <c r="AE90772" i="1"/>
  <c r="AE90773" i="1"/>
  <c r="AE90774" i="1"/>
  <c r="AE90775" i="1"/>
  <c r="AE90776" i="1"/>
  <c r="AE90777" i="1"/>
  <c r="AE90778" i="1"/>
  <c r="AE90779" i="1"/>
  <c r="AE90780" i="1"/>
  <c r="AE90781" i="1"/>
  <c r="AE90782" i="1"/>
  <c r="AE90783" i="1"/>
  <c r="AE90784" i="1"/>
  <c r="AE90785" i="1"/>
  <c r="AE90786" i="1"/>
  <c r="AE90787" i="1"/>
  <c r="AE90788" i="1"/>
  <c r="AE90789" i="1"/>
  <c r="AE90790" i="1"/>
  <c r="AE90791" i="1"/>
  <c r="AE90792" i="1"/>
  <c r="AE90793" i="1"/>
  <c r="AE90794" i="1"/>
  <c r="AE90795" i="1"/>
  <c r="AE90796" i="1"/>
  <c r="AE90797" i="1"/>
  <c r="AE90798" i="1"/>
  <c r="AE90799" i="1"/>
  <c r="AE90800" i="1"/>
  <c r="AE90801" i="1"/>
  <c r="AE90802" i="1"/>
  <c r="AE90803" i="1"/>
  <c r="AE90804" i="1"/>
  <c r="AE90805" i="1"/>
  <c r="AE90806" i="1"/>
  <c r="AE90807" i="1"/>
  <c r="AE90808" i="1"/>
  <c r="AE90809" i="1"/>
  <c r="AE90810" i="1"/>
  <c r="AE90811" i="1"/>
  <c r="AE90812" i="1"/>
  <c r="AE90813" i="1"/>
  <c r="AE90814" i="1"/>
  <c r="AE90815" i="1"/>
  <c r="AE90816" i="1"/>
  <c r="AE90817" i="1"/>
  <c r="AE90818" i="1"/>
  <c r="AE90819" i="1"/>
  <c r="AE90820" i="1"/>
  <c r="AE90821" i="1"/>
  <c r="AE90822" i="1"/>
  <c r="AE90823" i="1"/>
  <c r="AE90824" i="1"/>
  <c r="AE90825" i="1"/>
  <c r="AE90826" i="1"/>
  <c r="AE90827" i="1"/>
  <c r="AE90828" i="1"/>
  <c r="AE90829" i="1"/>
  <c r="AE90830" i="1"/>
  <c r="AE90831" i="1"/>
  <c r="AE90832" i="1"/>
  <c r="AE90833" i="1"/>
  <c r="AE90834" i="1"/>
  <c r="AE90835" i="1"/>
  <c r="AE90836" i="1"/>
  <c r="AE90837" i="1"/>
  <c r="AE90838" i="1"/>
  <c r="AE90839" i="1"/>
  <c r="AE90840" i="1"/>
  <c r="AE90841" i="1"/>
  <c r="AE90842" i="1"/>
  <c r="AE90843" i="1"/>
  <c r="AE90844" i="1"/>
  <c r="AE90845" i="1"/>
  <c r="AE90846" i="1"/>
  <c r="AE90847" i="1"/>
  <c r="AE90848" i="1"/>
  <c r="AE90849" i="1"/>
  <c r="AE90850" i="1"/>
  <c r="AE90851" i="1"/>
  <c r="AE90852" i="1"/>
  <c r="AE90853" i="1"/>
  <c r="AE90854" i="1"/>
  <c r="AE90855" i="1"/>
  <c r="AE90856" i="1"/>
  <c r="AE90857" i="1"/>
  <c r="AE90858" i="1"/>
  <c r="AE90859" i="1"/>
  <c r="AE90860" i="1"/>
  <c r="AE90861" i="1"/>
  <c r="AE90862" i="1"/>
  <c r="AE90863" i="1"/>
  <c r="AE90864" i="1"/>
  <c r="AE90865" i="1"/>
  <c r="AE90866" i="1"/>
  <c r="AE90867" i="1"/>
  <c r="AE90868" i="1"/>
  <c r="AE90869" i="1"/>
  <c r="AE90870" i="1"/>
  <c r="AE90871" i="1"/>
  <c r="AE90872" i="1"/>
  <c r="AE90873" i="1"/>
  <c r="AE90874" i="1"/>
  <c r="AE90875" i="1"/>
  <c r="AE90876" i="1"/>
  <c r="AE90877" i="1"/>
  <c r="AE90878" i="1"/>
  <c r="AE90879" i="1"/>
  <c r="AE90880" i="1"/>
  <c r="AE90881" i="1"/>
  <c r="AE90882" i="1"/>
  <c r="AE90883" i="1"/>
  <c r="AE90884" i="1"/>
  <c r="AE90885" i="1"/>
  <c r="AE90886" i="1"/>
  <c r="AE90887" i="1"/>
  <c r="AE90888" i="1"/>
  <c r="AE90889" i="1"/>
  <c r="AE90890" i="1"/>
  <c r="AE90891" i="1"/>
  <c r="AE90892" i="1"/>
  <c r="AE90893" i="1"/>
  <c r="AE90894" i="1"/>
  <c r="AE90895" i="1"/>
  <c r="AE90896" i="1"/>
  <c r="AE90897" i="1"/>
  <c r="AE90898" i="1"/>
  <c r="AE90899" i="1"/>
  <c r="AE90900" i="1"/>
  <c r="AE90901" i="1"/>
  <c r="AE90902" i="1"/>
  <c r="AE90903" i="1"/>
  <c r="AE90904" i="1"/>
  <c r="AE90905" i="1"/>
  <c r="AE90906" i="1"/>
  <c r="AE90907" i="1"/>
  <c r="AE90908" i="1"/>
  <c r="AE90909" i="1"/>
  <c r="AE90910" i="1"/>
  <c r="AE90911" i="1"/>
  <c r="AE90912" i="1"/>
  <c r="AE90913" i="1"/>
  <c r="AE90914" i="1"/>
  <c r="AE90915" i="1"/>
  <c r="AE90916" i="1"/>
  <c r="AE90917" i="1"/>
  <c r="AE90918" i="1"/>
  <c r="AE90919" i="1"/>
  <c r="AE90920" i="1"/>
  <c r="AE90921" i="1"/>
  <c r="AE90922" i="1"/>
  <c r="AE90923" i="1"/>
  <c r="AE90924" i="1"/>
  <c r="AE90925" i="1"/>
  <c r="AE90926" i="1"/>
  <c r="AE90927" i="1"/>
  <c r="AE90928" i="1"/>
  <c r="AE90929" i="1"/>
  <c r="AE90930" i="1"/>
  <c r="AE90931" i="1"/>
  <c r="AE90932" i="1"/>
  <c r="AE90933" i="1"/>
  <c r="AE90934" i="1"/>
  <c r="AE90935" i="1"/>
  <c r="AE90936" i="1"/>
  <c r="AE90937" i="1"/>
  <c r="AE90938" i="1"/>
  <c r="AE90939" i="1"/>
  <c r="AE90940" i="1"/>
  <c r="AE90941" i="1"/>
  <c r="AE90942" i="1"/>
  <c r="AE90943" i="1"/>
  <c r="AE90944" i="1"/>
  <c r="AE90945" i="1"/>
  <c r="AE90946" i="1"/>
  <c r="AE90947" i="1"/>
  <c r="AE90948" i="1"/>
  <c r="AE90949" i="1"/>
  <c r="AE90950" i="1"/>
  <c r="AE90951" i="1"/>
  <c r="AE90952" i="1"/>
  <c r="AE90953" i="1"/>
  <c r="AE90954" i="1"/>
  <c r="AE90955" i="1"/>
  <c r="AE90956" i="1"/>
  <c r="AE90957" i="1"/>
  <c r="AE90958" i="1"/>
  <c r="AE90959" i="1"/>
  <c r="AE90960" i="1"/>
  <c r="AE90961" i="1"/>
  <c r="AE90962" i="1"/>
  <c r="AE90963" i="1"/>
  <c r="AE90964" i="1"/>
  <c r="AE90965" i="1"/>
  <c r="AE90966" i="1"/>
  <c r="AE90967" i="1"/>
  <c r="AE90968" i="1"/>
  <c r="AE90969" i="1"/>
  <c r="AE90970" i="1"/>
  <c r="AE90971" i="1"/>
  <c r="AE90972" i="1"/>
  <c r="AE90973" i="1"/>
  <c r="AE90974" i="1"/>
  <c r="AE90975" i="1"/>
  <c r="AE90976" i="1"/>
  <c r="AE90977" i="1"/>
  <c r="AE90978" i="1"/>
  <c r="AE90979" i="1"/>
  <c r="AE90980" i="1"/>
  <c r="AE90981" i="1"/>
  <c r="AE90982" i="1"/>
  <c r="AE90983" i="1"/>
  <c r="AE90984" i="1"/>
  <c r="AE90985" i="1"/>
  <c r="AE90986" i="1"/>
  <c r="AE90987" i="1"/>
  <c r="AE90988" i="1"/>
  <c r="AE90989" i="1"/>
  <c r="AE90990" i="1"/>
  <c r="AE90991" i="1"/>
  <c r="AE90992" i="1"/>
  <c r="AE90993" i="1"/>
  <c r="AE90994" i="1"/>
  <c r="AE90995" i="1"/>
  <c r="AE90996" i="1"/>
  <c r="AE90997" i="1"/>
  <c r="AE90998" i="1"/>
  <c r="AE90999" i="1"/>
  <c r="AE91000" i="1"/>
  <c r="AE91001" i="1"/>
  <c r="AE91002" i="1"/>
  <c r="AE91003" i="1"/>
  <c r="AE91004" i="1"/>
  <c r="AE91005" i="1"/>
  <c r="AE91006" i="1"/>
  <c r="AE91007" i="1"/>
  <c r="AE91008" i="1"/>
  <c r="AE91009" i="1"/>
  <c r="AE91010" i="1"/>
  <c r="AE91011" i="1"/>
  <c r="AE91012" i="1"/>
  <c r="AE91013" i="1"/>
  <c r="AE91014" i="1"/>
  <c r="AE91015" i="1"/>
  <c r="AE91016" i="1"/>
  <c r="AE91017" i="1"/>
  <c r="AE91018" i="1"/>
  <c r="AE91019" i="1"/>
  <c r="AE91020" i="1"/>
  <c r="AE91021" i="1"/>
  <c r="AE91022" i="1"/>
  <c r="AE91023" i="1"/>
  <c r="AE91024" i="1"/>
  <c r="AE91025" i="1"/>
  <c r="AE91026" i="1"/>
  <c r="AE91027" i="1"/>
  <c r="AE91028" i="1"/>
  <c r="AE91029" i="1"/>
  <c r="AE91030" i="1"/>
  <c r="AE91031" i="1"/>
  <c r="AE91032" i="1"/>
  <c r="AE91033" i="1"/>
  <c r="AE91034" i="1"/>
  <c r="AE91035" i="1"/>
  <c r="AE91036" i="1"/>
  <c r="AE91037" i="1"/>
  <c r="AE91038" i="1"/>
  <c r="AE91039" i="1"/>
  <c r="AE91040" i="1"/>
  <c r="AE91041" i="1"/>
  <c r="AE91042" i="1"/>
  <c r="AE91043" i="1"/>
  <c r="AE91044" i="1"/>
  <c r="AE91045" i="1"/>
  <c r="AE91046" i="1"/>
  <c r="AE91047" i="1"/>
  <c r="AE91048" i="1"/>
  <c r="AE91049" i="1"/>
  <c r="AE91050" i="1"/>
  <c r="AE91051" i="1"/>
  <c r="AE91052" i="1"/>
  <c r="AE91053" i="1"/>
  <c r="AE91054" i="1"/>
  <c r="AE91055" i="1"/>
  <c r="AE91056" i="1"/>
  <c r="AE91057" i="1"/>
  <c r="AE91058" i="1"/>
  <c r="AE91059" i="1"/>
  <c r="AE91060" i="1"/>
  <c r="AE91061" i="1"/>
  <c r="AE91062" i="1"/>
  <c r="AE91063" i="1"/>
  <c r="AE91064" i="1"/>
  <c r="AE91065" i="1"/>
  <c r="AE91066" i="1"/>
  <c r="AE91067" i="1"/>
  <c r="AE91068" i="1"/>
  <c r="AE91069" i="1"/>
  <c r="AE91070" i="1"/>
  <c r="AE91071" i="1"/>
  <c r="AE91072" i="1"/>
  <c r="AE91073" i="1"/>
  <c r="AE91074" i="1"/>
  <c r="AE91075" i="1"/>
  <c r="AE91076" i="1"/>
  <c r="AE91077" i="1"/>
  <c r="AE91078" i="1"/>
  <c r="AE91079" i="1"/>
  <c r="AE91080" i="1"/>
  <c r="AE91081" i="1"/>
  <c r="AE91082" i="1"/>
  <c r="AE91083" i="1"/>
  <c r="AE91084" i="1"/>
  <c r="AE91085" i="1"/>
  <c r="AE91086" i="1"/>
  <c r="AE91087" i="1"/>
  <c r="AE91088" i="1"/>
  <c r="AE91089" i="1"/>
  <c r="AE91090" i="1"/>
  <c r="AE91091" i="1"/>
  <c r="AE91092" i="1"/>
  <c r="AE91093" i="1"/>
  <c r="AE91094" i="1"/>
  <c r="AE91095" i="1"/>
  <c r="AE91096" i="1"/>
  <c r="AE91097" i="1"/>
  <c r="AE91098" i="1"/>
  <c r="AE91099" i="1"/>
  <c r="AE91100" i="1"/>
  <c r="AE91101" i="1"/>
  <c r="AE91102" i="1"/>
  <c r="AE91103" i="1"/>
  <c r="AE91104" i="1"/>
  <c r="AE91105" i="1"/>
  <c r="AE91106" i="1"/>
  <c r="AE91107" i="1"/>
  <c r="AE91108" i="1"/>
  <c r="AE91109" i="1"/>
  <c r="AE91110" i="1"/>
  <c r="AE91111" i="1"/>
  <c r="AE91112" i="1"/>
  <c r="AE91113" i="1"/>
  <c r="AE91114" i="1"/>
  <c r="AE91115" i="1"/>
  <c r="AE91116" i="1"/>
  <c r="AE91117" i="1"/>
  <c r="AE91118" i="1"/>
  <c r="AE91119" i="1"/>
  <c r="AE91120" i="1"/>
  <c r="AE91121" i="1"/>
  <c r="AE91122" i="1"/>
  <c r="AE91123" i="1"/>
  <c r="AE91124" i="1"/>
  <c r="AE91125" i="1"/>
  <c r="AE91126" i="1"/>
  <c r="AE91127" i="1"/>
  <c r="AE91128" i="1"/>
  <c r="AE91129" i="1"/>
  <c r="AE91130" i="1"/>
  <c r="AE91131" i="1"/>
  <c r="AE91132" i="1"/>
  <c r="AE91133" i="1"/>
  <c r="AE91134" i="1"/>
  <c r="AE91135" i="1"/>
  <c r="AE91136" i="1"/>
  <c r="AE91137" i="1"/>
  <c r="AE91138" i="1"/>
  <c r="AE91139" i="1"/>
  <c r="AE91140" i="1"/>
  <c r="AE91141" i="1"/>
  <c r="AE91142" i="1"/>
  <c r="AE91143" i="1"/>
  <c r="AE91144" i="1"/>
  <c r="AE91145" i="1"/>
  <c r="AE91146" i="1"/>
  <c r="AE91147" i="1"/>
  <c r="AE91148" i="1"/>
  <c r="AE91149" i="1"/>
  <c r="AE91150" i="1"/>
  <c r="AE91151" i="1"/>
  <c r="AE91152" i="1"/>
  <c r="AE91153" i="1"/>
  <c r="AE91154" i="1"/>
  <c r="AE91155" i="1"/>
  <c r="AE91156" i="1"/>
  <c r="AE91157" i="1"/>
  <c r="AE91158" i="1"/>
  <c r="AE91159" i="1"/>
  <c r="AE91160" i="1"/>
  <c r="AE91161" i="1"/>
  <c r="AE91162" i="1"/>
  <c r="AE91163" i="1"/>
  <c r="AE91164" i="1"/>
  <c r="AE91165" i="1"/>
  <c r="AE91166" i="1"/>
  <c r="AE91167" i="1"/>
  <c r="AE91168" i="1"/>
  <c r="AE91169" i="1"/>
  <c r="AE91170" i="1"/>
  <c r="AE91171" i="1"/>
  <c r="AE91172" i="1"/>
  <c r="AE91173" i="1"/>
  <c r="AE91174" i="1"/>
  <c r="AE91175" i="1"/>
  <c r="AE91176" i="1"/>
  <c r="AE91177" i="1"/>
  <c r="AE91178" i="1"/>
  <c r="AE91179" i="1"/>
  <c r="AE91180" i="1"/>
  <c r="AE91181" i="1"/>
  <c r="AE91182" i="1"/>
  <c r="AE91183" i="1"/>
  <c r="AE91184" i="1"/>
  <c r="AE91185" i="1"/>
  <c r="AE91186" i="1"/>
  <c r="AE91187" i="1"/>
  <c r="AE91188" i="1"/>
  <c r="AE91189" i="1"/>
  <c r="AE91190" i="1"/>
  <c r="AE91191" i="1"/>
  <c r="AE91192" i="1"/>
  <c r="AE91193" i="1"/>
  <c r="AE91194" i="1"/>
  <c r="AE91195" i="1"/>
  <c r="AE91196" i="1"/>
  <c r="AE91197" i="1"/>
  <c r="AE91198" i="1"/>
  <c r="AE91199" i="1"/>
  <c r="AE91200" i="1"/>
  <c r="AE91201" i="1"/>
  <c r="AE91202" i="1"/>
  <c r="AE91203" i="1"/>
  <c r="AE91204" i="1"/>
  <c r="AE91205" i="1"/>
  <c r="AE91206" i="1"/>
  <c r="AE91207" i="1"/>
  <c r="AE91208" i="1"/>
  <c r="AE91209" i="1"/>
  <c r="AE91210" i="1"/>
  <c r="AE91211" i="1"/>
  <c r="AE91212" i="1"/>
  <c r="AE91213" i="1"/>
  <c r="AE91214" i="1"/>
  <c r="AE91215" i="1"/>
  <c r="AE91216" i="1"/>
  <c r="AE91217" i="1"/>
  <c r="AE91218" i="1"/>
  <c r="AE91219" i="1"/>
  <c r="AE91220" i="1"/>
  <c r="AE91221" i="1"/>
  <c r="AE91222" i="1"/>
  <c r="AE91223" i="1"/>
  <c r="AE91224" i="1"/>
  <c r="AE91225" i="1"/>
  <c r="AE91226" i="1"/>
  <c r="AE91227" i="1"/>
  <c r="AE91228" i="1"/>
  <c r="AE91229" i="1"/>
  <c r="AE91230" i="1"/>
  <c r="AE91231" i="1"/>
  <c r="AE91232" i="1"/>
  <c r="AE91233" i="1"/>
  <c r="AE91234" i="1"/>
  <c r="AE91235" i="1"/>
  <c r="AE91236" i="1"/>
  <c r="AE91237" i="1"/>
  <c r="AE91238" i="1"/>
  <c r="AE91239" i="1"/>
  <c r="AE91240" i="1"/>
  <c r="AE91241" i="1"/>
  <c r="AE91242" i="1"/>
  <c r="AE91243" i="1"/>
  <c r="AE91244" i="1"/>
  <c r="AE91245" i="1"/>
  <c r="AE91246" i="1"/>
  <c r="AE91247" i="1"/>
  <c r="AE91248" i="1"/>
  <c r="AE91249" i="1"/>
  <c r="AE91250" i="1"/>
  <c r="AE91251" i="1"/>
  <c r="AE91252" i="1"/>
  <c r="AE91253" i="1"/>
  <c r="AE91254" i="1"/>
  <c r="AE91255" i="1"/>
  <c r="AE91256" i="1"/>
  <c r="AE91257" i="1"/>
  <c r="AE91258" i="1"/>
  <c r="AE91259" i="1"/>
  <c r="AE91260" i="1"/>
  <c r="AE91261" i="1"/>
  <c r="AE91262" i="1"/>
  <c r="AE91263" i="1"/>
  <c r="AE91264" i="1"/>
  <c r="AE91265" i="1"/>
  <c r="AE91266" i="1"/>
  <c r="AE91267" i="1"/>
  <c r="AE91268" i="1"/>
  <c r="AE91269" i="1"/>
  <c r="AE91270" i="1"/>
  <c r="AE91271" i="1"/>
  <c r="AE91272" i="1"/>
  <c r="AE91273" i="1"/>
  <c r="AE91274" i="1"/>
  <c r="AE91275" i="1"/>
  <c r="AE91276" i="1"/>
  <c r="AE91277" i="1"/>
  <c r="AE91278" i="1"/>
  <c r="AE91279" i="1"/>
  <c r="AE91280" i="1"/>
  <c r="AE91281" i="1"/>
  <c r="AE91282" i="1"/>
  <c r="AE91283" i="1"/>
  <c r="AE91284" i="1"/>
  <c r="AE91285" i="1"/>
  <c r="AE91286" i="1"/>
  <c r="AE91287" i="1"/>
  <c r="AE91288" i="1"/>
  <c r="AE91289" i="1"/>
  <c r="AE91290" i="1"/>
  <c r="AE91291" i="1"/>
  <c r="AE91292" i="1"/>
  <c r="AE91293" i="1"/>
  <c r="AE91294" i="1"/>
  <c r="AE91295" i="1"/>
  <c r="AE91296" i="1"/>
  <c r="AE91297" i="1"/>
  <c r="AE91298" i="1"/>
  <c r="AE91299" i="1"/>
  <c r="AE91300" i="1"/>
  <c r="AE91301" i="1"/>
  <c r="AE91302" i="1"/>
  <c r="AE91303" i="1"/>
  <c r="AE91304" i="1"/>
  <c r="AE91305" i="1"/>
  <c r="AE91306" i="1"/>
  <c r="AE91307" i="1"/>
  <c r="AE91308" i="1"/>
  <c r="AE91309" i="1"/>
  <c r="AE91310" i="1"/>
  <c r="AE91311" i="1"/>
  <c r="AE91312" i="1"/>
  <c r="AE91313" i="1"/>
  <c r="AE91314" i="1"/>
  <c r="AE91315" i="1"/>
  <c r="AE91316" i="1"/>
  <c r="AE91317" i="1"/>
  <c r="AE91318" i="1"/>
  <c r="AE91319" i="1"/>
  <c r="AE91320" i="1"/>
  <c r="AE91321" i="1"/>
  <c r="AE91322" i="1"/>
  <c r="AE91323" i="1"/>
  <c r="AE91324" i="1"/>
  <c r="AE91325" i="1"/>
  <c r="AE91326" i="1"/>
  <c r="AE91327" i="1"/>
  <c r="AE91328" i="1"/>
  <c r="AE91329" i="1"/>
  <c r="AE91330" i="1"/>
  <c r="AE91331" i="1"/>
  <c r="AE91332" i="1"/>
  <c r="AE91333" i="1"/>
  <c r="AE91334" i="1"/>
  <c r="AE91335" i="1"/>
  <c r="AE91336" i="1"/>
  <c r="AE91337" i="1"/>
  <c r="AE91338" i="1"/>
  <c r="AE91339" i="1"/>
  <c r="AE91340" i="1"/>
  <c r="AE91341" i="1"/>
  <c r="AE91342" i="1"/>
  <c r="AE91343" i="1"/>
  <c r="AE91344" i="1"/>
  <c r="AE91345" i="1"/>
  <c r="AE91346" i="1"/>
  <c r="AE91347" i="1"/>
  <c r="AE91348" i="1"/>
  <c r="AE91349" i="1"/>
  <c r="AE91350" i="1"/>
  <c r="AE91351" i="1"/>
  <c r="AE91352" i="1"/>
  <c r="AE91353" i="1"/>
  <c r="AE91354" i="1"/>
  <c r="AE91355" i="1"/>
  <c r="AE91356" i="1"/>
  <c r="AE91357" i="1"/>
  <c r="AE91358" i="1"/>
  <c r="AE91359" i="1"/>
  <c r="AE91360" i="1"/>
  <c r="AE91361" i="1"/>
  <c r="AE91362" i="1"/>
  <c r="AE91363" i="1"/>
  <c r="AE91364" i="1"/>
  <c r="AE91365" i="1"/>
  <c r="AE91366" i="1"/>
  <c r="AE91367" i="1"/>
  <c r="AE91368" i="1"/>
  <c r="AE91369" i="1"/>
  <c r="AE91370" i="1"/>
  <c r="AE91371" i="1"/>
  <c r="AE91372" i="1"/>
  <c r="AE91373" i="1"/>
  <c r="AE91374" i="1"/>
  <c r="AE91375" i="1"/>
  <c r="AE91376" i="1"/>
  <c r="AE91377" i="1"/>
  <c r="AE91378" i="1"/>
  <c r="AE91379" i="1"/>
  <c r="AE91380" i="1"/>
  <c r="AE91381" i="1"/>
  <c r="AE91382" i="1"/>
  <c r="AE91383" i="1"/>
  <c r="AE91384" i="1"/>
  <c r="AE91385" i="1"/>
  <c r="AE91386" i="1"/>
  <c r="AE91387" i="1"/>
  <c r="AE91388" i="1"/>
  <c r="AE91389" i="1"/>
  <c r="AE91390" i="1"/>
  <c r="AE91391" i="1"/>
  <c r="AE91392" i="1"/>
  <c r="AE91393" i="1"/>
  <c r="AE91394" i="1"/>
  <c r="AE91395" i="1"/>
  <c r="AE91396" i="1"/>
  <c r="AE91397" i="1"/>
  <c r="AE91398" i="1"/>
  <c r="AE91399" i="1"/>
  <c r="AE91400" i="1"/>
  <c r="AE91401" i="1"/>
  <c r="AE91402" i="1"/>
  <c r="AE91403" i="1"/>
  <c r="AE91404" i="1"/>
  <c r="AE91405" i="1"/>
  <c r="AE91406" i="1"/>
  <c r="AE91407" i="1"/>
  <c r="AE91408" i="1"/>
  <c r="AE91409" i="1"/>
  <c r="AE91410" i="1"/>
  <c r="AE91411" i="1"/>
  <c r="AE91412" i="1"/>
  <c r="AE91413" i="1"/>
  <c r="AE91414" i="1"/>
  <c r="AE91415" i="1"/>
  <c r="AE91416" i="1"/>
  <c r="AE91417" i="1"/>
  <c r="AE91418" i="1"/>
  <c r="AE91419" i="1"/>
  <c r="AE91420" i="1"/>
  <c r="AE91421" i="1"/>
  <c r="AE91422" i="1"/>
  <c r="AE91423" i="1"/>
  <c r="AE91424" i="1"/>
  <c r="AE91425" i="1"/>
  <c r="AE91426" i="1"/>
  <c r="AE91427" i="1"/>
  <c r="AE91428" i="1"/>
  <c r="AE91429" i="1"/>
  <c r="AE91430" i="1"/>
  <c r="AE91431" i="1"/>
  <c r="AE91432" i="1"/>
  <c r="AE91433" i="1"/>
  <c r="AE91434" i="1"/>
  <c r="AE91435" i="1"/>
  <c r="AE91436" i="1"/>
  <c r="AE91437" i="1"/>
  <c r="AE91438" i="1"/>
  <c r="AE91439" i="1"/>
  <c r="AE91440" i="1"/>
  <c r="AE91441" i="1"/>
  <c r="AE91442" i="1"/>
  <c r="AE91443" i="1"/>
  <c r="AE91444" i="1"/>
  <c r="AE91445" i="1"/>
  <c r="AE91446" i="1"/>
  <c r="AE91447" i="1"/>
  <c r="AE91448" i="1"/>
  <c r="AE91449" i="1"/>
  <c r="AE91450" i="1"/>
  <c r="AE91451" i="1"/>
  <c r="AE91452" i="1"/>
  <c r="AE91453" i="1"/>
  <c r="AE91454" i="1"/>
  <c r="AE91455" i="1"/>
  <c r="AE91456" i="1"/>
  <c r="AE91457" i="1"/>
  <c r="AE91458" i="1"/>
  <c r="AE91459" i="1"/>
  <c r="AE91460" i="1"/>
  <c r="AE91461" i="1"/>
  <c r="AE91462" i="1"/>
  <c r="AE91463" i="1"/>
  <c r="AE91464" i="1"/>
  <c r="AE91465" i="1"/>
  <c r="AE91466" i="1"/>
  <c r="AE91467" i="1"/>
  <c r="AE91468" i="1"/>
  <c r="AE91469" i="1"/>
  <c r="AE91470" i="1"/>
  <c r="AE91471" i="1"/>
  <c r="AE91472" i="1"/>
  <c r="AE91473" i="1"/>
  <c r="AE91474" i="1"/>
  <c r="AE91475" i="1"/>
  <c r="AE91476" i="1"/>
  <c r="AE91477" i="1"/>
  <c r="AE91478" i="1"/>
  <c r="AE91479" i="1"/>
  <c r="AE91480" i="1"/>
  <c r="AE91481" i="1"/>
  <c r="AE91482" i="1"/>
  <c r="AE91483" i="1"/>
  <c r="AE91484" i="1"/>
  <c r="AE91485" i="1"/>
  <c r="AE91486" i="1"/>
  <c r="AE91487" i="1"/>
  <c r="AE91488" i="1"/>
  <c r="AE91489" i="1"/>
  <c r="AE91490" i="1"/>
  <c r="AE91491" i="1"/>
  <c r="AE91492" i="1"/>
  <c r="AE91493" i="1"/>
  <c r="AE91494" i="1"/>
  <c r="AE91495" i="1"/>
  <c r="AE91496" i="1"/>
  <c r="AE91497" i="1"/>
  <c r="AE91498" i="1"/>
  <c r="AE91499" i="1"/>
  <c r="AE91500" i="1"/>
  <c r="AE91501" i="1"/>
  <c r="AE91502" i="1"/>
  <c r="AE91503" i="1"/>
  <c r="AE91504" i="1"/>
  <c r="AE91505" i="1"/>
  <c r="AE91506" i="1"/>
  <c r="AE91507" i="1"/>
  <c r="AE91508" i="1"/>
  <c r="AE91509" i="1"/>
  <c r="AE91510" i="1"/>
  <c r="AE91511" i="1"/>
  <c r="AE91512" i="1"/>
  <c r="AE91513" i="1"/>
  <c r="AE91514" i="1"/>
  <c r="AE91515" i="1"/>
  <c r="AE91516" i="1"/>
  <c r="AE91517" i="1"/>
  <c r="AE91518" i="1"/>
  <c r="AE91519" i="1"/>
  <c r="AE91520" i="1"/>
  <c r="AE91521" i="1"/>
  <c r="AE91522" i="1"/>
  <c r="AE91523" i="1"/>
  <c r="AE91524" i="1"/>
  <c r="AE91525" i="1"/>
  <c r="AE91526" i="1"/>
  <c r="AE91527" i="1"/>
  <c r="AE91528" i="1"/>
  <c r="AE91529" i="1"/>
  <c r="AE91530" i="1"/>
  <c r="AE91531" i="1"/>
  <c r="AE91532" i="1"/>
  <c r="AE91533" i="1"/>
  <c r="AE91534" i="1"/>
  <c r="AE91535" i="1"/>
  <c r="AE91536" i="1"/>
  <c r="AE91537" i="1"/>
  <c r="AE91538" i="1"/>
  <c r="AE91539" i="1"/>
  <c r="AE91540" i="1"/>
  <c r="AE91541" i="1"/>
  <c r="AE91542" i="1"/>
  <c r="AE91543" i="1"/>
  <c r="AE91544" i="1"/>
  <c r="AE91545" i="1"/>
  <c r="AE91546" i="1"/>
  <c r="AE91547" i="1"/>
  <c r="AE91548" i="1"/>
  <c r="AE91549" i="1"/>
  <c r="AE91550" i="1"/>
  <c r="AE91551" i="1"/>
  <c r="AE91552" i="1"/>
  <c r="AE91553" i="1"/>
  <c r="AE91554" i="1"/>
  <c r="AE91555" i="1"/>
  <c r="AE91556" i="1"/>
  <c r="AE91557" i="1"/>
  <c r="AE91558" i="1"/>
  <c r="AE91559" i="1"/>
  <c r="AE91560" i="1"/>
  <c r="AE91561" i="1"/>
  <c r="AE91562" i="1"/>
  <c r="AE91563" i="1"/>
  <c r="AE91564" i="1"/>
  <c r="AE91565" i="1"/>
  <c r="AE91566" i="1"/>
  <c r="AE91567" i="1"/>
  <c r="AE91568" i="1"/>
  <c r="AE91569" i="1"/>
  <c r="AE91570" i="1"/>
  <c r="AE91571" i="1"/>
  <c r="AE91572" i="1"/>
  <c r="AE91573" i="1"/>
  <c r="AE91574" i="1"/>
  <c r="AE91575" i="1"/>
  <c r="AE91576" i="1"/>
  <c r="AE91577" i="1"/>
  <c r="AE91578" i="1"/>
  <c r="AE91579" i="1"/>
  <c r="AE91580" i="1"/>
  <c r="AE91581" i="1"/>
  <c r="AE91582" i="1"/>
  <c r="AE91583" i="1"/>
  <c r="AE91584" i="1"/>
  <c r="AE91585" i="1"/>
  <c r="AE91586" i="1"/>
  <c r="AE91587" i="1"/>
  <c r="AE91588" i="1"/>
  <c r="AE91589" i="1"/>
  <c r="AE91590" i="1"/>
  <c r="AE91591" i="1"/>
  <c r="AE91592" i="1"/>
  <c r="AE91593" i="1"/>
  <c r="AE91594" i="1"/>
  <c r="AE91595" i="1"/>
  <c r="AE91596" i="1"/>
  <c r="AE91597" i="1"/>
  <c r="AE91598" i="1"/>
  <c r="AE91599" i="1"/>
  <c r="AE91600" i="1"/>
  <c r="AE91601" i="1"/>
  <c r="AE91602" i="1"/>
  <c r="AE91603" i="1"/>
  <c r="AE91604" i="1"/>
  <c r="AE91605" i="1"/>
  <c r="AE91606" i="1"/>
  <c r="AE91607" i="1"/>
  <c r="AE91608" i="1"/>
  <c r="AE91609" i="1"/>
  <c r="AE91610" i="1"/>
  <c r="AE91611" i="1"/>
  <c r="AE91612" i="1"/>
  <c r="AE91613" i="1"/>
  <c r="AE91614" i="1"/>
  <c r="AE91615" i="1"/>
  <c r="AE91616" i="1"/>
  <c r="AE91617" i="1"/>
  <c r="AE91618" i="1"/>
  <c r="AE91619" i="1"/>
  <c r="AE91620" i="1"/>
  <c r="AE91621" i="1"/>
  <c r="AE91622" i="1"/>
  <c r="AE91623" i="1"/>
  <c r="AE91624" i="1"/>
  <c r="AE91625" i="1"/>
  <c r="AE91626" i="1"/>
  <c r="AE91627" i="1"/>
  <c r="AE91628" i="1"/>
  <c r="AE91629" i="1"/>
  <c r="AE91630" i="1"/>
  <c r="AE91631" i="1"/>
  <c r="AE91632" i="1"/>
  <c r="AE91633" i="1"/>
  <c r="AE91634" i="1"/>
  <c r="AE91635" i="1"/>
  <c r="AE91636" i="1"/>
  <c r="AE91637" i="1"/>
  <c r="AE91638" i="1"/>
  <c r="AE91639" i="1"/>
  <c r="AE91640" i="1"/>
  <c r="AE91641" i="1"/>
  <c r="AE91642" i="1"/>
  <c r="AE91643" i="1"/>
  <c r="AE91644" i="1"/>
  <c r="AE91645" i="1"/>
  <c r="AE91646" i="1"/>
  <c r="AE91647" i="1"/>
  <c r="AE91648" i="1"/>
  <c r="AE91649" i="1"/>
  <c r="AE91650" i="1"/>
  <c r="AE91651" i="1"/>
  <c r="AE91652" i="1"/>
  <c r="AE91653" i="1"/>
  <c r="AE91654" i="1"/>
  <c r="AE91655" i="1"/>
  <c r="AE91656" i="1"/>
  <c r="AE91657" i="1"/>
  <c r="AE91658" i="1"/>
  <c r="AE91659" i="1"/>
  <c r="AE91660" i="1"/>
  <c r="AE91661" i="1"/>
  <c r="AE91662" i="1"/>
  <c r="AE91663" i="1"/>
  <c r="AE91664" i="1"/>
  <c r="AE91665" i="1"/>
  <c r="AE91666" i="1"/>
  <c r="AE91667" i="1"/>
  <c r="AE91668" i="1"/>
  <c r="AE91669" i="1"/>
  <c r="AE91670" i="1"/>
  <c r="AE91671" i="1"/>
  <c r="AE91672" i="1"/>
  <c r="AE91673" i="1"/>
  <c r="AE91674" i="1"/>
  <c r="AE91675" i="1"/>
  <c r="AE91676" i="1"/>
  <c r="AE91677" i="1"/>
  <c r="AE91678" i="1"/>
  <c r="AE91679" i="1"/>
  <c r="AE91680" i="1"/>
  <c r="AE91681" i="1"/>
  <c r="AE91682" i="1"/>
  <c r="AE91683" i="1"/>
  <c r="AE91684" i="1"/>
  <c r="AE91685" i="1"/>
  <c r="AE91686" i="1"/>
  <c r="AE91687" i="1"/>
  <c r="AE91688" i="1"/>
  <c r="AE91689" i="1"/>
  <c r="AE91690" i="1"/>
  <c r="AE91691" i="1"/>
  <c r="AE91692" i="1"/>
  <c r="AE91693" i="1"/>
  <c r="AE91694" i="1"/>
  <c r="AE91695" i="1"/>
  <c r="AE91696" i="1"/>
  <c r="AE91697" i="1"/>
  <c r="AE91698" i="1"/>
  <c r="AE91699" i="1"/>
  <c r="AE91700" i="1"/>
  <c r="AE91701" i="1"/>
  <c r="AE91702" i="1"/>
  <c r="AE91703" i="1"/>
  <c r="AE91704" i="1"/>
  <c r="AE91705" i="1"/>
  <c r="AE91706" i="1"/>
  <c r="AE91707" i="1"/>
  <c r="AE91708" i="1"/>
  <c r="AE91709" i="1"/>
  <c r="AE91710" i="1"/>
  <c r="AE91711" i="1"/>
  <c r="AE91712" i="1"/>
  <c r="AE91713" i="1"/>
  <c r="AE91714" i="1"/>
  <c r="AE91715" i="1"/>
  <c r="AE91716" i="1"/>
  <c r="AE91717" i="1"/>
  <c r="AE91718" i="1"/>
  <c r="AE91719" i="1"/>
  <c r="AE91720" i="1"/>
  <c r="AE91721" i="1"/>
  <c r="AE91722" i="1"/>
  <c r="AE91723" i="1"/>
  <c r="AE91724" i="1"/>
  <c r="AE91725" i="1"/>
  <c r="AE91726" i="1"/>
  <c r="AE91727" i="1"/>
  <c r="AE91728" i="1"/>
  <c r="AE91729" i="1"/>
  <c r="AE91730" i="1"/>
  <c r="AE91731" i="1"/>
  <c r="AE91732" i="1"/>
  <c r="AE91733" i="1"/>
  <c r="AE91734" i="1"/>
  <c r="AE91735" i="1"/>
  <c r="AE91736" i="1"/>
  <c r="AE91737" i="1"/>
  <c r="AE91738" i="1"/>
  <c r="AE91739" i="1"/>
  <c r="AE91740" i="1"/>
  <c r="AE91741" i="1"/>
  <c r="AE91742" i="1"/>
  <c r="AE91743" i="1"/>
  <c r="AE91744" i="1"/>
  <c r="AE91745" i="1"/>
  <c r="AE91746" i="1"/>
  <c r="AE91747" i="1"/>
  <c r="AE91748" i="1"/>
  <c r="AE91749" i="1"/>
  <c r="AE91750" i="1"/>
  <c r="AE91751" i="1"/>
  <c r="AE91752" i="1"/>
  <c r="AE91753" i="1"/>
  <c r="AE91754" i="1"/>
  <c r="AE91755" i="1"/>
  <c r="AE91756" i="1"/>
  <c r="AE91757" i="1"/>
  <c r="AE91758" i="1"/>
  <c r="AE91759" i="1"/>
  <c r="AE91760" i="1"/>
  <c r="AE91761" i="1"/>
  <c r="AE91762" i="1"/>
  <c r="AE91763" i="1"/>
  <c r="AE91764" i="1"/>
  <c r="AE91765" i="1"/>
  <c r="AE91766" i="1"/>
  <c r="AE91767" i="1"/>
  <c r="AE91768" i="1"/>
  <c r="AE91769" i="1"/>
  <c r="AE91770" i="1"/>
  <c r="AE91771" i="1"/>
  <c r="AE91772" i="1"/>
  <c r="AE91773" i="1"/>
  <c r="AE91774" i="1"/>
  <c r="AE91775" i="1"/>
  <c r="AE91776" i="1"/>
  <c r="AE91777" i="1"/>
  <c r="AE91778" i="1"/>
  <c r="AE91779" i="1"/>
  <c r="AE91780" i="1"/>
  <c r="AE91781" i="1"/>
  <c r="AE91782" i="1"/>
  <c r="AE91783" i="1"/>
  <c r="AE91784" i="1"/>
  <c r="AE91785" i="1"/>
  <c r="AE91786" i="1"/>
  <c r="AE91787" i="1"/>
  <c r="AE91788" i="1"/>
  <c r="AE91789" i="1"/>
  <c r="AE91790" i="1"/>
  <c r="AE91791" i="1"/>
  <c r="AE91792" i="1"/>
  <c r="AE91793" i="1"/>
  <c r="AE91794" i="1"/>
  <c r="AE91795" i="1"/>
  <c r="AE91796" i="1"/>
  <c r="AE91797" i="1"/>
  <c r="AE91798" i="1"/>
  <c r="AE91799" i="1"/>
  <c r="AE91800" i="1"/>
  <c r="AE91801" i="1"/>
  <c r="AE91802" i="1"/>
  <c r="AE91803" i="1"/>
  <c r="AE91804" i="1"/>
  <c r="AE91805" i="1"/>
  <c r="AE91806" i="1"/>
  <c r="AE91807" i="1"/>
  <c r="AE91808" i="1"/>
  <c r="AE91809" i="1"/>
  <c r="AE91810" i="1"/>
  <c r="AE91811" i="1"/>
  <c r="AE91812" i="1"/>
  <c r="AE91813" i="1"/>
  <c r="AE91814" i="1"/>
  <c r="AE91815" i="1"/>
  <c r="AE91816" i="1"/>
  <c r="AE91817" i="1"/>
  <c r="AE91818" i="1"/>
  <c r="AE91819" i="1"/>
  <c r="AE91820" i="1"/>
  <c r="AE91821" i="1"/>
  <c r="AE91822" i="1"/>
  <c r="AE91823" i="1"/>
  <c r="AE91824" i="1"/>
  <c r="AE91825" i="1"/>
  <c r="AE91826" i="1"/>
  <c r="AE91827" i="1"/>
  <c r="AE91828" i="1"/>
  <c r="AE91829" i="1"/>
  <c r="AE91830" i="1"/>
  <c r="AE91831" i="1"/>
  <c r="AE91832" i="1"/>
  <c r="AE91833" i="1"/>
  <c r="AE91834" i="1"/>
  <c r="AE91835" i="1"/>
  <c r="AE91836" i="1"/>
  <c r="AE91837" i="1"/>
  <c r="AE91838" i="1"/>
  <c r="AE91839" i="1"/>
  <c r="AE91840" i="1"/>
  <c r="AE91841" i="1"/>
  <c r="AE91842" i="1"/>
  <c r="AE91843" i="1"/>
  <c r="AE91844" i="1"/>
  <c r="AE91845" i="1"/>
  <c r="AE91846" i="1"/>
  <c r="AE91847" i="1"/>
  <c r="AE91848" i="1"/>
  <c r="AE91849" i="1"/>
  <c r="AE91850" i="1"/>
  <c r="AE91851" i="1"/>
  <c r="AE91852" i="1"/>
  <c r="AE91853" i="1"/>
  <c r="AE91854" i="1"/>
  <c r="AE91855" i="1"/>
  <c r="AE91856" i="1"/>
  <c r="AE91857" i="1"/>
  <c r="AE91858" i="1"/>
  <c r="AE91859" i="1"/>
  <c r="AE91860" i="1"/>
  <c r="AE91861" i="1"/>
  <c r="AE91862" i="1"/>
  <c r="AE91863" i="1"/>
  <c r="AE91864" i="1"/>
  <c r="AE91865" i="1"/>
  <c r="AE91866" i="1"/>
  <c r="AE91867" i="1"/>
  <c r="AE91868" i="1"/>
  <c r="AE91869" i="1"/>
  <c r="AE91870" i="1"/>
  <c r="AE91871" i="1"/>
  <c r="AE91872" i="1"/>
  <c r="AE91873" i="1"/>
  <c r="AE91874" i="1"/>
  <c r="AE91875" i="1"/>
  <c r="AE91876" i="1"/>
  <c r="AE91877" i="1"/>
  <c r="AE91878" i="1"/>
  <c r="AE91879" i="1"/>
  <c r="AE91880" i="1"/>
  <c r="AE91881" i="1"/>
  <c r="AE91882" i="1"/>
  <c r="AE91883" i="1"/>
  <c r="AE91884" i="1"/>
  <c r="AE91885" i="1"/>
  <c r="AE91886" i="1"/>
  <c r="AE91887" i="1"/>
  <c r="AE91888" i="1"/>
  <c r="AE91889" i="1"/>
  <c r="AE91890" i="1"/>
  <c r="AE91891" i="1"/>
  <c r="AE91892" i="1"/>
  <c r="AE91893" i="1"/>
  <c r="AE91894" i="1"/>
  <c r="AE91895" i="1"/>
  <c r="AE91896" i="1"/>
  <c r="AE91897" i="1"/>
  <c r="AE91898" i="1"/>
  <c r="AE91899" i="1"/>
  <c r="AE91900" i="1"/>
  <c r="AE91901" i="1"/>
  <c r="AE91902" i="1"/>
  <c r="AE91903" i="1"/>
  <c r="AE91904" i="1"/>
  <c r="AE91905" i="1"/>
  <c r="AE91906" i="1"/>
  <c r="AE91907" i="1"/>
  <c r="AE91908" i="1"/>
  <c r="AE91909" i="1"/>
  <c r="AE91910" i="1"/>
  <c r="AE91911" i="1"/>
  <c r="AE91912" i="1"/>
  <c r="AE91913" i="1"/>
  <c r="AE91914" i="1"/>
  <c r="AE91915" i="1"/>
  <c r="AE91916" i="1"/>
  <c r="AE91917" i="1"/>
  <c r="AE91918" i="1"/>
  <c r="AE91919" i="1"/>
  <c r="AE91920" i="1"/>
  <c r="AE91921" i="1"/>
  <c r="AE91922" i="1"/>
  <c r="AE91923" i="1"/>
  <c r="AE91924" i="1"/>
  <c r="AE91925" i="1"/>
  <c r="AE91926" i="1"/>
  <c r="AE91927" i="1"/>
  <c r="AE91928" i="1"/>
  <c r="AE91929" i="1"/>
  <c r="AE91930" i="1"/>
  <c r="AE91931" i="1"/>
  <c r="AE91932" i="1"/>
  <c r="AE91933" i="1"/>
  <c r="AE91934" i="1"/>
  <c r="AE91935" i="1"/>
  <c r="AE91936" i="1"/>
  <c r="AE91937" i="1"/>
  <c r="AE91938" i="1"/>
  <c r="AE91939" i="1"/>
  <c r="AE91940" i="1"/>
  <c r="AE91941" i="1"/>
  <c r="AE91942" i="1"/>
  <c r="AE91943" i="1"/>
  <c r="AE91944" i="1"/>
  <c r="AE91945" i="1"/>
  <c r="AE91946" i="1"/>
  <c r="AE91947" i="1"/>
  <c r="AE91948" i="1"/>
  <c r="AE91949" i="1"/>
  <c r="AE91950" i="1"/>
  <c r="AE91951" i="1"/>
  <c r="AE91952" i="1"/>
  <c r="AE91953" i="1"/>
  <c r="AE91954" i="1"/>
  <c r="AE91955" i="1"/>
  <c r="AE91956" i="1"/>
  <c r="AE91957" i="1"/>
  <c r="AE91958" i="1"/>
  <c r="AE91959" i="1"/>
  <c r="AE91960" i="1"/>
  <c r="AE91961" i="1"/>
  <c r="AE91962" i="1"/>
  <c r="AE91963" i="1"/>
  <c r="AE91964" i="1"/>
  <c r="AE91965" i="1"/>
  <c r="AE91966" i="1"/>
  <c r="AE91967" i="1"/>
  <c r="AE91968" i="1"/>
  <c r="AE91969" i="1"/>
  <c r="AE91970" i="1"/>
  <c r="AE91971" i="1"/>
  <c r="AE91972" i="1"/>
  <c r="AE91973" i="1"/>
  <c r="AE91974" i="1"/>
  <c r="AE91975" i="1"/>
  <c r="AE91976" i="1"/>
  <c r="AE91977" i="1"/>
  <c r="AE91978" i="1"/>
  <c r="AE91979" i="1"/>
  <c r="AE91980" i="1"/>
  <c r="AE91981" i="1"/>
  <c r="AE91982" i="1"/>
  <c r="AE91983" i="1"/>
  <c r="AE91984" i="1"/>
  <c r="AE91985" i="1"/>
  <c r="AE91986" i="1"/>
  <c r="AE91987" i="1"/>
  <c r="AE91988" i="1"/>
  <c r="AE91989" i="1"/>
  <c r="AE91990" i="1"/>
  <c r="AE91991" i="1"/>
  <c r="AE91992" i="1"/>
  <c r="AE91993" i="1"/>
  <c r="AE91994" i="1"/>
  <c r="AE91995" i="1"/>
  <c r="AE91996" i="1"/>
  <c r="AE91997" i="1"/>
  <c r="AE91998" i="1"/>
  <c r="AE91999" i="1"/>
  <c r="AE92000" i="1"/>
  <c r="AE92001" i="1"/>
  <c r="AE92002" i="1"/>
  <c r="AE92003" i="1"/>
  <c r="AE92004" i="1"/>
  <c r="AE92005" i="1"/>
  <c r="AE92006" i="1"/>
  <c r="AE92007" i="1"/>
  <c r="AE92008" i="1"/>
  <c r="AE92009" i="1"/>
  <c r="AE92010" i="1"/>
  <c r="AE92011" i="1"/>
  <c r="AE92012" i="1"/>
  <c r="AE92013" i="1"/>
  <c r="AE92014" i="1"/>
  <c r="AE92015" i="1"/>
  <c r="AE92016" i="1"/>
  <c r="AE92017" i="1"/>
  <c r="AE92018" i="1"/>
  <c r="AE92019" i="1"/>
  <c r="AE92020" i="1"/>
  <c r="AE92021" i="1"/>
  <c r="AE92022" i="1"/>
  <c r="AE92023" i="1"/>
  <c r="AE92024" i="1"/>
  <c r="AE92025" i="1"/>
  <c r="AE92026" i="1"/>
  <c r="AE92027" i="1"/>
  <c r="AE92028" i="1"/>
  <c r="AE92029" i="1"/>
  <c r="AE92030" i="1"/>
  <c r="AE92031" i="1"/>
  <c r="AE92032" i="1"/>
  <c r="AE92033" i="1"/>
  <c r="AE92034" i="1"/>
  <c r="AE92035" i="1"/>
  <c r="AE92036" i="1"/>
  <c r="AE92037" i="1"/>
  <c r="AE92038" i="1"/>
  <c r="AE92039" i="1"/>
  <c r="AE92040" i="1"/>
  <c r="AE92041" i="1"/>
  <c r="AE92042" i="1"/>
  <c r="AE92043" i="1"/>
  <c r="AE92044" i="1"/>
  <c r="AE92045" i="1"/>
  <c r="AE92046" i="1"/>
  <c r="AE92047" i="1"/>
  <c r="AE92048" i="1"/>
  <c r="AE92049" i="1"/>
  <c r="AE92050" i="1"/>
  <c r="AE92051" i="1"/>
  <c r="AE92052" i="1"/>
  <c r="AE92053" i="1"/>
  <c r="AE92054" i="1"/>
  <c r="AE92055" i="1"/>
  <c r="AE92056" i="1"/>
  <c r="AE92057" i="1"/>
  <c r="AE92058" i="1"/>
  <c r="AE92059" i="1"/>
  <c r="AE92060" i="1"/>
  <c r="AE92061" i="1"/>
  <c r="AE92062" i="1"/>
  <c r="AE92063" i="1"/>
  <c r="AE92064" i="1"/>
  <c r="AE92065" i="1"/>
  <c r="AE92066" i="1"/>
  <c r="AE92067" i="1"/>
  <c r="AE92068" i="1"/>
  <c r="AE92069" i="1"/>
  <c r="AE92070" i="1"/>
  <c r="AE92071" i="1"/>
  <c r="AE92072" i="1"/>
  <c r="AE92073" i="1"/>
  <c r="AE92074" i="1"/>
  <c r="AE92075" i="1"/>
  <c r="AE92076" i="1"/>
  <c r="AE92077" i="1"/>
  <c r="AE92078" i="1"/>
  <c r="AE92079" i="1"/>
  <c r="AE92080" i="1"/>
  <c r="AE92081" i="1"/>
  <c r="AE92082" i="1"/>
  <c r="AE92083" i="1"/>
  <c r="AE92084" i="1"/>
  <c r="AE92085" i="1"/>
  <c r="AE92086" i="1"/>
  <c r="AE92087" i="1"/>
  <c r="AE92088" i="1"/>
  <c r="AE92089" i="1"/>
  <c r="AE92090" i="1"/>
  <c r="AE92091" i="1"/>
  <c r="AE92092" i="1"/>
  <c r="AE92093" i="1"/>
  <c r="AE92094" i="1"/>
  <c r="AE92095" i="1"/>
  <c r="AE92096" i="1"/>
  <c r="AE92097" i="1"/>
  <c r="AE92098" i="1"/>
  <c r="AE92099" i="1"/>
  <c r="AE92100" i="1"/>
  <c r="AE92101" i="1"/>
  <c r="AE92102" i="1"/>
  <c r="AE92103" i="1"/>
  <c r="AE92104" i="1"/>
  <c r="AE92105" i="1"/>
  <c r="AE92106" i="1"/>
  <c r="AE92107" i="1"/>
  <c r="AE92108" i="1"/>
  <c r="AE92109" i="1"/>
  <c r="AE92110" i="1"/>
  <c r="AE92111" i="1"/>
  <c r="AE92112" i="1"/>
  <c r="AE92113" i="1"/>
  <c r="AE92114" i="1"/>
  <c r="AE92115" i="1"/>
  <c r="AE92116" i="1"/>
  <c r="AE92117" i="1"/>
  <c r="AE92118" i="1"/>
  <c r="AE92119" i="1"/>
  <c r="AE92120" i="1"/>
  <c r="AE92121" i="1"/>
  <c r="AE92122" i="1"/>
  <c r="AE92123" i="1"/>
  <c r="AE92124" i="1"/>
  <c r="AE92125" i="1"/>
  <c r="AE92126" i="1"/>
  <c r="AE92127" i="1"/>
  <c r="AE92128" i="1"/>
  <c r="AE92129" i="1"/>
  <c r="AE92130" i="1"/>
  <c r="AE92131" i="1"/>
  <c r="AE92132" i="1"/>
  <c r="AE92133" i="1"/>
  <c r="AE92134" i="1"/>
  <c r="AE92135" i="1"/>
  <c r="AE92136" i="1"/>
  <c r="AE92137" i="1"/>
  <c r="AE92138" i="1"/>
  <c r="AE92139" i="1"/>
  <c r="AE92140" i="1"/>
  <c r="AE92141" i="1"/>
  <c r="AE92142" i="1"/>
  <c r="AE92143" i="1"/>
  <c r="AE92144" i="1"/>
  <c r="AE92145" i="1"/>
  <c r="AE92146" i="1"/>
  <c r="AE92147" i="1"/>
  <c r="AE92148" i="1"/>
  <c r="AE92149" i="1"/>
  <c r="AE92150" i="1"/>
  <c r="AE92151" i="1"/>
  <c r="AE92152" i="1"/>
  <c r="AE92153" i="1"/>
  <c r="AE92154" i="1"/>
  <c r="AE92155" i="1"/>
  <c r="AE92156" i="1"/>
  <c r="AE92157" i="1"/>
  <c r="AE92158" i="1"/>
  <c r="AE92159" i="1"/>
  <c r="AE92160" i="1"/>
  <c r="AE92161" i="1"/>
  <c r="AE92162" i="1"/>
  <c r="AE92163" i="1"/>
  <c r="AE92164" i="1"/>
  <c r="AE92165" i="1"/>
  <c r="AE92166" i="1"/>
  <c r="AE92167" i="1"/>
  <c r="AE92168" i="1"/>
  <c r="AE92169" i="1"/>
  <c r="AE92170" i="1"/>
  <c r="AE92171" i="1"/>
  <c r="AE92172" i="1"/>
  <c r="AE92173" i="1"/>
  <c r="AE92174" i="1"/>
  <c r="AE92175" i="1"/>
  <c r="AE92176" i="1"/>
  <c r="AE92177" i="1"/>
  <c r="AE92178" i="1"/>
  <c r="AE92179" i="1"/>
  <c r="AE92180" i="1"/>
  <c r="AE92181" i="1"/>
  <c r="AE92182" i="1"/>
  <c r="AE92183" i="1"/>
  <c r="AE92184" i="1"/>
  <c r="AE92185" i="1"/>
  <c r="AE92186" i="1"/>
  <c r="AE92187" i="1"/>
  <c r="AE92188" i="1"/>
  <c r="AE92189" i="1"/>
  <c r="AE92190" i="1"/>
  <c r="AE92191" i="1"/>
  <c r="AE92192" i="1"/>
  <c r="AE92193" i="1"/>
  <c r="AE92194" i="1"/>
  <c r="AE92195" i="1"/>
  <c r="AE92196" i="1"/>
  <c r="AE92197" i="1"/>
  <c r="AE92198" i="1"/>
  <c r="AE92199" i="1"/>
  <c r="AE92200" i="1"/>
  <c r="AE92201" i="1"/>
  <c r="AE92202" i="1"/>
  <c r="AE92203" i="1"/>
  <c r="AE92204" i="1"/>
  <c r="AE92205" i="1"/>
  <c r="AE92206" i="1"/>
  <c r="AE92207" i="1"/>
  <c r="AE92208" i="1"/>
  <c r="AE92209" i="1"/>
  <c r="AE92210" i="1"/>
  <c r="AE92211" i="1"/>
  <c r="AE92212" i="1"/>
  <c r="AE92213" i="1"/>
  <c r="AE92214" i="1"/>
  <c r="AE92215" i="1"/>
  <c r="AE92216" i="1"/>
  <c r="AE92217" i="1"/>
  <c r="AE92218" i="1"/>
  <c r="AE92219" i="1"/>
  <c r="AE92220" i="1"/>
  <c r="AE92221" i="1"/>
  <c r="AE92222" i="1"/>
  <c r="AE92223" i="1"/>
  <c r="AE92224" i="1"/>
  <c r="AE92225" i="1"/>
  <c r="AE92226" i="1"/>
  <c r="AE92227" i="1"/>
  <c r="AE92228" i="1"/>
  <c r="AE92229" i="1"/>
  <c r="AE92230" i="1"/>
  <c r="AE92231" i="1"/>
  <c r="AE92232" i="1"/>
  <c r="AE92233" i="1"/>
  <c r="AE92234" i="1"/>
  <c r="AE92235" i="1"/>
  <c r="AE92236" i="1"/>
  <c r="AE92237" i="1"/>
  <c r="AE92238" i="1"/>
  <c r="AE92239" i="1"/>
  <c r="AE92240" i="1"/>
  <c r="AE92241" i="1"/>
  <c r="AE92242" i="1"/>
  <c r="AE92243" i="1"/>
  <c r="AE92244" i="1"/>
  <c r="AE92245" i="1"/>
  <c r="AE92246" i="1"/>
  <c r="AE92247" i="1"/>
  <c r="AE92248" i="1"/>
  <c r="AE92249" i="1"/>
  <c r="AE92250" i="1"/>
  <c r="AE92251" i="1"/>
  <c r="AE92252" i="1"/>
  <c r="AE92253" i="1"/>
  <c r="AE92254" i="1"/>
  <c r="AE92255" i="1"/>
  <c r="AE92256" i="1"/>
  <c r="AE92257" i="1"/>
  <c r="AE92258" i="1"/>
  <c r="AE92259" i="1"/>
  <c r="AE92260" i="1"/>
  <c r="AE92261" i="1"/>
  <c r="AE92262" i="1"/>
  <c r="AE92263" i="1"/>
  <c r="AE92264" i="1"/>
  <c r="AE92265" i="1"/>
  <c r="AE92266" i="1"/>
  <c r="AE92267" i="1"/>
  <c r="AE92268" i="1"/>
  <c r="AE92269" i="1"/>
  <c r="AE92270" i="1"/>
  <c r="AE92271" i="1"/>
  <c r="AE92272" i="1"/>
  <c r="AE92273" i="1"/>
  <c r="AE92274" i="1"/>
  <c r="AE92275" i="1"/>
  <c r="AE92276" i="1"/>
  <c r="AE92277" i="1"/>
  <c r="AE92278" i="1"/>
  <c r="AE92279" i="1"/>
  <c r="AE92280" i="1"/>
  <c r="AE92281" i="1"/>
  <c r="AE92282" i="1"/>
  <c r="AE92283" i="1"/>
  <c r="AE92284" i="1"/>
  <c r="AE92285" i="1"/>
  <c r="AE92286" i="1"/>
  <c r="AE92287" i="1"/>
  <c r="AE92288" i="1"/>
  <c r="AE92289" i="1"/>
  <c r="AE92290" i="1"/>
  <c r="AE92291" i="1"/>
  <c r="AE92292" i="1"/>
  <c r="AE92293" i="1"/>
  <c r="AE92294" i="1"/>
  <c r="AE92295" i="1"/>
  <c r="AE92296" i="1"/>
  <c r="AE92297" i="1"/>
  <c r="AE92298" i="1"/>
  <c r="AE92299" i="1"/>
  <c r="AE92300" i="1"/>
  <c r="AE92301" i="1"/>
  <c r="AE92302" i="1"/>
  <c r="AE92303" i="1"/>
  <c r="AE92304" i="1"/>
  <c r="AE92305" i="1"/>
  <c r="AE92306" i="1"/>
  <c r="AE92307" i="1"/>
  <c r="AE92308" i="1"/>
  <c r="AE92309" i="1"/>
  <c r="AE92310" i="1"/>
  <c r="AE92311" i="1"/>
  <c r="AE92312" i="1"/>
  <c r="AE92313" i="1"/>
  <c r="AE92314" i="1"/>
  <c r="AE92315" i="1"/>
  <c r="AE92316" i="1"/>
  <c r="AE92317" i="1"/>
  <c r="AE92318" i="1"/>
  <c r="AE92319" i="1"/>
  <c r="AE92320" i="1"/>
  <c r="AE92321" i="1"/>
  <c r="AE92322" i="1"/>
  <c r="AE92323" i="1"/>
  <c r="AE92324" i="1"/>
  <c r="AE92325" i="1"/>
  <c r="AE92326" i="1"/>
  <c r="AE92327" i="1"/>
  <c r="AE92328" i="1"/>
  <c r="AE92329" i="1"/>
  <c r="AE92330" i="1"/>
  <c r="AE92331" i="1"/>
  <c r="AE92332" i="1"/>
  <c r="AE92333" i="1"/>
  <c r="AE92334" i="1"/>
  <c r="AE92335" i="1"/>
  <c r="AE92336" i="1"/>
  <c r="AE92337" i="1"/>
  <c r="AE92338" i="1"/>
  <c r="AE92339" i="1"/>
  <c r="AE92340" i="1"/>
  <c r="AE92341" i="1"/>
  <c r="AE92342" i="1"/>
  <c r="AE92343" i="1"/>
  <c r="AE92344" i="1"/>
  <c r="AE92345" i="1"/>
  <c r="AE92346" i="1"/>
  <c r="AE92347" i="1"/>
  <c r="AE92348" i="1"/>
  <c r="AE92349" i="1"/>
  <c r="AE92350" i="1"/>
  <c r="AE92351" i="1"/>
  <c r="AE92352" i="1"/>
  <c r="AE92353" i="1"/>
  <c r="AE92354" i="1"/>
  <c r="AE92355" i="1"/>
  <c r="AE92356" i="1"/>
  <c r="AE92357" i="1"/>
  <c r="AE92358" i="1"/>
  <c r="AE92359" i="1"/>
  <c r="AE92360" i="1"/>
  <c r="AE92361" i="1"/>
  <c r="AE92362" i="1"/>
  <c r="AE92363" i="1"/>
  <c r="AE92364" i="1"/>
  <c r="AE92365" i="1"/>
  <c r="AE92366" i="1"/>
  <c r="AE92367" i="1"/>
  <c r="AE92368" i="1"/>
  <c r="AE92369" i="1"/>
  <c r="AE92370" i="1"/>
  <c r="AE92371" i="1"/>
  <c r="AE92372" i="1"/>
  <c r="AE92373" i="1"/>
  <c r="AE92374" i="1"/>
  <c r="AE92375" i="1"/>
  <c r="AE92376" i="1"/>
  <c r="AE92377" i="1"/>
  <c r="AE92378" i="1"/>
  <c r="AE92379" i="1"/>
  <c r="AE92380" i="1"/>
  <c r="AE92381" i="1"/>
  <c r="AE92382" i="1"/>
  <c r="AE92383" i="1"/>
  <c r="AE92384" i="1"/>
  <c r="AE92385" i="1"/>
  <c r="AE92386" i="1"/>
  <c r="AE92387" i="1"/>
  <c r="AE92388" i="1"/>
  <c r="AE92389" i="1"/>
  <c r="AE92390" i="1"/>
  <c r="AE92391" i="1"/>
  <c r="AE92392" i="1"/>
  <c r="AE92393" i="1"/>
  <c r="AE92394" i="1"/>
  <c r="AE92395" i="1"/>
  <c r="AE92396" i="1"/>
  <c r="AE92397" i="1"/>
  <c r="AE92398" i="1"/>
  <c r="AE92399" i="1"/>
  <c r="AE92400" i="1"/>
  <c r="AE92401" i="1"/>
  <c r="AE92402" i="1"/>
  <c r="AE92403" i="1"/>
  <c r="AE92404" i="1"/>
  <c r="AE92405" i="1"/>
  <c r="AE92406" i="1"/>
  <c r="AE92407" i="1"/>
  <c r="AE92408" i="1"/>
  <c r="AE92409" i="1"/>
  <c r="AE92410" i="1"/>
  <c r="AE92411" i="1"/>
  <c r="AE92412" i="1"/>
  <c r="AE92413" i="1"/>
  <c r="AE92414" i="1"/>
  <c r="AE92415" i="1"/>
  <c r="AE92416" i="1"/>
  <c r="AE92417" i="1"/>
  <c r="AE92418" i="1"/>
  <c r="AE92419" i="1"/>
  <c r="AE92420" i="1"/>
  <c r="AE92421" i="1"/>
  <c r="AE92422" i="1"/>
  <c r="AE92423" i="1"/>
  <c r="AE92424" i="1"/>
  <c r="AE92425" i="1"/>
  <c r="AE92426" i="1"/>
  <c r="AE92427" i="1"/>
  <c r="AE92428" i="1"/>
  <c r="AE92429" i="1"/>
  <c r="AE92430" i="1"/>
  <c r="AE92431" i="1"/>
  <c r="AE92432" i="1"/>
  <c r="AE92433" i="1"/>
  <c r="AE92434" i="1"/>
  <c r="AE92435" i="1"/>
  <c r="AE92436" i="1"/>
  <c r="AE92437" i="1"/>
  <c r="AE92438" i="1"/>
  <c r="AE92439" i="1"/>
  <c r="AE92440" i="1"/>
  <c r="AE92441" i="1"/>
  <c r="AE92442" i="1"/>
  <c r="AE92443" i="1"/>
  <c r="AE92444" i="1"/>
  <c r="AE92445" i="1"/>
  <c r="AE92446" i="1"/>
  <c r="AE92447" i="1"/>
  <c r="AE92448" i="1"/>
  <c r="AE92449" i="1"/>
  <c r="AE92450" i="1"/>
  <c r="AE92451" i="1"/>
  <c r="AE92452" i="1"/>
  <c r="AE92453" i="1"/>
  <c r="AE92454" i="1"/>
  <c r="AE92455" i="1"/>
  <c r="AE92456" i="1"/>
  <c r="AE92457" i="1"/>
  <c r="AE92458" i="1"/>
  <c r="AE92459" i="1"/>
  <c r="AE92460" i="1"/>
  <c r="AE92461" i="1"/>
  <c r="AE92462" i="1"/>
  <c r="AE92463" i="1"/>
  <c r="AE92464" i="1"/>
  <c r="AE92465" i="1"/>
  <c r="AE92466" i="1"/>
  <c r="AE92467" i="1"/>
  <c r="AE92468" i="1"/>
  <c r="AE92469" i="1"/>
  <c r="AE92470" i="1"/>
  <c r="AE92471" i="1"/>
  <c r="AE92472" i="1"/>
  <c r="AE92473" i="1"/>
  <c r="AE92474" i="1"/>
  <c r="AE92475" i="1"/>
  <c r="AE92476" i="1"/>
  <c r="AE92477" i="1"/>
  <c r="AE92478" i="1"/>
  <c r="AE92479" i="1"/>
  <c r="AE92480" i="1"/>
  <c r="AE92481" i="1"/>
  <c r="AE92482" i="1"/>
  <c r="AE92483" i="1"/>
  <c r="AE92484" i="1"/>
  <c r="AE92485" i="1"/>
  <c r="AE92486" i="1"/>
  <c r="AE92487" i="1"/>
  <c r="AE92488" i="1"/>
  <c r="AE92489" i="1"/>
  <c r="AE92490" i="1"/>
  <c r="AE92491" i="1"/>
  <c r="AE92492" i="1"/>
  <c r="AE92493" i="1"/>
  <c r="AE92494" i="1"/>
  <c r="AE92495" i="1"/>
  <c r="AE92496" i="1"/>
  <c r="AE92497" i="1"/>
  <c r="AE92498" i="1"/>
  <c r="AE92499" i="1"/>
  <c r="AE92500" i="1"/>
  <c r="AE92501" i="1"/>
  <c r="AE92502" i="1"/>
  <c r="AE92503" i="1"/>
  <c r="AE92504" i="1"/>
  <c r="AE92505" i="1"/>
  <c r="AE92506" i="1"/>
  <c r="AE92507" i="1"/>
  <c r="AE92508" i="1"/>
  <c r="AE92509" i="1"/>
  <c r="AE92510" i="1"/>
  <c r="AE92511" i="1"/>
  <c r="AE92512" i="1"/>
  <c r="AE92513" i="1"/>
  <c r="AE92514" i="1"/>
  <c r="AE92515" i="1"/>
  <c r="AE92516" i="1"/>
  <c r="AE92517" i="1"/>
  <c r="AE92518" i="1"/>
  <c r="AE92519" i="1"/>
  <c r="AE92520" i="1"/>
  <c r="AE92521" i="1"/>
  <c r="AE92522" i="1"/>
  <c r="AE92523" i="1"/>
  <c r="AE92524" i="1"/>
  <c r="AE92525" i="1"/>
  <c r="AE92526" i="1"/>
  <c r="AE92527" i="1"/>
  <c r="AE92528" i="1"/>
  <c r="AE92529" i="1"/>
  <c r="AE92530" i="1"/>
  <c r="AE92531" i="1"/>
  <c r="AE92532" i="1"/>
  <c r="AE92533" i="1"/>
  <c r="AE92534" i="1"/>
  <c r="AE92535" i="1"/>
  <c r="AE92536" i="1"/>
  <c r="AE92537" i="1"/>
  <c r="AE92538" i="1"/>
  <c r="AE92539" i="1"/>
  <c r="AE92540" i="1"/>
  <c r="AE92541" i="1"/>
  <c r="AE92542" i="1"/>
  <c r="AE92543" i="1"/>
  <c r="AE92544" i="1"/>
  <c r="AE92545" i="1"/>
  <c r="AE92546" i="1"/>
  <c r="AE92547" i="1"/>
  <c r="AE92548" i="1"/>
  <c r="AE92549" i="1"/>
  <c r="AE92550" i="1"/>
  <c r="AE92551" i="1"/>
  <c r="AE92552" i="1"/>
  <c r="AE92553" i="1"/>
  <c r="AE92554" i="1"/>
  <c r="AE92555" i="1"/>
  <c r="AE92556" i="1"/>
  <c r="AE92557" i="1"/>
  <c r="AE92558" i="1"/>
  <c r="AE92559" i="1"/>
  <c r="AE92560" i="1"/>
  <c r="AE92561" i="1"/>
  <c r="AE92562" i="1"/>
  <c r="AE92563" i="1"/>
  <c r="AE92564" i="1"/>
  <c r="AE92565" i="1"/>
  <c r="AE92566" i="1"/>
  <c r="AE92567" i="1"/>
  <c r="AE92568" i="1"/>
  <c r="AE92569" i="1"/>
  <c r="AE92570" i="1"/>
  <c r="AE92571" i="1"/>
  <c r="AE92572" i="1"/>
  <c r="AE92573" i="1"/>
  <c r="AE92574" i="1"/>
  <c r="AE92575" i="1"/>
  <c r="AE92576" i="1"/>
  <c r="AE92577" i="1"/>
  <c r="AE92578" i="1"/>
  <c r="AE92579" i="1"/>
  <c r="AE92580" i="1"/>
  <c r="AE92581" i="1"/>
  <c r="AE92582" i="1"/>
  <c r="AE92583" i="1"/>
  <c r="AE92584" i="1"/>
  <c r="AE92585" i="1"/>
  <c r="AE92586" i="1"/>
  <c r="AE92587" i="1"/>
  <c r="AE92588" i="1"/>
  <c r="AE92589" i="1"/>
  <c r="AE92590" i="1"/>
  <c r="AE92591" i="1"/>
  <c r="AE92592" i="1"/>
  <c r="AE92593" i="1"/>
  <c r="AE92594" i="1"/>
  <c r="AE92595" i="1"/>
  <c r="AE92596" i="1"/>
  <c r="AE92597" i="1"/>
  <c r="AE92598" i="1"/>
  <c r="AE92599" i="1"/>
  <c r="AE92600" i="1"/>
  <c r="AE92601" i="1"/>
  <c r="AE92602" i="1"/>
  <c r="AE92603" i="1"/>
  <c r="AE92604" i="1"/>
  <c r="AE92605" i="1"/>
  <c r="AE92606" i="1"/>
  <c r="AE92607" i="1"/>
  <c r="AE92608" i="1"/>
  <c r="AE92609" i="1"/>
  <c r="AE92610" i="1"/>
  <c r="AE92611" i="1"/>
  <c r="AE92612" i="1"/>
  <c r="AE92613" i="1"/>
  <c r="AE92614" i="1"/>
  <c r="AE92615" i="1"/>
  <c r="AE92616" i="1"/>
  <c r="AE92617" i="1"/>
  <c r="AE92618" i="1"/>
  <c r="AE92619" i="1"/>
  <c r="AE92620" i="1"/>
  <c r="AE92621" i="1"/>
  <c r="AE92622" i="1"/>
  <c r="AE92623" i="1"/>
  <c r="AE92624" i="1"/>
  <c r="AE92625" i="1"/>
  <c r="AE92626" i="1"/>
  <c r="AE92627" i="1"/>
  <c r="AE92628" i="1"/>
  <c r="AE92629" i="1"/>
  <c r="AE92630" i="1"/>
  <c r="AE92631" i="1"/>
  <c r="AE92632" i="1"/>
  <c r="AE92633" i="1"/>
  <c r="AE92634" i="1"/>
  <c r="AE92635" i="1"/>
  <c r="AE92636" i="1"/>
  <c r="AE92637" i="1"/>
  <c r="AE92638" i="1"/>
  <c r="AE92639" i="1"/>
  <c r="AE92640" i="1"/>
  <c r="AE92641" i="1"/>
  <c r="AE92642" i="1"/>
  <c r="AE92643" i="1"/>
  <c r="AE92644" i="1"/>
  <c r="AE92645" i="1"/>
  <c r="AE92646" i="1"/>
  <c r="AE92647" i="1"/>
  <c r="AE92648" i="1"/>
  <c r="AE92649" i="1"/>
  <c r="AE92650" i="1"/>
  <c r="AE92651" i="1"/>
  <c r="AE92652" i="1"/>
  <c r="AE92653" i="1"/>
  <c r="AE92654" i="1"/>
  <c r="AE92655" i="1"/>
  <c r="AE92656" i="1"/>
  <c r="AE92657" i="1"/>
  <c r="AE92658" i="1"/>
  <c r="AE92659" i="1"/>
  <c r="AE92660" i="1"/>
  <c r="AE92661" i="1"/>
  <c r="AE92662" i="1"/>
  <c r="AE92663" i="1"/>
  <c r="AE92664" i="1"/>
  <c r="AE92665" i="1"/>
  <c r="AE92666" i="1"/>
  <c r="AE92667" i="1"/>
  <c r="AE92668" i="1"/>
  <c r="AE92669" i="1"/>
  <c r="AE92670" i="1"/>
  <c r="AE92671" i="1"/>
  <c r="AE92672" i="1"/>
  <c r="AE92673" i="1"/>
  <c r="AE92674" i="1"/>
  <c r="AE92675" i="1"/>
  <c r="AE92676" i="1"/>
  <c r="AE92677" i="1"/>
  <c r="AE92678" i="1"/>
  <c r="AE92679" i="1"/>
  <c r="AE92680" i="1"/>
  <c r="AE92681" i="1"/>
  <c r="AE92682" i="1"/>
  <c r="AE92683" i="1"/>
  <c r="AE92684" i="1"/>
  <c r="AE92685" i="1"/>
  <c r="AE92686" i="1"/>
  <c r="AE92687" i="1"/>
  <c r="AE92688" i="1"/>
  <c r="AE92689" i="1"/>
  <c r="AE92690" i="1"/>
  <c r="AE92691" i="1"/>
  <c r="AE92692" i="1"/>
  <c r="AE92693" i="1"/>
  <c r="AE92694" i="1"/>
  <c r="AE92695" i="1"/>
  <c r="AE92696" i="1"/>
  <c r="AE92697" i="1"/>
  <c r="AE92698" i="1"/>
  <c r="AE92699" i="1"/>
  <c r="AE92700" i="1"/>
  <c r="AE92701" i="1"/>
  <c r="AE92702" i="1"/>
  <c r="AE92703" i="1"/>
  <c r="AE92704" i="1"/>
  <c r="AE92705" i="1"/>
  <c r="AE92706" i="1"/>
  <c r="AE92707" i="1"/>
  <c r="AE92708" i="1"/>
  <c r="AE92709" i="1"/>
  <c r="AE92710" i="1"/>
  <c r="AE92711" i="1"/>
  <c r="AE92712" i="1"/>
  <c r="AE92713" i="1"/>
  <c r="AE92714" i="1"/>
  <c r="AE92715" i="1"/>
  <c r="AE92716" i="1"/>
  <c r="AE92717" i="1"/>
  <c r="AE92718" i="1"/>
  <c r="AE92719" i="1"/>
  <c r="AE92720" i="1"/>
  <c r="AE92721" i="1"/>
  <c r="AE92722" i="1"/>
  <c r="AE92723" i="1"/>
  <c r="AE92724" i="1"/>
  <c r="AE92725" i="1"/>
  <c r="AE92726" i="1"/>
  <c r="AE92727" i="1"/>
  <c r="AE92728" i="1"/>
  <c r="AE92729" i="1"/>
  <c r="AE92730" i="1"/>
  <c r="AE92731" i="1"/>
  <c r="AE92732" i="1"/>
  <c r="AE92733" i="1"/>
  <c r="AE92734" i="1"/>
  <c r="AE92735" i="1"/>
  <c r="AE92736" i="1"/>
  <c r="AE92737" i="1"/>
  <c r="AE92738" i="1"/>
  <c r="AE92739" i="1"/>
  <c r="AE92740" i="1"/>
  <c r="AE92741" i="1"/>
  <c r="AE92742" i="1"/>
  <c r="AE92743" i="1"/>
  <c r="AE92744" i="1"/>
  <c r="AE92745" i="1"/>
  <c r="AE92746" i="1"/>
  <c r="AE92747" i="1"/>
  <c r="AE92748" i="1"/>
  <c r="AE92749" i="1"/>
  <c r="AE92750" i="1"/>
  <c r="AE92751" i="1"/>
  <c r="AE92752" i="1"/>
  <c r="AE92753" i="1"/>
  <c r="AE92754" i="1"/>
  <c r="AE92755" i="1"/>
  <c r="AE92756" i="1"/>
  <c r="AE92757" i="1"/>
  <c r="AE92758" i="1"/>
  <c r="AE92759" i="1"/>
  <c r="AE92760" i="1"/>
  <c r="AE92761" i="1"/>
  <c r="AE92762" i="1"/>
  <c r="AE92763" i="1"/>
  <c r="AE92764" i="1"/>
  <c r="AE92765" i="1"/>
  <c r="AE92766" i="1"/>
  <c r="AE92767" i="1"/>
  <c r="AE92768" i="1"/>
  <c r="AE92769" i="1"/>
  <c r="AE92770" i="1"/>
  <c r="AE92771" i="1"/>
  <c r="AE92772" i="1"/>
  <c r="AE92773" i="1"/>
  <c r="AE92774" i="1"/>
  <c r="AE92775" i="1"/>
  <c r="AE92776" i="1"/>
  <c r="AE92777" i="1"/>
  <c r="AE92778" i="1"/>
  <c r="AE92779" i="1"/>
  <c r="AE92780" i="1"/>
  <c r="AE92781" i="1"/>
  <c r="AE92782" i="1"/>
  <c r="AE92783" i="1"/>
  <c r="AE92784" i="1"/>
  <c r="AE92785" i="1"/>
  <c r="AE92786" i="1"/>
  <c r="AE92787" i="1"/>
  <c r="AE92788" i="1"/>
  <c r="AE92789" i="1"/>
  <c r="AE92790" i="1"/>
  <c r="AE92791" i="1"/>
  <c r="AE92792" i="1"/>
  <c r="AE92793" i="1"/>
  <c r="AE92794" i="1"/>
  <c r="AE92795" i="1"/>
  <c r="AE92796" i="1"/>
  <c r="AE92797" i="1"/>
  <c r="AE92798" i="1"/>
  <c r="AE92799" i="1"/>
  <c r="AE92800" i="1"/>
  <c r="AE92801" i="1"/>
  <c r="AE92802" i="1"/>
  <c r="AE92803" i="1"/>
  <c r="AE92804" i="1"/>
  <c r="AE92805" i="1"/>
  <c r="AE92806" i="1"/>
  <c r="AE92807" i="1"/>
  <c r="AE92808" i="1"/>
  <c r="AE92809" i="1"/>
  <c r="AE92810" i="1"/>
  <c r="AE92811" i="1"/>
  <c r="AE92812" i="1"/>
  <c r="AE92813" i="1"/>
  <c r="AE92814" i="1"/>
  <c r="AE92815" i="1"/>
  <c r="AE92816" i="1"/>
  <c r="AE92817" i="1"/>
  <c r="AE92818" i="1"/>
  <c r="AE92819" i="1"/>
  <c r="AE92820" i="1"/>
  <c r="AE92821" i="1"/>
  <c r="AE92822" i="1"/>
  <c r="AE92823" i="1"/>
  <c r="AE92824" i="1"/>
  <c r="AE92825" i="1"/>
  <c r="AE92826" i="1"/>
  <c r="AE92827" i="1"/>
  <c r="AE92828" i="1"/>
  <c r="AE92829" i="1"/>
  <c r="AE92830" i="1"/>
  <c r="AE92831" i="1"/>
  <c r="AE92832" i="1"/>
  <c r="AE92833" i="1"/>
  <c r="AE92834" i="1"/>
  <c r="AE92835" i="1"/>
  <c r="AE92836" i="1"/>
  <c r="AE92837" i="1"/>
  <c r="AE92838" i="1"/>
  <c r="AE92839" i="1"/>
  <c r="AE92840" i="1"/>
  <c r="AE92841" i="1"/>
  <c r="AE92842" i="1"/>
  <c r="AE92843" i="1"/>
  <c r="AE92844" i="1"/>
  <c r="AE92845" i="1"/>
  <c r="AE92846" i="1"/>
  <c r="AE92847" i="1"/>
  <c r="AE92848" i="1"/>
  <c r="AE92849" i="1"/>
  <c r="AE92850" i="1"/>
  <c r="AE92851" i="1"/>
  <c r="AE92852" i="1"/>
  <c r="AE92853" i="1"/>
  <c r="AE92854" i="1"/>
  <c r="AE92855" i="1"/>
  <c r="AE92856" i="1"/>
  <c r="AE92857" i="1"/>
  <c r="AE92858" i="1"/>
  <c r="AE92859" i="1"/>
  <c r="AE92860" i="1"/>
  <c r="AE92861" i="1"/>
  <c r="AE92862" i="1"/>
  <c r="AE92863" i="1"/>
  <c r="AE92864" i="1"/>
  <c r="AE92865" i="1"/>
  <c r="AE92866" i="1"/>
  <c r="AE92867" i="1"/>
  <c r="AE92868" i="1"/>
  <c r="AE92869" i="1"/>
  <c r="AE92870" i="1"/>
  <c r="AE92871" i="1"/>
  <c r="AE92872" i="1"/>
  <c r="AE92873" i="1"/>
  <c r="AE92874" i="1"/>
  <c r="AE92875" i="1"/>
  <c r="AE92876" i="1"/>
  <c r="AE92877" i="1"/>
  <c r="AE92878" i="1"/>
  <c r="AE92879" i="1"/>
  <c r="AE92880" i="1"/>
  <c r="AE92881" i="1"/>
  <c r="AE92882" i="1"/>
  <c r="AE92883" i="1"/>
  <c r="AE92884" i="1"/>
  <c r="AE92885" i="1"/>
  <c r="AE92886" i="1"/>
  <c r="AE92887" i="1"/>
  <c r="AE92888" i="1"/>
  <c r="AE92889" i="1"/>
  <c r="AE92890" i="1"/>
  <c r="AE92891" i="1"/>
  <c r="AE92892" i="1"/>
  <c r="AE92893" i="1"/>
  <c r="AE92894" i="1"/>
  <c r="AE92895" i="1"/>
  <c r="AE92896" i="1"/>
  <c r="AE92897" i="1"/>
  <c r="AE92898" i="1"/>
  <c r="AE92899" i="1"/>
  <c r="AE92900" i="1"/>
  <c r="AE92901" i="1"/>
  <c r="AE92902" i="1"/>
  <c r="AE92903" i="1"/>
  <c r="AE92904" i="1"/>
  <c r="AE92905" i="1"/>
  <c r="AE92906" i="1"/>
  <c r="AE92907" i="1"/>
  <c r="AE92908" i="1"/>
  <c r="AE92909" i="1"/>
  <c r="AE92910" i="1"/>
  <c r="AE92911" i="1"/>
  <c r="AE92912" i="1"/>
  <c r="AE92913" i="1"/>
  <c r="AE92914" i="1"/>
  <c r="AE92915" i="1"/>
  <c r="AE92916" i="1"/>
  <c r="AE92917" i="1"/>
  <c r="AE92918" i="1"/>
  <c r="AE92919" i="1"/>
  <c r="AE92920" i="1"/>
  <c r="AE92921" i="1"/>
  <c r="AE92922" i="1"/>
  <c r="AE92923" i="1"/>
  <c r="AE92924" i="1"/>
  <c r="AE92925" i="1"/>
  <c r="AE92926" i="1"/>
  <c r="AE92927" i="1"/>
  <c r="AE92928" i="1"/>
  <c r="AE92929" i="1"/>
  <c r="AE92930" i="1"/>
  <c r="AE92931" i="1"/>
  <c r="AE92932" i="1"/>
  <c r="AE92933" i="1"/>
  <c r="AE92934" i="1"/>
  <c r="AE92935" i="1"/>
  <c r="AE92936" i="1"/>
  <c r="AE92937" i="1"/>
  <c r="AE92938" i="1"/>
  <c r="AE92939" i="1"/>
  <c r="AE92940" i="1"/>
  <c r="AE92941" i="1"/>
  <c r="AE92942" i="1"/>
  <c r="AE92943" i="1"/>
  <c r="AE92944" i="1"/>
  <c r="AE92945" i="1"/>
  <c r="AE92946" i="1"/>
  <c r="AE92947" i="1"/>
  <c r="AE92948" i="1"/>
  <c r="AE92949" i="1"/>
  <c r="AE92950" i="1"/>
  <c r="AE92951" i="1"/>
  <c r="AE92952" i="1"/>
  <c r="AE92953" i="1"/>
  <c r="AE92954" i="1"/>
  <c r="AE92955" i="1"/>
  <c r="AE92956" i="1"/>
  <c r="AE92957" i="1"/>
  <c r="AE92958" i="1"/>
  <c r="AE92959" i="1"/>
  <c r="AE92960" i="1"/>
  <c r="AE92961" i="1"/>
  <c r="AE92962" i="1"/>
  <c r="AE92963" i="1"/>
  <c r="AE92964" i="1"/>
  <c r="AE92965" i="1"/>
  <c r="AE92966" i="1"/>
  <c r="AE92967" i="1"/>
  <c r="AE92968" i="1"/>
  <c r="AE92969" i="1"/>
  <c r="AE92970" i="1"/>
  <c r="AE92971" i="1"/>
  <c r="AE92972" i="1"/>
  <c r="AE92973" i="1"/>
  <c r="AE92974" i="1"/>
  <c r="AE92975" i="1"/>
  <c r="AE92976" i="1"/>
  <c r="AE92977" i="1"/>
  <c r="AE92978" i="1"/>
  <c r="AE92979" i="1"/>
  <c r="AE92980" i="1"/>
  <c r="AE92981" i="1"/>
  <c r="AE92982" i="1"/>
  <c r="AE92983" i="1"/>
  <c r="AE92984" i="1"/>
  <c r="AE92985" i="1"/>
  <c r="AE92986" i="1"/>
  <c r="AE92987" i="1"/>
  <c r="AE92988" i="1"/>
  <c r="AE92989" i="1"/>
  <c r="AE92990" i="1"/>
  <c r="AE92991" i="1"/>
  <c r="AE92992" i="1"/>
  <c r="AE92993" i="1"/>
  <c r="AE92994" i="1"/>
  <c r="AE92995" i="1"/>
  <c r="AE92996" i="1"/>
  <c r="AE92997" i="1"/>
  <c r="AE92998" i="1"/>
  <c r="AE92999" i="1"/>
  <c r="AE93000" i="1"/>
  <c r="AE93001" i="1"/>
  <c r="AE93002" i="1"/>
  <c r="AE93003" i="1"/>
  <c r="AE93004" i="1"/>
  <c r="AE93005" i="1"/>
  <c r="AE93006" i="1"/>
  <c r="AE93007" i="1"/>
  <c r="AE93008" i="1"/>
  <c r="AE93009" i="1"/>
  <c r="AE93010" i="1"/>
  <c r="AE93011" i="1"/>
  <c r="AE93012" i="1"/>
  <c r="AE93013" i="1"/>
  <c r="AE93014" i="1"/>
  <c r="AE93015" i="1"/>
  <c r="AE93016" i="1"/>
  <c r="AE93017" i="1"/>
  <c r="AE93018" i="1"/>
  <c r="AE93019" i="1"/>
  <c r="AE93020" i="1"/>
  <c r="AE93021" i="1"/>
  <c r="AE93022" i="1"/>
  <c r="AE93023" i="1"/>
  <c r="AE93024" i="1"/>
  <c r="AE93025" i="1"/>
  <c r="AE93026" i="1"/>
  <c r="AE93027" i="1"/>
  <c r="AE93028" i="1"/>
  <c r="AE93029" i="1"/>
  <c r="AE93030" i="1"/>
  <c r="AE93031" i="1"/>
  <c r="AE93032" i="1"/>
  <c r="AE93033" i="1"/>
  <c r="AE93034" i="1"/>
  <c r="AE93035" i="1"/>
  <c r="AE93036" i="1"/>
  <c r="AE93037" i="1"/>
  <c r="AE93038" i="1"/>
  <c r="AE93039" i="1"/>
  <c r="AE93040" i="1"/>
  <c r="AE93041" i="1"/>
  <c r="AE93042" i="1"/>
  <c r="AE93043" i="1"/>
  <c r="AE93044" i="1"/>
  <c r="AE93045" i="1"/>
  <c r="AE93046" i="1"/>
  <c r="AE93047" i="1"/>
  <c r="AE93048" i="1"/>
  <c r="AE93049" i="1"/>
  <c r="AE93050" i="1"/>
  <c r="AE93051" i="1"/>
  <c r="AE93052" i="1"/>
  <c r="AE93053" i="1"/>
  <c r="AE93054" i="1"/>
  <c r="AE93055" i="1"/>
  <c r="AE93056" i="1"/>
  <c r="AE93057" i="1"/>
  <c r="AE93058" i="1"/>
  <c r="AE93059" i="1"/>
  <c r="AE93060" i="1"/>
  <c r="AE93061" i="1"/>
  <c r="AE93062" i="1"/>
  <c r="AE93063" i="1"/>
  <c r="AE93064" i="1"/>
  <c r="AE93065" i="1"/>
  <c r="AE93066" i="1"/>
  <c r="AE93067" i="1"/>
  <c r="AE93068" i="1"/>
  <c r="AE93069" i="1"/>
  <c r="AE93070" i="1"/>
  <c r="AE93071" i="1"/>
  <c r="AE93072" i="1"/>
  <c r="AE93073" i="1"/>
  <c r="AE93074" i="1"/>
  <c r="AE93075" i="1"/>
  <c r="AE93076" i="1"/>
  <c r="AE93077" i="1"/>
  <c r="AE93078" i="1"/>
  <c r="AE93079" i="1"/>
  <c r="AE93080" i="1"/>
  <c r="AE93081" i="1"/>
  <c r="AE93082" i="1"/>
  <c r="AE93083" i="1"/>
  <c r="AE93084" i="1"/>
  <c r="AE93085" i="1"/>
  <c r="AE93086" i="1"/>
  <c r="AE93087" i="1"/>
  <c r="AE93088" i="1"/>
  <c r="AE93089" i="1"/>
  <c r="AE93090" i="1"/>
  <c r="AE93091" i="1"/>
  <c r="AE93092" i="1"/>
  <c r="AE93093" i="1"/>
  <c r="AE93094" i="1"/>
  <c r="AE93095" i="1"/>
  <c r="AE93096" i="1"/>
  <c r="AE93097" i="1"/>
  <c r="AE93098" i="1"/>
  <c r="AE93099" i="1"/>
  <c r="AE93100" i="1"/>
  <c r="AE93101" i="1"/>
  <c r="AE93102" i="1"/>
  <c r="AE93103" i="1"/>
  <c r="AE93104" i="1"/>
  <c r="AE93105" i="1"/>
  <c r="AE93106" i="1"/>
  <c r="AE93107" i="1"/>
  <c r="AE93108" i="1"/>
  <c r="AE93109" i="1"/>
  <c r="AE93110" i="1"/>
  <c r="AE93111" i="1"/>
  <c r="AE93112" i="1"/>
  <c r="AE93113" i="1"/>
  <c r="AE93114" i="1"/>
  <c r="AE93115" i="1"/>
  <c r="AE93116" i="1"/>
  <c r="AE93117" i="1"/>
  <c r="AE93118" i="1"/>
  <c r="AE93119" i="1"/>
  <c r="AE93120" i="1"/>
  <c r="AE93121" i="1"/>
  <c r="AE93122" i="1"/>
  <c r="AE93123" i="1"/>
  <c r="AE93124" i="1"/>
  <c r="AE93125" i="1"/>
  <c r="AE93126" i="1"/>
  <c r="AE93127" i="1"/>
  <c r="AE93128" i="1"/>
  <c r="AE93129" i="1"/>
  <c r="AE93130" i="1"/>
  <c r="AE93131" i="1"/>
  <c r="AE93132" i="1"/>
  <c r="AE93133" i="1"/>
  <c r="AE93134" i="1"/>
  <c r="AE93135" i="1"/>
  <c r="AE93136" i="1"/>
  <c r="AE93137" i="1"/>
  <c r="AE93138" i="1"/>
  <c r="AE93139" i="1"/>
  <c r="AE93140" i="1"/>
  <c r="AE93141" i="1"/>
  <c r="AE93142" i="1"/>
  <c r="AE93143" i="1"/>
  <c r="AE93144" i="1"/>
  <c r="AE93145" i="1"/>
  <c r="AE93146" i="1"/>
  <c r="AE93147" i="1"/>
  <c r="AE93148" i="1"/>
  <c r="AE93149" i="1"/>
  <c r="AE93150" i="1"/>
  <c r="AE93151" i="1"/>
  <c r="AE93152" i="1"/>
  <c r="AE93153" i="1"/>
  <c r="AE93154" i="1"/>
  <c r="AE93155" i="1"/>
  <c r="AE93156" i="1"/>
  <c r="AE93157" i="1"/>
  <c r="AE93158" i="1"/>
  <c r="AE93159" i="1"/>
  <c r="AE93160" i="1"/>
  <c r="AE93161" i="1"/>
  <c r="AE93162" i="1"/>
  <c r="AE93163" i="1"/>
  <c r="AE93164" i="1"/>
  <c r="AE93165" i="1"/>
  <c r="AE93166" i="1"/>
  <c r="AE93167" i="1"/>
  <c r="AE93168" i="1"/>
  <c r="AE93169" i="1"/>
  <c r="AE93170" i="1"/>
  <c r="AE93171" i="1"/>
  <c r="AE93172" i="1"/>
  <c r="AE93173" i="1"/>
  <c r="AE93174" i="1"/>
  <c r="AE93175" i="1"/>
  <c r="AE93176" i="1"/>
  <c r="AE93177" i="1"/>
  <c r="AE93178" i="1"/>
  <c r="AE93179" i="1"/>
  <c r="AE93180" i="1"/>
  <c r="AE93181" i="1"/>
  <c r="AE93182" i="1"/>
  <c r="AE93183" i="1"/>
  <c r="AE93184" i="1"/>
  <c r="AE93185" i="1"/>
  <c r="AE93186" i="1"/>
  <c r="AE93187" i="1"/>
  <c r="AE93188" i="1"/>
  <c r="AE93189" i="1"/>
  <c r="AE93190" i="1"/>
  <c r="AE93191" i="1"/>
  <c r="AE93192" i="1"/>
  <c r="AE93193" i="1"/>
  <c r="AE93194" i="1"/>
  <c r="AE93195" i="1"/>
  <c r="AE93196" i="1"/>
  <c r="AE93197" i="1"/>
  <c r="AE93198" i="1"/>
  <c r="AE93199" i="1"/>
  <c r="AE93200" i="1"/>
  <c r="AE93201" i="1"/>
  <c r="AE93202" i="1"/>
  <c r="AE93203" i="1"/>
  <c r="AE93204" i="1"/>
  <c r="AE93205" i="1"/>
  <c r="AE93206" i="1"/>
  <c r="AE93207" i="1"/>
  <c r="AE93208" i="1"/>
  <c r="AE93209" i="1"/>
  <c r="AE93210" i="1"/>
  <c r="AE93211" i="1"/>
  <c r="AE93212" i="1"/>
  <c r="AE93213" i="1"/>
  <c r="AE93214" i="1"/>
  <c r="AE93215" i="1"/>
  <c r="AE93216" i="1"/>
  <c r="AE93217" i="1"/>
  <c r="AE93218" i="1"/>
  <c r="AE93219" i="1"/>
  <c r="AE93220" i="1"/>
  <c r="AE93221" i="1"/>
  <c r="AE93222" i="1"/>
  <c r="AE93223" i="1"/>
  <c r="AE93224" i="1"/>
  <c r="AE93225" i="1"/>
  <c r="AE93226" i="1"/>
  <c r="AE93227" i="1"/>
  <c r="AE93228" i="1"/>
  <c r="AE93229" i="1"/>
  <c r="AE93230" i="1"/>
  <c r="AE93231" i="1"/>
  <c r="AE93232" i="1"/>
  <c r="AE93233" i="1"/>
  <c r="AE93234" i="1"/>
  <c r="AE93235" i="1"/>
  <c r="AE93236" i="1"/>
  <c r="AE93237" i="1"/>
  <c r="AE93238" i="1"/>
  <c r="AE93239" i="1"/>
  <c r="AE93240" i="1"/>
  <c r="AE93241" i="1"/>
  <c r="AE93242" i="1"/>
  <c r="AE93243" i="1"/>
  <c r="AE93244" i="1"/>
  <c r="AE93245" i="1"/>
  <c r="AE93246" i="1"/>
  <c r="AE93247" i="1"/>
  <c r="AE93248" i="1"/>
  <c r="AE93249" i="1"/>
  <c r="AE93250" i="1"/>
  <c r="AE93251" i="1"/>
  <c r="AE93252" i="1"/>
  <c r="AE93253" i="1"/>
  <c r="AE93254" i="1"/>
  <c r="AE93255" i="1"/>
  <c r="AE93256" i="1"/>
  <c r="AE93257" i="1"/>
  <c r="AE93258" i="1"/>
  <c r="AE93259" i="1"/>
  <c r="AE93260" i="1"/>
  <c r="AE93261" i="1"/>
  <c r="AE93262" i="1"/>
  <c r="AE93263" i="1"/>
  <c r="AE93264" i="1"/>
  <c r="AE93265" i="1"/>
  <c r="AE93266" i="1"/>
  <c r="AE93267" i="1"/>
  <c r="AE93268" i="1"/>
  <c r="AE93269" i="1"/>
  <c r="AE93270" i="1"/>
  <c r="AE93271" i="1"/>
  <c r="AE93272" i="1"/>
  <c r="AE93273" i="1"/>
  <c r="AE93274" i="1"/>
  <c r="AE93275" i="1"/>
  <c r="AE93276" i="1"/>
  <c r="AE93277" i="1"/>
  <c r="AE93278" i="1"/>
  <c r="AE93279" i="1"/>
  <c r="AE93280" i="1"/>
  <c r="AE93281" i="1"/>
  <c r="AE93282" i="1"/>
  <c r="AE93283" i="1"/>
  <c r="AE93284" i="1"/>
  <c r="AE93285" i="1"/>
  <c r="AE93286" i="1"/>
  <c r="AE93287" i="1"/>
  <c r="AE93288" i="1"/>
  <c r="AE93289" i="1"/>
  <c r="AE93290" i="1"/>
  <c r="AE93291" i="1"/>
  <c r="AE93292" i="1"/>
  <c r="AE93293" i="1"/>
  <c r="AE93294" i="1"/>
  <c r="AE93295" i="1"/>
  <c r="AE93296" i="1"/>
  <c r="AE93297" i="1"/>
  <c r="AE93298" i="1"/>
  <c r="AE93299" i="1"/>
  <c r="AE93300" i="1"/>
  <c r="AE93301" i="1"/>
  <c r="AE93302" i="1"/>
  <c r="AE93303" i="1"/>
  <c r="AE93304" i="1"/>
  <c r="AE93305" i="1"/>
  <c r="AE93306" i="1"/>
  <c r="AE93307" i="1"/>
  <c r="AE93308" i="1"/>
  <c r="AE93309" i="1"/>
  <c r="AE93310" i="1"/>
  <c r="AE93311" i="1"/>
  <c r="AE93312" i="1"/>
  <c r="AE93313" i="1"/>
  <c r="AE93314" i="1"/>
  <c r="AE93315" i="1"/>
  <c r="AE93316" i="1"/>
  <c r="AE93317" i="1"/>
  <c r="AE93318" i="1"/>
  <c r="AE93319" i="1"/>
  <c r="AE93320" i="1"/>
  <c r="AE93321" i="1"/>
  <c r="AE93322" i="1"/>
  <c r="AE93323" i="1"/>
  <c r="AE93324" i="1"/>
  <c r="AE93325" i="1"/>
  <c r="AE93326" i="1"/>
  <c r="AE93327" i="1"/>
  <c r="AE93328" i="1"/>
  <c r="AE93329" i="1"/>
  <c r="AE93330" i="1"/>
  <c r="AE93331" i="1"/>
  <c r="AE93332" i="1"/>
  <c r="AE93333" i="1"/>
  <c r="AE93334" i="1"/>
  <c r="AE93335" i="1"/>
  <c r="AE93336" i="1"/>
  <c r="AE93337" i="1"/>
  <c r="AE93338" i="1"/>
  <c r="AE93339" i="1"/>
  <c r="AE93340" i="1"/>
  <c r="AE93341" i="1"/>
  <c r="AE93342" i="1"/>
  <c r="AE93343" i="1"/>
  <c r="AE93344" i="1"/>
  <c r="AE93345" i="1"/>
  <c r="AE93346" i="1"/>
  <c r="AE93347" i="1"/>
  <c r="AE93348" i="1"/>
  <c r="AE93349" i="1"/>
  <c r="AE93350" i="1"/>
  <c r="AE93351" i="1"/>
  <c r="AE93352" i="1"/>
  <c r="AE93353" i="1"/>
  <c r="AE93354" i="1"/>
  <c r="AE93355" i="1"/>
  <c r="AE93356" i="1"/>
  <c r="AE93357" i="1"/>
  <c r="AE93358" i="1"/>
  <c r="AE93359" i="1"/>
  <c r="AE93360" i="1"/>
  <c r="AE93361" i="1"/>
  <c r="AE93362" i="1"/>
  <c r="AE93363" i="1"/>
  <c r="AE93364" i="1"/>
  <c r="AE93365" i="1"/>
  <c r="AE93366" i="1"/>
  <c r="AE93367" i="1"/>
  <c r="AE93368" i="1"/>
  <c r="AE93369" i="1"/>
  <c r="AE93370" i="1"/>
  <c r="AE93371" i="1"/>
  <c r="AE93372" i="1"/>
  <c r="AE93373" i="1"/>
  <c r="AE93374" i="1"/>
  <c r="AE93375" i="1"/>
  <c r="AE93376" i="1"/>
  <c r="AE93377" i="1"/>
  <c r="AE93378" i="1"/>
  <c r="AE93379" i="1"/>
  <c r="AE93380" i="1"/>
  <c r="AE93381" i="1"/>
  <c r="AE93382" i="1"/>
  <c r="AE93383" i="1"/>
  <c r="AE93384" i="1"/>
  <c r="AE93385" i="1"/>
  <c r="AE93386" i="1"/>
  <c r="AE93387" i="1"/>
  <c r="AE93388" i="1"/>
  <c r="AE93389" i="1"/>
  <c r="AE93390" i="1"/>
  <c r="AE93391" i="1"/>
  <c r="AE93392" i="1"/>
  <c r="AE93393" i="1"/>
  <c r="AE93394" i="1"/>
  <c r="AE93395" i="1"/>
  <c r="AE93396" i="1"/>
  <c r="AE93397" i="1"/>
  <c r="AE93398" i="1"/>
  <c r="AE93399" i="1"/>
  <c r="AE93400" i="1"/>
  <c r="AE93401" i="1"/>
  <c r="AE93402" i="1"/>
  <c r="AE93403" i="1"/>
  <c r="AE93404" i="1"/>
  <c r="AE93405" i="1"/>
  <c r="AE93406" i="1"/>
  <c r="AE93407" i="1"/>
  <c r="AE93408" i="1"/>
  <c r="AE93409" i="1"/>
  <c r="AE93410" i="1"/>
  <c r="AE93411" i="1"/>
  <c r="AE93412" i="1"/>
  <c r="AE93413" i="1"/>
  <c r="AE93414" i="1"/>
  <c r="AE93415" i="1"/>
  <c r="AE93416" i="1"/>
  <c r="AE93417" i="1"/>
  <c r="AE93418" i="1"/>
  <c r="AE93419" i="1"/>
  <c r="AE93420" i="1"/>
  <c r="AE93421" i="1"/>
  <c r="AE93422" i="1"/>
  <c r="AE93423" i="1"/>
  <c r="AE93424" i="1"/>
  <c r="AE93425" i="1"/>
  <c r="AE93426" i="1"/>
  <c r="AE93427" i="1"/>
  <c r="AE93428" i="1"/>
  <c r="AE93429" i="1"/>
  <c r="AE93430" i="1"/>
  <c r="AE93431" i="1"/>
  <c r="AE93432" i="1"/>
  <c r="AE93433" i="1"/>
  <c r="AE93434" i="1"/>
  <c r="AE93435" i="1"/>
  <c r="AE93436" i="1"/>
  <c r="AE93437" i="1"/>
  <c r="AE93438" i="1"/>
  <c r="AE93439" i="1"/>
  <c r="AE93440" i="1"/>
  <c r="AE93441" i="1"/>
  <c r="AE93442" i="1"/>
  <c r="AE93443" i="1"/>
  <c r="AE93444" i="1"/>
  <c r="AE93445" i="1"/>
  <c r="AE93446" i="1"/>
  <c r="AE93447" i="1"/>
  <c r="AE93448" i="1"/>
  <c r="AE93449" i="1"/>
  <c r="AE93450" i="1"/>
  <c r="AE93451" i="1"/>
  <c r="AE93452" i="1"/>
  <c r="AE93453" i="1"/>
  <c r="AE93454" i="1"/>
  <c r="AE93455" i="1"/>
  <c r="AE93456" i="1"/>
  <c r="AE93457" i="1"/>
  <c r="AE93458" i="1"/>
  <c r="AE93459" i="1"/>
  <c r="AE93460" i="1"/>
  <c r="AE93461" i="1"/>
  <c r="AE93462" i="1"/>
  <c r="AE93463" i="1"/>
  <c r="AE93464" i="1"/>
  <c r="AE93465" i="1"/>
  <c r="AE93466" i="1"/>
  <c r="AE93467" i="1"/>
  <c r="AE93468" i="1"/>
  <c r="AE93469" i="1"/>
  <c r="AE93470" i="1"/>
  <c r="AE93471" i="1"/>
  <c r="AE93472" i="1"/>
  <c r="AE93473" i="1"/>
  <c r="AE93474" i="1"/>
  <c r="AE93475" i="1"/>
  <c r="AE93476" i="1"/>
  <c r="AE93477" i="1"/>
  <c r="AE93478" i="1"/>
  <c r="AE93479" i="1"/>
  <c r="AE93480" i="1"/>
  <c r="AE93481" i="1"/>
  <c r="AE93482" i="1"/>
  <c r="AE93483" i="1"/>
  <c r="AE93484" i="1"/>
  <c r="AE93485" i="1"/>
  <c r="AE93486" i="1"/>
  <c r="AE93487" i="1"/>
  <c r="AE93488" i="1"/>
  <c r="AE93489" i="1"/>
  <c r="AE93490" i="1"/>
  <c r="AE93491" i="1"/>
  <c r="AE93492" i="1"/>
  <c r="AE93493" i="1"/>
  <c r="AE93494" i="1"/>
  <c r="AE93495" i="1"/>
  <c r="AE93496" i="1"/>
  <c r="AE93497" i="1"/>
  <c r="AE93498" i="1"/>
  <c r="AE93499" i="1"/>
  <c r="AE93500" i="1"/>
  <c r="AE93501" i="1"/>
  <c r="AE93502" i="1"/>
  <c r="AE93503" i="1"/>
  <c r="AE93504" i="1"/>
  <c r="AE93505" i="1"/>
  <c r="AE93506" i="1"/>
  <c r="AE93507" i="1"/>
  <c r="AE93508" i="1"/>
  <c r="AE93509" i="1"/>
  <c r="AE93510" i="1"/>
  <c r="AE93511" i="1"/>
  <c r="AE93512" i="1"/>
  <c r="AE93513" i="1"/>
  <c r="AE93514" i="1"/>
  <c r="AE93515" i="1"/>
  <c r="AE93516" i="1"/>
  <c r="AE93517" i="1"/>
  <c r="AE93518" i="1"/>
  <c r="AE93519" i="1"/>
  <c r="AE93520" i="1"/>
  <c r="AE93521" i="1"/>
  <c r="AE93522" i="1"/>
  <c r="AE93523" i="1"/>
  <c r="AE93524" i="1"/>
  <c r="AE93525" i="1"/>
  <c r="AE93526" i="1"/>
  <c r="AE93527" i="1"/>
  <c r="AE93528" i="1"/>
  <c r="AE93529" i="1"/>
  <c r="AE93530" i="1"/>
  <c r="AE93531" i="1"/>
  <c r="AE93532" i="1"/>
  <c r="AE93533" i="1"/>
  <c r="AE93534" i="1"/>
  <c r="AE93535" i="1"/>
  <c r="AE93536" i="1"/>
  <c r="AE93537" i="1"/>
  <c r="AE93538" i="1"/>
  <c r="AE93539" i="1"/>
  <c r="AE93540" i="1"/>
  <c r="AE93541" i="1"/>
  <c r="AE93542" i="1"/>
  <c r="AE93543" i="1"/>
  <c r="AE93544" i="1"/>
  <c r="AE93545" i="1"/>
  <c r="AE93546" i="1"/>
  <c r="AE93547" i="1"/>
  <c r="AE93548" i="1"/>
  <c r="AE93549" i="1"/>
  <c r="AE93550" i="1"/>
  <c r="AE93551" i="1"/>
  <c r="AE93552" i="1"/>
  <c r="AE93553" i="1"/>
  <c r="AE93554" i="1"/>
  <c r="AE93555" i="1"/>
  <c r="AE93556" i="1"/>
  <c r="AE93557" i="1"/>
  <c r="AE93558" i="1"/>
  <c r="AE93559" i="1"/>
  <c r="AE93560" i="1"/>
  <c r="AE93561" i="1"/>
  <c r="AE93562" i="1"/>
  <c r="AE93563" i="1"/>
  <c r="AE93564" i="1"/>
  <c r="AE93565" i="1"/>
  <c r="AE93566" i="1"/>
  <c r="AE93567" i="1"/>
  <c r="AE93568" i="1"/>
  <c r="AE93569" i="1"/>
  <c r="AE93570" i="1"/>
  <c r="AE93571" i="1"/>
  <c r="AE93572" i="1"/>
  <c r="AE93573" i="1"/>
  <c r="AE93574" i="1"/>
  <c r="AE93575" i="1"/>
  <c r="AE93576" i="1"/>
  <c r="AE93577" i="1"/>
  <c r="AE93578" i="1"/>
  <c r="AE93579" i="1"/>
  <c r="AE93580" i="1"/>
  <c r="AE93581" i="1"/>
  <c r="AE93582" i="1"/>
  <c r="AE93583" i="1"/>
  <c r="AE93584" i="1"/>
  <c r="AE93585" i="1"/>
  <c r="AE93586" i="1"/>
  <c r="AE93587" i="1"/>
  <c r="AE93588" i="1"/>
  <c r="AE93589" i="1"/>
  <c r="AE93590" i="1"/>
  <c r="AE93591" i="1"/>
  <c r="AE93592" i="1"/>
  <c r="AE93593" i="1"/>
  <c r="AE93594" i="1"/>
  <c r="AE93595" i="1"/>
  <c r="AE93596" i="1"/>
  <c r="AE93597" i="1"/>
  <c r="AE93598" i="1"/>
  <c r="AE93599" i="1"/>
  <c r="AE93600" i="1"/>
  <c r="AE93601" i="1"/>
  <c r="AE93602" i="1"/>
  <c r="AE93603" i="1"/>
  <c r="AE93604" i="1"/>
  <c r="AE93605" i="1"/>
  <c r="AE93606" i="1"/>
  <c r="AE93607" i="1"/>
  <c r="AE93608" i="1"/>
  <c r="AE93609" i="1"/>
  <c r="AE93610" i="1"/>
  <c r="AE93611" i="1"/>
  <c r="AE93612" i="1"/>
  <c r="AE93613" i="1"/>
  <c r="AE93614" i="1"/>
  <c r="AE93615" i="1"/>
  <c r="AE93616" i="1"/>
  <c r="AE93617" i="1"/>
  <c r="AE93618" i="1"/>
  <c r="AE93619" i="1"/>
  <c r="AE93620" i="1"/>
  <c r="AE93621" i="1"/>
  <c r="AE93622" i="1"/>
  <c r="AE93623" i="1"/>
  <c r="AE93624" i="1"/>
  <c r="AE93625" i="1"/>
  <c r="AE93626" i="1"/>
  <c r="AE93627" i="1"/>
  <c r="AE93628" i="1"/>
  <c r="AE93629" i="1"/>
  <c r="AE93630" i="1"/>
  <c r="AE93631" i="1"/>
  <c r="AE93632" i="1"/>
  <c r="AE93633" i="1"/>
  <c r="AE93634" i="1"/>
  <c r="AE93635" i="1"/>
  <c r="AE93636" i="1"/>
  <c r="AE93637" i="1"/>
  <c r="AE93638" i="1"/>
  <c r="AE93639" i="1"/>
  <c r="AE93640" i="1"/>
  <c r="AE93641" i="1"/>
  <c r="AE93642" i="1"/>
  <c r="AE93643" i="1"/>
  <c r="AE93644" i="1"/>
  <c r="AE93645" i="1"/>
  <c r="AE93646" i="1"/>
  <c r="AE93647" i="1"/>
  <c r="AE93648" i="1"/>
  <c r="AE93649" i="1"/>
  <c r="AE93650" i="1"/>
  <c r="AE93651" i="1"/>
  <c r="AE93652" i="1"/>
  <c r="AE93653" i="1"/>
  <c r="AE93654" i="1"/>
  <c r="AE93655" i="1"/>
  <c r="AE93656" i="1"/>
  <c r="AE93657" i="1"/>
  <c r="AE93658" i="1"/>
  <c r="AE93659" i="1"/>
  <c r="AE93660" i="1"/>
  <c r="AE93661" i="1"/>
  <c r="AE93662" i="1"/>
  <c r="AE93663" i="1"/>
  <c r="AE93664" i="1"/>
  <c r="AE93665" i="1"/>
  <c r="AE93666" i="1"/>
  <c r="AE93667" i="1"/>
  <c r="AE93668" i="1"/>
  <c r="AE93669" i="1"/>
  <c r="AE93670" i="1"/>
  <c r="AE93671" i="1"/>
  <c r="AE93672" i="1"/>
  <c r="AE93673" i="1"/>
  <c r="AE93674" i="1"/>
  <c r="AE93675" i="1"/>
  <c r="AE93676" i="1"/>
  <c r="AE93677" i="1"/>
  <c r="AE93678" i="1"/>
  <c r="AE93679" i="1"/>
  <c r="AE93680" i="1"/>
  <c r="AE93681" i="1"/>
  <c r="AE93682" i="1"/>
  <c r="AE93683" i="1"/>
  <c r="AE93684" i="1"/>
  <c r="AE93685" i="1"/>
  <c r="AE93686" i="1"/>
  <c r="AE93687" i="1"/>
  <c r="AE93688" i="1"/>
  <c r="AE93689" i="1"/>
  <c r="AE93690" i="1"/>
  <c r="AE93691" i="1"/>
  <c r="AE93692" i="1"/>
  <c r="AE93693" i="1"/>
  <c r="AE93694" i="1"/>
  <c r="AE93695" i="1"/>
  <c r="AE93696" i="1"/>
  <c r="AE93697" i="1"/>
  <c r="AE93698" i="1"/>
  <c r="AE93699" i="1"/>
  <c r="AE93700" i="1"/>
  <c r="AE93701" i="1"/>
  <c r="AE93702" i="1"/>
  <c r="AE93703" i="1"/>
  <c r="AE93704" i="1"/>
  <c r="AE93705" i="1"/>
  <c r="AE93706" i="1"/>
  <c r="AE93707" i="1"/>
  <c r="AE93708" i="1"/>
  <c r="AE93709" i="1"/>
  <c r="AE93710" i="1"/>
  <c r="AE93711" i="1"/>
  <c r="AE93712" i="1"/>
  <c r="AE93713" i="1"/>
  <c r="AE93714" i="1"/>
  <c r="AE93715" i="1"/>
  <c r="AE93716" i="1"/>
  <c r="AE93717" i="1"/>
  <c r="AE93718" i="1"/>
  <c r="AE93719" i="1"/>
  <c r="AE93720" i="1"/>
  <c r="AE93721" i="1"/>
  <c r="AE93722" i="1"/>
  <c r="AE93723" i="1"/>
  <c r="AE93724" i="1"/>
  <c r="AE93725" i="1"/>
  <c r="AE93726" i="1"/>
  <c r="AE93727" i="1"/>
  <c r="AE93728" i="1"/>
  <c r="AE93729" i="1"/>
  <c r="AE93730" i="1"/>
  <c r="AE93731" i="1"/>
  <c r="AE93732" i="1"/>
  <c r="AE93733" i="1"/>
  <c r="AE93734" i="1"/>
  <c r="AE93735" i="1"/>
  <c r="AE93736" i="1"/>
  <c r="AE93737" i="1"/>
  <c r="AE93738" i="1"/>
  <c r="AE93739" i="1"/>
  <c r="AE93740" i="1"/>
  <c r="AE93741" i="1"/>
  <c r="AE93742" i="1"/>
  <c r="AE93743" i="1"/>
  <c r="AE93744" i="1"/>
  <c r="AE93745" i="1"/>
  <c r="AE93746" i="1"/>
  <c r="AE93747" i="1"/>
  <c r="AE93748" i="1"/>
  <c r="AE93749" i="1"/>
  <c r="AE93750" i="1"/>
  <c r="AE93751" i="1"/>
  <c r="AE93752" i="1"/>
  <c r="AE93753" i="1"/>
  <c r="AE93754" i="1"/>
  <c r="AE93755" i="1"/>
  <c r="AE93756" i="1"/>
  <c r="AE93757" i="1"/>
  <c r="AE93758" i="1"/>
  <c r="AE93759" i="1"/>
  <c r="AE93760" i="1"/>
  <c r="AE93761" i="1"/>
  <c r="AE93762" i="1"/>
  <c r="AE93763" i="1"/>
  <c r="AE93764" i="1"/>
  <c r="AE93765" i="1"/>
  <c r="AE93766" i="1"/>
  <c r="AE93767" i="1"/>
  <c r="AE93768" i="1"/>
  <c r="AE93769" i="1"/>
  <c r="AE93770" i="1"/>
  <c r="AE93771" i="1"/>
  <c r="AE93772" i="1"/>
  <c r="AE93773" i="1"/>
  <c r="AE93774" i="1"/>
  <c r="AE93775" i="1"/>
  <c r="AE93776" i="1"/>
  <c r="AE93777" i="1"/>
  <c r="AE93778" i="1"/>
  <c r="AE93779" i="1"/>
  <c r="AE93780" i="1"/>
  <c r="AE93781" i="1"/>
  <c r="AE93782" i="1"/>
  <c r="AE93783" i="1"/>
  <c r="AE93784" i="1"/>
  <c r="AE93785" i="1"/>
  <c r="AE93786" i="1"/>
  <c r="AE93787" i="1"/>
  <c r="AE93788" i="1"/>
  <c r="AE93789" i="1"/>
  <c r="AE93790" i="1"/>
  <c r="AE93791" i="1"/>
  <c r="AE93792" i="1"/>
  <c r="AE93793" i="1"/>
  <c r="AE93794" i="1"/>
  <c r="AE93795" i="1"/>
  <c r="AE93796" i="1"/>
  <c r="AE93797" i="1"/>
  <c r="AE93798" i="1"/>
  <c r="AE93799" i="1"/>
  <c r="AE93800" i="1"/>
  <c r="AE93801" i="1"/>
  <c r="AE93802" i="1"/>
  <c r="AE93803" i="1"/>
  <c r="AE93804" i="1"/>
  <c r="AE93805" i="1"/>
  <c r="AE93806" i="1"/>
  <c r="AE93807" i="1"/>
  <c r="AE93808" i="1"/>
  <c r="AE93809" i="1"/>
  <c r="AE93810" i="1"/>
  <c r="AE93811" i="1"/>
  <c r="AE93812" i="1"/>
  <c r="AE93813" i="1"/>
  <c r="AE93814" i="1"/>
  <c r="AE93815" i="1"/>
  <c r="AE93816" i="1"/>
  <c r="AE93817" i="1"/>
  <c r="AE93818" i="1"/>
  <c r="AE93819" i="1"/>
  <c r="AE93820" i="1"/>
  <c r="AE93821" i="1"/>
  <c r="AE93822" i="1"/>
  <c r="AE93823" i="1"/>
  <c r="AE93824" i="1"/>
  <c r="AE93825" i="1"/>
  <c r="AE93826" i="1"/>
  <c r="AE93827" i="1"/>
  <c r="AE93828" i="1"/>
  <c r="AE93829" i="1"/>
  <c r="AE93830" i="1"/>
  <c r="AE93831" i="1"/>
  <c r="AE93832" i="1"/>
  <c r="AE93833" i="1"/>
  <c r="AE93834" i="1"/>
  <c r="AE93835" i="1"/>
  <c r="AE93836" i="1"/>
  <c r="AE93837" i="1"/>
  <c r="AE93838" i="1"/>
  <c r="AE93839" i="1"/>
  <c r="AE93840" i="1"/>
  <c r="AE93841" i="1"/>
  <c r="AE93842" i="1"/>
  <c r="AE93843" i="1"/>
  <c r="AE93844" i="1"/>
  <c r="AE93845" i="1"/>
  <c r="AE93846" i="1"/>
  <c r="AE93847" i="1"/>
  <c r="AE93848" i="1"/>
  <c r="AE93849" i="1"/>
  <c r="AE93850" i="1"/>
  <c r="AE93851" i="1"/>
  <c r="AE93852" i="1"/>
  <c r="AE93853" i="1"/>
  <c r="AE93854" i="1"/>
  <c r="AE93855" i="1"/>
  <c r="AE93856" i="1"/>
  <c r="AE93857" i="1"/>
  <c r="AE93858" i="1"/>
  <c r="AE93859" i="1"/>
  <c r="AE93860" i="1"/>
  <c r="AE93861" i="1"/>
  <c r="AE93862" i="1"/>
  <c r="AE93863" i="1"/>
  <c r="AE93864" i="1"/>
  <c r="AE93865" i="1"/>
  <c r="AE93866" i="1"/>
  <c r="AE93867" i="1"/>
  <c r="AE93868" i="1"/>
  <c r="AE93869" i="1"/>
  <c r="AE93870" i="1"/>
  <c r="AE93871" i="1"/>
  <c r="AE93872" i="1"/>
  <c r="AE93873" i="1"/>
  <c r="AE93874" i="1"/>
  <c r="AE93875" i="1"/>
  <c r="AE93876" i="1"/>
  <c r="AE93877" i="1"/>
  <c r="AE93878" i="1"/>
  <c r="AE93879" i="1"/>
  <c r="AE93880" i="1"/>
  <c r="AE93881" i="1"/>
  <c r="AE93882" i="1"/>
  <c r="AE93883" i="1"/>
  <c r="AE93884" i="1"/>
  <c r="AE93885" i="1"/>
  <c r="AE93886" i="1"/>
  <c r="AE93887" i="1"/>
  <c r="AE93888" i="1"/>
  <c r="AE93889" i="1"/>
  <c r="AE93890" i="1"/>
  <c r="AE93891" i="1"/>
  <c r="AE93892" i="1"/>
  <c r="AE93893" i="1"/>
  <c r="AE93894" i="1"/>
  <c r="AE93895" i="1"/>
  <c r="AE93896" i="1"/>
  <c r="AE93897" i="1"/>
  <c r="AE93898" i="1"/>
  <c r="AE93899" i="1"/>
  <c r="AE93900" i="1"/>
  <c r="AE93901" i="1"/>
  <c r="AE93902" i="1"/>
  <c r="AE93903" i="1"/>
  <c r="AE93904" i="1"/>
  <c r="AE93905" i="1"/>
  <c r="AE93906" i="1"/>
  <c r="AE93907" i="1"/>
  <c r="AE93908" i="1"/>
  <c r="AE93909" i="1"/>
  <c r="AE93910" i="1"/>
  <c r="AE93911" i="1"/>
  <c r="AE93912" i="1"/>
  <c r="AE93913" i="1"/>
  <c r="AE93914" i="1"/>
  <c r="AE93915" i="1"/>
  <c r="AE93916" i="1"/>
  <c r="AE93917" i="1"/>
  <c r="AE93918" i="1"/>
  <c r="AE93919" i="1"/>
  <c r="AE93920" i="1"/>
  <c r="AE93921" i="1"/>
  <c r="AE93922" i="1"/>
  <c r="AE93923" i="1"/>
  <c r="AE93924" i="1"/>
  <c r="AE93925" i="1"/>
  <c r="AE93926" i="1"/>
  <c r="AE93927" i="1"/>
  <c r="AE93928" i="1"/>
  <c r="AE93929" i="1"/>
  <c r="AE93930" i="1"/>
  <c r="AE93931" i="1"/>
  <c r="AE93932" i="1"/>
  <c r="AE93933" i="1"/>
  <c r="AE93934" i="1"/>
  <c r="AE93935" i="1"/>
  <c r="AE93936" i="1"/>
  <c r="AE93937" i="1"/>
  <c r="AE93938" i="1"/>
  <c r="AE93939" i="1"/>
  <c r="AE93940" i="1"/>
  <c r="AE93941" i="1"/>
  <c r="AE93942" i="1"/>
  <c r="AE93943" i="1"/>
  <c r="AE93944" i="1"/>
  <c r="AE93945" i="1"/>
  <c r="AE93946" i="1"/>
  <c r="AE93947" i="1"/>
  <c r="AE93948" i="1"/>
  <c r="AE93949" i="1"/>
  <c r="AE93950" i="1"/>
  <c r="AE93951" i="1"/>
  <c r="AE93952" i="1"/>
  <c r="AE93953" i="1"/>
  <c r="AE93954" i="1"/>
  <c r="AE93955" i="1"/>
  <c r="AE93956" i="1"/>
  <c r="AE93957" i="1"/>
  <c r="AE93958" i="1"/>
  <c r="AE93959" i="1"/>
  <c r="AE93960" i="1"/>
  <c r="AE93961" i="1"/>
  <c r="AE93962" i="1"/>
  <c r="AE93963" i="1"/>
  <c r="AE93964" i="1"/>
  <c r="AE93965" i="1"/>
  <c r="AE93966" i="1"/>
  <c r="AE93967" i="1"/>
  <c r="AE93968" i="1"/>
  <c r="AE93969" i="1"/>
  <c r="AE93970" i="1"/>
  <c r="AE93971" i="1"/>
  <c r="AE93972" i="1"/>
  <c r="AE93973" i="1"/>
  <c r="AE93974" i="1"/>
  <c r="AE93975" i="1"/>
  <c r="AE93976" i="1"/>
  <c r="AE93977" i="1"/>
  <c r="AE93978" i="1"/>
  <c r="AE93979" i="1"/>
  <c r="AE93980" i="1"/>
  <c r="AE93981" i="1"/>
  <c r="AE93982" i="1"/>
  <c r="AE93983" i="1"/>
  <c r="AE93984" i="1"/>
  <c r="AE93985" i="1"/>
  <c r="AE93986" i="1"/>
  <c r="AE93987" i="1"/>
  <c r="AE93988" i="1"/>
  <c r="AE93989" i="1"/>
  <c r="AE93990" i="1"/>
  <c r="AE93991" i="1"/>
  <c r="AE93992" i="1"/>
  <c r="AE93993" i="1"/>
  <c r="AE93994" i="1"/>
  <c r="AE93995" i="1"/>
  <c r="AE93996" i="1"/>
  <c r="AE93997" i="1"/>
  <c r="AE93998" i="1"/>
  <c r="AE93999" i="1"/>
  <c r="AE94000" i="1"/>
  <c r="AE94001" i="1"/>
  <c r="AE94002" i="1"/>
  <c r="AE94003" i="1"/>
  <c r="AE94004" i="1"/>
  <c r="AE94005" i="1"/>
  <c r="AE94006" i="1"/>
  <c r="AE94007" i="1"/>
  <c r="AE94008" i="1"/>
  <c r="AE94009" i="1"/>
  <c r="AE94010" i="1"/>
  <c r="AE94011" i="1"/>
  <c r="AE94012" i="1"/>
  <c r="AE94013" i="1"/>
  <c r="AE94014" i="1"/>
  <c r="AE94015" i="1"/>
  <c r="AE94016" i="1"/>
  <c r="AE94017" i="1"/>
  <c r="AE94018" i="1"/>
  <c r="AE94019" i="1"/>
  <c r="AE94020" i="1"/>
  <c r="AE94021" i="1"/>
  <c r="AE94022" i="1"/>
  <c r="AE94023" i="1"/>
  <c r="AE94024" i="1"/>
  <c r="AE94025" i="1"/>
  <c r="AE94026" i="1"/>
  <c r="AE94027" i="1"/>
  <c r="AE94028" i="1"/>
  <c r="AE94029" i="1"/>
  <c r="AE94030" i="1"/>
  <c r="AE94031" i="1"/>
  <c r="AE94032" i="1"/>
  <c r="AE94033" i="1"/>
  <c r="AE94034" i="1"/>
  <c r="AE94035" i="1"/>
  <c r="AE94036" i="1"/>
  <c r="AE94037" i="1"/>
  <c r="AE94038" i="1"/>
  <c r="AE94039" i="1"/>
  <c r="AE94040" i="1"/>
  <c r="AE94041" i="1"/>
  <c r="AE94042" i="1"/>
  <c r="AE94043" i="1"/>
  <c r="AE94044" i="1"/>
  <c r="AE94045" i="1"/>
  <c r="AE94046" i="1"/>
  <c r="AE94047" i="1"/>
  <c r="AE94048" i="1"/>
  <c r="AE94049" i="1"/>
  <c r="AE94050" i="1"/>
  <c r="AE94051" i="1"/>
  <c r="AE94052" i="1"/>
  <c r="AE94053" i="1"/>
  <c r="AE94054" i="1"/>
  <c r="AE94055" i="1"/>
  <c r="AE94056" i="1"/>
  <c r="AE94057" i="1"/>
  <c r="AE94058" i="1"/>
  <c r="AE94059" i="1"/>
  <c r="AE94060" i="1"/>
  <c r="AE94061" i="1"/>
  <c r="AE94062" i="1"/>
  <c r="AE94063" i="1"/>
  <c r="AE94064" i="1"/>
  <c r="AE94065" i="1"/>
  <c r="AE94066" i="1"/>
  <c r="AE94067" i="1"/>
  <c r="AE94068" i="1"/>
  <c r="AE94069" i="1"/>
  <c r="AE94070" i="1"/>
  <c r="AE94071" i="1"/>
  <c r="AE94072" i="1"/>
  <c r="AE94073" i="1"/>
  <c r="AE94074" i="1"/>
  <c r="AE94075" i="1"/>
  <c r="AE94076" i="1"/>
  <c r="AE94077" i="1"/>
  <c r="AE94078" i="1"/>
  <c r="AE94079" i="1"/>
  <c r="AE94080" i="1"/>
  <c r="AE94081" i="1"/>
  <c r="AE94082" i="1"/>
  <c r="AE94083" i="1"/>
  <c r="AE94084" i="1"/>
  <c r="AE94085" i="1"/>
  <c r="AE94086" i="1"/>
  <c r="AE94087" i="1"/>
  <c r="AE94088" i="1"/>
  <c r="AE94089" i="1"/>
  <c r="AE94090" i="1"/>
  <c r="AE94091" i="1"/>
  <c r="AE94092" i="1"/>
  <c r="AE94093" i="1"/>
  <c r="AE94094" i="1"/>
  <c r="AE94095" i="1"/>
  <c r="AE94096" i="1"/>
  <c r="AE94097" i="1"/>
  <c r="AE94098" i="1"/>
  <c r="AE94099" i="1"/>
  <c r="AE94100" i="1"/>
  <c r="AE94101" i="1"/>
  <c r="AE94102" i="1"/>
  <c r="AE94103" i="1"/>
  <c r="AE94104" i="1"/>
  <c r="AE94105" i="1"/>
  <c r="AE94106" i="1"/>
  <c r="AE94107" i="1"/>
  <c r="AE94108" i="1"/>
  <c r="AE94109" i="1"/>
  <c r="AE94110" i="1"/>
  <c r="AE94111" i="1"/>
  <c r="AE94112" i="1"/>
  <c r="AE94113" i="1"/>
  <c r="AE94114" i="1"/>
  <c r="AE94115" i="1"/>
  <c r="AE94116" i="1"/>
  <c r="AE94117" i="1"/>
  <c r="AE94118" i="1"/>
  <c r="AE94119" i="1"/>
  <c r="AE94120" i="1"/>
  <c r="AE94121" i="1"/>
  <c r="AE94122" i="1"/>
  <c r="AE94123" i="1"/>
  <c r="AE94124" i="1"/>
  <c r="AE94125" i="1"/>
  <c r="AE94126" i="1"/>
  <c r="AE94127" i="1"/>
  <c r="AE94128" i="1"/>
  <c r="AE94129" i="1"/>
  <c r="AE94130" i="1"/>
  <c r="AE94131" i="1"/>
  <c r="AE94132" i="1"/>
  <c r="AE94133" i="1"/>
  <c r="AE94134" i="1"/>
  <c r="AE94135" i="1"/>
  <c r="AE94136" i="1"/>
  <c r="AE94137" i="1"/>
  <c r="AE94138" i="1"/>
  <c r="AE94139" i="1"/>
  <c r="AE94140" i="1"/>
  <c r="AE94141" i="1"/>
  <c r="AE94142" i="1"/>
  <c r="AE94143" i="1"/>
  <c r="AE94144" i="1"/>
  <c r="AE94145" i="1"/>
  <c r="AE94146" i="1"/>
  <c r="AE94147" i="1"/>
  <c r="AE94148" i="1"/>
  <c r="AE94149" i="1"/>
  <c r="AE94150" i="1"/>
  <c r="AE94151" i="1"/>
  <c r="AE94152" i="1"/>
  <c r="AE94153" i="1"/>
  <c r="AE94154" i="1"/>
  <c r="AE94155" i="1"/>
  <c r="AE94156" i="1"/>
  <c r="AE94157" i="1"/>
  <c r="AE94158" i="1"/>
  <c r="AE94159" i="1"/>
  <c r="AE94160" i="1"/>
  <c r="AE94161" i="1"/>
  <c r="AE94162" i="1"/>
  <c r="AE94163" i="1"/>
  <c r="AE94164" i="1"/>
  <c r="AE94165" i="1"/>
  <c r="AE94166" i="1"/>
  <c r="AE94167" i="1"/>
  <c r="AE94168" i="1"/>
  <c r="AE94169" i="1"/>
  <c r="AE94170" i="1"/>
  <c r="AE94171" i="1"/>
  <c r="AE94172" i="1"/>
  <c r="AE94173" i="1"/>
  <c r="AE94174" i="1"/>
  <c r="AE94175" i="1"/>
  <c r="AE94176" i="1"/>
  <c r="AE94177" i="1"/>
  <c r="AE94178" i="1"/>
  <c r="AE94179" i="1"/>
  <c r="AE94180" i="1"/>
  <c r="AE94181" i="1"/>
  <c r="AE94182" i="1"/>
  <c r="AE94183" i="1"/>
  <c r="AE94184" i="1"/>
  <c r="AE94185" i="1"/>
  <c r="AE94186" i="1"/>
  <c r="AE94187" i="1"/>
  <c r="AE94188" i="1"/>
  <c r="AE94189" i="1"/>
  <c r="AE94190" i="1"/>
  <c r="AE94191" i="1"/>
  <c r="AE94192" i="1"/>
  <c r="AE94193" i="1"/>
  <c r="AE94194" i="1"/>
  <c r="AE94195" i="1"/>
  <c r="AE94196" i="1"/>
  <c r="AE94197" i="1"/>
  <c r="AE94198" i="1"/>
  <c r="AE94199" i="1"/>
  <c r="AE94200" i="1"/>
  <c r="AE94201" i="1"/>
  <c r="AE94202" i="1"/>
  <c r="AE94203" i="1"/>
  <c r="AE94204" i="1"/>
  <c r="AE94205" i="1"/>
  <c r="AE94206" i="1"/>
  <c r="AE94207" i="1"/>
  <c r="AE94208" i="1"/>
  <c r="AE94209" i="1"/>
  <c r="AE94210" i="1"/>
  <c r="AE94211" i="1"/>
  <c r="AE94212" i="1"/>
  <c r="AE94213" i="1"/>
  <c r="AE94214" i="1"/>
  <c r="AE94215" i="1"/>
  <c r="AE94216" i="1"/>
  <c r="AE94217" i="1"/>
  <c r="AE94218" i="1"/>
  <c r="AE94219" i="1"/>
  <c r="AE94220" i="1"/>
  <c r="AE94221" i="1"/>
  <c r="AE94222" i="1"/>
  <c r="AE94223" i="1"/>
  <c r="AE94224" i="1"/>
  <c r="AE94225" i="1"/>
  <c r="AE94226" i="1"/>
  <c r="AE94227" i="1"/>
  <c r="AE94228" i="1"/>
  <c r="AE94229" i="1"/>
  <c r="AE94230" i="1"/>
  <c r="AE94231" i="1"/>
  <c r="AE94232" i="1"/>
  <c r="AE94233" i="1"/>
  <c r="AE94234" i="1"/>
  <c r="AE94235" i="1"/>
  <c r="AE94236" i="1"/>
  <c r="AE94237" i="1"/>
  <c r="AE94238" i="1"/>
  <c r="AE94239" i="1"/>
  <c r="AE94240" i="1"/>
  <c r="AE94241" i="1"/>
  <c r="AE94242" i="1"/>
  <c r="AE94243" i="1"/>
  <c r="AE94244" i="1"/>
  <c r="AE94245" i="1"/>
  <c r="AE94246" i="1"/>
  <c r="AE94247" i="1"/>
  <c r="AE94248" i="1"/>
  <c r="AE94249" i="1"/>
  <c r="AE94250" i="1"/>
  <c r="AE94251" i="1"/>
  <c r="AE94252" i="1"/>
  <c r="AE94253" i="1"/>
  <c r="AE94254" i="1"/>
  <c r="AE94255" i="1"/>
  <c r="AE94256" i="1"/>
  <c r="AE94257" i="1"/>
  <c r="AE94258" i="1"/>
  <c r="AE94259" i="1"/>
  <c r="AE94260" i="1"/>
  <c r="AE94261" i="1"/>
  <c r="AE94262" i="1"/>
  <c r="AE94263" i="1"/>
  <c r="AE94264" i="1"/>
  <c r="AE94265" i="1"/>
  <c r="AE94266" i="1"/>
  <c r="AE94267" i="1"/>
  <c r="AE94268" i="1"/>
  <c r="AE94269" i="1"/>
  <c r="AE94270" i="1"/>
  <c r="AE94271" i="1"/>
  <c r="AE94272" i="1"/>
  <c r="AE94273" i="1"/>
  <c r="AE94274" i="1"/>
  <c r="AE94275" i="1"/>
  <c r="AE94276" i="1"/>
  <c r="AE94277" i="1"/>
  <c r="AE94278" i="1"/>
  <c r="AE94279" i="1"/>
  <c r="AE94280" i="1"/>
  <c r="AE94281" i="1"/>
  <c r="AE94282" i="1"/>
  <c r="AE94283" i="1"/>
  <c r="AE94284" i="1"/>
  <c r="AE94285" i="1"/>
  <c r="AE94286" i="1"/>
  <c r="AE94287" i="1"/>
  <c r="AE94288" i="1"/>
  <c r="AE94289" i="1"/>
  <c r="AE94290" i="1"/>
  <c r="AE94291" i="1"/>
  <c r="AE94292" i="1"/>
  <c r="AE94293" i="1"/>
  <c r="AE94294" i="1"/>
  <c r="AE94295" i="1"/>
  <c r="AE94296" i="1"/>
  <c r="AE94297" i="1"/>
  <c r="AE94298" i="1"/>
  <c r="AE94299" i="1"/>
  <c r="AE94300" i="1"/>
  <c r="AE94301" i="1"/>
  <c r="AE94302" i="1"/>
  <c r="AE94303" i="1"/>
  <c r="AE94304" i="1"/>
  <c r="AE94305" i="1"/>
  <c r="AE94306" i="1"/>
  <c r="AE94307" i="1"/>
  <c r="AE94308" i="1"/>
  <c r="AE94309" i="1"/>
  <c r="AE94310" i="1"/>
  <c r="AE94311" i="1"/>
  <c r="AE94312" i="1"/>
  <c r="AE94313" i="1"/>
  <c r="AE94314" i="1"/>
  <c r="AE94315" i="1"/>
  <c r="AE94316" i="1"/>
  <c r="AE94317" i="1"/>
  <c r="AE94318" i="1"/>
  <c r="AE94319" i="1"/>
  <c r="AE94320" i="1"/>
  <c r="AE94321" i="1"/>
  <c r="AE94322" i="1"/>
  <c r="AE94323" i="1"/>
  <c r="AE94324" i="1"/>
  <c r="AE94325" i="1"/>
  <c r="AE94326" i="1"/>
  <c r="AE94327" i="1"/>
  <c r="AE94328" i="1"/>
  <c r="AE94329" i="1"/>
  <c r="AE94330" i="1"/>
  <c r="AE94331" i="1"/>
  <c r="AE94332" i="1"/>
  <c r="AE94333" i="1"/>
  <c r="AE94334" i="1"/>
  <c r="AE94335" i="1"/>
  <c r="AE94336" i="1"/>
  <c r="AE94337" i="1"/>
  <c r="AE94338" i="1"/>
  <c r="AE94339" i="1"/>
  <c r="AE94340" i="1"/>
  <c r="AE94341" i="1"/>
  <c r="AE94342" i="1"/>
  <c r="AE94343" i="1"/>
  <c r="AE94344" i="1"/>
  <c r="AE94345" i="1"/>
  <c r="AE94346" i="1"/>
  <c r="AE94347" i="1"/>
  <c r="AE94348" i="1"/>
  <c r="AE94349" i="1"/>
  <c r="AE94350" i="1"/>
  <c r="AE94351" i="1"/>
  <c r="AE94352" i="1"/>
  <c r="AE94353" i="1"/>
  <c r="AE94354" i="1"/>
  <c r="AE94355" i="1"/>
  <c r="AE94356" i="1"/>
  <c r="AE94357" i="1"/>
  <c r="AE94358" i="1"/>
  <c r="AE94359" i="1"/>
  <c r="AE94360" i="1"/>
  <c r="AE94361" i="1"/>
  <c r="AE94362" i="1"/>
  <c r="AE94363" i="1"/>
  <c r="AE94364" i="1"/>
  <c r="AE94365" i="1"/>
  <c r="AE94366" i="1"/>
  <c r="AE94367" i="1"/>
  <c r="AE94368" i="1"/>
  <c r="AE94369" i="1"/>
  <c r="AE94370" i="1"/>
  <c r="AE94371" i="1"/>
  <c r="AE94372" i="1"/>
  <c r="AE94373" i="1"/>
  <c r="AE94374" i="1"/>
  <c r="AE94375" i="1"/>
  <c r="AE94376" i="1"/>
  <c r="AE94377" i="1"/>
  <c r="AE94378" i="1"/>
  <c r="AE94379" i="1"/>
  <c r="AE94380" i="1"/>
  <c r="AE94381" i="1"/>
  <c r="AE94382" i="1"/>
  <c r="AE94383" i="1"/>
  <c r="AE94384" i="1"/>
  <c r="AE94385" i="1"/>
  <c r="AE94386" i="1"/>
  <c r="AE94387" i="1"/>
  <c r="AE94388" i="1"/>
  <c r="AE94389" i="1"/>
  <c r="AE94390" i="1"/>
  <c r="AE94391" i="1"/>
  <c r="AE94392" i="1"/>
  <c r="AE94393" i="1"/>
  <c r="AE94394" i="1"/>
  <c r="AE94395" i="1"/>
  <c r="AE94396" i="1"/>
  <c r="AE94397" i="1"/>
  <c r="AE94398" i="1"/>
  <c r="AE94399" i="1"/>
  <c r="AE94400" i="1"/>
  <c r="AE94401" i="1"/>
  <c r="AE94402" i="1"/>
  <c r="AE94403" i="1"/>
  <c r="AE94404" i="1"/>
  <c r="AE94405" i="1"/>
  <c r="AE94406" i="1"/>
  <c r="AE94407" i="1"/>
  <c r="AE94408" i="1"/>
  <c r="AE94409" i="1"/>
  <c r="AE94410" i="1"/>
  <c r="AE94411" i="1"/>
  <c r="AE94412" i="1"/>
  <c r="AE94413" i="1"/>
  <c r="AE94414" i="1"/>
  <c r="AE94415" i="1"/>
  <c r="AE94416" i="1"/>
  <c r="AE94417" i="1"/>
  <c r="AE94418" i="1"/>
  <c r="AE94419" i="1"/>
  <c r="AE94420" i="1"/>
  <c r="AE94421" i="1"/>
  <c r="AE94422" i="1"/>
  <c r="AE94423" i="1"/>
  <c r="AE94424" i="1"/>
  <c r="AE94425" i="1"/>
  <c r="AE94426" i="1"/>
  <c r="AE94427" i="1"/>
  <c r="AE94428" i="1"/>
  <c r="AE94429" i="1"/>
  <c r="AE94430" i="1"/>
  <c r="AE94431" i="1"/>
  <c r="AE94432" i="1"/>
  <c r="AE94433" i="1"/>
  <c r="AE94434" i="1"/>
  <c r="AE94435" i="1"/>
  <c r="AE94436" i="1"/>
  <c r="AE94437" i="1"/>
  <c r="AE94438" i="1"/>
  <c r="AE94439" i="1"/>
  <c r="AE94440" i="1"/>
  <c r="AE94441" i="1"/>
  <c r="AE94442" i="1"/>
  <c r="AE94443" i="1"/>
  <c r="AE94444" i="1"/>
  <c r="AE94445" i="1"/>
  <c r="AE94446" i="1"/>
  <c r="AE94447" i="1"/>
  <c r="AE94448" i="1"/>
  <c r="AE94449" i="1"/>
  <c r="AE94450" i="1"/>
  <c r="AE94451" i="1"/>
  <c r="AE94452" i="1"/>
  <c r="AE94453" i="1"/>
  <c r="AE94454" i="1"/>
  <c r="AE94455" i="1"/>
  <c r="AE94456" i="1"/>
  <c r="AE94457" i="1"/>
  <c r="AE94458" i="1"/>
  <c r="AE94459" i="1"/>
  <c r="AE94460" i="1"/>
  <c r="AE94461" i="1"/>
  <c r="AE94462" i="1"/>
  <c r="AE94463" i="1"/>
  <c r="AE94464" i="1"/>
  <c r="AE94465" i="1"/>
  <c r="AE94466" i="1"/>
  <c r="AE94467" i="1"/>
  <c r="AE94468" i="1"/>
  <c r="AE94469" i="1"/>
  <c r="AE94470" i="1"/>
  <c r="AE94471" i="1"/>
  <c r="AE94472" i="1"/>
  <c r="AE94473" i="1"/>
  <c r="AE94474" i="1"/>
  <c r="AE94475" i="1"/>
  <c r="AE94476" i="1"/>
  <c r="AE94477" i="1"/>
  <c r="AE94478" i="1"/>
  <c r="AE94479" i="1"/>
  <c r="AE94480" i="1"/>
  <c r="AE94481" i="1"/>
  <c r="AE94482" i="1"/>
  <c r="AE94483" i="1"/>
  <c r="AE94484" i="1"/>
  <c r="AE94485" i="1"/>
  <c r="AE94486" i="1"/>
  <c r="AE94487" i="1"/>
  <c r="AE94488" i="1"/>
  <c r="AE94489" i="1"/>
  <c r="AE94490" i="1"/>
  <c r="AE94491" i="1"/>
  <c r="AE94492" i="1"/>
  <c r="AE94493" i="1"/>
  <c r="AE94494" i="1"/>
  <c r="AE94495" i="1"/>
  <c r="AE94496" i="1"/>
  <c r="AE94497" i="1"/>
  <c r="AE94498" i="1"/>
  <c r="AE94499" i="1"/>
  <c r="AE94500" i="1"/>
  <c r="AE94501" i="1"/>
  <c r="AE94502" i="1"/>
  <c r="AE94503" i="1"/>
  <c r="AE94504" i="1"/>
  <c r="AE94505" i="1"/>
  <c r="AE94506" i="1"/>
  <c r="AE94507" i="1"/>
  <c r="AE94508" i="1"/>
  <c r="AE94509" i="1"/>
  <c r="AE94510" i="1"/>
  <c r="AE94511" i="1"/>
  <c r="AE94512" i="1"/>
  <c r="AE94513" i="1"/>
  <c r="AE94514" i="1"/>
  <c r="AE94515" i="1"/>
  <c r="AE94516" i="1"/>
  <c r="AE94517" i="1"/>
  <c r="AE94518" i="1"/>
  <c r="AE94519" i="1"/>
  <c r="AE94520" i="1"/>
  <c r="AE94521" i="1"/>
  <c r="AE94522" i="1"/>
  <c r="AE94523" i="1"/>
  <c r="AE94524" i="1"/>
  <c r="AE94525" i="1"/>
  <c r="AE94526" i="1"/>
  <c r="AE94527" i="1"/>
  <c r="AE94528" i="1"/>
  <c r="AE94529" i="1"/>
  <c r="AE94530" i="1"/>
  <c r="AE94531" i="1"/>
  <c r="AE94532" i="1"/>
  <c r="AE94533" i="1"/>
  <c r="AE94534" i="1"/>
  <c r="AE94535" i="1"/>
  <c r="AE94536" i="1"/>
  <c r="AE94537" i="1"/>
  <c r="AE94538" i="1"/>
  <c r="AE94539" i="1"/>
  <c r="AE94540" i="1"/>
  <c r="AE94541" i="1"/>
  <c r="AE94542" i="1"/>
  <c r="AE94543" i="1"/>
  <c r="AE94544" i="1"/>
  <c r="AE94545" i="1"/>
  <c r="AE94546" i="1"/>
  <c r="AE94547" i="1"/>
  <c r="AE94548" i="1"/>
  <c r="AE94549" i="1"/>
  <c r="AE94550" i="1"/>
  <c r="AE94551" i="1"/>
  <c r="AE94552" i="1"/>
  <c r="AE94553" i="1"/>
  <c r="AE94554" i="1"/>
  <c r="AE94555" i="1"/>
  <c r="AE94556" i="1"/>
  <c r="AE94557" i="1"/>
  <c r="AE94558" i="1"/>
  <c r="AE94559" i="1"/>
  <c r="AE94560" i="1"/>
  <c r="AE94561" i="1"/>
  <c r="AE94562" i="1"/>
  <c r="AE94563" i="1"/>
  <c r="AE94564" i="1"/>
  <c r="AE94565" i="1"/>
  <c r="AE94566" i="1"/>
  <c r="AE94567" i="1"/>
  <c r="AE94568" i="1"/>
  <c r="AE94569" i="1"/>
  <c r="AE94570" i="1"/>
  <c r="AE94571" i="1"/>
  <c r="AE94572" i="1"/>
  <c r="AE94573" i="1"/>
  <c r="AE94574" i="1"/>
  <c r="AE94575" i="1"/>
  <c r="AE94576" i="1"/>
  <c r="AE94577" i="1"/>
  <c r="AE94578" i="1"/>
  <c r="AE94579" i="1"/>
  <c r="AE94580" i="1"/>
  <c r="AE94581" i="1"/>
  <c r="AE94582" i="1"/>
  <c r="AE94583" i="1"/>
  <c r="AE94584" i="1"/>
  <c r="AE94585" i="1"/>
  <c r="AE94586" i="1"/>
  <c r="AE94587" i="1"/>
  <c r="AE94588" i="1"/>
  <c r="AE94589" i="1"/>
  <c r="AE94590" i="1"/>
  <c r="AE94591" i="1"/>
  <c r="AE94592" i="1"/>
  <c r="AE94593" i="1"/>
  <c r="AE94594" i="1"/>
  <c r="AE94595" i="1"/>
  <c r="AE94596" i="1"/>
  <c r="AE94597" i="1"/>
  <c r="AE94598" i="1"/>
  <c r="AE94599" i="1"/>
  <c r="AE94600" i="1"/>
  <c r="AE94601" i="1"/>
  <c r="AE94602" i="1"/>
  <c r="AE94603" i="1"/>
  <c r="AE94604" i="1"/>
  <c r="AE94605" i="1"/>
  <c r="AE94606" i="1"/>
  <c r="AE94607" i="1"/>
  <c r="AE94608" i="1"/>
  <c r="AE94609" i="1"/>
  <c r="AE94610" i="1"/>
  <c r="AE94611" i="1"/>
  <c r="AE94612" i="1"/>
  <c r="AE94613" i="1"/>
  <c r="AE94614" i="1"/>
  <c r="AE94615" i="1"/>
  <c r="AE94616" i="1"/>
  <c r="AE94617" i="1"/>
  <c r="AE94618" i="1"/>
  <c r="AE94619" i="1"/>
  <c r="AE94620" i="1"/>
  <c r="AE94621" i="1"/>
  <c r="AE94622" i="1"/>
  <c r="AE94623" i="1"/>
  <c r="AE94624" i="1"/>
  <c r="AE94625" i="1"/>
  <c r="AE94626" i="1"/>
  <c r="AE94627" i="1"/>
  <c r="AE94628" i="1"/>
  <c r="AE94629" i="1"/>
  <c r="AE94630" i="1"/>
  <c r="AE94631" i="1"/>
  <c r="AE94632" i="1"/>
  <c r="AE94633" i="1"/>
  <c r="AE94634" i="1"/>
  <c r="AE94635" i="1"/>
  <c r="AE94636" i="1"/>
  <c r="AE94637" i="1"/>
  <c r="AE94638" i="1"/>
  <c r="AE94639" i="1"/>
  <c r="AE94640" i="1"/>
  <c r="AE94641" i="1"/>
  <c r="AE94642" i="1"/>
  <c r="AE94643" i="1"/>
  <c r="AE94644" i="1"/>
  <c r="AE94645" i="1"/>
  <c r="AE94646" i="1"/>
  <c r="AE94647" i="1"/>
  <c r="AE94648" i="1"/>
  <c r="AE94649" i="1"/>
  <c r="AE94650" i="1"/>
  <c r="AE94651" i="1"/>
  <c r="AE94652" i="1"/>
  <c r="AE94653" i="1"/>
  <c r="AE94654" i="1"/>
  <c r="AE94655" i="1"/>
  <c r="AE94656" i="1"/>
  <c r="AE94657" i="1"/>
  <c r="AE94658" i="1"/>
  <c r="AE94659" i="1"/>
  <c r="AE94660" i="1"/>
  <c r="AE94661" i="1"/>
  <c r="AE94662" i="1"/>
  <c r="AE94663" i="1"/>
  <c r="AE94664" i="1"/>
  <c r="AE94665" i="1"/>
  <c r="AE94666" i="1"/>
  <c r="AE94667" i="1"/>
  <c r="AE94668" i="1"/>
  <c r="AE94669" i="1"/>
  <c r="AE94670" i="1"/>
  <c r="AE94671" i="1"/>
  <c r="AE94672" i="1"/>
  <c r="AE94673" i="1"/>
  <c r="AE94674" i="1"/>
  <c r="AE94675" i="1"/>
  <c r="AE94676" i="1"/>
  <c r="AE94677" i="1"/>
  <c r="AE94678" i="1"/>
  <c r="AE94679" i="1"/>
  <c r="AE94680" i="1"/>
  <c r="AE94681" i="1"/>
  <c r="AE94682" i="1"/>
  <c r="AE94683" i="1"/>
  <c r="AE94684" i="1"/>
  <c r="AE94685" i="1"/>
  <c r="AE94686" i="1"/>
  <c r="AE94687" i="1"/>
  <c r="AE94688" i="1"/>
  <c r="AE94689" i="1"/>
  <c r="AE94690" i="1"/>
  <c r="AE94691" i="1"/>
  <c r="AE94692" i="1"/>
  <c r="AE94693" i="1"/>
  <c r="AE94694" i="1"/>
  <c r="AE94695" i="1"/>
  <c r="AE94696" i="1"/>
  <c r="AE94697" i="1"/>
  <c r="AE94698" i="1"/>
  <c r="AE94699" i="1"/>
  <c r="AE94700" i="1"/>
  <c r="AE94701" i="1"/>
  <c r="AE94702" i="1"/>
  <c r="AE94703" i="1"/>
  <c r="AE94704" i="1"/>
  <c r="AE94705" i="1"/>
  <c r="AE94706" i="1"/>
  <c r="AE94707" i="1"/>
  <c r="AE94708" i="1"/>
  <c r="AE94709" i="1"/>
  <c r="AE94710" i="1"/>
  <c r="AE94711" i="1"/>
  <c r="AE94712" i="1"/>
  <c r="AE94713" i="1"/>
  <c r="AE94714" i="1"/>
  <c r="AE94715" i="1"/>
  <c r="AE94716" i="1"/>
  <c r="AE94717" i="1"/>
  <c r="AE94718" i="1"/>
  <c r="AE94719" i="1"/>
  <c r="AE94720" i="1"/>
  <c r="AE94721" i="1"/>
  <c r="AE94722" i="1"/>
  <c r="AE94723" i="1"/>
  <c r="AE94724" i="1"/>
  <c r="AE94725" i="1"/>
  <c r="AE94726" i="1"/>
  <c r="AE94727" i="1"/>
  <c r="AE94728" i="1"/>
  <c r="AE94729" i="1"/>
  <c r="AE94730" i="1"/>
  <c r="AE94731" i="1"/>
  <c r="AE94732" i="1"/>
  <c r="AE94733" i="1"/>
  <c r="AE94734" i="1"/>
  <c r="AE94735" i="1"/>
  <c r="AE94736" i="1"/>
  <c r="AE94737" i="1"/>
  <c r="AE94738" i="1"/>
  <c r="AE94739" i="1"/>
  <c r="AE94740" i="1"/>
  <c r="AE94741" i="1"/>
  <c r="AE94742" i="1"/>
  <c r="AE94743" i="1"/>
  <c r="AE94744" i="1"/>
  <c r="AE94745" i="1"/>
  <c r="AE94746" i="1"/>
  <c r="AE94747" i="1"/>
  <c r="AE94748" i="1"/>
  <c r="AE94749" i="1"/>
  <c r="AE94750" i="1"/>
  <c r="AE94751" i="1"/>
  <c r="AE94752" i="1"/>
  <c r="AE94753" i="1"/>
  <c r="AE94754" i="1"/>
  <c r="AE94755" i="1"/>
  <c r="AE94756" i="1"/>
  <c r="AE94757" i="1"/>
  <c r="AE94758" i="1"/>
  <c r="AE94759" i="1"/>
  <c r="AE94760" i="1"/>
  <c r="AE94761" i="1"/>
  <c r="AE94762" i="1"/>
  <c r="AE94763" i="1"/>
  <c r="AE94764" i="1"/>
  <c r="AE94765" i="1"/>
  <c r="AE94766" i="1"/>
  <c r="AE94767" i="1"/>
  <c r="AE94768" i="1"/>
  <c r="AE94769" i="1"/>
  <c r="AE94770" i="1"/>
  <c r="AE94771" i="1"/>
  <c r="AE94772" i="1"/>
  <c r="AE94773" i="1"/>
  <c r="AE94774" i="1"/>
  <c r="AE94775" i="1"/>
  <c r="AE94776" i="1"/>
  <c r="AE94777" i="1"/>
  <c r="AE94778" i="1"/>
  <c r="AE94779" i="1"/>
  <c r="AE94780" i="1"/>
  <c r="AE94781" i="1"/>
  <c r="AE94782" i="1"/>
  <c r="AE94783" i="1"/>
  <c r="AE94784" i="1"/>
  <c r="AE94785" i="1"/>
  <c r="AE94786" i="1"/>
  <c r="AE94787" i="1"/>
  <c r="AE94788" i="1"/>
  <c r="AE94789" i="1"/>
  <c r="AE94790" i="1"/>
  <c r="AE94791" i="1"/>
  <c r="AE94792" i="1"/>
  <c r="AE94793" i="1"/>
  <c r="AE94794" i="1"/>
  <c r="AE94795" i="1"/>
  <c r="AE94796" i="1"/>
  <c r="AE94797" i="1"/>
  <c r="AE94798" i="1"/>
  <c r="AE94799" i="1"/>
  <c r="AE94800" i="1"/>
  <c r="AE94801" i="1"/>
  <c r="AE94802" i="1"/>
  <c r="AE94803" i="1"/>
  <c r="AE94804" i="1"/>
  <c r="AE94805" i="1"/>
  <c r="AE94806" i="1"/>
  <c r="AE94807" i="1"/>
  <c r="AE94808" i="1"/>
  <c r="AE94809" i="1"/>
  <c r="AE94810" i="1"/>
  <c r="AE94811" i="1"/>
  <c r="AE94812" i="1"/>
  <c r="AE94813" i="1"/>
  <c r="AE94814" i="1"/>
  <c r="AE94815" i="1"/>
  <c r="AE94816" i="1"/>
  <c r="AE94817" i="1"/>
  <c r="AE94818" i="1"/>
  <c r="AE94819" i="1"/>
  <c r="AE94820" i="1"/>
  <c r="AE94821" i="1"/>
  <c r="AE94822" i="1"/>
  <c r="AE94823" i="1"/>
  <c r="AE94824" i="1"/>
  <c r="AE94825" i="1"/>
  <c r="AE94826" i="1"/>
  <c r="AE94827" i="1"/>
  <c r="AE94828" i="1"/>
  <c r="AE94829" i="1"/>
  <c r="AE94830" i="1"/>
  <c r="AE94831" i="1"/>
  <c r="AE94832" i="1"/>
  <c r="AE94833" i="1"/>
  <c r="AE94834" i="1"/>
  <c r="AE94835" i="1"/>
  <c r="AE94836" i="1"/>
  <c r="AE94837" i="1"/>
  <c r="AE94838" i="1"/>
  <c r="AE94839" i="1"/>
  <c r="AE94840" i="1"/>
  <c r="AE94841" i="1"/>
  <c r="AE94842" i="1"/>
  <c r="AE94843" i="1"/>
  <c r="AE94844" i="1"/>
  <c r="AE94845" i="1"/>
  <c r="AE94846" i="1"/>
  <c r="AE94847" i="1"/>
  <c r="AE94848" i="1"/>
  <c r="AE94849" i="1"/>
  <c r="AE94850" i="1"/>
  <c r="AE94851" i="1"/>
  <c r="AE94852" i="1"/>
  <c r="AE94853" i="1"/>
  <c r="AE94854" i="1"/>
  <c r="AE94855" i="1"/>
  <c r="AE94856" i="1"/>
  <c r="AE94857" i="1"/>
  <c r="AE94858" i="1"/>
  <c r="AE94859" i="1"/>
  <c r="AE94860" i="1"/>
  <c r="AE94861" i="1"/>
  <c r="AE94862" i="1"/>
  <c r="AE94863" i="1"/>
  <c r="AE94864" i="1"/>
  <c r="AE94865" i="1"/>
  <c r="AE94866" i="1"/>
  <c r="AE94867" i="1"/>
  <c r="AE94868" i="1"/>
  <c r="AE94869" i="1"/>
  <c r="AE94870" i="1"/>
  <c r="AE94871" i="1"/>
  <c r="AE94872" i="1"/>
  <c r="AE94873" i="1"/>
  <c r="AE94874" i="1"/>
  <c r="AE94875" i="1"/>
  <c r="AE94876" i="1"/>
  <c r="AE94877" i="1"/>
  <c r="AE94878" i="1"/>
  <c r="AE94879" i="1"/>
  <c r="AE94880" i="1"/>
  <c r="AE94881" i="1"/>
  <c r="AE94882" i="1"/>
  <c r="AE94883" i="1"/>
  <c r="AE94884" i="1"/>
  <c r="AE94885" i="1"/>
  <c r="AE94886" i="1"/>
  <c r="AE94887" i="1"/>
  <c r="AE94888" i="1"/>
  <c r="AE94889" i="1"/>
  <c r="AE94890" i="1"/>
  <c r="AE94891" i="1"/>
  <c r="AE94892" i="1"/>
  <c r="AE94893" i="1"/>
  <c r="AE94894" i="1"/>
  <c r="AE94895" i="1"/>
  <c r="AE94896" i="1"/>
  <c r="AE94897" i="1"/>
  <c r="AE94898" i="1"/>
  <c r="AE94899" i="1"/>
  <c r="AE94900" i="1"/>
  <c r="AE94901" i="1"/>
  <c r="AE94902" i="1"/>
  <c r="AE94903" i="1"/>
  <c r="AE94904" i="1"/>
  <c r="AE94905" i="1"/>
  <c r="AE94906" i="1"/>
  <c r="AE94907" i="1"/>
  <c r="AE94908" i="1"/>
  <c r="AE94909" i="1"/>
  <c r="AE94910" i="1"/>
  <c r="AE94911" i="1"/>
  <c r="AE94912" i="1"/>
  <c r="AE94913" i="1"/>
  <c r="AE94914" i="1"/>
  <c r="AE94915" i="1"/>
  <c r="AE94916" i="1"/>
  <c r="AE94917" i="1"/>
  <c r="AE94918" i="1"/>
  <c r="AE94919" i="1"/>
  <c r="AE94920" i="1"/>
  <c r="AE94921" i="1"/>
  <c r="AE94922" i="1"/>
  <c r="AE94923" i="1"/>
  <c r="AE94924" i="1"/>
  <c r="AE94925" i="1"/>
  <c r="AE94926" i="1"/>
  <c r="AE94927" i="1"/>
  <c r="AE94928" i="1"/>
  <c r="AE94929" i="1"/>
  <c r="AE94930" i="1"/>
  <c r="AE94931" i="1"/>
  <c r="AE94932" i="1"/>
  <c r="AE94933" i="1"/>
  <c r="AE94934" i="1"/>
  <c r="AE94935" i="1"/>
  <c r="AE94936" i="1"/>
  <c r="AE94937" i="1"/>
  <c r="AE94938" i="1"/>
  <c r="AE94939" i="1"/>
  <c r="AE94940" i="1"/>
  <c r="AE94941" i="1"/>
  <c r="AE94942" i="1"/>
  <c r="AE94943" i="1"/>
  <c r="AE94944" i="1"/>
  <c r="AE94945" i="1"/>
  <c r="AE94946" i="1"/>
  <c r="AE94947" i="1"/>
  <c r="AE94948" i="1"/>
  <c r="AE94949" i="1"/>
  <c r="AE94950" i="1"/>
  <c r="AE94951" i="1"/>
  <c r="AE94952" i="1"/>
  <c r="AE94953" i="1"/>
  <c r="AE94954" i="1"/>
  <c r="AE94955" i="1"/>
  <c r="AE94956" i="1"/>
  <c r="AE94957" i="1"/>
  <c r="AE94958" i="1"/>
  <c r="AE94959" i="1"/>
  <c r="AE94960" i="1"/>
  <c r="AE94961" i="1"/>
  <c r="AE94962" i="1"/>
  <c r="AE94963" i="1"/>
  <c r="AE94964" i="1"/>
  <c r="AE94965" i="1"/>
  <c r="AE94966" i="1"/>
  <c r="AE94967" i="1"/>
  <c r="AE94968" i="1"/>
  <c r="AE94969" i="1"/>
  <c r="AE94970" i="1"/>
  <c r="AE94971" i="1"/>
  <c r="AE94972" i="1"/>
  <c r="AE94973" i="1"/>
  <c r="AE94974" i="1"/>
  <c r="AE94975" i="1"/>
  <c r="AE94976" i="1"/>
  <c r="AE94977" i="1"/>
  <c r="AE94978" i="1"/>
  <c r="AE94979" i="1"/>
  <c r="AE94980" i="1"/>
  <c r="AE94981" i="1"/>
  <c r="AE94982" i="1"/>
  <c r="AE94983" i="1"/>
  <c r="AE94984" i="1"/>
  <c r="AE94985" i="1"/>
  <c r="AE94986" i="1"/>
  <c r="AE94987" i="1"/>
  <c r="AE94988" i="1"/>
  <c r="AE94989" i="1"/>
  <c r="AE94990" i="1"/>
  <c r="AE94991" i="1"/>
  <c r="AE94992" i="1"/>
  <c r="AE94993" i="1"/>
  <c r="AE94994" i="1"/>
  <c r="AE94995" i="1"/>
  <c r="AE94996" i="1"/>
  <c r="AE94997" i="1"/>
  <c r="AE94998" i="1"/>
  <c r="AE94999" i="1"/>
  <c r="AE95000" i="1"/>
  <c r="AE95001" i="1"/>
  <c r="AE95002" i="1"/>
  <c r="AE95003" i="1"/>
  <c r="AE95004" i="1"/>
  <c r="AE95005" i="1"/>
  <c r="AE95006" i="1"/>
  <c r="AE95007" i="1"/>
  <c r="AE95008" i="1"/>
  <c r="AE95009" i="1"/>
  <c r="AE95010" i="1"/>
  <c r="AE95011" i="1"/>
  <c r="AE95012" i="1"/>
  <c r="AE95013" i="1"/>
  <c r="AE95014" i="1"/>
  <c r="AE95015" i="1"/>
  <c r="AE95016" i="1"/>
  <c r="AE95017" i="1"/>
  <c r="AE95018" i="1"/>
  <c r="AE95019" i="1"/>
  <c r="AE95020" i="1"/>
  <c r="AE95021" i="1"/>
  <c r="AE95022" i="1"/>
  <c r="AE95023" i="1"/>
  <c r="AE95024" i="1"/>
  <c r="AE95025" i="1"/>
  <c r="AE95026" i="1"/>
  <c r="AE95027" i="1"/>
  <c r="AE95028" i="1"/>
  <c r="AE95029" i="1"/>
  <c r="AE95030" i="1"/>
  <c r="AE95031" i="1"/>
  <c r="AE95032" i="1"/>
  <c r="AE95033" i="1"/>
  <c r="AE95034" i="1"/>
  <c r="AE95035" i="1"/>
  <c r="AE95036" i="1"/>
  <c r="AE95037" i="1"/>
  <c r="AE95038" i="1"/>
  <c r="AE95039" i="1"/>
  <c r="AE95040" i="1"/>
  <c r="AE95041" i="1"/>
  <c r="AE95042" i="1"/>
  <c r="AE95043" i="1"/>
  <c r="AE95044" i="1"/>
  <c r="AE95045" i="1"/>
  <c r="AE95046" i="1"/>
  <c r="AE95047" i="1"/>
  <c r="AE95048" i="1"/>
  <c r="AE95049" i="1"/>
  <c r="AE95050" i="1"/>
  <c r="AE95051" i="1"/>
  <c r="AE95052" i="1"/>
  <c r="AE95053" i="1"/>
  <c r="AE95054" i="1"/>
  <c r="AE95055" i="1"/>
  <c r="AE95056" i="1"/>
  <c r="AE95057" i="1"/>
  <c r="AE95058" i="1"/>
  <c r="AE95059" i="1"/>
  <c r="AE95060" i="1"/>
  <c r="AE95061" i="1"/>
  <c r="AE95062" i="1"/>
  <c r="AE95063" i="1"/>
  <c r="AE95064" i="1"/>
  <c r="AE95065" i="1"/>
  <c r="AE95066" i="1"/>
  <c r="AE95067" i="1"/>
  <c r="AE95068" i="1"/>
  <c r="AE95069" i="1"/>
  <c r="AE95070" i="1"/>
  <c r="AE95071" i="1"/>
  <c r="AE95072" i="1"/>
  <c r="AE95073" i="1"/>
  <c r="AE95074" i="1"/>
  <c r="AE95075" i="1"/>
  <c r="AE95076" i="1"/>
  <c r="AE95077" i="1"/>
  <c r="AE95078" i="1"/>
  <c r="AE95079" i="1"/>
  <c r="AE95080" i="1"/>
  <c r="AE95081" i="1"/>
  <c r="AE95082" i="1"/>
  <c r="AE95083" i="1"/>
  <c r="AE95084" i="1"/>
  <c r="AE95085" i="1"/>
  <c r="AE95086" i="1"/>
  <c r="AE95087" i="1"/>
  <c r="AE95088" i="1"/>
  <c r="AE95089" i="1"/>
  <c r="AE95090" i="1"/>
  <c r="AE95091" i="1"/>
  <c r="AE95092" i="1"/>
  <c r="AE95093" i="1"/>
  <c r="AE95094" i="1"/>
  <c r="AE95095" i="1"/>
  <c r="AE95096" i="1"/>
  <c r="AE95097" i="1"/>
  <c r="AE95098" i="1"/>
  <c r="AE95099" i="1"/>
  <c r="AE95100" i="1"/>
  <c r="AE95101" i="1"/>
  <c r="AE95102" i="1"/>
  <c r="AE95103" i="1"/>
  <c r="AE95104" i="1"/>
  <c r="AE95105" i="1"/>
  <c r="AE95106" i="1"/>
  <c r="AE95107" i="1"/>
  <c r="AE95108" i="1"/>
  <c r="AE95109" i="1"/>
  <c r="AE95110" i="1"/>
  <c r="AE95111" i="1"/>
  <c r="AE95112" i="1"/>
  <c r="AE95113" i="1"/>
  <c r="AE95114" i="1"/>
  <c r="AE95115" i="1"/>
  <c r="AE95116" i="1"/>
  <c r="AE95117" i="1"/>
  <c r="AE95118" i="1"/>
  <c r="AE95119" i="1"/>
  <c r="AE95120" i="1"/>
  <c r="AE95121" i="1"/>
  <c r="AE95122" i="1"/>
  <c r="AE95123" i="1"/>
  <c r="AE95124" i="1"/>
  <c r="AE95125" i="1"/>
  <c r="AE95126" i="1"/>
  <c r="AE95127" i="1"/>
  <c r="AE95128" i="1"/>
  <c r="AE95129" i="1"/>
  <c r="AE95130" i="1"/>
  <c r="AE95131" i="1"/>
  <c r="AE95132" i="1"/>
  <c r="AE95133" i="1"/>
  <c r="AE95134" i="1"/>
  <c r="AE95135" i="1"/>
  <c r="AE95136" i="1"/>
  <c r="AE95137" i="1"/>
  <c r="AE95138" i="1"/>
  <c r="AE95139" i="1"/>
  <c r="AE95140" i="1"/>
  <c r="AE95141" i="1"/>
  <c r="AE95142" i="1"/>
  <c r="AE95143" i="1"/>
  <c r="AE95144" i="1"/>
  <c r="AE95145" i="1"/>
  <c r="AE95146" i="1"/>
  <c r="AE95147" i="1"/>
  <c r="AE95148" i="1"/>
  <c r="AE95149" i="1"/>
  <c r="AE95150" i="1"/>
  <c r="AE95151" i="1"/>
  <c r="AE95152" i="1"/>
  <c r="AE95153" i="1"/>
  <c r="AE95154" i="1"/>
  <c r="AE95155" i="1"/>
  <c r="AE95156" i="1"/>
  <c r="AE95157" i="1"/>
  <c r="AE95158" i="1"/>
  <c r="AE95159" i="1"/>
  <c r="AE95160" i="1"/>
  <c r="AE95161" i="1"/>
  <c r="AE95162" i="1"/>
  <c r="AE95163" i="1"/>
  <c r="AE95164" i="1"/>
  <c r="AE95165" i="1"/>
  <c r="AE95166" i="1"/>
  <c r="AE95167" i="1"/>
  <c r="AE95168" i="1"/>
  <c r="AE95169" i="1"/>
  <c r="AE95170" i="1"/>
  <c r="AE95171" i="1"/>
  <c r="AE95172" i="1"/>
  <c r="AE95173" i="1"/>
  <c r="AE95174" i="1"/>
  <c r="AE95175" i="1"/>
  <c r="AE95176" i="1"/>
  <c r="AE95177" i="1"/>
  <c r="AE95178" i="1"/>
  <c r="AE95179" i="1"/>
  <c r="AE95180" i="1"/>
  <c r="AE95181" i="1"/>
  <c r="AE95182" i="1"/>
  <c r="AE95183" i="1"/>
  <c r="AE95184" i="1"/>
  <c r="AE95185" i="1"/>
  <c r="AE95186" i="1"/>
  <c r="AE95187" i="1"/>
  <c r="AE95188" i="1"/>
  <c r="AE95189" i="1"/>
  <c r="AE95190" i="1"/>
  <c r="AE95191" i="1"/>
  <c r="AE95192" i="1"/>
  <c r="AE95193" i="1"/>
  <c r="AE95194" i="1"/>
  <c r="AE95195" i="1"/>
  <c r="AE95196" i="1"/>
  <c r="AE95197" i="1"/>
  <c r="AE95198" i="1"/>
  <c r="AE95199" i="1"/>
  <c r="AE95200" i="1"/>
  <c r="AE95201" i="1"/>
  <c r="AE95202" i="1"/>
  <c r="AE95203" i="1"/>
  <c r="AE95204" i="1"/>
  <c r="AE95205" i="1"/>
  <c r="AE95206" i="1"/>
  <c r="AE95207" i="1"/>
  <c r="AE95208" i="1"/>
  <c r="AE95209" i="1"/>
  <c r="AE95210" i="1"/>
  <c r="AE95211" i="1"/>
  <c r="AE95212" i="1"/>
  <c r="AE95213" i="1"/>
  <c r="AE95214" i="1"/>
  <c r="AE95215" i="1"/>
  <c r="AE95216" i="1"/>
  <c r="AE95217" i="1"/>
  <c r="AE95218" i="1"/>
  <c r="AE95219" i="1"/>
  <c r="AE95220" i="1"/>
  <c r="AE95221" i="1"/>
  <c r="AE95222" i="1"/>
  <c r="AE95223" i="1"/>
  <c r="AE95224" i="1"/>
  <c r="AE95225" i="1"/>
  <c r="AE95226" i="1"/>
  <c r="AE95227" i="1"/>
  <c r="AE95228" i="1"/>
  <c r="AE95229" i="1"/>
  <c r="AE95230" i="1"/>
  <c r="AE95231" i="1"/>
  <c r="AE95232" i="1"/>
  <c r="AE95233" i="1"/>
  <c r="AE95234" i="1"/>
  <c r="AE95235" i="1"/>
  <c r="AE95236" i="1"/>
  <c r="AE95237" i="1"/>
  <c r="AE95238" i="1"/>
  <c r="AE95239" i="1"/>
  <c r="AE95240" i="1"/>
  <c r="AE95241" i="1"/>
  <c r="AE95242" i="1"/>
  <c r="AE95243" i="1"/>
  <c r="AE95244" i="1"/>
  <c r="AE95245" i="1"/>
  <c r="AE95246" i="1"/>
  <c r="AE95247" i="1"/>
  <c r="AE95248" i="1"/>
  <c r="AE95249" i="1"/>
  <c r="AE95250" i="1"/>
  <c r="AE95251" i="1"/>
  <c r="AE95252" i="1"/>
  <c r="AE95253" i="1"/>
  <c r="AE95254" i="1"/>
  <c r="AE95255" i="1"/>
  <c r="AE95256" i="1"/>
  <c r="AE95257" i="1"/>
  <c r="AE95258" i="1"/>
  <c r="AE95259" i="1"/>
  <c r="AE95260" i="1"/>
  <c r="AE95261" i="1"/>
  <c r="AE95262" i="1"/>
  <c r="AE95263" i="1"/>
  <c r="AE95264" i="1"/>
  <c r="AE95265" i="1"/>
  <c r="AE95266" i="1"/>
  <c r="AE95267" i="1"/>
  <c r="AE95268" i="1"/>
  <c r="AE95269" i="1"/>
  <c r="AE95270" i="1"/>
  <c r="AE95271" i="1"/>
  <c r="AE95272" i="1"/>
  <c r="AE95273" i="1"/>
  <c r="AE95274" i="1"/>
  <c r="AE95275" i="1"/>
  <c r="AE95276" i="1"/>
  <c r="AE95277" i="1"/>
  <c r="AE95278" i="1"/>
  <c r="AE95279" i="1"/>
  <c r="AE95280" i="1"/>
  <c r="AE95281" i="1"/>
  <c r="AE95282" i="1"/>
  <c r="AE95283" i="1"/>
  <c r="AE95284" i="1"/>
  <c r="AE95285" i="1"/>
  <c r="AE95286" i="1"/>
  <c r="AE95287" i="1"/>
  <c r="AE95288" i="1"/>
  <c r="AE95289" i="1"/>
  <c r="AE95290" i="1"/>
  <c r="AE95291" i="1"/>
  <c r="AE95292" i="1"/>
  <c r="AE95293" i="1"/>
  <c r="AE95294" i="1"/>
  <c r="AE95295" i="1"/>
  <c r="AE95296" i="1"/>
  <c r="AE95297" i="1"/>
  <c r="AE95298" i="1"/>
  <c r="AE95299" i="1"/>
  <c r="AE95300" i="1"/>
  <c r="AE95301" i="1"/>
  <c r="AE95302" i="1"/>
  <c r="AE95303" i="1"/>
  <c r="AE95304" i="1"/>
  <c r="AE95305" i="1"/>
  <c r="AE95306" i="1"/>
  <c r="AE95307" i="1"/>
  <c r="AE95308" i="1"/>
  <c r="AE95309" i="1"/>
  <c r="AE95310" i="1"/>
  <c r="AE95311" i="1"/>
  <c r="AE95312" i="1"/>
  <c r="AE95313" i="1"/>
  <c r="AE95314" i="1"/>
  <c r="AE95315" i="1"/>
  <c r="AE95316" i="1"/>
  <c r="AE95317" i="1"/>
  <c r="AE95318" i="1"/>
  <c r="AE95319" i="1"/>
  <c r="AE95320" i="1"/>
  <c r="AE95321" i="1"/>
  <c r="AE95322" i="1"/>
  <c r="AE95323" i="1"/>
  <c r="AE95324" i="1"/>
  <c r="AE95325" i="1"/>
  <c r="AE95326" i="1"/>
  <c r="AE95327" i="1"/>
  <c r="AE95328" i="1"/>
  <c r="AE95329" i="1"/>
  <c r="AE95330" i="1"/>
  <c r="AE95331" i="1"/>
  <c r="AE95332" i="1"/>
  <c r="AE95333" i="1"/>
  <c r="AE95334" i="1"/>
  <c r="AE95335" i="1"/>
  <c r="AE95336" i="1"/>
  <c r="AE95337" i="1"/>
  <c r="AE95338" i="1"/>
  <c r="AE95339" i="1"/>
  <c r="AE95340" i="1"/>
  <c r="AE95341" i="1"/>
  <c r="AE95342" i="1"/>
  <c r="AE95343" i="1"/>
  <c r="AE95344" i="1"/>
  <c r="AE95345" i="1"/>
  <c r="AE95346" i="1"/>
  <c r="AE95347" i="1"/>
  <c r="AE95348" i="1"/>
  <c r="AE95349" i="1"/>
  <c r="AE95350" i="1"/>
  <c r="AE95351" i="1"/>
  <c r="AE95352" i="1"/>
  <c r="AE95353" i="1"/>
  <c r="AE95354" i="1"/>
  <c r="AE95355" i="1"/>
  <c r="AE95356" i="1"/>
  <c r="AE95357" i="1"/>
  <c r="AE95358" i="1"/>
  <c r="AE95359" i="1"/>
  <c r="AE95360" i="1"/>
  <c r="AE95361" i="1"/>
  <c r="AE95362" i="1"/>
  <c r="AE95363" i="1"/>
  <c r="AE95364" i="1"/>
  <c r="AE95365" i="1"/>
  <c r="AE95366" i="1"/>
  <c r="AE95367" i="1"/>
  <c r="AE95368" i="1"/>
  <c r="AE95369" i="1"/>
  <c r="AE95370" i="1"/>
  <c r="AE95371" i="1"/>
  <c r="AE95372" i="1"/>
  <c r="AE95373" i="1"/>
  <c r="AE95374" i="1"/>
  <c r="AE95375" i="1"/>
  <c r="AE95376" i="1"/>
  <c r="AE95377" i="1"/>
  <c r="AE95378" i="1"/>
  <c r="AE95379" i="1"/>
  <c r="AE95380" i="1"/>
  <c r="AE95381" i="1"/>
  <c r="AE95382" i="1"/>
  <c r="AE95383" i="1"/>
  <c r="AE95384" i="1"/>
  <c r="AE95385" i="1"/>
  <c r="AE95386" i="1"/>
  <c r="AE95387" i="1"/>
  <c r="AE95388" i="1"/>
  <c r="AE95389" i="1"/>
  <c r="AE95390" i="1"/>
  <c r="AE95391" i="1"/>
  <c r="AE95392" i="1"/>
  <c r="AE95393" i="1"/>
  <c r="AE95394" i="1"/>
  <c r="AE95395" i="1"/>
  <c r="AE95396" i="1"/>
  <c r="AE95397" i="1"/>
  <c r="AE95398" i="1"/>
  <c r="AE95399" i="1"/>
  <c r="AE95400" i="1"/>
  <c r="AE95401" i="1"/>
  <c r="AE95402" i="1"/>
  <c r="AE95403" i="1"/>
  <c r="AE95404" i="1"/>
  <c r="AE95405" i="1"/>
  <c r="AE95406" i="1"/>
  <c r="AE95407" i="1"/>
  <c r="AE95408" i="1"/>
  <c r="AE95409" i="1"/>
  <c r="AE95410" i="1"/>
  <c r="AE95411" i="1"/>
  <c r="AE95412" i="1"/>
  <c r="AE95413" i="1"/>
  <c r="AE95414" i="1"/>
  <c r="AE95415" i="1"/>
  <c r="AE95416" i="1"/>
  <c r="AE95417" i="1"/>
  <c r="AE95418" i="1"/>
  <c r="AE95419" i="1"/>
  <c r="AE95420" i="1"/>
  <c r="AE95421" i="1"/>
  <c r="AE95422" i="1"/>
  <c r="AE95423" i="1"/>
  <c r="AE95424" i="1"/>
  <c r="AE95425" i="1"/>
  <c r="AE95426" i="1"/>
  <c r="AE95427" i="1"/>
  <c r="AE95428" i="1"/>
  <c r="AE95429" i="1"/>
  <c r="AE95430" i="1"/>
  <c r="AE95431" i="1"/>
  <c r="AE95432" i="1"/>
  <c r="AE95433" i="1"/>
  <c r="AE95434" i="1"/>
  <c r="AE95435" i="1"/>
  <c r="AE95436" i="1"/>
  <c r="AE95437" i="1"/>
  <c r="AE95438" i="1"/>
  <c r="AE95439" i="1"/>
  <c r="AE95440" i="1"/>
  <c r="AE95441" i="1"/>
  <c r="AE95442" i="1"/>
  <c r="AE95443" i="1"/>
  <c r="AE95444" i="1"/>
  <c r="AE95445" i="1"/>
  <c r="AE95446" i="1"/>
  <c r="AE95447" i="1"/>
  <c r="AE95448" i="1"/>
  <c r="AE95449" i="1"/>
  <c r="AE95450" i="1"/>
  <c r="AE95451" i="1"/>
  <c r="AE95452" i="1"/>
  <c r="AE95453" i="1"/>
  <c r="AE95454" i="1"/>
  <c r="AE95455" i="1"/>
  <c r="AE95456" i="1"/>
  <c r="AE95457" i="1"/>
  <c r="AE95458" i="1"/>
  <c r="AE95459" i="1"/>
  <c r="AE95460" i="1"/>
  <c r="AE95461" i="1"/>
  <c r="AE95462" i="1"/>
  <c r="AE95463" i="1"/>
  <c r="AE95464" i="1"/>
  <c r="AE95465" i="1"/>
  <c r="AE95466" i="1"/>
  <c r="AE95467" i="1"/>
  <c r="AE95468" i="1"/>
  <c r="AE95469" i="1"/>
  <c r="AE95470" i="1"/>
  <c r="AE95471" i="1"/>
  <c r="AE95472" i="1"/>
  <c r="AE95473" i="1"/>
  <c r="AE95474" i="1"/>
  <c r="AE95475" i="1"/>
  <c r="AE95476" i="1"/>
  <c r="AE95477" i="1"/>
  <c r="AE95478" i="1"/>
  <c r="AE95479" i="1"/>
  <c r="AE95480" i="1"/>
  <c r="AE95481" i="1"/>
  <c r="AE95482" i="1"/>
  <c r="AE95483" i="1"/>
  <c r="AE95484" i="1"/>
  <c r="AE95485" i="1"/>
  <c r="AE95486" i="1"/>
  <c r="AE95487" i="1"/>
  <c r="AE95488" i="1"/>
  <c r="AE95489" i="1"/>
  <c r="AE95490" i="1"/>
  <c r="AE95491" i="1"/>
  <c r="AE95492" i="1"/>
  <c r="AE95493" i="1"/>
  <c r="AE95494" i="1"/>
  <c r="AE95495" i="1"/>
  <c r="AE95496" i="1"/>
  <c r="AE95497" i="1"/>
  <c r="AE95498" i="1"/>
  <c r="AE95499" i="1"/>
  <c r="AE95500" i="1"/>
  <c r="AE95501" i="1"/>
  <c r="AE95502" i="1"/>
  <c r="AE95503" i="1"/>
  <c r="AE95504" i="1"/>
  <c r="AE95505" i="1"/>
  <c r="AE95506" i="1"/>
  <c r="AE95507" i="1"/>
  <c r="AE95508" i="1"/>
  <c r="AE95509" i="1"/>
  <c r="AE95510" i="1"/>
  <c r="AE95511" i="1"/>
  <c r="AE95512" i="1"/>
  <c r="AE95513" i="1"/>
  <c r="AE95514" i="1"/>
  <c r="AE95515" i="1"/>
  <c r="AE95516" i="1"/>
  <c r="AE95517" i="1"/>
  <c r="AE95518" i="1"/>
  <c r="AE95519" i="1"/>
  <c r="AE95520" i="1"/>
  <c r="AE95521" i="1"/>
  <c r="AE95522" i="1"/>
  <c r="AE95523" i="1"/>
  <c r="AE95524" i="1"/>
  <c r="AE95525" i="1"/>
  <c r="AE95526" i="1"/>
  <c r="AE95527" i="1"/>
  <c r="AE95528" i="1"/>
  <c r="AE95529" i="1"/>
  <c r="AE95530" i="1"/>
  <c r="AE95531" i="1"/>
  <c r="AE95532" i="1"/>
  <c r="AE95533" i="1"/>
  <c r="AE95534" i="1"/>
  <c r="AE95535" i="1"/>
  <c r="AE95536" i="1"/>
  <c r="AE95537" i="1"/>
  <c r="AE95538" i="1"/>
  <c r="AE95539" i="1"/>
  <c r="AE95540" i="1"/>
  <c r="AE95541" i="1"/>
  <c r="AE95542" i="1"/>
  <c r="AE95543" i="1"/>
  <c r="AE95544" i="1"/>
  <c r="AE95545" i="1"/>
  <c r="AE95546" i="1"/>
  <c r="AE95547" i="1"/>
  <c r="AE95548" i="1"/>
  <c r="AE95549" i="1"/>
  <c r="AE95550" i="1"/>
  <c r="AE95551" i="1"/>
  <c r="AE95552" i="1"/>
  <c r="AE95553" i="1"/>
  <c r="AE95554" i="1"/>
  <c r="AE95555" i="1"/>
  <c r="AE95556" i="1"/>
  <c r="AE95557" i="1"/>
  <c r="AE95558" i="1"/>
  <c r="AE95559" i="1"/>
  <c r="AE95560" i="1"/>
  <c r="AE95561" i="1"/>
  <c r="AE95562" i="1"/>
  <c r="AE95563" i="1"/>
  <c r="AE95564" i="1"/>
  <c r="AE95565" i="1"/>
  <c r="AE95566" i="1"/>
  <c r="AE95567" i="1"/>
  <c r="AE95568" i="1"/>
  <c r="AE95569" i="1"/>
  <c r="AE95570" i="1"/>
  <c r="AE95571" i="1"/>
  <c r="AE95572" i="1"/>
  <c r="AE95573" i="1"/>
  <c r="AE95574" i="1"/>
  <c r="AE95575" i="1"/>
  <c r="AE95576" i="1"/>
  <c r="AE95577" i="1"/>
  <c r="AE95578" i="1"/>
  <c r="AE95579" i="1"/>
  <c r="AE95580" i="1"/>
  <c r="AE95581" i="1"/>
  <c r="AE95582" i="1"/>
  <c r="AE95583" i="1"/>
  <c r="AE95584" i="1"/>
  <c r="AE95585" i="1"/>
  <c r="AE95586" i="1"/>
  <c r="AE95587" i="1"/>
  <c r="AE95588" i="1"/>
  <c r="AE95589" i="1"/>
  <c r="AE95590" i="1"/>
  <c r="AE95591" i="1"/>
  <c r="AE95592" i="1"/>
  <c r="AE95593" i="1"/>
  <c r="AE95594" i="1"/>
  <c r="AE95595" i="1"/>
  <c r="AE95596" i="1"/>
  <c r="AE95597" i="1"/>
  <c r="AE95598" i="1"/>
  <c r="AE95599" i="1"/>
  <c r="AE95600" i="1"/>
  <c r="AE95601" i="1"/>
  <c r="AE95602" i="1"/>
  <c r="AE95603" i="1"/>
  <c r="AE95604" i="1"/>
  <c r="AE95605" i="1"/>
  <c r="AE95606" i="1"/>
  <c r="AE95607" i="1"/>
  <c r="AE95608" i="1"/>
  <c r="AE95609" i="1"/>
  <c r="AE95610" i="1"/>
  <c r="AE95611" i="1"/>
  <c r="AE95612" i="1"/>
  <c r="AE95613" i="1"/>
  <c r="AE95614" i="1"/>
  <c r="AE95615" i="1"/>
  <c r="AE95616" i="1"/>
  <c r="AE95617" i="1"/>
  <c r="AE95618" i="1"/>
  <c r="AE95619" i="1"/>
  <c r="AE95620" i="1"/>
  <c r="AE95621" i="1"/>
  <c r="AE95622" i="1"/>
  <c r="AE95623" i="1"/>
  <c r="AE95624" i="1"/>
  <c r="AE95625" i="1"/>
  <c r="AE95626" i="1"/>
  <c r="AE95627" i="1"/>
  <c r="AE95628" i="1"/>
  <c r="AE95629" i="1"/>
  <c r="AE95630" i="1"/>
  <c r="AE95631" i="1"/>
  <c r="AE95632" i="1"/>
  <c r="AE95633" i="1"/>
  <c r="AE95634" i="1"/>
  <c r="AE95635" i="1"/>
  <c r="AE95636" i="1"/>
  <c r="AE95637" i="1"/>
  <c r="AE95638" i="1"/>
  <c r="AE95639" i="1"/>
  <c r="AE95640" i="1"/>
  <c r="AE95641" i="1"/>
  <c r="AE95642" i="1"/>
  <c r="AE95643" i="1"/>
  <c r="AE95644" i="1"/>
  <c r="AE95645" i="1"/>
  <c r="AE95646" i="1"/>
  <c r="AE95647" i="1"/>
  <c r="AE95648" i="1"/>
  <c r="AE95649" i="1"/>
  <c r="AE95650" i="1"/>
  <c r="AE95651" i="1"/>
  <c r="AE95652" i="1"/>
  <c r="AE95653" i="1"/>
  <c r="AE95654" i="1"/>
  <c r="AE95655" i="1"/>
  <c r="AE95656" i="1"/>
  <c r="AE95657" i="1"/>
  <c r="AE95658" i="1"/>
  <c r="AE95659" i="1"/>
  <c r="AE95660" i="1"/>
  <c r="AE95661" i="1"/>
  <c r="AE95662" i="1"/>
  <c r="AE95663" i="1"/>
  <c r="AE95664" i="1"/>
  <c r="AE95665" i="1"/>
  <c r="AE95666" i="1"/>
  <c r="AE95667" i="1"/>
  <c r="AE95668" i="1"/>
  <c r="AE95669" i="1"/>
  <c r="AE95670" i="1"/>
  <c r="AE95671" i="1"/>
  <c r="AE95672" i="1"/>
  <c r="AE95673" i="1"/>
  <c r="AE95674" i="1"/>
  <c r="AE95675" i="1"/>
  <c r="AE95676" i="1"/>
  <c r="AE95677" i="1"/>
  <c r="AE95678" i="1"/>
  <c r="AE95679" i="1"/>
  <c r="AE95680" i="1"/>
  <c r="AE95681" i="1"/>
  <c r="AE95682" i="1"/>
  <c r="AE95683" i="1"/>
  <c r="AE95684" i="1"/>
  <c r="AE95685" i="1"/>
  <c r="AE95686" i="1"/>
  <c r="AE95687" i="1"/>
  <c r="AE95688" i="1"/>
  <c r="AE95689" i="1"/>
  <c r="AE95690" i="1"/>
  <c r="AE95691" i="1"/>
  <c r="AE95692" i="1"/>
  <c r="AE95693" i="1"/>
  <c r="AE95694" i="1"/>
  <c r="AE95695" i="1"/>
  <c r="AE95696" i="1"/>
  <c r="AE95697" i="1"/>
  <c r="AE95698" i="1"/>
  <c r="AE95699" i="1"/>
  <c r="AE95700" i="1"/>
  <c r="AE95701" i="1"/>
  <c r="AE95702" i="1"/>
  <c r="AE95703" i="1"/>
  <c r="AE95704" i="1"/>
  <c r="AE95705" i="1"/>
  <c r="AE95706" i="1"/>
  <c r="AE95707" i="1"/>
  <c r="AE95708" i="1"/>
  <c r="AE95709" i="1"/>
  <c r="AE95710" i="1"/>
  <c r="AE95711" i="1"/>
  <c r="AE95712" i="1"/>
  <c r="AE95713" i="1"/>
  <c r="AE95714" i="1"/>
  <c r="AE95715" i="1"/>
  <c r="AE95716" i="1"/>
  <c r="AE95717" i="1"/>
  <c r="AE95718" i="1"/>
  <c r="AE95719" i="1"/>
  <c r="AE95720" i="1"/>
  <c r="AE95721" i="1"/>
  <c r="AE95722" i="1"/>
  <c r="AE95723" i="1"/>
  <c r="AE95724" i="1"/>
  <c r="AE95725" i="1"/>
  <c r="AE95726" i="1"/>
  <c r="AE95727" i="1"/>
  <c r="AE95728" i="1"/>
  <c r="AE95729" i="1"/>
  <c r="AE95730" i="1"/>
  <c r="AE95731" i="1"/>
  <c r="AE95732" i="1"/>
  <c r="AE95733" i="1"/>
  <c r="AE95734" i="1"/>
  <c r="AE95735" i="1"/>
  <c r="AE95736" i="1"/>
  <c r="AE95737" i="1"/>
  <c r="AE95738" i="1"/>
  <c r="AE95739" i="1"/>
  <c r="AE95740" i="1"/>
  <c r="AE95741" i="1"/>
  <c r="AE95742" i="1"/>
  <c r="AE95743" i="1"/>
  <c r="AE95744" i="1"/>
  <c r="AE95745" i="1"/>
  <c r="AE95746" i="1"/>
  <c r="AE95747" i="1"/>
  <c r="AE95748" i="1"/>
  <c r="AE95749" i="1"/>
  <c r="AE95750" i="1"/>
  <c r="AE95751" i="1"/>
  <c r="AE95752" i="1"/>
  <c r="AE95753" i="1"/>
  <c r="AE95754" i="1"/>
  <c r="AE95755" i="1"/>
  <c r="AE95756" i="1"/>
  <c r="AE95757" i="1"/>
  <c r="AE95758" i="1"/>
  <c r="AE95759" i="1"/>
  <c r="AE95760" i="1"/>
  <c r="AE95761" i="1"/>
  <c r="AE95762" i="1"/>
  <c r="AE95763" i="1"/>
  <c r="AE95764" i="1"/>
  <c r="AE95765" i="1"/>
  <c r="AE95766" i="1"/>
  <c r="AE95767" i="1"/>
  <c r="AE95768" i="1"/>
  <c r="AE95769" i="1"/>
  <c r="AE95770" i="1"/>
  <c r="AE95771" i="1"/>
  <c r="AE95772" i="1"/>
  <c r="AE95773" i="1"/>
  <c r="AE95774" i="1"/>
  <c r="AE95775" i="1"/>
  <c r="AE95776" i="1"/>
  <c r="AE95777" i="1"/>
  <c r="AE95778" i="1"/>
  <c r="AE95779" i="1"/>
  <c r="AE95780" i="1"/>
  <c r="AE95781" i="1"/>
  <c r="AE95782" i="1"/>
  <c r="AE95783" i="1"/>
  <c r="AE95784" i="1"/>
  <c r="AE95785" i="1"/>
  <c r="AE95786" i="1"/>
  <c r="AE95787" i="1"/>
  <c r="AE95788" i="1"/>
  <c r="AE95789" i="1"/>
  <c r="AE95790" i="1"/>
  <c r="AE95791" i="1"/>
  <c r="AE95792" i="1"/>
  <c r="AE95793" i="1"/>
  <c r="AE95794" i="1"/>
  <c r="AE95795" i="1"/>
  <c r="AE95796" i="1"/>
  <c r="AE95797" i="1"/>
  <c r="AE95798" i="1"/>
  <c r="AE95799" i="1"/>
  <c r="AE95800" i="1"/>
  <c r="AE95801" i="1"/>
  <c r="AE95802" i="1"/>
  <c r="AE95803" i="1"/>
  <c r="AE95804" i="1"/>
  <c r="AE95805" i="1"/>
  <c r="AE95806" i="1"/>
  <c r="AE95807" i="1"/>
  <c r="AE95808" i="1"/>
  <c r="AE95809" i="1"/>
  <c r="AE95810" i="1"/>
  <c r="AE95811" i="1"/>
  <c r="AE95812" i="1"/>
  <c r="AE95813" i="1"/>
  <c r="AE95814" i="1"/>
  <c r="AE95815" i="1"/>
  <c r="AE95816" i="1"/>
  <c r="AE95817" i="1"/>
  <c r="AE95818" i="1"/>
  <c r="AE95819" i="1"/>
  <c r="AE95820" i="1"/>
  <c r="AE95821" i="1"/>
  <c r="AE95822" i="1"/>
  <c r="AE95823" i="1"/>
  <c r="AE95824" i="1"/>
  <c r="AE95825" i="1"/>
  <c r="AE95826" i="1"/>
  <c r="AE95827" i="1"/>
  <c r="AE95828" i="1"/>
  <c r="AE95829" i="1"/>
  <c r="AE95830" i="1"/>
  <c r="AE95831" i="1"/>
  <c r="AE95832" i="1"/>
  <c r="AE95833" i="1"/>
  <c r="AE95834" i="1"/>
  <c r="AE95835" i="1"/>
  <c r="AE95836" i="1"/>
  <c r="AE95837" i="1"/>
  <c r="AE95838" i="1"/>
  <c r="AE95839" i="1"/>
  <c r="AE95840" i="1"/>
  <c r="AE95841" i="1"/>
  <c r="AE95842" i="1"/>
  <c r="AE95843" i="1"/>
  <c r="AE95844" i="1"/>
  <c r="AE95845" i="1"/>
  <c r="AE95846" i="1"/>
  <c r="AE95847" i="1"/>
  <c r="AE95848" i="1"/>
  <c r="AE95849" i="1"/>
  <c r="AE95850" i="1"/>
  <c r="AE95851" i="1"/>
  <c r="AE95852" i="1"/>
  <c r="AE95853" i="1"/>
  <c r="AE95854" i="1"/>
  <c r="AE95855" i="1"/>
  <c r="AE95856" i="1"/>
  <c r="AE95857" i="1"/>
  <c r="AE95858" i="1"/>
  <c r="AE95859" i="1"/>
  <c r="AE95860" i="1"/>
  <c r="AE95861" i="1"/>
  <c r="AE95862" i="1"/>
  <c r="AE95863" i="1"/>
  <c r="AE95864" i="1"/>
  <c r="AE95865" i="1"/>
  <c r="AE95866" i="1"/>
  <c r="AE95867" i="1"/>
  <c r="AE95868" i="1"/>
  <c r="AE95869" i="1"/>
  <c r="AE95870" i="1"/>
  <c r="AE95871" i="1"/>
  <c r="AE95872" i="1"/>
  <c r="AE95873" i="1"/>
  <c r="AE95874" i="1"/>
  <c r="AE95875" i="1"/>
  <c r="AE95876" i="1"/>
  <c r="AE95877" i="1"/>
  <c r="AE95878" i="1"/>
  <c r="AE95879" i="1"/>
  <c r="AE95880" i="1"/>
  <c r="AE95881" i="1"/>
  <c r="AE95882" i="1"/>
  <c r="AE95883" i="1"/>
  <c r="AE95884" i="1"/>
  <c r="AE95885" i="1"/>
  <c r="AE95886" i="1"/>
  <c r="AE95887" i="1"/>
  <c r="AE95888" i="1"/>
  <c r="AE95889" i="1"/>
  <c r="AE95890" i="1"/>
  <c r="AE95891" i="1"/>
  <c r="AE95892" i="1"/>
  <c r="AE95893" i="1"/>
  <c r="AE95894" i="1"/>
  <c r="AE95895" i="1"/>
  <c r="AE95896" i="1"/>
  <c r="AE95897" i="1"/>
  <c r="AE95898" i="1"/>
  <c r="AE95899" i="1"/>
  <c r="AE95900" i="1"/>
  <c r="AE95901" i="1"/>
  <c r="AE95902" i="1"/>
  <c r="AE95903" i="1"/>
  <c r="AE95904" i="1"/>
  <c r="AE95905" i="1"/>
  <c r="AE95906" i="1"/>
  <c r="AE95907" i="1"/>
  <c r="AE95908" i="1"/>
  <c r="AE95909" i="1"/>
  <c r="AE95910" i="1"/>
  <c r="AE95911" i="1"/>
  <c r="AE95912" i="1"/>
  <c r="AE95913" i="1"/>
  <c r="AE95914" i="1"/>
  <c r="AE95915" i="1"/>
  <c r="AE95916" i="1"/>
  <c r="AE95917" i="1"/>
  <c r="AE95918" i="1"/>
  <c r="AE95919" i="1"/>
  <c r="AE95920" i="1"/>
  <c r="AE95921" i="1"/>
  <c r="AE95922" i="1"/>
  <c r="AE95923" i="1"/>
  <c r="AE95924" i="1"/>
  <c r="AE95925" i="1"/>
  <c r="AE95926" i="1"/>
  <c r="AE95927" i="1"/>
  <c r="AE95928" i="1"/>
  <c r="AE95929" i="1"/>
  <c r="AE95930" i="1"/>
  <c r="AE95931" i="1"/>
  <c r="AE95932" i="1"/>
  <c r="AE95933" i="1"/>
  <c r="AE95934" i="1"/>
  <c r="AE95935" i="1"/>
  <c r="AE95936" i="1"/>
  <c r="AE95937" i="1"/>
  <c r="AE95938" i="1"/>
  <c r="AE95939" i="1"/>
  <c r="AE95940" i="1"/>
  <c r="AE95941" i="1"/>
  <c r="AE95942" i="1"/>
  <c r="AE95943" i="1"/>
  <c r="AE95944" i="1"/>
  <c r="AE95945" i="1"/>
  <c r="AE95946" i="1"/>
  <c r="AE95947" i="1"/>
  <c r="AE95948" i="1"/>
  <c r="AE95949" i="1"/>
  <c r="AE95950" i="1"/>
  <c r="AE95951" i="1"/>
  <c r="AE95952" i="1"/>
  <c r="AE95953" i="1"/>
  <c r="AE95954" i="1"/>
  <c r="AE95955" i="1"/>
  <c r="AE95956" i="1"/>
  <c r="AE95957" i="1"/>
  <c r="AE95958" i="1"/>
  <c r="AE95959" i="1"/>
  <c r="AE95960" i="1"/>
  <c r="AE95961" i="1"/>
  <c r="AE95962" i="1"/>
  <c r="AE95963" i="1"/>
  <c r="AE95964" i="1"/>
  <c r="AE95965" i="1"/>
  <c r="AE95966" i="1"/>
  <c r="AE95967" i="1"/>
  <c r="AE95968" i="1"/>
  <c r="AE95969" i="1"/>
  <c r="AE95970" i="1"/>
  <c r="AE95971" i="1"/>
  <c r="AE95972" i="1"/>
  <c r="AE95973" i="1"/>
  <c r="AE95974" i="1"/>
  <c r="AE95975" i="1"/>
  <c r="AE95976" i="1"/>
  <c r="AE95977" i="1"/>
  <c r="AE95978" i="1"/>
  <c r="AE95979" i="1"/>
  <c r="AE95980" i="1"/>
  <c r="AE95981" i="1"/>
  <c r="AE95982" i="1"/>
  <c r="AE95983" i="1"/>
  <c r="AE95984" i="1"/>
  <c r="AE95985" i="1"/>
  <c r="AE95986" i="1"/>
  <c r="AE95987" i="1"/>
  <c r="AE95988" i="1"/>
  <c r="AE95989" i="1"/>
  <c r="AE95990" i="1"/>
  <c r="AE95991" i="1"/>
  <c r="AE95992" i="1"/>
  <c r="AE95993" i="1"/>
  <c r="AE95994" i="1"/>
  <c r="AE95995" i="1"/>
  <c r="AE95996" i="1"/>
  <c r="AE95997" i="1"/>
  <c r="AE95998" i="1"/>
  <c r="AE95999" i="1"/>
  <c r="AE96000" i="1"/>
  <c r="AE96001" i="1"/>
  <c r="AE96002" i="1"/>
  <c r="AE96003" i="1"/>
  <c r="AE96004" i="1"/>
  <c r="AE96005" i="1"/>
  <c r="AE96006" i="1"/>
  <c r="AE96007" i="1"/>
  <c r="AE96008" i="1"/>
  <c r="AE96009" i="1"/>
  <c r="AE96010" i="1"/>
  <c r="AE96011" i="1"/>
  <c r="AE96012" i="1"/>
  <c r="AE96013" i="1"/>
  <c r="AE96014" i="1"/>
  <c r="AE96015" i="1"/>
  <c r="AE96016" i="1"/>
  <c r="AE96017" i="1"/>
  <c r="AE96018" i="1"/>
  <c r="AE96019" i="1"/>
  <c r="AE96020" i="1"/>
  <c r="AE96021" i="1"/>
  <c r="AE96022" i="1"/>
  <c r="AE96023" i="1"/>
  <c r="AE96024" i="1"/>
  <c r="AE96025" i="1"/>
  <c r="AE96026" i="1"/>
  <c r="AE96027" i="1"/>
  <c r="AE96028" i="1"/>
  <c r="AE96029" i="1"/>
  <c r="AE96030" i="1"/>
  <c r="AE96031" i="1"/>
  <c r="AE96032" i="1"/>
  <c r="AE96033" i="1"/>
  <c r="AE96034" i="1"/>
  <c r="AE96035" i="1"/>
  <c r="AE96036" i="1"/>
  <c r="AE96037" i="1"/>
  <c r="AE96038" i="1"/>
  <c r="AE96039" i="1"/>
  <c r="AE96040" i="1"/>
  <c r="AE96041" i="1"/>
  <c r="AE96042" i="1"/>
  <c r="AE96043" i="1"/>
  <c r="AE96044" i="1"/>
  <c r="AE96045" i="1"/>
  <c r="AE96046" i="1"/>
  <c r="AE96047" i="1"/>
  <c r="AE96048" i="1"/>
  <c r="AE96049" i="1"/>
  <c r="AE96050" i="1"/>
  <c r="AE96051" i="1"/>
  <c r="AE96052" i="1"/>
  <c r="AE96053" i="1"/>
  <c r="AE96054" i="1"/>
  <c r="AE96055" i="1"/>
  <c r="AE96056" i="1"/>
  <c r="AE96057" i="1"/>
  <c r="AE96058" i="1"/>
  <c r="AE96059" i="1"/>
  <c r="AE96060" i="1"/>
  <c r="AE96061" i="1"/>
  <c r="AE96062" i="1"/>
  <c r="AE96063" i="1"/>
  <c r="AE96064" i="1"/>
  <c r="AE96065" i="1"/>
  <c r="AE96066" i="1"/>
  <c r="AE96067" i="1"/>
  <c r="AE96068" i="1"/>
  <c r="AE96069" i="1"/>
  <c r="AE96070" i="1"/>
  <c r="AE96071" i="1"/>
  <c r="AE96072" i="1"/>
  <c r="AE96073" i="1"/>
  <c r="AE96074" i="1"/>
  <c r="AE96075" i="1"/>
  <c r="AE96076" i="1"/>
  <c r="AE96077" i="1"/>
  <c r="AE96078" i="1"/>
  <c r="AE96079" i="1"/>
  <c r="AE96080" i="1"/>
  <c r="AE96081" i="1"/>
  <c r="AE96082" i="1"/>
  <c r="AE96083" i="1"/>
  <c r="AE96084" i="1"/>
  <c r="AE96085" i="1"/>
  <c r="AE96086" i="1"/>
  <c r="AE96087" i="1"/>
  <c r="AE96088" i="1"/>
  <c r="AE96089" i="1"/>
  <c r="AE96090" i="1"/>
  <c r="AE96091" i="1"/>
  <c r="AE96092" i="1"/>
  <c r="AE96093" i="1"/>
  <c r="AE96094" i="1"/>
  <c r="AE96095" i="1"/>
  <c r="AE96096" i="1"/>
  <c r="AE96097" i="1"/>
  <c r="AE96098" i="1"/>
  <c r="AE96099" i="1"/>
  <c r="AE96100" i="1"/>
  <c r="AE96101" i="1"/>
  <c r="AE96102" i="1"/>
  <c r="AE96103" i="1"/>
  <c r="AE96104" i="1"/>
  <c r="AE96105" i="1"/>
  <c r="AE96106" i="1"/>
  <c r="AE96107" i="1"/>
  <c r="AE96108" i="1"/>
  <c r="AE96109" i="1"/>
  <c r="AE96110" i="1"/>
  <c r="AE96111" i="1"/>
  <c r="AE96112" i="1"/>
  <c r="AE96113" i="1"/>
  <c r="AE96114" i="1"/>
  <c r="AE96115" i="1"/>
  <c r="AE96116" i="1"/>
  <c r="AE96117" i="1"/>
  <c r="AE96118" i="1"/>
  <c r="AE96119" i="1"/>
  <c r="AE96120" i="1"/>
  <c r="AE96121" i="1"/>
  <c r="AE96122" i="1"/>
  <c r="AE96123" i="1"/>
  <c r="AE96124" i="1"/>
  <c r="AE96125" i="1"/>
  <c r="AE96126" i="1"/>
  <c r="AE96127" i="1"/>
  <c r="AE96128" i="1"/>
  <c r="AE96129" i="1"/>
  <c r="AE96130" i="1"/>
  <c r="AE96131" i="1"/>
  <c r="AE96132" i="1"/>
  <c r="AE96133" i="1"/>
  <c r="AE96134" i="1"/>
  <c r="AE96135" i="1"/>
  <c r="AE96136" i="1"/>
  <c r="AE96137" i="1"/>
  <c r="AE96138" i="1"/>
  <c r="AE96139" i="1"/>
  <c r="AE96140" i="1"/>
  <c r="AE96141" i="1"/>
  <c r="AE96142" i="1"/>
  <c r="AE96143" i="1"/>
  <c r="AE96144" i="1"/>
  <c r="AE96145" i="1"/>
  <c r="AE96146" i="1"/>
  <c r="AE96147" i="1"/>
  <c r="AE96148" i="1"/>
  <c r="AE96149" i="1"/>
  <c r="AE96150" i="1"/>
  <c r="AE96151" i="1"/>
  <c r="AE96152" i="1"/>
  <c r="AE96153" i="1"/>
  <c r="AE96154" i="1"/>
  <c r="AE96155" i="1"/>
  <c r="AE96156" i="1"/>
  <c r="AE96157" i="1"/>
  <c r="AE96158" i="1"/>
  <c r="AE96159" i="1"/>
  <c r="AE96160" i="1"/>
  <c r="AE96161" i="1"/>
  <c r="AE96162" i="1"/>
  <c r="AE96163" i="1"/>
  <c r="AE96164" i="1"/>
  <c r="AE96165" i="1"/>
  <c r="AE96166" i="1"/>
  <c r="AE96167" i="1"/>
  <c r="AE96168" i="1"/>
  <c r="AE96169" i="1"/>
  <c r="AE96170" i="1"/>
  <c r="AE96171" i="1"/>
  <c r="AE96172" i="1"/>
  <c r="AE96173" i="1"/>
  <c r="AE96174" i="1"/>
  <c r="AE96175" i="1"/>
  <c r="AE96176" i="1"/>
  <c r="AE96177" i="1"/>
  <c r="AE96178" i="1"/>
  <c r="AE96179" i="1"/>
  <c r="AE96180" i="1"/>
  <c r="AE96181" i="1"/>
  <c r="AE96182" i="1"/>
  <c r="AE96183" i="1"/>
  <c r="AE96184" i="1"/>
  <c r="AE96185" i="1"/>
  <c r="AE96186" i="1"/>
  <c r="AE96187" i="1"/>
  <c r="AE96188" i="1"/>
  <c r="AE96189" i="1"/>
  <c r="AE96190" i="1"/>
  <c r="AE96191" i="1"/>
  <c r="AE96192" i="1"/>
  <c r="AE96193" i="1"/>
  <c r="AE96194" i="1"/>
  <c r="AE96195" i="1"/>
  <c r="AE96196" i="1"/>
  <c r="AE96197" i="1"/>
  <c r="AE96198" i="1"/>
  <c r="AE96199" i="1"/>
  <c r="AE96200" i="1"/>
  <c r="AE96201" i="1"/>
  <c r="AE96202" i="1"/>
  <c r="AE96203" i="1"/>
  <c r="AE96204" i="1"/>
  <c r="AE96205" i="1"/>
  <c r="AE96206" i="1"/>
  <c r="AE96207" i="1"/>
  <c r="AE96208" i="1"/>
  <c r="AE96209" i="1"/>
  <c r="AE96210" i="1"/>
  <c r="AE96211" i="1"/>
  <c r="AE96212" i="1"/>
  <c r="AE96213" i="1"/>
  <c r="AE96214" i="1"/>
  <c r="AE96215" i="1"/>
  <c r="AE96216" i="1"/>
  <c r="AE96217" i="1"/>
  <c r="AE96218" i="1"/>
  <c r="AE96219" i="1"/>
  <c r="AE96220" i="1"/>
  <c r="AE96221" i="1"/>
  <c r="AE96222" i="1"/>
  <c r="AE96223" i="1"/>
  <c r="AE96224" i="1"/>
  <c r="AE96225" i="1"/>
  <c r="AE96226" i="1"/>
  <c r="AE96227" i="1"/>
  <c r="AE96228" i="1"/>
  <c r="AE96229" i="1"/>
  <c r="AE96230" i="1"/>
  <c r="AE96231" i="1"/>
  <c r="AE96232" i="1"/>
  <c r="AE96233" i="1"/>
  <c r="AE96234" i="1"/>
  <c r="AE96235" i="1"/>
  <c r="AE96236" i="1"/>
  <c r="AE96237" i="1"/>
  <c r="AE96238" i="1"/>
  <c r="AE96239" i="1"/>
  <c r="AE96240" i="1"/>
  <c r="AE96241" i="1"/>
  <c r="AE96242" i="1"/>
  <c r="AE96243" i="1"/>
  <c r="AE96244" i="1"/>
  <c r="AE96245" i="1"/>
  <c r="AE96246" i="1"/>
  <c r="AE96247" i="1"/>
  <c r="AE96248" i="1"/>
  <c r="AE96249" i="1"/>
  <c r="AE96250" i="1"/>
  <c r="AE96251" i="1"/>
  <c r="AE96252" i="1"/>
  <c r="AE96253" i="1"/>
  <c r="AE96254" i="1"/>
  <c r="AE96255" i="1"/>
  <c r="AE96256" i="1"/>
  <c r="AE96257" i="1"/>
  <c r="AE96258" i="1"/>
  <c r="AE96259" i="1"/>
  <c r="AE96260" i="1"/>
  <c r="AE96261" i="1"/>
  <c r="AE96262" i="1"/>
  <c r="AE96263" i="1"/>
  <c r="AE96264" i="1"/>
  <c r="AE96265" i="1"/>
  <c r="AE96266" i="1"/>
  <c r="AE96267" i="1"/>
  <c r="AE96268" i="1"/>
  <c r="AE96269" i="1"/>
  <c r="AE96270" i="1"/>
  <c r="AE96271" i="1"/>
  <c r="AE96272" i="1"/>
  <c r="AE96273" i="1"/>
  <c r="AE96274" i="1"/>
  <c r="AE96275" i="1"/>
  <c r="AE96276" i="1"/>
  <c r="AE96277" i="1"/>
  <c r="AE96278" i="1"/>
  <c r="AE96279" i="1"/>
  <c r="AE96280" i="1"/>
  <c r="AE96281" i="1"/>
  <c r="AE96282" i="1"/>
  <c r="AE96283" i="1"/>
  <c r="AE96284" i="1"/>
  <c r="AE96285" i="1"/>
  <c r="AE96286" i="1"/>
  <c r="AE96287" i="1"/>
  <c r="AE96288" i="1"/>
  <c r="AE96289" i="1"/>
  <c r="AE96290" i="1"/>
  <c r="AE96291" i="1"/>
  <c r="AE96292" i="1"/>
  <c r="AE96293" i="1"/>
  <c r="AE96294" i="1"/>
  <c r="AE96295" i="1"/>
  <c r="AE96296" i="1"/>
  <c r="AE96297" i="1"/>
  <c r="AE96298" i="1"/>
  <c r="AE96299" i="1"/>
  <c r="AE96300" i="1"/>
  <c r="AE96301" i="1"/>
  <c r="AE96302" i="1"/>
  <c r="AE96303" i="1"/>
  <c r="AE96304" i="1"/>
  <c r="AE96305" i="1"/>
  <c r="AE96306" i="1"/>
  <c r="AE96307" i="1"/>
  <c r="AE96308" i="1"/>
  <c r="AE96309" i="1"/>
  <c r="AE96310" i="1"/>
  <c r="AE96311" i="1"/>
  <c r="AE96312" i="1"/>
  <c r="AE96313" i="1"/>
  <c r="AE96314" i="1"/>
  <c r="AE96315" i="1"/>
  <c r="AE96316" i="1"/>
  <c r="AE96317" i="1"/>
  <c r="AE96318" i="1"/>
  <c r="AE96319" i="1"/>
  <c r="AE96320" i="1"/>
  <c r="AE96321" i="1"/>
  <c r="AE96322" i="1"/>
  <c r="AE96323" i="1"/>
  <c r="AE96324" i="1"/>
  <c r="AE96325" i="1"/>
  <c r="AE96326" i="1"/>
  <c r="AE96327" i="1"/>
  <c r="AE96328" i="1"/>
  <c r="AE96329" i="1"/>
  <c r="AE96330" i="1"/>
  <c r="AE96331" i="1"/>
  <c r="AE96332" i="1"/>
  <c r="AE96333" i="1"/>
  <c r="AE96334" i="1"/>
  <c r="AE96335" i="1"/>
  <c r="AE96336" i="1"/>
  <c r="AE96337" i="1"/>
  <c r="AE96338" i="1"/>
  <c r="AE96339" i="1"/>
  <c r="AE96340" i="1"/>
  <c r="AE96341" i="1"/>
  <c r="AE96342" i="1"/>
  <c r="AE96343" i="1"/>
  <c r="AE96344" i="1"/>
  <c r="AE96345" i="1"/>
  <c r="AE96346" i="1"/>
  <c r="AE96347" i="1"/>
  <c r="AE96348" i="1"/>
  <c r="AE96349" i="1"/>
  <c r="AE96350" i="1"/>
  <c r="AE96351" i="1"/>
  <c r="AE96352" i="1"/>
  <c r="AE96353" i="1"/>
  <c r="AE96354" i="1"/>
  <c r="AE96355" i="1"/>
  <c r="AE96356" i="1"/>
  <c r="AE96357" i="1"/>
  <c r="AE96358" i="1"/>
  <c r="AE96359" i="1"/>
  <c r="AE96360" i="1"/>
  <c r="AE96361" i="1"/>
  <c r="AE96362" i="1"/>
  <c r="AE96363" i="1"/>
  <c r="AE96364" i="1"/>
  <c r="AE96365" i="1"/>
  <c r="AE96366" i="1"/>
  <c r="AE96367" i="1"/>
  <c r="AE96368" i="1"/>
  <c r="AE96369" i="1"/>
  <c r="AE96370" i="1"/>
  <c r="AE96371" i="1"/>
  <c r="AE96372" i="1"/>
  <c r="AE96373" i="1"/>
  <c r="AE96374" i="1"/>
  <c r="AE96375" i="1"/>
  <c r="AE96376" i="1"/>
  <c r="AE96377" i="1"/>
  <c r="AE96378" i="1"/>
  <c r="AE96379" i="1"/>
  <c r="AE96380" i="1"/>
  <c r="AE96381" i="1"/>
  <c r="AE96382" i="1"/>
  <c r="AE96383" i="1"/>
  <c r="AE96384" i="1"/>
  <c r="AE96385" i="1"/>
  <c r="AE96386" i="1"/>
  <c r="AE96387" i="1"/>
  <c r="AE96388" i="1"/>
  <c r="AE96389" i="1"/>
  <c r="AE96390" i="1"/>
  <c r="AE96391" i="1"/>
  <c r="AE96392" i="1"/>
  <c r="AE96393" i="1"/>
  <c r="AE96394" i="1"/>
  <c r="AE96395" i="1"/>
  <c r="AE96396" i="1"/>
  <c r="AE96397" i="1"/>
  <c r="AE96398" i="1"/>
  <c r="AE96399" i="1"/>
  <c r="AE96400" i="1"/>
  <c r="AE96401" i="1"/>
  <c r="AE96402" i="1"/>
  <c r="AE96403" i="1"/>
  <c r="AE96404" i="1"/>
  <c r="AE96405" i="1"/>
  <c r="AE96406" i="1"/>
  <c r="AE96407" i="1"/>
  <c r="AE96408" i="1"/>
  <c r="AE96409" i="1"/>
  <c r="AE96410" i="1"/>
  <c r="AE96411" i="1"/>
  <c r="AE96412" i="1"/>
  <c r="AE96413" i="1"/>
  <c r="AE96414" i="1"/>
  <c r="AE96415" i="1"/>
  <c r="AE96416" i="1"/>
  <c r="AE96417" i="1"/>
  <c r="AE96418" i="1"/>
  <c r="AE96419" i="1"/>
  <c r="AE96420" i="1"/>
  <c r="AE96421" i="1"/>
  <c r="AE96422" i="1"/>
  <c r="AE96423" i="1"/>
  <c r="AE96424" i="1"/>
  <c r="AE96425" i="1"/>
  <c r="AE96426" i="1"/>
  <c r="AE96427" i="1"/>
  <c r="AE96428" i="1"/>
  <c r="AE96429" i="1"/>
  <c r="AE96430" i="1"/>
  <c r="AE96431" i="1"/>
  <c r="AE96432" i="1"/>
  <c r="AE96433" i="1"/>
  <c r="AE96434" i="1"/>
  <c r="AE96435" i="1"/>
  <c r="AE96436" i="1"/>
  <c r="AE96437" i="1"/>
  <c r="AE96438" i="1"/>
  <c r="AE96439" i="1"/>
  <c r="AE96440" i="1"/>
  <c r="AE96441" i="1"/>
  <c r="AE96442" i="1"/>
  <c r="AE96443" i="1"/>
  <c r="AE96444" i="1"/>
  <c r="AE96445" i="1"/>
  <c r="AE96446" i="1"/>
  <c r="AE96447" i="1"/>
  <c r="AE96448" i="1"/>
  <c r="AE96449" i="1"/>
  <c r="AE96450" i="1"/>
  <c r="AE96451" i="1"/>
  <c r="AE96452" i="1"/>
  <c r="AE96453" i="1"/>
  <c r="AE96454" i="1"/>
  <c r="AE96455" i="1"/>
  <c r="AE96456" i="1"/>
  <c r="AE96457" i="1"/>
  <c r="AE96458" i="1"/>
  <c r="AE96459" i="1"/>
  <c r="AE96460" i="1"/>
  <c r="AE96461" i="1"/>
  <c r="AE96462" i="1"/>
  <c r="AE96463" i="1"/>
  <c r="AE96464" i="1"/>
  <c r="AE96465" i="1"/>
  <c r="AE96466" i="1"/>
  <c r="AE96467" i="1"/>
  <c r="AE96468" i="1"/>
  <c r="AE96469" i="1"/>
  <c r="AE96470" i="1"/>
  <c r="AE96471" i="1"/>
  <c r="AE96472" i="1"/>
  <c r="AE96473" i="1"/>
  <c r="AE96474" i="1"/>
  <c r="AE96475" i="1"/>
  <c r="AE96476" i="1"/>
  <c r="AE96477" i="1"/>
  <c r="AE96478" i="1"/>
  <c r="AE96479" i="1"/>
  <c r="AE96480" i="1"/>
  <c r="AE96481" i="1"/>
  <c r="AE96482" i="1"/>
  <c r="AE96483" i="1"/>
  <c r="AE96484" i="1"/>
  <c r="AE96485" i="1"/>
  <c r="AE96486" i="1"/>
  <c r="AE96487" i="1"/>
  <c r="AE96488" i="1"/>
  <c r="AE96489" i="1"/>
  <c r="AE96490" i="1"/>
  <c r="AE96491" i="1"/>
  <c r="AE96492" i="1"/>
  <c r="AE96493" i="1"/>
  <c r="AE96494" i="1"/>
  <c r="AE96495" i="1"/>
  <c r="AE96496" i="1"/>
  <c r="AE96497" i="1"/>
  <c r="AE96498" i="1"/>
  <c r="AE96499" i="1"/>
  <c r="AE96500" i="1"/>
  <c r="AE96501" i="1"/>
  <c r="AE96502" i="1"/>
  <c r="AE96503" i="1"/>
  <c r="AE96504" i="1"/>
  <c r="AE96505" i="1"/>
  <c r="AE96506" i="1"/>
  <c r="AE96507" i="1"/>
  <c r="AE96508" i="1"/>
  <c r="AE96509" i="1"/>
  <c r="AE96510" i="1"/>
  <c r="AE96511" i="1"/>
  <c r="AE96512" i="1"/>
  <c r="AE96513" i="1"/>
  <c r="AE96514" i="1"/>
  <c r="AE96515" i="1"/>
  <c r="AE96516" i="1"/>
  <c r="AE96517" i="1"/>
  <c r="AE96518" i="1"/>
  <c r="AE96519" i="1"/>
  <c r="AE96520" i="1"/>
  <c r="AE96521" i="1"/>
  <c r="AE96522" i="1"/>
  <c r="AE96523" i="1"/>
  <c r="AE96524" i="1"/>
  <c r="AE96525" i="1"/>
  <c r="AE96526" i="1"/>
  <c r="AE96527" i="1"/>
  <c r="AE96528" i="1"/>
  <c r="AE96529" i="1"/>
  <c r="AE96530" i="1"/>
  <c r="AE96531" i="1"/>
  <c r="AE96532" i="1"/>
  <c r="AE96533" i="1"/>
  <c r="AE96534" i="1"/>
  <c r="AE96535" i="1"/>
  <c r="AE96536" i="1"/>
  <c r="AE96537" i="1"/>
  <c r="AE96538" i="1"/>
  <c r="AE96539" i="1"/>
  <c r="AE96540" i="1"/>
  <c r="AE96541" i="1"/>
  <c r="AE96542" i="1"/>
  <c r="AE96543" i="1"/>
  <c r="AE96544" i="1"/>
  <c r="AE96545" i="1"/>
  <c r="AE96546" i="1"/>
  <c r="AE96547" i="1"/>
  <c r="AE96548" i="1"/>
  <c r="AE96549" i="1"/>
  <c r="AE96550" i="1"/>
  <c r="AE96551" i="1"/>
  <c r="AE96552" i="1"/>
  <c r="AE96553" i="1"/>
  <c r="AE96554" i="1"/>
  <c r="AE96555" i="1"/>
  <c r="AE96556" i="1"/>
  <c r="AE96557" i="1"/>
  <c r="AE96558" i="1"/>
  <c r="AE96559" i="1"/>
  <c r="AE96560" i="1"/>
  <c r="AE96561" i="1"/>
  <c r="AE96562" i="1"/>
  <c r="AE96563" i="1"/>
  <c r="AE96564" i="1"/>
  <c r="AE96565" i="1"/>
  <c r="AE96566" i="1"/>
  <c r="AE96567" i="1"/>
  <c r="AE96568" i="1"/>
  <c r="AE96569" i="1"/>
  <c r="AE96570" i="1"/>
  <c r="AE96571" i="1"/>
  <c r="AE96572" i="1"/>
  <c r="AE96573" i="1"/>
  <c r="AE96574" i="1"/>
  <c r="AE96575" i="1"/>
  <c r="AE96576" i="1"/>
  <c r="AE96577" i="1"/>
  <c r="AE96578" i="1"/>
  <c r="AE96579" i="1"/>
  <c r="AE96580" i="1"/>
  <c r="AE96581" i="1"/>
  <c r="AE96582" i="1"/>
  <c r="AE96583" i="1"/>
  <c r="AE96584" i="1"/>
  <c r="AE96585" i="1"/>
  <c r="AE96586" i="1"/>
  <c r="AE96587" i="1"/>
  <c r="AE96588" i="1"/>
  <c r="AE96589" i="1"/>
  <c r="AE96590" i="1"/>
  <c r="AE96591" i="1"/>
  <c r="AE96592" i="1"/>
  <c r="AE96593" i="1"/>
  <c r="AE96594" i="1"/>
  <c r="AE96595" i="1"/>
  <c r="AE96596" i="1"/>
  <c r="AE96597" i="1"/>
  <c r="AE96598" i="1"/>
  <c r="AE96599" i="1"/>
  <c r="AE96600" i="1"/>
  <c r="AE96601" i="1"/>
  <c r="AE96602" i="1"/>
  <c r="AE96603" i="1"/>
  <c r="AE96604" i="1"/>
  <c r="AE96605" i="1"/>
  <c r="AE96606" i="1"/>
  <c r="AE96607" i="1"/>
  <c r="AE96608" i="1"/>
  <c r="AE96609" i="1"/>
  <c r="AE96610" i="1"/>
  <c r="AE96611" i="1"/>
  <c r="AE96612" i="1"/>
  <c r="AE96613" i="1"/>
  <c r="AE96614" i="1"/>
  <c r="AE96615" i="1"/>
  <c r="AE96616" i="1"/>
  <c r="AE96617" i="1"/>
  <c r="AE96618" i="1"/>
  <c r="AE96619" i="1"/>
  <c r="AE96620" i="1"/>
  <c r="AE96621" i="1"/>
  <c r="AE96622" i="1"/>
  <c r="AE96623" i="1"/>
  <c r="AE96624" i="1"/>
  <c r="AE96625" i="1"/>
  <c r="AE96626" i="1"/>
  <c r="AE96627" i="1"/>
  <c r="AE96628" i="1"/>
  <c r="AE96629" i="1"/>
  <c r="AE96630" i="1"/>
  <c r="AE96631" i="1"/>
  <c r="AE96632" i="1"/>
  <c r="AE96633" i="1"/>
  <c r="AE96634" i="1"/>
  <c r="AE96635" i="1"/>
  <c r="AE96636" i="1"/>
  <c r="AE96637" i="1"/>
  <c r="AE96638" i="1"/>
  <c r="AE96639" i="1"/>
  <c r="AE96640" i="1"/>
  <c r="AE96641" i="1"/>
  <c r="AE96642" i="1"/>
  <c r="AE96643" i="1"/>
  <c r="AE96644" i="1"/>
  <c r="AE96645" i="1"/>
  <c r="AE96646" i="1"/>
  <c r="AE96647" i="1"/>
  <c r="AE96648" i="1"/>
  <c r="AE96649" i="1"/>
  <c r="AE96650" i="1"/>
  <c r="AE96651" i="1"/>
  <c r="AE96652" i="1"/>
  <c r="AE96653" i="1"/>
  <c r="AE96654" i="1"/>
  <c r="AE96655" i="1"/>
  <c r="AE96656" i="1"/>
  <c r="AE96657" i="1"/>
  <c r="AE96658" i="1"/>
  <c r="AE96659" i="1"/>
  <c r="AE96660" i="1"/>
  <c r="AE96661" i="1"/>
  <c r="AE96662" i="1"/>
  <c r="AE96663" i="1"/>
  <c r="AE96664" i="1"/>
  <c r="AE96665" i="1"/>
  <c r="AE96666" i="1"/>
  <c r="AE96667" i="1"/>
  <c r="AE96668" i="1"/>
  <c r="AE96669" i="1"/>
  <c r="AE96670" i="1"/>
  <c r="AE96671" i="1"/>
  <c r="AE96672" i="1"/>
  <c r="AE96673" i="1"/>
  <c r="AE96674" i="1"/>
  <c r="AE96675" i="1"/>
  <c r="AE96676" i="1"/>
  <c r="AE96677" i="1"/>
  <c r="AE96678" i="1"/>
  <c r="AE96679" i="1"/>
  <c r="AE96680" i="1"/>
  <c r="AE96681" i="1"/>
  <c r="AE96682" i="1"/>
  <c r="AE96683" i="1"/>
  <c r="AE96684" i="1"/>
  <c r="AE96685" i="1"/>
  <c r="AE96686" i="1"/>
  <c r="AE96687" i="1"/>
  <c r="AE96688" i="1"/>
  <c r="AE96689" i="1"/>
  <c r="AE96690" i="1"/>
  <c r="AE96691" i="1"/>
  <c r="AE96692" i="1"/>
  <c r="AE96693" i="1"/>
  <c r="AE96694" i="1"/>
  <c r="AE96695" i="1"/>
  <c r="AE96696" i="1"/>
  <c r="AE96697" i="1"/>
  <c r="AE96698" i="1"/>
  <c r="AE96699" i="1"/>
  <c r="AE96700" i="1"/>
  <c r="AE96701" i="1"/>
  <c r="AE96702" i="1"/>
  <c r="AE96703" i="1"/>
  <c r="AE96704" i="1"/>
  <c r="AE96705" i="1"/>
  <c r="AE96706" i="1"/>
  <c r="AE96707" i="1"/>
  <c r="AE96708" i="1"/>
  <c r="AE96709" i="1"/>
  <c r="AE96710" i="1"/>
  <c r="AE96711" i="1"/>
  <c r="AE96712" i="1"/>
  <c r="AE96713" i="1"/>
  <c r="AE96714" i="1"/>
  <c r="AE96715" i="1"/>
  <c r="AE96716" i="1"/>
  <c r="AE96717" i="1"/>
  <c r="AE96718" i="1"/>
  <c r="AE96719" i="1"/>
  <c r="AE96720" i="1"/>
  <c r="AE96721" i="1"/>
  <c r="AE96722" i="1"/>
  <c r="AE96723" i="1"/>
  <c r="AE96724" i="1"/>
  <c r="AE96725" i="1"/>
  <c r="AE96726" i="1"/>
  <c r="AE96727" i="1"/>
  <c r="AE96728" i="1"/>
  <c r="AE96729" i="1"/>
  <c r="AE96730" i="1"/>
  <c r="AE96731" i="1"/>
  <c r="AE96732" i="1"/>
  <c r="AE96733" i="1"/>
  <c r="AE96734" i="1"/>
  <c r="AE96735" i="1"/>
  <c r="AE96736" i="1"/>
  <c r="AE96737" i="1"/>
  <c r="AE96738" i="1"/>
  <c r="AE96739" i="1"/>
  <c r="AE96740" i="1"/>
  <c r="AE96741" i="1"/>
  <c r="AE96742" i="1"/>
  <c r="AE96743" i="1"/>
  <c r="AE96744" i="1"/>
  <c r="AE96745" i="1"/>
  <c r="AE96746" i="1"/>
  <c r="AE96747" i="1"/>
  <c r="AE96748" i="1"/>
  <c r="AE96749" i="1"/>
  <c r="AE96750" i="1"/>
  <c r="AE96751" i="1"/>
  <c r="AE96752" i="1"/>
  <c r="AE96753" i="1"/>
  <c r="AE96754" i="1"/>
  <c r="AE96755" i="1"/>
  <c r="AE96756" i="1"/>
  <c r="AE96757" i="1"/>
  <c r="AE96758" i="1"/>
  <c r="AE96759" i="1"/>
  <c r="AE96760" i="1"/>
  <c r="AE96761" i="1"/>
  <c r="AE96762" i="1"/>
  <c r="AE96763" i="1"/>
  <c r="AE96764" i="1"/>
  <c r="AE96765" i="1"/>
  <c r="AE96766" i="1"/>
  <c r="AE96767" i="1"/>
  <c r="AE96768" i="1"/>
  <c r="AE96769" i="1"/>
  <c r="AE96770" i="1"/>
  <c r="AE96771" i="1"/>
  <c r="AE96772" i="1"/>
  <c r="AE96773" i="1"/>
  <c r="AE96774" i="1"/>
  <c r="AE96775" i="1"/>
  <c r="AE96776" i="1"/>
  <c r="AE96777" i="1"/>
  <c r="AE96778" i="1"/>
  <c r="AE96779" i="1"/>
  <c r="AE96780" i="1"/>
  <c r="AE96781" i="1"/>
  <c r="AE96782" i="1"/>
  <c r="AE96783" i="1"/>
  <c r="AE96784" i="1"/>
  <c r="AE96785" i="1"/>
  <c r="AE96786" i="1"/>
  <c r="AE96787" i="1"/>
  <c r="AE96788" i="1"/>
  <c r="AE96789" i="1"/>
  <c r="AE96790" i="1"/>
  <c r="AE96791" i="1"/>
  <c r="AE96792" i="1"/>
  <c r="AE96793" i="1"/>
  <c r="AE96794" i="1"/>
  <c r="AE96795" i="1"/>
  <c r="AE96796" i="1"/>
  <c r="AE96797" i="1"/>
  <c r="AE96798" i="1"/>
  <c r="AE96799" i="1"/>
  <c r="AE96800" i="1"/>
  <c r="AE96801" i="1"/>
  <c r="AE96802" i="1"/>
  <c r="AE96803" i="1"/>
  <c r="AE96804" i="1"/>
  <c r="AE96805" i="1"/>
  <c r="AE96806" i="1"/>
  <c r="AE96807" i="1"/>
  <c r="AE96808" i="1"/>
  <c r="AE96809" i="1"/>
  <c r="AE96810" i="1"/>
  <c r="AE96811" i="1"/>
  <c r="AE96812" i="1"/>
  <c r="AE96813" i="1"/>
  <c r="AE96814" i="1"/>
  <c r="AE96815" i="1"/>
  <c r="AE96816" i="1"/>
  <c r="AE96817" i="1"/>
  <c r="AE96818" i="1"/>
  <c r="AE96819" i="1"/>
  <c r="AE96820" i="1"/>
  <c r="AE96821" i="1"/>
  <c r="AE96822" i="1"/>
  <c r="AE96823" i="1"/>
  <c r="AE96824" i="1"/>
  <c r="AE96825" i="1"/>
  <c r="AE96826" i="1"/>
  <c r="AE96827" i="1"/>
  <c r="AE96828" i="1"/>
  <c r="AE96829" i="1"/>
  <c r="AE96830" i="1"/>
  <c r="AE96831" i="1"/>
  <c r="AE96832" i="1"/>
  <c r="AE96833" i="1"/>
  <c r="AE96834" i="1"/>
  <c r="AE96835" i="1"/>
  <c r="AE96836" i="1"/>
  <c r="AE96837" i="1"/>
  <c r="AE96838" i="1"/>
  <c r="AE96839" i="1"/>
  <c r="AE96840" i="1"/>
  <c r="AE96841" i="1"/>
  <c r="AE96842" i="1"/>
  <c r="AE96843" i="1"/>
  <c r="AE96844" i="1"/>
  <c r="AE96845" i="1"/>
  <c r="AE96846" i="1"/>
  <c r="AE96847" i="1"/>
  <c r="AE96848" i="1"/>
  <c r="AE96849" i="1"/>
  <c r="AE96850" i="1"/>
  <c r="AE96851" i="1"/>
  <c r="AE96852" i="1"/>
  <c r="AE96853" i="1"/>
  <c r="AE96854" i="1"/>
  <c r="AE96855" i="1"/>
  <c r="AE96856" i="1"/>
  <c r="AE96857" i="1"/>
  <c r="AE96858" i="1"/>
  <c r="AE96859" i="1"/>
  <c r="AE96860" i="1"/>
  <c r="AE96861" i="1"/>
  <c r="AE96862" i="1"/>
  <c r="AE96863" i="1"/>
  <c r="AE96864" i="1"/>
  <c r="AE96865" i="1"/>
  <c r="AE96866" i="1"/>
  <c r="AE96867" i="1"/>
  <c r="AE96868" i="1"/>
  <c r="AE96869" i="1"/>
  <c r="AE96870" i="1"/>
  <c r="AE96871" i="1"/>
  <c r="AE96872" i="1"/>
  <c r="AE96873" i="1"/>
  <c r="AE96874" i="1"/>
  <c r="AE96875" i="1"/>
  <c r="AE96876" i="1"/>
  <c r="AE96877" i="1"/>
  <c r="AE96878" i="1"/>
  <c r="AE96879" i="1"/>
  <c r="AE96880" i="1"/>
  <c r="AE96881" i="1"/>
  <c r="AE96882" i="1"/>
  <c r="AE96883" i="1"/>
  <c r="AE96884" i="1"/>
  <c r="AE96885" i="1"/>
  <c r="AE96886" i="1"/>
  <c r="AE96887" i="1"/>
  <c r="AE96888" i="1"/>
  <c r="AE96889" i="1"/>
  <c r="AE96890" i="1"/>
  <c r="AE96891" i="1"/>
  <c r="AE96892" i="1"/>
  <c r="AE96893" i="1"/>
  <c r="AE96894" i="1"/>
  <c r="AE96895" i="1"/>
  <c r="AE96896" i="1"/>
  <c r="AE96897" i="1"/>
  <c r="AE96898" i="1"/>
  <c r="AE96899" i="1"/>
  <c r="AE96900" i="1"/>
  <c r="AE96901" i="1"/>
  <c r="AE96902" i="1"/>
  <c r="AE96903" i="1"/>
  <c r="AE96904" i="1"/>
  <c r="AE96905" i="1"/>
  <c r="AE96906" i="1"/>
  <c r="AE96907" i="1"/>
  <c r="AE96908" i="1"/>
  <c r="AE96909" i="1"/>
  <c r="AE96910" i="1"/>
  <c r="AE96911" i="1"/>
  <c r="AE96912" i="1"/>
  <c r="AE96913" i="1"/>
  <c r="AE96914" i="1"/>
  <c r="AE96915" i="1"/>
  <c r="AE96916" i="1"/>
  <c r="AE96917" i="1"/>
  <c r="AE96918" i="1"/>
  <c r="AE96919" i="1"/>
  <c r="AE96920" i="1"/>
  <c r="AE96921" i="1"/>
  <c r="AE96922" i="1"/>
  <c r="AE96923" i="1"/>
  <c r="AE96924" i="1"/>
  <c r="AE96925" i="1"/>
  <c r="AE96926" i="1"/>
  <c r="AE96927" i="1"/>
  <c r="AE96928" i="1"/>
  <c r="AE96929" i="1"/>
  <c r="AE96930" i="1"/>
  <c r="AE96931" i="1"/>
  <c r="AE96932" i="1"/>
  <c r="AE96933" i="1"/>
  <c r="AE96934" i="1"/>
  <c r="AE96935" i="1"/>
  <c r="AE96936" i="1"/>
  <c r="AE96937" i="1"/>
  <c r="AE96938" i="1"/>
  <c r="AE96939" i="1"/>
  <c r="AE96940" i="1"/>
  <c r="AE96941" i="1"/>
  <c r="AE96942" i="1"/>
  <c r="AE96943" i="1"/>
  <c r="AE96944" i="1"/>
  <c r="AE96945" i="1"/>
  <c r="AE96946" i="1"/>
  <c r="AE96947" i="1"/>
  <c r="AE96948" i="1"/>
  <c r="AE96949" i="1"/>
  <c r="AE96950" i="1"/>
  <c r="AE96951" i="1"/>
  <c r="AE96952" i="1"/>
  <c r="AE96953" i="1"/>
  <c r="AE96954" i="1"/>
  <c r="AE96955" i="1"/>
  <c r="AE96956" i="1"/>
  <c r="AE96957" i="1"/>
  <c r="AE96958" i="1"/>
  <c r="AE96959" i="1"/>
  <c r="AE96960" i="1"/>
  <c r="AE96961" i="1"/>
  <c r="AE96962" i="1"/>
  <c r="AE96963" i="1"/>
  <c r="AE96964" i="1"/>
  <c r="AE96965" i="1"/>
  <c r="AE96966" i="1"/>
  <c r="AE96967" i="1"/>
  <c r="AE96968" i="1"/>
  <c r="AE96969" i="1"/>
  <c r="AE96970" i="1"/>
  <c r="AE96971" i="1"/>
  <c r="AE96972" i="1"/>
  <c r="AE96973" i="1"/>
  <c r="AE96974" i="1"/>
  <c r="AE96975" i="1"/>
  <c r="AE96976" i="1"/>
  <c r="AE96977" i="1"/>
  <c r="AE96978" i="1"/>
  <c r="AE96979" i="1"/>
  <c r="AE96980" i="1"/>
  <c r="AE96981" i="1"/>
  <c r="AE96982" i="1"/>
  <c r="AE96983" i="1"/>
  <c r="AE96984" i="1"/>
  <c r="AE96985" i="1"/>
  <c r="AE96986" i="1"/>
  <c r="AE96987" i="1"/>
  <c r="AE96988" i="1"/>
  <c r="AE96989" i="1"/>
  <c r="AE96990" i="1"/>
  <c r="AE96991" i="1"/>
  <c r="AE96992" i="1"/>
  <c r="AE96993" i="1"/>
  <c r="AE96994" i="1"/>
  <c r="AE96995" i="1"/>
  <c r="AE96996" i="1"/>
  <c r="AE96997" i="1"/>
  <c r="AE96998" i="1"/>
  <c r="AE96999" i="1"/>
  <c r="AE97000" i="1"/>
  <c r="AE97001" i="1"/>
  <c r="AE97002" i="1"/>
  <c r="AE97003" i="1"/>
  <c r="AE97004" i="1"/>
  <c r="AE97005" i="1"/>
  <c r="AE97006" i="1"/>
  <c r="AE97007" i="1"/>
  <c r="AE97008" i="1"/>
  <c r="AE97009" i="1"/>
  <c r="AE97010" i="1"/>
  <c r="AE97011" i="1"/>
  <c r="AE97012" i="1"/>
  <c r="AE97013" i="1"/>
  <c r="AE97014" i="1"/>
  <c r="AE97015" i="1"/>
  <c r="AE97016" i="1"/>
  <c r="AE97017" i="1"/>
  <c r="AE97018" i="1"/>
  <c r="AE97019" i="1"/>
  <c r="AE97020" i="1"/>
  <c r="AE97021" i="1"/>
  <c r="AE97022" i="1"/>
  <c r="AE97023" i="1"/>
  <c r="AE97024" i="1"/>
  <c r="AE97025" i="1"/>
  <c r="AE97026" i="1"/>
  <c r="AE97027" i="1"/>
  <c r="AE97028" i="1"/>
  <c r="AE97029" i="1"/>
  <c r="AE97030" i="1"/>
  <c r="AE97031" i="1"/>
  <c r="AE97032" i="1"/>
  <c r="AE97033" i="1"/>
  <c r="AE97034" i="1"/>
  <c r="AE97035" i="1"/>
  <c r="AE97036" i="1"/>
  <c r="AE97037" i="1"/>
  <c r="AE97038" i="1"/>
  <c r="AE97039" i="1"/>
  <c r="AE97040" i="1"/>
  <c r="AE97041" i="1"/>
  <c r="AE97042" i="1"/>
  <c r="AE97043" i="1"/>
  <c r="AE97044" i="1"/>
  <c r="AE97045" i="1"/>
  <c r="AE97046" i="1"/>
  <c r="AE97047" i="1"/>
  <c r="AE97048" i="1"/>
  <c r="AE97049" i="1"/>
  <c r="AE97050" i="1"/>
  <c r="AE97051" i="1"/>
  <c r="AE97052" i="1"/>
  <c r="AE97053" i="1"/>
  <c r="AE97054" i="1"/>
  <c r="AE97055" i="1"/>
  <c r="AE97056" i="1"/>
  <c r="AE97057" i="1"/>
  <c r="AE97058" i="1"/>
  <c r="AE97059" i="1"/>
  <c r="AE97060" i="1"/>
  <c r="AE97061" i="1"/>
  <c r="AE97062" i="1"/>
  <c r="AE97063" i="1"/>
  <c r="AE97064" i="1"/>
  <c r="AE97065" i="1"/>
  <c r="AE97066" i="1"/>
  <c r="AE97067" i="1"/>
  <c r="AE97068" i="1"/>
  <c r="AE97069" i="1"/>
  <c r="AE97070" i="1"/>
  <c r="AE97071" i="1"/>
  <c r="AE97072" i="1"/>
  <c r="AE97073" i="1"/>
  <c r="AE97074" i="1"/>
  <c r="AE97075" i="1"/>
  <c r="AE97076" i="1"/>
  <c r="AE97077" i="1"/>
  <c r="AE97078" i="1"/>
  <c r="AE97079" i="1"/>
  <c r="AE97080" i="1"/>
  <c r="AE97081" i="1"/>
  <c r="AE97082" i="1"/>
  <c r="AE97083" i="1"/>
  <c r="AE97084" i="1"/>
  <c r="AE97085" i="1"/>
  <c r="AE97086" i="1"/>
  <c r="AE97087" i="1"/>
  <c r="AE97088" i="1"/>
  <c r="AE97089" i="1"/>
  <c r="AE97090" i="1"/>
  <c r="AE97091" i="1"/>
  <c r="AE97092" i="1"/>
  <c r="AE97093" i="1"/>
  <c r="AE97094" i="1"/>
  <c r="AE97095" i="1"/>
  <c r="AE97096" i="1"/>
  <c r="AE97097" i="1"/>
  <c r="AE97098" i="1"/>
  <c r="AE97099" i="1"/>
  <c r="AE97100" i="1"/>
  <c r="AE97101" i="1"/>
  <c r="AE97102" i="1"/>
  <c r="AE97103" i="1"/>
  <c r="AE97104" i="1"/>
  <c r="AE97105" i="1"/>
  <c r="AE97106" i="1"/>
  <c r="AE97107" i="1"/>
  <c r="AE97108" i="1"/>
  <c r="AE97109" i="1"/>
  <c r="AE97110" i="1"/>
  <c r="AE97111" i="1"/>
  <c r="AE97112" i="1"/>
  <c r="AE97113" i="1"/>
  <c r="AE97114" i="1"/>
  <c r="AE97115" i="1"/>
  <c r="AE97116" i="1"/>
  <c r="AE97117" i="1"/>
  <c r="AE97118" i="1"/>
  <c r="AE97119" i="1"/>
  <c r="AE97120" i="1"/>
  <c r="AE97121" i="1"/>
  <c r="AE97122" i="1"/>
  <c r="AE97123" i="1"/>
  <c r="AE97124" i="1"/>
  <c r="AE97125" i="1"/>
  <c r="AE97126" i="1"/>
  <c r="AE97127" i="1"/>
  <c r="AE97128" i="1"/>
  <c r="AE97129" i="1"/>
  <c r="AE97130" i="1"/>
  <c r="AE97131" i="1"/>
  <c r="AE97132" i="1"/>
  <c r="AE97133" i="1"/>
  <c r="AE97134" i="1"/>
  <c r="AE97135" i="1"/>
  <c r="AE97136" i="1"/>
  <c r="AE97137" i="1"/>
  <c r="AE97138" i="1"/>
  <c r="AE97139" i="1"/>
  <c r="AE97140" i="1"/>
  <c r="AE97141" i="1"/>
  <c r="AE97142" i="1"/>
  <c r="AE97143" i="1"/>
  <c r="AE97144" i="1"/>
  <c r="AE97145" i="1"/>
  <c r="AE97146" i="1"/>
  <c r="AE97147" i="1"/>
  <c r="AE97148" i="1"/>
  <c r="AE97149" i="1"/>
  <c r="AE97150" i="1"/>
  <c r="AE97151" i="1"/>
  <c r="AE97152" i="1"/>
  <c r="AE97153" i="1"/>
  <c r="AE97154" i="1"/>
  <c r="AE97155" i="1"/>
  <c r="AE97156" i="1"/>
  <c r="AE97157" i="1"/>
  <c r="AE97158" i="1"/>
  <c r="AE97159" i="1"/>
  <c r="AE97160" i="1"/>
  <c r="AE97161" i="1"/>
  <c r="AE97162" i="1"/>
  <c r="AE97163" i="1"/>
  <c r="AE97164" i="1"/>
  <c r="AE97165" i="1"/>
  <c r="AE97166" i="1"/>
  <c r="AE97167" i="1"/>
  <c r="AE97168" i="1"/>
  <c r="AE97169" i="1"/>
  <c r="AE97170" i="1"/>
  <c r="AE97171" i="1"/>
  <c r="AE97172" i="1"/>
  <c r="AE97173" i="1"/>
  <c r="AE97174" i="1"/>
  <c r="AE97175" i="1"/>
  <c r="AE97176" i="1"/>
  <c r="AE97177" i="1"/>
  <c r="AE97178" i="1"/>
  <c r="AE97179" i="1"/>
  <c r="AE97180" i="1"/>
  <c r="AE97181" i="1"/>
  <c r="AE97182" i="1"/>
  <c r="AE97183" i="1"/>
  <c r="AE97184" i="1"/>
  <c r="AE97185" i="1"/>
  <c r="AE97186" i="1"/>
  <c r="AE97187" i="1"/>
  <c r="AE97188" i="1"/>
  <c r="AE97189" i="1"/>
  <c r="AE97190" i="1"/>
  <c r="AE97191" i="1"/>
  <c r="AE97192" i="1"/>
  <c r="AE97193" i="1"/>
  <c r="AE97194" i="1"/>
  <c r="AE97195" i="1"/>
  <c r="AE97196" i="1"/>
  <c r="AE97197" i="1"/>
  <c r="AE97198" i="1"/>
  <c r="AE97199" i="1"/>
  <c r="AE97200" i="1"/>
  <c r="AE97201" i="1"/>
  <c r="AE97202" i="1"/>
  <c r="AE97203" i="1"/>
  <c r="AE97204" i="1"/>
  <c r="AE97205" i="1"/>
  <c r="AE97206" i="1"/>
  <c r="AE97207" i="1"/>
  <c r="AE97208" i="1"/>
  <c r="AE97209" i="1"/>
  <c r="AE97210" i="1"/>
  <c r="AE97211" i="1"/>
  <c r="AE97212" i="1"/>
  <c r="AE97213" i="1"/>
  <c r="AE97214" i="1"/>
  <c r="AE97215" i="1"/>
  <c r="AE97216" i="1"/>
  <c r="AE97217" i="1"/>
  <c r="AE97218" i="1"/>
  <c r="AE97219" i="1"/>
  <c r="AE97220" i="1"/>
  <c r="AE97221" i="1"/>
  <c r="AE97222" i="1"/>
  <c r="AE97223" i="1"/>
  <c r="AE97224" i="1"/>
  <c r="AE97225" i="1"/>
  <c r="AE97226" i="1"/>
  <c r="AE97227" i="1"/>
  <c r="AE97228" i="1"/>
  <c r="AE97229" i="1"/>
  <c r="AE97230" i="1"/>
  <c r="AE97231" i="1"/>
  <c r="AE97232" i="1"/>
  <c r="AE97233" i="1"/>
  <c r="AE97234" i="1"/>
  <c r="AE97235" i="1"/>
  <c r="AE97236" i="1"/>
  <c r="AE97237" i="1"/>
  <c r="AE97238" i="1"/>
  <c r="AE97239" i="1"/>
  <c r="AE97240" i="1"/>
  <c r="AE97241" i="1"/>
  <c r="AE97242" i="1"/>
  <c r="AE97243" i="1"/>
  <c r="AE97244" i="1"/>
  <c r="AE97245" i="1"/>
  <c r="AE97246" i="1"/>
  <c r="AE97247" i="1"/>
  <c r="AE97248" i="1"/>
  <c r="AE97249" i="1"/>
  <c r="AE97250" i="1"/>
  <c r="AE97251" i="1"/>
  <c r="AE97252" i="1"/>
  <c r="AE97253" i="1"/>
  <c r="AE97254" i="1"/>
  <c r="AE97255" i="1"/>
  <c r="AE97256" i="1"/>
  <c r="AE97257" i="1"/>
  <c r="AE97258" i="1"/>
  <c r="AE97259" i="1"/>
  <c r="AE97260" i="1"/>
  <c r="AE97261" i="1"/>
  <c r="AE97262" i="1"/>
  <c r="AE97263" i="1"/>
  <c r="AE97264" i="1"/>
  <c r="AE97265" i="1"/>
  <c r="AE97266" i="1"/>
  <c r="AE97267" i="1"/>
  <c r="AE97268" i="1"/>
  <c r="AE97269" i="1"/>
  <c r="AE97270" i="1"/>
  <c r="AE97271" i="1"/>
  <c r="AE97272" i="1"/>
  <c r="AE97273" i="1"/>
  <c r="AE97274" i="1"/>
  <c r="AE97275" i="1"/>
  <c r="AE97276" i="1"/>
  <c r="AE97277" i="1"/>
  <c r="AE97278" i="1"/>
  <c r="AE97279" i="1"/>
  <c r="AE97280" i="1"/>
  <c r="AE97281" i="1"/>
  <c r="AE97282" i="1"/>
  <c r="AE97283" i="1"/>
  <c r="AE97284" i="1"/>
  <c r="AE97285" i="1"/>
  <c r="AE97286" i="1"/>
  <c r="AE97287" i="1"/>
  <c r="AE97288" i="1"/>
  <c r="AE97289" i="1"/>
  <c r="AE97290" i="1"/>
  <c r="AE97291" i="1"/>
  <c r="AE97292" i="1"/>
  <c r="AE97293" i="1"/>
  <c r="AE97294" i="1"/>
  <c r="AE97295" i="1"/>
  <c r="AE97296" i="1"/>
  <c r="AE97297" i="1"/>
  <c r="AE97298" i="1"/>
  <c r="AE97299" i="1"/>
  <c r="AE97300" i="1"/>
  <c r="AE97301" i="1"/>
  <c r="AE97302" i="1"/>
  <c r="AE97303" i="1"/>
  <c r="AE97304" i="1"/>
  <c r="AE97305" i="1"/>
  <c r="AE97306" i="1"/>
  <c r="AE97307" i="1"/>
  <c r="AE97308" i="1"/>
  <c r="AE97309" i="1"/>
  <c r="AE97310" i="1"/>
  <c r="AE97311" i="1"/>
  <c r="AE97312" i="1"/>
  <c r="AE97313" i="1"/>
  <c r="AE97314" i="1"/>
  <c r="AE97315" i="1"/>
  <c r="AE97316" i="1"/>
  <c r="AE97317" i="1"/>
  <c r="AE97318" i="1"/>
  <c r="AE97319" i="1"/>
  <c r="AE97320" i="1"/>
  <c r="AE97321" i="1"/>
  <c r="AE97322" i="1"/>
  <c r="AE97323" i="1"/>
  <c r="AE97324" i="1"/>
  <c r="AE97325" i="1"/>
  <c r="AE97326" i="1"/>
  <c r="AE97327" i="1"/>
  <c r="AE97328" i="1"/>
  <c r="AE97329" i="1"/>
  <c r="AE97330" i="1"/>
  <c r="AE97331" i="1"/>
  <c r="AE97332" i="1"/>
  <c r="AE97333" i="1"/>
  <c r="AE97334" i="1"/>
  <c r="AE97335" i="1"/>
  <c r="AE97336" i="1"/>
  <c r="AE97337" i="1"/>
  <c r="AE97338" i="1"/>
  <c r="AE97339" i="1"/>
  <c r="AE97340" i="1"/>
  <c r="AE97341" i="1"/>
  <c r="AE97342" i="1"/>
  <c r="AE97343" i="1"/>
  <c r="AE97344" i="1"/>
  <c r="AE97345" i="1"/>
  <c r="AE97346" i="1"/>
  <c r="AE97347" i="1"/>
  <c r="AE97348" i="1"/>
  <c r="AE97349" i="1"/>
  <c r="AE97350" i="1"/>
  <c r="AE97351" i="1"/>
  <c r="AE97352" i="1"/>
  <c r="AE97353" i="1"/>
  <c r="AE97354" i="1"/>
  <c r="AE97355" i="1"/>
  <c r="AE97356" i="1"/>
  <c r="AE97357" i="1"/>
  <c r="AE97358" i="1"/>
  <c r="AE97359" i="1"/>
  <c r="AE97360" i="1"/>
  <c r="AE97361" i="1"/>
  <c r="AE97362" i="1"/>
  <c r="AE97363" i="1"/>
  <c r="AE97364" i="1"/>
  <c r="AE97365" i="1"/>
  <c r="AE97366" i="1"/>
  <c r="AE97367" i="1"/>
  <c r="AE97368" i="1"/>
  <c r="AE97369" i="1"/>
  <c r="AE97370" i="1"/>
  <c r="AE97371" i="1"/>
  <c r="AE97372" i="1"/>
  <c r="AE97373" i="1"/>
  <c r="AE97374" i="1"/>
  <c r="AE97375" i="1"/>
  <c r="AE97376" i="1"/>
  <c r="AE97377" i="1"/>
  <c r="AE97378" i="1"/>
  <c r="AE97379" i="1"/>
  <c r="AE97380" i="1"/>
  <c r="AE97381" i="1"/>
  <c r="AE97382" i="1"/>
  <c r="AE97383" i="1"/>
  <c r="AE97384" i="1"/>
  <c r="AE97385" i="1"/>
  <c r="AE97386" i="1"/>
  <c r="AE97387" i="1"/>
  <c r="AE97388" i="1"/>
  <c r="AE97389" i="1"/>
  <c r="AE97390" i="1"/>
  <c r="AE97391" i="1"/>
  <c r="AE97392" i="1"/>
  <c r="AE97393" i="1"/>
  <c r="AE97394" i="1"/>
  <c r="AE97395" i="1"/>
  <c r="AE97396" i="1"/>
  <c r="AE97397" i="1"/>
  <c r="AE97398" i="1"/>
  <c r="AE97399" i="1"/>
  <c r="AE97400" i="1"/>
  <c r="AE97401" i="1"/>
  <c r="AE97402" i="1"/>
  <c r="AE97403" i="1"/>
  <c r="AE97404" i="1"/>
  <c r="AE97405" i="1"/>
  <c r="AE97406" i="1"/>
  <c r="AE97407" i="1"/>
  <c r="AE97408" i="1"/>
  <c r="AE97409" i="1"/>
  <c r="AE97410" i="1"/>
  <c r="AE97411" i="1"/>
  <c r="AE97412" i="1"/>
  <c r="AE97413" i="1"/>
  <c r="AE97414" i="1"/>
  <c r="AE97415" i="1"/>
  <c r="AE97416" i="1"/>
  <c r="AE97417" i="1"/>
  <c r="AE97418" i="1"/>
  <c r="AE97419" i="1"/>
  <c r="AE97420" i="1"/>
  <c r="AE97421" i="1"/>
  <c r="AE97422" i="1"/>
  <c r="AE97423" i="1"/>
  <c r="AE97424" i="1"/>
  <c r="AE97425" i="1"/>
  <c r="AE97426" i="1"/>
  <c r="AE97427" i="1"/>
  <c r="AE97428" i="1"/>
  <c r="AE97429" i="1"/>
  <c r="AE97430" i="1"/>
  <c r="AE97431" i="1"/>
  <c r="AE97432" i="1"/>
  <c r="AE97433" i="1"/>
  <c r="AE97434" i="1"/>
  <c r="AE97435" i="1"/>
  <c r="AE97436" i="1"/>
  <c r="AE97437" i="1"/>
  <c r="AE97438" i="1"/>
  <c r="AE97439" i="1"/>
  <c r="AE97440" i="1"/>
  <c r="AE97441" i="1"/>
  <c r="AE97442" i="1"/>
  <c r="AE97443" i="1"/>
  <c r="AE97444" i="1"/>
  <c r="AE97445" i="1"/>
  <c r="AE97446" i="1"/>
  <c r="AE97447" i="1"/>
  <c r="AE97448" i="1"/>
  <c r="AE97449" i="1"/>
  <c r="AE97450" i="1"/>
  <c r="AE97451" i="1"/>
  <c r="AE97452" i="1"/>
  <c r="AE97453" i="1"/>
  <c r="AE97454" i="1"/>
  <c r="AE97455" i="1"/>
  <c r="AE97456" i="1"/>
  <c r="AE97457" i="1"/>
  <c r="AE97458" i="1"/>
  <c r="AE97459" i="1"/>
  <c r="AE97460" i="1"/>
  <c r="AE97461" i="1"/>
  <c r="AE97462" i="1"/>
  <c r="AE97463" i="1"/>
  <c r="AE97464" i="1"/>
  <c r="AE97465" i="1"/>
  <c r="AE97466" i="1"/>
  <c r="AE97467" i="1"/>
  <c r="AE97468" i="1"/>
  <c r="AE97469" i="1"/>
  <c r="AE97470" i="1"/>
  <c r="AE97471" i="1"/>
  <c r="AE97472" i="1"/>
  <c r="AE97473" i="1"/>
  <c r="AE97474" i="1"/>
  <c r="AE97475" i="1"/>
  <c r="AE97476" i="1"/>
  <c r="AE97477" i="1"/>
  <c r="AE97478" i="1"/>
  <c r="AE97479" i="1"/>
  <c r="AE97480" i="1"/>
  <c r="AE97481" i="1"/>
  <c r="AE97482" i="1"/>
  <c r="AE97483" i="1"/>
  <c r="AE97484" i="1"/>
  <c r="AE97485" i="1"/>
  <c r="AE97486" i="1"/>
  <c r="AE97487" i="1"/>
  <c r="AE97488" i="1"/>
  <c r="AE97489" i="1"/>
  <c r="AE97490" i="1"/>
  <c r="AE97491" i="1"/>
  <c r="AE97492" i="1"/>
  <c r="AE97493" i="1"/>
  <c r="AE97494" i="1"/>
  <c r="AE97495" i="1"/>
  <c r="AE97496" i="1"/>
  <c r="AE97497" i="1"/>
  <c r="AE97498" i="1"/>
  <c r="AE97499" i="1"/>
  <c r="AE97500" i="1"/>
  <c r="AE97501" i="1"/>
  <c r="AE97502" i="1"/>
  <c r="AE97503" i="1"/>
  <c r="AE97504" i="1"/>
  <c r="AE97505" i="1"/>
  <c r="AE97506" i="1"/>
  <c r="AE97507" i="1"/>
  <c r="AE97508" i="1"/>
  <c r="AE97509" i="1"/>
  <c r="AE97510" i="1"/>
  <c r="AE97511" i="1"/>
  <c r="AE97512" i="1"/>
  <c r="AE97513" i="1"/>
  <c r="AE97514" i="1"/>
  <c r="AE97515" i="1"/>
  <c r="AE97516" i="1"/>
  <c r="AE97517" i="1"/>
  <c r="AE97518" i="1"/>
  <c r="AE97519" i="1"/>
  <c r="AE97520" i="1"/>
  <c r="AE97521" i="1"/>
  <c r="AE97522" i="1"/>
  <c r="AE97523" i="1"/>
  <c r="AE97524" i="1"/>
  <c r="AE97525" i="1"/>
  <c r="AE97526" i="1"/>
  <c r="AE97527" i="1"/>
  <c r="AE97528" i="1"/>
  <c r="AE97529" i="1"/>
  <c r="AE97530" i="1"/>
  <c r="AE97531" i="1"/>
  <c r="AE97532" i="1"/>
  <c r="AE97533" i="1"/>
  <c r="AE97534" i="1"/>
  <c r="AE97535" i="1"/>
  <c r="AE97536" i="1"/>
  <c r="AE97537" i="1"/>
  <c r="AE97538" i="1"/>
  <c r="AE97539" i="1"/>
  <c r="AE97540" i="1"/>
  <c r="AE97541" i="1"/>
  <c r="AE97542" i="1"/>
  <c r="AE97543" i="1"/>
  <c r="AE97544" i="1"/>
  <c r="AE97545" i="1"/>
  <c r="AE97546" i="1"/>
  <c r="AE97547" i="1"/>
  <c r="AE97548" i="1"/>
  <c r="AE97549" i="1"/>
  <c r="AE97550" i="1"/>
  <c r="AE97551" i="1"/>
  <c r="AE97552" i="1"/>
  <c r="AE97553" i="1"/>
  <c r="AE97554" i="1"/>
  <c r="AE97555" i="1"/>
  <c r="AE97556" i="1"/>
  <c r="AE97557" i="1"/>
  <c r="AE97558" i="1"/>
  <c r="AE97559" i="1"/>
  <c r="AE97560" i="1"/>
  <c r="AE97561" i="1"/>
  <c r="AE97562" i="1"/>
  <c r="AE97563" i="1"/>
  <c r="AE97564" i="1"/>
  <c r="AE97565" i="1"/>
  <c r="AE97566" i="1"/>
  <c r="AE97567" i="1"/>
  <c r="AE97568" i="1"/>
  <c r="AE97569" i="1"/>
  <c r="AE97570" i="1"/>
  <c r="AE97571" i="1"/>
  <c r="AE97572" i="1"/>
  <c r="AE97573" i="1"/>
  <c r="AE97574" i="1"/>
  <c r="AE97575" i="1"/>
  <c r="AE97576" i="1"/>
  <c r="AE97577" i="1"/>
  <c r="AE97578" i="1"/>
  <c r="AE97579" i="1"/>
  <c r="AE97580" i="1"/>
  <c r="AE97581" i="1"/>
  <c r="AE97582" i="1"/>
  <c r="AE97583" i="1"/>
  <c r="AE97584" i="1"/>
  <c r="AE97585" i="1"/>
  <c r="AE97586" i="1"/>
  <c r="AE97587" i="1"/>
  <c r="AE97588" i="1"/>
  <c r="AE97589" i="1"/>
  <c r="AE97590" i="1"/>
  <c r="AE97591" i="1"/>
  <c r="AE97592" i="1"/>
  <c r="AE97593" i="1"/>
  <c r="AE97594" i="1"/>
  <c r="AE97595" i="1"/>
  <c r="AE97596" i="1"/>
  <c r="AE97597" i="1"/>
  <c r="AE97598" i="1"/>
  <c r="AE97599" i="1"/>
  <c r="AE97600" i="1"/>
  <c r="AE97601" i="1"/>
  <c r="AE97602" i="1"/>
  <c r="AE97603" i="1"/>
  <c r="AE97604" i="1"/>
  <c r="AE97605" i="1"/>
  <c r="AE97606" i="1"/>
  <c r="AE97607" i="1"/>
  <c r="AE97608" i="1"/>
  <c r="AE97609" i="1"/>
  <c r="AE97610" i="1"/>
  <c r="AE97611" i="1"/>
  <c r="AE97612" i="1"/>
  <c r="AE97613" i="1"/>
  <c r="AE97614" i="1"/>
  <c r="AE97615" i="1"/>
  <c r="AE97616" i="1"/>
  <c r="AE97617" i="1"/>
  <c r="AE97618" i="1"/>
  <c r="AE97619" i="1"/>
  <c r="AE97620" i="1"/>
  <c r="AE97621" i="1"/>
  <c r="AE97622" i="1"/>
  <c r="AE97623" i="1"/>
  <c r="AE97624" i="1"/>
  <c r="AE97625" i="1"/>
  <c r="AE97626" i="1"/>
  <c r="AE97627" i="1"/>
  <c r="AE97628" i="1"/>
  <c r="AE97629" i="1"/>
  <c r="AE97630" i="1"/>
  <c r="AE97631" i="1"/>
  <c r="AE97632" i="1"/>
  <c r="AE97633" i="1"/>
  <c r="AE97634" i="1"/>
  <c r="AE97635" i="1"/>
  <c r="AE97636" i="1"/>
  <c r="AE97637" i="1"/>
  <c r="AE97638" i="1"/>
  <c r="AE97639" i="1"/>
  <c r="AE97640" i="1"/>
  <c r="AE97641" i="1"/>
  <c r="AE97642" i="1"/>
  <c r="AE97643" i="1"/>
  <c r="AE97644" i="1"/>
  <c r="AE97645" i="1"/>
  <c r="AE97646" i="1"/>
  <c r="AE97647" i="1"/>
  <c r="AE97648" i="1"/>
  <c r="AE97649" i="1"/>
  <c r="AE97650" i="1"/>
  <c r="AE97651" i="1"/>
  <c r="AE97652" i="1"/>
  <c r="AE97653" i="1"/>
  <c r="AE97654" i="1"/>
  <c r="AE97655" i="1"/>
  <c r="AE97656" i="1"/>
  <c r="AE97657" i="1"/>
  <c r="AE97658" i="1"/>
  <c r="AE97659" i="1"/>
  <c r="AE97660" i="1"/>
  <c r="AE97661" i="1"/>
  <c r="AE97662" i="1"/>
  <c r="AE97663" i="1"/>
  <c r="AE97664" i="1"/>
  <c r="AE97665" i="1"/>
  <c r="AE97666" i="1"/>
  <c r="AE97667" i="1"/>
  <c r="AE97668" i="1"/>
  <c r="AE97669" i="1"/>
  <c r="AE97670" i="1"/>
  <c r="AE97671" i="1"/>
  <c r="AE97672" i="1"/>
  <c r="AE97673" i="1"/>
  <c r="AE97674" i="1"/>
  <c r="AE97675" i="1"/>
  <c r="AE97676" i="1"/>
  <c r="AE97677" i="1"/>
  <c r="AE97678" i="1"/>
  <c r="AE97679" i="1"/>
  <c r="AE97680" i="1"/>
  <c r="AE97681" i="1"/>
  <c r="AE97682" i="1"/>
  <c r="AE97683" i="1"/>
  <c r="AE97684" i="1"/>
  <c r="AE97685" i="1"/>
  <c r="AE97686" i="1"/>
  <c r="AE97687" i="1"/>
  <c r="AE97688" i="1"/>
  <c r="AE97689" i="1"/>
  <c r="AE97690" i="1"/>
  <c r="AE97691" i="1"/>
  <c r="AE97692" i="1"/>
  <c r="AE97693" i="1"/>
  <c r="AE97694" i="1"/>
  <c r="AE97695" i="1"/>
  <c r="AE97696" i="1"/>
  <c r="AE97697" i="1"/>
  <c r="AE97698" i="1"/>
  <c r="AE97699" i="1"/>
  <c r="AE97700" i="1"/>
  <c r="AE97701" i="1"/>
  <c r="AE97702" i="1"/>
  <c r="AE97703" i="1"/>
  <c r="AE97704" i="1"/>
  <c r="AE97705" i="1"/>
  <c r="AE97706" i="1"/>
  <c r="AE97707" i="1"/>
  <c r="AE97708" i="1"/>
  <c r="AE97709" i="1"/>
  <c r="AE97710" i="1"/>
  <c r="AE97711" i="1"/>
  <c r="AE97712" i="1"/>
  <c r="AE97713" i="1"/>
  <c r="AE97714" i="1"/>
  <c r="AE97715" i="1"/>
  <c r="AE97716" i="1"/>
  <c r="AE97717" i="1"/>
  <c r="AE97718" i="1"/>
  <c r="AE97719" i="1"/>
  <c r="AE97720" i="1"/>
  <c r="AE97721" i="1"/>
  <c r="AE97722" i="1"/>
  <c r="AE97723" i="1"/>
  <c r="AE97724" i="1"/>
  <c r="AE97725" i="1"/>
  <c r="AE97726" i="1"/>
  <c r="AE97727" i="1"/>
  <c r="AE97728" i="1"/>
  <c r="AE97729" i="1"/>
  <c r="AE97730" i="1"/>
  <c r="AE97731" i="1"/>
  <c r="AE97732" i="1"/>
  <c r="AE97733" i="1"/>
  <c r="AE97734" i="1"/>
  <c r="AE97735" i="1"/>
  <c r="AE97736" i="1"/>
  <c r="AE97737" i="1"/>
  <c r="AE97738" i="1"/>
  <c r="AE97739" i="1"/>
  <c r="AE97740" i="1"/>
  <c r="AE97741" i="1"/>
  <c r="AE97742" i="1"/>
  <c r="AE97743" i="1"/>
  <c r="AE97744" i="1"/>
  <c r="AE97745" i="1"/>
  <c r="AE97746" i="1"/>
  <c r="AE97747" i="1"/>
  <c r="AE97748" i="1"/>
  <c r="AE97749" i="1"/>
  <c r="AE97750" i="1"/>
  <c r="AE97751" i="1"/>
  <c r="AE97752" i="1"/>
  <c r="AE97753" i="1"/>
  <c r="AE97754" i="1"/>
  <c r="AE97755" i="1"/>
  <c r="AE97756" i="1"/>
  <c r="AE97757" i="1"/>
  <c r="AE97758" i="1"/>
  <c r="AE97759" i="1"/>
  <c r="AE97760" i="1"/>
  <c r="AE97761" i="1"/>
  <c r="AE97762" i="1"/>
  <c r="AE97763" i="1"/>
  <c r="AE97764" i="1"/>
  <c r="AE97765" i="1"/>
  <c r="AE97766" i="1"/>
  <c r="AE97767" i="1"/>
  <c r="AE97768" i="1"/>
  <c r="AE97769" i="1"/>
  <c r="AE97770" i="1"/>
  <c r="AE97771" i="1"/>
  <c r="AE97772" i="1"/>
  <c r="AE97773" i="1"/>
  <c r="AE97774" i="1"/>
  <c r="AE97775" i="1"/>
  <c r="AE97776" i="1"/>
  <c r="AE97777" i="1"/>
  <c r="AE97778" i="1"/>
  <c r="AE97779" i="1"/>
  <c r="AE97780" i="1"/>
  <c r="AE97781" i="1"/>
  <c r="AE97782" i="1"/>
  <c r="AE97783" i="1"/>
  <c r="AE97784" i="1"/>
  <c r="AE97785" i="1"/>
  <c r="AE97786" i="1"/>
  <c r="AE97787" i="1"/>
  <c r="AE97788" i="1"/>
  <c r="AE97789" i="1"/>
  <c r="AE97790" i="1"/>
  <c r="AE97791" i="1"/>
  <c r="AE97792" i="1"/>
  <c r="AE97793" i="1"/>
  <c r="AE97794" i="1"/>
  <c r="AE97795" i="1"/>
  <c r="AE97796" i="1"/>
  <c r="AE97797" i="1"/>
  <c r="AE97798" i="1"/>
  <c r="AE97799" i="1"/>
  <c r="AE97800" i="1"/>
  <c r="AE97801" i="1"/>
  <c r="AE97802" i="1"/>
  <c r="AE97803" i="1"/>
  <c r="AE97804" i="1"/>
  <c r="AE97805" i="1"/>
  <c r="AE97806" i="1"/>
  <c r="AE97807" i="1"/>
  <c r="AE97808" i="1"/>
  <c r="AE97809" i="1"/>
  <c r="AE97810" i="1"/>
  <c r="AE97811" i="1"/>
  <c r="AE97812" i="1"/>
  <c r="AE97813" i="1"/>
  <c r="AE97814" i="1"/>
  <c r="AE97815" i="1"/>
  <c r="AE97816" i="1"/>
  <c r="AE97817" i="1"/>
  <c r="AE97818" i="1"/>
  <c r="AE97819" i="1"/>
  <c r="AE97820" i="1"/>
  <c r="AE97821" i="1"/>
  <c r="AE97822" i="1"/>
  <c r="AE97823" i="1"/>
  <c r="AE97824" i="1"/>
  <c r="AE97825" i="1"/>
  <c r="AE97826" i="1"/>
  <c r="AE97827" i="1"/>
  <c r="AE97828" i="1"/>
  <c r="AE97829" i="1"/>
  <c r="AE97830" i="1"/>
  <c r="AE97831" i="1"/>
  <c r="AE97832" i="1"/>
  <c r="AE97833" i="1"/>
  <c r="AE97834" i="1"/>
  <c r="AE97835" i="1"/>
  <c r="AE97836" i="1"/>
  <c r="AE97837" i="1"/>
  <c r="AE97838" i="1"/>
  <c r="AE97839" i="1"/>
  <c r="AE97840" i="1"/>
  <c r="AE97841" i="1"/>
  <c r="AE97842" i="1"/>
  <c r="AE97843" i="1"/>
  <c r="AE97844" i="1"/>
  <c r="AE97845" i="1"/>
  <c r="AE97846" i="1"/>
  <c r="AE97847" i="1"/>
  <c r="AE97848" i="1"/>
  <c r="AE97849" i="1"/>
  <c r="AE97850" i="1"/>
  <c r="AE97851" i="1"/>
  <c r="AE97852" i="1"/>
  <c r="AE97853" i="1"/>
  <c r="AE97854" i="1"/>
  <c r="AE97855" i="1"/>
  <c r="AE97856" i="1"/>
  <c r="AE97857" i="1"/>
  <c r="AE97858" i="1"/>
  <c r="AE97859" i="1"/>
  <c r="AE97860" i="1"/>
  <c r="AE97861" i="1"/>
  <c r="AE97862" i="1"/>
  <c r="AE97863" i="1"/>
  <c r="AE97864" i="1"/>
  <c r="AE97865" i="1"/>
  <c r="AE97866" i="1"/>
  <c r="AE97867" i="1"/>
  <c r="AE97868" i="1"/>
  <c r="AE97869" i="1"/>
  <c r="AE97870" i="1"/>
  <c r="AE97871" i="1"/>
  <c r="AE97872" i="1"/>
  <c r="AE97873" i="1"/>
  <c r="AE97874" i="1"/>
  <c r="AE97875" i="1"/>
  <c r="AE97876" i="1"/>
  <c r="AE97877" i="1"/>
  <c r="AE97878" i="1"/>
  <c r="AE97879" i="1"/>
  <c r="AE97880" i="1"/>
  <c r="AE97881" i="1"/>
  <c r="AE97882" i="1"/>
  <c r="AE97883" i="1"/>
  <c r="AE97884" i="1"/>
  <c r="AE97885" i="1"/>
  <c r="AE97886" i="1"/>
  <c r="AE97887" i="1"/>
  <c r="AE97888" i="1"/>
  <c r="AE97889" i="1"/>
  <c r="AE97890" i="1"/>
  <c r="AE97891" i="1"/>
  <c r="AE97892" i="1"/>
  <c r="AE97893" i="1"/>
  <c r="AE97894" i="1"/>
  <c r="AE97895" i="1"/>
  <c r="AE97896" i="1"/>
  <c r="AE97897" i="1"/>
  <c r="AE97898" i="1"/>
  <c r="AE97899" i="1"/>
  <c r="AE97900" i="1"/>
  <c r="AE97901" i="1"/>
  <c r="AE97902" i="1"/>
  <c r="AE97903" i="1"/>
  <c r="AE97904" i="1"/>
  <c r="AE97905" i="1"/>
  <c r="AE97906" i="1"/>
  <c r="AE97907" i="1"/>
  <c r="AE97908" i="1"/>
  <c r="AE97909" i="1"/>
  <c r="AE97910" i="1"/>
  <c r="AE97911" i="1"/>
  <c r="AE97912" i="1"/>
  <c r="AE97913" i="1"/>
  <c r="AE97914" i="1"/>
  <c r="AE97915" i="1"/>
  <c r="AE97916" i="1"/>
  <c r="AE97917" i="1"/>
  <c r="AE97918" i="1"/>
  <c r="AE97919" i="1"/>
  <c r="AE97920" i="1"/>
  <c r="AE97921" i="1"/>
  <c r="AE97922" i="1"/>
  <c r="AE97923" i="1"/>
  <c r="AE97924" i="1"/>
  <c r="AE97925" i="1"/>
  <c r="AE97926" i="1"/>
  <c r="AE97927" i="1"/>
  <c r="AE97928" i="1"/>
  <c r="AE97929" i="1"/>
  <c r="AE97930" i="1"/>
  <c r="AE97931" i="1"/>
  <c r="AE97932" i="1"/>
  <c r="AE97933" i="1"/>
  <c r="AE97934" i="1"/>
  <c r="AE97935" i="1"/>
  <c r="AE97936" i="1"/>
  <c r="AE97937" i="1"/>
  <c r="AE97938" i="1"/>
  <c r="AE97939" i="1"/>
  <c r="AE97940" i="1"/>
  <c r="AE97941" i="1"/>
  <c r="AE97942" i="1"/>
  <c r="AE97943" i="1"/>
  <c r="AE97944" i="1"/>
  <c r="AE97945" i="1"/>
  <c r="AE97946" i="1"/>
  <c r="AE97947" i="1"/>
  <c r="AE97948" i="1"/>
  <c r="AE97949" i="1"/>
  <c r="AE97950" i="1"/>
  <c r="AE97951" i="1"/>
  <c r="AE97952" i="1"/>
  <c r="AE97953" i="1"/>
  <c r="AE97954" i="1"/>
  <c r="AE97955" i="1"/>
  <c r="AE97956" i="1"/>
  <c r="AE97957" i="1"/>
  <c r="AE97958" i="1"/>
  <c r="AE97959" i="1"/>
  <c r="AE97960" i="1"/>
  <c r="AE97961" i="1"/>
  <c r="AE97962" i="1"/>
  <c r="AE97963" i="1"/>
  <c r="AE97964" i="1"/>
  <c r="AE97965" i="1"/>
  <c r="AE97966" i="1"/>
  <c r="AE97967" i="1"/>
  <c r="AE97968" i="1"/>
  <c r="AE97969" i="1"/>
  <c r="AE97970" i="1"/>
  <c r="AE97971" i="1"/>
  <c r="AE97972" i="1"/>
  <c r="AE97973" i="1"/>
  <c r="AE97974" i="1"/>
  <c r="AE97975" i="1"/>
  <c r="AE97976" i="1"/>
  <c r="AE97977" i="1"/>
  <c r="AE97978" i="1"/>
  <c r="AE97979" i="1"/>
  <c r="AE97980" i="1"/>
  <c r="AE97981" i="1"/>
  <c r="AE97982" i="1"/>
  <c r="AE97983" i="1"/>
  <c r="AE97984" i="1"/>
  <c r="AE97985" i="1"/>
  <c r="AE97986" i="1"/>
  <c r="AE97987" i="1"/>
  <c r="AE97988" i="1"/>
  <c r="AE97989" i="1"/>
  <c r="AE97990" i="1"/>
  <c r="AE97991" i="1"/>
  <c r="AE97992" i="1"/>
  <c r="AE97993" i="1"/>
  <c r="AE97994" i="1"/>
  <c r="AE97995" i="1"/>
  <c r="AE97996" i="1"/>
  <c r="AE97997" i="1"/>
  <c r="AE97998" i="1"/>
  <c r="AE97999" i="1"/>
  <c r="AE98000" i="1"/>
  <c r="AE98001" i="1"/>
  <c r="AE98002" i="1"/>
  <c r="AE98003" i="1"/>
  <c r="AE98004" i="1"/>
  <c r="AE98005" i="1"/>
  <c r="AE98006" i="1"/>
  <c r="AE98007" i="1"/>
  <c r="AE98008" i="1"/>
  <c r="AE98009" i="1"/>
  <c r="AE98010" i="1"/>
  <c r="AE98011" i="1"/>
  <c r="AE98012" i="1"/>
  <c r="AE98013" i="1"/>
  <c r="AE98014" i="1"/>
  <c r="AE98015" i="1"/>
  <c r="AE98016" i="1"/>
  <c r="AE98017" i="1"/>
  <c r="AE98018" i="1"/>
  <c r="AE98019" i="1"/>
  <c r="AE98020" i="1"/>
  <c r="AE98021" i="1"/>
  <c r="AE98022" i="1"/>
  <c r="AE98023" i="1"/>
  <c r="AE98024" i="1"/>
  <c r="AE98025" i="1"/>
  <c r="AE98026" i="1"/>
  <c r="AE98027" i="1"/>
  <c r="AE98028" i="1"/>
  <c r="AE98029" i="1"/>
  <c r="AE98030" i="1"/>
  <c r="AE98031" i="1"/>
  <c r="AE98032" i="1"/>
  <c r="AE98033" i="1"/>
  <c r="AE98034" i="1"/>
  <c r="AE98035" i="1"/>
  <c r="AE98036" i="1"/>
  <c r="AE98037" i="1"/>
  <c r="AE98038" i="1"/>
  <c r="AE98039" i="1"/>
  <c r="AE98040" i="1"/>
  <c r="AE98041" i="1"/>
  <c r="AE98042" i="1"/>
  <c r="AE98043" i="1"/>
  <c r="AE98044" i="1"/>
  <c r="AE98045" i="1"/>
  <c r="AE98046" i="1"/>
  <c r="AE98047" i="1"/>
  <c r="AE98048" i="1"/>
  <c r="AE98049" i="1"/>
  <c r="AE98050" i="1"/>
  <c r="AE98051" i="1"/>
  <c r="AE98052" i="1"/>
  <c r="AE98053" i="1"/>
  <c r="AE98054" i="1"/>
  <c r="AE98055" i="1"/>
  <c r="AE98056" i="1"/>
  <c r="AE98057" i="1"/>
  <c r="AE98058" i="1"/>
  <c r="AE98059" i="1"/>
  <c r="AE98060" i="1"/>
  <c r="AE98061" i="1"/>
  <c r="AE98062" i="1"/>
  <c r="AE98063" i="1"/>
  <c r="AE98064" i="1"/>
  <c r="AE98065" i="1"/>
  <c r="AE98066" i="1"/>
  <c r="AE98067" i="1"/>
  <c r="AE98068" i="1"/>
  <c r="AE98069" i="1"/>
  <c r="AE98070" i="1"/>
  <c r="AE98071" i="1"/>
  <c r="AE98072" i="1"/>
  <c r="AE98073" i="1"/>
  <c r="AE98074" i="1"/>
  <c r="AE98075" i="1"/>
  <c r="AE98076" i="1"/>
  <c r="AE98077" i="1"/>
  <c r="AE98078" i="1"/>
  <c r="AE98079" i="1"/>
  <c r="AE98080" i="1"/>
  <c r="AE98081" i="1"/>
  <c r="AE98082" i="1"/>
  <c r="AE98083" i="1"/>
  <c r="AE98084" i="1"/>
  <c r="AE98085" i="1"/>
  <c r="AE98086" i="1"/>
  <c r="AE98087" i="1"/>
  <c r="AE98088" i="1"/>
  <c r="AE98089" i="1"/>
  <c r="AE98090" i="1"/>
  <c r="AE98091" i="1"/>
  <c r="AE98092" i="1"/>
  <c r="AE98093" i="1"/>
  <c r="AE98094" i="1"/>
  <c r="AE98095" i="1"/>
  <c r="AE98096" i="1"/>
  <c r="AE98097" i="1"/>
  <c r="AE98098" i="1"/>
  <c r="AE98099" i="1"/>
  <c r="AE98100" i="1"/>
  <c r="AE98101" i="1"/>
  <c r="AE98102" i="1"/>
  <c r="AE98103" i="1"/>
  <c r="AE98104" i="1"/>
  <c r="AE98105" i="1"/>
  <c r="AE98106" i="1"/>
  <c r="AE98107" i="1"/>
  <c r="AE98108" i="1"/>
  <c r="AE98109" i="1"/>
  <c r="AE98110" i="1"/>
  <c r="AE98111" i="1"/>
  <c r="AE98112" i="1"/>
  <c r="AE98113" i="1"/>
  <c r="AE98114" i="1"/>
  <c r="AE98115" i="1"/>
  <c r="AE98116" i="1"/>
  <c r="AE98117" i="1"/>
  <c r="AE98118" i="1"/>
  <c r="AE98119" i="1"/>
  <c r="AE98120" i="1"/>
  <c r="AE98121" i="1"/>
  <c r="AE98122" i="1"/>
  <c r="AE98123" i="1"/>
  <c r="AE98124" i="1"/>
  <c r="AE98125" i="1"/>
  <c r="AE98126" i="1"/>
  <c r="AE98127" i="1"/>
  <c r="AE98128" i="1"/>
  <c r="AE98129" i="1"/>
  <c r="AE98130" i="1"/>
  <c r="AE98131" i="1"/>
  <c r="AE98132" i="1"/>
  <c r="AE98133" i="1"/>
  <c r="AE98134" i="1"/>
  <c r="AE98135" i="1"/>
  <c r="AE98136" i="1"/>
  <c r="AE98137" i="1"/>
  <c r="AE98138" i="1"/>
  <c r="AE98139" i="1"/>
  <c r="AE98140" i="1"/>
  <c r="AE98141" i="1"/>
  <c r="AE98142" i="1"/>
  <c r="AE98143" i="1"/>
  <c r="AE98144" i="1"/>
  <c r="AE98145" i="1"/>
  <c r="AE98146" i="1"/>
  <c r="AE98147" i="1"/>
  <c r="AE98148" i="1"/>
  <c r="AE98149" i="1"/>
  <c r="AE98150" i="1"/>
  <c r="AE98151" i="1"/>
  <c r="AE98152" i="1"/>
  <c r="AE98153" i="1"/>
  <c r="AE98154" i="1"/>
  <c r="AE98155" i="1"/>
  <c r="AE98156" i="1"/>
  <c r="AE98157" i="1"/>
  <c r="AE98158" i="1"/>
  <c r="AE98159" i="1"/>
  <c r="AE98160" i="1"/>
  <c r="AE98161" i="1"/>
  <c r="AE98162" i="1"/>
  <c r="AE98163" i="1"/>
  <c r="AE98164" i="1"/>
  <c r="AE98165" i="1"/>
  <c r="AE98166" i="1"/>
  <c r="AE98167" i="1"/>
  <c r="AE98168" i="1"/>
  <c r="AE98169" i="1"/>
  <c r="AE98170" i="1"/>
  <c r="AE98171" i="1"/>
  <c r="AE98172" i="1"/>
  <c r="AE98173" i="1"/>
  <c r="AE98174" i="1"/>
  <c r="AE98175" i="1"/>
  <c r="AE98176" i="1"/>
  <c r="AE98177" i="1"/>
  <c r="AE98178" i="1"/>
  <c r="AE98179" i="1"/>
  <c r="AE98180" i="1"/>
  <c r="AE98181" i="1"/>
  <c r="AE98182" i="1"/>
  <c r="AE98183" i="1"/>
  <c r="AE98184" i="1"/>
  <c r="AE98185" i="1"/>
  <c r="AE98186" i="1"/>
  <c r="AE98187" i="1"/>
  <c r="AE98188" i="1"/>
  <c r="AE98189" i="1"/>
  <c r="AE98190" i="1"/>
  <c r="AE98191" i="1"/>
  <c r="AE98192" i="1"/>
  <c r="AE98193" i="1"/>
  <c r="AE98194" i="1"/>
  <c r="AE98195" i="1"/>
  <c r="AE98196" i="1"/>
  <c r="AE98197" i="1"/>
  <c r="AE98198" i="1"/>
  <c r="AE98199" i="1"/>
  <c r="AE98200" i="1"/>
  <c r="AE98201" i="1"/>
  <c r="AE98202" i="1"/>
  <c r="AE98203" i="1"/>
  <c r="AE98204" i="1"/>
  <c r="AE98205" i="1"/>
  <c r="AE98206" i="1"/>
  <c r="AE98207" i="1"/>
  <c r="AE98208" i="1"/>
  <c r="AE98209" i="1"/>
  <c r="AE98210" i="1"/>
  <c r="AE98211" i="1"/>
  <c r="AE98212" i="1"/>
  <c r="AE98213" i="1"/>
  <c r="AE98214" i="1"/>
  <c r="AE98215" i="1"/>
  <c r="AE98216" i="1"/>
  <c r="AE98217" i="1"/>
  <c r="AE98218" i="1"/>
  <c r="AE98219" i="1"/>
  <c r="AE98220" i="1"/>
  <c r="AE98221" i="1"/>
  <c r="AE98222" i="1"/>
  <c r="AE98223" i="1"/>
  <c r="AE98224" i="1"/>
  <c r="AE98225" i="1"/>
  <c r="AE98226" i="1"/>
  <c r="AE98227" i="1"/>
  <c r="AE98228" i="1"/>
  <c r="AE98229" i="1"/>
  <c r="AE98230" i="1"/>
  <c r="AE98231" i="1"/>
  <c r="AE98232" i="1"/>
  <c r="AE98233" i="1"/>
  <c r="AE98234" i="1"/>
  <c r="AE98235" i="1"/>
  <c r="AE98236" i="1"/>
  <c r="AE98237" i="1"/>
  <c r="AE98238" i="1"/>
  <c r="AE98239" i="1"/>
  <c r="AE98240" i="1"/>
  <c r="AE98241" i="1"/>
  <c r="AE98242" i="1"/>
  <c r="AE98243" i="1"/>
  <c r="AE98244" i="1"/>
  <c r="AE98245" i="1"/>
  <c r="AE98246" i="1"/>
  <c r="AE98247" i="1"/>
  <c r="AE98248" i="1"/>
  <c r="AE98249" i="1"/>
  <c r="AE98250" i="1"/>
  <c r="AE98251" i="1"/>
  <c r="AE98252" i="1"/>
  <c r="AE98253" i="1"/>
  <c r="AE98254" i="1"/>
  <c r="AE98255" i="1"/>
  <c r="AE98256" i="1"/>
  <c r="AE98257" i="1"/>
  <c r="AE98258" i="1"/>
  <c r="AE98259" i="1"/>
  <c r="AE98260" i="1"/>
  <c r="AE98261" i="1"/>
  <c r="AE98262" i="1"/>
  <c r="AE98263" i="1"/>
  <c r="AE98264" i="1"/>
  <c r="AE98265" i="1"/>
  <c r="AE98266" i="1"/>
  <c r="AE98267" i="1"/>
  <c r="AE98268" i="1"/>
  <c r="AE98269" i="1"/>
  <c r="AE98270" i="1"/>
  <c r="AE98271" i="1"/>
  <c r="AE98272" i="1"/>
  <c r="AE98273" i="1"/>
  <c r="AE98274" i="1"/>
  <c r="AE98275" i="1"/>
  <c r="AE98276" i="1"/>
  <c r="AE98277" i="1"/>
  <c r="AE98278" i="1"/>
  <c r="AE98279" i="1"/>
  <c r="AE98280" i="1"/>
  <c r="AE98281" i="1"/>
  <c r="AE98282" i="1"/>
  <c r="AE98283" i="1"/>
  <c r="AE98284" i="1"/>
  <c r="AE98285" i="1"/>
  <c r="AE98286" i="1"/>
  <c r="AE98287" i="1"/>
  <c r="AE98288" i="1"/>
  <c r="AE98289" i="1"/>
  <c r="AE98290" i="1"/>
  <c r="AE98291" i="1"/>
  <c r="AE98292" i="1"/>
  <c r="AE98293" i="1"/>
  <c r="AE98294" i="1"/>
  <c r="AE98295" i="1"/>
  <c r="AE98296" i="1"/>
  <c r="AE98297" i="1"/>
  <c r="AE98298" i="1"/>
  <c r="AE98299" i="1"/>
  <c r="AE98300" i="1"/>
  <c r="AE98301" i="1"/>
  <c r="AE98302" i="1"/>
  <c r="AE98303" i="1"/>
  <c r="AE98304" i="1"/>
  <c r="AE98305" i="1"/>
  <c r="AE98306" i="1"/>
  <c r="AE98307" i="1"/>
  <c r="AE98308" i="1"/>
  <c r="AE98309" i="1"/>
  <c r="AE98310" i="1"/>
  <c r="AE98311" i="1"/>
  <c r="AE98312" i="1"/>
  <c r="AE98313" i="1"/>
  <c r="AE98314" i="1"/>
  <c r="AE98315" i="1"/>
  <c r="AE98316" i="1"/>
  <c r="AE98317" i="1"/>
  <c r="AE98318" i="1"/>
  <c r="AE98319" i="1"/>
  <c r="AE98320" i="1"/>
  <c r="AE98321" i="1"/>
  <c r="AE98322" i="1"/>
  <c r="AE98323" i="1"/>
  <c r="AE98324" i="1"/>
  <c r="AE98325" i="1"/>
  <c r="AE98326" i="1"/>
  <c r="AE98327" i="1"/>
  <c r="AE98328" i="1"/>
  <c r="AE98329" i="1"/>
  <c r="AE98330" i="1"/>
  <c r="AE98331" i="1"/>
  <c r="AE98332" i="1"/>
  <c r="AE98333" i="1"/>
  <c r="AE98334" i="1"/>
  <c r="AE98335" i="1"/>
  <c r="AE98336" i="1"/>
  <c r="AE98337" i="1"/>
  <c r="AE98338" i="1"/>
  <c r="AE98339" i="1"/>
  <c r="AE98340" i="1"/>
  <c r="AE98341" i="1"/>
  <c r="AE98342" i="1"/>
  <c r="AE98343" i="1"/>
  <c r="AE98344" i="1"/>
  <c r="AE98345" i="1"/>
  <c r="AE98346" i="1"/>
  <c r="AE98347" i="1"/>
  <c r="AE98348" i="1"/>
  <c r="AE98349" i="1"/>
  <c r="AE98350" i="1"/>
  <c r="AE98351" i="1"/>
  <c r="AE98352" i="1"/>
  <c r="AE98353" i="1"/>
  <c r="AE98354" i="1"/>
  <c r="AE98355" i="1"/>
  <c r="AE98356" i="1"/>
  <c r="AE98357" i="1"/>
  <c r="AE98358" i="1"/>
  <c r="AE98359" i="1"/>
  <c r="AE98360" i="1"/>
  <c r="AE98361" i="1"/>
  <c r="AE98362" i="1"/>
  <c r="AE98363" i="1"/>
  <c r="AE98364" i="1"/>
  <c r="AE98365" i="1"/>
  <c r="AE98366" i="1"/>
  <c r="AE98367" i="1"/>
  <c r="AE98368" i="1"/>
  <c r="AE98369" i="1"/>
  <c r="AE98370" i="1"/>
  <c r="AE98371" i="1"/>
  <c r="AE98372" i="1"/>
  <c r="AE98373" i="1"/>
  <c r="AE98374" i="1"/>
  <c r="AE98375" i="1"/>
  <c r="AE98376" i="1"/>
  <c r="AE98377" i="1"/>
  <c r="AE98378" i="1"/>
  <c r="AE98379" i="1"/>
  <c r="AE98380" i="1"/>
  <c r="AE98381" i="1"/>
  <c r="AE98382" i="1"/>
  <c r="AE98383" i="1"/>
  <c r="AE98384" i="1"/>
  <c r="AE98385" i="1"/>
  <c r="AE98386" i="1"/>
  <c r="AE98387" i="1"/>
  <c r="AE98388" i="1"/>
  <c r="AE98389" i="1"/>
  <c r="AE98390" i="1"/>
  <c r="AE98391" i="1"/>
  <c r="AE98392" i="1"/>
  <c r="AE98393" i="1"/>
  <c r="AE98394" i="1"/>
  <c r="AE98395" i="1"/>
  <c r="AE98396" i="1"/>
  <c r="AE98397" i="1"/>
  <c r="AE98398" i="1"/>
  <c r="AE98399" i="1"/>
  <c r="AE98400" i="1"/>
  <c r="AE98401" i="1"/>
  <c r="AE98402" i="1"/>
  <c r="AE98403" i="1"/>
  <c r="AE98404" i="1"/>
  <c r="AE98405" i="1"/>
  <c r="AE98406" i="1"/>
  <c r="AE98407" i="1"/>
  <c r="AE98408" i="1"/>
  <c r="AE98409" i="1"/>
  <c r="AE98410" i="1"/>
  <c r="AE98411" i="1"/>
  <c r="AE98412" i="1"/>
  <c r="AE98413" i="1"/>
  <c r="AE98414" i="1"/>
  <c r="AE98415" i="1"/>
  <c r="AE98416" i="1"/>
  <c r="AE98417" i="1"/>
  <c r="AE98418" i="1"/>
  <c r="AE98419" i="1"/>
  <c r="AE98420" i="1"/>
  <c r="AE98421" i="1"/>
  <c r="AE98422" i="1"/>
  <c r="AE98423" i="1"/>
  <c r="AE98424" i="1"/>
  <c r="AE98425" i="1"/>
  <c r="AE98426" i="1"/>
  <c r="AE98427" i="1"/>
  <c r="AE98428" i="1"/>
  <c r="AE98429" i="1"/>
  <c r="AE98430" i="1"/>
  <c r="AE98431" i="1"/>
  <c r="AE98432" i="1"/>
  <c r="AE98433" i="1"/>
  <c r="AE98434" i="1"/>
  <c r="AE98435" i="1"/>
  <c r="AE98436" i="1"/>
  <c r="AE98437" i="1"/>
  <c r="AE98438" i="1"/>
  <c r="AE98439" i="1"/>
  <c r="AE98440" i="1"/>
  <c r="AE98441" i="1"/>
  <c r="AE98442" i="1"/>
  <c r="AE98443" i="1"/>
  <c r="AE98444" i="1"/>
  <c r="AE98445" i="1"/>
  <c r="AE98446" i="1"/>
  <c r="AE98447" i="1"/>
  <c r="AE98448" i="1"/>
  <c r="AE98449" i="1"/>
  <c r="AE98450" i="1"/>
  <c r="AE98451" i="1"/>
  <c r="AE98452" i="1"/>
  <c r="AE98453" i="1"/>
  <c r="AE98454" i="1"/>
  <c r="AE98455" i="1"/>
  <c r="AE98456" i="1"/>
  <c r="AE98457" i="1"/>
  <c r="AE98458" i="1"/>
  <c r="AE98459" i="1"/>
  <c r="AE98460" i="1"/>
  <c r="AE98461" i="1"/>
  <c r="AE98462" i="1"/>
  <c r="AE98463" i="1"/>
  <c r="AE98464" i="1"/>
  <c r="AE98465" i="1"/>
  <c r="AE98466" i="1"/>
  <c r="AE98467" i="1"/>
  <c r="AE98468" i="1"/>
  <c r="AE98469" i="1"/>
  <c r="AE98470" i="1"/>
  <c r="AE98471" i="1"/>
  <c r="AE98472" i="1"/>
  <c r="AE98473" i="1"/>
  <c r="AE98474" i="1"/>
  <c r="AE98475" i="1"/>
  <c r="AE98476" i="1"/>
  <c r="AE98477" i="1"/>
  <c r="AE98478" i="1"/>
  <c r="AE98479" i="1"/>
  <c r="AE98480" i="1"/>
  <c r="AE98481" i="1"/>
  <c r="AE98482" i="1"/>
  <c r="AE98483" i="1"/>
  <c r="AE98484" i="1"/>
  <c r="AE98485" i="1"/>
  <c r="AE98486" i="1"/>
  <c r="AE98487" i="1"/>
  <c r="AE98488" i="1"/>
  <c r="AE98489" i="1"/>
  <c r="AE98490" i="1"/>
  <c r="AE98491" i="1"/>
  <c r="AE98492" i="1"/>
  <c r="AE98493" i="1"/>
  <c r="AE98494" i="1"/>
  <c r="AE98495" i="1"/>
  <c r="AE98496" i="1"/>
  <c r="AE98497" i="1"/>
  <c r="AE98498" i="1"/>
  <c r="AE98499" i="1"/>
  <c r="AE98500" i="1"/>
  <c r="AE98501" i="1"/>
  <c r="AE98502" i="1"/>
  <c r="AE98503" i="1"/>
  <c r="AE98504" i="1"/>
  <c r="AE98505" i="1"/>
  <c r="AE98506" i="1"/>
  <c r="AE98507" i="1"/>
  <c r="AE98508" i="1"/>
  <c r="AE98509" i="1"/>
  <c r="AE98510" i="1"/>
  <c r="AE98511" i="1"/>
  <c r="AE98512" i="1"/>
  <c r="AE98513" i="1"/>
  <c r="AE98514" i="1"/>
  <c r="AE98515" i="1"/>
  <c r="AE98516" i="1"/>
  <c r="AE98517" i="1"/>
  <c r="AE98518" i="1"/>
  <c r="AE98519" i="1"/>
  <c r="AE98520" i="1"/>
  <c r="AE98521" i="1"/>
  <c r="AE98522" i="1"/>
  <c r="AE98523" i="1"/>
  <c r="AE98524" i="1"/>
  <c r="AE98525" i="1"/>
  <c r="AE98526" i="1"/>
  <c r="AE98527" i="1"/>
  <c r="AE98528" i="1"/>
  <c r="AE98529" i="1"/>
  <c r="AE98530" i="1"/>
  <c r="AE98531" i="1"/>
  <c r="AE98532" i="1"/>
  <c r="AE98533" i="1"/>
  <c r="AE98534" i="1"/>
  <c r="AE98535" i="1"/>
  <c r="AE98536" i="1"/>
  <c r="AE98537" i="1"/>
  <c r="AE98538" i="1"/>
  <c r="AE98539" i="1"/>
  <c r="AE98540" i="1"/>
  <c r="AE98541" i="1"/>
  <c r="AE98542" i="1"/>
  <c r="AE98543" i="1"/>
  <c r="AE98544" i="1"/>
  <c r="AE98545" i="1"/>
  <c r="AE98546" i="1"/>
  <c r="AE98547" i="1"/>
  <c r="AE98548" i="1"/>
  <c r="AE98549" i="1"/>
  <c r="AE98550" i="1"/>
  <c r="AE98551" i="1"/>
  <c r="AE98552" i="1"/>
  <c r="AE98553" i="1"/>
  <c r="AE98554" i="1"/>
  <c r="AE98555" i="1"/>
  <c r="AE98556" i="1"/>
  <c r="AE98557" i="1"/>
  <c r="AE98558" i="1"/>
  <c r="AE98559" i="1"/>
  <c r="AE98560" i="1"/>
  <c r="AE98561" i="1"/>
  <c r="AE98562" i="1"/>
  <c r="AE98563" i="1"/>
  <c r="AE98564" i="1"/>
  <c r="AE98565" i="1"/>
  <c r="AE98566" i="1"/>
  <c r="AE98567" i="1"/>
  <c r="AE98568" i="1"/>
  <c r="AE98569" i="1"/>
  <c r="AE98570" i="1"/>
  <c r="AE98571" i="1"/>
  <c r="AE98572" i="1"/>
  <c r="AE98573" i="1"/>
  <c r="AE98574" i="1"/>
  <c r="AE98575" i="1"/>
  <c r="AE98576" i="1"/>
  <c r="AE98577" i="1"/>
  <c r="AE98578" i="1"/>
  <c r="AE98579" i="1"/>
  <c r="AE98580" i="1"/>
  <c r="AE98581" i="1"/>
  <c r="AE98582" i="1"/>
  <c r="AE98583" i="1"/>
  <c r="AE98584" i="1"/>
  <c r="AE98585" i="1"/>
  <c r="AE98586" i="1"/>
  <c r="AE98587" i="1"/>
  <c r="AE98588" i="1"/>
  <c r="AE98589" i="1"/>
  <c r="AE98590" i="1"/>
  <c r="AE98591" i="1"/>
  <c r="AE98592" i="1"/>
  <c r="AE98593" i="1"/>
  <c r="AE98594" i="1"/>
  <c r="AE98595" i="1"/>
  <c r="AE98596" i="1"/>
  <c r="AE98597" i="1"/>
  <c r="AE98598" i="1"/>
  <c r="AE98599" i="1"/>
  <c r="AE98600" i="1"/>
  <c r="AE98601" i="1"/>
  <c r="AE98602" i="1"/>
  <c r="AE98603" i="1"/>
  <c r="AE98604" i="1"/>
  <c r="AE98605" i="1"/>
  <c r="AE98606" i="1"/>
  <c r="AE98607" i="1"/>
  <c r="AE98608" i="1"/>
  <c r="AE98609" i="1"/>
  <c r="AE98610" i="1"/>
  <c r="AE98611" i="1"/>
  <c r="AE98612" i="1"/>
  <c r="AE98613" i="1"/>
  <c r="AE98614" i="1"/>
  <c r="AE98615" i="1"/>
  <c r="AE98616" i="1"/>
  <c r="AE98617" i="1"/>
  <c r="AE98618" i="1"/>
  <c r="AE98619" i="1"/>
  <c r="AE98620" i="1"/>
  <c r="AE98621" i="1"/>
  <c r="AE98622" i="1"/>
  <c r="AE98623" i="1"/>
  <c r="AE98624" i="1"/>
  <c r="AE98625" i="1"/>
  <c r="AE98626" i="1"/>
  <c r="AE98627" i="1"/>
  <c r="AE98628" i="1"/>
  <c r="AE98629" i="1"/>
  <c r="AE98630" i="1"/>
  <c r="AE98631" i="1"/>
  <c r="AE98632" i="1"/>
  <c r="AE98633" i="1"/>
  <c r="AE98634" i="1"/>
  <c r="AE98635" i="1"/>
  <c r="AE98636" i="1"/>
  <c r="AE98637" i="1"/>
  <c r="AE98638" i="1"/>
  <c r="AE98639" i="1"/>
  <c r="AE98640" i="1"/>
  <c r="AE98641" i="1"/>
  <c r="AE98642" i="1"/>
  <c r="AE98643" i="1"/>
  <c r="AE98644" i="1"/>
  <c r="AE98645" i="1"/>
  <c r="AE98646" i="1"/>
  <c r="AE98647" i="1"/>
  <c r="AE98648" i="1"/>
  <c r="AE98649" i="1"/>
  <c r="AE98650" i="1"/>
  <c r="AE98651" i="1"/>
  <c r="AE98652" i="1"/>
  <c r="AE98653" i="1"/>
  <c r="AE98654" i="1"/>
  <c r="AE98655" i="1"/>
  <c r="AE98656" i="1"/>
  <c r="AE98657" i="1"/>
  <c r="AE98658" i="1"/>
  <c r="AE98659" i="1"/>
  <c r="AE98660" i="1"/>
  <c r="AE98661" i="1"/>
  <c r="AE98662" i="1"/>
  <c r="AE98663" i="1"/>
  <c r="AE98664" i="1"/>
  <c r="AE98665" i="1"/>
  <c r="AE98666" i="1"/>
  <c r="AE98667" i="1"/>
  <c r="AE98668" i="1"/>
  <c r="AE98669" i="1"/>
  <c r="AE98670" i="1"/>
  <c r="AE98671" i="1"/>
  <c r="AE98672" i="1"/>
  <c r="AE98673" i="1"/>
  <c r="AE98674" i="1"/>
  <c r="AE98675" i="1"/>
  <c r="AE98676" i="1"/>
  <c r="AE98677" i="1"/>
  <c r="AE98678" i="1"/>
  <c r="AE98679" i="1"/>
  <c r="AE98680" i="1"/>
  <c r="AE98681" i="1"/>
  <c r="AE98682" i="1"/>
  <c r="AE98683" i="1"/>
  <c r="AE98684" i="1"/>
  <c r="AE98685" i="1"/>
  <c r="AE98686" i="1"/>
  <c r="AE98687" i="1"/>
  <c r="AE98688" i="1"/>
  <c r="AE98689" i="1"/>
  <c r="AE98690" i="1"/>
  <c r="AE98691" i="1"/>
  <c r="AE98692" i="1"/>
  <c r="AE98693" i="1"/>
  <c r="AE98694" i="1"/>
  <c r="AE98695" i="1"/>
  <c r="AE98696" i="1"/>
  <c r="AE98697" i="1"/>
  <c r="AE98698" i="1"/>
  <c r="AE98699" i="1"/>
  <c r="AE98700" i="1"/>
  <c r="AE98701" i="1"/>
  <c r="AE98702" i="1"/>
  <c r="AE98703" i="1"/>
  <c r="AE98704" i="1"/>
  <c r="AE98705" i="1"/>
  <c r="AE98706" i="1"/>
  <c r="AE98707" i="1"/>
  <c r="AE98708" i="1"/>
  <c r="AE98709" i="1"/>
  <c r="AE98710" i="1"/>
  <c r="AE98711" i="1"/>
  <c r="AE98712" i="1"/>
  <c r="AE98713" i="1"/>
  <c r="AE98714" i="1"/>
  <c r="AE98715" i="1"/>
  <c r="AE98716" i="1"/>
  <c r="AE98717" i="1"/>
  <c r="AE98718" i="1"/>
  <c r="AE98719" i="1"/>
  <c r="AE98720" i="1"/>
  <c r="AE98721" i="1"/>
  <c r="AE98722" i="1"/>
  <c r="AE98723" i="1"/>
  <c r="AE98724" i="1"/>
  <c r="AE98725" i="1"/>
  <c r="AE98726" i="1"/>
  <c r="AE98727" i="1"/>
  <c r="AE98728" i="1"/>
  <c r="AE98729" i="1"/>
  <c r="AE98730" i="1"/>
  <c r="AE98731" i="1"/>
  <c r="AE98732" i="1"/>
  <c r="AE98733" i="1"/>
  <c r="AE98734" i="1"/>
  <c r="AE98735" i="1"/>
  <c r="AE98736" i="1"/>
  <c r="AE98737" i="1"/>
  <c r="AE98738" i="1"/>
  <c r="AE98739" i="1"/>
  <c r="AE98740" i="1"/>
  <c r="AE98741" i="1"/>
  <c r="AE98742" i="1"/>
  <c r="AE98743" i="1"/>
  <c r="AE98744" i="1"/>
  <c r="AE98745" i="1"/>
  <c r="AE98746" i="1"/>
  <c r="AE98747" i="1"/>
  <c r="AE98748" i="1"/>
  <c r="AE98749" i="1"/>
  <c r="AE98750" i="1"/>
  <c r="AE98751" i="1"/>
  <c r="AE98752" i="1"/>
  <c r="AE98753" i="1"/>
  <c r="AE98754" i="1"/>
  <c r="AE98755" i="1"/>
  <c r="AE98756" i="1"/>
  <c r="AE98757" i="1"/>
  <c r="AE98758" i="1"/>
  <c r="AE98759" i="1"/>
  <c r="AE98760" i="1"/>
  <c r="AE98761" i="1"/>
  <c r="AE98762" i="1"/>
  <c r="AE98763" i="1"/>
  <c r="AE98764" i="1"/>
  <c r="AE98765" i="1"/>
  <c r="AE98766" i="1"/>
  <c r="AE98767" i="1"/>
  <c r="AE98768" i="1"/>
  <c r="AE98769" i="1"/>
  <c r="AE98770" i="1"/>
  <c r="AE98771" i="1"/>
  <c r="AE98772" i="1"/>
  <c r="AE98773" i="1"/>
  <c r="AE98774" i="1"/>
  <c r="AE98775" i="1"/>
  <c r="AE98776" i="1"/>
  <c r="AE98777" i="1"/>
  <c r="AE98778" i="1"/>
  <c r="AE98779" i="1"/>
  <c r="AE98780" i="1"/>
  <c r="AE98781" i="1"/>
  <c r="AE98782" i="1"/>
  <c r="AE98783" i="1"/>
  <c r="AE98784" i="1"/>
  <c r="AE98785" i="1"/>
  <c r="AE98786" i="1"/>
  <c r="AE98787" i="1"/>
  <c r="AE98788" i="1"/>
  <c r="AE98789" i="1"/>
  <c r="AE98790" i="1"/>
  <c r="AE98791" i="1"/>
  <c r="AE98792" i="1"/>
  <c r="AE98793" i="1"/>
  <c r="AE98794" i="1"/>
  <c r="AE98795" i="1"/>
  <c r="AE98796" i="1"/>
  <c r="AE98797" i="1"/>
  <c r="AE98798" i="1"/>
  <c r="AE98799" i="1"/>
  <c r="AE98800" i="1"/>
  <c r="AE98801" i="1"/>
  <c r="AE98802" i="1"/>
  <c r="AE98803" i="1"/>
  <c r="AE98804" i="1"/>
  <c r="AE98805" i="1"/>
  <c r="AE98806" i="1"/>
  <c r="AE98807" i="1"/>
  <c r="AE98808" i="1"/>
  <c r="AE98809" i="1"/>
  <c r="AE98810" i="1"/>
  <c r="AE98811" i="1"/>
  <c r="AE98812" i="1"/>
  <c r="AE98813" i="1"/>
  <c r="AE98814" i="1"/>
  <c r="AE98815" i="1"/>
  <c r="AE98816" i="1"/>
  <c r="AE98817" i="1"/>
  <c r="AE98818" i="1"/>
  <c r="AE98819" i="1"/>
  <c r="AE98820" i="1"/>
  <c r="AE98821" i="1"/>
  <c r="AE98822" i="1"/>
  <c r="AE98823" i="1"/>
  <c r="AE98824" i="1"/>
  <c r="AE98825" i="1"/>
  <c r="AE98826" i="1"/>
  <c r="AE98827" i="1"/>
  <c r="AE98828" i="1"/>
  <c r="AE98829" i="1"/>
  <c r="AE98830" i="1"/>
  <c r="AE98831" i="1"/>
  <c r="AE98832" i="1"/>
  <c r="AE98833" i="1"/>
  <c r="AE98834" i="1"/>
  <c r="AE98835" i="1"/>
  <c r="AE98836" i="1"/>
  <c r="AE98837" i="1"/>
  <c r="AE98838" i="1"/>
  <c r="AE98839" i="1"/>
  <c r="AE98840" i="1"/>
  <c r="AE98841" i="1"/>
  <c r="AE98842" i="1"/>
  <c r="AE98843" i="1"/>
  <c r="AE98844" i="1"/>
  <c r="AE98845" i="1"/>
  <c r="AE98846" i="1"/>
  <c r="AE98847" i="1"/>
  <c r="AE98848" i="1"/>
  <c r="AE98849" i="1"/>
  <c r="AE98850" i="1"/>
  <c r="AE98851" i="1"/>
  <c r="AE98852" i="1"/>
  <c r="AE98853" i="1"/>
  <c r="AE98854" i="1"/>
  <c r="AE98855" i="1"/>
  <c r="AE98856" i="1"/>
  <c r="AE98857" i="1"/>
  <c r="AE98858" i="1"/>
  <c r="AE98859" i="1"/>
  <c r="AE98860" i="1"/>
  <c r="AE98861" i="1"/>
  <c r="AE98862" i="1"/>
  <c r="AE98863" i="1"/>
  <c r="AE98864" i="1"/>
  <c r="AE98865" i="1"/>
  <c r="AE98866" i="1"/>
  <c r="AE98867" i="1"/>
  <c r="AE98868" i="1"/>
  <c r="AE98869" i="1"/>
  <c r="AE98870" i="1"/>
  <c r="AE98871" i="1"/>
  <c r="AE98872" i="1"/>
  <c r="AE98873" i="1"/>
  <c r="AE98874" i="1"/>
  <c r="AE98875" i="1"/>
  <c r="AE98876" i="1"/>
  <c r="AE98877" i="1"/>
  <c r="AE98878" i="1"/>
  <c r="AE98879" i="1"/>
  <c r="AE98880" i="1"/>
  <c r="AE98881" i="1"/>
  <c r="AE98882" i="1"/>
  <c r="AE98883" i="1"/>
  <c r="AE98884" i="1"/>
  <c r="AE98885" i="1"/>
  <c r="AE98886" i="1"/>
  <c r="AE98887" i="1"/>
  <c r="AE98888" i="1"/>
  <c r="AE98889" i="1"/>
  <c r="AE98890" i="1"/>
  <c r="AE98891" i="1"/>
  <c r="AE98892" i="1"/>
  <c r="AE98893" i="1"/>
  <c r="AE98894" i="1"/>
  <c r="AE98895" i="1"/>
  <c r="AE98896" i="1"/>
  <c r="AE98897" i="1"/>
  <c r="AE98898" i="1"/>
  <c r="AE98899" i="1"/>
  <c r="AE98900" i="1"/>
  <c r="AE98901" i="1"/>
  <c r="AE98902" i="1"/>
  <c r="AE98903" i="1"/>
  <c r="AE98904" i="1"/>
  <c r="AE98905" i="1"/>
  <c r="AE98906" i="1"/>
  <c r="AE98907" i="1"/>
  <c r="AE98908" i="1"/>
  <c r="AE98909" i="1"/>
  <c r="AE98910" i="1"/>
  <c r="AE98911" i="1"/>
  <c r="AE98912" i="1"/>
  <c r="AE98913" i="1"/>
  <c r="AE98914" i="1"/>
  <c r="AE98915" i="1"/>
  <c r="AE98916" i="1"/>
  <c r="AE98917" i="1"/>
  <c r="AE98918" i="1"/>
  <c r="AE98919" i="1"/>
  <c r="AE98920" i="1"/>
  <c r="AE98921" i="1"/>
  <c r="AE98922" i="1"/>
  <c r="AE98923" i="1"/>
  <c r="AE98924" i="1"/>
  <c r="AE98925" i="1"/>
  <c r="AE98926" i="1"/>
  <c r="AE98927" i="1"/>
  <c r="AE98928" i="1"/>
  <c r="AE98929" i="1"/>
  <c r="AE98930" i="1"/>
  <c r="AE98931" i="1"/>
  <c r="AE98932" i="1"/>
  <c r="AE98933" i="1"/>
  <c r="AE98934" i="1"/>
  <c r="AE98935" i="1"/>
  <c r="AE98936" i="1"/>
  <c r="AE98937" i="1"/>
  <c r="AE98938" i="1"/>
  <c r="AE98939" i="1"/>
  <c r="AE98940" i="1"/>
  <c r="AE98941" i="1"/>
  <c r="AE98942" i="1"/>
  <c r="AE98943" i="1"/>
  <c r="AE98944" i="1"/>
  <c r="AE98945" i="1"/>
  <c r="AE98946" i="1"/>
  <c r="AE98947" i="1"/>
  <c r="AE98948" i="1"/>
  <c r="AE98949" i="1"/>
  <c r="AE98950" i="1"/>
  <c r="AE98951" i="1"/>
  <c r="AE98952" i="1"/>
  <c r="AE98953" i="1"/>
  <c r="AE98954" i="1"/>
  <c r="AE98955" i="1"/>
  <c r="AE98956" i="1"/>
  <c r="AE98957" i="1"/>
  <c r="AE98958" i="1"/>
  <c r="AE98959" i="1"/>
  <c r="AE98960" i="1"/>
  <c r="AE98961" i="1"/>
  <c r="AE98962" i="1"/>
  <c r="AE98963" i="1"/>
  <c r="AE98964" i="1"/>
  <c r="AE98965" i="1"/>
  <c r="AE98966" i="1"/>
  <c r="AE98967" i="1"/>
  <c r="AE98968" i="1"/>
  <c r="AE98969" i="1"/>
  <c r="AE98970" i="1"/>
  <c r="AE98971" i="1"/>
  <c r="AE98972" i="1"/>
  <c r="AE98973" i="1"/>
  <c r="AE98974" i="1"/>
  <c r="AE98975" i="1"/>
  <c r="AE98976" i="1"/>
  <c r="AE98977" i="1"/>
  <c r="AE98978" i="1"/>
  <c r="AE98979" i="1"/>
  <c r="AE98980" i="1"/>
  <c r="AE98981" i="1"/>
  <c r="AE98982" i="1"/>
  <c r="AE98983" i="1"/>
  <c r="AE98984" i="1"/>
  <c r="AE98985" i="1"/>
  <c r="AE98986" i="1"/>
  <c r="AE98987" i="1"/>
  <c r="AE98988" i="1"/>
  <c r="AE98989" i="1"/>
  <c r="AE98990" i="1"/>
  <c r="AE98991" i="1"/>
  <c r="AE98992" i="1"/>
  <c r="AE98993" i="1"/>
  <c r="AE98994" i="1"/>
  <c r="AE98995" i="1"/>
  <c r="AE98996" i="1"/>
  <c r="AE98997" i="1"/>
  <c r="AE98998" i="1"/>
  <c r="AE98999" i="1"/>
  <c r="AE99000" i="1"/>
  <c r="AE99001" i="1"/>
  <c r="AE99002" i="1"/>
  <c r="AE99003" i="1"/>
  <c r="AE99004" i="1"/>
  <c r="AE99005" i="1"/>
  <c r="AE99006" i="1"/>
  <c r="AE99007" i="1"/>
  <c r="AE99008" i="1"/>
  <c r="AE99009" i="1"/>
  <c r="AE99010" i="1"/>
  <c r="AE99011" i="1"/>
  <c r="AE99012" i="1"/>
  <c r="AE99013" i="1"/>
  <c r="AE99014" i="1"/>
  <c r="AE99015" i="1"/>
  <c r="AE99016" i="1"/>
  <c r="AE99017" i="1"/>
  <c r="AE99018" i="1"/>
  <c r="AE99019" i="1"/>
  <c r="AE99020" i="1"/>
  <c r="AE99021" i="1"/>
  <c r="AE99022" i="1"/>
  <c r="AE99023" i="1"/>
  <c r="AE99024" i="1"/>
  <c r="AE99025" i="1"/>
  <c r="AE99026" i="1"/>
  <c r="AE99027" i="1"/>
  <c r="AE99028" i="1"/>
  <c r="AE99029" i="1"/>
  <c r="AE99030" i="1"/>
  <c r="AE99031" i="1"/>
  <c r="AE99032" i="1"/>
  <c r="AE99033" i="1"/>
  <c r="AE99034" i="1"/>
  <c r="AE99035" i="1"/>
  <c r="AE99036" i="1"/>
  <c r="AE99037" i="1"/>
  <c r="AE99038" i="1"/>
  <c r="AE99039" i="1"/>
  <c r="AE99040" i="1"/>
  <c r="AE99041" i="1"/>
  <c r="AE99042" i="1"/>
  <c r="AE99043" i="1"/>
  <c r="AE99044" i="1"/>
  <c r="AE99045" i="1"/>
  <c r="AE99046" i="1"/>
  <c r="AE99047" i="1"/>
  <c r="AE99048" i="1"/>
  <c r="AE99049" i="1"/>
  <c r="AE99050" i="1"/>
  <c r="AE99051" i="1"/>
  <c r="AE99052" i="1"/>
  <c r="AE99053" i="1"/>
  <c r="AE99054" i="1"/>
  <c r="AE99055" i="1"/>
  <c r="AE99056" i="1"/>
  <c r="AE99057" i="1"/>
  <c r="AE99058" i="1"/>
  <c r="AE99059" i="1"/>
  <c r="AE99060" i="1"/>
  <c r="AE99061" i="1"/>
  <c r="AE99062" i="1"/>
  <c r="AE99063" i="1"/>
  <c r="AE99064" i="1"/>
  <c r="AE99065" i="1"/>
  <c r="AE99066" i="1"/>
  <c r="AE99067" i="1"/>
  <c r="AE99068" i="1"/>
  <c r="AE99069" i="1"/>
  <c r="AE99070" i="1"/>
  <c r="AE99071" i="1"/>
  <c r="AE99072" i="1"/>
  <c r="AE99073" i="1"/>
  <c r="AE99074" i="1"/>
  <c r="AE99075" i="1"/>
  <c r="AE99076" i="1"/>
  <c r="AE99077" i="1"/>
  <c r="AE99078" i="1"/>
  <c r="AE99079" i="1"/>
  <c r="AE99080" i="1"/>
  <c r="AE99081" i="1"/>
  <c r="AE99082" i="1"/>
  <c r="AE99083" i="1"/>
  <c r="AE99084" i="1"/>
  <c r="AE99085" i="1"/>
  <c r="AE99086" i="1"/>
  <c r="AE99087" i="1"/>
  <c r="AE99088" i="1"/>
  <c r="AE99089" i="1"/>
  <c r="AE99090" i="1"/>
  <c r="AE99091" i="1"/>
  <c r="AE99092" i="1"/>
  <c r="AE99093" i="1"/>
  <c r="AE99094" i="1"/>
  <c r="AE99095" i="1"/>
  <c r="AE99096" i="1"/>
  <c r="AE99097" i="1"/>
  <c r="AE99098" i="1"/>
  <c r="AE99099" i="1"/>
  <c r="AE99100" i="1"/>
  <c r="AE99101" i="1"/>
  <c r="AE99102" i="1"/>
  <c r="AE99103" i="1"/>
  <c r="AE99104" i="1"/>
  <c r="AE99105" i="1"/>
  <c r="AE99106" i="1"/>
  <c r="AE99107" i="1"/>
  <c r="AE99108" i="1"/>
  <c r="AE99109" i="1"/>
  <c r="AE99110" i="1"/>
  <c r="AE99111" i="1"/>
  <c r="AE99112" i="1"/>
  <c r="AE99113" i="1"/>
  <c r="AE99114" i="1"/>
  <c r="AE99115" i="1"/>
  <c r="AE99116" i="1"/>
  <c r="AE99117" i="1"/>
  <c r="AE99118" i="1"/>
  <c r="AE99119" i="1"/>
  <c r="AE99120" i="1"/>
  <c r="AE99121" i="1"/>
  <c r="AE99122" i="1"/>
  <c r="AE99123" i="1"/>
  <c r="AE99124" i="1"/>
  <c r="AE99125" i="1"/>
  <c r="AE99126" i="1"/>
  <c r="AE99127" i="1"/>
  <c r="AE99128" i="1"/>
  <c r="AE99129" i="1"/>
  <c r="AE99130" i="1"/>
  <c r="AE99131" i="1"/>
  <c r="AE99132" i="1"/>
  <c r="AE99133" i="1"/>
  <c r="AE99134" i="1"/>
  <c r="AE99135" i="1"/>
  <c r="AE99136" i="1"/>
  <c r="AE99137" i="1"/>
  <c r="AE99138" i="1"/>
  <c r="AE99139" i="1"/>
  <c r="AE99140" i="1"/>
  <c r="AE99141" i="1"/>
  <c r="AE99142" i="1"/>
  <c r="AE99143" i="1"/>
  <c r="AE99144" i="1"/>
  <c r="AE99145" i="1"/>
  <c r="AE99146" i="1"/>
  <c r="AE99147" i="1"/>
  <c r="AE99148" i="1"/>
  <c r="AE99149" i="1"/>
  <c r="AE99150" i="1"/>
  <c r="AE99151" i="1"/>
  <c r="AE99152" i="1"/>
  <c r="AE99153" i="1"/>
  <c r="AE99154" i="1"/>
  <c r="AE99155" i="1"/>
  <c r="AE99156" i="1"/>
  <c r="AE99157" i="1"/>
  <c r="AE99158" i="1"/>
  <c r="AE99159" i="1"/>
  <c r="AE99160" i="1"/>
  <c r="AE99161" i="1"/>
  <c r="AE99162" i="1"/>
  <c r="AE99163" i="1"/>
  <c r="AE99164" i="1"/>
  <c r="AE99165" i="1"/>
  <c r="AE99166" i="1"/>
  <c r="AE99167" i="1"/>
  <c r="AE99168" i="1"/>
  <c r="AE99169" i="1"/>
  <c r="AE99170" i="1"/>
  <c r="AE99171" i="1"/>
  <c r="AE99172" i="1"/>
  <c r="AE99173" i="1"/>
  <c r="AE99174" i="1"/>
  <c r="AE99175" i="1"/>
  <c r="AE99176" i="1"/>
  <c r="AE99177" i="1"/>
  <c r="AE99178" i="1"/>
  <c r="AE99179" i="1"/>
  <c r="AE99180" i="1"/>
  <c r="AE99181" i="1"/>
  <c r="AE99182" i="1"/>
  <c r="AE99183" i="1"/>
  <c r="AE99184" i="1"/>
  <c r="AE99185" i="1"/>
  <c r="AE99186" i="1"/>
  <c r="AE99187" i="1"/>
  <c r="AE99188" i="1"/>
  <c r="AE99189" i="1"/>
  <c r="AE99190" i="1"/>
  <c r="AE99191" i="1"/>
  <c r="AE99192" i="1"/>
  <c r="AE99193" i="1"/>
  <c r="AE99194" i="1"/>
  <c r="AE99195" i="1"/>
  <c r="AE99196" i="1"/>
  <c r="AE99197" i="1"/>
  <c r="AE99198" i="1"/>
  <c r="AE99199" i="1"/>
  <c r="AE99200" i="1"/>
  <c r="AE99201" i="1"/>
  <c r="AE99202" i="1"/>
  <c r="AE99203" i="1"/>
  <c r="AE99204" i="1"/>
  <c r="AE99205" i="1"/>
  <c r="AE99206" i="1"/>
  <c r="AE99207" i="1"/>
  <c r="AE99208" i="1"/>
  <c r="AE99209" i="1"/>
  <c r="AE99210" i="1"/>
  <c r="AE99211" i="1"/>
  <c r="AE99212" i="1"/>
  <c r="AE99213" i="1"/>
  <c r="AE99214" i="1"/>
  <c r="AE99215" i="1"/>
  <c r="AE99216" i="1"/>
  <c r="AE99217" i="1"/>
  <c r="AE99218" i="1"/>
  <c r="AE99219" i="1"/>
  <c r="AE99220" i="1"/>
  <c r="AE99221" i="1"/>
  <c r="AE99222" i="1"/>
  <c r="AE99223" i="1"/>
  <c r="AE99224" i="1"/>
  <c r="AE99225" i="1"/>
  <c r="AE99226" i="1"/>
  <c r="AE99227" i="1"/>
  <c r="AE99228" i="1"/>
  <c r="AE99229" i="1"/>
  <c r="AE99230" i="1"/>
  <c r="AE99231" i="1"/>
  <c r="AE99232" i="1"/>
  <c r="AE99233" i="1"/>
  <c r="AE99234" i="1"/>
  <c r="AE99235" i="1"/>
  <c r="AE99236" i="1"/>
  <c r="AE99237" i="1"/>
  <c r="AE99238" i="1"/>
  <c r="AE99239" i="1"/>
  <c r="AE99240" i="1"/>
  <c r="AE99241" i="1"/>
  <c r="AE99242" i="1"/>
  <c r="AE99243" i="1"/>
  <c r="AE99244" i="1"/>
  <c r="AE99245" i="1"/>
  <c r="AE99246" i="1"/>
  <c r="AE99247" i="1"/>
  <c r="AE99248" i="1"/>
  <c r="AE99249" i="1"/>
  <c r="AE99250" i="1"/>
  <c r="AE99251" i="1"/>
  <c r="AE99252" i="1"/>
  <c r="AE99253" i="1"/>
  <c r="AE99254" i="1"/>
  <c r="AE99255" i="1"/>
  <c r="AE99256" i="1"/>
  <c r="AE99257" i="1"/>
  <c r="AE99258" i="1"/>
  <c r="AE99259" i="1"/>
  <c r="AE99260" i="1"/>
  <c r="AE99261" i="1"/>
  <c r="AE99262" i="1"/>
  <c r="AE99263" i="1"/>
  <c r="AE99264" i="1"/>
  <c r="AE99265" i="1"/>
  <c r="AE99266" i="1"/>
  <c r="AE99267" i="1"/>
  <c r="AE99268" i="1"/>
  <c r="AE99269" i="1"/>
  <c r="AE99270" i="1"/>
  <c r="AE99271" i="1"/>
  <c r="AE99272" i="1"/>
  <c r="AE99273" i="1"/>
  <c r="AE99274" i="1"/>
  <c r="AE99275" i="1"/>
  <c r="AE99276" i="1"/>
  <c r="AE99277" i="1"/>
  <c r="AE99278" i="1"/>
  <c r="AE99279" i="1"/>
  <c r="AE99280" i="1"/>
  <c r="AE99281" i="1"/>
  <c r="AE99282" i="1"/>
  <c r="AE99283" i="1"/>
  <c r="AE99284" i="1"/>
  <c r="AE99285" i="1"/>
  <c r="AE99286" i="1"/>
  <c r="AE99287" i="1"/>
  <c r="AE99288" i="1"/>
  <c r="AE99289" i="1"/>
  <c r="AE99290" i="1"/>
  <c r="AE99291" i="1"/>
  <c r="AE99292" i="1"/>
  <c r="AE99293" i="1"/>
  <c r="AE99294" i="1"/>
  <c r="AE99295" i="1"/>
  <c r="AE99296" i="1"/>
  <c r="AE99297" i="1"/>
  <c r="AE99298" i="1"/>
  <c r="AE99299" i="1"/>
  <c r="AE99300" i="1"/>
  <c r="AE99301" i="1"/>
  <c r="AE99302" i="1"/>
  <c r="AE99303" i="1"/>
  <c r="AE99304" i="1"/>
  <c r="AE99305" i="1"/>
  <c r="AE99306" i="1"/>
  <c r="AE99307" i="1"/>
  <c r="AE99308" i="1"/>
  <c r="AE99309" i="1"/>
  <c r="AE99310" i="1"/>
  <c r="AE99311" i="1"/>
  <c r="AE99312" i="1"/>
  <c r="AE99313" i="1"/>
  <c r="AE99314" i="1"/>
  <c r="AE99315" i="1"/>
  <c r="AE99316" i="1"/>
  <c r="AE99317" i="1"/>
  <c r="AE99318" i="1"/>
  <c r="AE99319" i="1"/>
  <c r="AE99320" i="1"/>
  <c r="AE99321" i="1"/>
  <c r="AE99322" i="1"/>
  <c r="AE99323" i="1"/>
  <c r="AE99324" i="1"/>
  <c r="AE99325" i="1"/>
  <c r="AE99326" i="1"/>
  <c r="AE99327" i="1"/>
  <c r="AE99328" i="1"/>
  <c r="AE99329" i="1"/>
  <c r="AE99330" i="1"/>
  <c r="AE99331" i="1"/>
  <c r="AE99332" i="1"/>
  <c r="AE99333" i="1"/>
  <c r="AE99334" i="1"/>
  <c r="AE99335" i="1"/>
  <c r="AE99336" i="1"/>
  <c r="AE99337" i="1"/>
  <c r="AE99338" i="1"/>
  <c r="AE99339" i="1"/>
  <c r="AE99340" i="1"/>
  <c r="AE99341" i="1"/>
  <c r="AE99342" i="1"/>
  <c r="AE99343" i="1"/>
  <c r="AE99344" i="1"/>
  <c r="AE99345" i="1"/>
  <c r="AE99346" i="1"/>
  <c r="AE99347" i="1"/>
  <c r="AE99348" i="1"/>
  <c r="AE99349" i="1"/>
  <c r="AE99350" i="1"/>
  <c r="AE99351" i="1"/>
  <c r="AE99352" i="1"/>
  <c r="AE99353" i="1"/>
  <c r="AE99354" i="1"/>
  <c r="AE99355" i="1"/>
  <c r="AE99356" i="1"/>
  <c r="AE99357" i="1"/>
  <c r="AE99358" i="1"/>
  <c r="AE99359" i="1"/>
  <c r="AE99360" i="1"/>
  <c r="AE99361" i="1"/>
  <c r="AE99362" i="1"/>
  <c r="AE99363" i="1"/>
  <c r="AE99364" i="1"/>
  <c r="AE99365" i="1"/>
  <c r="AE99366" i="1"/>
  <c r="AE99367" i="1"/>
  <c r="AE99368" i="1"/>
  <c r="AE99369" i="1"/>
  <c r="AE99370" i="1"/>
  <c r="AE99371" i="1"/>
  <c r="AE99372" i="1"/>
  <c r="AE99373" i="1"/>
  <c r="AE99374" i="1"/>
  <c r="AE99375" i="1"/>
  <c r="AE99376" i="1"/>
  <c r="AE99377" i="1"/>
  <c r="AE99378" i="1"/>
  <c r="AE99379" i="1"/>
  <c r="AE99380" i="1"/>
  <c r="AE99381" i="1"/>
  <c r="AE99382" i="1"/>
  <c r="AE99383" i="1"/>
  <c r="AE99384" i="1"/>
  <c r="AE99385" i="1"/>
  <c r="AE99386" i="1"/>
  <c r="AE99387" i="1"/>
  <c r="AE99388" i="1"/>
  <c r="AE99389" i="1"/>
  <c r="AE99390" i="1"/>
  <c r="AE99391" i="1"/>
  <c r="AE99392" i="1"/>
  <c r="AE99393" i="1"/>
  <c r="AE99394" i="1"/>
  <c r="AE99395" i="1"/>
  <c r="AE99396" i="1"/>
  <c r="AE99397" i="1"/>
  <c r="AE99398" i="1"/>
  <c r="AE99399" i="1"/>
  <c r="AE99400" i="1"/>
  <c r="AE99401" i="1"/>
  <c r="AE99402" i="1"/>
  <c r="AE99403" i="1"/>
  <c r="AE99404" i="1"/>
  <c r="AE99405" i="1"/>
  <c r="AE99406" i="1"/>
  <c r="AE99407" i="1"/>
  <c r="AE99408" i="1"/>
  <c r="AE99409" i="1"/>
  <c r="AE99410" i="1"/>
  <c r="AE99411" i="1"/>
  <c r="AE99412" i="1"/>
  <c r="AE99413" i="1"/>
  <c r="AE99414" i="1"/>
  <c r="AE99415" i="1"/>
  <c r="AE99416" i="1"/>
  <c r="AE99417" i="1"/>
  <c r="AE99418" i="1"/>
  <c r="AE99419" i="1"/>
  <c r="AE99420" i="1"/>
  <c r="AE99421" i="1"/>
  <c r="AE99422" i="1"/>
  <c r="AE99423" i="1"/>
  <c r="AE99424" i="1"/>
  <c r="AE99425" i="1"/>
  <c r="AE99426" i="1"/>
  <c r="AE99427" i="1"/>
  <c r="AE99428" i="1"/>
  <c r="AE99429" i="1"/>
  <c r="AE99430" i="1"/>
  <c r="AE99431" i="1"/>
  <c r="AE99432" i="1"/>
  <c r="AE99433" i="1"/>
  <c r="AE99434" i="1"/>
  <c r="AE99435" i="1"/>
  <c r="AE99436" i="1"/>
  <c r="AE99437" i="1"/>
  <c r="AE99438" i="1"/>
  <c r="AE99439" i="1"/>
  <c r="AE99440" i="1"/>
  <c r="AE99441" i="1"/>
  <c r="AE99442" i="1"/>
  <c r="AE99443" i="1"/>
  <c r="AE99444" i="1"/>
  <c r="AE99445" i="1"/>
  <c r="AE99446" i="1"/>
  <c r="AE99447" i="1"/>
  <c r="AE99448" i="1"/>
  <c r="AE99449" i="1"/>
  <c r="AE99450" i="1"/>
  <c r="AE99451" i="1"/>
  <c r="AE99452" i="1"/>
  <c r="AE99453" i="1"/>
  <c r="AE99454" i="1"/>
  <c r="AE99455" i="1"/>
  <c r="AE99456" i="1"/>
  <c r="AE99457" i="1"/>
  <c r="AE99458" i="1"/>
  <c r="AE99459" i="1"/>
  <c r="AE99460" i="1"/>
  <c r="AE99461" i="1"/>
  <c r="AE99462" i="1"/>
  <c r="AE99463" i="1"/>
  <c r="AE99464" i="1"/>
  <c r="AE99465" i="1"/>
  <c r="AE99466" i="1"/>
  <c r="AE99467" i="1"/>
  <c r="AE99468" i="1"/>
  <c r="AE99469" i="1"/>
  <c r="AE99470" i="1"/>
  <c r="AE99471" i="1"/>
  <c r="AE99472" i="1"/>
  <c r="AE99473" i="1"/>
  <c r="AE99474" i="1"/>
  <c r="AE99475" i="1"/>
  <c r="AE99476" i="1"/>
  <c r="AE99477" i="1"/>
  <c r="AE99478" i="1"/>
  <c r="AE99479" i="1"/>
  <c r="AE99480" i="1"/>
  <c r="AE99481" i="1"/>
  <c r="AE99482" i="1"/>
  <c r="AE99483" i="1"/>
  <c r="AE99484" i="1"/>
  <c r="AE99485" i="1"/>
  <c r="AE99486" i="1"/>
  <c r="AE99487" i="1"/>
  <c r="AE99488" i="1"/>
  <c r="AE99489" i="1"/>
  <c r="AE99490" i="1"/>
  <c r="AE99491" i="1"/>
  <c r="AE99492" i="1"/>
  <c r="AE99493" i="1"/>
  <c r="AE99494" i="1"/>
  <c r="AE99495" i="1"/>
  <c r="AE99496" i="1"/>
  <c r="AE99497" i="1"/>
  <c r="AE99498" i="1"/>
  <c r="AE99499" i="1"/>
  <c r="AE99500" i="1"/>
  <c r="AE99501" i="1"/>
  <c r="AE99502" i="1"/>
  <c r="AE99503" i="1"/>
  <c r="AE99504" i="1"/>
  <c r="AE99505" i="1"/>
  <c r="AE99506" i="1"/>
  <c r="AE99507" i="1"/>
  <c r="AE99508" i="1"/>
  <c r="AE99509" i="1"/>
  <c r="AE99510" i="1"/>
  <c r="AE99511" i="1"/>
  <c r="AE99512" i="1"/>
  <c r="AE99513" i="1"/>
  <c r="AE99514" i="1"/>
  <c r="AE99515" i="1"/>
  <c r="AE99516" i="1"/>
  <c r="AE99517" i="1"/>
  <c r="AE99518" i="1"/>
  <c r="AE99519" i="1"/>
  <c r="AE99520" i="1"/>
  <c r="AE99521" i="1"/>
  <c r="AE99522" i="1"/>
  <c r="AE99523" i="1"/>
  <c r="AE99524" i="1"/>
  <c r="AE99525" i="1"/>
  <c r="AE99526" i="1"/>
  <c r="AE99527" i="1"/>
  <c r="AE99528" i="1"/>
  <c r="AE99529" i="1"/>
  <c r="AE99530" i="1"/>
  <c r="AE99531" i="1"/>
  <c r="AE99532" i="1"/>
  <c r="AE99533" i="1"/>
  <c r="AE99534" i="1"/>
  <c r="AE99535" i="1"/>
  <c r="AE99536" i="1"/>
  <c r="AE99537" i="1"/>
  <c r="AE99538" i="1"/>
  <c r="AE99539" i="1"/>
  <c r="AE99540" i="1"/>
  <c r="AE99541" i="1"/>
  <c r="AE99542" i="1"/>
  <c r="AE99543" i="1"/>
  <c r="AE99544" i="1"/>
  <c r="AE99545" i="1"/>
  <c r="AE99546" i="1"/>
  <c r="AE99547" i="1"/>
  <c r="AE99548" i="1"/>
  <c r="AE99549" i="1"/>
  <c r="AE99550" i="1"/>
  <c r="AE99551" i="1"/>
  <c r="AE99552" i="1"/>
  <c r="AE99553" i="1"/>
  <c r="AE99554" i="1"/>
  <c r="AE99555" i="1"/>
  <c r="AE99556" i="1"/>
  <c r="AE99557" i="1"/>
  <c r="AE99558" i="1"/>
  <c r="AE99559" i="1"/>
  <c r="AE99560" i="1"/>
  <c r="AE99561" i="1"/>
  <c r="AE99562" i="1"/>
  <c r="AE99563" i="1"/>
  <c r="AE99564" i="1"/>
  <c r="AE99565" i="1"/>
  <c r="AE99566" i="1"/>
  <c r="AE99567" i="1"/>
  <c r="AE99568" i="1"/>
  <c r="AE99569" i="1"/>
  <c r="AE99570" i="1"/>
  <c r="AE99571" i="1"/>
  <c r="AE99572" i="1"/>
  <c r="AE99573" i="1"/>
  <c r="AE99574" i="1"/>
  <c r="AE99575" i="1"/>
  <c r="AE99576" i="1"/>
  <c r="AE99577" i="1"/>
  <c r="AE99578" i="1"/>
  <c r="AE99579" i="1"/>
  <c r="AE99580" i="1"/>
  <c r="AE99581" i="1"/>
  <c r="AE99582" i="1"/>
  <c r="AE99583" i="1"/>
  <c r="AE99584" i="1"/>
  <c r="AE99585" i="1"/>
  <c r="AE99586" i="1"/>
  <c r="AE99587" i="1"/>
  <c r="AE99588" i="1"/>
  <c r="AE99589" i="1"/>
  <c r="AE99590" i="1"/>
  <c r="AE99591" i="1"/>
  <c r="AE99592" i="1"/>
  <c r="AE99593" i="1"/>
  <c r="AE99594" i="1"/>
  <c r="AE99595" i="1"/>
  <c r="AE99596" i="1"/>
  <c r="AE99597" i="1"/>
  <c r="AE99598" i="1"/>
  <c r="AE99599" i="1"/>
  <c r="AE99600" i="1"/>
  <c r="AE99601" i="1"/>
  <c r="AE99602" i="1"/>
  <c r="AE99603" i="1"/>
  <c r="AE99604" i="1"/>
  <c r="AE99605" i="1"/>
  <c r="AE99606" i="1"/>
  <c r="AE99607" i="1"/>
  <c r="AE99608" i="1"/>
  <c r="AE99609" i="1"/>
  <c r="AE99610" i="1"/>
  <c r="AE99611" i="1"/>
  <c r="AE99612" i="1"/>
  <c r="AE99613" i="1"/>
  <c r="AE99614" i="1"/>
  <c r="AE99615" i="1"/>
  <c r="AE99616" i="1"/>
  <c r="AE99617" i="1"/>
  <c r="AE99618" i="1"/>
  <c r="AE99619" i="1"/>
  <c r="AE99620" i="1"/>
  <c r="AE99621" i="1"/>
  <c r="AE99622" i="1"/>
  <c r="AE99623" i="1"/>
  <c r="AE99624" i="1"/>
  <c r="AE99625" i="1"/>
  <c r="AE99626" i="1"/>
  <c r="AE99627" i="1"/>
  <c r="AE99628" i="1"/>
  <c r="AE99629" i="1"/>
  <c r="AE99630" i="1"/>
  <c r="AE99631" i="1"/>
  <c r="AE99632" i="1"/>
  <c r="AE99633" i="1"/>
  <c r="AE99634" i="1"/>
  <c r="AE99635" i="1"/>
  <c r="AE99636" i="1"/>
  <c r="AE99637" i="1"/>
  <c r="AE99638" i="1"/>
  <c r="AE99639" i="1"/>
  <c r="AE99640" i="1"/>
  <c r="AE99641" i="1"/>
  <c r="AE99642" i="1"/>
  <c r="AE99643" i="1"/>
  <c r="AE99644" i="1"/>
  <c r="AE99645" i="1"/>
  <c r="AE99646" i="1"/>
  <c r="AE99647" i="1"/>
  <c r="AE99648" i="1"/>
  <c r="AE99649" i="1"/>
  <c r="AE99650" i="1"/>
  <c r="AE99651" i="1"/>
  <c r="AE99652" i="1"/>
  <c r="AE99653" i="1"/>
  <c r="AE99654" i="1"/>
  <c r="AE99655" i="1"/>
  <c r="AE99656" i="1"/>
  <c r="AE99657" i="1"/>
  <c r="AE99658" i="1"/>
  <c r="AE99659" i="1"/>
  <c r="AE99660" i="1"/>
  <c r="AE99661" i="1"/>
  <c r="AE99662" i="1"/>
  <c r="AE99663" i="1"/>
  <c r="AE99664" i="1"/>
  <c r="AE99665" i="1"/>
  <c r="AE99666" i="1"/>
  <c r="AE99667" i="1"/>
  <c r="AE99668" i="1"/>
  <c r="AE99669" i="1"/>
  <c r="AE99670" i="1"/>
  <c r="AE99671" i="1"/>
  <c r="AE99672" i="1"/>
  <c r="AE99673" i="1"/>
  <c r="AE99674" i="1"/>
  <c r="AE99675" i="1"/>
  <c r="AE99676" i="1"/>
  <c r="AE99677" i="1"/>
  <c r="AE99678" i="1"/>
  <c r="AE99679" i="1"/>
  <c r="AE99680" i="1"/>
  <c r="AE99681" i="1"/>
  <c r="AE99682" i="1"/>
  <c r="AE99683" i="1"/>
  <c r="AE99684" i="1"/>
  <c r="AE99685" i="1"/>
  <c r="AE99686" i="1"/>
  <c r="AE99687" i="1"/>
  <c r="AE99688" i="1"/>
  <c r="AE99689" i="1"/>
  <c r="AE99690" i="1"/>
  <c r="AE99691" i="1"/>
  <c r="AE99692" i="1"/>
  <c r="AE99693" i="1"/>
  <c r="AE99694" i="1"/>
  <c r="AE99695" i="1"/>
  <c r="AE99696" i="1"/>
  <c r="AE99697" i="1"/>
  <c r="AE99698" i="1"/>
  <c r="AE99699" i="1"/>
  <c r="AE99700" i="1"/>
  <c r="AE99701" i="1"/>
  <c r="AE99702" i="1"/>
  <c r="AE99703" i="1"/>
  <c r="AE99704" i="1"/>
  <c r="AE99705" i="1"/>
  <c r="AE99706" i="1"/>
  <c r="AE99707" i="1"/>
  <c r="AE99708" i="1"/>
  <c r="AE99709" i="1"/>
  <c r="AE99710" i="1"/>
  <c r="AE99711" i="1"/>
  <c r="AE99712" i="1"/>
  <c r="AE99713" i="1"/>
  <c r="AE99714" i="1"/>
  <c r="AE99715" i="1"/>
  <c r="AE99716" i="1"/>
  <c r="AE99717" i="1"/>
  <c r="AE99718" i="1"/>
  <c r="AE99719" i="1"/>
  <c r="AE99720" i="1"/>
  <c r="AE99721" i="1"/>
  <c r="AE99722" i="1"/>
  <c r="AE99723" i="1"/>
  <c r="AE99724" i="1"/>
  <c r="AE99725" i="1"/>
  <c r="AE99726" i="1"/>
  <c r="AE99727" i="1"/>
  <c r="AE99728" i="1"/>
  <c r="AE99729" i="1"/>
  <c r="AE99730" i="1"/>
  <c r="AE99731" i="1"/>
  <c r="AE99732" i="1"/>
  <c r="AE99733" i="1"/>
  <c r="AE99734" i="1"/>
  <c r="AE99735" i="1"/>
  <c r="AE99736" i="1"/>
  <c r="AE99737" i="1"/>
  <c r="AE99738" i="1"/>
  <c r="AE99739" i="1"/>
  <c r="AE99740" i="1"/>
  <c r="AE99741" i="1"/>
  <c r="AE99742" i="1"/>
  <c r="AE99743" i="1"/>
  <c r="AE99744" i="1"/>
  <c r="AE99745" i="1"/>
  <c r="AE99746" i="1"/>
  <c r="AE99747" i="1"/>
  <c r="AE99748" i="1"/>
  <c r="AE99749" i="1"/>
  <c r="AE99750" i="1"/>
  <c r="AE99751" i="1"/>
  <c r="AE99752" i="1"/>
  <c r="AE99753" i="1"/>
  <c r="AE99754" i="1"/>
  <c r="AE99755" i="1"/>
  <c r="AE99756" i="1"/>
  <c r="AE99757" i="1"/>
  <c r="AE99758" i="1"/>
  <c r="AE99759" i="1"/>
  <c r="AE99760" i="1"/>
  <c r="AE99761" i="1"/>
  <c r="AE99762" i="1"/>
  <c r="AE99763" i="1"/>
  <c r="AE99764" i="1"/>
  <c r="AE99765" i="1"/>
  <c r="AE99766" i="1"/>
  <c r="AE99767" i="1"/>
  <c r="AE99768" i="1"/>
  <c r="AE99769" i="1"/>
  <c r="AE99770" i="1"/>
  <c r="AE99771" i="1"/>
  <c r="AE99772" i="1"/>
  <c r="AE99773" i="1"/>
  <c r="AE99774" i="1"/>
  <c r="AE99775" i="1"/>
  <c r="AE99776" i="1"/>
  <c r="AE99777" i="1"/>
  <c r="AE99778" i="1"/>
  <c r="AE99779" i="1"/>
  <c r="AE99780" i="1"/>
  <c r="AE99781" i="1"/>
  <c r="AE99782" i="1"/>
  <c r="AE99783" i="1"/>
  <c r="AE99784" i="1"/>
  <c r="AE99785" i="1"/>
  <c r="AE99786" i="1"/>
  <c r="AE99787" i="1"/>
  <c r="AE99788" i="1"/>
  <c r="AE99789" i="1"/>
  <c r="AE99790" i="1"/>
  <c r="AE99791" i="1"/>
  <c r="AE99792" i="1"/>
  <c r="AE99793" i="1"/>
  <c r="AE99794" i="1"/>
  <c r="AE99795" i="1"/>
  <c r="AE99796" i="1"/>
  <c r="AE99797" i="1"/>
  <c r="AE99798" i="1"/>
  <c r="AE99799" i="1"/>
  <c r="AE99800" i="1"/>
  <c r="AE99801" i="1"/>
  <c r="AE99802" i="1"/>
  <c r="AE99803" i="1"/>
  <c r="AE99804" i="1"/>
  <c r="AE99805" i="1"/>
  <c r="AE99806" i="1"/>
  <c r="AE99807" i="1"/>
  <c r="AE99808" i="1"/>
  <c r="AE99809" i="1"/>
  <c r="AE99810" i="1"/>
  <c r="AE99811" i="1"/>
  <c r="AE99812" i="1"/>
  <c r="AE99813" i="1"/>
  <c r="AE99814" i="1"/>
  <c r="AE99815" i="1"/>
  <c r="AE99816" i="1"/>
  <c r="AE99817" i="1"/>
  <c r="AE99818" i="1"/>
  <c r="AE99819" i="1"/>
  <c r="AE99820" i="1"/>
  <c r="AE99821" i="1"/>
  <c r="AE99822" i="1"/>
  <c r="AE99823" i="1"/>
  <c r="AE99824" i="1"/>
  <c r="AE99825" i="1"/>
  <c r="AE99826" i="1"/>
  <c r="AE99827" i="1"/>
  <c r="AE99828" i="1"/>
  <c r="AE99829" i="1"/>
  <c r="AE99830" i="1"/>
  <c r="AE99831" i="1"/>
  <c r="AE99832" i="1"/>
  <c r="AE99833" i="1"/>
  <c r="AE99834" i="1"/>
  <c r="AE99835" i="1"/>
  <c r="AE99836" i="1"/>
  <c r="AE99837" i="1"/>
  <c r="AE99838" i="1"/>
  <c r="AE99839" i="1"/>
  <c r="AE99840" i="1"/>
  <c r="AE99841" i="1"/>
  <c r="AE99842" i="1"/>
  <c r="AE99843" i="1"/>
  <c r="AE99844" i="1"/>
  <c r="AE99845" i="1"/>
  <c r="AE99846" i="1"/>
  <c r="AE99847" i="1"/>
  <c r="AE99848" i="1"/>
  <c r="AE99849" i="1"/>
  <c r="AE99850" i="1"/>
  <c r="AE99851" i="1"/>
  <c r="AE99852" i="1"/>
  <c r="AE99853" i="1"/>
  <c r="AE99854" i="1"/>
  <c r="AE99855" i="1"/>
  <c r="AE99856" i="1"/>
  <c r="AE99857" i="1"/>
  <c r="AE99858" i="1"/>
  <c r="AE99859" i="1"/>
  <c r="AE99860" i="1"/>
  <c r="AE99861" i="1"/>
  <c r="AE99862" i="1"/>
  <c r="AE99863" i="1"/>
  <c r="AE99864" i="1"/>
  <c r="AE99865" i="1"/>
  <c r="AE99866" i="1"/>
  <c r="AE99867" i="1"/>
  <c r="AE99868" i="1"/>
  <c r="AE99869" i="1"/>
  <c r="AE99870" i="1"/>
  <c r="AE99871" i="1"/>
  <c r="AE99872" i="1"/>
  <c r="AE99873" i="1"/>
  <c r="AE99874" i="1"/>
  <c r="AE99875" i="1"/>
  <c r="AE99876" i="1"/>
  <c r="AE99877" i="1"/>
  <c r="AE99878" i="1"/>
  <c r="AE99879" i="1"/>
  <c r="AE99880" i="1"/>
  <c r="AE99881" i="1"/>
  <c r="AE99882" i="1"/>
  <c r="AE99883" i="1"/>
  <c r="AE99884" i="1"/>
  <c r="AE99885" i="1"/>
  <c r="AE99886" i="1"/>
  <c r="AE99887" i="1"/>
  <c r="AE99888" i="1"/>
  <c r="AE99889" i="1"/>
  <c r="AE99890" i="1"/>
  <c r="AE99891" i="1"/>
  <c r="AE99892" i="1"/>
  <c r="AE99893" i="1"/>
  <c r="AE99894" i="1"/>
  <c r="AE99895" i="1"/>
  <c r="AE99896" i="1"/>
  <c r="AE99897" i="1"/>
  <c r="AE99898" i="1"/>
  <c r="AE99899" i="1"/>
  <c r="AE99900" i="1"/>
  <c r="AE99901" i="1"/>
  <c r="AE99902" i="1"/>
  <c r="AE99903" i="1"/>
  <c r="AE99904" i="1"/>
  <c r="AE99905" i="1"/>
  <c r="AE99906" i="1"/>
  <c r="AE99907" i="1"/>
  <c r="AE99908" i="1"/>
  <c r="AE99909" i="1"/>
  <c r="AE99910" i="1"/>
  <c r="AE99911" i="1"/>
  <c r="AE99912" i="1"/>
  <c r="AE99913" i="1"/>
  <c r="AE99914" i="1"/>
  <c r="AE99915" i="1"/>
  <c r="AE99916" i="1"/>
  <c r="AE99917" i="1"/>
  <c r="AE99918" i="1"/>
  <c r="AE99919" i="1"/>
  <c r="AE99920" i="1"/>
  <c r="AE99921" i="1"/>
  <c r="AE99922" i="1"/>
  <c r="AE99923" i="1"/>
  <c r="AE99924" i="1"/>
  <c r="AE99925" i="1"/>
  <c r="AE99926" i="1"/>
  <c r="AE99927" i="1"/>
  <c r="AE99928" i="1"/>
  <c r="AE99929" i="1"/>
  <c r="AE99930" i="1"/>
  <c r="AE99931" i="1"/>
  <c r="AE99932" i="1"/>
  <c r="AE99933" i="1"/>
  <c r="AE99934" i="1"/>
  <c r="AE99935" i="1"/>
  <c r="AE99936" i="1"/>
  <c r="AE99937" i="1"/>
  <c r="AE99938" i="1"/>
  <c r="AE99939" i="1"/>
  <c r="AE99940" i="1"/>
  <c r="AE99941" i="1"/>
  <c r="AE99942" i="1"/>
  <c r="AE99943" i="1"/>
  <c r="AE99944" i="1"/>
  <c r="AE99945" i="1"/>
  <c r="AE99946" i="1"/>
  <c r="AE99947" i="1"/>
  <c r="AE99948" i="1"/>
  <c r="AE99949" i="1"/>
  <c r="AE99950" i="1"/>
  <c r="AE99951" i="1"/>
  <c r="AE99952" i="1"/>
  <c r="AE99953" i="1"/>
  <c r="AE99954" i="1"/>
  <c r="AE99955" i="1"/>
  <c r="AE99956" i="1"/>
  <c r="AE99957" i="1"/>
  <c r="AE99958" i="1"/>
  <c r="AE99959" i="1"/>
  <c r="AE99960" i="1"/>
  <c r="AE99961" i="1"/>
  <c r="AE99962" i="1"/>
  <c r="AE99963" i="1"/>
  <c r="AE99964" i="1"/>
  <c r="AE99965" i="1"/>
  <c r="AE99966" i="1"/>
  <c r="AE99967" i="1"/>
  <c r="AE99968" i="1"/>
  <c r="AE99969" i="1"/>
  <c r="AE99970" i="1"/>
  <c r="AE99971" i="1"/>
  <c r="AE99972" i="1"/>
  <c r="AE99973" i="1"/>
  <c r="AE99974" i="1"/>
  <c r="AE99975" i="1"/>
  <c r="AE99976" i="1"/>
  <c r="AE99977" i="1"/>
  <c r="AE99978" i="1"/>
  <c r="AE99979" i="1"/>
  <c r="AE99980" i="1"/>
  <c r="AE99981" i="1"/>
  <c r="AE99982" i="1"/>
  <c r="AE99983" i="1"/>
  <c r="AE99984" i="1"/>
  <c r="AE99985" i="1"/>
  <c r="AE99986" i="1"/>
  <c r="AE99987" i="1"/>
  <c r="AE99988" i="1"/>
  <c r="AE99989" i="1"/>
  <c r="AE99990" i="1"/>
  <c r="AE99991" i="1"/>
  <c r="AE99992" i="1"/>
  <c r="AE99993" i="1"/>
  <c r="AE99994" i="1"/>
  <c r="AE99995" i="1"/>
  <c r="AE99996" i="1"/>
  <c r="AE99997" i="1"/>
  <c r="AE99998" i="1"/>
  <c r="AE99999" i="1"/>
  <c r="AE100000" i="1"/>
  <c r="AE100001" i="1"/>
  <c r="AE100002" i="1"/>
  <c r="AE100003" i="1"/>
  <c r="AE100004" i="1"/>
  <c r="AE100005" i="1"/>
  <c r="AE100006" i="1"/>
  <c r="AE100007" i="1"/>
  <c r="AE100008" i="1"/>
  <c r="AE100009" i="1"/>
  <c r="AE100010" i="1"/>
  <c r="AE100011" i="1"/>
  <c r="AE100012" i="1"/>
  <c r="AE100013" i="1"/>
  <c r="AE100014" i="1"/>
  <c r="AE100015" i="1"/>
  <c r="AE100016" i="1"/>
  <c r="AE100017" i="1"/>
  <c r="AE100018" i="1"/>
  <c r="AE100019" i="1"/>
  <c r="AE100020" i="1"/>
  <c r="AE100021" i="1"/>
  <c r="AE100022" i="1"/>
  <c r="AE100023" i="1"/>
  <c r="AE100024" i="1"/>
  <c r="AE100025" i="1"/>
  <c r="AE100026" i="1"/>
  <c r="AE100027" i="1"/>
  <c r="AE100028" i="1"/>
  <c r="AE100029" i="1"/>
  <c r="AE100030" i="1"/>
  <c r="AE100031" i="1"/>
  <c r="AE100032" i="1"/>
  <c r="AE100033" i="1"/>
  <c r="AE100034" i="1"/>
  <c r="AE100035" i="1"/>
  <c r="AE100036" i="1"/>
  <c r="AE100037" i="1"/>
  <c r="AE100038" i="1"/>
  <c r="AE100039" i="1"/>
  <c r="AE100040" i="1"/>
  <c r="AE100041" i="1"/>
  <c r="AE100042" i="1"/>
  <c r="AE100043" i="1"/>
  <c r="AE100044" i="1"/>
  <c r="AE100045" i="1"/>
  <c r="AE100046" i="1"/>
  <c r="AE100047" i="1"/>
  <c r="AE100048" i="1"/>
  <c r="AE100049" i="1"/>
  <c r="AE100050" i="1"/>
  <c r="AE100051" i="1"/>
  <c r="AE100052" i="1"/>
  <c r="AE100053" i="1"/>
  <c r="AE100054" i="1"/>
  <c r="AE100055" i="1"/>
  <c r="AE100056" i="1"/>
  <c r="AE100057" i="1"/>
  <c r="AE100058" i="1"/>
  <c r="AE100059" i="1"/>
  <c r="AE100060" i="1"/>
  <c r="AE100061" i="1"/>
  <c r="AE100062" i="1"/>
  <c r="AE100063" i="1"/>
  <c r="AE100064" i="1"/>
  <c r="AE100065" i="1"/>
  <c r="AE100066" i="1"/>
  <c r="AE100067" i="1"/>
  <c r="AE100068" i="1"/>
  <c r="AE100069" i="1"/>
  <c r="AE100070" i="1"/>
  <c r="AE100071" i="1"/>
  <c r="AE100072" i="1"/>
  <c r="AE100073" i="1"/>
  <c r="AE100074" i="1"/>
  <c r="AE100075" i="1"/>
  <c r="AE100076" i="1"/>
  <c r="AE100077" i="1"/>
  <c r="AE100078" i="1"/>
  <c r="AE100079" i="1"/>
  <c r="AE100080" i="1"/>
  <c r="AE100081" i="1"/>
  <c r="AE100082" i="1"/>
  <c r="AE100083" i="1"/>
  <c r="AE100084" i="1"/>
  <c r="AE100085" i="1"/>
  <c r="AE100086" i="1"/>
  <c r="AE100087" i="1"/>
  <c r="AE100088" i="1"/>
  <c r="AE100089" i="1"/>
  <c r="AE100090" i="1"/>
  <c r="AE100091" i="1"/>
  <c r="AE100092" i="1"/>
  <c r="AE100093" i="1"/>
  <c r="AE100094" i="1"/>
  <c r="AE100095" i="1"/>
  <c r="AE100096" i="1"/>
  <c r="AE100097" i="1"/>
  <c r="AE100098" i="1"/>
  <c r="AE100099" i="1"/>
  <c r="AE100100" i="1"/>
  <c r="AE100101" i="1"/>
  <c r="AE100102" i="1"/>
  <c r="AE100103" i="1"/>
  <c r="AE100104" i="1"/>
  <c r="AE100105" i="1"/>
  <c r="AE100106" i="1"/>
  <c r="AE100107" i="1"/>
  <c r="AE100108" i="1"/>
  <c r="AE100109" i="1"/>
  <c r="AE100110" i="1"/>
  <c r="AE100111" i="1"/>
  <c r="AE100112" i="1"/>
  <c r="AE100113" i="1"/>
  <c r="AE100114" i="1"/>
  <c r="AE100115" i="1"/>
  <c r="AE100116" i="1"/>
  <c r="AE100117" i="1"/>
  <c r="AE100118" i="1"/>
  <c r="AE100119" i="1"/>
  <c r="AE100120" i="1"/>
  <c r="AE100121" i="1"/>
  <c r="AE100122" i="1"/>
  <c r="AE100123" i="1"/>
  <c r="AE100124" i="1"/>
  <c r="AE100125" i="1"/>
  <c r="AE100126" i="1"/>
  <c r="AE100127" i="1"/>
  <c r="AE100128" i="1"/>
  <c r="AE100129" i="1"/>
  <c r="AE100130" i="1"/>
  <c r="AE100131" i="1"/>
  <c r="AE100132" i="1"/>
  <c r="AE100133" i="1"/>
  <c r="AE100134" i="1"/>
  <c r="AE100135" i="1"/>
  <c r="AE100136" i="1"/>
  <c r="AE100137" i="1"/>
  <c r="AE100138" i="1"/>
  <c r="AE100139" i="1"/>
  <c r="AE100140" i="1"/>
  <c r="AE100141" i="1"/>
  <c r="AE100142" i="1"/>
  <c r="AE100143" i="1"/>
  <c r="AE100144" i="1"/>
  <c r="AE100145" i="1"/>
  <c r="AE100146" i="1"/>
  <c r="AE100147" i="1"/>
  <c r="AE100148" i="1"/>
  <c r="AE100149" i="1"/>
  <c r="AE100150" i="1"/>
  <c r="AE100151" i="1"/>
  <c r="AE100152" i="1"/>
  <c r="AE100153" i="1"/>
  <c r="AE100154" i="1"/>
  <c r="AE100155" i="1"/>
  <c r="AE100156" i="1"/>
  <c r="AE100157" i="1"/>
  <c r="AE100158" i="1"/>
  <c r="AE100159" i="1"/>
  <c r="AE100160" i="1"/>
  <c r="AE100161" i="1"/>
  <c r="AE100162" i="1"/>
  <c r="AE100163" i="1"/>
  <c r="AE100164" i="1"/>
  <c r="AE100165" i="1"/>
  <c r="AE100166" i="1"/>
  <c r="AE100167" i="1"/>
  <c r="AE100168" i="1"/>
  <c r="AE100169" i="1"/>
  <c r="AE100170" i="1"/>
  <c r="AE100171" i="1"/>
  <c r="AE100172" i="1"/>
  <c r="AE100173" i="1"/>
  <c r="AE100174" i="1"/>
  <c r="AE100175" i="1"/>
  <c r="AE100176" i="1"/>
  <c r="AE100177" i="1"/>
  <c r="AE100178" i="1"/>
  <c r="AE100179" i="1"/>
  <c r="AE100180" i="1"/>
  <c r="AE100181" i="1"/>
  <c r="AE100182" i="1"/>
  <c r="AE100183" i="1"/>
  <c r="AE100184" i="1"/>
  <c r="AE100185" i="1"/>
  <c r="AE100186" i="1"/>
  <c r="AE100187" i="1"/>
  <c r="AE100188" i="1"/>
  <c r="AE100189" i="1"/>
  <c r="AE100190" i="1"/>
  <c r="AE100191" i="1"/>
  <c r="AE100192" i="1"/>
  <c r="AE100193" i="1"/>
  <c r="AE100194" i="1"/>
  <c r="AE100195" i="1"/>
  <c r="AE100196" i="1"/>
  <c r="AE100197" i="1"/>
  <c r="AE100198" i="1"/>
  <c r="AE100199" i="1"/>
  <c r="AE100200" i="1"/>
  <c r="AE100201" i="1"/>
  <c r="AE100202" i="1"/>
  <c r="AE100203" i="1"/>
  <c r="AE100204" i="1"/>
  <c r="AE100205" i="1"/>
  <c r="AE100206" i="1"/>
  <c r="AE100207" i="1"/>
  <c r="AE100208" i="1"/>
  <c r="AE100209" i="1"/>
  <c r="AE100210" i="1"/>
  <c r="AE100211" i="1"/>
  <c r="AE100212" i="1"/>
  <c r="AE100213" i="1"/>
  <c r="AE100214" i="1"/>
  <c r="AE100215" i="1"/>
  <c r="AE100216" i="1"/>
  <c r="AE100217" i="1"/>
  <c r="AE100218" i="1"/>
  <c r="AE100219" i="1"/>
  <c r="AE100220" i="1"/>
  <c r="AE100221" i="1"/>
  <c r="AE100222" i="1"/>
  <c r="AE100223" i="1"/>
  <c r="AE100224" i="1"/>
  <c r="AE100225" i="1"/>
  <c r="AE100226" i="1"/>
  <c r="AE100227" i="1"/>
  <c r="AE100228" i="1"/>
  <c r="AE100229" i="1"/>
  <c r="AE100230" i="1"/>
  <c r="AE100231" i="1"/>
  <c r="AE100232" i="1"/>
  <c r="AE100233" i="1"/>
  <c r="AE100234" i="1"/>
  <c r="AE100235" i="1"/>
  <c r="AE100236" i="1"/>
  <c r="AE100237" i="1"/>
  <c r="AE100238" i="1"/>
  <c r="AE100239" i="1"/>
  <c r="AE100240" i="1"/>
  <c r="AE100241" i="1"/>
  <c r="AE100242" i="1"/>
  <c r="AE100243" i="1"/>
  <c r="AE100244" i="1"/>
  <c r="AE100245" i="1"/>
  <c r="AE100246" i="1"/>
  <c r="AE100247" i="1"/>
  <c r="AE100248" i="1"/>
  <c r="AE100249" i="1"/>
  <c r="AE100250" i="1"/>
  <c r="AE100251" i="1"/>
  <c r="AE100252" i="1"/>
  <c r="AE100253" i="1"/>
  <c r="AE100254" i="1"/>
  <c r="AE100255" i="1"/>
  <c r="AE100256" i="1"/>
  <c r="AE100257" i="1"/>
  <c r="AE100258" i="1"/>
  <c r="AE100259" i="1"/>
  <c r="AE100260" i="1"/>
  <c r="AE100261" i="1"/>
  <c r="AE100262" i="1"/>
  <c r="AE100263" i="1"/>
  <c r="AE100264" i="1"/>
  <c r="AE100265" i="1"/>
  <c r="AE100266" i="1"/>
  <c r="AE100267" i="1"/>
  <c r="AE100268" i="1"/>
  <c r="AE100269" i="1"/>
  <c r="AE100270" i="1"/>
  <c r="AE100271" i="1"/>
  <c r="AE100272" i="1"/>
  <c r="AE100273" i="1"/>
  <c r="AE100274" i="1"/>
  <c r="AE100275" i="1"/>
  <c r="AE100276" i="1"/>
  <c r="AE100277" i="1"/>
  <c r="AE100278" i="1"/>
  <c r="AE100279" i="1"/>
  <c r="AE100280" i="1"/>
  <c r="AE100281" i="1"/>
  <c r="AE100282" i="1"/>
  <c r="AE100283" i="1"/>
  <c r="AE100284" i="1"/>
  <c r="AE100285" i="1"/>
  <c r="AE100286" i="1"/>
  <c r="AE100287" i="1"/>
  <c r="AE100288" i="1"/>
  <c r="AE100289" i="1"/>
  <c r="AE100290" i="1"/>
  <c r="AE100291" i="1"/>
  <c r="AE100292" i="1"/>
  <c r="AE100293" i="1"/>
  <c r="AE100294" i="1"/>
  <c r="AE100295" i="1"/>
  <c r="AE100296" i="1"/>
  <c r="AE100297" i="1"/>
  <c r="AE100298" i="1"/>
  <c r="AE100299" i="1"/>
  <c r="AE100300" i="1"/>
  <c r="AE100301" i="1"/>
  <c r="AE100302" i="1"/>
  <c r="AE100303" i="1"/>
  <c r="AE100304" i="1"/>
  <c r="AE100305" i="1"/>
  <c r="AE100306" i="1"/>
  <c r="AE100307" i="1"/>
  <c r="AE100308" i="1"/>
  <c r="AE100309" i="1"/>
  <c r="AE100310" i="1"/>
  <c r="AE100311" i="1"/>
  <c r="AE100312" i="1"/>
  <c r="AE100313" i="1"/>
  <c r="AE100314" i="1"/>
  <c r="AE100315" i="1"/>
  <c r="AE100316" i="1"/>
  <c r="AE100317" i="1"/>
  <c r="AE100318" i="1"/>
  <c r="AE100319" i="1"/>
  <c r="AE100320" i="1"/>
  <c r="AE100321" i="1"/>
  <c r="AE100322" i="1"/>
  <c r="AE100323" i="1"/>
  <c r="AE100324" i="1"/>
  <c r="AE100325" i="1"/>
  <c r="AE100326" i="1"/>
  <c r="AE100327" i="1"/>
  <c r="AE100328" i="1"/>
  <c r="AE100329" i="1"/>
  <c r="AE100330" i="1"/>
  <c r="AE100331" i="1"/>
  <c r="AE100332" i="1"/>
  <c r="AE100333" i="1"/>
  <c r="AE100334" i="1"/>
  <c r="AE100335" i="1"/>
  <c r="AE100336" i="1"/>
  <c r="AE100337" i="1"/>
  <c r="AE100338" i="1"/>
  <c r="AE100339" i="1"/>
  <c r="AE100340" i="1"/>
  <c r="AE100341" i="1"/>
  <c r="AE100342" i="1"/>
  <c r="AE100343" i="1"/>
  <c r="AE100344" i="1"/>
  <c r="AE100345" i="1"/>
  <c r="AE100346" i="1"/>
  <c r="AE100347" i="1"/>
  <c r="AE100348" i="1"/>
  <c r="AE100349" i="1"/>
  <c r="AE100350" i="1"/>
  <c r="AE100351" i="1"/>
  <c r="AE100352" i="1"/>
  <c r="AE100353" i="1"/>
  <c r="AE100354" i="1"/>
  <c r="AE100355" i="1"/>
  <c r="AE100356" i="1"/>
  <c r="AE100357" i="1"/>
  <c r="AE100358" i="1"/>
  <c r="AE100359" i="1"/>
  <c r="AE100360" i="1"/>
  <c r="AE100361" i="1"/>
  <c r="AE100362" i="1"/>
  <c r="AE100363" i="1"/>
  <c r="AE100364" i="1"/>
  <c r="AE100365" i="1"/>
  <c r="AE100366" i="1"/>
  <c r="AE100367" i="1"/>
  <c r="AE100368" i="1"/>
  <c r="AE100369" i="1"/>
  <c r="AE100370" i="1"/>
  <c r="AE100371" i="1"/>
  <c r="AE100372" i="1"/>
  <c r="AE100373" i="1"/>
  <c r="AE100374" i="1"/>
  <c r="AE100375" i="1"/>
  <c r="AE100376" i="1"/>
  <c r="AE100377" i="1"/>
  <c r="AE100378" i="1"/>
  <c r="AE100379" i="1"/>
  <c r="AE100380" i="1"/>
  <c r="AE100381" i="1"/>
  <c r="AE100382" i="1"/>
  <c r="AE100383" i="1"/>
  <c r="AE100384" i="1"/>
  <c r="AE100385" i="1"/>
  <c r="AE100386" i="1"/>
  <c r="AE100387" i="1"/>
  <c r="AE100388" i="1"/>
  <c r="AE100389" i="1"/>
  <c r="AE100390" i="1"/>
  <c r="AE100391" i="1"/>
  <c r="AE100392" i="1"/>
  <c r="AE100393" i="1"/>
  <c r="AE100394" i="1"/>
  <c r="AE100395" i="1"/>
  <c r="AE100396" i="1"/>
  <c r="AE100397" i="1"/>
  <c r="AE100398" i="1"/>
  <c r="AE100399" i="1"/>
  <c r="AE100400" i="1"/>
  <c r="AE100401" i="1"/>
  <c r="AE100402" i="1"/>
  <c r="AE100403" i="1"/>
  <c r="AE100404" i="1"/>
  <c r="AE100405" i="1"/>
  <c r="AE100406" i="1"/>
  <c r="AE100407" i="1"/>
  <c r="AE100408" i="1"/>
  <c r="AE100409" i="1"/>
  <c r="AE100410" i="1"/>
  <c r="AE100411" i="1"/>
  <c r="AE100412" i="1"/>
  <c r="AE100413" i="1"/>
  <c r="AE100414" i="1"/>
  <c r="AE100415" i="1"/>
  <c r="AE100416" i="1"/>
  <c r="AE100417" i="1"/>
  <c r="AE100418" i="1"/>
  <c r="AE100419" i="1"/>
  <c r="AE100420" i="1"/>
  <c r="AE100421" i="1"/>
  <c r="AE100422" i="1"/>
  <c r="AE100423" i="1"/>
  <c r="AE100424" i="1"/>
  <c r="AE100425" i="1"/>
  <c r="AE100426" i="1"/>
  <c r="AE100427" i="1"/>
  <c r="AE100428" i="1"/>
  <c r="AE100429" i="1"/>
  <c r="AE100430" i="1"/>
  <c r="AE100431" i="1"/>
  <c r="AE100432" i="1"/>
  <c r="AE100433" i="1"/>
  <c r="AE100434" i="1"/>
  <c r="AE100435" i="1"/>
  <c r="AE100436" i="1"/>
  <c r="AE100437" i="1"/>
  <c r="AE100438" i="1"/>
  <c r="AE100439" i="1"/>
  <c r="AE100440" i="1"/>
  <c r="AE100441" i="1"/>
  <c r="AE100442" i="1"/>
  <c r="AE100443" i="1"/>
  <c r="AE100444" i="1"/>
  <c r="AE100445" i="1"/>
  <c r="AE100446" i="1"/>
  <c r="AE100447" i="1"/>
  <c r="AE100448" i="1"/>
  <c r="AE100449" i="1"/>
  <c r="AE100450" i="1"/>
  <c r="AE100451" i="1"/>
  <c r="AE100452" i="1"/>
  <c r="AE100453" i="1"/>
  <c r="AE100454" i="1"/>
  <c r="AE100455" i="1"/>
  <c r="AE100456" i="1"/>
  <c r="AE100457" i="1"/>
  <c r="AE100458" i="1"/>
  <c r="AE100459" i="1"/>
  <c r="AE100460" i="1"/>
  <c r="AE100461" i="1"/>
  <c r="AE100462" i="1"/>
  <c r="AE100463" i="1"/>
  <c r="AE100464" i="1"/>
  <c r="AE100465" i="1"/>
  <c r="AE100466" i="1"/>
  <c r="AE100467" i="1"/>
  <c r="AE100468" i="1"/>
  <c r="AE100469" i="1"/>
  <c r="AE100470" i="1"/>
  <c r="AE100471" i="1"/>
  <c r="AE100472" i="1"/>
  <c r="AE100473" i="1"/>
  <c r="AE100474" i="1"/>
  <c r="AE100475" i="1"/>
  <c r="AE100476" i="1"/>
  <c r="AE100477" i="1"/>
  <c r="AE100478" i="1"/>
  <c r="AE100479" i="1"/>
  <c r="AE100480" i="1"/>
  <c r="AE100481" i="1"/>
  <c r="AE100482" i="1"/>
  <c r="AE100483" i="1"/>
  <c r="AE100484" i="1"/>
  <c r="AE100485" i="1"/>
  <c r="AE100486" i="1"/>
  <c r="AE100487" i="1"/>
  <c r="AE100488" i="1"/>
  <c r="AE100489" i="1"/>
  <c r="AE100490" i="1"/>
  <c r="AE100491" i="1"/>
  <c r="AE100492" i="1"/>
  <c r="AE100493" i="1"/>
  <c r="AE100494" i="1"/>
  <c r="AE100495" i="1"/>
  <c r="AE100496" i="1"/>
  <c r="AE100497" i="1"/>
  <c r="AE100498" i="1"/>
  <c r="AE100499" i="1"/>
  <c r="AE100500" i="1"/>
  <c r="AE100501" i="1"/>
  <c r="AE100502" i="1"/>
  <c r="AE100503" i="1"/>
  <c r="AE100504" i="1"/>
  <c r="AE100505" i="1"/>
  <c r="AE100506" i="1"/>
  <c r="AE100507" i="1"/>
  <c r="AE100508" i="1"/>
  <c r="AE100509" i="1"/>
  <c r="AE100510" i="1"/>
  <c r="AE100511" i="1"/>
  <c r="AE100512" i="1"/>
  <c r="AE100513" i="1"/>
  <c r="AE100514" i="1"/>
  <c r="AE100515" i="1"/>
  <c r="AE100516" i="1"/>
  <c r="AE100517" i="1"/>
  <c r="AE100518" i="1"/>
  <c r="AE100519" i="1"/>
  <c r="AE100520" i="1"/>
  <c r="AE100521" i="1"/>
  <c r="AE100522" i="1"/>
  <c r="AE100523" i="1"/>
  <c r="AE100524" i="1"/>
  <c r="AE100525" i="1"/>
  <c r="AE100526" i="1"/>
  <c r="AE100527" i="1"/>
  <c r="AE100528" i="1"/>
  <c r="AE100529" i="1"/>
  <c r="AE100530" i="1"/>
  <c r="AE100531" i="1"/>
  <c r="AE100532" i="1"/>
  <c r="AE100533" i="1"/>
  <c r="AE100534" i="1"/>
  <c r="AE100535" i="1"/>
  <c r="AE100536" i="1"/>
  <c r="AE100537" i="1"/>
  <c r="AE100538" i="1"/>
  <c r="AE100539" i="1"/>
  <c r="AE100540" i="1"/>
  <c r="AE100541" i="1"/>
  <c r="AE100542" i="1"/>
  <c r="AE100543" i="1"/>
  <c r="AE100544" i="1"/>
  <c r="AE100545" i="1"/>
  <c r="AE100546" i="1"/>
  <c r="AE100547" i="1"/>
  <c r="AE100548" i="1"/>
  <c r="AE100549" i="1"/>
  <c r="AE100550" i="1"/>
  <c r="AE100551" i="1"/>
  <c r="AE100552" i="1"/>
  <c r="AE100553" i="1"/>
  <c r="AE100554" i="1"/>
  <c r="AE100555" i="1"/>
  <c r="AE100556" i="1"/>
  <c r="AE100557" i="1"/>
  <c r="AE100558" i="1"/>
  <c r="AE100559" i="1"/>
  <c r="AE100560" i="1"/>
  <c r="AE100561" i="1"/>
  <c r="AE100562" i="1"/>
  <c r="AE100563" i="1"/>
  <c r="AE100564" i="1"/>
  <c r="AE100565" i="1"/>
  <c r="AE100566" i="1"/>
  <c r="AE100567" i="1"/>
  <c r="AE100568" i="1"/>
  <c r="AE100569" i="1"/>
  <c r="AE100570" i="1"/>
  <c r="AE100571" i="1"/>
  <c r="AE100572" i="1"/>
  <c r="AE100573" i="1"/>
  <c r="AE100574" i="1"/>
  <c r="AE100575" i="1"/>
  <c r="AE100576" i="1"/>
  <c r="AE100577" i="1"/>
  <c r="AE100578" i="1"/>
  <c r="AE100579" i="1"/>
  <c r="AE100580" i="1"/>
  <c r="AE100581" i="1"/>
  <c r="AE100582" i="1"/>
  <c r="AE100583" i="1"/>
  <c r="AE100584" i="1"/>
  <c r="AE100585" i="1"/>
  <c r="AE100586" i="1"/>
  <c r="AE100587" i="1"/>
  <c r="AE100588" i="1"/>
  <c r="AE100589" i="1"/>
  <c r="AE100590" i="1"/>
  <c r="AE100591" i="1"/>
  <c r="AE100592" i="1"/>
  <c r="AE100593" i="1"/>
  <c r="AE100594" i="1"/>
  <c r="AE100595" i="1"/>
  <c r="AE100596" i="1"/>
  <c r="AE100597" i="1"/>
  <c r="AE100598" i="1"/>
  <c r="AE100599" i="1"/>
  <c r="AE100600" i="1"/>
  <c r="AE100601" i="1"/>
  <c r="AE100602" i="1"/>
  <c r="AE100603" i="1"/>
  <c r="AE100604" i="1"/>
  <c r="AE100605" i="1"/>
  <c r="AE100606" i="1"/>
  <c r="AE100607" i="1"/>
  <c r="AE100608" i="1"/>
  <c r="AE100609" i="1"/>
  <c r="AE100610" i="1"/>
  <c r="AE100611" i="1"/>
  <c r="AE100612" i="1"/>
  <c r="AE100613" i="1"/>
  <c r="AE100614" i="1"/>
  <c r="AE100615" i="1"/>
  <c r="AE100616" i="1"/>
  <c r="AE100617" i="1"/>
  <c r="AE100618" i="1"/>
  <c r="AE100619" i="1"/>
  <c r="AE100620" i="1"/>
  <c r="AE100621" i="1"/>
  <c r="AE100622" i="1"/>
  <c r="AE100623" i="1"/>
  <c r="AE100624" i="1"/>
  <c r="AE100625" i="1"/>
  <c r="AE100626" i="1"/>
  <c r="AE100627" i="1"/>
  <c r="AE100628" i="1"/>
  <c r="AE100629" i="1"/>
  <c r="AE100630" i="1"/>
  <c r="AE100631" i="1"/>
  <c r="AE100632" i="1"/>
  <c r="AE100633" i="1"/>
  <c r="AE100634" i="1"/>
  <c r="AE100635" i="1"/>
  <c r="AE100636" i="1"/>
  <c r="AE100637" i="1"/>
  <c r="AE100638" i="1"/>
  <c r="AE100639" i="1"/>
  <c r="AE100640" i="1"/>
  <c r="AE100641" i="1"/>
  <c r="AE100642" i="1"/>
  <c r="AE100643" i="1"/>
  <c r="AE100644" i="1"/>
  <c r="AE100645" i="1"/>
  <c r="AE100646" i="1"/>
  <c r="AE100647" i="1"/>
  <c r="AE100648" i="1"/>
  <c r="AE100649" i="1"/>
  <c r="AE100650" i="1"/>
  <c r="AE100651" i="1"/>
  <c r="AE100652" i="1"/>
  <c r="AE100653" i="1"/>
  <c r="AE100654" i="1"/>
  <c r="AE100655" i="1"/>
  <c r="AE100656" i="1"/>
  <c r="AE100657" i="1"/>
  <c r="AE100658" i="1"/>
  <c r="AE100659" i="1"/>
  <c r="AE100660" i="1"/>
  <c r="AE100661" i="1"/>
  <c r="AE100662" i="1"/>
  <c r="AE100663" i="1"/>
  <c r="AE100664" i="1"/>
  <c r="AE100665" i="1"/>
  <c r="AE100666" i="1"/>
  <c r="AE100667" i="1"/>
  <c r="AE100668" i="1"/>
  <c r="AE100669" i="1"/>
  <c r="AE100670" i="1"/>
  <c r="AE100671" i="1"/>
  <c r="AE100672" i="1"/>
  <c r="AE100673" i="1"/>
  <c r="AE100674" i="1"/>
  <c r="AE100675" i="1"/>
  <c r="AE100676" i="1"/>
  <c r="AE100677" i="1"/>
  <c r="AE100678" i="1"/>
  <c r="AE100679" i="1"/>
  <c r="AE100680" i="1"/>
  <c r="AE100681" i="1"/>
  <c r="AE100682" i="1"/>
  <c r="AE100683" i="1"/>
  <c r="AE100684" i="1"/>
  <c r="AE100685" i="1"/>
  <c r="AE100686" i="1"/>
  <c r="AE100687" i="1"/>
  <c r="AE100688" i="1"/>
  <c r="AE100689" i="1"/>
  <c r="AE100690" i="1"/>
  <c r="AE100691" i="1"/>
  <c r="AE100692" i="1"/>
  <c r="AE100693" i="1"/>
  <c r="AE100694" i="1"/>
  <c r="AE100695" i="1"/>
  <c r="AE100696" i="1"/>
  <c r="AE100697" i="1"/>
  <c r="AE100698" i="1"/>
  <c r="AE100699" i="1"/>
  <c r="AE100700" i="1"/>
  <c r="AE100701" i="1"/>
  <c r="AE100702" i="1"/>
  <c r="AE100703" i="1"/>
  <c r="AE100704" i="1"/>
  <c r="AE100705" i="1"/>
  <c r="AE100706" i="1"/>
  <c r="AE100707" i="1"/>
  <c r="AE100708" i="1"/>
  <c r="AE100709" i="1"/>
  <c r="AE100710" i="1"/>
  <c r="AE100711" i="1"/>
  <c r="AE100712" i="1"/>
  <c r="AE100713" i="1"/>
  <c r="AE100714" i="1"/>
  <c r="AE100715" i="1"/>
  <c r="AE100716" i="1"/>
  <c r="AE100717" i="1"/>
  <c r="AE100718" i="1"/>
  <c r="AE100719" i="1"/>
  <c r="AE100720" i="1"/>
  <c r="AE100721" i="1"/>
  <c r="AE100722" i="1"/>
  <c r="AE100723" i="1"/>
  <c r="AE100724" i="1"/>
  <c r="AE100725" i="1"/>
  <c r="AE100726" i="1"/>
  <c r="AE100727" i="1"/>
  <c r="AE100728" i="1"/>
  <c r="AE100729" i="1"/>
  <c r="AE100730" i="1"/>
  <c r="AE100731" i="1"/>
  <c r="AE100732" i="1"/>
  <c r="AE100733" i="1"/>
  <c r="AE100734" i="1"/>
  <c r="AE100735" i="1"/>
  <c r="AE100736" i="1"/>
  <c r="AE100737" i="1"/>
  <c r="AE100738" i="1"/>
  <c r="AE100739" i="1"/>
  <c r="AE100740" i="1"/>
  <c r="AE100741" i="1"/>
  <c r="AE100742" i="1"/>
  <c r="AE100743" i="1"/>
  <c r="AE100744" i="1"/>
  <c r="AE100745" i="1"/>
  <c r="AE100746" i="1"/>
  <c r="AE100747" i="1"/>
  <c r="AE100748" i="1"/>
  <c r="AE100749" i="1"/>
  <c r="AE100750" i="1"/>
  <c r="AE100751" i="1"/>
  <c r="AE100752" i="1"/>
  <c r="AE100753" i="1"/>
  <c r="AE100754" i="1"/>
  <c r="AE100755" i="1"/>
  <c r="AE100756" i="1"/>
  <c r="AE100757" i="1"/>
  <c r="AE100758" i="1"/>
  <c r="AE100759" i="1"/>
  <c r="AE100760" i="1"/>
  <c r="AE100761" i="1"/>
  <c r="AE100762" i="1"/>
  <c r="AE100763" i="1"/>
  <c r="AE100764" i="1"/>
  <c r="AE100765" i="1"/>
  <c r="AE100766" i="1"/>
  <c r="AE100767" i="1"/>
  <c r="AE100768" i="1"/>
  <c r="AE100769" i="1"/>
  <c r="AE100770" i="1"/>
  <c r="AE100771" i="1"/>
  <c r="AE100772" i="1"/>
  <c r="AE100773" i="1"/>
  <c r="AE100774" i="1"/>
  <c r="AE100775" i="1"/>
  <c r="AE100776" i="1"/>
  <c r="AE100777" i="1"/>
  <c r="AE100778" i="1"/>
  <c r="AE100779" i="1"/>
  <c r="AE100780" i="1"/>
  <c r="AE100781" i="1"/>
  <c r="AE100782" i="1"/>
  <c r="AE100783" i="1"/>
  <c r="AE100784" i="1"/>
  <c r="AE100785" i="1"/>
  <c r="AE100786" i="1"/>
  <c r="AE100787" i="1"/>
  <c r="AE100788" i="1"/>
  <c r="AE100789" i="1"/>
  <c r="AE100790" i="1"/>
  <c r="AE100791" i="1"/>
  <c r="AE100792" i="1"/>
  <c r="AE100793" i="1"/>
  <c r="AE100794" i="1"/>
  <c r="AE100795" i="1"/>
  <c r="AE100796" i="1"/>
  <c r="AE100797" i="1"/>
  <c r="AE100798" i="1"/>
  <c r="AE100799" i="1"/>
  <c r="AE100800" i="1"/>
  <c r="AE100801" i="1"/>
  <c r="AE100802" i="1"/>
  <c r="AE100803" i="1"/>
  <c r="AE100804" i="1"/>
  <c r="AE100805" i="1"/>
  <c r="AE100806" i="1"/>
  <c r="AE100807" i="1"/>
  <c r="AE100808" i="1"/>
  <c r="AE100809" i="1"/>
  <c r="AE100810" i="1"/>
  <c r="AE100811" i="1"/>
  <c r="AE100812" i="1"/>
  <c r="AE100813" i="1"/>
  <c r="AE100814" i="1"/>
  <c r="AE100815" i="1"/>
  <c r="AE100816" i="1"/>
  <c r="AE100817" i="1"/>
  <c r="AE100818" i="1"/>
  <c r="AE100819" i="1"/>
  <c r="AE100820" i="1"/>
  <c r="AE100821" i="1"/>
  <c r="AE100822" i="1"/>
  <c r="AE100823" i="1"/>
  <c r="AE100824" i="1"/>
  <c r="AE100825" i="1"/>
  <c r="AE100826" i="1"/>
  <c r="AE100827" i="1"/>
  <c r="AE100828" i="1"/>
  <c r="AE100829" i="1"/>
  <c r="AE100830" i="1"/>
  <c r="AE100831" i="1"/>
  <c r="AE100832" i="1"/>
  <c r="AE100833" i="1"/>
  <c r="AE100834" i="1"/>
  <c r="AE100835" i="1"/>
  <c r="AE100836" i="1"/>
  <c r="AE100837" i="1"/>
  <c r="AE100838" i="1"/>
  <c r="AE100839" i="1"/>
  <c r="AE100840" i="1"/>
  <c r="AE100841" i="1"/>
  <c r="AE100842" i="1"/>
  <c r="AE100843" i="1"/>
  <c r="AE100844" i="1"/>
  <c r="AE100845" i="1"/>
  <c r="AE100846" i="1"/>
  <c r="AE100847" i="1"/>
  <c r="AE100848" i="1"/>
  <c r="AE100849" i="1"/>
  <c r="AE100850" i="1"/>
  <c r="AE100851" i="1"/>
  <c r="AE100852" i="1"/>
  <c r="AE100853" i="1"/>
  <c r="AE100854" i="1"/>
  <c r="AE100855" i="1"/>
  <c r="AE100856" i="1"/>
  <c r="AE100857" i="1"/>
  <c r="AE100858" i="1"/>
  <c r="AE100859" i="1"/>
  <c r="AE100860" i="1"/>
  <c r="AE100861" i="1"/>
  <c r="AE100862" i="1"/>
  <c r="AE100863" i="1"/>
  <c r="AE100864" i="1"/>
  <c r="AE100865" i="1"/>
  <c r="AE100866" i="1"/>
  <c r="AE100867" i="1"/>
  <c r="AE100868" i="1"/>
  <c r="AE100869" i="1"/>
  <c r="AE100870" i="1"/>
  <c r="AE100871" i="1"/>
  <c r="AE100872" i="1"/>
  <c r="AE100873" i="1"/>
  <c r="AE100874" i="1"/>
  <c r="AE100875" i="1"/>
  <c r="AE100876" i="1"/>
  <c r="AE100877" i="1"/>
  <c r="AE100878" i="1"/>
  <c r="AE100879" i="1"/>
  <c r="AE100880" i="1"/>
  <c r="AE100881" i="1"/>
  <c r="AE100882" i="1"/>
  <c r="AE100883" i="1"/>
  <c r="AE100884" i="1"/>
  <c r="AE100885" i="1"/>
  <c r="AE100886" i="1"/>
  <c r="AE100887" i="1"/>
  <c r="AE100888" i="1"/>
  <c r="AE100889" i="1"/>
  <c r="AE100890" i="1"/>
  <c r="AE100891" i="1"/>
  <c r="AE100892" i="1"/>
  <c r="AE100893" i="1"/>
  <c r="AE100894" i="1"/>
  <c r="AE100895" i="1"/>
  <c r="AE100896" i="1"/>
  <c r="AE100897" i="1"/>
  <c r="AE100898" i="1"/>
  <c r="AE100899" i="1"/>
  <c r="AE100900" i="1"/>
  <c r="AE100901" i="1"/>
  <c r="AE100902" i="1"/>
  <c r="AE100903" i="1"/>
  <c r="AE100904" i="1"/>
  <c r="AE100905" i="1"/>
  <c r="AE100906" i="1"/>
  <c r="AE100907" i="1"/>
  <c r="AE100908" i="1"/>
  <c r="AE100909" i="1"/>
  <c r="AE100910" i="1"/>
  <c r="AE100911" i="1"/>
  <c r="AE100912" i="1"/>
  <c r="AE100913" i="1"/>
  <c r="AE100914" i="1"/>
  <c r="AE100915" i="1"/>
  <c r="AE100916" i="1"/>
  <c r="AE100917" i="1"/>
  <c r="AE100918" i="1"/>
  <c r="AE100919" i="1"/>
  <c r="AE100920" i="1"/>
  <c r="AE100921" i="1"/>
  <c r="AE100922" i="1"/>
  <c r="AE100923" i="1"/>
  <c r="AE100924" i="1"/>
  <c r="AE100925" i="1"/>
  <c r="AE100926" i="1"/>
  <c r="AE100927" i="1"/>
  <c r="AE100928" i="1"/>
  <c r="AE100929" i="1"/>
  <c r="AE100930" i="1"/>
  <c r="AE100931" i="1"/>
  <c r="AE100932" i="1"/>
  <c r="AE100933" i="1"/>
  <c r="AE100934" i="1"/>
  <c r="AE100935" i="1"/>
  <c r="AE100936" i="1"/>
  <c r="AE100937" i="1"/>
  <c r="AE100938" i="1"/>
  <c r="AE100939" i="1"/>
  <c r="AE100940" i="1"/>
  <c r="AE100941" i="1"/>
  <c r="AE100942" i="1"/>
  <c r="AE100943" i="1"/>
  <c r="AE100944" i="1"/>
  <c r="AE100945" i="1"/>
  <c r="AE100946" i="1"/>
  <c r="AE100947" i="1"/>
  <c r="AE100948" i="1"/>
  <c r="AE100949" i="1"/>
  <c r="AE100950" i="1"/>
  <c r="AE100951" i="1"/>
  <c r="AE100952" i="1"/>
  <c r="AE100953" i="1"/>
  <c r="AE100954" i="1"/>
  <c r="AE100955" i="1"/>
  <c r="AE100956" i="1"/>
  <c r="AE100957" i="1"/>
  <c r="AE100958" i="1"/>
  <c r="AE100959" i="1"/>
  <c r="AE100960" i="1"/>
  <c r="AE100961" i="1"/>
  <c r="AE100962" i="1"/>
  <c r="AE100963" i="1"/>
  <c r="AE100964" i="1"/>
  <c r="AE100965" i="1"/>
  <c r="AE100966" i="1"/>
  <c r="AE100967" i="1"/>
  <c r="AE100968" i="1"/>
  <c r="AE100969" i="1"/>
  <c r="AE100970" i="1"/>
  <c r="AE100971" i="1"/>
  <c r="AE100972" i="1"/>
  <c r="AE100973" i="1"/>
  <c r="AE100974" i="1"/>
  <c r="AE100975" i="1"/>
  <c r="AE100976" i="1"/>
  <c r="AE100977" i="1"/>
  <c r="AE100978" i="1"/>
  <c r="AE100979" i="1"/>
  <c r="AE100980" i="1"/>
  <c r="AE100981" i="1"/>
  <c r="AE100982" i="1"/>
  <c r="AE100983" i="1"/>
  <c r="AE100984" i="1"/>
  <c r="AE100985" i="1"/>
  <c r="AE100986" i="1"/>
  <c r="AE100987" i="1"/>
  <c r="AE100988" i="1"/>
  <c r="AE100989" i="1"/>
  <c r="AE100990" i="1"/>
  <c r="AE100991" i="1"/>
  <c r="AE100992" i="1"/>
  <c r="AE100993" i="1"/>
  <c r="AE100994" i="1"/>
  <c r="AE100995" i="1"/>
  <c r="AE100996" i="1"/>
  <c r="AE100997" i="1"/>
  <c r="AE100998" i="1"/>
  <c r="AE100999" i="1"/>
  <c r="AE101000" i="1"/>
  <c r="AE101001" i="1"/>
  <c r="AE101002" i="1"/>
  <c r="AE101003" i="1"/>
  <c r="AE101004" i="1"/>
  <c r="AE101005" i="1"/>
  <c r="AE101006" i="1"/>
  <c r="AE101007" i="1"/>
  <c r="AE101008" i="1"/>
  <c r="AE101009" i="1"/>
  <c r="AE101010" i="1"/>
  <c r="AE101011" i="1"/>
  <c r="AE101012" i="1"/>
  <c r="AE101013" i="1"/>
  <c r="AE101014" i="1"/>
  <c r="AE101015" i="1"/>
  <c r="AE101016" i="1"/>
  <c r="AE101017" i="1"/>
  <c r="AE101018" i="1"/>
  <c r="AE101019" i="1"/>
  <c r="AE101020" i="1"/>
  <c r="AE101021" i="1"/>
  <c r="AE101022" i="1"/>
  <c r="AE101023" i="1"/>
  <c r="AE101024" i="1"/>
  <c r="AE101025" i="1"/>
  <c r="AE101026" i="1"/>
  <c r="AE101027" i="1"/>
  <c r="AE101028" i="1"/>
  <c r="AE101029" i="1"/>
  <c r="AE101030" i="1"/>
  <c r="AE101031" i="1"/>
  <c r="AE101032" i="1"/>
  <c r="AE101033" i="1"/>
  <c r="AE101034" i="1"/>
  <c r="AE101035" i="1"/>
  <c r="AE101036" i="1"/>
  <c r="AE101037" i="1"/>
  <c r="AE101038" i="1"/>
  <c r="AE101039" i="1"/>
  <c r="AE101040" i="1"/>
  <c r="AE101041" i="1"/>
  <c r="AE101042" i="1"/>
  <c r="AE101043" i="1"/>
  <c r="AE101044" i="1"/>
  <c r="AE101045" i="1"/>
  <c r="AE101046" i="1"/>
  <c r="AE101047" i="1"/>
  <c r="AE101048" i="1"/>
  <c r="AE101049" i="1"/>
  <c r="AE101050" i="1"/>
  <c r="AE101051" i="1"/>
  <c r="AE101052" i="1"/>
  <c r="AE101053" i="1"/>
  <c r="AE101054" i="1"/>
  <c r="AE101055" i="1"/>
  <c r="AE101056" i="1"/>
  <c r="AE101057" i="1"/>
  <c r="AE101058" i="1"/>
  <c r="AE101059" i="1"/>
  <c r="AE101060" i="1"/>
  <c r="AE101061" i="1"/>
  <c r="AE101062" i="1"/>
  <c r="AE101063" i="1"/>
  <c r="AE101064" i="1"/>
  <c r="AE101065" i="1"/>
  <c r="AE101066" i="1"/>
  <c r="AE101067" i="1"/>
  <c r="AE101068" i="1"/>
  <c r="AE101069" i="1"/>
  <c r="AE101070" i="1"/>
  <c r="AE101071" i="1"/>
  <c r="AE101072" i="1"/>
  <c r="AE101073" i="1"/>
  <c r="AE101074" i="1"/>
  <c r="AE101075" i="1"/>
  <c r="AE101076" i="1"/>
  <c r="AE101077" i="1"/>
  <c r="AE101078" i="1"/>
  <c r="AE101079" i="1"/>
  <c r="AE101080" i="1"/>
  <c r="AE101081" i="1"/>
  <c r="AE101082" i="1"/>
  <c r="AE101083" i="1"/>
  <c r="AE101084" i="1"/>
  <c r="AE101085" i="1"/>
  <c r="AE101086" i="1"/>
  <c r="AE101087" i="1"/>
  <c r="AE101088" i="1"/>
  <c r="AE101089" i="1"/>
  <c r="AE101090" i="1"/>
  <c r="AE101091" i="1"/>
  <c r="AE101092" i="1"/>
  <c r="AE101093" i="1"/>
  <c r="AE101094" i="1"/>
  <c r="AE101095" i="1"/>
  <c r="AE101096" i="1"/>
  <c r="AE101097" i="1"/>
  <c r="AE101098" i="1"/>
  <c r="AE101099" i="1"/>
  <c r="AE101100" i="1"/>
  <c r="AE101101" i="1"/>
  <c r="AE101102" i="1"/>
  <c r="AE101103" i="1"/>
  <c r="AE101104" i="1"/>
  <c r="AE101105" i="1"/>
  <c r="AE101106" i="1"/>
  <c r="AE101107" i="1"/>
  <c r="AE101108" i="1"/>
  <c r="AE101109" i="1"/>
  <c r="AE101110" i="1"/>
  <c r="AE101111" i="1"/>
  <c r="AE101112" i="1"/>
  <c r="AE101113" i="1"/>
  <c r="AE101114" i="1"/>
  <c r="AE101115" i="1"/>
  <c r="AE101116" i="1"/>
  <c r="AE101117" i="1"/>
  <c r="AE101118" i="1"/>
  <c r="AE101119" i="1"/>
  <c r="AE101120" i="1"/>
  <c r="AE101121" i="1"/>
  <c r="AE101122" i="1"/>
  <c r="AE101123" i="1"/>
  <c r="AE101124" i="1"/>
  <c r="AE101125" i="1"/>
  <c r="AE101126" i="1"/>
  <c r="AE101127" i="1"/>
  <c r="AE101128" i="1"/>
  <c r="AE101129" i="1"/>
  <c r="AE101130" i="1"/>
  <c r="AE101131" i="1"/>
  <c r="AE101132" i="1"/>
  <c r="AE101133" i="1"/>
  <c r="AE101134" i="1"/>
  <c r="AE101135" i="1"/>
  <c r="AE101136" i="1"/>
  <c r="AE101137" i="1"/>
  <c r="AE101138" i="1"/>
  <c r="AE101139" i="1"/>
  <c r="AE101140" i="1"/>
  <c r="AE101141" i="1"/>
  <c r="AE101142" i="1"/>
  <c r="AE101143" i="1"/>
  <c r="AE101144" i="1"/>
  <c r="AE101145" i="1"/>
  <c r="AE101146" i="1"/>
  <c r="AE101147" i="1"/>
  <c r="AE101148" i="1"/>
  <c r="AE101149" i="1"/>
  <c r="AE101150" i="1"/>
  <c r="AE101151" i="1"/>
  <c r="AE101152" i="1"/>
  <c r="AE101153" i="1"/>
  <c r="AE101154" i="1"/>
  <c r="AE101155" i="1"/>
  <c r="AE101156" i="1"/>
  <c r="AE101157" i="1"/>
  <c r="AE101158" i="1"/>
  <c r="AE101159" i="1"/>
  <c r="AE101160" i="1"/>
  <c r="AE101161" i="1"/>
  <c r="AE101162" i="1"/>
  <c r="AE101163" i="1"/>
  <c r="AE101164" i="1"/>
  <c r="AE101165" i="1"/>
  <c r="AE101166" i="1"/>
  <c r="AE101167" i="1"/>
  <c r="AE101168" i="1"/>
  <c r="AE101169" i="1"/>
  <c r="AE101170" i="1"/>
  <c r="AE101171" i="1"/>
  <c r="AE101172" i="1"/>
  <c r="AE101173" i="1"/>
  <c r="AE101174" i="1"/>
  <c r="AE101175" i="1"/>
  <c r="AE101176" i="1"/>
  <c r="AE101177" i="1"/>
  <c r="AE101178" i="1"/>
  <c r="AE101179" i="1"/>
  <c r="AE101180" i="1"/>
  <c r="AE101181" i="1"/>
  <c r="AE101182" i="1"/>
  <c r="AE101183" i="1"/>
  <c r="AE101184" i="1"/>
  <c r="AE101185" i="1"/>
  <c r="AE101186" i="1"/>
  <c r="AE101187" i="1"/>
  <c r="AE101188" i="1"/>
  <c r="AE101189" i="1"/>
  <c r="AE101190" i="1"/>
  <c r="AE101191" i="1"/>
  <c r="AE101192" i="1"/>
  <c r="AE101193" i="1"/>
  <c r="AE101194" i="1"/>
  <c r="AE101195" i="1"/>
  <c r="AE101196" i="1"/>
  <c r="AE101197" i="1"/>
  <c r="AE101198" i="1"/>
  <c r="AE101199" i="1"/>
  <c r="AE101200" i="1"/>
  <c r="AE101201" i="1"/>
  <c r="AE101202" i="1"/>
  <c r="AE101203" i="1"/>
  <c r="AE101204" i="1"/>
  <c r="AE101205" i="1"/>
  <c r="AE101206" i="1"/>
  <c r="AE101207" i="1"/>
  <c r="AE101208" i="1"/>
  <c r="AE101209" i="1"/>
  <c r="AE101210" i="1"/>
  <c r="AE101211" i="1"/>
  <c r="AE101212" i="1"/>
  <c r="AE101213" i="1"/>
  <c r="AE101214" i="1"/>
  <c r="AE101215" i="1"/>
  <c r="AE101216" i="1"/>
  <c r="AE101217" i="1"/>
  <c r="AE101218" i="1"/>
  <c r="AE101219" i="1"/>
  <c r="AE101220" i="1"/>
  <c r="AE101221" i="1"/>
  <c r="AE101222" i="1"/>
  <c r="AE101223" i="1"/>
  <c r="AE101224" i="1"/>
  <c r="AE101225" i="1"/>
  <c r="AE101226" i="1"/>
  <c r="AE101227" i="1"/>
  <c r="AE101228" i="1"/>
  <c r="AE101229" i="1"/>
  <c r="AE101230" i="1"/>
  <c r="AE101231" i="1"/>
  <c r="AE101232" i="1"/>
  <c r="AE101233" i="1"/>
  <c r="AE101234" i="1"/>
  <c r="AE101235" i="1"/>
  <c r="AE101236" i="1"/>
  <c r="AE101237" i="1"/>
  <c r="AE101238" i="1"/>
  <c r="AE101239" i="1"/>
  <c r="AE101240" i="1"/>
  <c r="AE101241" i="1"/>
  <c r="AE101242" i="1"/>
  <c r="AE101243" i="1"/>
  <c r="AE101244" i="1"/>
  <c r="AE101245" i="1"/>
  <c r="AE101246" i="1"/>
  <c r="AE101247" i="1"/>
  <c r="AE101248" i="1"/>
  <c r="AE101249" i="1"/>
  <c r="AE101250" i="1"/>
  <c r="AE101251" i="1"/>
  <c r="AE101252" i="1"/>
  <c r="AE101253" i="1"/>
  <c r="AE101254" i="1"/>
  <c r="AE101255" i="1"/>
  <c r="AE101256" i="1"/>
  <c r="AE101257" i="1"/>
  <c r="AE101258" i="1"/>
  <c r="AE101259" i="1"/>
  <c r="AE101260" i="1"/>
  <c r="AE101261" i="1"/>
  <c r="AE101262" i="1"/>
  <c r="AE101263" i="1"/>
  <c r="AE101264" i="1"/>
  <c r="AE101265" i="1"/>
  <c r="AE101266" i="1"/>
  <c r="AE101267" i="1"/>
  <c r="AE101268" i="1"/>
  <c r="AE101269" i="1"/>
  <c r="AE101270" i="1"/>
  <c r="AE101271" i="1"/>
  <c r="AE101272" i="1"/>
  <c r="AE101273" i="1"/>
  <c r="AE101274" i="1"/>
  <c r="AE101275" i="1"/>
  <c r="AE101276" i="1"/>
  <c r="AE101277" i="1"/>
  <c r="AE101278" i="1"/>
  <c r="AE101279" i="1"/>
  <c r="AE101280" i="1"/>
  <c r="AE101281" i="1"/>
  <c r="AE101282" i="1"/>
  <c r="AE101283" i="1"/>
  <c r="AE101284" i="1"/>
  <c r="AE101285" i="1"/>
  <c r="AE101286" i="1"/>
  <c r="AE101287" i="1"/>
  <c r="AE101288" i="1"/>
  <c r="AE101289" i="1"/>
  <c r="AE101290" i="1"/>
  <c r="AE101291" i="1"/>
  <c r="AE101292" i="1"/>
  <c r="AE101293" i="1"/>
  <c r="AE101294" i="1"/>
  <c r="AE101295" i="1"/>
  <c r="AE101296" i="1"/>
  <c r="AE101297" i="1"/>
  <c r="AE101298" i="1"/>
  <c r="AE101299" i="1"/>
  <c r="AE101300" i="1"/>
  <c r="AE101301" i="1"/>
  <c r="AE101302" i="1"/>
  <c r="AE101303" i="1"/>
  <c r="AE101304" i="1"/>
  <c r="AE101305" i="1"/>
  <c r="AE101306" i="1"/>
  <c r="AE101307" i="1"/>
  <c r="AE101308" i="1"/>
  <c r="AE101309" i="1"/>
  <c r="AE101310" i="1"/>
  <c r="AE101311" i="1"/>
  <c r="AE101312" i="1"/>
  <c r="AE101313" i="1"/>
  <c r="AE101314" i="1"/>
  <c r="AE101315" i="1"/>
  <c r="AE101316" i="1"/>
  <c r="AE101317" i="1"/>
  <c r="AE101318" i="1"/>
  <c r="AE101319" i="1"/>
  <c r="AE101320" i="1"/>
  <c r="AE101321" i="1"/>
  <c r="AE101322" i="1"/>
  <c r="AE101323" i="1"/>
  <c r="AE101324" i="1"/>
  <c r="AE101325" i="1"/>
  <c r="AE101326" i="1"/>
  <c r="AE101327" i="1"/>
  <c r="AE101328" i="1"/>
  <c r="AE101329" i="1"/>
  <c r="AE101330" i="1"/>
  <c r="AE101331" i="1"/>
  <c r="AE101332" i="1"/>
  <c r="AE101333" i="1"/>
  <c r="AE101334" i="1"/>
  <c r="AE101335" i="1"/>
  <c r="AE101336" i="1"/>
  <c r="AE101337" i="1"/>
  <c r="AE101338" i="1"/>
  <c r="AE101339" i="1"/>
  <c r="AE101340" i="1"/>
  <c r="AE101341" i="1"/>
  <c r="AE101342" i="1"/>
  <c r="AE101343" i="1"/>
  <c r="AE101344" i="1"/>
  <c r="AE101345" i="1"/>
  <c r="AE101346" i="1"/>
  <c r="AE101347" i="1"/>
  <c r="AE101348" i="1"/>
  <c r="AE101349" i="1"/>
  <c r="AE101350" i="1"/>
  <c r="AE101351" i="1"/>
  <c r="AE101352" i="1"/>
  <c r="AE101353" i="1"/>
  <c r="AE101354" i="1"/>
  <c r="AE101355" i="1"/>
  <c r="AE101356" i="1"/>
  <c r="AE101357" i="1"/>
  <c r="AE101358" i="1"/>
  <c r="AE101359" i="1"/>
  <c r="AE101360" i="1"/>
  <c r="AE101361" i="1"/>
  <c r="AE101362" i="1"/>
  <c r="AE101363" i="1"/>
  <c r="AE101364" i="1"/>
  <c r="AE101365" i="1"/>
  <c r="AE101366" i="1"/>
  <c r="AE101367" i="1"/>
  <c r="AE101368" i="1"/>
  <c r="AE101369" i="1"/>
  <c r="AE101370" i="1"/>
  <c r="AE101371" i="1"/>
  <c r="AE101372" i="1"/>
  <c r="AE101373" i="1"/>
  <c r="AE101374" i="1"/>
  <c r="AE101375" i="1"/>
  <c r="AE101376" i="1"/>
  <c r="AE101377" i="1"/>
  <c r="AE101378" i="1"/>
  <c r="AE101379" i="1"/>
  <c r="AE101380" i="1"/>
  <c r="AE101381" i="1"/>
  <c r="AE101382" i="1"/>
  <c r="AE101383" i="1"/>
  <c r="AE101384" i="1"/>
  <c r="AE101385" i="1"/>
  <c r="AE101386" i="1"/>
  <c r="AE101387" i="1"/>
  <c r="AE101388" i="1"/>
  <c r="AE101389" i="1"/>
  <c r="AE101390" i="1"/>
  <c r="AE101391" i="1"/>
  <c r="AE101392" i="1"/>
  <c r="AE101393" i="1"/>
  <c r="AE101394" i="1"/>
  <c r="AE101395" i="1"/>
  <c r="AE101396" i="1"/>
  <c r="AE101397" i="1"/>
  <c r="AE101398" i="1"/>
  <c r="AE101399" i="1"/>
  <c r="AE101400" i="1"/>
  <c r="AE101401" i="1"/>
  <c r="AE101402" i="1"/>
  <c r="AE101403" i="1"/>
  <c r="AE101404" i="1"/>
  <c r="AE101405" i="1"/>
  <c r="AE101406" i="1"/>
  <c r="AE101407" i="1"/>
  <c r="AE101408" i="1"/>
  <c r="AE101409" i="1"/>
  <c r="AE101410" i="1"/>
  <c r="AE101411" i="1"/>
  <c r="AE101412" i="1"/>
  <c r="AE101413" i="1"/>
  <c r="AE101414" i="1"/>
  <c r="AE101415" i="1"/>
  <c r="AE101416" i="1"/>
  <c r="AE101417" i="1"/>
  <c r="AE101418" i="1"/>
  <c r="AE101419" i="1"/>
  <c r="AE101420" i="1"/>
  <c r="AE101421" i="1"/>
  <c r="AE101422" i="1"/>
  <c r="AE101423" i="1"/>
  <c r="AE101424" i="1"/>
  <c r="AE101425" i="1"/>
  <c r="AE101426" i="1"/>
  <c r="AE101427" i="1"/>
  <c r="AE101428" i="1"/>
  <c r="AE101429" i="1"/>
  <c r="AE101430" i="1"/>
  <c r="AE101431" i="1"/>
  <c r="AE101432" i="1"/>
  <c r="AE101433" i="1"/>
  <c r="AE101434" i="1"/>
  <c r="AE101435" i="1"/>
  <c r="AE101436" i="1"/>
  <c r="AE101437" i="1"/>
  <c r="AE101438" i="1"/>
  <c r="AE101439" i="1"/>
  <c r="AE101440" i="1"/>
  <c r="AE101441" i="1"/>
  <c r="AE101442" i="1"/>
  <c r="AE101443" i="1"/>
  <c r="AE101444" i="1"/>
  <c r="AE101445" i="1"/>
  <c r="AE101446" i="1"/>
  <c r="AE101447" i="1"/>
  <c r="AE101448" i="1"/>
  <c r="AE101449" i="1"/>
  <c r="AE101450" i="1"/>
  <c r="AE101451" i="1"/>
  <c r="AE101452" i="1"/>
  <c r="AE101453" i="1"/>
  <c r="AE101454" i="1"/>
  <c r="AE101455" i="1"/>
  <c r="AE101456" i="1"/>
  <c r="AE101457" i="1"/>
  <c r="AE101458" i="1"/>
  <c r="AE101459" i="1"/>
  <c r="AE101460" i="1"/>
  <c r="AE101461" i="1"/>
  <c r="AE101462" i="1"/>
  <c r="AE101463" i="1"/>
  <c r="AE101464" i="1"/>
  <c r="AE101465" i="1"/>
  <c r="AE101466" i="1"/>
  <c r="AE101467" i="1"/>
  <c r="AE101468" i="1"/>
  <c r="AE101469" i="1"/>
  <c r="AE101470" i="1"/>
  <c r="AE101471" i="1"/>
  <c r="AE101472" i="1"/>
  <c r="AE101473" i="1"/>
  <c r="AE101474" i="1"/>
  <c r="AE101475" i="1"/>
  <c r="AE101476" i="1"/>
  <c r="AE101477" i="1"/>
  <c r="AE101478" i="1"/>
  <c r="AE101479" i="1"/>
  <c r="AE101480" i="1"/>
  <c r="AE101481" i="1"/>
  <c r="AE101482" i="1"/>
  <c r="AE101483" i="1"/>
  <c r="AE101484" i="1"/>
  <c r="AE101485" i="1"/>
  <c r="AE101486" i="1"/>
  <c r="AE101487" i="1"/>
  <c r="AE101488" i="1"/>
  <c r="AE101489" i="1"/>
  <c r="AE101490" i="1"/>
  <c r="AE101491" i="1"/>
  <c r="AE101492" i="1"/>
  <c r="AE101493" i="1"/>
  <c r="AE101494" i="1"/>
  <c r="AE101495" i="1"/>
  <c r="AE101496" i="1"/>
  <c r="AE101497" i="1"/>
  <c r="AE101498" i="1"/>
  <c r="AE101499" i="1"/>
  <c r="AE101500" i="1"/>
  <c r="AE101501" i="1"/>
  <c r="AE101502" i="1"/>
  <c r="AE101503" i="1"/>
  <c r="AE101504" i="1"/>
  <c r="AE101505" i="1"/>
  <c r="AE101506" i="1"/>
  <c r="AE101507" i="1"/>
  <c r="AE101508" i="1"/>
  <c r="AE101509" i="1"/>
  <c r="AE101510" i="1"/>
  <c r="AE101511" i="1"/>
  <c r="AE101512" i="1"/>
  <c r="AE101513" i="1"/>
  <c r="AE101514" i="1"/>
  <c r="AE101515" i="1"/>
  <c r="AE101516" i="1"/>
  <c r="AE101517" i="1"/>
  <c r="AE101518" i="1"/>
  <c r="AE101519" i="1"/>
  <c r="AE101520" i="1"/>
  <c r="AE101521" i="1"/>
  <c r="AE101522" i="1"/>
  <c r="AE101523" i="1"/>
  <c r="AE101524" i="1"/>
  <c r="AE101525" i="1"/>
  <c r="AE101526" i="1"/>
  <c r="AE101527" i="1"/>
  <c r="AE101528" i="1"/>
  <c r="AE101529" i="1"/>
  <c r="AE101530" i="1"/>
  <c r="AE101531" i="1"/>
  <c r="AE101532" i="1"/>
  <c r="AE101533" i="1"/>
  <c r="AE101534" i="1"/>
  <c r="AE101535" i="1"/>
  <c r="AE101536" i="1"/>
  <c r="AE101537" i="1"/>
  <c r="AE101538" i="1"/>
  <c r="AE101539" i="1"/>
  <c r="AE101540" i="1"/>
  <c r="AE101541" i="1"/>
  <c r="AE101542" i="1"/>
  <c r="AE101543" i="1"/>
  <c r="AE101544" i="1"/>
  <c r="AE101545" i="1"/>
  <c r="AE101546" i="1"/>
  <c r="AE101547" i="1"/>
  <c r="AE101548" i="1"/>
  <c r="AE101549" i="1"/>
  <c r="AE101550" i="1"/>
  <c r="AE101551" i="1"/>
  <c r="AE101552" i="1"/>
  <c r="AE101553" i="1"/>
  <c r="AE101554" i="1"/>
  <c r="AE101555" i="1"/>
  <c r="AE101556" i="1"/>
  <c r="AE101557" i="1"/>
  <c r="AE101558" i="1"/>
  <c r="AE101559" i="1"/>
  <c r="AE101560" i="1"/>
  <c r="AE101561" i="1"/>
  <c r="AE101562" i="1"/>
  <c r="AE101563" i="1"/>
  <c r="AE101564" i="1"/>
  <c r="AE101565" i="1"/>
  <c r="AE101566" i="1"/>
  <c r="AE101567" i="1"/>
  <c r="AE101568" i="1"/>
  <c r="AE101569" i="1"/>
  <c r="AE101570" i="1"/>
  <c r="AE101571" i="1"/>
  <c r="AE101572" i="1"/>
  <c r="AE101573" i="1"/>
  <c r="AE101574" i="1"/>
  <c r="AE101575" i="1"/>
  <c r="AE101576" i="1"/>
  <c r="AE101577" i="1"/>
  <c r="AE101578" i="1"/>
  <c r="AE101579" i="1"/>
  <c r="AE101580" i="1"/>
  <c r="AE101581" i="1"/>
  <c r="AE101582" i="1"/>
  <c r="AE101583" i="1"/>
  <c r="AE101584" i="1"/>
  <c r="AE101585" i="1"/>
  <c r="AE101586" i="1"/>
  <c r="AE101587" i="1"/>
  <c r="AE101588" i="1"/>
  <c r="AE101589" i="1"/>
  <c r="AE101590" i="1"/>
  <c r="AE101591" i="1"/>
  <c r="AE101592" i="1"/>
  <c r="AE101593" i="1"/>
  <c r="AE101594" i="1"/>
  <c r="AE101595" i="1"/>
  <c r="AE101596" i="1"/>
  <c r="AE101597" i="1"/>
  <c r="AE101598" i="1"/>
  <c r="AE101599" i="1"/>
  <c r="AE101600" i="1"/>
  <c r="AE101601" i="1"/>
  <c r="AE101602" i="1"/>
  <c r="AE101603" i="1"/>
  <c r="AE101604" i="1"/>
  <c r="AE101605" i="1"/>
  <c r="AE101606" i="1"/>
  <c r="AE101607" i="1"/>
  <c r="AE101608" i="1"/>
  <c r="AE101609" i="1"/>
  <c r="AE101610" i="1"/>
  <c r="AE101611" i="1"/>
  <c r="AE101612" i="1"/>
  <c r="AE101613" i="1"/>
  <c r="AE101614" i="1"/>
  <c r="AE101615" i="1"/>
  <c r="AE101616" i="1"/>
  <c r="AE101617" i="1"/>
  <c r="AE101618" i="1"/>
  <c r="AE101619" i="1"/>
  <c r="AE101620" i="1"/>
  <c r="AE101621" i="1"/>
  <c r="AE101622" i="1"/>
  <c r="AE101623" i="1"/>
  <c r="AE101624" i="1"/>
  <c r="AE101625" i="1"/>
  <c r="AE101626" i="1"/>
  <c r="AE101627" i="1"/>
  <c r="AE101628" i="1"/>
  <c r="AE101629" i="1"/>
  <c r="AE101630" i="1"/>
  <c r="AE101631" i="1"/>
  <c r="AE101632" i="1"/>
  <c r="AE101633" i="1"/>
  <c r="AE101634" i="1"/>
  <c r="AE101635" i="1"/>
  <c r="AE101636" i="1"/>
  <c r="AE101637" i="1"/>
  <c r="AE101638" i="1"/>
  <c r="AE101639" i="1"/>
  <c r="AE101640" i="1"/>
  <c r="AE101641" i="1"/>
  <c r="AE101642" i="1"/>
  <c r="AE101643" i="1"/>
  <c r="AE101644" i="1"/>
  <c r="AE101645" i="1"/>
  <c r="AE101646" i="1"/>
  <c r="AE101647" i="1"/>
  <c r="AE101648" i="1"/>
  <c r="AE101649" i="1"/>
  <c r="AE101650" i="1"/>
  <c r="AE101651" i="1"/>
  <c r="AE101652" i="1"/>
  <c r="AE101653" i="1"/>
  <c r="AE101654" i="1"/>
  <c r="AE101655" i="1"/>
  <c r="AE101656" i="1"/>
  <c r="AE101657" i="1"/>
  <c r="AE101658" i="1"/>
  <c r="AE101659" i="1"/>
  <c r="AE101660" i="1"/>
  <c r="AE101661" i="1"/>
  <c r="AE101662" i="1"/>
  <c r="AE101663" i="1"/>
  <c r="AE101664" i="1"/>
  <c r="AE101665" i="1"/>
  <c r="AE101666" i="1"/>
  <c r="AE101667" i="1"/>
  <c r="AE101668" i="1"/>
  <c r="AE101669" i="1"/>
  <c r="AE101670" i="1"/>
  <c r="AE101671" i="1"/>
  <c r="AE101672" i="1"/>
  <c r="AE101673" i="1"/>
  <c r="AE101674" i="1"/>
  <c r="AE101675" i="1"/>
  <c r="AE101676" i="1"/>
  <c r="AE101677" i="1"/>
  <c r="AE101678" i="1"/>
  <c r="AE101679" i="1"/>
  <c r="AE101680" i="1"/>
  <c r="AE101681" i="1"/>
  <c r="AE101682" i="1"/>
  <c r="AE101683" i="1"/>
  <c r="AE101684" i="1"/>
  <c r="AE101685" i="1"/>
  <c r="AE101686" i="1"/>
  <c r="AE101687" i="1"/>
  <c r="AE101688" i="1"/>
  <c r="AE101689" i="1"/>
  <c r="AE101690" i="1"/>
  <c r="AE101691" i="1"/>
  <c r="AE101692" i="1"/>
  <c r="AE101693" i="1"/>
  <c r="AE101694" i="1"/>
  <c r="AE101695" i="1"/>
  <c r="AE101696" i="1"/>
  <c r="AE101697" i="1"/>
  <c r="AE101698" i="1"/>
  <c r="AE101699" i="1"/>
  <c r="AE101700" i="1"/>
  <c r="AE101701" i="1"/>
  <c r="AE101702" i="1"/>
  <c r="AE101703" i="1"/>
  <c r="AE101704" i="1"/>
  <c r="AE101705" i="1"/>
  <c r="AE101706" i="1"/>
  <c r="AE101707" i="1"/>
  <c r="AE101708" i="1"/>
  <c r="AE101709" i="1"/>
  <c r="AE101710" i="1"/>
  <c r="AE101711" i="1"/>
  <c r="AE101712" i="1"/>
  <c r="AE101713" i="1"/>
  <c r="AE101714" i="1"/>
  <c r="AE101715" i="1"/>
  <c r="AE101716" i="1"/>
  <c r="AE101717" i="1"/>
  <c r="AE101718" i="1"/>
  <c r="AE101719" i="1"/>
  <c r="AE101720" i="1"/>
  <c r="AE101721" i="1"/>
  <c r="AE101722" i="1"/>
  <c r="AE101723" i="1"/>
  <c r="AE101724" i="1"/>
  <c r="AE101725" i="1"/>
  <c r="AE101726" i="1"/>
  <c r="AE101727" i="1"/>
  <c r="AE101728" i="1"/>
  <c r="AE101729" i="1"/>
  <c r="AE101730" i="1"/>
  <c r="AE101731" i="1"/>
  <c r="AE101732" i="1"/>
  <c r="AE101733" i="1"/>
  <c r="AE101734" i="1"/>
  <c r="AE101735" i="1"/>
  <c r="AE101736" i="1"/>
  <c r="AE101737" i="1"/>
  <c r="AE101738" i="1"/>
  <c r="AE101739" i="1"/>
  <c r="AE101740" i="1"/>
  <c r="AE101741" i="1"/>
  <c r="AE101742" i="1"/>
  <c r="AE101743" i="1"/>
  <c r="AE101744" i="1"/>
  <c r="AE101745" i="1"/>
  <c r="AE101746" i="1"/>
  <c r="AE101747" i="1"/>
  <c r="AE101748" i="1"/>
  <c r="AE101749" i="1"/>
  <c r="AE101750" i="1"/>
  <c r="AE101751" i="1"/>
  <c r="AE101752" i="1"/>
  <c r="AE101753" i="1"/>
  <c r="AE101754" i="1"/>
  <c r="AE101755" i="1"/>
  <c r="AE101756" i="1"/>
  <c r="AE101757" i="1"/>
  <c r="AE101758" i="1"/>
  <c r="AE101759" i="1"/>
  <c r="AE101760" i="1"/>
  <c r="AE101761" i="1"/>
  <c r="AE101762" i="1"/>
  <c r="AE101763" i="1"/>
  <c r="AE101764" i="1"/>
  <c r="AE101765" i="1"/>
  <c r="AE101766" i="1"/>
  <c r="AE101767" i="1"/>
  <c r="AE101768" i="1"/>
  <c r="AE101769" i="1"/>
  <c r="AE101770" i="1"/>
  <c r="AE101771" i="1"/>
  <c r="AE101772" i="1"/>
  <c r="AE101773" i="1"/>
  <c r="AE101774" i="1"/>
  <c r="AE101775" i="1"/>
  <c r="AE101776" i="1"/>
  <c r="AE101777" i="1"/>
  <c r="AE101778" i="1"/>
  <c r="AE101779" i="1"/>
  <c r="AE101780" i="1"/>
  <c r="AE101781" i="1"/>
  <c r="AE101782" i="1"/>
  <c r="AE101783" i="1"/>
  <c r="AE101784" i="1"/>
  <c r="AE101785" i="1"/>
  <c r="AE101786" i="1"/>
  <c r="AE101787" i="1"/>
  <c r="AE101788" i="1"/>
  <c r="AE101789" i="1"/>
  <c r="AE101790" i="1"/>
  <c r="AE101791" i="1"/>
  <c r="AE101792" i="1"/>
  <c r="AE101793" i="1"/>
  <c r="AE101794" i="1"/>
  <c r="AE101795" i="1"/>
  <c r="AE101796" i="1"/>
  <c r="AE101797" i="1"/>
  <c r="AE101798" i="1"/>
  <c r="AE101799" i="1"/>
  <c r="AE101800" i="1"/>
  <c r="AE101801" i="1"/>
  <c r="AE101802" i="1"/>
  <c r="AE101803" i="1"/>
  <c r="AE101804" i="1"/>
  <c r="AE101805" i="1"/>
  <c r="AE101806" i="1"/>
  <c r="AE101807" i="1"/>
  <c r="AE101808" i="1"/>
  <c r="AE101809" i="1"/>
  <c r="AE101810" i="1"/>
  <c r="AE101811" i="1"/>
  <c r="AE101812" i="1"/>
  <c r="AE101813" i="1"/>
  <c r="AE101814" i="1"/>
  <c r="AE101815" i="1"/>
  <c r="AE101816" i="1"/>
  <c r="AE101817" i="1"/>
  <c r="AE101818" i="1"/>
  <c r="AE101819" i="1"/>
  <c r="AE101820" i="1"/>
  <c r="AE101821" i="1"/>
  <c r="AE101822" i="1"/>
  <c r="AE101823" i="1"/>
  <c r="AE101824" i="1"/>
  <c r="AE101825" i="1"/>
  <c r="AE101826" i="1"/>
  <c r="AE101827" i="1"/>
  <c r="AE101828" i="1"/>
  <c r="AE101829" i="1"/>
  <c r="AE101830" i="1"/>
  <c r="AE101831" i="1"/>
  <c r="AE101832" i="1"/>
  <c r="AE101833" i="1"/>
  <c r="AE101834" i="1"/>
  <c r="AE101835" i="1"/>
  <c r="AE101836" i="1"/>
  <c r="AE101837" i="1"/>
  <c r="AE101838" i="1"/>
  <c r="AE101839" i="1"/>
  <c r="AE101840" i="1"/>
  <c r="AE101841" i="1"/>
  <c r="AE101842" i="1"/>
  <c r="AE101843" i="1"/>
  <c r="AE101844" i="1"/>
  <c r="AE101845" i="1"/>
  <c r="AE101846" i="1"/>
  <c r="AE101847" i="1"/>
  <c r="AE101848" i="1"/>
  <c r="AE101849" i="1"/>
  <c r="AE101850" i="1"/>
  <c r="AE101851" i="1"/>
  <c r="AE101852" i="1"/>
  <c r="AE101853" i="1"/>
  <c r="AE101854" i="1"/>
  <c r="AE101855" i="1"/>
  <c r="AE101856" i="1"/>
  <c r="AE101857" i="1"/>
  <c r="AE101858" i="1"/>
  <c r="AE101859" i="1"/>
  <c r="AE101860" i="1"/>
  <c r="AE101861" i="1"/>
  <c r="AE101862" i="1"/>
  <c r="AE101863" i="1"/>
  <c r="AE101864" i="1"/>
  <c r="AE101865" i="1"/>
  <c r="AE101866" i="1"/>
  <c r="AE101867" i="1"/>
  <c r="AE101868" i="1"/>
  <c r="AE101869" i="1"/>
  <c r="AE101870" i="1"/>
  <c r="AE101871" i="1"/>
  <c r="AE101872" i="1"/>
  <c r="AE101873" i="1"/>
  <c r="AE101874" i="1"/>
  <c r="AE101875" i="1"/>
  <c r="AE101876" i="1"/>
  <c r="AE101877" i="1"/>
  <c r="AE101878" i="1"/>
  <c r="AE101879" i="1"/>
  <c r="AE101880" i="1"/>
  <c r="AE101881" i="1"/>
  <c r="AE101882" i="1"/>
  <c r="AE101883" i="1"/>
  <c r="AE101884" i="1"/>
  <c r="AE101885" i="1"/>
  <c r="AE101886" i="1"/>
  <c r="AE101887" i="1"/>
  <c r="AE101888" i="1"/>
  <c r="AE101889" i="1"/>
  <c r="AE101890" i="1"/>
  <c r="AE101891" i="1"/>
  <c r="AE101892" i="1"/>
  <c r="AE101893" i="1"/>
  <c r="AE101894" i="1"/>
  <c r="AE101895" i="1"/>
  <c r="AE101896" i="1"/>
  <c r="AE101897" i="1"/>
  <c r="AE101898" i="1"/>
  <c r="AE101899" i="1"/>
  <c r="AE101900" i="1"/>
  <c r="AE101901" i="1"/>
  <c r="AE101902" i="1"/>
  <c r="AE101903" i="1"/>
  <c r="AE101904" i="1"/>
  <c r="AE101905" i="1"/>
  <c r="AE101906" i="1"/>
  <c r="AE101907" i="1"/>
  <c r="AE101908" i="1"/>
  <c r="AE101909" i="1"/>
  <c r="AE101910" i="1"/>
  <c r="AE101911" i="1"/>
  <c r="AE101912" i="1"/>
  <c r="AE101913" i="1"/>
  <c r="AE101914" i="1"/>
  <c r="AE101915" i="1"/>
  <c r="AE101916" i="1"/>
  <c r="AE101917" i="1"/>
  <c r="AE101918" i="1"/>
  <c r="AE101919" i="1"/>
  <c r="AE101920" i="1"/>
  <c r="AE101921" i="1"/>
  <c r="AE101922" i="1"/>
  <c r="AE101923" i="1"/>
  <c r="AE101924" i="1"/>
  <c r="AE101925" i="1"/>
  <c r="AE101926" i="1"/>
  <c r="AE101927" i="1"/>
  <c r="AE101928" i="1"/>
  <c r="AE101929" i="1"/>
  <c r="AE101930" i="1"/>
  <c r="AE101931" i="1"/>
  <c r="AE101932" i="1"/>
  <c r="AE101933" i="1"/>
  <c r="AE101934" i="1"/>
  <c r="AE101935" i="1"/>
  <c r="AE101936" i="1"/>
  <c r="AE101937" i="1"/>
  <c r="AE101938" i="1"/>
  <c r="AE101939" i="1"/>
  <c r="AE101940" i="1"/>
  <c r="AE101941" i="1"/>
  <c r="AE101942" i="1"/>
  <c r="AE101943" i="1"/>
  <c r="AE101944" i="1"/>
  <c r="AE101945" i="1"/>
  <c r="AE101946" i="1"/>
  <c r="AE101947" i="1"/>
  <c r="AE101948" i="1"/>
  <c r="AE101949" i="1"/>
  <c r="AE101950" i="1"/>
  <c r="AE101951" i="1"/>
  <c r="AE101952" i="1"/>
  <c r="AE101953" i="1"/>
  <c r="AE101954" i="1"/>
  <c r="AE101955" i="1"/>
  <c r="AE101956" i="1"/>
  <c r="AE101957" i="1"/>
  <c r="AE101958" i="1"/>
  <c r="AE101959" i="1"/>
  <c r="AE101960" i="1"/>
  <c r="AE101961" i="1"/>
  <c r="AE101962" i="1"/>
  <c r="AE101963" i="1"/>
  <c r="AE101964" i="1"/>
  <c r="AE101965" i="1"/>
  <c r="AE101966" i="1"/>
  <c r="AE101967" i="1"/>
  <c r="AE101968" i="1"/>
  <c r="AE101969" i="1"/>
  <c r="AE101970" i="1"/>
  <c r="AE101971" i="1"/>
  <c r="AE101972" i="1"/>
  <c r="AE101973" i="1"/>
  <c r="AE101974" i="1"/>
  <c r="AE101975" i="1"/>
  <c r="AE101976" i="1"/>
  <c r="AE101977" i="1"/>
  <c r="AE101978" i="1"/>
  <c r="AE101979" i="1"/>
  <c r="AE101980" i="1"/>
  <c r="AE101981" i="1"/>
  <c r="AE101982" i="1"/>
  <c r="AE101983" i="1"/>
  <c r="AE101984" i="1"/>
  <c r="AE101985" i="1"/>
  <c r="AE101986" i="1"/>
  <c r="AE101987" i="1"/>
  <c r="AE101988" i="1"/>
  <c r="AE101989" i="1"/>
  <c r="AE101990" i="1"/>
  <c r="AE101991" i="1"/>
  <c r="AE101992" i="1"/>
  <c r="AE101993" i="1"/>
  <c r="AE101994" i="1"/>
  <c r="AE101995" i="1"/>
  <c r="AE101996" i="1"/>
  <c r="AE101997" i="1"/>
  <c r="AE101998" i="1"/>
  <c r="AE101999" i="1"/>
  <c r="AE102000" i="1"/>
  <c r="AE102001" i="1"/>
  <c r="AE102002" i="1"/>
  <c r="AE102003" i="1"/>
  <c r="AE102004" i="1"/>
  <c r="AE102005" i="1"/>
  <c r="AE102006" i="1"/>
  <c r="AE102007" i="1"/>
  <c r="AE102008" i="1"/>
  <c r="AE102009" i="1"/>
  <c r="AE102010" i="1"/>
  <c r="AE102011" i="1"/>
  <c r="AE102012" i="1"/>
  <c r="AE102013" i="1"/>
  <c r="AE102014" i="1"/>
  <c r="AE102015" i="1"/>
  <c r="AE102016" i="1"/>
  <c r="AE102017" i="1"/>
  <c r="AE102018" i="1"/>
  <c r="AE102019" i="1"/>
  <c r="AE102020" i="1"/>
  <c r="AE102021" i="1"/>
  <c r="AE102022" i="1"/>
  <c r="AE102023" i="1"/>
  <c r="AE102024" i="1"/>
  <c r="AE102025" i="1"/>
  <c r="AE102026" i="1"/>
  <c r="AE102027" i="1"/>
  <c r="AE102028" i="1"/>
  <c r="AE102029" i="1"/>
  <c r="AE102030" i="1"/>
  <c r="AE102031" i="1"/>
  <c r="AE102032" i="1"/>
  <c r="AE102033" i="1"/>
  <c r="AE102034" i="1"/>
  <c r="AE102035" i="1"/>
  <c r="AE102036" i="1"/>
  <c r="AE102037" i="1"/>
  <c r="AE102038" i="1"/>
  <c r="AE102039" i="1"/>
  <c r="AE102040" i="1"/>
  <c r="AE102041" i="1"/>
  <c r="AE102042" i="1"/>
  <c r="AE102043" i="1"/>
  <c r="AE102044" i="1"/>
  <c r="AE102045" i="1"/>
  <c r="AE102046" i="1"/>
  <c r="AE102047" i="1"/>
  <c r="AE102048" i="1"/>
  <c r="AE102049" i="1"/>
  <c r="AE102050" i="1"/>
  <c r="AE102051" i="1"/>
  <c r="AE102052" i="1"/>
  <c r="AE102053" i="1"/>
  <c r="AE102054" i="1"/>
  <c r="AE102055" i="1"/>
  <c r="AE102056" i="1"/>
  <c r="AE102057" i="1"/>
  <c r="AE102058" i="1"/>
  <c r="AE102059" i="1"/>
  <c r="AE102060" i="1"/>
  <c r="AE102061" i="1"/>
  <c r="AE102062" i="1"/>
  <c r="AE102063" i="1"/>
  <c r="AE102064" i="1"/>
  <c r="AE102065" i="1"/>
  <c r="AE102066" i="1"/>
  <c r="AE102067" i="1"/>
  <c r="AE102068" i="1"/>
  <c r="AE102069" i="1"/>
  <c r="AE102070" i="1"/>
  <c r="AE102071" i="1"/>
  <c r="AE102072" i="1"/>
  <c r="AE102073" i="1"/>
  <c r="AE102074" i="1"/>
  <c r="AE102075" i="1"/>
  <c r="AE102076" i="1"/>
  <c r="AE102077" i="1"/>
  <c r="AE102078" i="1"/>
  <c r="AE102079" i="1"/>
  <c r="AE102080" i="1"/>
  <c r="AE102081" i="1"/>
  <c r="AE102082" i="1"/>
  <c r="AE102083" i="1"/>
  <c r="AE102084" i="1"/>
  <c r="AE102085" i="1"/>
  <c r="AE102086" i="1"/>
  <c r="AE102087" i="1"/>
  <c r="AE102088" i="1"/>
  <c r="AE102089" i="1"/>
  <c r="AE102090" i="1"/>
  <c r="AE102091" i="1"/>
  <c r="AE102092" i="1"/>
  <c r="AE102093" i="1"/>
  <c r="AE102094" i="1"/>
  <c r="AE102095" i="1"/>
  <c r="AE102096" i="1"/>
  <c r="AE102097" i="1"/>
  <c r="AE102098" i="1"/>
  <c r="AE102099" i="1"/>
  <c r="AE102100" i="1"/>
  <c r="AE102101" i="1"/>
  <c r="AE102102" i="1"/>
  <c r="AE102103" i="1"/>
  <c r="AE102104" i="1"/>
  <c r="AE102105" i="1"/>
  <c r="AE102106" i="1"/>
  <c r="AE102107" i="1"/>
  <c r="AE102108" i="1"/>
  <c r="AE102109" i="1"/>
  <c r="AE102110" i="1"/>
  <c r="AE102111" i="1"/>
  <c r="AE102112" i="1"/>
  <c r="AE102113" i="1"/>
  <c r="AE102114" i="1"/>
  <c r="AE102115" i="1"/>
  <c r="AE102116" i="1"/>
  <c r="AE102117" i="1"/>
  <c r="AE102118" i="1"/>
  <c r="AE102119" i="1"/>
  <c r="AE102120" i="1"/>
  <c r="AE102121" i="1"/>
  <c r="AE102122" i="1"/>
  <c r="AE102123" i="1"/>
  <c r="AE102124" i="1"/>
  <c r="AE102125" i="1"/>
  <c r="AE102126" i="1"/>
  <c r="AE102127" i="1"/>
  <c r="AE102128" i="1"/>
  <c r="AE102129" i="1"/>
  <c r="AE102130" i="1"/>
  <c r="AE102131" i="1"/>
  <c r="AE102132" i="1"/>
  <c r="AE102133" i="1"/>
  <c r="AE102134" i="1"/>
  <c r="AE102135" i="1"/>
  <c r="AE102136" i="1"/>
  <c r="AE102137" i="1"/>
  <c r="AE102138" i="1"/>
  <c r="AE102139" i="1"/>
  <c r="AE102140" i="1"/>
  <c r="AE102141" i="1"/>
  <c r="AE102142" i="1"/>
  <c r="AE102143" i="1"/>
  <c r="AE102144" i="1"/>
  <c r="AE102145" i="1"/>
  <c r="AE102146" i="1"/>
  <c r="AE102147" i="1"/>
  <c r="AE102148" i="1"/>
  <c r="AE102149" i="1"/>
  <c r="AE102150" i="1"/>
  <c r="AE102151" i="1"/>
  <c r="AE102152" i="1"/>
  <c r="AE102153" i="1"/>
  <c r="AE102154" i="1"/>
  <c r="AE102155" i="1"/>
  <c r="AE102156" i="1"/>
  <c r="AE102157" i="1"/>
  <c r="AE102158" i="1"/>
  <c r="AE102159" i="1"/>
  <c r="AE102160" i="1"/>
  <c r="AE102161" i="1"/>
  <c r="AE102162" i="1"/>
  <c r="AE102163" i="1"/>
  <c r="AE102164" i="1"/>
  <c r="AE102165" i="1"/>
  <c r="AE102166" i="1"/>
  <c r="AE102167" i="1"/>
  <c r="AE102168" i="1"/>
  <c r="AE102169" i="1"/>
  <c r="AE102170" i="1"/>
  <c r="AE102171" i="1"/>
  <c r="AE102172" i="1"/>
  <c r="AE102173" i="1"/>
  <c r="AE102174" i="1"/>
  <c r="AE102175" i="1"/>
  <c r="AE102176" i="1"/>
  <c r="AE102177" i="1"/>
  <c r="AE102178" i="1"/>
  <c r="AE102179" i="1"/>
  <c r="AE102180" i="1"/>
  <c r="AE102181" i="1"/>
  <c r="AE102182" i="1"/>
  <c r="AE102183" i="1"/>
  <c r="AE102184" i="1"/>
  <c r="AE102185" i="1"/>
  <c r="AE102186" i="1"/>
  <c r="AE102187" i="1"/>
  <c r="AE102188" i="1"/>
  <c r="AE102189" i="1"/>
  <c r="AE102190" i="1"/>
  <c r="AE102191" i="1"/>
  <c r="AE102192" i="1"/>
  <c r="AE102193" i="1"/>
  <c r="AE102194" i="1"/>
  <c r="AE102195" i="1"/>
  <c r="AE102196" i="1"/>
  <c r="AE102197" i="1"/>
  <c r="AE102198" i="1"/>
  <c r="AE102199" i="1"/>
  <c r="AE102200" i="1"/>
  <c r="AE102201" i="1"/>
  <c r="AE102202" i="1"/>
  <c r="AE102203" i="1"/>
  <c r="AE102204" i="1"/>
  <c r="AE102205" i="1"/>
  <c r="AE102206" i="1"/>
  <c r="AE102207" i="1"/>
  <c r="AE102208" i="1"/>
  <c r="AE102209" i="1"/>
  <c r="AE102210" i="1"/>
  <c r="AE102211" i="1"/>
  <c r="AE102212" i="1"/>
  <c r="AE102213" i="1"/>
  <c r="AE102214" i="1"/>
  <c r="AE102215" i="1"/>
  <c r="AE102216" i="1"/>
  <c r="AE102217" i="1"/>
  <c r="AE102218" i="1"/>
  <c r="AE102219" i="1"/>
  <c r="AE102220" i="1"/>
  <c r="AE102221" i="1"/>
  <c r="AE102222" i="1"/>
  <c r="AE102223" i="1"/>
  <c r="AE102224" i="1"/>
  <c r="AE102225" i="1"/>
  <c r="AE102226" i="1"/>
  <c r="AE102227" i="1"/>
  <c r="AE102228" i="1"/>
  <c r="AE102229" i="1"/>
  <c r="AE102230" i="1"/>
  <c r="AE102231" i="1"/>
  <c r="AE102232" i="1"/>
  <c r="AE102233" i="1"/>
  <c r="AE102234" i="1"/>
  <c r="AE102235" i="1"/>
  <c r="AE102236" i="1"/>
  <c r="AE102237" i="1"/>
  <c r="AE102238" i="1"/>
  <c r="AE102239" i="1"/>
  <c r="AE102240" i="1"/>
  <c r="AE102241" i="1"/>
  <c r="AE102242" i="1"/>
  <c r="AE102243" i="1"/>
  <c r="AE102244" i="1"/>
  <c r="AE102245" i="1"/>
  <c r="AE102246" i="1"/>
  <c r="AE102247" i="1"/>
  <c r="AE102248" i="1"/>
  <c r="AE102249" i="1"/>
  <c r="AE102250" i="1"/>
  <c r="AE102251" i="1"/>
  <c r="AE102252" i="1"/>
  <c r="AE102253" i="1"/>
  <c r="AE102254" i="1"/>
  <c r="AE102255" i="1"/>
  <c r="AE102256" i="1"/>
  <c r="AE102257" i="1"/>
  <c r="AE102258" i="1"/>
  <c r="AE102259" i="1"/>
  <c r="AE102260" i="1"/>
  <c r="AE102261" i="1"/>
  <c r="AE102262" i="1"/>
  <c r="AE102263" i="1"/>
  <c r="AE102264" i="1"/>
  <c r="AE102265" i="1"/>
  <c r="AE102266" i="1"/>
  <c r="AE102267" i="1"/>
  <c r="AE102268" i="1"/>
  <c r="AE102269" i="1"/>
  <c r="AE102270" i="1"/>
  <c r="AE102271" i="1"/>
  <c r="AE102272" i="1"/>
  <c r="AE102273" i="1"/>
  <c r="AE102274" i="1"/>
  <c r="AE102275" i="1"/>
  <c r="AE102276" i="1"/>
  <c r="AE102277" i="1"/>
  <c r="AE102278" i="1"/>
  <c r="AE102279" i="1"/>
  <c r="AE102280" i="1"/>
  <c r="AE102281" i="1"/>
  <c r="AE102282" i="1"/>
  <c r="AE102283" i="1"/>
  <c r="AE102284" i="1"/>
  <c r="AE102285" i="1"/>
  <c r="AE102286" i="1"/>
  <c r="AE102287" i="1"/>
  <c r="AE102288" i="1"/>
  <c r="AE102289" i="1"/>
  <c r="AE102290" i="1"/>
  <c r="AE102291" i="1"/>
  <c r="AE102292" i="1"/>
  <c r="AE102293" i="1"/>
  <c r="AE102294" i="1"/>
  <c r="AE102295" i="1"/>
  <c r="AE102296" i="1"/>
  <c r="AE102297" i="1"/>
  <c r="AE102298" i="1"/>
  <c r="AE102299" i="1"/>
  <c r="AE102300" i="1"/>
  <c r="AE102301" i="1"/>
  <c r="AE102302" i="1"/>
  <c r="AE102303" i="1"/>
  <c r="AE102304" i="1"/>
  <c r="AE102305" i="1"/>
  <c r="AE102306" i="1"/>
  <c r="AE102307" i="1"/>
  <c r="AE102308" i="1"/>
  <c r="AE102309" i="1"/>
  <c r="AE102310" i="1"/>
  <c r="AE102311" i="1"/>
  <c r="AE102312" i="1"/>
  <c r="AE102313" i="1"/>
  <c r="AE102314" i="1"/>
  <c r="AE102315" i="1"/>
  <c r="AE102316" i="1"/>
  <c r="AE102317" i="1"/>
  <c r="AE102318" i="1"/>
  <c r="AE102319" i="1"/>
  <c r="AE102320" i="1"/>
  <c r="AE102321" i="1"/>
  <c r="AE102322" i="1"/>
  <c r="AE102323" i="1"/>
  <c r="AE102324" i="1"/>
  <c r="AE102325" i="1"/>
  <c r="AE102326" i="1"/>
  <c r="AE102327" i="1"/>
  <c r="AE102328" i="1"/>
  <c r="AE102329" i="1"/>
  <c r="AE102330" i="1"/>
  <c r="AE102331" i="1"/>
  <c r="AE102332" i="1"/>
  <c r="AE102333" i="1"/>
  <c r="AE102334" i="1"/>
  <c r="AE102335" i="1"/>
  <c r="AE102336" i="1"/>
  <c r="AE102337" i="1"/>
  <c r="AE102338" i="1"/>
  <c r="AE102339" i="1"/>
  <c r="AE102340" i="1"/>
  <c r="AE102341" i="1"/>
  <c r="AE102342" i="1"/>
  <c r="AE102343" i="1"/>
  <c r="AE102344" i="1"/>
  <c r="AE102345" i="1"/>
  <c r="AE102346" i="1"/>
  <c r="AE102347" i="1"/>
  <c r="AE102348" i="1"/>
  <c r="AE102349" i="1"/>
  <c r="AE102350" i="1"/>
  <c r="AE102351" i="1"/>
  <c r="AE102352" i="1"/>
  <c r="AE102353" i="1"/>
  <c r="AE102354" i="1"/>
  <c r="AE102355" i="1"/>
  <c r="AE102356" i="1"/>
  <c r="AE102357" i="1"/>
  <c r="AE102358" i="1"/>
  <c r="AE102359" i="1"/>
  <c r="AE102360" i="1"/>
  <c r="AE102361" i="1"/>
  <c r="AE102362" i="1"/>
  <c r="AE102363" i="1"/>
  <c r="AE102364" i="1"/>
  <c r="AE102365" i="1"/>
  <c r="AE102366" i="1"/>
  <c r="AE102367" i="1"/>
  <c r="AE102368" i="1"/>
  <c r="AE102369" i="1"/>
  <c r="AE102370" i="1"/>
  <c r="AE102371" i="1"/>
  <c r="AE102372" i="1"/>
  <c r="AE102373" i="1"/>
  <c r="AE102374" i="1"/>
  <c r="AE102375" i="1"/>
  <c r="AE102376" i="1"/>
  <c r="AE102377" i="1"/>
  <c r="AE102378" i="1"/>
  <c r="AE102379" i="1"/>
  <c r="AE102380" i="1"/>
  <c r="AE102381" i="1"/>
  <c r="AE102382" i="1"/>
  <c r="AE102383" i="1"/>
  <c r="AE102384" i="1"/>
  <c r="AE102385" i="1"/>
  <c r="AE102386" i="1"/>
  <c r="AE102387" i="1"/>
  <c r="AE102388" i="1"/>
  <c r="AE102389" i="1"/>
  <c r="AE102390" i="1"/>
  <c r="AE102391" i="1"/>
  <c r="AE102392" i="1"/>
  <c r="AE102393" i="1"/>
  <c r="AE102394" i="1"/>
  <c r="AE102395" i="1"/>
  <c r="AE102396" i="1"/>
  <c r="AE102397" i="1"/>
  <c r="AE102398" i="1"/>
  <c r="AE102399" i="1"/>
  <c r="AE102400" i="1"/>
  <c r="AE102401" i="1"/>
  <c r="AE102402" i="1"/>
  <c r="AE102403" i="1"/>
  <c r="AE102404" i="1"/>
  <c r="AE102405" i="1"/>
  <c r="AE102406" i="1"/>
  <c r="AE102407" i="1"/>
  <c r="AE102408" i="1"/>
  <c r="AE102409" i="1"/>
  <c r="AE102410" i="1"/>
  <c r="AE102411" i="1"/>
  <c r="AE102412" i="1"/>
  <c r="AE102413" i="1"/>
  <c r="AE102414" i="1"/>
  <c r="AE102415" i="1"/>
  <c r="AE102416" i="1"/>
  <c r="AE102417" i="1"/>
  <c r="AE102418" i="1"/>
  <c r="AE102419" i="1"/>
  <c r="AE102420" i="1"/>
  <c r="AE102421" i="1"/>
  <c r="AE102422" i="1"/>
  <c r="AE102423" i="1"/>
  <c r="AE102424" i="1"/>
  <c r="AE102425" i="1"/>
  <c r="AE102426" i="1"/>
  <c r="AE102427" i="1"/>
  <c r="AE102428" i="1"/>
  <c r="AE102429" i="1"/>
  <c r="AE102430" i="1"/>
  <c r="AE102431" i="1"/>
  <c r="AE102432" i="1"/>
  <c r="AE102433" i="1"/>
  <c r="AE102434" i="1"/>
  <c r="AE102435" i="1"/>
  <c r="AE102436" i="1"/>
  <c r="AE102437" i="1"/>
  <c r="AE102438" i="1"/>
  <c r="AE102439" i="1"/>
  <c r="AE102440" i="1"/>
  <c r="AE102441" i="1"/>
  <c r="AE102442" i="1"/>
  <c r="AE102443" i="1"/>
  <c r="AE102444" i="1"/>
  <c r="AE102445" i="1"/>
  <c r="AE102446" i="1"/>
  <c r="AE102447" i="1"/>
  <c r="AE102448" i="1"/>
  <c r="AE102449" i="1"/>
  <c r="AE102450" i="1"/>
  <c r="AE102451" i="1"/>
  <c r="AE102452" i="1"/>
  <c r="AE102453" i="1"/>
  <c r="AE102454" i="1"/>
  <c r="AE102455" i="1"/>
  <c r="AE102456" i="1"/>
  <c r="AE102457" i="1"/>
  <c r="AE102458" i="1"/>
  <c r="AE102459" i="1"/>
  <c r="AE102460" i="1"/>
  <c r="AE102461" i="1"/>
  <c r="AE102462" i="1"/>
  <c r="AE102463" i="1"/>
  <c r="AE102464" i="1"/>
  <c r="AE102465" i="1"/>
  <c r="AE102466" i="1"/>
  <c r="AE102467" i="1"/>
  <c r="AE102468" i="1"/>
  <c r="AE102469" i="1"/>
  <c r="AE102470" i="1"/>
  <c r="AE102471" i="1"/>
  <c r="AE102472" i="1"/>
  <c r="AE102473" i="1"/>
  <c r="AE102474" i="1"/>
  <c r="AE102475" i="1"/>
  <c r="AE102476" i="1"/>
  <c r="AE102477" i="1"/>
  <c r="AE102478" i="1"/>
  <c r="AE102479" i="1"/>
  <c r="AE102480" i="1"/>
  <c r="AE102481" i="1"/>
  <c r="AE102482" i="1"/>
  <c r="AE102483" i="1"/>
  <c r="AE102484" i="1"/>
  <c r="AE102485" i="1"/>
  <c r="AE102486" i="1"/>
  <c r="AE102487" i="1"/>
  <c r="AE102488" i="1"/>
  <c r="AE102489" i="1"/>
  <c r="AE102490" i="1"/>
  <c r="AE102491" i="1"/>
  <c r="AE102492" i="1"/>
  <c r="AE102493" i="1"/>
  <c r="AE102494" i="1"/>
  <c r="AE102495" i="1"/>
  <c r="AE102496" i="1"/>
  <c r="AE102497" i="1"/>
  <c r="AE102498" i="1"/>
  <c r="AE102499" i="1"/>
  <c r="AE102500" i="1"/>
  <c r="AE102501" i="1"/>
  <c r="AE102502" i="1"/>
  <c r="AE102503" i="1"/>
  <c r="AE102504" i="1"/>
  <c r="AE102505" i="1"/>
  <c r="AE102506" i="1"/>
  <c r="AE102507" i="1"/>
  <c r="AE102508" i="1"/>
  <c r="AE102509" i="1"/>
  <c r="AE102510" i="1"/>
  <c r="AE102511" i="1"/>
  <c r="AE102512" i="1"/>
  <c r="AE102513" i="1"/>
  <c r="AE102514" i="1"/>
  <c r="AE102515" i="1"/>
  <c r="AE102516" i="1"/>
  <c r="AE102517" i="1"/>
  <c r="AE102518" i="1"/>
  <c r="AE102519" i="1"/>
  <c r="AE102520" i="1"/>
  <c r="AE102521" i="1"/>
  <c r="AE102522" i="1"/>
  <c r="AE102523" i="1"/>
  <c r="AE102524" i="1"/>
  <c r="AE102525" i="1"/>
  <c r="AE102526" i="1"/>
  <c r="AE102527" i="1"/>
  <c r="AE102528" i="1"/>
  <c r="AE102529" i="1"/>
  <c r="AE102530" i="1"/>
  <c r="AE102531" i="1"/>
  <c r="AE102532" i="1"/>
  <c r="AE102533" i="1"/>
  <c r="AE102534" i="1"/>
  <c r="AE102535" i="1"/>
  <c r="AE102536" i="1"/>
  <c r="AE102537" i="1"/>
  <c r="AE102538" i="1"/>
  <c r="AE102539" i="1"/>
  <c r="AE102540" i="1"/>
  <c r="AE102541" i="1"/>
  <c r="AE102542" i="1"/>
  <c r="AE102543" i="1"/>
  <c r="AE102544" i="1"/>
  <c r="AE102545" i="1"/>
  <c r="AE102546" i="1"/>
  <c r="AE102547" i="1"/>
  <c r="AE102548" i="1"/>
  <c r="AE102549" i="1"/>
  <c r="AE102550" i="1"/>
  <c r="AE102551" i="1"/>
  <c r="AE102552" i="1"/>
  <c r="AE102553" i="1"/>
  <c r="AE102554" i="1"/>
  <c r="AE102555" i="1"/>
  <c r="AE102556" i="1"/>
  <c r="AE102557" i="1"/>
  <c r="AE102558" i="1"/>
  <c r="AE102559" i="1"/>
  <c r="AE102560" i="1"/>
  <c r="AE102561" i="1"/>
  <c r="AE102562" i="1"/>
  <c r="AE102563" i="1"/>
  <c r="AE102564" i="1"/>
  <c r="AE102565" i="1"/>
  <c r="AE102566" i="1"/>
  <c r="AE102567" i="1"/>
  <c r="AE102568" i="1"/>
  <c r="AE102569" i="1"/>
  <c r="AE102570" i="1"/>
  <c r="AE102571" i="1"/>
  <c r="AE102572" i="1"/>
  <c r="AE102573" i="1"/>
  <c r="AE102574" i="1"/>
  <c r="AE102575" i="1"/>
  <c r="AE102576" i="1"/>
  <c r="AE102577" i="1"/>
  <c r="AE102578" i="1"/>
  <c r="AE102579" i="1"/>
  <c r="AE102580" i="1"/>
  <c r="AE102581" i="1"/>
  <c r="AE102582" i="1"/>
  <c r="AE102583" i="1"/>
  <c r="AE102584" i="1"/>
  <c r="AE102585" i="1"/>
  <c r="AE102586" i="1"/>
  <c r="AE102587" i="1"/>
  <c r="AE102588" i="1"/>
  <c r="AE102589" i="1"/>
  <c r="AE102590" i="1"/>
  <c r="AE102591" i="1"/>
  <c r="AE102592" i="1"/>
  <c r="AE102593" i="1"/>
  <c r="AE102594" i="1"/>
  <c r="AE102595" i="1"/>
  <c r="AE102596" i="1"/>
  <c r="AE102597" i="1"/>
  <c r="AE102598" i="1"/>
  <c r="AE102599" i="1"/>
  <c r="AE102600" i="1"/>
  <c r="AE102601" i="1"/>
  <c r="AE102602" i="1"/>
  <c r="AE102603" i="1"/>
  <c r="AE102604" i="1"/>
  <c r="AE102605" i="1"/>
  <c r="AE102606" i="1"/>
  <c r="AE102607" i="1"/>
  <c r="AE102608" i="1"/>
  <c r="AE102609" i="1"/>
  <c r="AE102610" i="1"/>
  <c r="AE102611" i="1"/>
  <c r="AE102612" i="1"/>
  <c r="AE102613" i="1"/>
  <c r="AE102614" i="1"/>
  <c r="AE102615" i="1"/>
  <c r="AE102616" i="1"/>
  <c r="AE102617" i="1"/>
  <c r="AE102618" i="1"/>
  <c r="AE102619" i="1"/>
  <c r="AE102620" i="1"/>
  <c r="AE102621" i="1"/>
  <c r="AE102622" i="1"/>
  <c r="AE102623" i="1"/>
  <c r="AE102624" i="1"/>
  <c r="AE102625" i="1"/>
  <c r="AE102626" i="1"/>
  <c r="AE102627" i="1"/>
  <c r="AE102628" i="1"/>
  <c r="AE102629" i="1"/>
  <c r="AE102630" i="1"/>
  <c r="AE102631" i="1"/>
  <c r="AE102632" i="1"/>
  <c r="AE102633" i="1"/>
  <c r="AE102634" i="1"/>
  <c r="AE102635" i="1"/>
  <c r="AE102636" i="1"/>
  <c r="AE102637" i="1"/>
  <c r="AE102638" i="1"/>
  <c r="AE102639" i="1"/>
  <c r="AE102640" i="1"/>
  <c r="AE102641" i="1"/>
  <c r="AE102642" i="1"/>
  <c r="AE102643" i="1"/>
  <c r="AE102644" i="1"/>
  <c r="AE102645" i="1"/>
  <c r="AE102646" i="1"/>
  <c r="AE102647" i="1"/>
  <c r="AE102648" i="1"/>
  <c r="AE102649" i="1"/>
  <c r="AE102650" i="1"/>
  <c r="AE102651" i="1"/>
  <c r="AE102652" i="1"/>
  <c r="AE102653" i="1"/>
  <c r="AE102654" i="1"/>
  <c r="AE102655" i="1"/>
  <c r="AE102656" i="1"/>
  <c r="AE102657" i="1"/>
  <c r="AE102658" i="1"/>
  <c r="AE102659" i="1"/>
  <c r="AE102660" i="1"/>
  <c r="AE102661" i="1"/>
  <c r="AE102662" i="1"/>
  <c r="AE102663" i="1"/>
  <c r="AE102664" i="1"/>
  <c r="AE102665" i="1"/>
  <c r="AE102666" i="1"/>
  <c r="AE102667" i="1"/>
  <c r="AE102668" i="1"/>
  <c r="AE102669" i="1"/>
  <c r="AE102670" i="1"/>
  <c r="AE102671" i="1"/>
  <c r="AE102672" i="1"/>
  <c r="AE102673" i="1"/>
  <c r="AE102674" i="1"/>
  <c r="AE102675" i="1"/>
  <c r="AE102676" i="1"/>
  <c r="AE102677" i="1"/>
  <c r="AE102678" i="1"/>
  <c r="AE102679" i="1"/>
  <c r="AE102680" i="1"/>
  <c r="AE102681" i="1"/>
  <c r="AE102682" i="1"/>
  <c r="AE102683" i="1"/>
  <c r="AE102684" i="1"/>
  <c r="AE102685" i="1"/>
  <c r="AE102686" i="1"/>
  <c r="AE102687" i="1"/>
  <c r="AE102688" i="1"/>
  <c r="AE102689" i="1"/>
  <c r="AE102690" i="1"/>
  <c r="AE102691" i="1"/>
  <c r="AE102692" i="1"/>
  <c r="AE102693" i="1"/>
  <c r="AE102694" i="1"/>
  <c r="AE102695" i="1"/>
  <c r="AE102696" i="1"/>
  <c r="AE102697" i="1"/>
  <c r="AE102698" i="1"/>
  <c r="AE102699" i="1"/>
  <c r="AE102700" i="1"/>
  <c r="AE102701" i="1"/>
  <c r="AE102702" i="1"/>
  <c r="AE102703" i="1"/>
  <c r="AE102704" i="1"/>
  <c r="AE102705" i="1"/>
  <c r="AE102706" i="1"/>
  <c r="AE102707" i="1"/>
  <c r="AE102708" i="1"/>
  <c r="AE102709" i="1"/>
  <c r="AE102710" i="1"/>
  <c r="AE102711" i="1"/>
  <c r="AE102712" i="1"/>
  <c r="AE102713" i="1"/>
  <c r="AE102714" i="1"/>
  <c r="AE102715" i="1"/>
  <c r="AE102716" i="1"/>
  <c r="AE102717" i="1"/>
  <c r="AE102718" i="1"/>
  <c r="AE102719" i="1"/>
  <c r="AE102720" i="1"/>
  <c r="AE102721" i="1"/>
  <c r="AE102722" i="1"/>
  <c r="AE102723" i="1"/>
  <c r="AE102724" i="1"/>
  <c r="AE102725" i="1"/>
  <c r="AE102726" i="1"/>
  <c r="AE102727" i="1"/>
  <c r="AE102728" i="1"/>
  <c r="AE102729" i="1"/>
  <c r="AE102730" i="1"/>
  <c r="AE102731" i="1"/>
  <c r="AE102732" i="1"/>
  <c r="AE102733" i="1"/>
  <c r="AE102734" i="1"/>
  <c r="AE102735" i="1"/>
  <c r="AE102736" i="1"/>
  <c r="AE102737" i="1"/>
  <c r="AE102738" i="1"/>
  <c r="AE102739" i="1"/>
  <c r="AE102740" i="1"/>
  <c r="AE102741" i="1"/>
  <c r="AE102742" i="1"/>
  <c r="AE102743" i="1"/>
  <c r="AE102744" i="1"/>
  <c r="AE102745" i="1"/>
  <c r="AE102746" i="1"/>
  <c r="AE102747" i="1"/>
  <c r="AE102748" i="1"/>
  <c r="AE102749" i="1"/>
  <c r="AE102750" i="1"/>
  <c r="AE102751" i="1"/>
  <c r="AE102752" i="1"/>
  <c r="AE102753" i="1"/>
  <c r="AE102754" i="1"/>
  <c r="AE102755" i="1"/>
  <c r="AE102756" i="1"/>
  <c r="AE102757" i="1"/>
  <c r="AE102758" i="1"/>
  <c r="AE102759" i="1"/>
  <c r="AE102760" i="1"/>
  <c r="AE102761" i="1"/>
  <c r="AE102762" i="1"/>
  <c r="AE102763" i="1"/>
  <c r="AE102764" i="1"/>
  <c r="AE102765" i="1"/>
  <c r="AE102766" i="1"/>
  <c r="AE102767" i="1"/>
  <c r="AE102768" i="1"/>
  <c r="AE102769" i="1"/>
  <c r="AE102770" i="1"/>
  <c r="AE102771" i="1"/>
  <c r="AE102772" i="1"/>
  <c r="AE102773" i="1"/>
  <c r="AE102774" i="1"/>
  <c r="AE102775" i="1"/>
  <c r="AE102776" i="1"/>
  <c r="AE102777" i="1"/>
  <c r="AE102778" i="1"/>
  <c r="AE102779" i="1"/>
  <c r="AE102780" i="1"/>
  <c r="AE102781" i="1"/>
  <c r="AE102782" i="1"/>
  <c r="AE102783" i="1"/>
  <c r="AE102784" i="1"/>
  <c r="AE102785" i="1"/>
  <c r="AE102786" i="1"/>
  <c r="AE102787" i="1"/>
  <c r="AE102788" i="1"/>
  <c r="AE102789" i="1"/>
  <c r="AE102790" i="1"/>
  <c r="AE102791" i="1"/>
  <c r="AE102792" i="1"/>
  <c r="AE102793" i="1"/>
  <c r="AE102794" i="1"/>
  <c r="AE102795" i="1"/>
  <c r="AE102796" i="1"/>
  <c r="AE102797" i="1"/>
  <c r="AE102798" i="1"/>
  <c r="AE102799" i="1"/>
  <c r="AE102800" i="1"/>
  <c r="AE102801" i="1"/>
  <c r="AE102802" i="1"/>
  <c r="AE102803" i="1"/>
  <c r="AE102804" i="1"/>
  <c r="AE102805" i="1"/>
  <c r="AE102806" i="1"/>
  <c r="AE102807" i="1"/>
  <c r="AE102808" i="1"/>
  <c r="AE102809" i="1"/>
  <c r="AE102810" i="1"/>
  <c r="AE102811" i="1"/>
  <c r="AE102812" i="1"/>
  <c r="AE102813" i="1"/>
  <c r="AE102814" i="1"/>
  <c r="AE102815" i="1"/>
  <c r="AE102816" i="1"/>
  <c r="AE102817" i="1"/>
  <c r="AE102818" i="1"/>
  <c r="AE102819" i="1"/>
  <c r="AE102820" i="1"/>
  <c r="AE102821" i="1"/>
  <c r="AE102822" i="1"/>
  <c r="AE102823" i="1"/>
  <c r="AE102824" i="1"/>
  <c r="AE102825" i="1"/>
  <c r="AE102826" i="1"/>
  <c r="AE102827" i="1"/>
  <c r="AE102828" i="1"/>
  <c r="AE102829" i="1"/>
  <c r="AE102830" i="1"/>
  <c r="AE102831" i="1"/>
  <c r="AE102832" i="1"/>
  <c r="AE102833" i="1"/>
  <c r="AE102834" i="1"/>
  <c r="AE102835" i="1"/>
  <c r="AE102836" i="1"/>
  <c r="AE102837" i="1"/>
  <c r="AE102838" i="1"/>
  <c r="AE102839" i="1"/>
  <c r="AE102840" i="1"/>
  <c r="AE102841" i="1"/>
  <c r="AE102842" i="1"/>
  <c r="AE102843" i="1"/>
  <c r="AE102844" i="1"/>
  <c r="AE102845" i="1"/>
  <c r="AE102846" i="1"/>
  <c r="AE102847" i="1"/>
  <c r="AE102848" i="1"/>
  <c r="AE102849" i="1"/>
  <c r="AE102850" i="1"/>
  <c r="AE102851" i="1"/>
  <c r="AE102852" i="1"/>
  <c r="AE102853" i="1"/>
  <c r="AE102854" i="1"/>
  <c r="AE102855" i="1"/>
  <c r="AE102856" i="1"/>
  <c r="AE102857" i="1"/>
  <c r="AE102858" i="1"/>
  <c r="AE102859" i="1"/>
  <c r="AE102860" i="1"/>
  <c r="AE102861" i="1"/>
  <c r="AE102862" i="1"/>
  <c r="AE102863" i="1"/>
  <c r="AE102864" i="1"/>
  <c r="AE102865" i="1"/>
  <c r="AE102866" i="1"/>
  <c r="AE102867" i="1"/>
  <c r="AE102868" i="1"/>
  <c r="AE102869" i="1"/>
  <c r="AE102870" i="1"/>
  <c r="AE102871" i="1"/>
  <c r="AE102872" i="1"/>
  <c r="AE102873" i="1"/>
  <c r="AE102874" i="1"/>
  <c r="AE102875" i="1"/>
  <c r="AE102876" i="1"/>
  <c r="AE102877" i="1"/>
  <c r="AE102878" i="1"/>
  <c r="AE102879" i="1"/>
  <c r="AE102880" i="1"/>
  <c r="AE102881" i="1"/>
  <c r="AE102882" i="1"/>
  <c r="AE102883" i="1"/>
  <c r="AE102884" i="1"/>
  <c r="AE102885" i="1"/>
  <c r="AE102886" i="1"/>
  <c r="AE102887" i="1"/>
  <c r="AE102888" i="1"/>
  <c r="AE102889" i="1"/>
  <c r="AE102890" i="1"/>
  <c r="AE102891" i="1"/>
  <c r="AE102892" i="1"/>
  <c r="AE102893" i="1"/>
  <c r="AE102894" i="1"/>
  <c r="AE102895" i="1"/>
  <c r="AE102896" i="1"/>
  <c r="AE102897" i="1"/>
  <c r="AE102898" i="1"/>
  <c r="AE102899" i="1"/>
  <c r="AE102900" i="1"/>
  <c r="AE102901" i="1"/>
  <c r="AE102902" i="1"/>
  <c r="AE102903" i="1"/>
  <c r="AE102904" i="1"/>
  <c r="AE102905" i="1"/>
  <c r="AE102906" i="1"/>
  <c r="AE102907" i="1"/>
  <c r="AE102908" i="1"/>
  <c r="AE102909" i="1"/>
  <c r="AE102910" i="1"/>
  <c r="AE102911" i="1"/>
  <c r="AE102912" i="1"/>
  <c r="AE102913" i="1"/>
  <c r="AE102914" i="1"/>
  <c r="AE102915" i="1"/>
  <c r="AE102916" i="1"/>
  <c r="AE102917" i="1"/>
  <c r="AE102918" i="1"/>
  <c r="AE102919" i="1"/>
  <c r="AE102920" i="1"/>
  <c r="AE102921" i="1"/>
  <c r="AE102922" i="1"/>
  <c r="AE102923" i="1"/>
  <c r="AE102924" i="1"/>
  <c r="AE102925" i="1"/>
  <c r="AE102926" i="1"/>
  <c r="AE102927" i="1"/>
  <c r="AE102928" i="1"/>
  <c r="AE102929" i="1"/>
  <c r="AE102930" i="1"/>
  <c r="AE102931" i="1"/>
  <c r="AE102932" i="1"/>
  <c r="AE102933" i="1"/>
  <c r="AE102934" i="1"/>
  <c r="AE102935" i="1"/>
  <c r="AE102936" i="1"/>
  <c r="AE102937" i="1"/>
  <c r="AE102938" i="1"/>
  <c r="AE102939" i="1"/>
  <c r="AE102940" i="1"/>
  <c r="AE102941" i="1"/>
  <c r="AE102942" i="1"/>
  <c r="AE102943" i="1"/>
  <c r="AE102944" i="1"/>
  <c r="AE102945" i="1"/>
  <c r="AE102946" i="1"/>
  <c r="AE102947" i="1"/>
  <c r="AE102948" i="1"/>
  <c r="AE102949" i="1"/>
  <c r="AE102950" i="1"/>
  <c r="AE102951" i="1"/>
  <c r="AE102952" i="1"/>
  <c r="AE102953" i="1"/>
  <c r="AE102954" i="1"/>
  <c r="AE102955" i="1"/>
  <c r="AE102956" i="1"/>
  <c r="AE102957" i="1"/>
  <c r="AE102958" i="1"/>
  <c r="AE102959" i="1"/>
  <c r="AE102960" i="1"/>
  <c r="AE102961" i="1"/>
  <c r="AE102962" i="1"/>
  <c r="AE102963" i="1"/>
  <c r="AE102964" i="1"/>
  <c r="AE102965" i="1"/>
  <c r="AE102966" i="1"/>
  <c r="AE102967" i="1"/>
  <c r="AE102968" i="1"/>
  <c r="AE102969" i="1"/>
  <c r="AE102970" i="1"/>
  <c r="AE102971" i="1"/>
  <c r="AE102972" i="1"/>
  <c r="AE102973" i="1"/>
  <c r="AE102974" i="1"/>
  <c r="AE102975" i="1"/>
  <c r="AE102976" i="1"/>
  <c r="AE102977" i="1"/>
  <c r="AE102978" i="1"/>
  <c r="AE102979" i="1"/>
  <c r="AE102980" i="1"/>
  <c r="AE102981" i="1"/>
  <c r="AE102982" i="1"/>
  <c r="AE102983" i="1"/>
  <c r="AE102984" i="1"/>
  <c r="AE102985" i="1"/>
  <c r="AE102986" i="1"/>
  <c r="AE102987" i="1"/>
  <c r="AE102988" i="1"/>
  <c r="AE102989" i="1"/>
  <c r="AE102990" i="1"/>
  <c r="AE102991" i="1"/>
  <c r="AE102992" i="1"/>
  <c r="AE102993" i="1"/>
  <c r="AE102994" i="1"/>
  <c r="AE102995" i="1"/>
  <c r="AE102996" i="1"/>
  <c r="AE102997" i="1"/>
  <c r="AE102998" i="1"/>
  <c r="AE102999" i="1"/>
  <c r="AE103000" i="1"/>
  <c r="AE103001" i="1"/>
  <c r="AE103002" i="1"/>
  <c r="AE103003" i="1"/>
  <c r="AE103004" i="1"/>
  <c r="AE103005" i="1"/>
  <c r="AE103006" i="1"/>
  <c r="AE103007" i="1"/>
  <c r="AE103008" i="1"/>
  <c r="AE103009" i="1"/>
  <c r="AE103010" i="1"/>
  <c r="AE103011" i="1"/>
  <c r="AE103012" i="1"/>
  <c r="AE103013" i="1"/>
  <c r="AE103014" i="1"/>
  <c r="AE103015" i="1"/>
  <c r="AE103016" i="1"/>
  <c r="AE103017" i="1"/>
  <c r="AE103018" i="1"/>
  <c r="AE103019" i="1"/>
  <c r="AE103020" i="1"/>
  <c r="AE103021" i="1"/>
  <c r="AE103022" i="1"/>
  <c r="AE103023" i="1"/>
  <c r="AE103024" i="1"/>
  <c r="AE103025" i="1"/>
  <c r="AE103026" i="1"/>
  <c r="AE103027" i="1"/>
  <c r="AE103028" i="1"/>
  <c r="AE103029" i="1"/>
  <c r="AE103030" i="1"/>
  <c r="AE103031" i="1"/>
  <c r="AE103032" i="1"/>
  <c r="AE103033" i="1"/>
  <c r="AE103034" i="1"/>
  <c r="AE103035" i="1"/>
  <c r="AE103036" i="1"/>
  <c r="AE103037" i="1"/>
  <c r="AE103038" i="1"/>
  <c r="AE103039" i="1"/>
  <c r="AE103040" i="1"/>
  <c r="AE103041" i="1"/>
  <c r="AE103042" i="1"/>
  <c r="AE103043" i="1"/>
  <c r="AE103044" i="1"/>
  <c r="AE103045" i="1"/>
  <c r="AE103046" i="1"/>
  <c r="AE103047" i="1"/>
  <c r="AE103048" i="1"/>
  <c r="AE103049" i="1"/>
  <c r="AE103050" i="1"/>
  <c r="AE103051" i="1"/>
  <c r="AE103052" i="1"/>
  <c r="AE103053" i="1"/>
  <c r="AE103054" i="1"/>
  <c r="AE103055" i="1"/>
  <c r="AE103056" i="1"/>
  <c r="AE103057" i="1"/>
  <c r="AE103058" i="1"/>
  <c r="AE103059" i="1"/>
  <c r="AE103060" i="1"/>
  <c r="AE103061" i="1"/>
  <c r="AE103062" i="1"/>
  <c r="AE103063" i="1"/>
  <c r="AE103064" i="1"/>
  <c r="AE103065" i="1"/>
  <c r="AE103066" i="1"/>
  <c r="AE103067" i="1"/>
  <c r="AE103068" i="1"/>
  <c r="AE103069" i="1"/>
  <c r="AE103070" i="1"/>
  <c r="AE103071" i="1"/>
  <c r="AE103072" i="1"/>
  <c r="AE103073" i="1"/>
  <c r="AE103074" i="1"/>
  <c r="AE103075" i="1"/>
  <c r="AE103076" i="1"/>
  <c r="AE103077" i="1"/>
  <c r="AE103078" i="1"/>
  <c r="AE103079" i="1"/>
  <c r="AE103080" i="1"/>
  <c r="AE103081" i="1"/>
  <c r="AE103082" i="1"/>
  <c r="AE103083" i="1"/>
  <c r="AE103084" i="1"/>
  <c r="AE103085" i="1"/>
  <c r="AE103086" i="1"/>
  <c r="AE103087" i="1"/>
  <c r="AE103088" i="1"/>
  <c r="AE103089" i="1"/>
  <c r="AE103090" i="1"/>
  <c r="AE103091" i="1"/>
  <c r="AE103092" i="1"/>
  <c r="AE103093" i="1"/>
  <c r="AE103094" i="1"/>
  <c r="AE103095" i="1"/>
  <c r="AE103096" i="1"/>
  <c r="AE103097" i="1"/>
  <c r="AE103098" i="1"/>
  <c r="AE103099" i="1"/>
  <c r="AE103100" i="1"/>
  <c r="AE103101" i="1"/>
  <c r="AE103102" i="1"/>
  <c r="AE103103" i="1"/>
  <c r="AE103104" i="1"/>
  <c r="AE103105" i="1"/>
  <c r="AE103106" i="1"/>
  <c r="AE103107" i="1"/>
  <c r="AE103108" i="1"/>
  <c r="AE103109" i="1"/>
  <c r="AE103110" i="1"/>
  <c r="AE103111" i="1"/>
  <c r="AE103112" i="1"/>
  <c r="AE103113" i="1"/>
  <c r="AE103114" i="1"/>
  <c r="AE103115" i="1"/>
  <c r="AE103116" i="1"/>
  <c r="AE103117" i="1"/>
  <c r="AE103118" i="1"/>
  <c r="AE103119" i="1"/>
  <c r="AE103120" i="1"/>
  <c r="AE103121" i="1"/>
  <c r="AE103122" i="1"/>
  <c r="AE103123" i="1"/>
  <c r="AE103124" i="1"/>
  <c r="AE103125" i="1"/>
  <c r="AE103126" i="1"/>
  <c r="AE103127" i="1"/>
  <c r="AE103128" i="1"/>
  <c r="AE103129" i="1"/>
  <c r="AE103130" i="1"/>
  <c r="AE103131" i="1"/>
  <c r="AE103132" i="1"/>
  <c r="AE103133" i="1"/>
  <c r="AE103134" i="1"/>
  <c r="AE103135" i="1"/>
  <c r="AE103136" i="1"/>
  <c r="AE103137" i="1"/>
  <c r="AE103138" i="1"/>
  <c r="AE103139" i="1"/>
  <c r="AE103140" i="1"/>
  <c r="AE103141" i="1"/>
  <c r="AE103142" i="1"/>
  <c r="AE103143" i="1"/>
  <c r="AE103144" i="1"/>
  <c r="AE103145" i="1"/>
  <c r="AE103146" i="1"/>
  <c r="AE103147" i="1"/>
  <c r="AE103148" i="1"/>
  <c r="AE103149" i="1"/>
  <c r="AE103150" i="1"/>
  <c r="AE103151" i="1"/>
  <c r="AE103152" i="1"/>
  <c r="AE103153" i="1"/>
  <c r="AE103154" i="1"/>
  <c r="AE103155" i="1"/>
  <c r="AE103156" i="1"/>
  <c r="AE103157" i="1"/>
  <c r="AE103158" i="1"/>
  <c r="AE103159" i="1"/>
  <c r="AE103160" i="1"/>
  <c r="AE103161" i="1"/>
  <c r="AE103162" i="1"/>
  <c r="AE103163" i="1"/>
  <c r="AE103164" i="1"/>
  <c r="AE103165" i="1"/>
  <c r="AE103166" i="1"/>
  <c r="AE103167" i="1"/>
  <c r="AE103168" i="1"/>
  <c r="AE103169" i="1"/>
  <c r="AE103170" i="1"/>
  <c r="AE103171" i="1"/>
  <c r="AE103172" i="1"/>
  <c r="AE103173" i="1"/>
  <c r="AE103174" i="1"/>
  <c r="AE103175" i="1"/>
  <c r="AE103176" i="1"/>
  <c r="AE103177" i="1"/>
  <c r="AE103178" i="1"/>
  <c r="AE103179" i="1"/>
  <c r="AE103180" i="1"/>
  <c r="AE103181" i="1"/>
  <c r="AE103182" i="1"/>
  <c r="AE103183" i="1"/>
  <c r="AE103184" i="1"/>
  <c r="AE103185" i="1"/>
  <c r="AE103186" i="1"/>
  <c r="AE103187" i="1"/>
  <c r="AE103188" i="1"/>
  <c r="AE103189" i="1"/>
  <c r="AE103190" i="1"/>
  <c r="AE103191" i="1"/>
  <c r="AE103192" i="1"/>
  <c r="AE103193" i="1"/>
  <c r="AE103194" i="1"/>
  <c r="AE103195" i="1"/>
  <c r="AE103196" i="1"/>
  <c r="AE103197" i="1"/>
  <c r="AE103198" i="1"/>
  <c r="AE103199" i="1"/>
  <c r="AE103200" i="1"/>
  <c r="AE103201" i="1"/>
  <c r="AE103202" i="1"/>
  <c r="AE103203" i="1"/>
  <c r="AE103204" i="1"/>
  <c r="AE103205" i="1"/>
  <c r="AE103206" i="1"/>
  <c r="AE103207" i="1"/>
  <c r="AE103208" i="1"/>
  <c r="AE103209" i="1"/>
  <c r="AE103210" i="1"/>
  <c r="AE103211" i="1"/>
  <c r="AE103212" i="1"/>
  <c r="AE103213" i="1"/>
  <c r="AE103214" i="1"/>
  <c r="AE103215" i="1"/>
  <c r="AE103216" i="1"/>
  <c r="AE103217" i="1"/>
  <c r="AE103218" i="1"/>
  <c r="AE103219" i="1"/>
  <c r="AE103220" i="1"/>
  <c r="AE103221" i="1"/>
  <c r="AE103222" i="1"/>
  <c r="AE103223" i="1"/>
  <c r="AE103224" i="1"/>
  <c r="AE103225" i="1"/>
  <c r="AE103226" i="1"/>
  <c r="AE103227" i="1"/>
  <c r="AE103228" i="1"/>
  <c r="AE103229" i="1"/>
  <c r="AE103230" i="1"/>
  <c r="AE103231" i="1"/>
  <c r="AE103232" i="1"/>
  <c r="AE103233" i="1"/>
  <c r="AE103234" i="1"/>
  <c r="AE103235" i="1"/>
  <c r="AE103236" i="1"/>
  <c r="AE103237" i="1"/>
  <c r="AE103238" i="1"/>
  <c r="AE103239" i="1"/>
  <c r="AE103240" i="1"/>
  <c r="AE103241" i="1"/>
  <c r="AE103242" i="1"/>
  <c r="AE103243" i="1"/>
  <c r="AE103244" i="1"/>
  <c r="AE103245" i="1"/>
  <c r="AE103246" i="1"/>
  <c r="AE103247" i="1"/>
  <c r="AE103248" i="1"/>
  <c r="AE103249" i="1"/>
  <c r="AE103250" i="1"/>
  <c r="AE103251" i="1"/>
  <c r="AE103252" i="1"/>
  <c r="AE103253" i="1"/>
  <c r="AE103254" i="1"/>
  <c r="AE103255" i="1"/>
  <c r="AE103256" i="1"/>
  <c r="AE103257" i="1"/>
  <c r="AE103258" i="1"/>
  <c r="AE103259" i="1"/>
  <c r="AE103260" i="1"/>
  <c r="AE103261" i="1"/>
  <c r="AE103262" i="1"/>
  <c r="AE103263" i="1"/>
  <c r="AE103264" i="1"/>
  <c r="AE103265" i="1"/>
  <c r="AE103266" i="1"/>
  <c r="AE103267" i="1"/>
  <c r="AE103268" i="1"/>
  <c r="AE103269" i="1"/>
  <c r="AE103270" i="1"/>
  <c r="AE103271" i="1"/>
  <c r="AE103272" i="1"/>
  <c r="AE103273" i="1"/>
  <c r="AE103274" i="1"/>
  <c r="AE103275" i="1"/>
  <c r="AE103276" i="1"/>
  <c r="AE103277" i="1"/>
  <c r="AE103278" i="1"/>
  <c r="AE103279" i="1"/>
  <c r="AE103280" i="1"/>
  <c r="AE103281" i="1"/>
  <c r="AE103282" i="1"/>
  <c r="AE103283" i="1"/>
  <c r="AE103284" i="1"/>
  <c r="AE103285" i="1"/>
  <c r="AE103286" i="1"/>
  <c r="AE103287" i="1"/>
  <c r="AE103288" i="1"/>
  <c r="AE103289" i="1"/>
  <c r="AE103290" i="1"/>
  <c r="AE103291" i="1"/>
  <c r="AE103292" i="1"/>
  <c r="AE103293" i="1"/>
  <c r="AE103294" i="1"/>
  <c r="AE103295" i="1"/>
  <c r="AE103296" i="1"/>
  <c r="AE103297" i="1"/>
  <c r="AE103298" i="1"/>
  <c r="AE103299" i="1"/>
  <c r="AE103300" i="1"/>
  <c r="AE103301" i="1"/>
  <c r="AE103302" i="1"/>
  <c r="AE103303" i="1"/>
  <c r="AE103304" i="1"/>
  <c r="AE103305" i="1"/>
  <c r="AE103306" i="1"/>
  <c r="AE103307" i="1"/>
  <c r="AE103308" i="1"/>
  <c r="AE103309" i="1"/>
  <c r="AE103310" i="1"/>
  <c r="AE103311" i="1"/>
  <c r="AE103312" i="1"/>
  <c r="AE103313" i="1"/>
  <c r="AE103314" i="1"/>
  <c r="AE103315" i="1"/>
  <c r="AE103316" i="1"/>
  <c r="AE103317" i="1"/>
  <c r="AE103318" i="1"/>
  <c r="AE103319" i="1"/>
  <c r="AE103320" i="1"/>
  <c r="AE103321" i="1"/>
  <c r="AE103322" i="1"/>
  <c r="AE103323" i="1"/>
  <c r="AE103324" i="1"/>
  <c r="AE103325" i="1"/>
  <c r="AE103326" i="1"/>
  <c r="AE103327" i="1"/>
  <c r="AE103328" i="1"/>
  <c r="AE103329" i="1"/>
  <c r="AE103330" i="1"/>
  <c r="AE103331" i="1"/>
  <c r="AE103332" i="1"/>
  <c r="AE103333" i="1"/>
  <c r="AE103334" i="1"/>
  <c r="AE103335" i="1"/>
  <c r="AE103336" i="1"/>
  <c r="AE103337" i="1"/>
  <c r="AE103338" i="1"/>
  <c r="AE103339" i="1"/>
  <c r="AE103340" i="1"/>
  <c r="AE103341" i="1"/>
  <c r="AE103342" i="1"/>
  <c r="AE103343" i="1"/>
  <c r="AE103344" i="1"/>
  <c r="AE103345" i="1"/>
  <c r="AE103346" i="1"/>
  <c r="AE103347" i="1"/>
  <c r="AE103348" i="1"/>
  <c r="AE103349" i="1"/>
  <c r="AE103350" i="1"/>
  <c r="AE103351" i="1"/>
  <c r="AE103352" i="1"/>
  <c r="AE103353" i="1"/>
  <c r="AE103354" i="1"/>
  <c r="AE103355" i="1"/>
  <c r="AE103356" i="1"/>
  <c r="AE103357" i="1"/>
  <c r="AE103358" i="1"/>
  <c r="AE103359" i="1"/>
  <c r="AE103360" i="1"/>
  <c r="AE103361" i="1"/>
  <c r="AE103362" i="1"/>
  <c r="AE103363" i="1"/>
  <c r="AE103364" i="1"/>
  <c r="AE103365" i="1"/>
  <c r="AE103366" i="1"/>
  <c r="AE103367" i="1"/>
  <c r="AE103368" i="1"/>
  <c r="AE103369" i="1"/>
  <c r="AE103370" i="1"/>
  <c r="AE103371" i="1"/>
  <c r="AE103372" i="1"/>
  <c r="AE103373" i="1"/>
  <c r="AE103374" i="1"/>
  <c r="AE103375" i="1"/>
  <c r="AE103376" i="1"/>
  <c r="AE103377" i="1"/>
  <c r="AE103378" i="1"/>
  <c r="AE103379" i="1"/>
  <c r="AE103380" i="1"/>
  <c r="AE103381" i="1"/>
  <c r="AE103382" i="1"/>
  <c r="AE103383" i="1"/>
  <c r="AE103384" i="1"/>
  <c r="AE103385" i="1"/>
  <c r="AE103386" i="1"/>
  <c r="AE103387" i="1"/>
  <c r="AE103388" i="1"/>
  <c r="AE103389" i="1"/>
  <c r="AE103390" i="1"/>
  <c r="AE103391" i="1"/>
  <c r="AE103392" i="1"/>
  <c r="AE103393" i="1"/>
  <c r="AE103394" i="1"/>
  <c r="AE103395" i="1"/>
  <c r="AE103396" i="1"/>
  <c r="AE103397" i="1"/>
  <c r="AE103398" i="1"/>
  <c r="AE103399" i="1"/>
  <c r="AE103400" i="1"/>
  <c r="AE103401" i="1"/>
  <c r="AE103402" i="1"/>
  <c r="AE103403" i="1"/>
  <c r="AE103404" i="1"/>
  <c r="AE103405" i="1"/>
  <c r="AE103406" i="1"/>
  <c r="AE103407" i="1"/>
  <c r="AE103408" i="1"/>
  <c r="AE103409" i="1"/>
  <c r="AE103410" i="1"/>
  <c r="AE103411" i="1"/>
  <c r="AE103412" i="1"/>
  <c r="AE103413" i="1"/>
  <c r="AE103414" i="1"/>
  <c r="AE103415" i="1"/>
  <c r="AE103416" i="1"/>
  <c r="AE103417" i="1"/>
  <c r="AE103418" i="1"/>
  <c r="AE103419" i="1"/>
  <c r="AE103420" i="1"/>
  <c r="AE103421" i="1"/>
  <c r="AE103422" i="1"/>
  <c r="AE103423" i="1"/>
  <c r="AE103424" i="1"/>
  <c r="AE103425" i="1"/>
  <c r="AE103426" i="1"/>
  <c r="AE103427" i="1"/>
  <c r="AE103428" i="1"/>
  <c r="AE103429" i="1"/>
  <c r="AE103430" i="1"/>
  <c r="AE103431" i="1"/>
  <c r="AE103432" i="1"/>
  <c r="AE103433" i="1"/>
  <c r="AE103434" i="1"/>
  <c r="AE103435" i="1"/>
  <c r="AE103436" i="1"/>
  <c r="AE103437" i="1"/>
  <c r="AE103438" i="1"/>
  <c r="AE103439" i="1"/>
  <c r="AE103440" i="1"/>
  <c r="AE103441" i="1"/>
  <c r="AE103442" i="1"/>
  <c r="AE103443" i="1"/>
  <c r="AE103444" i="1"/>
  <c r="AE103445" i="1"/>
  <c r="AE103446" i="1"/>
  <c r="AE103447" i="1"/>
  <c r="AE103448" i="1"/>
  <c r="AE103449" i="1"/>
  <c r="AE103450" i="1"/>
  <c r="AE103451" i="1"/>
  <c r="AE103452" i="1"/>
  <c r="AE103453" i="1"/>
  <c r="AE103454" i="1"/>
  <c r="AE103455" i="1"/>
  <c r="AE103456" i="1"/>
  <c r="AE103457" i="1"/>
  <c r="AE103458" i="1"/>
  <c r="AE103459" i="1"/>
  <c r="AE103460" i="1"/>
  <c r="AE103461" i="1"/>
  <c r="AE103462" i="1"/>
  <c r="AE103463" i="1"/>
  <c r="AE103464" i="1"/>
  <c r="AE103465" i="1"/>
  <c r="AE103466" i="1"/>
  <c r="AE103467" i="1"/>
  <c r="AE103468" i="1"/>
  <c r="AE103469" i="1"/>
  <c r="AE103470" i="1"/>
  <c r="AE103471" i="1"/>
  <c r="AE103472" i="1"/>
  <c r="AE103473" i="1"/>
  <c r="AE103474" i="1"/>
  <c r="AE103475" i="1"/>
  <c r="AE103476" i="1"/>
  <c r="AE103477" i="1"/>
  <c r="AE103478" i="1"/>
  <c r="AE103479" i="1"/>
  <c r="AE103480" i="1"/>
  <c r="AE103481" i="1"/>
  <c r="AE103482" i="1"/>
  <c r="AE103483" i="1"/>
  <c r="AE103484" i="1"/>
  <c r="AE103485" i="1"/>
  <c r="AE103486" i="1"/>
  <c r="AE103487" i="1"/>
  <c r="AE103488" i="1"/>
  <c r="AE103489" i="1"/>
  <c r="AE103490" i="1"/>
  <c r="AE103491" i="1"/>
  <c r="AE103492" i="1"/>
  <c r="AE103493" i="1"/>
  <c r="AE103494" i="1"/>
  <c r="AE103495" i="1"/>
  <c r="AE103496" i="1"/>
  <c r="AE103497" i="1"/>
  <c r="AE103498" i="1"/>
  <c r="AE103499" i="1"/>
  <c r="AE103500" i="1"/>
  <c r="AE103501" i="1"/>
  <c r="AE103502" i="1"/>
  <c r="AE103503" i="1"/>
  <c r="AE103504" i="1"/>
  <c r="AE103505" i="1"/>
  <c r="AE103506" i="1"/>
  <c r="AE103507" i="1"/>
  <c r="AE103508" i="1"/>
  <c r="AE103509" i="1"/>
  <c r="AE103510" i="1"/>
  <c r="AE103511" i="1"/>
  <c r="AE103512" i="1"/>
  <c r="AE103513" i="1"/>
  <c r="AE103514" i="1"/>
  <c r="AE103515" i="1"/>
  <c r="AE103516" i="1"/>
  <c r="AE103517" i="1"/>
  <c r="AE103518" i="1"/>
  <c r="AE103519" i="1"/>
  <c r="AE103520" i="1"/>
  <c r="AE103521" i="1"/>
  <c r="AE103522" i="1"/>
  <c r="AE103523" i="1"/>
  <c r="AE103524" i="1"/>
  <c r="AE103525" i="1"/>
  <c r="AE103526" i="1"/>
  <c r="AE103527" i="1"/>
  <c r="AE103528" i="1"/>
  <c r="AE103529" i="1"/>
  <c r="AE103530" i="1"/>
  <c r="AE103531" i="1"/>
  <c r="AE103532" i="1"/>
  <c r="AE103533" i="1"/>
  <c r="AE103534" i="1"/>
  <c r="AE103535" i="1"/>
  <c r="AE103536" i="1"/>
  <c r="AE103537" i="1"/>
  <c r="AE103538" i="1"/>
  <c r="AE103539" i="1"/>
  <c r="AE103540" i="1"/>
  <c r="AE103541" i="1"/>
  <c r="AE103542" i="1"/>
  <c r="AE103543" i="1"/>
  <c r="AE103544" i="1"/>
  <c r="AE103545" i="1"/>
  <c r="AE103546" i="1"/>
  <c r="AE103547" i="1"/>
  <c r="AE103548" i="1"/>
  <c r="AE103549" i="1"/>
  <c r="AE103550" i="1"/>
  <c r="AE103551" i="1"/>
  <c r="AE103552" i="1"/>
  <c r="AE103553" i="1"/>
  <c r="AE103554" i="1"/>
  <c r="AE103555" i="1"/>
  <c r="AE103556" i="1"/>
  <c r="AE103557" i="1"/>
  <c r="AE103558" i="1"/>
  <c r="AE103559" i="1"/>
  <c r="AE103560" i="1"/>
  <c r="AE103561" i="1"/>
  <c r="AE103562" i="1"/>
  <c r="AE103563" i="1"/>
  <c r="AE103564" i="1"/>
  <c r="AE103565" i="1"/>
  <c r="AE103566" i="1"/>
  <c r="AE103567" i="1"/>
  <c r="AE103568" i="1"/>
  <c r="AE103569" i="1"/>
  <c r="AE103570" i="1"/>
  <c r="AE103571" i="1"/>
  <c r="AE103572" i="1"/>
  <c r="AE103573" i="1"/>
  <c r="AE103574" i="1"/>
  <c r="AE103575" i="1"/>
  <c r="AE103576" i="1"/>
  <c r="AE103577" i="1"/>
  <c r="AE103578" i="1"/>
  <c r="AE103579" i="1"/>
  <c r="AE103580" i="1"/>
  <c r="AE103581" i="1"/>
  <c r="AE103582" i="1"/>
  <c r="AE103583" i="1"/>
  <c r="AE103584" i="1"/>
  <c r="AE103585" i="1"/>
  <c r="AE103586" i="1"/>
  <c r="AE103587" i="1"/>
  <c r="AE103588" i="1"/>
  <c r="AE103589" i="1"/>
  <c r="AE103590" i="1"/>
  <c r="AE103591" i="1"/>
  <c r="AE103592" i="1"/>
  <c r="AE103593" i="1"/>
  <c r="AE103594" i="1"/>
  <c r="AE103595" i="1"/>
  <c r="AE103596" i="1"/>
  <c r="AE103597" i="1"/>
  <c r="AE103598" i="1"/>
  <c r="AE103599" i="1"/>
  <c r="AE103600" i="1"/>
  <c r="AE103601" i="1"/>
  <c r="AE103602" i="1"/>
  <c r="AE103603" i="1"/>
  <c r="AE103604" i="1"/>
  <c r="AE103605" i="1"/>
  <c r="AE103606" i="1"/>
  <c r="AE103607" i="1"/>
  <c r="AE103608" i="1"/>
  <c r="AE103609" i="1"/>
  <c r="AE103610" i="1"/>
  <c r="AE103611" i="1"/>
  <c r="AE103612" i="1"/>
  <c r="AE103613" i="1"/>
  <c r="AE103614" i="1"/>
  <c r="AE103615" i="1"/>
  <c r="AE103616" i="1"/>
  <c r="AE103617" i="1"/>
  <c r="AE103618" i="1"/>
  <c r="AE103619" i="1"/>
  <c r="AE103620" i="1"/>
  <c r="AE103621" i="1"/>
  <c r="AE103622" i="1"/>
  <c r="AE103623" i="1"/>
  <c r="AE103624" i="1"/>
  <c r="AE103625" i="1"/>
  <c r="AE103626" i="1"/>
  <c r="AE103627" i="1"/>
  <c r="AE103628" i="1"/>
  <c r="AE103629" i="1"/>
  <c r="AE103630" i="1"/>
  <c r="AE103631" i="1"/>
  <c r="AE103632" i="1"/>
  <c r="AE103633" i="1"/>
  <c r="AE103634" i="1"/>
  <c r="AE103635" i="1"/>
  <c r="AE103636" i="1"/>
  <c r="AE103637" i="1"/>
  <c r="AE103638" i="1"/>
  <c r="AE103639" i="1"/>
  <c r="AE103640" i="1"/>
  <c r="AE103641" i="1"/>
  <c r="AE103642" i="1"/>
  <c r="AE103643" i="1"/>
  <c r="AE103644" i="1"/>
  <c r="AE103645" i="1"/>
  <c r="AE103646" i="1"/>
  <c r="AE103647" i="1"/>
  <c r="AE103648" i="1"/>
  <c r="AE103649" i="1"/>
  <c r="AE103650" i="1"/>
  <c r="AE103651" i="1"/>
  <c r="AE103652" i="1"/>
  <c r="AE103653" i="1"/>
  <c r="AE103654" i="1"/>
  <c r="AE103655" i="1"/>
  <c r="AE103656" i="1"/>
  <c r="AE103657" i="1"/>
  <c r="AE103658" i="1"/>
  <c r="AE103659" i="1"/>
  <c r="AE103660" i="1"/>
  <c r="AE103661" i="1"/>
  <c r="AE103662" i="1"/>
  <c r="AE103663" i="1"/>
  <c r="AE103664" i="1"/>
  <c r="AE103665" i="1"/>
  <c r="AE103666" i="1"/>
  <c r="AE103667" i="1"/>
  <c r="AE103668" i="1"/>
  <c r="AE103669" i="1"/>
  <c r="AE103670" i="1"/>
  <c r="AE103671" i="1"/>
  <c r="AE103672" i="1"/>
  <c r="AE103673" i="1"/>
  <c r="AE103674" i="1"/>
  <c r="AE103675" i="1"/>
  <c r="AE103676" i="1"/>
  <c r="AE103677" i="1"/>
  <c r="AE103678" i="1"/>
  <c r="AE103679" i="1"/>
  <c r="AE103680" i="1"/>
  <c r="AE103681" i="1"/>
  <c r="AE103682" i="1"/>
  <c r="AE103683" i="1"/>
  <c r="AE103684" i="1"/>
  <c r="AE103685" i="1"/>
  <c r="AE103686" i="1"/>
  <c r="AE103687" i="1"/>
  <c r="AE103688" i="1"/>
  <c r="AE103689" i="1"/>
  <c r="AE103690" i="1"/>
  <c r="AE103691" i="1"/>
  <c r="AE103692" i="1"/>
  <c r="AE103693" i="1"/>
  <c r="AE103694" i="1"/>
  <c r="AE103695" i="1"/>
  <c r="AE103696" i="1"/>
  <c r="AE103697" i="1"/>
  <c r="AE103698" i="1"/>
  <c r="AE103699" i="1"/>
  <c r="AE103700" i="1"/>
  <c r="AE103701" i="1"/>
  <c r="AE103702" i="1"/>
  <c r="AE103703" i="1"/>
  <c r="AE103704" i="1"/>
  <c r="AE103705" i="1"/>
  <c r="AE103706" i="1"/>
  <c r="AE103707" i="1"/>
  <c r="AE103708" i="1"/>
  <c r="AE103709" i="1"/>
  <c r="AE103710" i="1"/>
  <c r="AE103711" i="1"/>
  <c r="AE103712" i="1"/>
  <c r="AE103713" i="1"/>
  <c r="AE103714" i="1"/>
  <c r="AE103715" i="1"/>
  <c r="AE103716" i="1"/>
  <c r="AE103717" i="1"/>
  <c r="AE103718" i="1"/>
  <c r="AE103719" i="1"/>
  <c r="AE103720" i="1"/>
  <c r="AE103721" i="1"/>
  <c r="AE103722" i="1"/>
  <c r="AE103723" i="1"/>
  <c r="AE103724" i="1"/>
  <c r="AE103725" i="1"/>
  <c r="AE103726" i="1"/>
  <c r="AE103727" i="1"/>
  <c r="AE103728" i="1"/>
  <c r="AE103729" i="1"/>
  <c r="AE103730" i="1"/>
  <c r="AE103731" i="1"/>
  <c r="AE103732" i="1"/>
  <c r="AE103733" i="1"/>
  <c r="AE103734" i="1"/>
  <c r="AE103735" i="1"/>
  <c r="AE103736" i="1"/>
  <c r="AE103737" i="1"/>
  <c r="AE103738" i="1"/>
  <c r="AE103739" i="1"/>
  <c r="AE103740" i="1"/>
  <c r="AE103741" i="1"/>
  <c r="AE103742" i="1"/>
  <c r="AE103743" i="1"/>
  <c r="AE103744" i="1"/>
  <c r="AE103745" i="1"/>
  <c r="AE103746" i="1"/>
  <c r="AE103747" i="1"/>
  <c r="AE103748" i="1"/>
  <c r="AE103749" i="1"/>
  <c r="AE103750" i="1"/>
  <c r="AE103751" i="1"/>
  <c r="AE103752" i="1"/>
  <c r="AE103753" i="1"/>
  <c r="AE103754" i="1"/>
  <c r="AE103755" i="1"/>
  <c r="AE103756" i="1"/>
  <c r="AE103757" i="1"/>
  <c r="AE103758" i="1"/>
  <c r="AE103759" i="1"/>
  <c r="AE103760" i="1"/>
  <c r="AE103761" i="1"/>
  <c r="AE103762" i="1"/>
  <c r="AE103763" i="1"/>
  <c r="AE103764" i="1"/>
  <c r="AE103765" i="1"/>
  <c r="AE103766" i="1"/>
  <c r="AE103767" i="1"/>
  <c r="AE103768" i="1"/>
  <c r="AE103769" i="1"/>
  <c r="AE103770" i="1"/>
  <c r="AE103771" i="1"/>
  <c r="AE103772" i="1"/>
  <c r="AE103773" i="1"/>
  <c r="AE103774" i="1"/>
  <c r="AE103775" i="1"/>
  <c r="AE103776" i="1"/>
  <c r="AE103777" i="1"/>
  <c r="AE103778" i="1"/>
  <c r="AE103779" i="1"/>
  <c r="AE103780" i="1"/>
  <c r="AE103781" i="1"/>
  <c r="AE103782" i="1"/>
  <c r="AE103783" i="1"/>
  <c r="AE103784" i="1"/>
  <c r="AE103785" i="1"/>
  <c r="AE103786" i="1"/>
  <c r="AE103787" i="1"/>
  <c r="AE103788" i="1"/>
  <c r="AE103789" i="1"/>
  <c r="AE103790" i="1"/>
  <c r="AE103791" i="1"/>
  <c r="AE103792" i="1"/>
  <c r="AE103793" i="1"/>
  <c r="AE103794" i="1"/>
  <c r="AE103795" i="1"/>
  <c r="AE103796" i="1"/>
  <c r="AE103797" i="1"/>
  <c r="AE103798" i="1"/>
  <c r="AE103799" i="1"/>
  <c r="AE103800" i="1"/>
  <c r="AE103801" i="1"/>
  <c r="AE103802" i="1"/>
  <c r="AE103803" i="1"/>
  <c r="AE103804" i="1"/>
  <c r="AE103805" i="1"/>
  <c r="AE103806" i="1"/>
  <c r="AE103807" i="1"/>
  <c r="AE103808" i="1"/>
  <c r="AE103809" i="1"/>
  <c r="AE103810" i="1"/>
  <c r="AE103811" i="1"/>
  <c r="AE103812" i="1"/>
  <c r="AE103813" i="1"/>
  <c r="AE103814" i="1"/>
  <c r="AE103815" i="1"/>
  <c r="AE103816" i="1"/>
  <c r="AE103817" i="1"/>
  <c r="AE103818" i="1"/>
  <c r="AE103819" i="1"/>
  <c r="AE103820" i="1"/>
  <c r="AE103821" i="1"/>
  <c r="AE103822" i="1"/>
  <c r="AE103823" i="1"/>
  <c r="AE103824" i="1"/>
  <c r="AE103825" i="1"/>
  <c r="AE103826" i="1"/>
  <c r="AE103827" i="1"/>
  <c r="AE103828" i="1"/>
  <c r="AE103829" i="1"/>
  <c r="AE103830" i="1"/>
  <c r="AE103831" i="1"/>
  <c r="AE103832" i="1"/>
  <c r="AE103833" i="1"/>
  <c r="AE103834" i="1"/>
  <c r="AE103835" i="1"/>
  <c r="AE103836" i="1"/>
  <c r="AE103837" i="1"/>
  <c r="AE103838" i="1"/>
  <c r="AE103839" i="1"/>
  <c r="AE103840" i="1"/>
  <c r="AE103841" i="1"/>
  <c r="AE103842" i="1"/>
  <c r="AE103843" i="1"/>
  <c r="AE103844" i="1"/>
  <c r="AE103845" i="1"/>
  <c r="AE103846" i="1"/>
  <c r="AE103847" i="1"/>
  <c r="AE103848" i="1"/>
  <c r="AE103849" i="1"/>
  <c r="AE103850" i="1"/>
  <c r="AE103851" i="1"/>
  <c r="AE103852" i="1"/>
  <c r="AE103853" i="1"/>
  <c r="AE103854" i="1"/>
  <c r="AE103855" i="1"/>
  <c r="AE103856" i="1"/>
  <c r="AE103857" i="1"/>
  <c r="AE103858" i="1"/>
  <c r="AE103859" i="1"/>
  <c r="AE103860" i="1"/>
  <c r="AE103861" i="1"/>
  <c r="AE103862" i="1"/>
  <c r="AE103863" i="1"/>
  <c r="AE103864" i="1"/>
  <c r="AE103865" i="1"/>
  <c r="AE103866" i="1"/>
  <c r="AE103867" i="1"/>
  <c r="AE103868" i="1"/>
  <c r="AE103869" i="1"/>
  <c r="AE103870" i="1"/>
  <c r="AE103871" i="1"/>
  <c r="AE103872" i="1"/>
  <c r="AE103873" i="1"/>
  <c r="AE103874" i="1"/>
  <c r="AE103875" i="1"/>
  <c r="AE103876" i="1"/>
  <c r="AE103877" i="1"/>
  <c r="AE103878" i="1"/>
  <c r="AE103879" i="1"/>
  <c r="AE103880" i="1"/>
  <c r="AE103881" i="1"/>
  <c r="AE103882" i="1"/>
  <c r="AE103883" i="1"/>
  <c r="AE103884" i="1"/>
  <c r="AE103885" i="1"/>
  <c r="AE103886" i="1"/>
  <c r="AE103887" i="1"/>
  <c r="AE103888" i="1"/>
  <c r="AE103889" i="1"/>
  <c r="AE103890" i="1"/>
  <c r="AE103891" i="1"/>
  <c r="AE103892" i="1"/>
  <c r="AE103893" i="1"/>
  <c r="AE103894" i="1"/>
  <c r="AE103895" i="1"/>
  <c r="AE103896" i="1"/>
  <c r="AE103897" i="1"/>
  <c r="AE103898" i="1"/>
  <c r="AE103899" i="1"/>
  <c r="AE103900" i="1"/>
  <c r="AE103901" i="1"/>
  <c r="AE103902" i="1"/>
  <c r="AE103903" i="1"/>
  <c r="AE103904" i="1"/>
  <c r="AE103905" i="1"/>
  <c r="AE103906" i="1"/>
  <c r="AE103907" i="1"/>
  <c r="AE103908" i="1"/>
  <c r="AE103909" i="1"/>
  <c r="AE103910" i="1"/>
  <c r="AE103911" i="1"/>
  <c r="AE103912" i="1"/>
  <c r="AE103913" i="1"/>
  <c r="AE103914" i="1"/>
  <c r="AE103915" i="1"/>
  <c r="AE103916" i="1"/>
  <c r="AE103917" i="1"/>
  <c r="AE103918" i="1"/>
  <c r="AE103919" i="1"/>
  <c r="AE103920" i="1"/>
  <c r="AE103921" i="1"/>
  <c r="AE103922" i="1"/>
  <c r="AE103923" i="1"/>
  <c r="AE103924" i="1"/>
  <c r="AE103925" i="1"/>
  <c r="AE103926" i="1"/>
  <c r="AE103927" i="1"/>
  <c r="AE103928" i="1"/>
  <c r="AE103929" i="1"/>
  <c r="AE103930" i="1"/>
  <c r="AE103931" i="1"/>
  <c r="AE103932" i="1"/>
  <c r="AE103933" i="1"/>
  <c r="AE103934" i="1"/>
  <c r="AE103935" i="1"/>
  <c r="AE103936" i="1"/>
  <c r="AE103937" i="1"/>
  <c r="AE103938" i="1"/>
  <c r="AE103939" i="1"/>
  <c r="AE103940" i="1"/>
  <c r="AE103941" i="1"/>
  <c r="AE103942" i="1"/>
  <c r="AE103943" i="1"/>
  <c r="AE103944" i="1"/>
  <c r="AE103945" i="1"/>
  <c r="AE103946" i="1"/>
  <c r="AE103947" i="1"/>
  <c r="AE103948" i="1"/>
  <c r="AE103949" i="1"/>
  <c r="AE103950" i="1"/>
  <c r="AE103951" i="1"/>
  <c r="AE103952" i="1"/>
  <c r="AE103953" i="1"/>
  <c r="AE103954" i="1"/>
  <c r="AE103955" i="1"/>
  <c r="AE103956" i="1"/>
  <c r="AE103957" i="1"/>
  <c r="AE103958" i="1"/>
  <c r="AE103959" i="1"/>
  <c r="AE103960" i="1"/>
  <c r="AE103961" i="1"/>
  <c r="AE103962" i="1"/>
  <c r="AE103963" i="1"/>
  <c r="AE103964" i="1"/>
  <c r="AE103965" i="1"/>
  <c r="AE103966" i="1"/>
  <c r="AE103967" i="1"/>
  <c r="AE103968" i="1"/>
  <c r="AE103969" i="1"/>
  <c r="AE103970" i="1"/>
  <c r="AE103971" i="1"/>
  <c r="AE103972" i="1"/>
  <c r="AE103973" i="1"/>
  <c r="AE103974" i="1"/>
  <c r="AE103975" i="1"/>
  <c r="AE103976" i="1"/>
  <c r="AE103977" i="1"/>
  <c r="AE103978" i="1"/>
  <c r="AE103979" i="1"/>
  <c r="AE103980" i="1"/>
  <c r="AE103981" i="1"/>
  <c r="AE103982" i="1"/>
  <c r="AE103983" i="1"/>
  <c r="AE103984" i="1"/>
  <c r="AE103985" i="1"/>
  <c r="AE103986" i="1"/>
  <c r="AE103987" i="1"/>
  <c r="AE103988" i="1"/>
  <c r="AE103989" i="1"/>
  <c r="AE103990" i="1"/>
  <c r="AE103991" i="1"/>
  <c r="AE103992" i="1"/>
  <c r="AE103993" i="1"/>
  <c r="AE103994" i="1"/>
  <c r="AE103995" i="1"/>
  <c r="AE103996" i="1"/>
  <c r="AE103997" i="1"/>
  <c r="AE103998" i="1"/>
  <c r="AE103999" i="1"/>
  <c r="AE104000" i="1"/>
  <c r="AE104001" i="1"/>
  <c r="AE104002" i="1"/>
  <c r="AE104003" i="1"/>
  <c r="AE104004" i="1"/>
  <c r="AE104005" i="1"/>
  <c r="AE104006" i="1"/>
  <c r="AE104007" i="1"/>
  <c r="AE104008" i="1"/>
  <c r="AE104009" i="1"/>
  <c r="AE104010" i="1"/>
  <c r="AE104011" i="1"/>
  <c r="AE104012" i="1"/>
  <c r="AE104013" i="1"/>
  <c r="AE104014" i="1"/>
  <c r="AE104015" i="1"/>
  <c r="AE104016" i="1"/>
  <c r="AE104017" i="1"/>
  <c r="AE104018" i="1"/>
  <c r="AE104019" i="1"/>
  <c r="AE104020" i="1"/>
  <c r="AE104021" i="1"/>
  <c r="AE104022" i="1"/>
  <c r="AE104023" i="1"/>
  <c r="AE104024" i="1"/>
  <c r="AE104025" i="1"/>
  <c r="AE104026" i="1"/>
  <c r="AE104027" i="1"/>
  <c r="AE104028" i="1"/>
  <c r="AE104029" i="1"/>
  <c r="AE104030" i="1"/>
  <c r="AE104031" i="1"/>
  <c r="AE104032" i="1"/>
  <c r="AE104033" i="1"/>
  <c r="AE104034" i="1"/>
  <c r="AE104035" i="1"/>
  <c r="AE104036" i="1"/>
  <c r="AE104037" i="1"/>
  <c r="AE104038" i="1"/>
  <c r="AE104039" i="1"/>
  <c r="AE104040" i="1"/>
  <c r="AE104041" i="1"/>
  <c r="AE104042" i="1"/>
  <c r="AE104043" i="1"/>
  <c r="AE104044" i="1"/>
  <c r="AE104045" i="1"/>
  <c r="AE104046" i="1"/>
  <c r="AE104047" i="1"/>
  <c r="AE104048" i="1"/>
  <c r="AE104049" i="1"/>
  <c r="AE104050" i="1"/>
  <c r="AE104051" i="1"/>
  <c r="AE104052" i="1"/>
  <c r="AE104053" i="1"/>
  <c r="AE104054" i="1"/>
  <c r="AE104055" i="1"/>
  <c r="AE104056" i="1"/>
  <c r="AE104057" i="1"/>
  <c r="AE104058" i="1"/>
  <c r="AE104059" i="1"/>
  <c r="AE104060" i="1"/>
  <c r="AE104061" i="1"/>
  <c r="AE104062" i="1"/>
  <c r="AE104063" i="1"/>
  <c r="AE104064" i="1"/>
  <c r="AE104065" i="1"/>
  <c r="AE104066" i="1"/>
  <c r="AE104067" i="1"/>
  <c r="AE104068" i="1"/>
  <c r="AE104069" i="1"/>
  <c r="AE104070" i="1"/>
  <c r="AE104071" i="1"/>
  <c r="AE104072" i="1"/>
  <c r="AE104073" i="1"/>
  <c r="AE104074" i="1"/>
  <c r="AE104075" i="1"/>
  <c r="AE104076" i="1"/>
  <c r="AE104077" i="1"/>
  <c r="AE104078" i="1"/>
  <c r="AE104079" i="1"/>
  <c r="AE104080" i="1"/>
  <c r="AE104081" i="1"/>
  <c r="AE104082" i="1"/>
  <c r="AE104083" i="1"/>
  <c r="AE104084" i="1"/>
  <c r="AE104085" i="1"/>
  <c r="AE104086" i="1"/>
  <c r="AE104087" i="1"/>
  <c r="AE104088" i="1"/>
  <c r="AE104089" i="1"/>
  <c r="AE104090" i="1"/>
  <c r="AE104091" i="1"/>
  <c r="AE104092" i="1"/>
  <c r="AE104093" i="1"/>
  <c r="AE104094" i="1"/>
  <c r="AE104095" i="1"/>
  <c r="AE104096" i="1"/>
  <c r="AE104097" i="1"/>
  <c r="AE104098" i="1"/>
  <c r="AE104099" i="1"/>
  <c r="AE104100" i="1"/>
  <c r="AE104101" i="1"/>
  <c r="AE104102" i="1"/>
  <c r="AE104103" i="1"/>
  <c r="AE104104" i="1"/>
  <c r="AE104105" i="1"/>
  <c r="AE104106" i="1"/>
  <c r="AE104107" i="1"/>
  <c r="AE104108" i="1"/>
  <c r="AE104109" i="1"/>
  <c r="AE104110" i="1"/>
  <c r="AE104111" i="1"/>
  <c r="AE104112" i="1"/>
  <c r="AE104113" i="1"/>
  <c r="AE104114" i="1"/>
  <c r="AE104115" i="1"/>
  <c r="AE104116" i="1"/>
  <c r="AE104117" i="1"/>
  <c r="AE104118" i="1"/>
  <c r="AE104119" i="1"/>
  <c r="AE104120" i="1"/>
  <c r="AE104121" i="1"/>
  <c r="AE104122" i="1"/>
  <c r="AE104123" i="1"/>
  <c r="AE104124" i="1"/>
  <c r="AE104125" i="1"/>
  <c r="AE104126" i="1"/>
  <c r="AE104127" i="1"/>
  <c r="AE104128" i="1"/>
  <c r="AE104129" i="1"/>
  <c r="AE104130" i="1"/>
  <c r="AE104131" i="1"/>
  <c r="AE104132" i="1"/>
  <c r="AE104133" i="1"/>
  <c r="AE104134" i="1"/>
  <c r="AE104135" i="1"/>
  <c r="AE104136" i="1"/>
  <c r="AE104137" i="1"/>
  <c r="AE104138" i="1"/>
  <c r="AE104139" i="1"/>
  <c r="AE104140" i="1"/>
  <c r="AE104141" i="1"/>
  <c r="AE104142" i="1"/>
  <c r="AE104143" i="1"/>
  <c r="AE104144" i="1"/>
  <c r="AE104145" i="1"/>
  <c r="AE104146" i="1"/>
  <c r="AE104147" i="1"/>
  <c r="AE104148" i="1"/>
  <c r="AE104149" i="1"/>
  <c r="AE104150" i="1"/>
  <c r="AE104151" i="1"/>
  <c r="AE104152" i="1"/>
  <c r="AE104153" i="1"/>
  <c r="AE104154" i="1"/>
  <c r="AE104155" i="1"/>
  <c r="AE104156" i="1"/>
  <c r="AE104157" i="1"/>
  <c r="AE104158" i="1"/>
  <c r="AE104159" i="1"/>
  <c r="AE104160" i="1"/>
  <c r="AE104161" i="1"/>
  <c r="AE104162" i="1"/>
  <c r="AE104163" i="1"/>
  <c r="AE104164" i="1"/>
  <c r="AE104165" i="1"/>
  <c r="AE104166" i="1"/>
  <c r="AE104167" i="1"/>
  <c r="AE104168" i="1"/>
  <c r="AE104169" i="1"/>
  <c r="AE104170" i="1"/>
  <c r="AE104171" i="1"/>
  <c r="AE104172" i="1"/>
  <c r="AE104173" i="1"/>
  <c r="AE104174" i="1"/>
  <c r="AE104175" i="1"/>
  <c r="AE104176" i="1"/>
  <c r="AE104177" i="1"/>
  <c r="AE104178" i="1"/>
  <c r="AE104179" i="1"/>
  <c r="AE104180" i="1"/>
  <c r="AE104181" i="1"/>
  <c r="AE104182" i="1"/>
  <c r="AE104183" i="1"/>
  <c r="AE104184" i="1"/>
  <c r="AE104185" i="1"/>
  <c r="AE104186" i="1"/>
  <c r="AE104187" i="1"/>
  <c r="AE104188" i="1"/>
  <c r="AE104189" i="1"/>
  <c r="AE104190" i="1"/>
  <c r="AE104191" i="1"/>
  <c r="AE104192" i="1"/>
  <c r="AE104193" i="1"/>
  <c r="AE104194" i="1"/>
  <c r="AE104195" i="1"/>
  <c r="AE104196" i="1"/>
  <c r="AE104197" i="1"/>
  <c r="AE104198" i="1"/>
  <c r="AE104199" i="1"/>
  <c r="AE104200" i="1"/>
  <c r="AE104201" i="1"/>
  <c r="AE104202" i="1"/>
  <c r="AE104203" i="1"/>
  <c r="AE104204" i="1"/>
  <c r="AE104205" i="1"/>
  <c r="AE104206" i="1"/>
  <c r="AE104207" i="1"/>
  <c r="AE104208" i="1"/>
  <c r="AE104209" i="1"/>
  <c r="AE104210" i="1"/>
  <c r="AE104211" i="1"/>
  <c r="AE104212" i="1"/>
  <c r="AE104213" i="1"/>
  <c r="AE104214" i="1"/>
  <c r="AE104215" i="1"/>
  <c r="AE104216" i="1"/>
  <c r="AE104217" i="1"/>
  <c r="AE104218" i="1"/>
  <c r="AE104219" i="1"/>
  <c r="AE104220" i="1"/>
  <c r="AE104221" i="1"/>
  <c r="AE104222" i="1"/>
  <c r="AE104223" i="1"/>
  <c r="AE104224" i="1"/>
  <c r="AE104225" i="1"/>
  <c r="AE104226" i="1"/>
  <c r="AE104227" i="1"/>
  <c r="AE104228" i="1"/>
  <c r="AE104229" i="1"/>
  <c r="AE104230" i="1"/>
  <c r="AE104231" i="1"/>
  <c r="AE104232" i="1"/>
  <c r="AE104233" i="1"/>
  <c r="AE104234" i="1"/>
  <c r="AE104235" i="1"/>
  <c r="AE104236" i="1"/>
  <c r="AE104237" i="1"/>
  <c r="AE104238" i="1"/>
  <c r="AE104239" i="1"/>
  <c r="AE104240" i="1"/>
  <c r="AE104241" i="1"/>
  <c r="AE104242" i="1"/>
  <c r="AE104243" i="1"/>
  <c r="AE104244" i="1"/>
  <c r="AE104245" i="1"/>
  <c r="AE104246" i="1"/>
  <c r="AE104247" i="1"/>
  <c r="AE104248" i="1"/>
  <c r="AE104249" i="1"/>
  <c r="AE104250" i="1"/>
  <c r="AE104251" i="1"/>
  <c r="AE104252" i="1"/>
  <c r="AE104253" i="1"/>
  <c r="AE104254" i="1"/>
  <c r="AE104255" i="1"/>
  <c r="AE104256" i="1"/>
  <c r="AE104257" i="1"/>
  <c r="AE104258" i="1"/>
  <c r="AE104259" i="1"/>
  <c r="AE104260" i="1"/>
  <c r="AE104261" i="1"/>
  <c r="AE104262" i="1"/>
  <c r="AE104263" i="1"/>
  <c r="AE104264" i="1"/>
  <c r="AE104265" i="1"/>
  <c r="AE104266" i="1"/>
  <c r="AE104267" i="1"/>
  <c r="AE104268" i="1"/>
  <c r="AE104269" i="1"/>
  <c r="AE104270" i="1"/>
  <c r="AE104271" i="1"/>
  <c r="AE104272" i="1"/>
  <c r="AE104273" i="1"/>
  <c r="AE104274" i="1"/>
  <c r="AE104275" i="1"/>
  <c r="AE104276" i="1"/>
  <c r="AE104277" i="1"/>
  <c r="AE104278" i="1"/>
  <c r="AE104279" i="1"/>
  <c r="AE104280" i="1"/>
  <c r="AE104281" i="1"/>
  <c r="AE104282" i="1"/>
  <c r="AE104283" i="1"/>
  <c r="AE104284" i="1"/>
  <c r="AE104285" i="1"/>
  <c r="AE104286" i="1"/>
  <c r="AE104287" i="1"/>
  <c r="AE104288" i="1"/>
  <c r="AE104289" i="1"/>
  <c r="AE104290" i="1"/>
  <c r="AE104291" i="1"/>
  <c r="AE104292" i="1"/>
  <c r="AE104293" i="1"/>
  <c r="AE104294" i="1"/>
  <c r="AE104295" i="1"/>
  <c r="AE104296" i="1"/>
  <c r="AE104297" i="1"/>
  <c r="AE104298" i="1"/>
  <c r="AE104299" i="1"/>
  <c r="AE104300" i="1"/>
  <c r="AE104301" i="1"/>
  <c r="AE104302" i="1"/>
  <c r="AE104303" i="1"/>
  <c r="AE104304" i="1"/>
  <c r="AE104305" i="1"/>
  <c r="AE104306" i="1"/>
  <c r="AE104307" i="1"/>
  <c r="AE104308" i="1"/>
  <c r="AE104309" i="1"/>
  <c r="AE104310" i="1"/>
  <c r="AE104311" i="1"/>
  <c r="AE104312" i="1"/>
  <c r="AE104313" i="1"/>
  <c r="AE104314" i="1"/>
  <c r="AE104315" i="1"/>
  <c r="AE104316" i="1"/>
  <c r="AE104317" i="1"/>
  <c r="AE104318" i="1"/>
  <c r="AE104319" i="1"/>
  <c r="AE104320" i="1"/>
  <c r="AE104321" i="1"/>
  <c r="AE104322" i="1"/>
  <c r="AE104323" i="1"/>
  <c r="AE104324" i="1"/>
  <c r="AE104325" i="1"/>
  <c r="AE104326" i="1"/>
  <c r="AE104327" i="1"/>
  <c r="AE104328" i="1"/>
  <c r="AE104329" i="1"/>
  <c r="AE104330" i="1"/>
  <c r="AE104331" i="1"/>
  <c r="AE104332" i="1"/>
  <c r="AE104333" i="1"/>
  <c r="AE104334" i="1"/>
  <c r="AE104335" i="1"/>
  <c r="AE104336" i="1"/>
  <c r="AE104337" i="1"/>
  <c r="AE104338" i="1"/>
  <c r="AE104339" i="1"/>
  <c r="AE104340" i="1"/>
  <c r="AE104341" i="1"/>
  <c r="AE104342" i="1"/>
  <c r="AE104343" i="1"/>
  <c r="AE104344" i="1"/>
  <c r="AE104345" i="1"/>
  <c r="AE104346" i="1"/>
  <c r="AE104347" i="1"/>
  <c r="AE104348" i="1"/>
  <c r="AE104349" i="1"/>
  <c r="AE104350" i="1"/>
  <c r="AE104351" i="1"/>
  <c r="AE104352" i="1"/>
  <c r="AE104353" i="1"/>
  <c r="AE104354" i="1"/>
  <c r="AE104355" i="1"/>
  <c r="AE104356" i="1"/>
  <c r="AE104357" i="1"/>
  <c r="AE104358" i="1"/>
  <c r="AE104359" i="1"/>
  <c r="AE104360" i="1"/>
  <c r="AE104361" i="1"/>
  <c r="AE104362" i="1"/>
  <c r="AE104363" i="1"/>
  <c r="AE104364" i="1"/>
  <c r="AE104365" i="1"/>
  <c r="AE104366" i="1"/>
  <c r="AE104367" i="1"/>
  <c r="AE104368" i="1"/>
  <c r="AE104369" i="1"/>
  <c r="AE104370" i="1"/>
  <c r="AE104371" i="1"/>
  <c r="AE104372" i="1"/>
  <c r="AE104373" i="1"/>
  <c r="AE104374" i="1"/>
  <c r="AE104375" i="1"/>
  <c r="AE104376" i="1"/>
  <c r="AE104377" i="1"/>
  <c r="AE104378" i="1"/>
  <c r="AE104379" i="1"/>
  <c r="AE104380" i="1"/>
  <c r="AE104381" i="1"/>
  <c r="AE104382" i="1"/>
  <c r="AE104383" i="1"/>
  <c r="AE104384" i="1"/>
  <c r="AE104385" i="1"/>
  <c r="AE104386" i="1"/>
  <c r="AE104387" i="1"/>
  <c r="AE104388" i="1"/>
  <c r="AE104389" i="1"/>
  <c r="AE104390" i="1"/>
  <c r="AE104391" i="1"/>
  <c r="AE104392" i="1"/>
  <c r="AE104393" i="1"/>
  <c r="AE104394" i="1"/>
  <c r="AE104395" i="1"/>
  <c r="AE104396" i="1"/>
  <c r="AE104397" i="1"/>
  <c r="AE104398" i="1"/>
  <c r="AE104399" i="1"/>
  <c r="AE104400" i="1"/>
  <c r="AE104401" i="1"/>
  <c r="AE104402" i="1"/>
  <c r="AE104403" i="1"/>
  <c r="AE104404" i="1"/>
  <c r="AE104405" i="1"/>
  <c r="AE104406" i="1"/>
  <c r="AE104407" i="1"/>
  <c r="AE104408" i="1"/>
  <c r="AE104409" i="1"/>
  <c r="AE104410" i="1"/>
  <c r="AE104411" i="1"/>
  <c r="AE104412" i="1"/>
  <c r="AE104413" i="1"/>
  <c r="AE104414" i="1"/>
  <c r="AE104415" i="1"/>
  <c r="AE104416" i="1"/>
  <c r="AE104417" i="1"/>
  <c r="AE104418" i="1"/>
  <c r="AE104419" i="1"/>
  <c r="AE104420" i="1"/>
  <c r="AE104421" i="1"/>
  <c r="AE104422" i="1"/>
  <c r="AE104423" i="1"/>
  <c r="AE104424" i="1"/>
  <c r="AE104425" i="1"/>
  <c r="AE104426" i="1"/>
  <c r="AE104427" i="1"/>
  <c r="AE104428" i="1"/>
  <c r="AE104429" i="1"/>
  <c r="AE104430" i="1"/>
  <c r="AE104431" i="1"/>
  <c r="AE104432" i="1"/>
  <c r="AE104433" i="1"/>
  <c r="AE104434" i="1"/>
  <c r="AE104435" i="1"/>
  <c r="AE104436" i="1"/>
  <c r="AE104437" i="1"/>
  <c r="AE104438" i="1"/>
  <c r="AE104439" i="1"/>
  <c r="AE104440" i="1"/>
  <c r="AE104441" i="1"/>
  <c r="AE104442" i="1"/>
  <c r="AE104443" i="1"/>
  <c r="AE104444" i="1"/>
  <c r="AE104445" i="1"/>
  <c r="AE104446" i="1"/>
  <c r="AE104447" i="1"/>
  <c r="AE104448" i="1"/>
  <c r="AE104449" i="1"/>
  <c r="AE104450" i="1"/>
  <c r="AE104451" i="1"/>
  <c r="AE104452" i="1"/>
  <c r="AE104453" i="1"/>
  <c r="AE104454" i="1"/>
  <c r="AE104455" i="1"/>
  <c r="AE104456" i="1"/>
  <c r="AE104457" i="1"/>
  <c r="AE104458" i="1"/>
  <c r="AE104459" i="1"/>
  <c r="AE104460" i="1"/>
  <c r="AE104461" i="1"/>
  <c r="AE104462" i="1"/>
  <c r="AE104463" i="1"/>
  <c r="AE104464" i="1"/>
  <c r="AE104465" i="1"/>
  <c r="AE104466" i="1"/>
  <c r="AE104467" i="1"/>
  <c r="AE104468" i="1"/>
  <c r="AE104469" i="1"/>
  <c r="AE104470" i="1"/>
  <c r="AE104471" i="1"/>
  <c r="AE104472" i="1"/>
  <c r="AE104473" i="1"/>
  <c r="AE104474" i="1"/>
  <c r="AE104475" i="1"/>
  <c r="AE104476" i="1"/>
  <c r="AE104477" i="1"/>
  <c r="AE104478" i="1"/>
  <c r="AE104479" i="1"/>
  <c r="AE104480" i="1"/>
  <c r="AE104481" i="1"/>
  <c r="AE104482" i="1"/>
  <c r="AE104483" i="1"/>
  <c r="AE104484" i="1"/>
  <c r="AE104485" i="1"/>
  <c r="AE104486" i="1"/>
  <c r="AE104487" i="1"/>
  <c r="AE104488" i="1"/>
  <c r="AE104489" i="1"/>
  <c r="AE104490" i="1"/>
  <c r="AE104491" i="1"/>
  <c r="AE104492" i="1"/>
  <c r="AE104493" i="1"/>
  <c r="AE104494" i="1"/>
  <c r="AE104495" i="1"/>
  <c r="AE104496" i="1"/>
  <c r="AE104497" i="1"/>
  <c r="AE104498" i="1"/>
  <c r="AE104499" i="1"/>
  <c r="AE104500" i="1"/>
  <c r="AE104501" i="1"/>
  <c r="AE104502" i="1"/>
  <c r="AE104503" i="1"/>
  <c r="AE104504" i="1"/>
  <c r="AE104505" i="1"/>
  <c r="AE104506" i="1"/>
  <c r="AE104507" i="1"/>
  <c r="AE104508" i="1"/>
  <c r="AE104509" i="1"/>
  <c r="AE104510" i="1"/>
  <c r="AE104511" i="1"/>
  <c r="AE104512" i="1"/>
  <c r="AE104513" i="1"/>
  <c r="AE104514" i="1"/>
  <c r="AE104515" i="1"/>
  <c r="AE104516" i="1"/>
  <c r="AE104517" i="1"/>
  <c r="AE104518" i="1"/>
  <c r="AE104519" i="1"/>
  <c r="AE104520" i="1"/>
  <c r="AE104521" i="1"/>
  <c r="AE104522" i="1"/>
  <c r="AE104523" i="1"/>
  <c r="AE104524" i="1"/>
  <c r="AE104525" i="1"/>
  <c r="AE104526" i="1"/>
  <c r="AE104527" i="1"/>
  <c r="AE104528" i="1"/>
  <c r="AE104529" i="1"/>
  <c r="AE104530" i="1"/>
  <c r="AE104531" i="1"/>
  <c r="AE104532" i="1"/>
  <c r="AE104533" i="1"/>
  <c r="AE104534" i="1"/>
  <c r="AE104535" i="1"/>
  <c r="AE104536" i="1"/>
  <c r="AE104537" i="1"/>
  <c r="AE104538" i="1"/>
  <c r="AE104539" i="1"/>
  <c r="AE104540" i="1"/>
  <c r="AE104541" i="1"/>
  <c r="AE104542" i="1"/>
  <c r="AE104543" i="1"/>
  <c r="AE104544" i="1"/>
  <c r="AE104545" i="1"/>
  <c r="AE104546" i="1"/>
  <c r="AE104547" i="1"/>
  <c r="AE104548" i="1"/>
  <c r="AE104549" i="1"/>
  <c r="AE104550" i="1"/>
  <c r="AE104551" i="1"/>
  <c r="AE104552" i="1"/>
  <c r="AE104553" i="1"/>
  <c r="AE104554" i="1"/>
  <c r="AE104555" i="1"/>
  <c r="AE104556" i="1"/>
  <c r="AE104557" i="1"/>
  <c r="AE104558" i="1"/>
  <c r="AE104559" i="1"/>
  <c r="AE104560" i="1"/>
  <c r="AE104561" i="1"/>
  <c r="AE104562" i="1"/>
  <c r="AE104563" i="1"/>
  <c r="AE104564" i="1"/>
  <c r="AE104565" i="1"/>
  <c r="AE104566" i="1"/>
  <c r="AE104567" i="1"/>
  <c r="AE104568" i="1"/>
  <c r="AE104569" i="1"/>
  <c r="AE104570" i="1"/>
  <c r="AE104571" i="1"/>
  <c r="AE104572" i="1"/>
  <c r="AE104573" i="1"/>
  <c r="AE104574" i="1"/>
  <c r="AE104575" i="1"/>
  <c r="AE104576" i="1"/>
  <c r="AE104577" i="1"/>
  <c r="AE104578" i="1"/>
  <c r="AE104579" i="1"/>
  <c r="AE104580" i="1"/>
  <c r="AE104581" i="1"/>
  <c r="AE104582" i="1"/>
  <c r="AE104583" i="1"/>
  <c r="AE104584" i="1"/>
  <c r="AE104585" i="1"/>
  <c r="AE104586" i="1"/>
  <c r="AE104587" i="1"/>
  <c r="AE104588" i="1"/>
  <c r="AE104589" i="1"/>
  <c r="AE104590" i="1"/>
  <c r="AE104591" i="1"/>
  <c r="AE104592" i="1"/>
  <c r="AE104593" i="1"/>
  <c r="AE104594" i="1"/>
  <c r="AE104595" i="1"/>
  <c r="AE104596" i="1"/>
  <c r="AE104597" i="1"/>
  <c r="AE104598" i="1"/>
  <c r="AE104599" i="1"/>
  <c r="AE104600" i="1"/>
  <c r="AE104601" i="1"/>
  <c r="AE104602" i="1"/>
  <c r="AE104603" i="1"/>
  <c r="AE104604" i="1"/>
  <c r="AE104605" i="1"/>
  <c r="AE104606" i="1"/>
  <c r="AE104607" i="1"/>
  <c r="AE104608" i="1"/>
  <c r="AE104609" i="1"/>
  <c r="AE104610" i="1"/>
  <c r="AE104611" i="1"/>
  <c r="AE104612" i="1"/>
  <c r="AE104613" i="1"/>
  <c r="AE104614" i="1"/>
  <c r="AE104615" i="1"/>
  <c r="AE104616" i="1"/>
  <c r="AE104617" i="1"/>
  <c r="AE104618" i="1"/>
  <c r="AE104619" i="1"/>
  <c r="AE104620" i="1"/>
  <c r="AE104621" i="1"/>
  <c r="AE104622" i="1"/>
  <c r="AE104623" i="1"/>
  <c r="AE104624" i="1"/>
  <c r="AE104625" i="1"/>
  <c r="AE104626" i="1"/>
  <c r="AE104627" i="1"/>
  <c r="AE104628" i="1"/>
  <c r="AE104629" i="1"/>
  <c r="AE104630" i="1"/>
  <c r="AE104631" i="1"/>
  <c r="AE104632" i="1"/>
  <c r="AE104633" i="1"/>
  <c r="AE104634" i="1"/>
  <c r="AE104635" i="1"/>
  <c r="AE104636" i="1"/>
  <c r="AE104637" i="1"/>
  <c r="AE104638" i="1"/>
  <c r="AE104639" i="1"/>
  <c r="AE104640" i="1"/>
  <c r="AE104641" i="1"/>
  <c r="AE104642" i="1"/>
  <c r="AE104643" i="1"/>
  <c r="AE104644" i="1"/>
  <c r="AE104645" i="1"/>
  <c r="AE104646" i="1"/>
  <c r="AE104647" i="1"/>
  <c r="AE104648" i="1"/>
  <c r="AE104649" i="1"/>
  <c r="AE104650" i="1"/>
  <c r="AE104651" i="1"/>
  <c r="AE104652" i="1"/>
  <c r="AE104653" i="1"/>
  <c r="AE104654" i="1"/>
  <c r="AE104655" i="1"/>
  <c r="AE104656" i="1"/>
  <c r="AE104657" i="1"/>
  <c r="AE104658" i="1"/>
  <c r="AE104659" i="1"/>
  <c r="AE104660" i="1"/>
  <c r="AE104661" i="1"/>
  <c r="AE104662" i="1"/>
  <c r="AE104663" i="1"/>
  <c r="AE104664" i="1"/>
  <c r="AE104665" i="1"/>
  <c r="AE104666" i="1"/>
  <c r="AE104667" i="1"/>
  <c r="AE104668" i="1"/>
  <c r="AE104669" i="1"/>
  <c r="AE104670" i="1"/>
  <c r="AE104671" i="1"/>
  <c r="AE104672" i="1"/>
  <c r="AE104673" i="1"/>
  <c r="AE104674" i="1"/>
  <c r="AE104675" i="1"/>
  <c r="AE104676" i="1"/>
  <c r="AE104677" i="1"/>
  <c r="AE104678" i="1"/>
  <c r="AE104679" i="1"/>
  <c r="AE104680" i="1"/>
  <c r="AE104681" i="1"/>
  <c r="AE104682" i="1"/>
  <c r="AE104683" i="1"/>
  <c r="AE104684" i="1"/>
  <c r="AE104685" i="1"/>
  <c r="AE104686" i="1"/>
  <c r="AE104687" i="1"/>
  <c r="AE104688" i="1"/>
  <c r="AE104689" i="1"/>
  <c r="AE104690" i="1"/>
  <c r="AE104691" i="1"/>
  <c r="AE104692" i="1"/>
  <c r="AE104693" i="1"/>
  <c r="AE104694" i="1"/>
  <c r="AE104695" i="1"/>
  <c r="AE104696" i="1"/>
  <c r="AE104697" i="1"/>
  <c r="AE104698" i="1"/>
  <c r="AE104699" i="1"/>
  <c r="AE104700" i="1"/>
  <c r="AE104701" i="1"/>
  <c r="AE104702" i="1"/>
  <c r="AE104703" i="1"/>
  <c r="AE104704" i="1"/>
  <c r="AE104705" i="1"/>
  <c r="AE104706" i="1"/>
  <c r="AE104707" i="1"/>
  <c r="AE104708" i="1"/>
  <c r="AE104709" i="1"/>
  <c r="AE104710" i="1"/>
  <c r="AE104711" i="1"/>
  <c r="AE104712" i="1"/>
  <c r="AE104713" i="1"/>
  <c r="AE104714" i="1"/>
  <c r="AE104715" i="1"/>
  <c r="AE104716" i="1"/>
  <c r="AE104717" i="1"/>
  <c r="AE104718" i="1"/>
  <c r="AE104719" i="1"/>
  <c r="AE104720" i="1"/>
  <c r="AE104721" i="1"/>
  <c r="AE104722" i="1"/>
  <c r="AE104723" i="1"/>
  <c r="AE104724" i="1"/>
  <c r="AE104725" i="1"/>
  <c r="AE104726" i="1"/>
  <c r="AE104727" i="1"/>
  <c r="AE104728" i="1"/>
  <c r="AE104729" i="1"/>
  <c r="AE104730" i="1"/>
  <c r="AE104731" i="1"/>
  <c r="AE104732" i="1"/>
  <c r="AE104733" i="1"/>
  <c r="AE104734" i="1"/>
  <c r="AE104735" i="1"/>
  <c r="AE104736" i="1"/>
  <c r="AE104737" i="1"/>
  <c r="AE104738" i="1"/>
  <c r="AE104739" i="1"/>
  <c r="AE104740" i="1"/>
  <c r="AE104741" i="1"/>
  <c r="AE104742" i="1"/>
  <c r="AE104743" i="1"/>
  <c r="AE104744" i="1"/>
  <c r="AE104745" i="1"/>
  <c r="AE104746" i="1"/>
  <c r="AE104747" i="1"/>
  <c r="AE104748" i="1"/>
  <c r="AE104749" i="1"/>
  <c r="AE104750" i="1"/>
  <c r="AE104751" i="1"/>
  <c r="AE104752" i="1"/>
  <c r="AE104753" i="1"/>
  <c r="AE104754" i="1"/>
  <c r="AE104755" i="1"/>
  <c r="AE104756" i="1"/>
  <c r="AE104757" i="1"/>
  <c r="AE104758" i="1"/>
  <c r="AE104759" i="1"/>
  <c r="AE104760" i="1"/>
  <c r="AE104761" i="1"/>
  <c r="AE104762" i="1"/>
  <c r="AE104763" i="1"/>
  <c r="AE104764" i="1"/>
  <c r="AE104765" i="1"/>
  <c r="AE104766" i="1"/>
  <c r="AE104767" i="1"/>
  <c r="AE104768" i="1"/>
  <c r="AE104769" i="1"/>
  <c r="AE104770" i="1"/>
  <c r="AE104771" i="1"/>
  <c r="AE104772" i="1"/>
  <c r="AE104773" i="1"/>
  <c r="AE104774" i="1"/>
  <c r="AE104775" i="1"/>
  <c r="AE104776" i="1"/>
  <c r="AE104777" i="1"/>
  <c r="AE104778" i="1"/>
  <c r="AE104779" i="1"/>
  <c r="AE104780" i="1"/>
  <c r="AE104781" i="1"/>
  <c r="AE104782" i="1"/>
  <c r="AE104783" i="1"/>
  <c r="AE104784" i="1"/>
  <c r="AE104785" i="1"/>
  <c r="AE104786" i="1"/>
  <c r="AE104787" i="1"/>
  <c r="AE104788" i="1"/>
  <c r="AE104789" i="1"/>
  <c r="AE104790" i="1"/>
  <c r="AE104791" i="1"/>
  <c r="AE104792" i="1"/>
  <c r="AE104793" i="1"/>
  <c r="AE104794" i="1"/>
  <c r="AE104795" i="1"/>
  <c r="AE104796" i="1"/>
  <c r="AE104797" i="1"/>
  <c r="AE104798" i="1"/>
  <c r="AE104799" i="1"/>
  <c r="AE104800" i="1"/>
  <c r="AE104801" i="1"/>
  <c r="AE104802" i="1"/>
  <c r="AE104803" i="1"/>
  <c r="AE104804" i="1"/>
  <c r="AE104805" i="1"/>
  <c r="AE104806" i="1"/>
  <c r="AE104807" i="1"/>
  <c r="AE104808" i="1"/>
  <c r="AE104809" i="1"/>
  <c r="AE104810" i="1"/>
  <c r="AE104811" i="1"/>
  <c r="AE104812" i="1"/>
  <c r="AE104813" i="1"/>
  <c r="AE104814" i="1"/>
  <c r="AE104815" i="1"/>
  <c r="AE104816" i="1"/>
  <c r="AE104817" i="1"/>
  <c r="AE104818" i="1"/>
  <c r="AE104819" i="1"/>
  <c r="AE104820" i="1"/>
  <c r="AE104821" i="1"/>
  <c r="AE104822" i="1"/>
  <c r="AE104823" i="1"/>
  <c r="AE104824" i="1"/>
  <c r="AE104825" i="1"/>
  <c r="AE104826" i="1"/>
  <c r="AE104827" i="1"/>
  <c r="AE104828" i="1"/>
  <c r="AE104829" i="1"/>
  <c r="AE104830" i="1"/>
  <c r="AE104831" i="1"/>
  <c r="AE104832" i="1"/>
  <c r="AE104833" i="1"/>
  <c r="AE104834" i="1"/>
  <c r="AE104835" i="1"/>
  <c r="AE104836" i="1"/>
  <c r="AE104837" i="1"/>
  <c r="AE104838" i="1"/>
  <c r="AE104839" i="1"/>
  <c r="AE104840" i="1"/>
  <c r="AE104841" i="1"/>
  <c r="AE104842" i="1"/>
  <c r="AE104843" i="1"/>
  <c r="AE104844" i="1"/>
  <c r="AE104845" i="1"/>
  <c r="AE104846" i="1"/>
  <c r="AE104847" i="1"/>
  <c r="AE104848" i="1"/>
  <c r="AE104849" i="1"/>
  <c r="AE104850" i="1"/>
  <c r="AE104851" i="1"/>
  <c r="AE104852" i="1"/>
  <c r="AE104853" i="1"/>
  <c r="AE104854" i="1"/>
  <c r="AE104855" i="1"/>
  <c r="AE104856" i="1"/>
  <c r="AE104857" i="1"/>
  <c r="AE104858" i="1"/>
  <c r="AE104859" i="1"/>
  <c r="AE104860" i="1"/>
  <c r="AE104861" i="1"/>
  <c r="AE104862" i="1"/>
  <c r="AE104863" i="1"/>
  <c r="AE104864" i="1"/>
  <c r="AE104865" i="1"/>
  <c r="AE104866" i="1"/>
  <c r="AE104867" i="1"/>
  <c r="AE104868" i="1"/>
  <c r="AE104869" i="1"/>
  <c r="AE104870" i="1"/>
  <c r="AE104871" i="1"/>
  <c r="AE104872" i="1"/>
  <c r="AE104873" i="1"/>
  <c r="AE104874" i="1"/>
  <c r="AE104875" i="1"/>
  <c r="AE104876" i="1"/>
  <c r="AE104877" i="1"/>
  <c r="AE104878" i="1"/>
  <c r="AE104879" i="1"/>
  <c r="AE104880" i="1"/>
  <c r="AE104881" i="1"/>
  <c r="AE104882" i="1"/>
  <c r="AE104883" i="1"/>
  <c r="AE104884" i="1"/>
  <c r="AE104885" i="1"/>
  <c r="AE104886" i="1"/>
  <c r="AE104887" i="1"/>
  <c r="AE104888" i="1"/>
  <c r="AE104889" i="1"/>
  <c r="AE104890" i="1"/>
  <c r="AE104891" i="1"/>
  <c r="AE104892" i="1"/>
  <c r="AE104893" i="1"/>
  <c r="AE104894" i="1"/>
  <c r="AE104895" i="1"/>
  <c r="AE104896" i="1"/>
  <c r="AE104897" i="1"/>
  <c r="AE104898" i="1"/>
  <c r="AE104899" i="1"/>
  <c r="AE104900" i="1"/>
  <c r="AE104901" i="1"/>
  <c r="AE104902" i="1"/>
  <c r="AE104903" i="1"/>
  <c r="AE104904" i="1"/>
  <c r="AE104905" i="1"/>
  <c r="AE104906" i="1"/>
  <c r="AE104907" i="1"/>
  <c r="AE104908" i="1"/>
  <c r="AE104909" i="1"/>
  <c r="AE104910" i="1"/>
  <c r="AE104911" i="1"/>
  <c r="AE104912" i="1"/>
  <c r="AE104913" i="1"/>
  <c r="AE104914" i="1"/>
  <c r="AE104915" i="1"/>
  <c r="AE104916" i="1"/>
  <c r="AE104917" i="1"/>
  <c r="AE104918" i="1"/>
  <c r="AE104919" i="1"/>
  <c r="AE104920" i="1"/>
  <c r="AE104921" i="1"/>
  <c r="AE104922" i="1"/>
  <c r="AE104923" i="1"/>
  <c r="AE104924" i="1"/>
  <c r="AE104925" i="1"/>
  <c r="AE104926" i="1"/>
  <c r="AE104927" i="1"/>
  <c r="AE104928" i="1"/>
  <c r="AE104929" i="1"/>
  <c r="AE104930" i="1"/>
  <c r="AE104931" i="1"/>
  <c r="AE104932" i="1"/>
  <c r="AE104933" i="1"/>
  <c r="AE104934" i="1"/>
  <c r="AE104935" i="1"/>
  <c r="AE104936" i="1"/>
  <c r="AE104937" i="1"/>
  <c r="AE104938" i="1"/>
  <c r="AE104939" i="1"/>
  <c r="AE104940" i="1"/>
  <c r="AE104941" i="1"/>
  <c r="AE104942" i="1"/>
  <c r="AE104943" i="1"/>
  <c r="AE104944" i="1"/>
  <c r="AE104945" i="1"/>
  <c r="AE104946" i="1"/>
  <c r="AE104947" i="1"/>
  <c r="AE104948" i="1"/>
  <c r="AE104949" i="1"/>
  <c r="AE104950" i="1"/>
  <c r="AE104951" i="1"/>
  <c r="AE104952" i="1"/>
  <c r="AE104953" i="1"/>
  <c r="AE104954" i="1"/>
  <c r="AE104955" i="1"/>
  <c r="AE104956" i="1"/>
  <c r="AE104957" i="1"/>
  <c r="AE104958" i="1"/>
  <c r="AE104959" i="1"/>
  <c r="AE104960" i="1"/>
  <c r="AE104961" i="1"/>
  <c r="AE104962" i="1"/>
  <c r="AE104963" i="1"/>
  <c r="AE104964" i="1"/>
  <c r="AE104965" i="1"/>
  <c r="AE104966" i="1"/>
  <c r="AE104967" i="1"/>
  <c r="AE104968" i="1"/>
  <c r="AE104969" i="1"/>
  <c r="AE104970" i="1"/>
  <c r="AE104971" i="1"/>
  <c r="AE104972" i="1"/>
  <c r="AE104973" i="1"/>
  <c r="AE104974" i="1"/>
  <c r="AE104975" i="1"/>
  <c r="AE104976" i="1"/>
  <c r="AE104977" i="1"/>
  <c r="AE104978" i="1"/>
  <c r="AE104979" i="1"/>
  <c r="AE104980" i="1"/>
  <c r="AE104981" i="1"/>
  <c r="AE104982" i="1"/>
  <c r="AE104983" i="1"/>
  <c r="AE104984" i="1"/>
  <c r="AE104985" i="1"/>
  <c r="AE104986" i="1"/>
  <c r="AE104987" i="1"/>
  <c r="AE104988" i="1"/>
  <c r="AE104989" i="1"/>
  <c r="AE104990" i="1"/>
  <c r="AE104991" i="1"/>
  <c r="AE104992" i="1"/>
  <c r="AE104993" i="1"/>
  <c r="AE104994" i="1"/>
  <c r="AE104995" i="1"/>
  <c r="AE104996" i="1"/>
  <c r="AE104997" i="1"/>
  <c r="AE104998" i="1"/>
  <c r="AE104999" i="1"/>
  <c r="AE105000" i="1"/>
  <c r="AE105001" i="1"/>
  <c r="AE105002" i="1"/>
  <c r="AE105003" i="1"/>
  <c r="AE105004" i="1"/>
  <c r="AE105005" i="1"/>
  <c r="AE105006" i="1"/>
  <c r="AE105007" i="1"/>
  <c r="AE105008" i="1"/>
  <c r="AE105009" i="1"/>
  <c r="AE105010" i="1"/>
  <c r="AE105011" i="1"/>
  <c r="AE105012" i="1"/>
  <c r="AE105013" i="1"/>
  <c r="AE105014" i="1"/>
  <c r="AE105015" i="1"/>
  <c r="AE105016" i="1"/>
  <c r="AE105017" i="1"/>
  <c r="AE105018" i="1"/>
  <c r="AE105019" i="1"/>
  <c r="AE105020" i="1"/>
  <c r="AE105021" i="1"/>
  <c r="AE105022" i="1"/>
  <c r="AE105023" i="1"/>
  <c r="AE105024" i="1"/>
  <c r="AE105025" i="1"/>
  <c r="AE105026" i="1"/>
  <c r="AE105027" i="1"/>
  <c r="AE105028" i="1"/>
  <c r="AE105029" i="1"/>
  <c r="AE105030" i="1"/>
  <c r="AE105031" i="1"/>
  <c r="AE105032" i="1"/>
  <c r="AE105033" i="1"/>
  <c r="AE105034" i="1"/>
  <c r="AE105035" i="1"/>
  <c r="AE105036" i="1"/>
  <c r="AE105037" i="1"/>
  <c r="AE105038" i="1"/>
  <c r="AE105039" i="1"/>
  <c r="AE105040" i="1"/>
  <c r="AE105041" i="1"/>
  <c r="AE105042" i="1"/>
  <c r="AE105043" i="1"/>
  <c r="AE105044" i="1"/>
  <c r="AE105045" i="1"/>
  <c r="AE105046" i="1"/>
  <c r="AE105047" i="1"/>
  <c r="AE105048" i="1"/>
  <c r="AE105049" i="1"/>
  <c r="AE105050" i="1"/>
  <c r="AE105051" i="1"/>
  <c r="AE105052" i="1"/>
  <c r="AE105053" i="1"/>
  <c r="AE105054" i="1"/>
  <c r="AE105055" i="1"/>
  <c r="AE105056" i="1"/>
  <c r="AE105057" i="1"/>
  <c r="AE105058" i="1"/>
  <c r="AE105059" i="1"/>
  <c r="AE105060" i="1"/>
  <c r="AE105061" i="1"/>
  <c r="AE105062" i="1"/>
  <c r="AE105063" i="1"/>
  <c r="AE105064" i="1"/>
  <c r="AE105065" i="1"/>
  <c r="AE105066" i="1"/>
  <c r="AE105067" i="1"/>
  <c r="AE105068" i="1"/>
  <c r="AE105069" i="1"/>
  <c r="AE105070" i="1"/>
  <c r="AE105071" i="1"/>
  <c r="AE105072" i="1"/>
  <c r="AE105073" i="1"/>
  <c r="AE105074" i="1"/>
  <c r="AE105075" i="1"/>
  <c r="AE105076" i="1"/>
  <c r="AE105077" i="1"/>
  <c r="AE105078" i="1"/>
  <c r="AE105079" i="1"/>
  <c r="AE105080" i="1"/>
  <c r="AE105081" i="1"/>
  <c r="AE105082" i="1"/>
  <c r="AE105083" i="1"/>
  <c r="AE105084" i="1"/>
  <c r="AE105085" i="1"/>
  <c r="AE105086" i="1"/>
  <c r="AE105087" i="1"/>
  <c r="AE105088" i="1"/>
  <c r="AE105089" i="1"/>
  <c r="AE105090" i="1"/>
  <c r="AE105091" i="1"/>
  <c r="AE105092" i="1"/>
  <c r="AE105093" i="1"/>
  <c r="AE105094" i="1"/>
  <c r="AE105095" i="1"/>
  <c r="AE105096" i="1"/>
  <c r="AE105097" i="1"/>
  <c r="AE105098" i="1"/>
  <c r="AE105099" i="1"/>
  <c r="AE105100" i="1"/>
  <c r="AE105101" i="1"/>
  <c r="AE105102" i="1"/>
  <c r="AE105103" i="1"/>
  <c r="AE105104" i="1"/>
  <c r="AE105105" i="1"/>
  <c r="AE105106" i="1"/>
  <c r="AE105107" i="1"/>
  <c r="AE105108" i="1"/>
  <c r="AE105109" i="1"/>
  <c r="AE105110" i="1"/>
  <c r="AE105111" i="1"/>
  <c r="AE105112" i="1"/>
  <c r="AE105113" i="1"/>
  <c r="AE105114" i="1"/>
  <c r="AE105115" i="1"/>
  <c r="AE105116" i="1"/>
  <c r="AE105117" i="1"/>
  <c r="AE105118" i="1"/>
  <c r="AE105119" i="1"/>
  <c r="AE105120" i="1"/>
  <c r="AE105121" i="1"/>
  <c r="AE105122" i="1"/>
  <c r="AE105123" i="1"/>
  <c r="AE105124" i="1"/>
  <c r="AE105125" i="1"/>
  <c r="AE105126" i="1"/>
  <c r="AE105127" i="1"/>
  <c r="AE105128" i="1"/>
  <c r="AE105129" i="1"/>
  <c r="AE105130" i="1"/>
  <c r="AE105131" i="1"/>
  <c r="AE105132" i="1"/>
  <c r="AE105133" i="1"/>
  <c r="AE105134" i="1"/>
  <c r="AE105135" i="1"/>
  <c r="AE105136" i="1"/>
  <c r="AE105137" i="1"/>
  <c r="AE105138" i="1"/>
  <c r="AE105139" i="1"/>
  <c r="AE105140" i="1"/>
  <c r="AE105141" i="1"/>
  <c r="AE105142" i="1"/>
  <c r="AE105143" i="1"/>
  <c r="AE105144" i="1"/>
  <c r="AE105145" i="1"/>
  <c r="AE105146" i="1"/>
  <c r="AE105147" i="1"/>
  <c r="AE105148" i="1"/>
  <c r="AE105149" i="1"/>
  <c r="AE105150" i="1"/>
  <c r="AE105151" i="1"/>
  <c r="AE105152" i="1"/>
  <c r="AE105153" i="1"/>
  <c r="AE105154" i="1"/>
  <c r="AE105155" i="1"/>
  <c r="AE105156" i="1"/>
  <c r="AE105157" i="1"/>
  <c r="AE105158" i="1"/>
  <c r="AE105159" i="1"/>
  <c r="AE105160" i="1"/>
  <c r="AE105161" i="1"/>
  <c r="AE105162" i="1"/>
  <c r="AE105163" i="1"/>
  <c r="AE105164" i="1"/>
  <c r="AE105165" i="1"/>
  <c r="AE105166" i="1"/>
  <c r="AE105167" i="1"/>
  <c r="AE105168" i="1"/>
  <c r="AE105169" i="1"/>
  <c r="AE105170" i="1"/>
  <c r="AE105171" i="1"/>
  <c r="AE105172" i="1"/>
  <c r="AE105173" i="1"/>
  <c r="AE105174" i="1"/>
  <c r="AE105175" i="1"/>
  <c r="AE105176" i="1"/>
  <c r="AE105177" i="1"/>
  <c r="AE105178" i="1"/>
  <c r="AE105179" i="1"/>
  <c r="AE105180" i="1"/>
  <c r="AE105181" i="1"/>
  <c r="AE105182" i="1"/>
  <c r="AE105183" i="1"/>
  <c r="AE105184" i="1"/>
  <c r="AE105185" i="1"/>
  <c r="AE105186" i="1"/>
  <c r="AE105187" i="1"/>
  <c r="AE105188" i="1"/>
  <c r="AE105189" i="1"/>
  <c r="AE105190" i="1"/>
  <c r="AE105191" i="1"/>
  <c r="AE105192" i="1"/>
  <c r="AE105193" i="1"/>
  <c r="AE105194" i="1"/>
  <c r="AE105195" i="1"/>
  <c r="AE105196" i="1"/>
  <c r="AE105197" i="1"/>
  <c r="AE105198" i="1"/>
  <c r="AE105199" i="1"/>
  <c r="AE105200" i="1"/>
  <c r="AE105201" i="1"/>
  <c r="AE105202" i="1"/>
  <c r="AE105203" i="1"/>
  <c r="AE105204" i="1"/>
  <c r="AE105205" i="1"/>
  <c r="AE105206" i="1"/>
  <c r="AE105207" i="1"/>
  <c r="AE105208" i="1"/>
  <c r="AE105209" i="1"/>
  <c r="AE105210" i="1"/>
  <c r="AE105211" i="1"/>
  <c r="AE105212" i="1"/>
  <c r="AE105213" i="1"/>
  <c r="AE105214" i="1"/>
  <c r="AE105215" i="1"/>
  <c r="AE105216" i="1"/>
  <c r="AE105217" i="1"/>
  <c r="AE105218" i="1"/>
  <c r="AE105219" i="1"/>
  <c r="AE105220" i="1"/>
  <c r="AE105221" i="1"/>
  <c r="AE105222" i="1"/>
  <c r="AE105223" i="1"/>
  <c r="AE105224" i="1"/>
  <c r="AE105225" i="1"/>
  <c r="AE105226" i="1"/>
  <c r="AE105227" i="1"/>
  <c r="AE105228" i="1"/>
  <c r="AE105229" i="1"/>
  <c r="AE105230" i="1"/>
  <c r="AE105231" i="1"/>
  <c r="AE105232" i="1"/>
  <c r="AE105233" i="1"/>
  <c r="AE105234" i="1"/>
  <c r="AE105235" i="1"/>
  <c r="AE105236" i="1"/>
  <c r="AE105237" i="1"/>
  <c r="AE105238" i="1"/>
  <c r="AE105239" i="1"/>
  <c r="AE105240" i="1"/>
  <c r="AE105241" i="1"/>
  <c r="AE105242" i="1"/>
  <c r="AE105243" i="1"/>
  <c r="AE105244" i="1"/>
  <c r="AE105245" i="1"/>
  <c r="AE105246" i="1"/>
  <c r="AE105247" i="1"/>
  <c r="AE105248" i="1"/>
  <c r="AE105249" i="1"/>
  <c r="AE105250" i="1"/>
  <c r="AE105251" i="1"/>
  <c r="AE105252" i="1"/>
  <c r="AE105253" i="1"/>
  <c r="AE105254" i="1"/>
  <c r="AE105255" i="1"/>
  <c r="AE105256" i="1"/>
  <c r="AE105257" i="1"/>
  <c r="AE105258" i="1"/>
  <c r="AE105259" i="1"/>
  <c r="AE105260" i="1"/>
  <c r="AE105261" i="1"/>
  <c r="AE105262" i="1"/>
  <c r="AE105263" i="1"/>
  <c r="AE105264" i="1"/>
  <c r="AE105265" i="1"/>
  <c r="AE105266" i="1"/>
  <c r="AE105267" i="1"/>
  <c r="AE105268" i="1"/>
  <c r="AE105269" i="1"/>
  <c r="AE105270" i="1"/>
  <c r="AE105271" i="1"/>
  <c r="AE105272" i="1"/>
  <c r="AE105273" i="1"/>
  <c r="AE105274" i="1"/>
  <c r="AE105275" i="1"/>
  <c r="AE105276" i="1"/>
  <c r="AE105277" i="1"/>
  <c r="AE105278" i="1"/>
  <c r="AE105279" i="1"/>
  <c r="AE105280" i="1"/>
  <c r="AE105281" i="1"/>
  <c r="AE105282" i="1"/>
  <c r="AE105283" i="1"/>
  <c r="AE105284" i="1"/>
  <c r="AE105285" i="1"/>
  <c r="AE105286" i="1"/>
  <c r="AE105287" i="1"/>
  <c r="AE105288" i="1"/>
  <c r="AE105289" i="1"/>
  <c r="AE105290" i="1"/>
  <c r="AE105291" i="1"/>
  <c r="AE105292" i="1"/>
  <c r="AE105293" i="1"/>
  <c r="AE105294" i="1"/>
  <c r="AE105295" i="1"/>
  <c r="AE105296" i="1"/>
  <c r="AE105297" i="1"/>
  <c r="AE105298" i="1"/>
  <c r="AE105299" i="1"/>
  <c r="AE105300" i="1"/>
  <c r="AE105301" i="1"/>
  <c r="AE105302" i="1"/>
  <c r="AE105303" i="1"/>
  <c r="AE105304" i="1"/>
  <c r="AE105305" i="1"/>
  <c r="AE105306" i="1"/>
  <c r="AE105307" i="1"/>
  <c r="AE105308" i="1"/>
  <c r="AE105309" i="1"/>
  <c r="AE105310" i="1"/>
  <c r="AE105311" i="1"/>
  <c r="AE105312" i="1"/>
  <c r="AE105313" i="1"/>
  <c r="AE105314" i="1"/>
  <c r="AE105315" i="1"/>
  <c r="AE105316" i="1"/>
  <c r="AE105317" i="1"/>
  <c r="AE105318" i="1"/>
  <c r="AE105319" i="1"/>
  <c r="AE105320" i="1"/>
  <c r="AE105321" i="1"/>
  <c r="AE105322" i="1"/>
  <c r="AE105323" i="1"/>
  <c r="AE105324" i="1"/>
  <c r="AE105325" i="1"/>
  <c r="AE105326" i="1"/>
  <c r="AE105327" i="1"/>
  <c r="AE105328" i="1"/>
  <c r="AE105329" i="1"/>
  <c r="AE105330" i="1"/>
  <c r="AE105331" i="1"/>
  <c r="AE105332" i="1"/>
  <c r="AE105333" i="1"/>
  <c r="AE105334" i="1"/>
  <c r="AE105335" i="1"/>
  <c r="AE105336" i="1"/>
  <c r="AE105337" i="1"/>
  <c r="AE105338" i="1"/>
  <c r="AE105339" i="1"/>
  <c r="AE105340" i="1"/>
  <c r="AE105341" i="1"/>
  <c r="AE105342" i="1"/>
  <c r="AE105343" i="1"/>
  <c r="AE105344" i="1"/>
  <c r="AE105345" i="1"/>
  <c r="AE105346" i="1"/>
  <c r="AE105347" i="1"/>
  <c r="AE105348" i="1"/>
  <c r="AE105349" i="1"/>
  <c r="AE105350" i="1"/>
  <c r="AE105351" i="1"/>
  <c r="AE105352" i="1"/>
  <c r="AE105353" i="1"/>
  <c r="AE105354" i="1"/>
  <c r="AE105355" i="1"/>
  <c r="AE105356" i="1"/>
  <c r="AE105357" i="1"/>
  <c r="AE105358" i="1"/>
  <c r="AE105359" i="1"/>
  <c r="AE105360" i="1"/>
  <c r="AE105361" i="1"/>
  <c r="AE105362" i="1"/>
  <c r="AE105363" i="1"/>
  <c r="AE105364" i="1"/>
  <c r="AE105365" i="1"/>
  <c r="AE105366" i="1"/>
  <c r="AE105367" i="1"/>
  <c r="AE105368" i="1"/>
  <c r="AE105369" i="1"/>
  <c r="AE105370" i="1"/>
  <c r="AE105371" i="1"/>
  <c r="AE105372" i="1"/>
  <c r="AE105373" i="1"/>
  <c r="AE105374" i="1"/>
  <c r="AE105375" i="1"/>
  <c r="AE105376" i="1"/>
  <c r="AE105377" i="1"/>
  <c r="AE105378" i="1"/>
  <c r="AE105379" i="1"/>
  <c r="AE105380" i="1"/>
  <c r="AE105381" i="1"/>
  <c r="AE105382" i="1"/>
  <c r="AE105383" i="1"/>
  <c r="AE105384" i="1"/>
  <c r="AE105385" i="1"/>
  <c r="AE105386" i="1"/>
  <c r="AE105387" i="1"/>
  <c r="AE105388" i="1"/>
  <c r="AE105389" i="1"/>
  <c r="AE105390" i="1"/>
  <c r="AE105391" i="1"/>
  <c r="AE105392" i="1"/>
  <c r="AE105393" i="1"/>
  <c r="AE105394" i="1"/>
  <c r="AE105395" i="1"/>
  <c r="AE105396" i="1"/>
  <c r="AE105397" i="1"/>
  <c r="AE105398" i="1"/>
  <c r="AE105399" i="1"/>
  <c r="AE105400" i="1"/>
  <c r="AE105401" i="1"/>
  <c r="AE105402" i="1"/>
  <c r="AE105403" i="1"/>
  <c r="AE105404" i="1"/>
  <c r="AE105405" i="1"/>
  <c r="AE105406" i="1"/>
  <c r="AE105407" i="1"/>
  <c r="AE105408" i="1"/>
  <c r="AE105409" i="1"/>
  <c r="AE105410" i="1"/>
  <c r="AE105411" i="1"/>
  <c r="AE105412" i="1"/>
  <c r="AE105413" i="1"/>
  <c r="AE105414" i="1"/>
  <c r="AE105415" i="1"/>
  <c r="AE105416" i="1"/>
  <c r="AE105417" i="1"/>
  <c r="AE105418" i="1"/>
  <c r="AE105419" i="1"/>
  <c r="AE105420" i="1"/>
  <c r="AE105421" i="1"/>
  <c r="AE105422" i="1"/>
  <c r="AE105423" i="1"/>
  <c r="AE105424" i="1"/>
  <c r="AE105425" i="1"/>
  <c r="AE105426" i="1"/>
  <c r="AE105427" i="1"/>
  <c r="AE105428" i="1"/>
  <c r="AE105429" i="1"/>
  <c r="AE105430" i="1"/>
  <c r="AE105431" i="1"/>
  <c r="AE105432" i="1"/>
  <c r="AE105433" i="1"/>
  <c r="AE105434" i="1"/>
  <c r="AE105435" i="1"/>
  <c r="AE105436" i="1"/>
  <c r="AE105437" i="1"/>
  <c r="AE105438" i="1"/>
  <c r="AE105439" i="1"/>
  <c r="AE105440" i="1"/>
  <c r="AE105441" i="1"/>
  <c r="AE105442" i="1"/>
  <c r="AE105443" i="1"/>
  <c r="AE105444" i="1"/>
  <c r="AE105445" i="1"/>
  <c r="AE105446" i="1"/>
  <c r="AE105447" i="1"/>
  <c r="AE105448" i="1"/>
  <c r="AE105449" i="1"/>
  <c r="AE105450" i="1"/>
  <c r="AE105451" i="1"/>
  <c r="AE105452" i="1"/>
  <c r="AE105453" i="1"/>
  <c r="AE105454" i="1"/>
  <c r="AE105455" i="1"/>
  <c r="AE105456" i="1"/>
  <c r="AE105457" i="1"/>
  <c r="AE105458" i="1"/>
  <c r="AE105459" i="1"/>
  <c r="AE105460" i="1"/>
  <c r="AE105461" i="1"/>
  <c r="AE105462" i="1"/>
  <c r="AE105463" i="1"/>
  <c r="AE105464" i="1"/>
  <c r="AE105465" i="1"/>
  <c r="AE105466" i="1"/>
  <c r="AE105467" i="1"/>
  <c r="AE105468" i="1"/>
  <c r="AE105469" i="1"/>
  <c r="AE105470" i="1"/>
  <c r="AE105471" i="1"/>
  <c r="AE105472" i="1"/>
  <c r="AE105473" i="1"/>
  <c r="AE105474" i="1"/>
  <c r="AE105475" i="1"/>
  <c r="AE105476" i="1"/>
  <c r="AE105477" i="1"/>
  <c r="AE105478" i="1"/>
  <c r="AE105479" i="1"/>
  <c r="AE105480" i="1"/>
  <c r="AE105481" i="1"/>
  <c r="AE105482" i="1"/>
  <c r="AE105483" i="1"/>
  <c r="AE105484" i="1"/>
  <c r="AE105485" i="1"/>
  <c r="AE105486" i="1"/>
  <c r="AE105487" i="1"/>
  <c r="AE105488" i="1"/>
  <c r="AE105489" i="1"/>
  <c r="AE105490" i="1"/>
  <c r="AE105491" i="1"/>
  <c r="AE105492" i="1"/>
  <c r="AE105493" i="1"/>
  <c r="AE105494" i="1"/>
  <c r="AE105495" i="1"/>
  <c r="AE105496" i="1"/>
  <c r="AE105497" i="1"/>
  <c r="AE105498" i="1"/>
  <c r="AE105499" i="1"/>
  <c r="AE105500" i="1"/>
  <c r="AE105501" i="1"/>
  <c r="AE105502" i="1"/>
  <c r="AE105503" i="1"/>
  <c r="AE105504" i="1"/>
  <c r="AE105505" i="1"/>
  <c r="AE105506" i="1"/>
  <c r="AE105507" i="1"/>
  <c r="AE105508" i="1"/>
  <c r="AE105509" i="1"/>
  <c r="AE105510" i="1"/>
  <c r="AE105511" i="1"/>
  <c r="AE105512" i="1"/>
  <c r="AE105513" i="1"/>
  <c r="AE105514" i="1"/>
  <c r="AE105515" i="1"/>
  <c r="AE105516" i="1"/>
  <c r="AE105517" i="1"/>
  <c r="AE105518" i="1"/>
  <c r="AE105519" i="1"/>
  <c r="AE105520" i="1"/>
  <c r="AE105521" i="1"/>
  <c r="AE105522" i="1"/>
  <c r="AE105523" i="1"/>
  <c r="AE105524" i="1"/>
  <c r="AE105525" i="1"/>
  <c r="AE105526" i="1"/>
  <c r="AE105527" i="1"/>
  <c r="AE105528" i="1"/>
  <c r="AE105529" i="1"/>
  <c r="AE105530" i="1"/>
  <c r="AE105531" i="1"/>
  <c r="AE105532" i="1"/>
  <c r="AE105533" i="1"/>
  <c r="AE105534" i="1"/>
  <c r="AE105535" i="1"/>
  <c r="AE105536" i="1"/>
  <c r="AE105537" i="1"/>
  <c r="AE105538" i="1"/>
  <c r="AE105539" i="1"/>
  <c r="AE105540" i="1"/>
  <c r="AE105541" i="1"/>
  <c r="AE105542" i="1"/>
  <c r="AE105543" i="1"/>
  <c r="AE105544" i="1"/>
  <c r="AE105545" i="1"/>
  <c r="AE105546" i="1"/>
  <c r="AE105547" i="1"/>
  <c r="AE105548" i="1"/>
  <c r="AE105549" i="1"/>
  <c r="AE105550" i="1"/>
  <c r="AE105551" i="1"/>
  <c r="AE105552" i="1"/>
  <c r="AE105553" i="1"/>
  <c r="AE105554" i="1"/>
  <c r="AE105555" i="1"/>
  <c r="AE105556" i="1"/>
  <c r="AE105557" i="1"/>
  <c r="AE105558" i="1"/>
  <c r="AE105559" i="1"/>
  <c r="AE105560" i="1"/>
  <c r="AE105561" i="1"/>
  <c r="AE105562" i="1"/>
  <c r="AE105563" i="1"/>
  <c r="AE105564" i="1"/>
  <c r="AE105565" i="1"/>
  <c r="AE105566" i="1"/>
  <c r="AE105567" i="1"/>
  <c r="AE105568" i="1"/>
  <c r="AE105569" i="1"/>
  <c r="AE105570" i="1"/>
  <c r="AE105571" i="1"/>
  <c r="AE105572" i="1"/>
  <c r="AE105573" i="1"/>
  <c r="AE105574" i="1"/>
  <c r="AE105575" i="1"/>
  <c r="AE105576" i="1"/>
  <c r="AE105577" i="1"/>
  <c r="AE105578" i="1"/>
  <c r="AE105579" i="1"/>
  <c r="AE105580" i="1"/>
  <c r="AE105581" i="1"/>
  <c r="AE105582" i="1"/>
  <c r="AE105583" i="1"/>
  <c r="AE105584" i="1"/>
  <c r="AE105585" i="1"/>
  <c r="AE105586" i="1"/>
  <c r="AE105587" i="1"/>
  <c r="AE105588" i="1"/>
  <c r="AE105589" i="1"/>
  <c r="AE105590" i="1"/>
  <c r="AE105591" i="1"/>
  <c r="AE105592" i="1"/>
  <c r="AE105593" i="1"/>
  <c r="AE105594" i="1"/>
  <c r="AE105595" i="1"/>
  <c r="AE105596" i="1"/>
  <c r="AE105597" i="1"/>
  <c r="AE105598" i="1"/>
  <c r="AE105599" i="1"/>
  <c r="AE105600" i="1"/>
  <c r="AE105601" i="1"/>
  <c r="AE105602" i="1"/>
  <c r="AE105603" i="1"/>
  <c r="AE105604" i="1"/>
  <c r="AE105605" i="1"/>
  <c r="AE105606" i="1"/>
  <c r="AE105607" i="1"/>
  <c r="AE105608" i="1"/>
  <c r="AE105609" i="1"/>
  <c r="AE105610" i="1"/>
  <c r="AE105611" i="1"/>
  <c r="AE105612" i="1"/>
  <c r="AE105613" i="1"/>
  <c r="AE105614" i="1"/>
  <c r="AE105615" i="1"/>
  <c r="AE105616" i="1"/>
  <c r="AE105617" i="1"/>
  <c r="AE105618" i="1"/>
  <c r="AE105619" i="1"/>
  <c r="AE105620" i="1"/>
  <c r="AE105621" i="1"/>
  <c r="AE105622" i="1"/>
  <c r="AE105623" i="1"/>
  <c r="AE105624" i="1"/>
  <c r="AE105625" i="1"/>
  <c r="AE105626" i="1"/>
  <c r="AE105627" i="1"/>
  <c r="AE105628" i="1"/>
  <c r="AE105629" i="1"/>
  <c r="AE105630" i="1"/>
  <c r="AE105631" i="1"/>
  <c r="AE105632" i="1"/>
  <c r="AE105633" i="1"/>
  <c r="AE105634" i="1"/>
  <c r="AE105635" i="1"/>
  <c r="AE105636" i="1"/>
  <c r="AE105637" i="1"/>
  <c r="AE105638" i="1"/>
  <c r="AE105639" i="1"/>
  <c r="AE105640" i="1"/>
  <c r="AE105641" i="1"/>
  <c r="AE105642" i="1"/>
  <c r="AE105643" i="1"/>
  <c r="AE105644" i="1"/>
  <c r="AE105645" i="1"/>
  <c r="AE105646" i="1"/>
  <c r="AE105647" i="1"/>
  <c r="AE105648" i="1"/>
  <c r="AE105649" i="1"/>
  <c r="AE105650" i="1"/>
  <c r="AE105651" i="1"/>
  <c r="AE105652" i="1"/>
  <c r="AE105653" i="1"/>
  <c r="AE105654" i="1"/>
  <c r="AE105655" i="1"/>
  <c r="AE105656" i="1"/>
  <c r="AE105657" i="1"/>
  <c r="AE105658" i="1"/>
  <c r="AE105659" i="1"/>
  <c r="AE105660" i="1"/>
  <c r="AE105661" i="1"/>
  <c r="AE105662" i="1"/>
  <c r="AE105663" i="1"/>
  <c r="AE105664" i="1"/>
  <c r="AE105665" i="1"/>
  <c r="AE105666" i="1"/>
  <c r="AE105667" i="1"/>
  <c r="AE105668" i="1"/>
  <c r="AE105669" i="1"/>
  <c r="AE105670" i="1"/>
  <c r="AE105671" i="1"/>
  <c r="AE105672" i="1"/>
  <c r="AE105673" i="1"/>
  <c r="AE105674" i="1"/>
  <c r="AE105675" i="1"/>
  <c r="AE105676" i="1"/>
  <c r="AE105677" i="1"/>
  <c r="AE105678" i="1"/>
  <c r="AE105679" i="1"/>
  <c r="AE105680" i="1"/>
  <c r="AE105681" i="1"/>
  <c r="AE105682" i="1"/>
  <c r="AE105683" i="1"/>
  <c r="AE105684" i="1"/>
  <c r="AE105685" i="1"/>
  <c r="AE105686" i="1"/>
  <c r="AE105687" i="1"/>
  <c r="AE105688" i="1"/>
  <c r="AE105689" i="1"/>
  <c r="AE105690" i="1"/>
  <c r="AE105691" i="1"/>
  <c r="AE105692" i="1"/>
  <c r="AE105693" i="1"/>
  <c r="AE105694" i="1"/>
  <c r="AE105695" i="1"/>
  <c r="AE105696" i="1"/>
  <c r="AE105697" i="1"/>
  <c r="AE105698" i="1"/>
  <c r="AE105699" i="1"/>
  <c r="AE105700" i="1"/>
  <c r="AE105701" i="1"/>
  <c r="AE105702" i="1"/>
  <c r="AE105703" i="1"/>
  <c r="AE105704" i="1"/>
  <c r="AE105705" i="1"/>
  <c r="AE105706" i="1"/>
  <c r="AE105707" i="1"/>
  <c r="AE105708" i="1"/>
  <c r="AE105709" i="1"/>
  <c r="AE105710" i="1"/>
  <c r="AE105711" i="1"/>
  <c r="AE105712" i="1"/>
  <c r="AE105713" i="1"/>
  <c r="AE105714" i="1"/>
  <c r="AE105715" i="1"/>
  <c r="AE105716" i="1"/>
  <c r="AE105717" i="1"/>
  <c r="AE105718" i="1"/>
  <c r="AE105719" i="1"/>
  <c r="AE105720" i="1"/>
  <c r="AE105721" i="1"/>
  <c r="AE105722" i="1"/>
  <c r="AE105723" i="1"/>
  <c r="AE105724" i="1"/>
  <c r="AE105725" i="1"/>
  <c r="AE105726" i="1"/>
  <c r="AE105727" i="1"/>
  <c r="AE105728" i="1"/>
  <c r="AE105729" i="1"/>
  <c r="AE105730" i="1"/>
  <c r="AE105731" i="1"/>
  <c r="AE105732" i="1"/>
  <c r="AE105733" i="1"/>
  <c r="AE105734" i="1"/>
  <c r="AE105735" i="1"/>
  <c r="AE105736" i="1"/>
  <c r="AE105737" i="1"/>
  <c r="AE105738" i="1"/>
  <c r="AE105739" i="1"/>
  <c r="AE105740" i="1"/>
  <c r="AE105741" i="1"/>
  <c r="AE105742" i="1"/>
  <c r="AE105743" i="1"/>
  <c r="AE105744" i="1"/>
  <c r="AE105745" i="1"/>
  <c r="AE105746" i="1"/>
  <c r="AE105747" i="1"/>
  <c r="AE105748" i="1"/>
  <c r="AE105749" i="1"/>
  <c r="AE105750" i="1"/>
  <c r="AE105751" i="1"/>
  <c r="AE105752" i="1"/>
  <c r="AE105753" i="1"/>
  <c r="AE105754" i="1"/>
  <c r="AE105755" i="1"/>
  <c r="AE105756" i="1"/>
  <c r="AE105757" i="1"/>
  <c r="AE105758" i="1"/>
  <c r="AE105759" i="1"/>
  <c r="AE105760" i="1"/>
  <c r="AE105761" i="1"/>
  <c r="AE105762" i="1"/>
  <c r="AE105763" i="1"/>
  <c r="AE105764" i="1"/>
  <c r="AE105765" i="1"/>
  <c r="AE105766" i="1"/>
  <c r="AE105767" i="1"/>
  <c r="AE105768" i="1"/>
  <c r="AE105769" i="1"/>
  <c r="AE105770" i="1"/>
  <c r="AE105771" i="1"/>
  <c r="AE105772" i="1"/>
  <c r="AE105773" i="1"/>
  <c r="AE105774" i="1"/>
  <c r="AE105775" i="1"/>
  <c r="AE105776" i="1"/>
  <c r="AE105777" i="1"/>
  <c r="AE105778" i="1"/>
  <c r="AE105779" i="1"/>
  <c r="AE105780" i="1"/>
  <c r="AE105781" i="1"/>
  <c r="AE105782" i="1"/>
  <c r="AE105783" i="1"/>
  <c r="AE105784" i="1"/>
  <c r="AE105785" i="1"/>
  <c r="AE105786" i="1"/>
  <c r="AE105787" i="1"/>
  <c r="AE105788" i="1"/>
  <c r="AE105789" i="1"/>
  <c r="AE105790" i="1"/>
  <c r="AE105791" i="1"/>
  <c r="AE105792" i="1"/>
  <c r="AE105793" i="1"/>
  <c r="AE105794" i="1"/>
  <c r="AE105795" i="1"/>
  <c r="AE105796" i="1"/>
  <c r="AE105797" i="1"/>
  <c r="AE105798" i="1"/>
  <c r="AE105799" i="1"/>
  <c r="AE105800" i="1"/>
  <c r="AE105801" i="1"/>
  <c r="AE105802" i="1"/>
  <c r="AE105803" i="1"/>
  <c r="AE105804" i="1"/>
  <c r="AE105805" i="1"/>
  <c r="AE105806" i="1"/>
  <c r="AE105807" i="1"/>
  <c r="AE105808" i="1"/>
  <c r="AE105809" i="1"/>
  <c r="AE105810" i="1"/>
  <c r="AE105811" i="1"/>
  <c r="AE105812" i="1"/>
  <c r="AE105813" i="1"/>
  <c r="AE105814" i="1"/>
  <c r="AE105815" i="1"/>
  <c r="AE105816" i="1"/>
  <c r="AE105817" i="1"/>
  <c r="AE105818" i="1"/>
  <c r="AE105819" i="1"/>
  <c r="AE105820" i="1"/>
  <c r="AE105821" i="1"/>
  <c r="AE105822" i="1"/>
  <c r="AE105823" i="1"/>
  <c r="AE105824" i="1"/>
  <c r="AE105825" i="1"/>
  <c r="AE105826" i="1"/>
  <c r="AE105827" i="1"/>
  <c r="AE105828" i="1"/>
  <c r="AE105829" i="1"/>
  <c r="AE105830" i="1"/>
  <c r="AE105831" i="1"/>
  <c r="AE105832" i="1"/>
  <c r="AE105833" i="1"/>
  <c r="AE105834" i="1"/>
  <c r="AE105835" i="1"/>
  <c r="AE105836" i="1"/>
  <c r="AE105837" i="1"/>
  <c r="AE105838" i="1"/>
  <c r="AE105839" i="1"/>
  <c r="AE105840" i="1"/>
  <c r="AE105841" i="1"/>
  <c r="AE105842" i="1"/>
  <c r="AE105843" i="1"/>
  <c r="AE105844" i="1"/>
  <c r="AE105845" i="1"/>
  <c r="AE105846" i="1"/>
  <c r="AE105847" i="1"/>
  <c r="AE105848" i="1"/>
  <c r="AE105849" i="1"/>
  <c r="AE105850" i="1"/>
  <c r="AE105851" i="1"/>
  <c r="AE105852" i="1"/>
  <c r="AE105853" i="1"/>
  <c r="AE105854" i="1"/>
  <c r="AE105855" i="1"/>
  <c r="AE105856" i="1"/>
  <c r="AE105857" i="1"/>
  <c r="AE105858" i="1"/>
  <c r="AE105859" i="1"/>
  <c r="AE105860" i="1"/>
  <c r="AE105861" i="1"/>
  <c r="AE105862" i="1"/>
  <c r="AE105863" i="1"/>
  <c r="AE105864" i="1"/>
  <c r="AE105865" i="1"/>
  <c r="AE105866" i="1"/>
  <c r="AE105867" i="1"/>
  <c r="AE105868" i="1"/>
  <c r="AE105869" i="1"/>
  <c r="AE105870" i="1"/>
  <c r="AE105871" i="1"/>
  <c r="AE105872" i="1"/>
  <c r="AE105873" i="1"/>
  <c r="AE105874" i="1"/>
  <c r="AE105875" i="1"/>
  <c r="AE105876" i="1"/>
  <c r="AE105877" i="1"/>
  <c r="AE105878" i="1"/>
  <c r="AE105879" i="1"/>
  <c r="AE105880" i="1"/>
  <c r="AE105881" i="1"/>
  <c r="AE105882" i="1"/>
  <c r="AE105883" i="1"/>
  <c r="AE105884" i="1"/>
  <c r="AE105885" i="1"/>
  <c r="AE105886" i="1"/>
  <c r="AE105887" i="1"/>
  <c r="AE105888" i="1"/>
  <c r="AE105889" i="1"/>
  <c r="AE105890" i="1"/>
  <c r="AE105891" i="1"/>
  <c r="AE105892" i="1"/>
  <c r="AE105893" i="1"/>
  <c r="AE105894" i="1"/>
  <c r="AE105895" i="1"/>
  <c r="AE105896" i="1"/>
  <c r="AE105897" i="1"/>
  <c r="AE105898" i="1"/>
  <c r="AE105899" i="1"/>
  <c r="AE105900" i="1"/>
  <c r="AE105901" i="1"/>
  <c r="AE105902" i="1"/>
  <c r="AE105903" i="1"/>
  <c r="AE105904" i="1"/>
  <c r="AE105905" i="1"/>
  <c r="AE105906" i="1"/>
  <c r="AE105907" i="1"/>
  <c r="AE105908" i="1"/>
  <c r="AE105909" i="1"/>
  <c r="AE105910" i="1"/>
  <c r="AE105911" i="1"/>
  <c r="AE105912" i="1"/>
  <c r="AE105913" i="1"/>
  <c r="AE105914" i="1"/>
  <c r="AE105915" i="1"/>
  <c r="AE105916" i="1"/>
  <c r="AE105917" i="1"/>
  <c r="AE105918" i="1"/>
  <c r="AE105919" i="1"/>
  <c r="AE105920" i="1"/>
  <c r="AE105921" i="1"/>
  <c r="AE105922" i="1"/>
  <c r="AE105923" i="1"/>
  <c r="AE105924" i="1"/>
  <c r="AE105925" i="1"/>
  <c r="AE105926" i="1"/>
  <c r="AE105927" i="1"/>
  <c r="AE105928" i="1"/>
  <c r="AE105929" i="1"/>
  <c r="AE105930" i="1"/>
  <c r="AE105931" i="1"/>
  <c r="AE105932" i="1"/>
  <c r="AE105933" i="1"/>
  <c r="AE105934" i="1"/>
  <c r="AE105935" i="1"/>
  <c r="AE105936" i="1"/>
  <c r="AE105937" i="1"/>
  <c r="AE105938" i="1"/>
  <c r="AE105939" i="1"/>
  <c r="AE105940" i="1"/>
  <c r="AE105941" i="1"/>
  <c r="AE105942" i="1"/>
  <c r="AE105943" i="1"/>
  <c r="AE105944" i="1"/>
  <c r="AE105945" i="1"/>
  <c r="AE105946" i="1"/>
  <c r="AE105947" i="1"/>
  <c r="AE105948" i="1"/>
  <c r="AE105949" i="1"/>
  <c r="AE105950" i="1"/>
  <c r="AE105951" i="1"/>
  <c r="AE105952" i="1"/>
  <c r="AE105953" i="1"/>
  <c r="AE105954" i="1"/>
  <c r="AE105955" i="1"/>
  <c r="AE105956" i="1"/>
  <c r="AE105957" i="1"/>
  <c r="AE105958" i="1"/>
  <c r="AE105959" i="1"/>
  <c r="AE105960" i="1"/>
  <c r="AE105961" i="1"/>
  <c r="AE105962" i="1"/>
  <c r="AE105963" i="1"/>
  <c r="AE105964" i="1"/>
  <c r="AE105965" i="1"/>
  <c r="AE105966" i="1"/>
  <c r="AE105967" i="1"/>
  <c r="AE105968" i="1"/>
  <c r="AE105969" i="1"/>
  <c r="AE105970" i="1"/>
  <c r="AE105971" i="1"/>
  <c r="AE105972" i="1"/>
  <c r="AE105973" i="1"/>
  <c r="AE105974" i="1"/>
  <c r="AE105975" i="1"/>
  <c r="AE105976" i="1"/>
  <c r="AE105977" i="1"/>
  <c r="AE105978" i="1"/>
  <c r="AE105979" i="1"/>
  <c r="AE105980" i="1"/>
  <c r="AE105981" i="1"/>
  <c r="AE105982" i="1"/>
  <c r="AE105983" i="1"/>
  <c r="AE105984" i="1"/>
  <c r="AE105985" i="1"/>
  <c r="AE105986" i="1"/>
  <c r="AE105987" i="1"/>
  <c r="AE105988" i="1"/>
  <c r="AE105989" i="1"/>
  <c r="AE105990" i="1"/>
  <c r="AE105991" i="1"/>
  <c r="AE105992" i="1"/>
  <c r="AE105993" i="1"/>
  <c r="AE105994" i="1"/>
  <c r="AE105995" i="1"/>
  <c r="AE105996" i="1"/>
  <c r="AE105997" i="1"/>
  <c r="AE105998" i="1"/>
  <c r="AE105999" i="1"/>
  <c r="AE106000" i="1"/>
  <c r="AE106001" i="1"/>
  <c r="AE106002" i="1"/>
  <c r="AE106003" i="1"/>
  <c r="AE106004" i="1"/>
  <c r="AE106005" i="1"/>
  <c r="AE106006" i="1"/>
  <c r="AE106007" i="1"/>
  <c r="AE106008" i="1"/>
  <c r="AE106009" i="1"/>
  <c r="AE106010" i="1"/>
  <c r="AE106011" i="1"/>
  <c r="AE106012" i="1"/>
  <c r="AE106013" i="1"/>
  <c r="AE106014" i="1"/>
  <c r="AE106015" i="1"/>
  <c r="AE106016" i="1"/>
  <c r="AE106017" i="1"/>
  <c r="AE106018" i="1"/>
  <c r="AE106019" i="1"/>
  <c r="AE106020" i="1"/>
  <c r="AE106021" i="1"/>
  <c r="AE106022" i="1"/>
  <c r="AE106023" i="1"/>
  <c r="AE106024" i="1"/>
  <c r="AE106025" i="1"/>
  <c r="AE106026" i="1"/>
  <c r="AE106027" i="1"/>
  <c r="AE106028" i="1"/>
  <c r="AE106029" i="1"/>
  <c r="AE106030" i="1"/>
  <c r="AE106031" i="1"/>
  <c r="AE106032" i="1"/>
  <c r="AE106033" i="1"/>
  <c r="AE106034" i="1"/>
  <c r="AE106035" i="1"/>
  <c r="AE106036" i="1"/>
  <c r="AE106037" i="1"/>
  <c r="AE106038" i="1"/>
  <c r="AE106039" i="1"/>
  <c r="AE106040" i="1"/>
  <c r="AE106041" i="1"/>
  <c r="AE106042" i="1"/>
  <c r="AE106043" i="1"/>
  <c r="AE106044" i="1"/>
  <c r="AE106045" i="1"/>
  <c r="AE106046" i="1"/>
  <c r="AE106047" i="1"/>
  <c r="AE106048" i="1"/>
  <c r="AE106049" i="1"/>
  <c r="AE106050" i="1"/>
  <c r="AE106051" i="1"/>
  <c r="AE106052" i="1"/>
  <c r="AE106053" i="1"/>
  <c r="AE106054" i="1"/>
  <c r="AE106055" i="1"/>
  <c r="AE106056" i="1"/>
  <c r="AE106057" i="1"/>
  <c r="AE106058" i="1"/>
  <c r="AE106059" i="1"/>
  <c r="AE106060" i="1"/>
  <c r="AE106061" i="1"/>
  <c r="AE106062" i="1"/>
  <c r="AE106063" i="1"/>
  <c r="AE106064" i="1"/>
  <c r="AE106065" i="1"/>
  <c r="AE106066" i="1"/>
  <c r="AE106067" i="1"/>
  <c r="AE106068" i="1"/>
  <c r="AE106069" i="1"/>
  <c r="AE106070" i="1"/>
  <c r="AE106071" i="1"/>
  <c r="AE106072" i="1"/>
  <c r="AE106073" i="1"/>
  <c r="AE106074" i="1"/>
  <c r="AE106075" i="1"/>
  <c r="AE106076" i="1"/>
  <c r="AE106077" i="1"/>
  <c r="AE106078" i="1"/>
  <c r="AE106079" i="1"/>
  <c r="AE106080" i="1"/>
  <c r="AE106081" i="1"/>
  <c r="AE106082" i="1"/>
  <c r="AE106083" i="1"/>
  <c r="AE106084" i="1"/>
  <c r="AE106085" i="1"/>
  <c r="AE106086" i="1"/>
  <c r="AE106087" i="1"/>
  <c r="AE106088" i="1"/>
  <c r="AE106089" i="1"/>
  <c r="AE106090" i="1"/>
  <c r="AE106091" i="1"/>
  <c r="AE106092" i="1"/>
  <c r="AE106093" i="1"/>
  <c r="AE106094" i="1"/>
  <c r="AE106095" i="1"/>
  <c r="AE106096" i="1"/>
  <c r="AE106097" i="1"/>
  <c r="AE106098" i="1"/>
  <c r="AE106099" i="1"/>
  <c r="AE106100" i="1"/>
  <c r="AE106101" i="1"/>
  <c r="AE106102" i="1"/>
  <c r="AE106103" i="1"/>
  <c r="AE106104" i="1"/>
  <c r="AE106105" i="1"/>
  <c r="AE106106" i="1"/>
  <c r="AE106107" i="1"/>
  <c r="AE106108" i="1"/>
  <c r="AE106109" i="1"/>
  <c r="AE106110" i="1"/>
  <c r="AE106111" i="1"/>
  <c r="AE106112" i="1"/>
  <c r="AE106113" i="1"/>
  <c r="AE106114" i="1"/>
  <c r="AE106115" i="1"/>
  <c r="AE106116" i="1"/>
  <c r="AE106117" i="1"/>
  <c r="AE106118" i="1"/>
  <c r="AE106119" i="1"/>
  <c r="AE106120" i="1"/>
  <c r="AE106121" i="1"/>
  <c r="AE106122" i="1"/>
  <c r="AE106123" i="1"/>
  <c r="AE106124" i="1"/>
  <c r="AE106125" i="1"/>
  <c r="AE106126" i="1"/>
  <c r="AE106127" i="1"/>
  <c r="AE106128" i="1"/>
  <c r="AE106129" i="1"/>
  <c r="AE106130" i="1"/>
  <c r="AE106131" i="1"/>
  <c r="AE106132" i="1"/>
  <c r="AE106133" i="1"/>
  <c r="AE106134" i="1"/>
  <c r="AE106135" i="1"/>
  <c r="AE106136" i="1"/>
  <c r="AE106137" i="1"/>
  <c r="AE106138" i="1"/>
  <c r="AE106139" i="1"/>
  <c r="AE106140" i="1"/>
  <c r="AE106141" i="1"/>
  <c r="AE106142" i="1"/>
  <c r="AE106143" i="1"/>
  <c r="AE106144" i="1"/>
  <c r="AE106145" i="1"/>
  <c r="AE106146" i="1"/>
  <c r="AE106147" i="1"/>
  <c r="AE106148" i="1"/>
  <c r="AE106149" i="1"/>
  <c r="AE106150" i="1"/>
  <c r="AE106151" i="1"/>
  <c r="AE106152" i="1"/>
  <c r="AE106153" i="1"/>
  <c r="AE106154" i="1"/>
  <c r="AE106155" i="1"/>
  <c r="AE106156" i="1"/>
  <c r="AE106157" i="1"/>
  <c r="AE106158" i="1"/>
  <c r="AE106159" i="1"/>
  <c r="AE106160" i="1"/>
  <c r="AE106161" i="1"/>
  <c r="AE106162" i="1"/>
  <c r="AE106163" i="1"/>
  <c r="AE106164" i="1"/>
  <c r="AE106165" i="1"/>
  <c r="AE106166" i="1"/>
  <c r="AE106167" i="1"/>
  <c r="AE106168" i="1"/>
  <c r="AE106169" i="1"/>
  <c r="AE106170" i="1"/>
  <c r="AE106171" i="1"/>
  <c r="AE106172" i="1"/>
  <c r="AE106173" i="1"/>
  <c r="AE106174" i="1"/>
  <c r="AE106175" i="1"/>
  <c r="AE106176" i="1"/>
  <c r="AE106177" i="1"/>
  <c r="AE106178" i="1"/>
  <c r="AE106179" i="1"/>
  <c r="AE106180" i="1"/>
  <c r="AE106181" i="1"/>
  <c r="AE106182" i="1"/>
  <c r="AE106183" i="1"/>
  <c r="AE106184" i="1"/>
  <c r="AE106185" i="1"/>
  <c r="AE106186" i="1"/>
  <c r="AE106187" i="1"/>
  <c r="AE106188" i="1"/>
  <c r="AE106189" i="1"/>
  <c r="AE106190" i="1"/>
  <c r="AE106191" i="1"/>
  <c r="AE106192" i="1"/>
  <c r="AE106193" i="1"/>
  <c r="AE106194" i="1"/>
  <c r="AE106195" i="1"/>
  <c r="AE106196" i="1"/>
  <c r="AE106197" i="1"/>
  <c r="AE106198" i="1"/>
  <c r="AE106199" i="1"/>
  <c r="AE106200" i="1"/>
  <c r="AE106201" i="1"/>
  <c r="AE106202" i="1"/>
  <c r="AE106203" i="1"/>
  <c r="AE106204" i="1"/>
  <c r="AE106205" i="1"/>
  <c r="AE106206" i="1"/>
  <c r="AE106207" i="1"/>
  <c r="AE106208" i="1"/>
  <c r="AE106209" i="1"/>
  <c r="AE106210" i="1"/>
  <c r="AE106211" i="1"/>
  <c r="AE106212" i="1"/>
  <c r="AE106213" i="1"/>
  <c r="AE106214" i="1"/>
  <c r="AE106215" i="1"/>
  <c r="AE106216" i="1"/>
  <c r="AE106217" i="1"/>
  <c r="AE106218" i="1"/>
  <c r="AE106219" i="1"/>
  <c r="AE106220" i="1"/>
  <c r="AE106221" i="1"/>
  <c r="AE106222" i="1"/>
  <c r="AE106223" i="1"/>
  <c r="AE106224" i="1"/>
  <c r="AE106225" i="1"/>
  <c r="AE106226" i="1"/>
  <c r="AE106227" i="1"/>
  <c r="AE106228" i="1"/>
  <c r="AE106229" i="1"/>
  <c r="AE106230" i="1"/>
  <c r="AE106231" i="1"/>
  <c r="AE106232" i="1"/>
  <c r="AE106233" i="1"/>
  <c r="AE106234" i="1"/>
  <c r="AE106235" i="1"/>
  <c r="AE106236" i="1"/>
  <c r="AE106237" i="1"/>
  <c r="AE106238" i="1"/>
  <c r="AE106239" i="1"/>
  <c r="AE106240" i="1"/>
  <c r="AE106241" i="1"/>
  <c r="AE106242" i="1"/>
  <c r="AE106243" i="1"/>
  <c r="AE106244" i="1"/>
  <c r="AE106245" i="1"/>
  <c r="AE106246" i="1"/>
  <c r="AE106247" i="1"/>
  <c r="AE106248" i="1"/>
  <c r="AE106249" i="1"/>
  <c r="AE106250" i="1"/>
  <c r="AE106251" i="1"/>
  <c r="AE106252" i="1"/>
  <c r="AE106253" i="1"/>
  <c r="AE106254" i="1"/>
  <c r="AE106255" i="1"/>
  <c r="AE106256" i="1"/>
  <c r="AE106257" i="1"/>
  <c r="AE106258" i="1"/>
  <c r="AE106259" i="1"/>
  <c r="AE106260" i="1"/>
  <c r="AE106261" i="1"/>
  <c r="AE106262" i="1"/>
  <c r="AE106263" i="1"/>
  <c r="AE106264" i="1"/>
  <c r="AE106265" i="1"/>
  <c r="AE106266" i="1"/>
  <c r="AE106267" i="1"/>
  <c r="AE106268" i="1"/>
  <c r="AE106269" i="1"/>
  <c r="AE106270" i="1"/>
  <c r="AE106271" i="1"/>
  <c r="AE106272" i="1"/>
  <c r="AE106273" i="1"/>
  <c r="AE106274" i="1"/>
  <c r="AE106275" i="1"/>
  <c r="AE106276" i="1"/>
  <c r="AE106277" i="1"/>
  <c r="AE106278" i="1"/>
  <c r="AE106279" i="1"/>
  <c r="AE106280" i="1"/>
  <c r="AE106281" i="1"/>
  <c r="AE106282" i="1"/>
  <c r="AE106283" i="1"/>
  <c r="AE106284" i="1"/>
  <c r="AE106285" i="1"/>
  <c r="AE106286" i="1"/>
  <c r="AE106287" i="1"/>
  <c r="AE106288" i="1"/>
  <c r="AE106289" i="1"/>
  <c r="AE106290" i="1"/>
  <c r="AE106291" i="1"/>
  <c r="AE106292" i="1"/>
  <c r="AE106293" i="1"/>
  <c r="AE106294" i="1"/>
  <c r="AE106295" i="1"/>
  <c r="AE106296" i="1"/>
  <c r="AE106297" i="1"/>
  <c r="AE106298" i="1"/>
  <c r="AE106299" i="1"/>
  <c r="AE106300" i="1"/>
  <c r="AE106301" i="1"/>
  <c r="AE106302" i="1"/>
  <c r="AE106303" i="1"/>
  <c r="AE106304" i="1"/>
  <c r="AE106305" i="1"/>
  <c r="AE106306" i="1"/>
  <c r="AE106307" i="1"/>
  <c r="AE106308" i="1"/>
  <c r="AE106309" i="1"/>
  <c r="AE106310" i="1"/>
  <c r="AE106311" i="1"/>
  <c r="AE106312" i="1"/>
  <c r="AE106313" i="1"/>
  <c r="AE106314" i="1"/>
  <c r="AE106315" i="1"/>
  <c r="AE106316" i="1"/>
  <c r="AE106317" i="1"/>
  <c r="AE106318" i="1"/>
  <c r="AE106319" i="1"/>
  <c r="AE106320" i="1"/>
  <c r="AE106321" i="1"/>
  <c r="AE106322" i="1"/>
  <c r="AE106323" i="1"/>
  <c r="AE106324" i="1"/>
  <c r="AE106325" i="1"/>
  <c r="AE106326" i="1"/>
  <c r="AE106327" i="1"/>
  <c r="AE106328" i="1"/>
  <c r="AE106329" i="1"/>
  <c r="AE106330" i="1"/>
  <c r="AE106331" i="1"/>
  <c r="AE106332" i="1"/>
  <c r="AE106333" i="1"/>
  <c r="AE106334" i="1"/>
  <c r="AE106335" i="1"/>
  <c r="AE106336" i="1"/>
  <c r="AE106337" i="1"/>
  <c r="AE106338" i="1"/>
  <c r="AE106339" i="1"/>
  <c r="AE106340" i="1"/>
  <c r="AE106341" i="1"/>
  <c r="AE106342" i="1"/>
  <c r="AE106343" i="1"/>
  <c r="AE106344" i="1"/>
  <c r="AE106345" i="1"/>
  <c r="AE106346" i="1"/>
  <c r="AE106347" i="1"/>
  <c r="AE106348" i="1"/>
  <c r="AE106349" i="1"/>
  <c r="AE106350" i="1"/>
  <c r="AE106351" i="1"/>
  <c r="AE106352" i="1"/>
  <c r="AE106353" i="1"/>
  <c r="AE106354" i="1"/>
  <c r="AE106355" i="1"/>
  <c r="AE106356" i="1"/>
  <c r="AE106357" i="1"/>
  <c r="AE106358" i="1"/>
  <c r="AE106359" i="1"/>
  <c r="AE106360" i="1"/>
  <c r="AE106361" i="1"/>
  <c r="AE106362" i="1"/>
  <c r="AE106363" i="1"/>
  <c r="AE106364" i="1"/>
  <c r="AE106365" i="1"/>
  <c r="AE106366" i="1"/>
  <c r="AE106367" i="1"/>
  <c r="AE106368" i="1"/>
  <c r="AE106369" i="1"/>
  <c r="AE106370" i="1"/>
  <c r="AE106371" i="1"/>
  <c r="AE106372" i="1"/>
  <c r="AE106373" i="1"/>
  <c r="AE106374" i="1"/>
  <c r="AE106375" i="1"/>
  <c r="AE106376" i="1"/>
  <c r="AE106377" i="1"/>
  <c r="AE106378" i="1"/>
  <c r="AE106379" i="1"/>
  <c r="AE106380" i="1"/>
  <c r="AE106381" i="1"/>
  <c r="AE106382" i="1"/>
  <c r="AE106383" i="1"/>
  <c r="AE106384" i="1"/>
  <c r="AE106385" i="1"/>
  <c r="AE106386" i="1"/>
  <c r="AE106387" i="1"/>
  <c r="AE106388" i="1"/>
  <c r="AE106389" i="1"/>
  <c r="AE106390" i="1"/>
  <c r="AE106391" i="1"/>
  <c r="AE106392" i="1"/>
  <c r="AE106393" i="1"/>
  <c r="AE106394" i="1"/>
  <c r="AE106395" i="1"/>
  <c r="AE106396" i="1"/>
  <c r="AE106397" i="1"/>
  <c r="AE106398" i="1"/>
  <c r="AE106399" i="1"/>
  <c r="AE106400" i="1"/>
  <c r="AE106401" i="1"/>
  <c r="AE106402" i="1"/>
  <c r="AE106403" i="1"/>
  <c r="AE106404" i="1"/>
  <c r="AE106405" i="1"/>
  <c r="AE106406" i="1"/>
  <c r="AE106407" i="1"/>
  <c r="AE106408" i="1"/>
  <c r="AE106409" i="1"/>
  <c r="AE106410" i="1"/>
  <c r="AE106411" i="1"/>
  <c r="AE106412" i="1"/>
  <c r="AE106413" i="1"/>
  <c r="AE106414" i="1"/>
  <c r="AE106415" i="1"/>
  <c r="AE106416" i="1"/>
  <c r="AE106417" i="1"/>
  <c r="AE106418" i="1"/>
  <c r="AE106419" i="1"/>
  <c r="AE106420" i="1"/>
  <c r="AE106421" i="1"/>
  <c r="AE106422" i="1"/>
  <c r="AE106423" i="1"/>
  <c r="AE106424" i="1"/>
  <c r="AE106425" i="1"/>
  <c r="AE106426" i="1"/>
  <c r="AE106427" i="1"/>
  <c r="AE106428" i="1"/>
  <c r="AE106429" i="1"/>
  <c r="AE106430" i="1"/>
  <c r="AE106431" i="1"/>
  <c r="AE106432" i="1"/>
  <c r="AE106433" i="1"/>
  <c r="AE106434" i="1"/>
  <c r="AE106435" i="1"/>
  <c r="AE106436" i="1"/>
  <c r="AE106437" i="1"/>
  <c r="AE106438" i="1"/>
  <c r="AE106439" i="1"/>
  <c r="AE106440" i="1"/>
  <c r="AE106441" i="1"/>
  <c r="AE106442" i="1"/>
  <c r="AE106443" i="1"/>
  <c r="AE106444" i="1"/>
  <c r="AE106445" i="1"/>
  <c r="AE106446" i="1"/>
  <c r="AE106447" i="1"/>
  <c r="AE106448" i="1"/>
  <c r="AE106449" i="1"/>
  <c r="AE106450" i="1"/>
  <c r="AE106451" i="1"/>
  <c r="AE106452" i="1"/>
  <c r="AE106453" i="1"/>
  <c r="AE106454" i="1"/>
  <c r="AE106455" i="1"/>
  <c r="AE106456" i="1"/>
  <c r="AE106457" i="1"/>
  <c r="AE106458" i="1"/>
  <c r="AE106459" i="1"/>
  <c r="AE106460" i="1"/>
  <c r="AE106461" i="1"/>
  <c r="AE106462" i="1"/>
  <c r="AE106463" i="1"/>
  <c r="AE106464" i="1"/>
  <c r="AE106465" i="1"/>
  <c r="AE106466" i="1"/>
  <c r="AE106467" i="1"/>
  <c r="AE106468" i="1"/>
  <c r="AE106469" i="1"/>
  <c r="AE106470" i="1"/>
  <c r="AE106471" i="1"/>
  <c r="AE106472" i="1"/>
  <c r="AE106473" i="1"/>
  <c r="AE106474" i="1"/>
  <c r="AE106475" i="1"/>
  <c r="AE106476" i="1"/>
  <c r="AE106477" i="1"/>
  <c r="AE106478" i="1"/>
  <c r="AE106479" i="1"/>
  <c r="AE106480" i="1"/>
  <c r="AE106481" i="1"/>
  <c r="AE106482" i="1"/>
  <c r="AE106483" i="1"/>
  <c r="AE106484" i="1"/>
  <c r="AE106485" i="1"/>
  <c r="AE106486" i="1"/>
  <c r="AE106487" i="1"/>
  <c r="AE106488" i="1"/>
  <c r="AE106489" i="1"/>
  <c r="AE106490" i="1"/>
  <c r="AE106491" i="1"/>
  <c r="AE106492" i="1"/>
  <c r="AE106493" i="1"/>
  <c r="AE106494" i="1"/>
  <c r="AE106495" i="1"/>
  <c r="AE106496" i="1"/>
  <c r="AE106497" i="1"/>
  <c r="AE106498" i="1"/>
  <c r="AE106499" i="1"/>
  <c r="AE106500" i="1"/>
  <c r="AE106501" i="1"/>
  <c r="AE106502" i="1"/>
  <c r="AE106503" i="1"/>
  <c r="AE106504" i="1"/>
  <c r="AE106505" i="1"/>
  <c r="AE106506" i="1"/>
  <c r="AE106507" i="1"/>
  <c r="AE106508" i="1"/>
  <c r="AE106509" i="1"/>
  <c r="AE106510" i="1"/>
  <c r="AE106511" i="1"/>
  <c r="AE106512" i="1"/>
  <c r="AE106513" i="1"/>
  <c r="AE106514" i="1"/>
  <c r="AE106515" i="1"/>
  <c r="AE106516" i="1"/>
  <c r="AE106517" i="1"/>
  <c r="AE106518" i="1"/>
  <c r="AE106519" i="1"/>
  <c r="AE106520" i="1"/>
  <c r="AE106521" i="1"/>
  <c r="AE106522" i="1"/>
  <c r="AE106523" i="1"/>
  <c r="AE106524" i="1"/>
  <c r="AE106525" i="1"/>
  <c r="AE106526" i="1"/>
  <c r="AE106527" i="1"/>
  <c r="AE106528" i="1"/>
  <c r="AE106529" i="1"/>
  <c r="AE106530" i="1"/>
  <c r="AE106531" i="1"/>
  <c r="AE106532" i="1"/>
  <c r="AE106533" i="1"/>
  <c r="AE106534" i="1"/>
  <c r="AE106535" i="1"/>
  <c r="AE106536" i="1"/>
  <c r="AE106537" i="1"/>
  <c r="AE106538" i="1"/>
  <c r="AE106539" i="1"/>
  <c r="AE106540" i="1"/>
  <c r="AE106541" i="1"/>
  <c r="AE106542" i="1"/>
  <c r="AE106543" i="1"/>
  <c r="AE106544" i="1"/>
  <c r="AE106545" i="1"/>
  <c r="AE106546" i="1"/>
  <c r="AE106547" i="1"/>
  <c r="AE106548" i="1"/>
  <c r="AE106549" i="1"/>
  <c r="AE106550" i="1"/>
  <c r="AE106551" i="1"/>
  <c r="AE106552" i="1"/>
  <c r="AE106553" i="1"/>
  <c r="AE106554" i="1"/>
  <c r="AE106555" i="1"/>
  <c r="AE106556" i="1"/>
  <c r="AE106557" i="1"/>
  <c r="AE106558" i="1"/>
  <c r="AE106559" i="1"/>
  <c r="AE106560" i="1"/>
  <c r="AE106561" i="1"/>
  <c r="AE106562" i="1"/>
  <c r="AE106563" i="1"/>
  <c r="AE106564" i="1"/>
  <c r="AE106565" i="1"/>
  <c r="AE106566" i="1"/>
  <c r="AE106567" i="1"/>
  <c r="AE106568" i="1"/>
  <c r="AE106569" i="1"/>
  <c r="AE106570" i="1"/>
  <c r="AE106571" i="1"/>
  <c r="AE106572" i="1"/>
  <c r="AE106573" i="1"/>
  <c r="AE106574" i="1"/>
  <c r="AE106575" i="1"/>
  <c r="AE106576" i="1"/>
  <c r="AE106577" i="1"/>
  <c r="AE106578" i="1"/>
  <c r="AE106579" i="1"/>
  <c r="AE106580" i="1"/>
  <c r="AE106581" i="1"/>
  <c r="AE106582" i="1"/>
  <c r="AE106583" i="1"/>
  <c r="AE106584" i="1"/>
  <c r="AE106585" i="1"/>
  <c r="AE106586" i="1"/>
  <c r="AE106587" i="1"/>
  <c r="AE106588" i="1"/>
  <c r="AE106589" i="1"/>
  <c r="AE106590" i="1"/>
  <c r="AE106591" i="1"/>
  <c r="AE106592" i="1"/>
  <c r="AE106593" i="1"/>
  <c r="AE106594" i="1"/>
  <c r="AE106595" i="1"/>
  <c r="AE106596" i="1"/>
  <c r="AE106597" i="1"/>
  <c r="AE106598" i="1"/>
  <c r="AE106599" i="1"/>
  <c r="AE106600" i="1"/>
  <c r="AE106601" i="1"/>
  <c r="AE106602" i="1"/>
  <c r="AE106603" i="1"/>
  <c r="AE106604" i="1"/>
  <c r="AE106605" i="1"/>
  <c r="AE106606" i="1"/>
  <c r="AE106607" i="1"/>
  <c r="AE106608" i="1"/>
  <c r="AE106609" i="1"/>
  <c r="AE106610" i="1"/>
  <c r="AE106611" i="1"/>
  <c r="AE106612" i="1"/>
  <c r="AE106613" i="1"/>
  <c r="AE106614" i="1"/>
  <c r="AE106615" i="1"/>
  <c r="AE106616" i="1"/>
  <c r="AE106617" i="1"/>
  <c r="AE106618" i="1"/>
  <c r="AE106619" i="1"/>
  <c r="AE106620" i="1"/>
  <c r="AE106621" i="1"/>
  <c r="AE106622" i="1"/>
  <c r="AE106623" i="1"/>
  <c r="AE106624" i="1"/>
  <c r="AE106625" i="1"/>
  <c r="AE106626" i="1"/>
  <c r="AE106627" i="1"/>
  <c r="AE106628" i="1"/>
  <c r="AE106629" i="1"/>
  <c r="AE106630" i="1"/>
  <c r="AE106631" i="1"/>
  <c r="AE106632" i="1"/>
  <c r="AE106633" i="1"/>
  <c r="AE106634" i="1"/>
  <c r="AE106635" i="1"/>
  <c r="AE106636" i="1"/>
  <c r="AE106637" i="1"/>
  <c r="AE106638" i="1"/>
  <c r="AE106639" i="1"/>
  <c r="AE106640" i="1"/>
  <c r="AE106641" i="1"/>
  <c r="AE106642" i="1"/>
  <c r="AE106643" i="1"/>
  <c r="AE106644" i="1"/>
  <c r="AE106645" i="1"/>
  <c r="AE106646" i="1"/>
  <c r="AE106647" i="1"/>
  <c r="AE106648" i="1"/>
  <c r="AE106649" i="1"/>
  <c r="AE106650" i="1"/>
  <c r="AE106651" i="1"/>
  <c r="AE106652" i="1"/>
  <c r="AE106653" i="1"/>
  <c r="AE106654" i="1"/>
  <c r="AE106655" i="1"/>
  <c r="AE106656" i="1"/>
  <c r="AE106657" i="1"/>
  <c r="AE106658" i="1"/>
  <c r="AE106659" i="1"/>
  <c r="AE106660" i="1"/>
  <c r="AE106661" i="1"/>
  <c r="AE106662" i="1"/>
  <c r="AE106663" i="1"/>
  <c r="AE106664" i="1"/>
  <c r="AE106665" i="1"/>
  <c r="AE106666" i="1"/>
  <c r="AE106667" i="1"/>
  <c r="AE106668" i="1"/>
  <c r="AE106669" i="1"/>
  <c r="AE106670" i="1"/>
  <c r="AE106671" i="1"/>
  <c r="AE106672" i="1"/>
  <c r="AE106673" i="1"/>
  <c r="AE106674" i="1"/>
  <c r="AE106675" i="1"/>
  <c r="AE106676" i="1"/>
  <c r="AE106677" i="1"/>
  <c r="AE106678" i="1"/>
  <c r="AE106679" i="1"/>
  <c r="AE106680" i="1"/>
  <c r="AE106681" i="1"/>
  <c r="AE106682" i="1"/>
  <c r="AE106683" i="1"/>
  <c r="AE106684" i="1"/>
  <c r="AE106685" i="1"/>
  <c r="AE106686" i="1"/>
  <c r="AE106687" i="1"/>
  <c r="AE106688" i="1"/>
  <c r="AE106689" i="1"/>
  <c r="AE106690" i="1"/>
  <c r="AE106691" i="1"/>
  <c r="AE106692" i="1"/>
  <c r="AE106693" i="1"/>
  <c r="AE106694" i="1"/>
  <c r="AE106695" i="1"/>
  <c r="AE106696" i="1"/>
  <c r="AE106697" i="1"/>
  <c r="AE106698" i="1"/>
  <c r="AE106699" i="1"/>
  <c r="AE106700" i="1"/>
  <c r="AE106701" i="1"/>
  <c r="AE106702" i="1"/>
  <c r="AE106703" i="1"/>
  <c r="AE106704" i="1"/>
  <c r="AE106705" i="1"/>
  <c r="AE106706" i="1"/>
  <c r="AE106707" i="1"/>
  <c r="AE106708" i="1"/>
  <c r="AE106709" i="1"/>
  <c r="AE106710" i="1"/>
  <c r="AE106711" i="1"/>
  <c r="AE106712" i="1"/>
  <c r="AE106713" i="1"/>
  <c r="AE106714" i="1"/>
  <c r="AE106715" i="1"/>
  <c r="AE106716" i="1"/>
  <c r="AE106717" i="1"/>
  <c r="AE106718" i="1"/>
  <c r="AE106719" i="1"/>
  <c r="AE106720" i="1"/>
  <c r="AE106721" i="1"/>
  <c r="AE106722" i="1"/>
  <c r="AE106723" i="1"/>
  <c r="AE106724" i="1"/>
  <c r="AE106725" i="1"/>
  <c r="AE106726" i="1"/>
  <c r="AE106727" i="1"/>
  <c r="AE106728" i="1"/>
  <c r="AE106729" i="1"/>
  <c r="AE106730" i="1"/>
  <c r="AE106731" i="1"/>
  <c r="AE106732" i="1"/>
  <c r="AE106733" i="1"/>
  <c r="AE106734" i="1"/>
  <c r="AE106735" i="1"/>
  <c r="AE106736" i="1"/>
  <c r="AE106737" i="1"/>
  <c r="AE106738" i="1"/>
  <c r="AE106739" i="1"/>
  <c r="AE106740" i="1"/>
  <c r="AE106741" i="1"/>
  <c r="AE106742" i="1"/>
  <c r="AE106743" i="1"/>
  <c r="AE106744" i="1"/>
  <c r="AE106745" i="1"/>
  <c r="AE106746" i="1"/>
  <c r="AE106747" i="1"/>
  <c r="AE106748" i="1"/>
  <c r="AE106749" i="1"/>
  <c r="AE106750" i="1"/>
  <c r="AE106751" i="1"/>
  <c r="AE106752" i="1"/>
  <c r="AE106753" i="1"/>
  <c r="AE106754" i="1"/>
  <c r="AE106755" i="1"/>
  <c r="AE106756" i="1"/>
  <c r="AE106757" i="1"/>
  <c r="AE106758" i="1"/>
  <c r="AE106759" i="1"/>
  <c r="AE106760" i="1"/>
  <c r="AE106761" i="1"/>
  <c r="AE106762" i="1"/>
  <c r="AE106763" i="1"/>
  <c r="AE106764" i="1"/>
  <c r="AE106765" i="1"/>
  <c r="AE106766" i="1"/>
  <c r="AE106767" i="1"/>
  <c r="AE106768" i="1"/>
  <c r="AE106769" i="1"/>
  <c r="AE106770" i="1"/>
  <c r="AE106771" i="1"/>
  <c r="AE106772" i="1"/>
  <c r="AE106773" i="1"/>
  <c r="AE106774" i="1"/>
  <c r="AE106775" i="1"/>
  <c r="AE106776" i="1"/>
  <c r="AE106777" i="1"/>
  <c r="AE106778" i="1"/>
  <c r="AE106779" i="1"/>
  <c r="AE106780" i="1"/>
  <c r="AE106781" i="1"/>
  <c r="AE106782" i="1"/>
  <c r="AE106783" i="1"/>
  <c r="AE106784" i="1"/>
  <c r="AE106785" i="1"/>
  <c r="AE106786" i="1"/>
  <c r="AE106787" i="1"/>
  <c r="AE106788" i="1"/>
  <c r="AE106789" i="1"/>
  <c r="AE106790" i="1"/>
  <c r="AE106791" i="1"/>
  <c r="AE106792" i="1"/>
  <c r="AE106793" i="1"/>
  <c r="AE106794" i="1"/>
  <c r="AE106795" i="1"/>
  <c r="AE106796" i="1"/>
  <c r="AE106797" i="1"/>
  <c r="AE106798" i="1"/>
  <c r="AE106799" i="1"/>
  <c r="AE106800" i="1"/>
  <c r="AE106801" i="1"/>
  <c r="AE106802" i="1"/>
  <c r="AE106803" i="1"/>
  <c r="AE106804" i="1"/>
  <c r="AE106805" i="1"/>
  <c r="AE106806" i="1"/>
  <c r="AE106807" i="1"/>
  <c r="AE106808" i="1"/>
  <c r="AE106809" i="1"/>
  <c r="AE106810" i="1"/>
  <c r="AE106811" i="1"/>
  <c r="AE106812" i="1"/>
  <c r="AE106813" i="1"/>
  <c r="AE106814" i="1"/>
  <c r="AE106815" i="1"/>
  <c r="AE106816" i="1"/>
  <c r="AE106817" i="1"/>
  <c r="AE106818" i="1"/>
  <c r="AE106819" i="1"/>
  <c r="AE106820" i="1"/>
  <c r="AE106821" i="1"/>
  <c r="AE106822" i="1"/>
  <c r="AE106823" i="1"/>
  <c r="AE106824" i="1"/>
  <c r="AE106825" i="1"/>
  <c r="AE106826" i="1"/>
  <c r="AE106827" i="1"/>
  <c r="AE106828" i="1"/>
  <c r="AE106829" i="1"/>
  <c r="AE106830" i="1"/>
  <c r="AE106831" i="1"/>
  <c r="AE106832" i="1"/>
  <c r="AE106833" i="1"/>
  <c r="AE106834" i="1"/>
  <c r="AE106835" i="1"/>
  <c r="AE106836" i="1"/>
  <c r="AE106837" i="1"/>
  <c r="AE106838" i="1"/>
  <c r="AE106839" i="1"/>
  <c r="AE106840" i="1"/>
  <c r="AE106841" i="1"/>
  <c r="AE106842" i="1"/>
  <c r="AE106843" i="1"/>
  <c r="AE106844" i="1"/>
  <c r="AE106845" i="1"/>
  <c r="AE106846" i="1"/>
  <c r="AE106847" i="1"/>
  <c r="AE106848" i="1"/>
  <c r="AE106849" i="1"/>
  <c r="AE106850" i="1"/>
  <c r="AE106851" i="1"/>
  <c r="AE106852" i="1"/>
  <c r="AE106853" i="1"/>
  <c r="AE106854" i="1"/>
  <c r="AE106855" i="1"/>
  <c r="AE106856" i="1"/>
  <c r="AE106857" i="1"/>
  <c r="AE106858" i="1"/>
  <c r="AE106859" i="1"/>
  <c r="AE106860" i="1"/>
  <c r="AE106861" i="1"/>
  <c r="AE106862" i="1"/>
  <c r="AE106863" i="1"/>
  <c r="AE106864" i="1"/>
  <c r="AE106865" i="1"/>
  <c r="AE106866" i="1"/>
  <c r="AE106867" i="1"/>
  <c r="AE106868" i="1"/>
  <c r="AE106869" i="1"/>
  <c r="AE106870" i="1"/>
  <c r="AE106871" i="1"/>
  <c r="AE106872" i="1"/>
  <c r="AE106873" i="1"/>
  <c r="AE106874" i="1"/>
  <c r="AE106875" i="1"/>
  <c r="AE106876" i="1"/>
  <c r="AE106877" i="1"/>
  <c r="AE106878" i="1"/>
  <c r="AE106879" i="1"/>
  <c r="AE106880" i="1"/>
  <c r="AE106881" i="1"/>
  <c r="AE106882" i="1"/>
  <c r="AE106883" i="1"/>
  <c r="AE106884" i="1"/>
  <c r="AE106885" i="1"/>
  <c r="AE106886" i="1"/>
  <c r="AE106887" i="1"/>
  <c r="AE106888" i="1"/>
  <c r="AE106889" i="1"/>
  <c r="AE106890" i="1"/>
  <c r="AE106891" i="1"/>
  <c r="AE106892" i="1"/>
  <c r="AE106893" i="1"/>
  <c r="AE106894" i="1"/>
  <c r="AE106895" i="1"/>
  <c r="AE106896" i="1"/>
  <c r="AE106897" i="1"/>
  <c r="AE106898" i="1"/>
  <c r="AE106899" i="1"/>
  <c r="AE106900" i="1"/>
  <c r="AE106901" i="1"/>
  <c r="AE106902" i="1"/>
  <c r="AE106903" i="1"/>
  <c r="AE106904" i="1"/>
  <c r="AE106905" i="1"/>
  <c r="AE106906" i="1"/>
  <c r="AE106907" i="1"/>
  <c r="AE106908" i="1"/>
  <c r="AE106909" i="1"/>
  <c r="AE106910" i="1"/>
  <c r="AE106911" i="1"/>
  <c r="AE106912" i="1"/>
  <c r="AE106913" i="1"/>
  <c r="AE106914" i="1"/>
  <c r="AE106915" i="1"/>
  <c r="AE106916" i="1"/>
  <c r="AE106917" i="1"/>
  <c r="AE106918" i="1"/>
  <c r="AE106919" i="1"/>
  <c r="AE106920" i="1"/>
  <c r="AE106921" i="1"/>
  <c r="AE106922" i="1"/>
  <c r="AE106923" i="1"/>
  <c r="AE106924" i="1"/>
  <c r="AE106925" i="1"/>
  <c r="AE106926" i="1"/>
  <c r="AE106927" i="1"/>
  <c r="AE106928" i="1"/>
  <c r="AE106929" i="1"/>
  <c r="AE106930" i="1"/>
  <c r="AE106931" i="1"/>
  <c r="AE106932" i="1"/>
  <c r="AE106933" i="1"/>
  <c r="AE106934" i="1"/>
  <c r="AE106935" i="1"/>
  <c r="AE106936" i="1"/>
  <c r="AE106937" i="1"/>
  <c r="AE106938" i="1"/>
  <c r="AE106939" i="1"/>
  <c r="AE106940" i="1"/>
  <c r="AE106941" i="1"/>
  <c r="AE106942" i="1"/>
  <c r="AE106943" i="1"/>
  <c r="AE106944" i="1"/>
  <c r="AE106945" i="1"/>
  <c r="AE106946" i="1"/>
  <c r="AE106947" i="1"/>
  <c r="AE106948" i="1"/>
  <c r="AE106949" i="1"/>
  <c r="AE106950" i="1"/>
  <c r="AE106951" i="1"/>
  <c r="AE106952" i="1"/>
  <c r="AE106953" i="1"/>
  <c r="AE106954" i="1"/>
  <c r="AE106955" i="1"/>
  <c r="AE106956" i="1"/>
  <c r="AE106957" i="1"/>
  <c r="AE106958" i="1"/>
  <c r="AE106959" i="1"/>
  <c r="AE106960" i="1"/>
  <c r="AE106961" i="1"/>
  <c r="AE106962" i="1"/>
  <c r="AE106963" i="1"/>
  <c r="AE106964" i="1"/>
  <c r="AE106965" i="1"/>
  <c r="AE106966" i="1"/>
  <c r="AE106967" i="1"/>
  <c r="AE106968" i="1"/>
  <c r="AE106969" i="1"/>
  <c r="AE106970" i="1"/>
  <c r="AE106971" i="1"/>
  <c r="AE106972" i="1"/>
  <c r="AE106973" i="1"/>
  <c r="AE106974" i="1"/>
  <c r="AE106975" i="1"/>
  <c r="AE106976" i="1"/>
  <c r="AE106977" i="1"/>
  <c r="AE106978" i="1"/>
  <c r="AE106979" i="1"/>
  <c r="AE106980" i="1"/>
  <c r="AE106981" i="1"/>
  <c r="AE106982" i="1"/>
  <c r="AE106983" i="1"/>
  <c r="AE106984" i="1"/>
  <c r="AE106985" i="1"/>
  <c r="AE106986" i="1"/>
  <c r="AE106987" i="1"/>
  <c r="AE106988" i="1"/>
  <c r="AE106989" i="1"/>
  <c r="AE106990" i="1"/>
  <c r="AE106991" i="1"/>
  <c r="AE106992" i="1"/>
  <c r="AE106993" i="1"/>
  <c r="AE106994" i="1"/>
  <c r="AE106995" i="1"/>
  <c r="AE106996" i="1"/>
  <c r="AE106997" i="1"/>
  <c r="AE106998" i="1"/>
  <c r="AE106999" i="1"/>
  <c r="AE107000" i="1"/>
  <c r="AE107001" i="1"/>
  <c r="AE107002" i="1"/>
  <c r="AE107003" i="1"/>
  <c r="AE107004" i="1"/>
  <c r="AE107005" i="1"/>
  <c r="AE107006" i="1"/>
  <c r="AE107007" i="1"/>
  <c r="AE107008" i="1"/>
  <c r="AE107009" i="1"/>
  <c r="AE107010" i="1"/>
  <c r="AE107011" i="1"/>
  <c r="AE107012" i="1"/>
  <c r="AE107013" i="1"/>
  <c r="AE107014" i="1"/>
  <c r="AE107015" i="1"/>
  <c r="AE107016" i="1"/>
  <c r="AE107017" i="1"/>
  <c r="AE107018" i="1"/>
  <c r="AE107019" i="1"/>
  <c r="AE107020" i="1"/>
  <c r="AE107021" i="1"/>
  <c r="AE107022" i="1"/>
  <c r="AE107023" i="1"/>
  <c r="AE107024" i="1"/>
  <c r="AE107025" i="1"/>
  <c r="AE107026" i="1"/>
  <c r="AE107027" i="1"/>
  <c r="AE107028" i="1"/>
  <c r="AE107029" i="1"/>
  <c r="AE107030" i="1"/>
  <c r="AE107031" i="1"/>
  <c r="AE107032" i="1"/>
  <c r="AE107033" i="1"/>
  <c r="AE107034" i="1"/>
  <c r="AE107035" i="1"/>
  <c r="AE107036" i="1"/>
  <c r="AE107037" i="1"/>
  <c r="AE107038" i="1"/>
  <c r="AE107039" i="1"/>
  <c r="AE107040" i="1"/>
  <c r="AE107041" i="1"/>
  <c r="AE107042" i="1"/>
  <c r="AE107043" i="1"/>
  <c r="AE107044" i="1"/>
  <c r="AE107045" i="1"/>
  <c r="AE107046" i="1"/>
  <c r="AE107047" i="1"/>
  <c r="AE107048" i="1"/>
  <c r="AE107049" i="1"/>
  <c r="AE107050" i="1"/>
  <c r="AE107051" i="1"/>
  <c r="AE107052" i="1"/>
  <c r="AE107053" i="1"/>
  <c r="AE107054" i="1"/>
  <c r="AE107055" i="1"/>
  <c r="AE107056" i="1"/>
  <c r="AE107057" i="1"/>
  <c r="AE107058" i="1"/>
  <c r="AE107059" i="1"/>
  <c r="AE107060" i="1"/>
  <c r="AE107061" i="1"/>
  <c r="AE107062" i="1"/>
  <c r="AE107063" i="1"/>
  <c r="AE107064" i="1"/>
  <c r="AE107065" i="1"/>
  <c r="AE107066" i="1"/>
  <c r="AE107067" i="1"/>
  <c r="AE107068" i="1"/>
  <c r="AE107069" i="1"/>
  <c r="AE107070" i="1"/>
  <c r="AE107071" i="1"/>
  <c r="AE107072" i="1"/>
  <c r="AE107073" i="1"/>
  <c r="AE107074" i="1"/>
  <c r="AE107075" i="1"/>
  <c r="AE107076" i="1"/>
  <c r="AE107077" i="1"/>
  <c r="AE107078" i="1"/>
  <c r="AE107079" i="1"/>
  <c r="AE107080" i="1"/>
  <c r="AE107081" i="1"/>
  <c r="AE107082" i="1"/>
  <c r="AE107083" i="1"/>
  <c r="AE107084" i="1"/>
  <c r="AE107085" i="1"/>
  <c r="AE107086" i="1"/>
  <c r="AE107087" i="1"/>
  <c r="AE107088" i="1"/>
  <c r="AE107089" i="1"/>
  <c r="AE107090" i="1"/>
  <c r="AE107091" i="1"/>
  <c r="AE107092" i="1"/>
  <c r="AE107093" i="1"/>
  <c r="AE107094" i="1"/>
  <c r="AE107095" i="1"/>
  <c r="AE107096" i="1"/>
  <c r="AE107097" i="1"/>
  <c r="AE107098" i="1"/>
  <c r="AE107099" i="1"/>
  <c r="AE107100" i="1"/>
  <c r="AE107101" i="1"/>
  <c r="AE107102" i="1"/>
  <c r="AE107103" i="1"/>
  <c r="AE107104" i="1"/>
  <c r="AE107105" i="1"/>
  <c r="AE107106" i="1"/>
  <c r="AE107107" i="1"/>
  <c r="AE107108" i="1"/>
  <c r="AE107109" i="1"/>
  <c r="AE107110" i="1"/>
  <c r="AE107111" i="1"/>
  <c r="AE107112" i="1"/>
  <c r="AE107113" i="1"/>
  <c r="AE107114" i="1"/>
  <c r="AE107115" i="1"/>
  <c r="AE107116" i="1"/>
  <c r="AE107117" i="1"/>
  <c r="AE107118" i="1"/>
  <c r="AE107119" i="1"/>
  <c r="AE107120" i="1"/>
  <c r="AE107121" i="1"/>
  <c r="AE107122" i="1"/>
  <c r="AE107123" i="1"/>
  <c r="AE107124" i="1"/>
  <c r="AE107125" i="1"/>
  <c r="AE107126" i="1"/>
  <c r="AE107127" i="1"/>
  <c r="AE107128" i="1"/>
  <c r="AE107129" i="1"/>
  <c r="AE107130" i="1"/>
  <c r="AE107131" i="1"/>
  <c r="AE107132" i="1"/>
  <c r="AE107133" i="1"/>
  <c r="AE107134" i="1"/>
  <c r="AE107135" i="1"/>
  <c r="AE107136" i="1"/>
  <c r="AE107137" i="1"/>
  <c r="AE107138" i="1"/>
  <c r="AE107139" i="1"/>
  <c r="AE107140" i="1"/>
  <c r="AE107141" i="1"/>
  <c r="AE107142" i="1"/>
  <c r="AE107143" i="1"/>
  <c r="AE107144" i="1"/>
  <c r="AE107145" i="1"/>
  <c r="AE107146" i="1"/>
  <c r="AE107147" i="1"/>
  <c r="AE107148" i="1"/>
  <c r="AE107149" i="1"/>
  <c r="AE107150" i="1"/>
  <c r="AE107151" i="1"/>
  <c r="AE107152" i="1"/>
  <c r="AE107153" i="1"/>
  <c r="AE107154" i="1"/>
  <c r="AE107155" i="1"/>
  <c r="AE107156" i="1"/>
  <c r="AE107157" i="1"/>
  <c r="AE107158" i="1"/>
  <c r="AE107159" i="1"/>
  <c r="AE107160" i="1"/>
  <c r="AE107161" i="1"/>
  <c r="AE107162" i="1"/>
  <c r="AE107163" i="1"/>
  <c r="AE107164" i="1"/>
  <c r="AE107165" i="1"/>
  <c r="AE107166" i="1"/>
  <c r="AE107167" i="1"/>
  <c r="AE107168" i="1"/>
  <c r="AE107169" i="1"/>
  <c r="AE107170" i="1"/>
  <c r="AE107171" i="1"/>
  <c r="AE107172" i="1"/>
  <c r="AE107173" i="1"/>
  <c r="AE107174" i="1"/>
  <c r="AE107175" i="1"/>
  <c r="AE107176" i="1"/>
  <c r="AE107177" i="1"/>
  <c r="AE107178" i="1"/>
  <c r="AE107179" i="1"/>
  <c r="AE107180" i="1"/>
  <c r="AE107181" i="1"/>
  <c r="AE107182" i="1"/>
  <c r="AE107183" i="1"/>
  <c r="AE107184" i="1"/>
  <c r="AE107185" i="1"/>
  <c r="AE107186" i="1"/>
  <c r="AE107187" i="1"/>
  <c r="AE107188" i="1"/>
  <c r="AE107189" i="1"/>
  <c r="AE107190" i="1"/>
  <c r="AE107191" i="1"/>
  <c r="AE107192" i="1"/>
  <c r="AE107193" i="1"/>
  <c r="AE107194" i="1"/>
  <c r="AE107195" i="1"/>
  <c r="AE107196" i="1"/>
  <c r="AE107197" i="1"/>
  <c r="AE107198" i="1"/>
  <c r="AE107199" i="1"/>
  <c r="AE107200" i="1"/>
  <c r="AE107201" i="1"/>
  <c r="AE107202" i="1"/>
  <c r="AE107203" i="1"/>
  <c r="AE107204" i="1"/>
  <c r="AE107205" i="1"/>
  <c r="AE107206" i="1"/>
  <c r="AE107207" i="1"/>
  <c r="AE107208" i="1"/>
  <c r="AE107209" i="1"/>
  <c r="AE107210" i="1"/>
  <c r="AE107211" i="1"/>
  <c r="AE107212" i="1"/>
  <c r="AE107213" i="1"/>
  <c r="AE107214" i="1"/>
  <c r="AE107215" i="1"/>
  <c r="AE107216" i="1"/>
  <c r="AE107217" i="1"/>
  <c r="AE107218" i="1"/>
  <c r="AE107219" i="1"/>
  <c r="AE107220" i="1"/>
  <c r="AE107221" i="1"/>
  <c r="AE107222" i="1"/>
  <c r="AE107223" i="1"/>
  <c r="AE107224" i="1"/>
  <c r="AE107225" i="1"/>
  <c r="AE107226" i="1"/>
  <c r="AE107227" i="1"/>
  <c r="AE107228" i="1"/>
  <c r="AE107229" i="1"/>
  <c r="AE107230" i="1"/>
  <c r="AE107231" i="1"/>
  <c r="AE107232" i="1"/>
  <c r="AE107233" i="1"/>
  <c r="AE107234" i="1"/>
  <c r="AE107235" i="1"/>
  <c r="AE107236" i="1"/>
  <c r="AE107237" i="1"/>
  <c r="AE107238" i="1"/>
  <c r="AE107239" i="1"/>
  <c r="AE107240" i="1"/>
  <c r="AE107241" i="1"/>
  <c r="AE107242" i="1"/>
  <c r="AE107243" i="1"/>
  <c r="AE107244" i="1"/>
  <c r="AE107245" i="1"/>
  <c r="AE107246" i="1"/>
  <c r="AE107247" i="1"/>
  <c r="AE107248" i="1"/>
  <c r="AE107249" i="1"/>
  <c r="AE107250" i="1"/>
  <c r="AE107251" i="1"/>
  <c r="AE107252" i="1"/>
  <c r="AE107253" i="1"/>
  <c r="AE107254" i="1"/>
  <c r="AE107255" i="1"/>
  <c r="AE107256" i="1"/>
  <c r="AE107257" i="1"/>
  <c r="AE107258" i="1"/>
  <c r="AE107259" i="1"/>
  <c r="AE107260" i="1"/>
  <c r="AE107261" i="1"/>
  <c r="AE107262" i="1"/>
  <c r="AE107263" i="1"/>
  <c r="AE107264" i="1"/>
  <c r="AE107265" i="1"/>
  <c r="AE107266" i="1"/>
  <c r="AE107267" i="1"/>
  <c r="AE107268" i="1"/>
  <c r="AE107269" i="1"/>
  <c r="AE107270" i="1"/>
  <c r="AE107271" i="1"/>
  <c r="AE107272" i="1"/>
  <c r="AE107273" i="1"/>
  <c r="AE107274" i="1"/>
  <c r="AE107275" i="1"/>
  <c r="AE107276" i="1"/>
  <c r="AE107277" i="1"/>
  <c r="AE107278" i="1"/>
  <c r="AE107279" i="1"/>
  <c r="AE107280" i="1"/>
  <c r="AE107281" i="1"/>
  <c r="AE107282" i="1"/>
  <c r="AE107283" i="1"/>
  <c r="AE107284" i="1"/>
  <c r="AE107285" i="1"/>
  <c r="AE107286" i="1"/>
  <c r="AE107287" i="1"/>
  <c r="AE107288" i="1"/>
  <c r="AE107289" i="1"/>
  <c r="AE107290" i="1"/>
  <c r="AE107291" i="1"/>
  <c r="AE107292" i="1"/>
  <c r="AE107293" i="1"/>
  <c r="AE107294" i="1"/>
  <c r="AE107295" i="1"/>
  <c r="AE107296" i="1"/>
  <c r="AE107297" i="1"/>
  <c r="AE107298" i="1"/>
  <c r="AE107299" i="1"/>
  <c r="AE107300" i="1"/>
  <c r="AE107301" i="1"/>
  <c r="AE107302" i="1"/>
  <c r="AE107303" i="1"/>
  <c r="AE107304" i="1"/>
  <c r="AE107305" i="1"/>
  <c r="AE107306" i="1"/>
  <c r="AE107307" i="1"/>
  <c r="AE107308" i="1"/>
  <c r="AE107309" i="1"/>
  <c r="AE107310" i="1"/>
  <c r="AE107311" i="1"/>
  <c r="AE107312" i="1"/>
  <c r="AE107313" i="1"/>
  <c r="AE107314" i="1"/>
  <c r="AE107315" i="1"/>
  <c r="AE107316" i="1"/>
  <c r="AE107317" i="1"/>
  <c r="AE107318" i="1"/>
  <c r="AE107319" i="1"/>
  <c r="AE107320" i="1"/>
  <c r="AE107321" i="1"/>
  <c r="AE107322" i="1"/>
  <c r="AE107323" i="1"/>
  <c r="AE107324" i="1"/>
  <c r="AE107325" i="1"/>
  <c r="AE107326" i="1"/>
  <c r="AE107327" i="1"/>
  <c r="AE107328" i="1"/>
  <c r="AE107329" i="1"/>
  <c r="AE107330" i="1"/>
  <c r="AE107331" i="1"/>
  <c r="AE107332" i="1"/>
  <c r="AE107333" i="1"/>
  <c r="AE107334" i="1"/>
  <c r="AE107335" i="1"/>
  <c r="AE107336" i="1"/>
  <c r="AE107337" i="1"/>
  <c r="AE107338" i="1"/>
  <c r="AE107339" i="1"/>
  <c r="AE107340" i="1"/>
  <c r="AE107341" i="1"/>
  <c r="AE107342" i="1"/>
  <c r="AE107343" i="1"/>
  <c r="AE107344" i="1"/>
  <c r="AE107345" i="1"/>
  <c r="AE107346" i="1"/>
  <c r="AE107347" i="1"/>
  <c r="AE107348" i="1"/>
  <c r="AE107349" i="1"/>
  <c r="AE107350" i="1"/>
  <c r="AE107351" i="1"/>
  <c r="AE107352" i="1"/>
  <c r="AE107353" i="1"/>
  <c r="AE107354" i="1"/>
  <c r="AE107355" i="1"/>
  <c r="AE107356" i="1"/>
  <c r="AE107357" i="1"/>
  <c r="AE107358" i="1"/>
  <c r="AE107359" i="1"/>
  <c r="AE107360" i="1"/>
  <c r="AE107361" i="1"/>
  <c r="AE107362" i="1"/>
  <c r="AE107363" i="1"/>
  <c r="AE107364" i="1"/>
  <c r="AE107365" i="1"/>
  <c r="AE107366" i="1"/>
  <c r="AE107367" i="1"/>
  <c r="AE107368" i="1"/>
  <c r="AE107369" i="1"/>
  <c r="AE107370" i="1"/>
  <c r="AE107371" i="1"/>
  <c r="AE107372" i="1"/>
  <c r="AE107373" i="1"/>
  <c r="AE107374" i="1"/>
  <c r="AE107375" i="1"/>
  <c r="AE107376" i="1"/>
  <c r="AE107377" i="1"/>
  <c r="AE107378" i="1"/>
  <c r="AE107379" i="1"/>
  <c r="AE107380" i="1"/>
  <c r="AE107381" i="1"/>
  <c r="AE107382" i="1"/>
  <c r="AE107383" i="1"/>
  <c r="AE107384" i="1"/>
  <c r="AE107385" i="1"/>
  <c r="AE107386" i="1"/>
  <c r="AE107387" i="1"/>
  <c r="AE107388" i="1"/>
  <c r="AE107389" i="1"/>
  <c r="AE107390" i="1"/>
  <c r="AE107391" i="1"/>
  <c r="AE107392" i="1"/>
  <c r="AE107393" i="1"/>
  <c r="AE107394" i="1"/>
  <c r="AE107395" i="1"/>
  <c r="AE107396" i="1"/>
  <c r="AE107397" i="1"/>
  <c r="AE107398" i="1"/>
  <c r="AE107399" i="1"/>
  <c r="AE107400" i="1"/>
  <c r="AE107401" i="1"/>
  <c r="AE107402" i="1"/>
  <c r="AE107403" i="1"/>
  <c r="AE107404" i="1"/>
  <c r="AE107405" i="1"/>
  <c r="AE107406" i="1"/>
  <c r="AE107407" i="1"/>
  <c r="AE107408" i="1"/>
  <c r="AE107409" i="1"/>
  <c r="AE107410" i="1"/>
  <c r="AE107411" i="1"/>
  <c r="AE107412" i="1"/>
  <c r="AE107413" i="1"/>
  <c r="AE107414" i="1"/>
  <c r="AE107415" i="1"/>
  <c r="AE107416" i="1"/>
  <c r="AE107417" i="1"/>
  <c r="AE107418" i="1"/>
  <c r="AE107419" i="1"/>
  <c r="AE107420" i="1"/>
  <c r="AE107421" i="1"/>
  <c r="AE107422" i="1"/>
  <c r="AE107423" i="1"/>
  <c r="AE107424" i="1"/>
  <c r="AE107425" i="1"/>
  <c r="AE107426" i="1"/>
  <c r="AE107427" i="1"/>
  <c r="AE107428" i="1"/>
  <c r="AE107429" i="1"/>
  <c r="AE107430" i="1"/>
  <c r="AE107431" i="1"/>
  <c r="AE107432" i="1"/>
  <c r="AE107433" i="1"/>
  <c r="AE107434" i="1"/>
  <c r="AE107435" i="1"/>
  <c r="AE107436" i="1"/>
  <c r="AE107437" i="1"/>
  <c r="AE107438" i="1"/>
  <c r="AE107439" i="1"/>
  <c r="AE107440" i="1"/>
  <c r="AE107441" i="1"/>
  <c r="AE107442" i="1"/>
  <c r="AE107443" i="1"/>
  <c r="AE107444" i="1"/>
  <c r="AE107445" i="1"/>
  <c r="AE107446" i="1"/>
  <c r="AE107447" i="1"/>
  <c r="AE107448" i="1"/>
  <c r="AE107449" i="1"/>
  <c r="AE107450" i="1"/>
  <c r="AE107451" i="1"/>
  <c r="AE107452" i="1"/>
  <c r="AE107453" i="1"/>
  <c r="AE107454" i="1"/>
  <c r="AE107455" i="1"/>
  <c r="AE107456" i="1"/>
  <c r="AE107457" i="1"/>
  <c r="AE107458" i="1"/>
  <c r="AE107459" i="1"/>
  <c r="AE107460" i="1"/>
  <c r="AE107461" i="1"/>
  <c r="AE107462" i="1"/>
  <c r="AE107463" i="1"/>
  <c r="AE107464" i="1"/>
  <c r="AE107465" i="1"/>
  <c r="AE107466" i="1"/>
  <c r="AE107467" i="1"/>
  <c r="AE107468" i="1"/>
  <c r="AE107469" i="1"/>
  <c r="AE107470" i="1"/>
  <c r="AE107471" i="1"/>
  <c r="AE107472" i="1"/>
  <c r="AE107473" i="1"/>
  <c r="AE107474" i="1"/>
  <c r="AE107475" i="1"/>
  <c r="AE107476" i="1"/>
  <c r="AE107477" i="1"/>
  <c r="AE107478" i="1"/>
  <c r="AE107479" i="1"/>
  <c r="AE107480" i="1"/>
  <c r="AE107481" i="1"/>
  <c r="AE107482" i="1"/>
  <c r="AE107483" i="1"/>
  <c r="AE107484" i="1"/>
  <c r="AE107485" i="1"/>
  <c r="AE107486" i="1"/>
  <c r="AE107487" i="1"/>
  <c r="AE107488" i="1"/>
  <c r="AE107489" i="1"/>
  <c r="AE107490" i="1"/>
  <c r="AE107491" i="1"/>
  <c r="AE107492" i="1"/>
  <c r="AE107493" i="1"/>
  <c r="AE107494" i="1"/>
  <c r="AE107495" i="1"/>
  <c r="AE107496" i="1"/>
  <c r="AE107497" i="1"/>
  <c r="AE107498" i="1"/>
  <c r="AE107499" i="1"/>
  <c r="AE107500" i="1"/>
  <c r="AE107501" i="1"/>
  <c r="AE107502" i="1"/>
  <c r="AE107503" i="1"/>
  <c r="AE107504" i="1"/>
  <c r="AE107505" i="1"/>
  <c r="AE107506" i="1"/>
  <c r="AE107507" i="1"/>
  <c r="AE107508" i="1"/>
  <c r="AE107509" i="1"/>
  <c r="AE107510" i="1"/>
  <c r="AE107511" i="1"/>
  <c r="AE107512" i="1"/>
  <c r="AE107513" i="1"/>
  <c r="AE107514" i="1"/>
  <c r="AE107515" i="1"/>
  <c r="AE107516" i="1"/>
  <c r="AE107517" i="1"/>
  <c r="AE107518" i="1"/>
  <c r="AE107519" i="1"/>
  <c r="AE107520" i="1"/>
  <c r="AE107521" i="1"/>
  <c r="AE107522" i="1"/>
  <c r="AE107523" i="1"/>
  <c r="AE107524" i="1"/>
  <c r="AE107525" i="1"/>
  <c r="AE107526" i="1"/>
  <c r="AE107527" i="1"/>
  <c r="AE107528" i="1"/>
  <c r="AE107529" i="1"/>
  <c r="AE107530" i="1"/>
  <c r="AE107531" i="1"/>
  <c r="AE107532" i="1"/>
  <c r="AE107533" i="1"/>
  <c r="AE107534" i="1"/>
  <c r="AE107535" i="1"/>
  <c r="AE107536" i="1"/>
  <c r="AE107537" i="1"/>
  <c r="AE107538" i="1"/>
  <c r="AE107539" i="1"/>
  <c r="AE107540" i="1"/>
  <c r="AE107541" i="1"/>
  <c r="AE107542" i="1"/>
  <c r="AE107543" i="1"/>
  <c r="AE107544" i="1"/>
  <c r="AE107545" i="1"/>
  <c r="AE107546" i="1"/>
  <c r="AE107547" i="1"/>
  <c r="AE107548" i="1"/>
  <c r="AE107549" i="1"/>
  <c r="AE107550" i="1"/>
  <c r="AE107551" i="1"/>
  <c r="AE107552" i="1"/>
  <c r="AE107553" i="1"/>
  <c r="AE107554" i="1"/>
  <c r="AE107555" i="1"/>
  <c r="AE107556" i="1"/>
  <c r="AE107557" i="1"/>
  <c r="AE107558" i="1"/>
  <c r="AE107559" i="1"/>
  <c r="AE107560" i="1"/>
  <c r="AE107561" i="1"/>
  <c r="AE107562" i="1"/>
  <c r="AE107563" i="1"/>
  <c r="AE107564" i="1"/>
  <c r="AE107565" i="1"/>
  <c r="AE107566" i="1"/>
  <c r="AE107567" i="1"/>
  <c r="AE107568" i="1"/>
  <c r="AE107569" i="1"/>
  <c r="AE107570" i="1"/>
  <c r="AE107571" i="1"/>
  <c r="AE107572" i="1"/>
  <c r="AE107573" i="1"/>
  <c r="AE107574" i="1"/>
  <c r="AE107575" i="1"/>
  <c r="AE107576" i="1"/>
  <c r="AE107577" i="1"/>
  <c r="AE107578" i="1"/>
  <c r="AE107579" i="1"/>
  <c r="AE107580" i="1"/>
  <c r="AE107581" i="1"/>
  <c r="AE107582" i="1"/>
  <c r="AE107583" i="1"/>
  <c r="AE107584" i="1"/>
  <c r="AE107585" i="1"/>
  <c r="AE107586" i="1"/>
  <c r="AE107587" i="1"/>
  <c r="AE107588" i="1"/>
  <c r="AE107589" i="1"/>
  <c r="AE107590" i="1"/>
  <c r="AE107591" i="1"/>
  <c r="AE107592" i="1"/>
  <c r="AE107593" i="1"/>
  <c r="AE107594" i="1"/>
  <c r="AE107595" i="1"/>
  <c r="AE107596" i="1"/>
  <c r="AE107597" i="1"/>
  <c r="AE107598" i="1"/>
  <c r="AE107599" i="1"/>
  <c r="AE107600" i="1"/>
  <c r="AE107601" i="1"/>
  <c r="AE107602" i="1"/>
  <c r="AE107603" i="1"/>
  <c r="AE107604" i="1"/>
  <c r="AE107605" i="1"/>
  <c r="AE107606" i="1"/>
  <c r="AE107607" i="1"/>
  <c r="AE107608" i="1"/>
  <c r="AE107609" i="1"/>
  <c r="AE107610" i="1"/>
  <c r="AE107611" i="1"/>
  <c r="AE107612" i="1"/>
  <c r="AE107613" i="1"/>
  <c r="AE107614" i="1"/>
  <c r="AE107615" i="1"/>
  <c r="AE107616" i="1"/>
  <c r="AE107617" i="1"/>
  <c r="AE107618" i="1"/>
  <c r="AE107619" i="1"/>
  <c r="AE107620" i="1"/>
  <c r="AE107621" i="1"/>
  <c r="AE107622" i="1"/>
  <c r="AE107623" i="1"/>
  <c r="AE107624" i="1"/>
  <c r="AE107625" i="1"/>
  <c r="AE107626" i="1"/>
  <c r="AE107627" i="1"/>
  <c r="AE107628" i="1"/>
  <c r="AE107629" i="1"/>
  <c r="AE107630" i="1"/>
  <c r="AE107631" i="1"/>
  <c r="AE107632" i="1"/>
  <c r="AE107633" i="1"/>
  <c r="AE107634" i="1"/>
  <c r="AE107635" i="1"/>
  <c r="AE107636" i="1"/>
  <c r="AE107637" i="1"/>
  <c r="AE107638" i="1"/>
  <c r="AE107639" i="1"/>
  <c r="AE107640" i="1"/>
  <c r="AE107641" i="1"/>
  <c r="AE107642" i="1"/>
  <c r="AE107643" i="1"/>
  <c r="AE107644" i="1"/>
  <c r="AE107645" i="1"/>
  <c r="AE107646" i="1"/>
  <c r="AE107647" i="1"/>
  <c r="AE107648" i="1"/>
  <c r="AE107649" i="1"/>
  <c r="AE107650" i="1"/>
  <c r="AE107651" i="1"/>
  <c r="AE107652" i="1"/>
  <c r="AE107653" i="1"/>
  <c r="AE107654" i="1"/>
  <c r="AE107655" i="1"/>
  <c r="AE107656" i="1"/>
  <c r="AE107657" i="1"/>
  <c r="AE107658" i="1"/>
  <c r="AE107659" i="1"/>
  <c r="AE107660" i="1"/>
  <c r="AE107661" i="1"/>
  <c r="AE107662" i="1"/>
  <c r="AE107663" i="1"/>
  <c r="AE107664" i="1"/>
  <c r="AE107665" i="1"/>
  <c r="AE107666" i="1"/>
  <c r="AE107667" i="1"/>
  <c r="AE107668" i="1"/>
  <c r="AE107669" i="1"/>
  <c r="AE107670" i="1"/>
  <c r="AE107671" i="1"/>
  <c r="AE107672" i="1"/>
  <c r="AE107673" i="1"/>
  <c r="AE107674" i="1"/>
  <c r="AE107675" i="1"/>
  <c r="AE107676" i="1"/>
  <c r="AE107677" i="1"/>
  <c r="AE107678" i="1"/>
  <c r="AE107679" i="1"/>
  <c r="AE107680" i="1"/>
  <c r="AE107681" i="1"/>
  <c r="AE107682" i="1"/>
  <c r="AE107683" i="1"/>
  <c r="AE107684" i="1"/>
  <c r="AE107685" i="1"/>
  <c r="AE107686" i="1"/>
  <c r="AE107687" i="1"/>
  <c r="AE107688" i="1"/>
  <c r="AE107689" i="1"/>
  <c r="AE107690" i="1"/>
  <c r="AE107691" i="1"/>
  <c r="AE107692" i="1"/>
  <c r="AE107693" i="1"/>
  <c r="AE107694" i="1"/>
  <c r="AE107695" i="1"/>
  <c r="AE107696" i="1"/>
  <c r="AE107697" i="1"/>
  <c r="AE107698" i="1"/>
  <c r="AE107699" i="1"/>
  <c r="AE107700" i="1"/>
  <c r="AE107701" i="1"/>
  <c r="AE107702" i="1"/>
  <c r="AE107703" i="1"/>
  <c r="AE107704" i="1"/>
  <c r="AE107705" i="1"/>
  <c r="AE107706" i="1"/>
  <c r="AE107707" i="1"/>
  <c r="AE107708" i="1"/>
  <c r="AE107709" i="1"/>
  <c r="AE107710" i="1"/>
  <c r="AE107711" i="1"/>
  <c r="AE107712" i="1"/>
  <c r="AE107713" i="1"/>
  <c r="AE107714" i="1"/>
  <c r="AE107715" i="1"/>
  <c r="AE107716" i="1"/>
  <c r="AE107717" i="1"/>
  <c r="AE107718" i="1"/>
  <c r="AE107719" i="1"/>
  <c r="AE107720" i="1"/>
  <c r="AE107721" i="1"/>
  <c r="AE107722" i="1"/>
  <c r="AE107723" i="1"/>
  <c r="AE107724" i="1"/>
  <c r="AE107725" i="1"/>
  <c r="AE107726" i="1"/>
  <c r="AE107727" i="1"/>
  <c r="AE107728" i="1"/>
  <c r="AE107729" i="1"/>
  <c r="AE107730" i="1"/>
  <c r="AE107731" i="1"/>
  <c r="AE107732" i="1"/>
  <c r="AE107733" i="1"/>
  <c r="AE107734" i="1"/>
  <c r="AE107735" i="1"/>
  <c r="AE107736" i="1"/>
  <c r="AE107737" i="1"/>
  <c r="AE107738" i="1"/>
  <c r="AE107739" i="1"/>
  <c r="AE107740" i="1"/>
  <c r="AE107741" i="1"/>
  <c r="AE107742" i="1"/>
  <c r="AE107743" i="1"/>
  <c r="AE107744" i="1"/>
  <c r="AE107745" i="1"/>
  <c r="AE107746" i="1"/>
  <c r="AE107747" i="1"/>
  <c r="AE107748" i="1"/>
  <c r="AE107749" i="1"/>
  <c r="AE107750" i="1"/>
  <c r="AE107751" i="1"/>
  <c r="AE107752" i="1"/>
  <c r="AE107753" i="1"/>
  <c r="AE107754" i="1"/>
  <c r="AE107755" i="1"/>
  <c r="AE107756" i="1"/>
  <c r="AE107757" i="1"/>
  <c r="AE107758" i="1"/>
  <c r="AE107759" i="1"/>
  <c r="AE107760" i="1"/>
  <c r="AE107761" i="1"/>
  <c r="AE107762" i="1"/>
  <c r="AE107763" i="1"/>
  <c r="AE107764" i="1"/>
  <c r="AE107765" i="1"/>
  <c r="AE107766" i="1"/>
  <c r="AE107767" i="1"/>
  <c r="AE107768" i="1"/>
  <c r="AE107769" i="1"/>
  <c r="AE107770" i="1"/>
  <c r="AE107771" i="1"/>
  <c r="AE107772" i="1"/>
  <c r="AE107773" i="1"/>
  <c r="AE107774" i="1"/>
  <c r="AE107775" i="1"/>
  <c r="AE107776" i="1"/>
  <c r="AE107777" i="1"/>
  <c r="AE107778" i="1"/>
  <c r="AE107779" i="1"/>
  <c r="AE107780" i="1"/>
  <c r="AE107781" i="1"/>
  <c r="AE107782" i="1"/>
  <c r="AE107783" i="1"/>
  <c r="AE107784" i="1"/>
  <c r="AE107785" i="1"/>
  <c r="AE107786" i="1"/>
  <c r="AE107787" i="1"/>
  <c r="AE107788" i="1"/>
  <c r="AE107789" i="1"/>
  <c r="AE107790" i="1"/>
  <c r="AE107791" i="1"/>
  <c r="AE107792" i="1"/>
  <c r="AE107793" i="1"/>
  <c r="AE107794" i="1"/>
  <c r="AE107795" i="1"/>
  <c r="AE107796" i="1"/>
  <c r="AE107797" i="1"/>
  <c r="AE107798" i="1"/>
  <c r="AE107799" i="1"/>
  <c r="AE107800" i="1"/>
  <c r="AE107801" i="1"/>
  <c r="AE107802" i="1"/>
  <c r="AE107803" i="1"/>
  <c r="AE107804" i="1"/>
  <c r="AE107805" i="1"/>
  <c r="AE107806" i="1"/>
  <c r="AE107807" i="1"/>
  <c r="AE107808" i="1"/>
  <c r="AE107809" i="1"/>
  <c r="AE107810" i="1"/>
  <c r="AE107811" i="1"/>
  <c r="AE107812" i="1"/>
  <c r="AE107813" i="1"/>
  <c r="AE107814" i="1"/>
  <c r="AE107815" i="1"/>
  <c r="AE107816" i="1"/>
  <c r="AE107817" i="1"/>
  <c r="AE107818" i="1"/>
  <c r="AE107819" i="1"/>
  <c r="AE107820" i="1"/>
  <c r="AE107821" i="1"/>
  <c r="AE107822" i="1"/>
  <c r="AE107823" i="1"/>
  <c r="AE107824" i="1"/>
  <c r="AE107825" i="1"/>
  <c r="AE107826" i="1"/>
  <c r="AE107827" i="1"/>
  <c r="AE107828" i="1"/>
  <c r="AE107829" i="1"/>
  <c r="AE107830" i="1"/>
  <c r="AE107831" i="1"/>
  <c r="AE107832" i="1"/>
  <c r="AE107833" i="1"/>
  <c r="AE107834" i="1"/>
  <c r="AE107835" i="1"/>
  <c r="AE107836" i="1"/>
  <c r="AE107837" i="1"/>
  <c r="AE107838" i="1"/>
  <c r="AE107839" i="1"/>
  <c r="AE107840" i="1"/>
  <c r="AE107841" i="1"/>
  <c r="AE107842" i="1"/>
  <c r="AE107843" i="1"/>
  <c r="AE107844" i="1"/>
  <c r="AE107845" i="1"/>
  <c r="AE107846" i="1"/>
  <c r="AE107847" i="1"/>
  <c r="AE107848" i="1"/>
  <c r="AE107849" i="1"/>
  <c r="AE107850" i="1"/>
  <c r="AE107851" i="1"/>
  <c r="AE107852" i="1"/>
  <c r="AE107853" i="1"/>
  <c r="AE107854" i="1"/>
  <c r="AE107855" i="1"/>
  <c r="AE107856" i="1"/>
  <c r="AE107857" i="1"/>
  <c r="AE107858" i="1"/>
  <c r="AE107859" i="1"/>
  <c r="AE107860" i="1"/>
  <c r="AE107861" i="1"/>
  <c r="AE107862" i="1"/>
  <c r="AE107863" i="1"/>
  <c r="AE107864" i="1"/>
  <c r="AE107865" i="1"/>
  <c r="AE107866" i="1"/>
  <c r="AE107867" i="1"/>
  <c r="AE107868" i="1"/>
  <c r="AE107869" i="1"/>
  <c r="AE107870" i="1"/>
  <c r="AE107871" i="1"/>
  <c r="AE107872" i="1"/>
  <c r="AE107873" i="1"/>
  <c r="AE107874" i="1"/>
  <c r="AE107875" i="1"/>
  <c r="AE107876" i="1"/>
  <c r="AE107877" i="1"/>
  <c r="AE107878" i="1"/>
  <c r="AE107879" i="1"/>
  <c r="AE107880" i="1"/>
  <c r="AE107881" i="1"/>
  <c r="AE107882" i="1"/>
  <c r="AE107883" i="1"/>
  <c r="AE107884" i="1"/>
  <c r="AE107885" i="1"/>
  <c r="AE107886" i="1"/>
  <c r="AE107887" i="1"/>
  <c r="AE107888" i="1"/>
  <c r="AE107889" i="1"/>
  <c r="AE107890" i="1"/>
  <c r="AE107891" i="1"/>
  <c r="AE107892" i="1"/>
  <c r="AE107893" i="1"/>
  <c r="AE107894" i="1"/>
  <c r="AE107895" i="1"/>
  <c r="AE107896" i="1"/>
  <c r="AE107897" i="1"/>
  <c r="AE107898" i="1"/>
  <c r="AE107899" i="1"/>
  <c r="AE107900" i="1"/>
  <c r="AE107901" i="1"/>
  <c r="AE107902" i="1"/>
  <c r="AE107903" i="1"/>
  <c r="AE107904" i="1"/>
  <c r="AE107905" i="1"/>
  <c r="AE107906" i="1"/>
  <c r="AE107907" i="1"/>
  <c r="AE107908" i="1"/>
  <c r="AE107909" i="1"/>
  <c r="AE107910" i="1"/>
  <c r="AE107911" i="1"/>
  <c r="AE107912" i="1"/>
  <c r="AE107913" i="1"/>
  <c r="AE107914" i="1"/>
  <c r="AE107915" i="1"/>
  <c r="AE107916" i="1"/>
  <c r="AE107917" i="1"/>
  <c r="AE107918" i="1"/>
  <c r="AE107919" i="1"/>
  <c r="AE107920" i="1"/>
  <c r="AE107921" i="1"/>
  <c r="AE107922" i="1"/>
  <c r="AE107923" i="1"/>
  <c r="AE107924" i="1"/>
  <c r="AE107925" i="1"/>
  <c r="AE107926" i="1"/>
  <c r="AE107927" i="1"/>
  <c r="AE107928" i="1"/>
  <c r="AE107929" i="1"/>
  <c r="AE107930" i="1"/>
  <c r="AE107931" i="1"/>
  <c r="AE107932" i="1"/>
  <c r="AE107933" i="1"/>
  <c r="AE107934" i="1"/>
  <c r="AE107935" i="1"/>
  <c r="AE107936" i="1"/>
  <c r="AE107937" i="1"/>
  <c r="AE107938" i="1"/>
  <c r="AE107939" i="1"/>
  <c r="AE107940" i="1"/>
  <c r="AE107941" i="1"/>
  <c r="AE107942" i="1"/>
  <c r="AE107943" i="1"/>
  <c r="AE107944" i="1"/>
  <c r="AE107945" i="1"/>
  <c r="AE107946" i="1"/>
  <c r="AE107947" i="1"/>
  <c r="AE107948" i="1"/>
  <c r="AE107949" i="1"/>
  <c r="AE107950" i="1"/>
  <c r="AE107951" i="1"/>
  <c r="AE107952" i="1"/>
  <c r="AE107953" i="1"/>
  <c r="AE107954" i="1"/>
  <c r="AE107955" i="1"/>
  <c r="AE107956" i="1"/>
  <c r="AE107957" i="1"/>
  <c r="AE107958" i="1"/>
  <c r="AE107959" i="1"/>
  <c r="AE107960" i="1"/>
  <c r="AE107961" i="1"/>
  <c r="AE107962" i="1"/>
  <c r="AE107963" i="1"/>
  <c r="AE107964" i="1"/>
  <c r="AE107965" i="1"/>
  <c r="AE107966" i="1"/>
  <c r="AE107967" i="1"/>
  <c r="AE107968" i="1"/>
  <c r="AE107969" i="1"/>
  <c r="AE107970" i="1"/>
  <c r="AE107971" i="1"/>
  <c r="AE107972" i="1"/>
  <c r="AE107973" i="1"/>
  <c r="AE107974" i="1"/>
  <c r="AE107975" i="1"/>
  <c r="AE107976" i="1"/>
  <c r="AE107977" i="1"/>
  <c r="AE107978" i="1"/>
  <c r="AE107979" i="1"/>
  <c r="AE107980" i="1"/>
  <c r="AE107981" i="1"/>
  <c r="AE107982" i="1"/>
  <c r="AE107983" i="1"/>
  <c r="AE107984" i="1"/>
  <c r="AE107985" i="1"/>
  <c r="AE107986" i="1"/>
  <c r="AE107987" i="1"/>
  <c r="AE107988" i="1"/>
  <c r="AE107989" i="1"/>
  <c r="AE107990" i="1"/>
  <c r="AE107991" i="1"/>
  <c r="AE107992" i="1"/>
  <c r="AE107993" i="1"/>
  <c r="AE107994" i="1"/>
  <c r="AE107995" i="1"/>
  <c r="AE107996" i="1"/>
  <c r="AE107997" i="1"/>
  <c r="AE107998" i="1"/>
  <c r="AE107999" i="1"/>
  <c r="AE108000" i="1"/>
  <c r="AE108001" i="1"/>
  <c r="AE108002" i="1"/>
  <c r="AE108003" i="1"/>
  <c r="AE108004" i="1"/>
  <c r="AE108005" i="1"/>
  <c r="AE108006" i="1"/>
  <c r="AE108007" i="1"/>
  <c r="AE108008" i="1"/>
  <c r="AE108009" i="1"/>
  <c r="AE108010" i="1"/>
  <c r="AE108011" i="1"/>
  <c r="AE108012" i="1"/>
  <c r="AE108013" i="1"/>
  <c r="AE108014" i="1"/>
  <c r="AE108015" i="1"/>
  <c r="AE108016" i="1"/>
  <c r="AE108017" i="1"/>
  <c r="AE108018" i="1"/>
  <c r="AE108019" i="1"/>
  <c r="AE108020" i="1"/>
  <c r="AE108021" i="1"/>
  <c r="AE108022" i="1"/>
  <c r="AE108023" i="1"/>
  <c r="AE108024" i="1"/>
  <c r="AE108025" i="1"/>
  <c r="AE108026" i="1"/>
  <c r="AE108027" i="1"/>
  <c r="AE108028" i="1"/>
  <c r="AE108029" i="1"/>
  <c r="AE108030" i="1"/>
  <c r="AE108031" i="1"/>
  <c r="AE108032" i="1"/>
  <c r="AE108033" i="1"/>
  <c r="AE108034" i="1"/>
  <c r="AE108035" i="1"/>
  <c r="AE108036" i="1"/>
  <c r="AE108037" i="1"/>
  <c r="AE108038" i="1"/>
  <c r="AE108039" i="1"/>
  <c r="AE108040" i="1"/>
  <c r="AE108041" i="1"/>
  <c r="AE108042" i="1"/>
  <c r="AE108043" i="1"/>
  <c r="AE108044" i="1"/>
  <c r="AE108045" i="1"/>
  <c r="AE108046" i="1"/>
  <c r="AE108047" i="1"/>
  <c r="AE108048" i="1"/>
  <c r="AE108049" i="1"/>
  <c r="AE108050" i="1"/>
  <c r="AE108051" i="1"/>
  <c r="AE108052" i="1"/>
  <c r="AE108053" i="1"/>
  <c r="AE108054" i="1"/>
  <c r="AE108055" i="1"/>
  <c r="AE108056" i="1"/>
  <c r="AE108057" i="1"/>
  <c r="AE108058" i="1"/>
  <c r="AE108059" i="1"/>
  <c r="AE108060" i="1"/>
  <c r="AE108061" i="1"/>
  <c r="AE108062" i="1"/>
  <c r="AE108063" i="1"/>
  <c r="AE108064" i="1"/>
  <c r="AE108065" i="1"/>
  <c r="AE108066" i="1"/>
  <c r="AE108067" i="1"/>
  <c r="AE108068" i="1"/>
  <c r="AE108069" i="1"/>
  <c r="AE108070" i="1"/>
  <c r="AE108071" i="1"/>
  <c r="AE108072" i="1"/>
  <c r="AE108073" i="1"/>
  <c r="AE108074" i="1"/>
  <c r="AE108075" i="1"/>
  <c r="AE108076" i="1"/>
  <c r="AE108077" i="1"/>
  <c r="AE108078" i="1"/>
  <c r="AE108079" i="1"/>
  <c r="AE108080" i="1"/>
  <c r="AE108081" i="1"/>
  <c r="AE108082" i="1"/>
  <c r="AE108083" i="1"/>
  <c r="AE108084" i="1"/>
  <c r="AE108085" i="1"/>
  <c r="AE108086" i="1"/>
  <c r="AE108087" i="1"/>
  <c r="AE108088" i="1"/>
  <c r="AE108089" i="1"/>
  <c r="AE108090" i="1"/>
  <c r="AE108091" i="1"/>
  <c r="AE108092" i="1"/>
  <c r="AE108093" i="1"/>
  <c r="AE108094" i="1"/>
  <c r="AE108095" i="1"/>
  <c r="AE108096" i="1"/>
  <c r="AE108097" i="1"/>
  <c r="AE108098" i="1"/>
  <c r="AE108099" i="1"/>
  <c r="AE108100" i="1"/>
  <c r="AE108101" i="1"/>
  <c r="AE108102" i="1"/>
  <c r="AE108103" i="1"/>
  <c r="AE108104" i="1"/>
  <c r="AE108105" i="1"/>
  <c r="AE108106" i="1"/>
  <c r="AE108107" i="1"/>
  <c r="AE108108" i="1"/>
  <c r="AE108109" i="1"/>
  <c r="AE108110" i="1"/>
  <c r="AE108111" i="1"/>
  <c r="AE108112" i="1"/>
  <c r="AE108113" i="1"/>
  <c r="AE108114" i="1"/>
  <c r="AE108115" i="1"/>
  <c r="AE108116" i="1"/>
  <c r="AE108117" i="1"/>
  <c r="AE108118" i="1"/>
  <c r="AE108119" i="1"/>
  <c r="AE108120" i="1"/>
  <c r="AE108121" i="1"/>
  <c r="AE108122" i="1"/>
  <c r="AE108123" i="1"/>
  <c r="AE108124" i="1"/>
  <c r="AE108125" i="1"/>
  <c r="AE108126" i="1"/>
  <c r="AE108127" i="1"/>
  <c r="AE108128" i="1"/>
  <c r="AE108129" i="1"/>
  <c r="AE108130" i="1"/>
  <c r="AE108131" i="1"/>
  <c r="AE108132" i="1"/>
  <c r="AE108133" i="1"/>
  <c r="AE108134" i="1"/>
  <c r="AE108135" i="1"/>
  <c r="AE108136" i="1"/>
  <c r="AE108137" i="1"/>
  <c r="AE108138" i="1"/>
  <c r="AE108139" i="1"/>
  <c r="AE108140" i="1"/>
  <c r="AE108141" i="1"/>
  <c r="AE108142" i="1"/>
  <c r="AE108143" i="1"/>
  <c r="AE108144" i="1"/>
  <c r="AE108145" i="1"/>
  <c r="AE108146" i="1"/>
  <c r="AE108147" i="1"/>
  <c r="AE108148" i="1"/>
  <c r="AE108149" i="1"/>
  <c r="AE108150" i="1"/>
  <c r="AE108151" i="1"/>
  <c r="AE108152" i="1"/>
  <c r="AE108153" i="1"/>
  <c r="AE108154" i="1"/>
  <c r="AE108155" i="1"/>
  <c r="AE108156" i="1"/>
  <c r="AE108157" i="1"/>
  <c r="AE108158" i="1"/>
  <c r="AE108159" i="1"/>
  <c r="AE108160" i="1"/>
  <c r="AE108161" i="1"/>
  <c r="AE108162" i="1"/>
  <c r="AE108163" i="1"/>
  <c r="AE108164" i="1"/>
  <c r="AE108165" i="1"/>
  <c r="AE108166" i="1"/>
  <c r="AE108167" i="1"/>
  <c r="AE108168" i="1"/>
  <c r="AE108169" i="1"/>
  <c r="AE108170" i="1"/>
  <c r="AE108171" i="1"/>
  <c r="AE108172" i="1"/>
  <c r="AE108173" i="1"/>
  <c r="AE108174" i="1"/>
  <c r="AE108175" i="1"/>
  <c r="AE108176" i="1"/>
  <c r="AE108177" i="1"/>
  <c r="AE108178" i="1"/>
  <c r="AE108179" i="1"/>
  <c r="AE108180" i="1"/>
  <c r="AE108181" i="1"/>
  <c r="AE108182" i="1"/>
  <c r="AE108183" i="1"/>
  <c r="AE108184" i="1"/>
  <c r="AE108185" i="1"/>
  <c r="AE108186" i="1"/>
  <c r="AE108187" i="1"/>
  <c r="AE108188" i="1"/>
  <c r="AE108189" i="1"/>
  <c r="AE108190" i="1"/>
  <c r="AE108191" i="1"/>
  <c r="AE108192" i="1"/>
  <c r="AE108193" i="1"/>
  <c r="AE108194" i="1"/>
  <c r="AE108195" i="1"/>
  <c r="AE108196" i="1"/>
  <c r="AE108197" i="1"/>
  <c r="AE108198" i="1"/>
  <c r="AE108199" i="1"/>
  <c r="AE108200" i="1"/>
  <c r="AE108201" i="1"/>
  <c r="AE108202" i="1"/>
  <c r="AE108203" i="1"/>
  <c r="AE108204" i="1"/>
  <c r="AE108205" i="1"/>
  <c r="AE108206" i="1"/>
  <c r="AE108207" i="1"/>
  <c r="AE108208" i="1"/>
  <c r="AE108209" i="1"/>
  <c r="AE108210" i="1"/>
  <c r="AE108211" i="1"/>
  <c r="AE108212" i="1"/>
  <c r="AE108213" i="1"/>
  <c r="AE108214" i="1"/>
  <c r="AE108215" i="1"/>
  <c r="AE108216" i="1"/>
  <c r="AE108217" i="1"/>
  <c r="AE108218" i="1"/>
  <c r="AE108219" i="1"/>
  <c r="AE108220" i="1"/>
  <c r="AE108221" i="1"/>
  <c r="AE108222" i="1"/>
  <c r="AE108223" i="1"/>
  <c r="AE108224" i="1"/>
  <c r="AE108225" i="1"/>
  <c r="AE108226" i="1"/>
  <c r="AE108227" i="1"/>
  <c r="AE108228" i="1"/>
  <c r="AE108229" i="1"/>
  <c r="AE108230" i="1"/>
  <c r="AE108231" i="1"/>
  <c r="AE108232" i="1"/>
  <c r="AE108233" i="1"/>
  <c r="AE108234" i="1"/>
  <c r="AE108235" i="1"/>
  <c r="AE108236" i="1"/>
  <c r="AE108237" i="1"/>
  <c r="AE108238" i="1"/>
  <c r="AE108239" i="1"/>
  <c r="AE108240" i="1"/>
  <c r="AE108241" i="1"/>
  <c r="AE108242" i="1"/>
  <c r="AE108243" i="1"/>
  <c r="AE108244" i="1"/>
  <c r="AE108245" i="1"/>
  <c r="AE108246" i="1"/>
  <c r="AE108247" i="1"/>
  <c r="AE108248" i="1"/>
  <c r="AE108249" i="1"/>
  <c r="AE108250" i="1"/>
  <c r="AE108251" i="1"/>
  <c r="AE108252" i="1"/>
  <c r="AE108253" i="1"/>
  <c r="AE108254" i="1"/>
  <c r="AE108255" i="1"/>
  <c r="AE108256" i="1"/>
  <c r="AE108257" i="1"/>
  <c r="AE108258" i="1"/>
  <c r="AE108259" i="1"/>
  <c r="AE108260" i="1"/>
  <c r="AE108261" i="1"/>
  <c r="AE108262" i="1"/>
  <c r="AE108263" i="1"/>
  <c r="AE108264" i="1"/>
  <c r="AE108265" i="1"/>
  <c r="AE108266" i="1"/>
  <c r="AE108267" i="1"/>
  <c r="AE108268" i="1"/>
  <c r="AE108269" i="1"/>
  <c r="AE108270" i="1"/>
  <c r="AE108271" i="1"/>
  <c r="AE108272" i="1"/>
  <c r="AE108273" i="1"/>
  <c r="AE108274" i="1"/>
  <c r="AE108275" i="1"/>
  <c r="AE108276" i="1"/>
  <c r="AE108277" i="1"/>
  <c r="AE108278" i="1"/>
  <c r="AE108279" i="1"/>
  <c r="AE108280" i="1"/>
  <c r="AE108281" i="1"/>
  <c r="AE108282" i="1"/>
  <c r="AE108283" i="1"/>
  <c r="AE108284" i="1"/>
  <c r="AE108285" i="1"/>
  <c r="AE108286" i="1"/>
  <c r="AE108287" i="1"/>
  <c r="AE108288" i="1"/>
  <c r="AE108289" i="1"/>
  <c r="AE108290" i="1"/>
  <c r="AE108291" i="1"/>
  <c r="AE108292" i="1"/>
  <c r="AE108293" i="1"/>
  <c r="AE108294" i="1"/>
  <c r="AE108295" i="1"/>
  <c r="AE108296" i="1"/>
  <c r="AE108297" i="1"/>
  <c r="AE108298" i="1"/>
  <c r="AE108299" i="1"/>
  <c r="AE108300" i="1"/>
  <c r="AE108301" i="1"/>
  <c r="AE108302" i="1"/>
  <c r="AE108303" i="1"/>
  <c r="AE108304" i="1"/>
  <c r="AE108305" i="1"/>
  <c r="AE108306" i="1"/>
  <c r="AE108307" i="1"/>
  <c r="AE108308" i="1"/>
  <c r="AE108309" i="1"/>
  <c r="AE108310" i="1"/>
  <c r="AE108311" i="1"/>
  <c r="AE108312" i="1"/>
  <c r="AE108313" i="1"/>
  <c r="AE108314" i="1"/>
  <c r="AE108315" i="1"/>
  <c r="AE108316" i="1"/>
  <c r="AE108317" i="1"/>
  <c r="AE108318" i="1"/>
  <c r="AE108319" i="1"/>
  <c r="AE108320" i="1"/>
  <c r="AE108321" i="1"/>
  <c r="AE108322" i="1"/>
  <c r="AE108323" i="1"/>
  <c r="AE108324" i="1"/>
  <c r="AE108325" i="1"/>
  <c r="AE108326" i="1"/>
  <c r="AE108327" i="1"/>
  <c r="AE108328" i="1"/>
  <c r="AE108329" i="1"/>
  <c r="AE108330" i="1"/>
  <c r="AE108331" i="1"/>
  <c r="AE108332" i="1"/>
  <c r="AE108333" i="1"/>
  <c r="AE108334" i="1"/>
  <c r="AE108335" i="1"/>
  <c r="AE108336" i="1"/>
  <c r="AE108337" i="1"/>
  <c r="AE108338" i="1"/>
  <c r="AE108339" i="1"/>
  <c r="AE108340" i="1"/>
  <c r="AE108341" i="1"/>
  <c r="AE108342" i="1"/>
  <c r="AE108343" i="1"/>
  <c r="AE108344" i="1"/>
  <c r="AE108345" i="1"/>
  <c r="AE108346" i="1"/>
  <c r="AE108347" i="1"/>
  <c r="AE108348" i="1"/>
  <c r="AE108349" i="1"/>
  <c r="AE108350" i="1"/>
  <c r="AE108351" i="1"/>
  <c r="AE108352" i="1"/>
  <c r="AE108353" i="1"/>
  <c r="AE108354" i="1"/>
  <c r="AE108355" i="1"/>
  <c r="AE108356" i="1"/>
  <c r="AE108357" i="1"/>
  <c r="AE108358" i="1"/>
  <c r="AE108359" i="1"/>
  <c r="AE108360" i="1"/>
  <c r="AE108361" i="1"/>
  <c r="AE108362" i="1"/>
  <c r="AE108363" i="1"/>
  <c r="AE108364" i="1"/>
  <c r="AE108365" i="1"/>
  <c r="AE108366" i="1"/>
  <c r="AE108367" i="1"/>
  <c r="AE108368" i="1"/>
  <c r="AE108369" i="1"/>
  <c r="AE108370" i="1"/>
  <c r="AE108371" i="1"/>
  <c r="AE108372" i="1"/>
  <c r="AE108373" i="1"/>
  <c r="AE108374" i="1"/>
  <c r="AE108375" i="1"/>
  <c r="AE108376" i="1"/>
  <c r="AE108377" i="1"/>
  <c r="AE108378" i="1"/>
  <c r="AE108379" i="1"/>
  <c r="AE108380" i="1"/>
  <c r="AE108381" i="1"/>
  <c r="AE108382" i="1"/>
  <c r="AE108383" i="1"/>
  <c r="AE108384" i="1"/>
  <c r="AE108385" i="1"/>
  <c r="AE108386" i="1"/>
  <c r="AE108387" i="1"/>
  <c r="AE108388" i="1"/>
  <c r="AE108389" i="1"/>
  <c r="AE108390" i="1"/>
  <c r="AE108391" i="1"/>
  <c r="AE108392" i="1"/>
  <c r="AE108393" i="1"/>
  <c r="AE108394" i="1"/>
  <c r="AE108395" i="1"/>
  <c r="AE108396" i="1"/>
  <c r="AE108397" i="1"/>
  <c r="AE108398" i="1"/>
  <c r="AE108399" i="1"/>
  <c r="AE108400" i="1"/>
  <c r="AE108401" i="1"/>
  <c r="AE108402" i="1"/>
  <c r="AE108403" i="1"/>
  <c r="AE108404" i="1"/>
  <c r="AE108405" i="1"/>
  <c r="AE108406" i="1"/>
  <c r="AE108407" i="1"/>
  <c r="AE108408" i="1"/>
  <c r="AE108409" i="1"/>
  <c r="AE108410" i="1"/>
  <c r="AE108411" i="1"/>
  <c r="AE108412" i="1"/>
  <c r="AE108413" i="1"/>
  <c r="AE108414" i="1"/>
  <c r="AE108415" i="1"/>
  <c r="AE108416" i="1"/>
  <c r="AE108417" i="1"/>
  <c r="AE108418" i="1"/>
  <c r="AE108419" i="1"/>
  <c r="AE108420" i="1"/>
  <c r="AE108421" i="1"/>
  <c r="AE108422" i="1"/>
  <c r="AE108423" i="1"/>
  <c r="AE108424" i="1"/>
  <c r="AE108425" i="1"/>
  <c r="AE108426" i="1"/>
  <c r="AE108427" i="1"/>
  <c r="AE108428" i="1"/>
  <c r="AE108429" i="1"/>
  <c r="AE108430" i="1"/>
  <c r="AE108431" i="1"/>
  <c r="AE108432" i="1"/>
  <c r="AE108433" i="1"/>
  <c r="AE108434" i="1"/>
  <c r="AE108435" i="1"/>
  <c r="AE108436" i="1"/>
  <c r="AE108437" i="1"/>
  <c r="AE108438" i="1"/>
  <c r="AE108439" i="1"/>
  <c r="AE108440" i="1"/>
  <c r="AE108441" i="1"/>
  <c r="AE108442" i="1"/>
  <c r="AE108443" i="1"/>
  <c r="AE108444" i="1"/>
  <c r="AE108445" i="1"/>
  <c r="AE108446" i="1"/>
  <c r="AE108447" i="1"/>
  <c r="AE108448" i="1"/>
  <c r="AE108449" i="1"/>
  <c r="AE108450" i="1"/>
  <c r="AE108451" i="1"/>
  <c r="AE108452" i="1"/>
  <c r="AE108453" i="1"/>
  <c r="AE108454" i="1"/>
  <c r="AE108455" i="1"/>
  <c r="AE108456" i="1"/>
  <c r="AE108457" i="1"/>
  <c r="AE108458" i="1"/>
  <c r="AE108459" i="1"/>
  <c r="AE108460" i="1"/>
  <c r="AE108461" i="1"/>
  <c r="AE108462" i="1"/>
  <c r="AE108463" i="1"/>
  <c r="AE108464" i="1"/>
  <c r="AE108465" i="1"/>
  <c r="AE108466" i="1"/>
  <c r="AE108467" i="1"/>
  <c r="AE108468" i="1"/>
  <c r="AE108469" i="1"/>
  <c r="AE108470" i="1"/>
  <c r="AE108471" i="1"/>
  <c r="AE108472" i="1"/>
  <c r="AE108473" i="1"/>
  <c r="AE108474" i="1"/>
  <c r="AE108475" i="1"/>
  <c r="AE108476" i="1"/>
  <c r="AE108477" i="1"/>
  <c r="AE108478" i="1"/>
  <c r="AE108479" i="1"/>
  <c r="AE108480" i="1"/>
  <c r="AE108481" i="1"/>
  <c r="AE108482" i="1"/>
  <c r="AE108483" i="1"/>
  <c r="AE108484" i="1"/>
  <c r="AE108485" i="1"/>
  <c r="AE108486" i="1"/>
  <c r="AE108487" i="1"/>
  <c r="AE108488" i="1"/>
  <c r="AE108489" i="1"/>
  <c r="AE108490" i="1"/>
  <c r="AE108491" i="1"/>
  <c r="AE108492" i="1"/>
  <c r="AE108493" i="1"/>
  <c r="AE108494" i="1"/>
  <c r="AE108495" i="1"/>
  <c r="AE108496" i="1"/>
  <c r="AE108497" i="1"/>
  <c r="AE108498" i="1"/>
  <c r="AE108499" i="1"/>
  <c r="AE108500" i="1"/>
  <c r="AE108501" i="1"/>
  <c r="AE108502" i="1"/>
  <c r="AE108503" i="1"/>
  <c r="AE108504" i="1"/>
  <c r="AE108505" i="1"/>
  <c r="AE108506" i="1"/>
  <c r="AE108507" i="1"/>
  <c r="AE108508" i="1"/>
  <c r="AE108509" i="1"/>
  <c r="AE108510" i="1"/>
  <c r="AE108511" i="1"/>
  <c r="AE108512" i="1"/>
  <c r="AE108513" i="1"/>
  <c r="AE108514" i="1"/>
  <c r="AE108515" i="1"/>
  <c r="AE108516" i="1"/>
  <c r="AE108517" i="1"/>
  <c r="AE108518" i="1"/>
  <c r="AE108519" i="1"/>
  <c r="AE108520" i="1"/>
  <c r="AE108521" i="1"/>
  <c r="AE108522" i="1"/>
  <c r="AE108523" i="1"/>
  <c r="AE108524" i="1"/>
  <c r="AE108525" i="1"/>
  <c r="AE108526" i="1"/>
  <c r="AE108527" i="1"/>
  <c r="AE108528" i="1"/>
  <c r="AE108529" i="1"/>
  <c r="AE108530" i="1"/>
  <c r="AE108531" i="1"/>
  <c r="AE108532" i="1"/>
  <c r="AE108533" i="1"/>
  <c r="AE108534" i="1"/>
  <c r="AE108535" i="1"/>
  <c r="AE108536" i="1"/>
  <c r="AE108537" i="1"/>
  <c r="AE108538" i="1"/>
  <c r="AE108539" i="1"/>
  <c r="AE108540" i="1"/>
  <c r="AE108541" i="1"/>
  <c r="AE108542" i="1"/>
  <c r="AE108543" i="1"/>
  <c r="AE108544" i="1"/>
  <c r="AE108545" i="1"/>
  <c r="AE108546" i="1"/>
  <c r="AE108547" i="1"/>
  <c r="AE108548" i="1"/>
  <c r="AE108549" i="1"/>
  <c r="AE108550" i="1"/>
  <c r="AE108551" i="1"/>
  <c r="AE108552" i="1"/>
  <c r="AE108553" i="1"/>
  <c r="AE108554" i="1"/>
  <c r="AE108555" i="1"/>
  <c r="AE108556" i="1"/>
  <c r="AE108557" i="1"/>
  <c r="AE108558" i="1"/>
  <c r="AE108559" i="1"/>
  <c r="AE108560" i="1"/>
  <c r="AE108561" i="1"/>
  <c r="AE108562" i="1"/>
  <c r="AE108563" i="1"/>
  <c r="AE108564" i="1"/>
  <c r="AE108565" i="1"/>
  <c r="AE108566" i="1"/>
  <c r="AE108567" i="1"/>
  <c r="AE108568" i="1"/>
  <c r="AE108569" i="1"/>
  <c r="AE108570" i="1"/>
  <c r="AE108571" i="1"/>
  <c r="AE108572" i="1"/>
  <c r="AE108573" i="1"/>
  <c r="AE108574" i="1"/>
  <c r="AE108575" i="1"/>
  <c r="AE108576" i="1"/>
  <c r="AE108577" i="1"/>
  <c r="AE108578" i="1"/>
  <c r="AE108579" i="1"/>
  <c r="AE108580" i="1"/>
  <c r="AE108581" i="1"/>
  <c r="AE108582" i="1"/>
  <c r="AE108583" i="1"/>
  <c r="AE108584" i="1"/>
  <c r="AE108585" i="1"/>
  <c r="AE108586" i="1"/>
  <c r="AE108587" i="1"/>
  <c r="AE108588" i="1"/>
  <c r="AE108589" i="1"/>
  <c r="AE108590" i="1"/>
  <c r="AE108591" i="1"/>
  <c r="AE108592" i="1"/>
  <c r="AE108593" i="1"/>
  <c r="AE108594" i="1"/>
  <c r="AE108595" i="1"/>
  <c r="AE108596" i="1"/>
  <c r="AE108597" i="1"/>
  <c r="AE108598" i="1"/>
  <c r="AE108599" i="1"/>
  <c r="AE108600" i="1"/>
  <c r="AE108601" i="1"/>
  <c r="AE108602" i="1"/>
  <c r="AE108603" i="1"/>
  <c r="AE108604" i="1"/>
  <c r="AE108605" i="1"/>
  <c r="AE108606" i="1"/>
  <c r="AE108607" i="1"/>
  <c r="AE108608" i="1"/>
  <c r="AE108609" i="1"/>
  <c r="AE108610" i="1"/>
  <c r="AE108611" i="1"/>
  <c r="AE108612" i="1"/>
  <c r="AE108613" i="1"/>
  <c r="AE108614" i="1"/>
  <c r="AE108615" i="1"/>
  <c r="AE108616" i="1"/>
  <c r="AE108617" i="1"/>
  <c r="AE108618" i="1"/>
  <c r="AE108619" i="1"/>
  <c r="AE108620" i="1"/>
  <c r="AE108621" i="1"/>
  <c r="AE108622" i="1"/>
  <c r="AE108623" i="1"/>
  <c r="AE108624" i="1"/>
  <c r="AE108625" i="1"/>
  <c r="AE108626" i="1"/>
  <c r="AE108627" i="1"/>
  <c r="AE108628" i="1"/>
  <c r="AE108629" i="1"/>
  <c r="AE108630" i="1"/>
  <c r="AE108631" i="1"/>
  <c r="AE108632" i="1"/>
  <c r="AE108633" i="1"/>
  <c r="AE108634" i="1"/>
  <c r="AE108635" i="1"/>
  <c r="AE108636" i="1"/>
  <c r="AE108637" i="1"/>
  <c r="AE108638" i="1"/>
  <c r="AE108639" i="1"/>
  <c r="AE108640" i="1"/>
  <c r="AE108641" i="1"/>
  <c r="AE108642" i="1"/>
  <c r="AE108643" i="1"/>
  <c r="AE108644" i="1"/>
  <c r="AE108645" i="1"/>
  <c r="AE108646" i="1"/>
  <c r="AE108647" i="1"/>
  <c r="AE108648" i="1"/>
  <c r="AE108649" i="1"/>
  <c r="AE108650" i="1"/>
  <c r="AE108651" i="1"/>
  <c r="AE108652" i="1"/>
  <c r="AE108653" i="1"/>
  <c r="AE108654" i="1"/>
  <c r="AE108655" i="1"/>
  <c r="AE108656" i="1"/>
  <c r="AE108657" i="1"/>
  <c r="AE108658" i="1"/>
  <c r="AE108659" i="1"/>
  <c r="AE108660" i="1"/>
  <c r="AE108661" i="1"/>
  <c r="AE108662" i="1"/>
  <c r="AE108663" i="1"/>
  <c r="AE108664" i="1"/>
  <c r="AE108665" i="1"/>
  <c r="AE108666" i="1"/>
  <c r="AE108667" i="1"/>
  <c r="AE108668" i="1"/>
  <c r="AE108669" i="1"/>
  <c r="AE108670" i="1"/>
  <c r="AE108671" i="1"/>
  <c r="AE108672" i="1"/>
  <c r="AE108673" i="1"/>
  <c r="AE108674" i="1"/>
  <c r="AE108675" i="1"/>
  <c r="AE108676" i="1"/>
  <c r="AE108677" i="1"/>
  <c r="AE108678" i="1"/>
  <c r="AE108679" i="1"/>
  <c r="AE108680" i="1"/>
  <c r="AE108681" i="1"/>
  <c r="AE108682" i="1"/>
  <c r="AE108683" i="1"/>
  <c r="AE108684" i="1"/>
  <c r="AE108685" i="1"/>
  <c r="AE108686" i="1"/>
  <c r="AE108687" i="1"/>
  <c r="AE108688" i="1"/>
  <c r="AE108689" i="1"/>
  <c r="AE108690" i="1"/>
  <c r="AE108691" i="1"/>
  <c r="AE108692" i="1"/>
  <c r="AE108693" i="1"/>
  <c r="AE108694" i="1"/>
  <c r="AE108695" i="1"/>
  <c r="AE108696" i="1"/>
  <c r="AE108697" i="1"/>
  <c r="AE108698" i="1"/>
  <c r="AE108699" i="1"/>
  <c r="AE108700" i="1"/>
  <c r="AE108701" i="1"/>
  <c r="AE108702" i="1"/>
  <c r="AE108703" i="1"/>
  <c r="AE108704" i="1"/>
  <c r="AE108705" i="1"/>
  <c r="AE108706" i="1"/>
  <c r="AE108707" i="1"/>
  <c r="AE108708" i="1"/>
  <c r="AE108709" i="1"/>
  <c r="AE108710" i="1"/>
  <c r="AE108711" i="1"/>
  <c r="AE108712" i="1"/>
  <c r="AE108713" i="1"/>
  <c r="AE108714" i="1"/>
  <c r="AE108715" i="1"/>
  <c r="AE108716" i="1"/>
  <c r="AE108717" i="1"/>
  <c r="AE108718" i="1"/>
  <c r="AE108719" i="1"/>
  <c r="AE108720" i="1"/>
  <c r="AE108721" i="1"/>
  <c r="AE108722" i="1"/>
  <c r="AE108723" i="1"/>
  <c r="AE108724" i="1"/>
  <c r="AE108725" i="1"/>
  <c r="AE108726" i="1"/>
  <c r="AE108727" i="1"/>
  <c r="AE108728" i="1"/>
  <c r="AE108729" i="1"/>
  <c r="AE108730" i="1"/>
  <c r="AE108731" i="1"/>
  <c r="AE108732" i="1"/>
  <c r="AE108733" i="1"/>
  <c r="AE108734" i="1"/>
  <c r="AE108735" i="1"/>
  <c r="AE108736" i="1"/>
  <c r="AE108737" i="1"/>
  <c r="AE108738" i="1"/>
  <c r="AE108739" i="1"/>
  <c r="AE108740" i="1"/>
  <c r="AE108741" i="1"/>
  <c r="AE108742" i="1"/>
  <c r="AE108743" i="1"/>
  <c r="AE108744" i="1"/>
  <c r="AE108745" i="1"/>
  <c r="AE108746" i="1"/>
  <c r="AE108747" i="1"/>
  <c r="AE108748" i="1"/>
  <c r="AE108749" i="1"/>
  <c r="AE108750" i="1"/>
  <c r="AE108751" i="1"/>
  <c r="AE108752" i="1"/>
  <c r="AE108753" i="1"/>
  <c r="AE108754" i="1"/>
  <c r="AE108755" i="1"/>
  <c r="AE108756" i="1"/>
  <c r="AE108757" i="1"/>
  <c r="AE108758" i="1"/>
  <c r="AE108759" i="1"/>
  <c r="AE108760" i="1"/>
  <c r="AE108761" i="1"/>
  <c r="AE108762" i="1"/>
  <c r="AE108763" i="1"/>
  <c r="AE108764" i="1"/>
  <c r="AE108765" i="1"/>
  <c r="AE108766" i="1"/>
  <c r="AE108767" i="1"/>
  <c r="AE108768" i="1"/>
  <c r="AE108769" i="1"/>
  <c r="AE108770" i="1"/>
  <c r="AE108771" i="1"/>
  <c r="AE108772" i="1"/>
  <c r="AE108773" i="1"/>
  <c r="AE108774" i="1"/>
  <c r="AE108775" i="1"/>
  <c r="AE108776" i="1"/>
  <c r="AE108777" i="1"/>
  <c r="AE108778" i="1"/>
  <c r="AE108779" i="1"/>
  <c r="AE108780" i="1"/>
  <c r="AE108781" i="1"/>
  <c r="AE108782" i="1"/>
  <c r="AE108783" i="1"/>
  <c r="AE108784" i="1"/>
  <c r="AE108785" i="1"/>
  <c r="AE108786" i="1"/>
  <c r="AE108787" i="1"/>
  <c r="AE108788" i="1"/>
  <c r="AE108789" i="1"/>
  <c r="AE108790" i="1"/>
  <c r="AE108791" i="1"/>
  <c r="AE108792" i="1"/>
  <c r="AE108793" i="1"/>
  <c r="AE108794" i="1"/>
  <c r="AE108795" i="1"/>
  <c r="AE108796" i="1"/>
  <c r="AE108797" i="1"/>
  <c r="AE108798" i="1"/>
  <c r="AE108799" i="1"/>
  <c r="AE108800" i="1"/>
  <c r="AE108801" i="1"/>
  <c r="AE108802" i="1"/>
  <c r="AE108803" i="1"/>
  <c r="AE108804" i="1"/>
  <c r="AE108805" i="1"/>
  <c r="AE108806" i="1"/>
  <c r="AE108807" i="1"/>
  <c r="AE108808" i="1"/>
  <c r="AE108809" i="1"/>
  <c r="AE108810" i="1"/>
  <c r="AE108811" i="1"/>
  <c r="AE108812" i="1"/>
  <c r="AE108813" i="1"/>
  <c r="AE108814" i="1"/>
  <c r="AE108815" i="1"/>
  <c r="AE108816" i="1"/>
  <c r="AE108817" i="1"/>
  <c r="AE108818" i="1"/>
  <c r="AE108819" i="1"/>
  <c r="AE108820" i="1"/>
  <c r="AE108821" i="1"/>
  <c r="AE108822" i="1"/>
  <c r="AE108823" i="1"/>
  <c r="AE108824" i="1"/>
  <c r="AE108825" i="1"/>
  <c r="AE108826" i="1"/>
  <c r="AE108827" i="1"/>
  <c r="AE108828" i="1"/>
  <c r="AE108829" i="1"/>
  <c r="AE108830" i="1"/>
  <c r="AE108831" i="1"/>
  <c r="AE108832" i="1"/>
  <c r="AE108833" i="1"/>
  <c r="AE108834" i="1"/>
  <c r="AE108835" i="1"/>
  <c r="AE108836" i="1"/>
  <c r="AE108837" i="1"/>
  <c r="AE108838" i="1"/>
  <c r="AE108839" i="1"/>
  <c r="AE108840" i="1"/>
  <c r="AE108841" i="1"/>
  <c r="AE108842" i="1"/>
  <c r="AE108843" i="1"/>
  <c r="AE108844" i="1"/>
  <c r="AE108845" i="1"/>
  <c r="AE108846" i="1"/>
  <c r="AE108847" i="1"/>
  <c r="AE108848" i="1"/>
  <c r="AE108849" i="1"/>
  <c r="AE108850" i="1"/>
  <c r="AE108851" i="1"/>
  <c r="AE108852" i="1"/>
  <c r="AE108853" i="1"/>
  <c r="AE108854" i="1"/>
  <c r="AE108855" i="1"/>
  <c r="AE108856" i="1"/>
  <c r="AE108857" i="1"/>
  <c r="AE108858" i="1"/>
  <c r="AE108859" i="1"/>
  <c r="AE108860" i="1"/>
  <c r="AE108861" i="1"/>
  <c r="AE108862" i="1"/>
  <c r="AE108863" i="1"/>
  <c r="AE108864" i="1"/>
  <c r="AE108865" i="1"/>
  <c r="AE108866" i="1"/>
  <c r="AE108867" i="1"/>
  <c r="AE108868" i="1"/>
  <c r="AE108869" i="1"/>
  <c r="AE108870" i="1"/>
  <c r="AE108871" i="1"/>
  <c r="AE108872" i="1"/>
  <c r="AE108873" i="1"/>
  <c r="AE108874" i="1"/>
  <c r="AE108875" i="1"/>
  <c r="AE108876" i="1"/>
  <c r="AE108877" i="1"/>
  <c r="AE108878" i="1"/>
  <c r="AE108879" i="1"/>
  <c r="AE108880" i="1"/>
  <c r="AE108881" i="1"/>
  <c r="AE108882" i="1"/>
  <c r="AE108883" i="1"/>
  <c r="AE108884" i="1"/>
  <c r="AE108885" i="1"/>
  <c r="AE108886" i="1"/>
  <c r="AE108887" i="1"/>
  <c r="AE108888" i="1"/>
  <c r="AE108889" i="1"/>
  <c r="AE108890" i="1"/>
  <c r="AE108891" i="1"/>
  <c r="AE108892" i="1"/>
  <c r="AE108893" i="1"/>
  <c r="AE108894" i="1"/>
  <c r="AE108895" i="1"/>
  <c r="AE108896" i="1"/>
  <c r="AE108897" i="1"/>
  <c r="AE108898" i="1"/>
  <c r="AE108899" i="1"/>
  <c r="AE108900" i="1"/>
  <c r="AE108901" i="1"/>
  <c r="AE108902" i="1"/>
  <c r="AE108903" i="1"/>
  <c r="AE108904" i="1"/>
  <c r="AE108905" i="1"/>
  <c r="AE108906" i="1"/>
  <c r="AE108907" i="1"/>
  <c r="AE108908" i="1"/>
  <c r="AE108909" i="1"/>
  <c r="AE108910" i="1"/>
  <c r="AE108911" i="1"/>
  <c r="AE108912" i="1"/>
  <c r="AE108913" i="1"/>
  <c r="AE108914" i="1"/>
  <c r="AE108915" i="1"/>
  <c r="AE108916" i="1"/>
  <c r="AE108917" i="1"/>
  <c r="AE108918" i="1"/>
  <c r="AE108919" i="1"/>
  <c r="AE108920" i="1"/>
  <c r="AE108921" i="1"/>
  <c r="AE108922" i="1"/>
  <c r="AE108923" i="1"/>
  <c r="AE108924" i="1"/>
  <c r="AE108925" i="1"/>
  <c r="AE108926" i="1"/>
  <c r="AE108927" i="1"/>
  <c r="AE108928" i="1"/>
  <c r="AE108929" i="1"/>
  <c r="AE108930" i="1"/>
  <c r="AE108931" i="1"/>
  <c r="AE108932" i="1"/>
  <c r="AE108933" i="1"/>
  <c r="AE108934" i="1"/>
  <c r="AE108935" i="1"/>
  <c r="AE108936" i="1"/>
  <c r="AE108937" i="1"/>
  <c r="AE108938" i="1"/>
  <c r="AE108939" i="1"/>
  <c r="AE108940" i="1"/>
  <c r="AE108941" i="1"/>
  <c r="AE108942" i="1"/>
  <c r="AE108943" i="1"/>
  <c r="AE108944" i="1"/>
  <c r="AE108945" i="1"/>
  <c r="AE108946" i="1"/>
  <c r="AE108947" i="1"/>
  <c r="AE108948" i="1"/>
  <c r="AE108949" i="1"/>
  <c r="AE108950" i="1"/>
  <c r="AE108951" i="1"/>
  <c r="AE108952" i="1"/>
  <c r="AE108953" i="1"/>
  <c r="AE108954" i="1"/>
  <c r="AE108955" i="1"/>
  <c r="AE108956" i="1"/>
  <c r="AE108957" i="1"/>
  <c r="AE108958" i="1"/>
  <c r="AE108959" i="1"/>
  <c r="AE108960" i="1"/>
  <c r="AE108961" i="1"/>
  <c r="AE108962" i="1"/>
  <c r="AE108963" i="1"/>
  <c r="AE108964" i="1"/>
  <c r="AE108965" i="1"/>
  <c r="AE108966" i="1"/>
  <c r="AE108967" i="1"/>
  <c r="AE108968" i="1"/>
  <c r="AE108969" i="1"/>
  <c r="AE108970" i="1"/>
  <c r="AE108971" i="1"/>
  <c r="AE108972" i="1"/>
  <c r="AE108973" i="1"/>
  <c r="AE108974" i="1"/>
  <c r="AE108975" i="1"/>
  <c r="AE108976" i="1"/>
  <c r="AE108977" i="1"/>
  <c r="AE108978" i="1"/>
  <c r="AE108979" i="1"/>
  <c r="AE108980" i="1"/>
  <c r="AE108981" i="1"/>
  <c r="AE108982" i="1"/>
  <c r="AE108983" i="1"/>
  <c r="AE108984" i="1"/>
  <c r="AE108985" i="1"/>
  <c r="AE108986" i="1"/>
  <c r="AE108987" i="1"/>
  <c r="AE108988" i="1"/>
  <c r="AE108989" i="1"/>
  <c r="AE108990" i="1"/>
  <c r="AE108991" i="1"/>
  <c r="AE108992" i="1"/>
  <c r="AE108993" i="1"/>
  <c r="AE108994" i="1"/>
  <c r="AE108995" i="1"/>
  <c r="AE108996" i="1"/>
  <c r="AE108997" i="1"/>
  <c r="AE108998" i="1"/>
  <c r="AE108999" i="1"/>
  <c r="AE109000" i="1"/>
  <c r="AE109001" i="1"/>
  <c r="AE109002" i="1"/>
  <c r="AE109003" i="1"/>
  <c r="AE109004" i="1"/>
  <c r="AE109005" i="1"/>
  <c r="AE109006" i="1"/>
  <c r="AE109007" i="1"/>
  <c r="AE109008" i="1"/>
  <c r="AE109009" i="1"/>
  <c r="AE109010" i="1"/>
  <c r="AE109011" i="1"/>
  <c r="AE109012" i="1"/>
  <c r="AE109013" i="1"/>
  <c r="AE109014" i="1"/>
  <c r="AE109015" i="1"/>
  <c r="AE109016" i="1"/>
  <c r="AE109017" i="1"/>
  <c r="AE109018" i="1"/>
  <c r="AE109019" i="1"/>
  <c r="AE109020" i="1"/>
  <c r="AE109021" i="1"/>
  <c r="AE109022" i="1"/>
  <c r="AE109023" i="1"/>
  <c r="AE109024" i="1"/>
  <c r="AE109025" i="1"/>
  <c r="AE109026" i="1"/>
  <c r="AE109027" i="1"/>
  <c r="AE109028" i="1"/>
  <c r="AE109029" i="1"/>
  <c r="AE109030" i="1"/>
  <c r="AE109031" i="1"/>
  <c r="AE109032" i="1"/>
  <c r="AE109033" i="1"/>
  <c r="AE109034" i="1"/>
  <c r="AE109035" i="1"/>
  <c r="AE109036" i="1"/>
  <c r="AE109037" i="1"/>
  <c r="AE109038" i="1"/>
  <c r="AE109039" i="1"/>
  <c r="AE109040" i="1"/>
  <c r="AE109041" i="1"/>
  <c r="AE109042" i="1"/>
  <c r="AE109043" i="1"/>
  <c r="AE109044" i="1"/>
  <c r="AE109045" i="1"/>
  <c r="AE109046" i="1"/>
  <c r="AE109047" i="1"/>
  <c r="AE109048" i="1"/>
  <c r="AE109049" i="1"/>
  <c r="AE109050" i="1"/>
  <c r="AE109051" i="1"/>
  <c r="AE109052" i="1"/>
  <c r="AE109053" i="1"/>
  <c r="AE109054" i="1"/>
  <c r="AE109055" i="1"/>
  <c r="AE109056" i="1"/>
  <c r="AE109057" i="1"/>
  <c r="AE109058" i="1"/>
  <c r="AE109059" i="1"/>
  <c r="AE109060" i="1"/>
  <c r="AE109061" i="1"/>
  <c r="AE109062" i="1"/>
  <c r="AE109063" i="1"/>
  <c r="AE109064" i="1"/>
  <c r="AE109065" i="1"/>
  <c r="AE109066" i="1"/>
  <c r="AE109067" i="1"/>
  <c r="AE109068" i="1"/>
  <c r="AE109069" i="1"/>
  <c r="AE109070" i="1"/>
  <c r="AE109071" i="1"/>
  <c r="AE109072" i="1"/>
  <c r="AE109073" i="1"/>
  <c r="AE109074" i="1"/>
  <c r="AE109075" i="1"/>
  <c r="AE109076" i="1"/>
  <c r="AE109077" i="1"/>
  <c r="AE109078" i="1"/>
  <c r="AE109079" i="1"/>
  <c r="AE109080" i="1"/>
  <c r="AE109081" i="1"/>
  <c r="AE109082" i="1"/>
  <c r="AE109083" i="1"/>
  <c r="AE109084" i="1"/>
  <c r="AE109085" i="1"/>
  <c r="AE109086" i="1"/>
  <c r="AE109087" i="1"/>
  <c r="AE109088" i="1"/>
  <c r="AE109089" i="1"/>
  <c r="AE109090" i="1"/>
  <c r="AE109091" i="1"/>
  <c r="AE109092" i="1"/>
  <c r="AE109093" i="1"/>
  <c r="AE109094" i="1"/>
  <c r="AE109095" i="1"/>
  <c r="AE109096" i="1"/>
  <c r="AE109097" i="1"/>
  <c r="AE109098" i="1"/>
  <c r="AE109099" i="1"/>
  <c r="AE109100" i="1"/>
  <c r="AE109101" i="1"/>
  <c r="AE109102" i="1"/>
  <c r="AE109103" i="1"/>
  <c r="AE109104" i="1"/>
  <c r="AE109105" i="1"/>
  <c r="AE109106" i="1"/>
  <c r="AE109107" i="1"/>
  <c r="AE109108" i="1"/>
  <c r="AE109109" i="1"/>
  <c r="AE109110" i="1"/>
  <c r="AE109111" i="1"/>
  <c r="AE109112" i="1"/>
  <c r="AE109113" i="1"/>
  <c r="AE109114" i="1"/>
  <c r="AE109115" i="1"/>
  <c r="AE109116" i="1"/>
  <c r="AE109117" i="1"/>
  <c r="AE109118" i="1"/>
  <c r="AE109119" i="1"/>
  <c r="AE109120" i="1"/>
  <c r="AE109121" i="1"/>
  <c r="AE109122" i="1"/>
  <c r="AE109123" i="1"/>
  <c r="AE109124" i="1"/>
  <c r="AE109125" i="1"/>
  <c r="AE109126" i="1"/>
  <c r="AE109127" i="1"/>
  <c r="AE109128" i="1"/>
  <c r="AE109129" i="1"/>
  <c r="AE109130" i="1"/>
  <c r="AE109131" i="1"/>
  <c r="AE109132" i="1"/>
  <c r="AE109133" i="1"/>
  <c r="AE109134" i="1"/>
  <c r="AE109135" i="1"/>
  <c r="AE109136" i="1"/>
  <c r="AE109137" i="1"/>
  <c r="AE109138" i="1"/>
  <c r="AE109139" i="1"/>
  <c r="AE109140" i="1"/>
  <c r="AE109141" i="1"/>
  <c r="AE109142" i="1"/>
  <c r="AE109143" i="1"/>
  <c r="AE109144" i="1"/>
  <c r="AE109145" i="1"/>
  <c r="AE109146" i="1"/>
  <c r="AE109147" i="1"/>
  <c r="AE109148" i="1"/>
  <c r="AE109149" i="1"/>
  <c r="AE109150" i="1"/>
  <c r="AE109151" i="1"/>
  <c r="AE109152" i="1"/>
  <c r="AE109153" i="1"/>
  <c r="AE109154" i="1"/>
  <c r="AE109155" i="1"/>
  <c r="AE109156" i="1"/>
  <c r="AE109157" i="1"/>
  <c r="AE109158" i="1"/>
  <c r="AE109159" i="1"/>
  <c r="AE109160" i="1"/>
  <c r="AE109161" i="1"/>
  <c r="AE109162" i="1"/>
  <c r="AE109163" i="1"/>
  <c r="AE109164" i="1"/>
  <c r="AE109165" i="1"/>
  <c r="AE109166" i="1"/>
  <c r="AE109167" i="1"/>
  <c r="AE109168" i="1"/>
  <c r="AE109169" i="1"/>
  <c r="AE109170" i="1"/>
  <c r="AE109171" i="1"/>
  <c r="AE109172" i="1"/>
  <c r="AE109173" i="1"/>
  <c r="AE109174" i="1"/>
  <c r="AE109175" i="1"/>
  <c r="AE109176" i="1"/>
  <c r="AE109177" i="1"/>
  <c r="AE109178" i="1"/>
  <c r="AE109179" i="1"/>
  <c r="AE109180" i="1"/>
  <c r="AE109181" i="1"/>
  <c r="AE109182" i="1"/>
  <c r="AE109183" i="1"/>
  <c r="AE109184" i="1"/>
  <c r="AE109185" i="1"/>
  <c r="AE109186" i="1"/>
  <c r="AE109187" i="1"/>
  <c r="AE109188" i="1"/>
  <c r="AE109189" i="1"/>
  <c r="AE109190" i="1"/>
  <c r="AE109191" i="1"/>
  <c r="AE109192" i="1"/>
  <c r="AE109193" i="1"/>
  <c r="AE109194" i="1"/>
  <c r="AE109195" i="1"/>
  <c r="AE109196" i="1"/>
  <c r="AE109197" i="1"/>
  <c r="AE109198" i="1"/>
  <c r="AE109199" i="1"/>
  <c r="AE109200" i="1"/>
  <c r="AE109201" i="1"/>
  <c r="AE109202" i="1"/>
  <c r="AE109203" i="1"/>
  <c r="AE109204" i="1"/>
  <c r="AE109205" i="1"/>
  <c r="AE109206" i="1"/>
  <c r="AE109207" i="1"/>
  <c r="AE109208" i="1"/>
  <c r="AE109209" i="1"/>
  <c r="AE109210" i="1"/>
  <c r="AE109211" i="1"/>
  <c r="AE109212" i="1"/>
  <c r="AE109213" i="1"/>
  <c r="AE109214" i="1"/>
  <c r="AE109215" i="1"/>
  <c r="AE109216" i="1"/>
  <c r="AE109217" i="1"/>
  <c r="AE109218" i="1"/>
  <c r="AE109219" i="1"/>
  <c r="AE109220" i="1"/>
  <c r="AE109221" i="1"/>
  <c r="AE109222" i="1"/>
  <c r="AE109223" i="1"/>
  <c r="AE109224" i="1"/>
  <c r="AE109225" i="1"/>
  <c r="AE109226" i="1"/>
  <c r="AE109227" i="1"/>
  <c r="AE109228" i="1"/>
  <c r="AE109229" i="1"/>
  <c r="AE109230" i="1"/>
  <c r="AE109231" i="1"/>
  <c r="AE109232" i="1"/>
  <c r="AE109233" i="1"/>
  <c r="AE109234" i="1"/>
  <c r="AE109235" i="1"/>
  <c r="AE109236" i="1"/>
  <c r="AE109237" i="1"/>
  <c r="AE109238" i="1"/>
  <c r="AE109239" i="1"/>
  <c r="AE109240" i="1"/>
  <c r="AE109241" i="1"/>
  <c r="AE109242" i="1"/>
  <c r="AE109243" i="1"/>
  <c r="AE109244" i="1"/>
  <c r="AE109245" i="1"/>
  <c r="AE109246" i="1"/>
  <c r="AE109247" i="1"/>
  <c r="AE109248" i="1"/>
  <c r="AE109249" i="1"/>
  <c r="AE109250" i="1"/>
  <c r="AE109251" i="1"/>
  <c r="AE109252" i="1"/>
  <c r="AE109253" i="1"/>
  <c r="AE109254" i="1"/>
  <c r="AE109255" i="1"/>
  <c r="AE109256" i="1"/>
  <c r="AE109257" i="1"/>
  <c r="AE109258" i="1"/>
  <c r="AE109259" i="1"/>
  <c r="AE109260" i="1"/>
  <c r="AE109261" i="1"/>
  <c r="AE109262" i="1"/>
  <c r="AE109263" i="1"/>
  <c r="AE109264" i="1"/>
  <c r="AE109265" i="1"/>
  <c r="AE109266" i="1"/>
  <c r="AE109267" i="1"/>
  <c r="AE109268" i="1"/>
  <c r="AE109269" i="1"/>
  <c r="AE109270" i="1"/>
  <c r="AE109271" i="1"/>
  <c r="AE109272" i="1"/>
  <c r="AE109273" i="1"/>
  <c r="AE109274" i="1"/>
  <c r="AE109275" i="1"/>
  <c r="AE109276" i="1"/>
  <c r="AE109277" i="1"/>
  <c r="AE109278" i="1"/>
  <c r="AE109279" i="1"/>
  <c r="AE109280" i="1"/>
  <c r="AE109281" i="1"/>
  <c r="AE109282" i="1"/>
  <c r="AE109283" i="1"/>
  <c r="AE109284" i="1"/>
  <c r="AE109285" i="1"/>
  <c r="AE109286" i="1"/>
  <c r="AE109287" i="1"/>
  <c r="AE109288" i="1"/>
  <c r="AE109289" i="1"/>
  <c r="AE109290" i="1"/>
  <c r="AE109291" i="1"/>
  <c r="AE109292" i="1"/>
  <c r="AE109293" i="1"/>
  <c r="AE109294" i="1"/>
  <c r="AE109295" i="1"/>
  <c r="AE109296" i="1"/>
  <c r="AE109297" i="1"/>
  <c r="AE109298" i="1"/>
  <c r="AE109299" i="1"/>
  <c r="AE109300" i="1"/>
  <c r="AE109301" i="1"/>
  <c r="AE109302" i="1"/>
  <c r="AE109303" i="1"/>
  <c r="AE109304" i="1"/>
  <c r="AE109305" i="1"/>
  <c r="AE109306" i="1"/>
  <c r="AE109307" i="1"/>
  <c r="AE109308" i="1"/>
  <c r="AE109309" i="1"/>
  <c r="AE109310" i="1"/>
  <c r="AE109311" i="1"/>
  <c r="AE109312" i="1"/>
  <c r="AE109313" i="1"/>
  <c r="AE109314" i="1"/>
  <c r="AE109315" i="1"/>
  <c r="AE109316" i="1"/>
  <c r="AE109317" i="1"/>
  <c r="AE109318" i="1"/>
  <c r="AE109319" i="1"/>
  <c r="AE109320" i="1"/>
  <c r="AE109321" i="1"/>
  <c r="AE109322" i="1"/>
  <c r="AE109323" i="1"/>
  <c r="AE109324" i="1"/>
  <c r="AE109325" i="1"/>
  <c r="AE109326" i="1"/>
  <c r="AE109327" i="1"/>
  <c r="AE109328" i="1"/>
  <c r="AE109329" i="1"/>
  <c r="AE109330" i="1"/>
  <c r="AE109331" i="1"/>
  <c r="AE109332" i="1"/>
  <c r="AE109333" i="1"/>
  <c r="AE109334" i="1"/>
  <c r="AE109335" i="1"/>
  <c r="AE109336" i="1"/>
  <c r="AE109337" i="1"/>
  <c r="AE109338" i="1"/>
  <c r="AE109339" i="1"/>
  <c r="AE109340" i="1"/>
  <c r="AE109341" i="1"/>
  <c r="AE109342" i="1"/>
  <c r="AE109343" i="1"/>
  <c r="AE109344" i="1"/>
  <c r="AE109345" i="1"/>
  <c r="AE109346" i="1"/>
  <c r="AE109347" i="1"/>
  <c r="AE109348" i="1"/>
  <c r="AE109349" i="1"/>
  <c r="AE109350" i="1"/>
  <c r="AE109351" i="1"/>
  <c r="AE109352" i="1"/>
  <c r="AE109353" i="1"/>
  <c r="AE109354" i="1"/>
  <c r="AE109355" i="1"/>
  <c r="AE109356" i="1"/>
  <c r="AE109357" i="1"/>
  <c r="AE109358" i="1"/>
  <c r="AE109359" i="1"/>
  <c r="AE109360" i="1"/>
  <c r="AE109361" i="1"/>
  <c r="AE109362" i="1"/>
  <c r="AE109363" i="1"/>
  <c r="AE109364" i="1"/>
  <c r="AE109365" i="1"/>
  <c r="AE109366" i="1"/>
  <c r="AE109367" i="1"/>
  <c r="AE109368" i="1"/>
  <c r="AE109369" i="1"/>
  <c r="AE109370" i="1"/>
  <c r="AE109371" i="1"/>
  <c r="AE109372" i="1"/>
  <c r="AE109373" i="1"/>
  <c r="AE109374" i="1"/>
  <c r="AE109375" i="1"/>
  <c r="AE109376" i="1"/>
  <c r="AE109377" i="1"/>
  <c r="AE109378" i="1"/>
  <c r="AE109379" i="1"/>
  <c r="AE109380" i="1"/>
  <c r="AE109381" i="1"/>
  <c r="AE109382" i="1"/>
  <c r="AE109383" i="1"/>
  <c r="AE109384" i="1"/>
  <c r="AE109385" i="1"/>
  <c r="AE109386" i="1"/>
  <c r="AE109387" i="1"/>
  <c r="AE109388" i="1"/>
  <c r="AE109389" i="1"/>
  <c r="AE109390" i="1"/>
  <c r="AE109391" i="1"/>
  <c r="AE109392" i="1"/>
  <c r="AE109393" i="1"/>
  <c r="AE109394" i="1"/>
  <c r="AE109395" i="1"/>
  <c r="AE109396" i="1"/>
  <c r="AE109397" i="1"/>
  <c r="AE109398" i="1"/>
  <c r="AE109399" i="1"/>
  <c r="AE109400" i="1"/>
  <c r="AE109401" i="1"/>
  <c r="AE109402" i="1"/>
  <c r="AE109403" i="1"/>
  <c r="AE109404" i="1"/>
  <c r="AE109405" i="1"/>
  <c r="AE109406" i="1"/>
  <c r="AE109407" i="1"/>
  <c r="AE109408" i="1"/>
  <c r="AE109409" i="1"/>
  <c r="AE109410" i="1"/>
  <c r="AE109411" i="1"/>
  <c r="AE109412" i="1"/>
  <c r="AE109413" i="1"/>
  <c r="AE109414" i="1"/>
  <c r="AE109415" i="1"/>
  <c r="AE109416" i="1"/>
  <c r="AE109417" i="1"/>
  <c r="AE109418" i="1"/>
  <c r="AE109419" i="1"/>
  <c r="AE109420" i="1"/>
  <c r="AE109421" i="1"/>
  <c r="AE109422" i="1"/>
  <c r="AE109423" i="1"/>
  <c r="AE109424" i="1"/>
  <c r="AE109425" i="1"/>
  <c r="AE109426" i="1"/>
  <c r="AE109427" i="1"/>
  <c r="AE109428" i="1"/>
  <c r="AE109429" i="1"/>
  <c r="AE109430" i="1"/>
  <c r="AE109431" i="1"/>
  <c r="AE109432" i="1"/>
  <c r="AE109433" i="1"/>
  <c r="AE109434" i="1"/>
  <c r="AE109435" i="1"/>
  <c r="AE109436" i="1"/>
  <c r="AE109437" i="1"/>
  <c r="AE109438" i="1"/>
  <c r="AE109439" i="1"/>
  <c r="AE109440" i="1"/>
  <c r="AE109441" i="1"/>
  <c r="AE109442" i="1"/>
  <c r="AE109443" i="1"/>
  <c r="AE109444" i="1"/>
  <c r="AE109445" i="1"/>
  <c r="AE109446" i="1"/>
  <c r="AE109447" i="1"/>
  <c r="AE109448" i="1"/>
  <c r="AE109449" i="1"/>
  <c r="AE109450" i="1"/>
  <c r="AE109451" i="1"/>
  <c r="AE109452" i="1"/>
  <c r="AE109453" i="1"/>
  <c r="AE109454" i="1"/>
  <c r="AE109455" i="1"/>
  <c r="AE109456" i="1"/>
  <c r="AE109457" i="1"/>
  <c r="AE109458" i="1"/>
  <c r="AE109459" i="1"/>
  <c r="AE109460" i="1"/>
  <c r="AE109461" i="1"/>
  <c r="AE109462" i="1"/>
  <c r="AE109463" i="1"/>
  <c r="AE109464" i="1"/>
  <c r="AE109465" i="1"/>
  <c r="AE109466" i="1"/>
  <c r="AE109467" i="1"/>
  <c r="AE109468" i="1"/>
  <c r="AE109469" i="1"/>
  <c r="AE109470" i="1"/>
  <c r="AE109471" i="1"/>
  <c r="AE109472" i="1"/>
  <c r="AE109473" i="1"/>
  <c r="AE109474" i="1"/>
  <c r="AE109475" i="1"/>
  <c r="AE109476" i="1"/>
  <c r="AE109477" i="1"/>
  <c r="AE109478" i="1"/>
  <c r="AE109479" i="1"/>
  <c r="AE109480" i="1"/>
  <c r="AE109481" i="1"/>
  <c r="AE109482" i="1"/>
  <c r="AE109483" i="1"/>
  <c r="AE109484" i="1"/>
  <c r="AE109485" i="1"/>
  <c r="AE109486" i="1"/>
  <c r="AE109487" i="1"/>
  <c r="AE109488" i="1"/>
  <c r="AE109489" i="1"/>
  <c r="AE109490" i="1"/>
  <c r="AE109491" i="1"/>
  <c r="AE109492" i="1"/>
  <c r="AE109493" i="1"/>
  <c r="AE109494" i="1"/>
  <c r="AE109495" i="1"/>
  <c r="AE109496" i="1"/>
  <c r="AE109497" i="1"/>
  <c r="AE109498" i="1"/>
  <c r="AE109499" i="1"/>
  <c r="AE109500" i="1"/>
  <c r="AE109501" i="1"/>
  <c r="AE109502" i="1"/>
  <c r="AE109503" i="1"/>
  <c r="AE109504" i="1"/>
  <c r="AE109505" i="1"/>
  <c r="AE109506" i="1"/>
  <c r="AE109507" i="1"/>
  <c r="AE109508" i="1"/>
  <c r="AE109509" i="1"/>
  <c r="AE109510" i="1"/>
  <c r="AE109511" i="1"/>
  <c r="AE109512" i="1"/>
  <c r="AE109513" i="1"/>
  <c r="AE109514" i="1"/>
  <c r="AE109515" i="1"/>
  <c r="AE109516" i="1"/>
  <c r="AE109517" i="1"/>
  <c r="AE109518" i="1"/>
  <c r="AE109519" i="1"/>
  <c r="AE109520" i="1"/>
  <c r="AE109521" i="1"/>
  <c r="AE109522" i="1"/>
  <c r="AE109523" i="1"/>
  <c r="AE109524" i="1"/>
  <c r="AE109525" i="1"/>
  <c r="AE109526" i="1"/>
  <c r="AE109527" i="1"/>
  <c r="AE109528" i="1"/>
  <c r="AE109529" i="1"/>
  <c r="AE109530" i="1"/>
  <c r="AE109531" i="1"/>
  <c r="AE109532" i="1"/>
  <c r="AE109533" i="1"/>
  <c r="AE109534" i="1"/>
  <c r="AE109535" i="1"/>
  <c r="AE109536" i="1"/>
  <c r="AE109537" i="1"/>
  <c r="AE109538" i="1"/>
  <c r="AE109539" i="1"/>
  <c r="AE109540" i="1"/>
  <c r="AE109541" i="1"/>
  <c r="AE109542" i="1"/>
  <c r="AE109543" i="1"/>
  <c r="AE109544" i="1"/>
  <c r="AE109545" i="1"/>
  <c r="AE109546" i="1"/>
  <c r="AE109547" i="1"/>
  <c r="AE109548" i="1"/>
  <c r="AE109549" i="1"/>
  <c r="AE109550" i="1"/>
  <c r="AE109551" i="1"/>
  <c r="AE109552" i="1"/>
  <c r="AE109553" i="1"/>
  <c r="AE109554" i="1"/>
  <c r="AE109555" i="1"/>
  <c r="AE109556" i="1"/>
  <c r="AE109557" i="1"/>
  <c r="AE109558" i="1"/>
  <c r="AE109559" i="1"/>
  <c r="AE109560" i="1"/>
  <c r="AE109561" i="1"/>
  <c r="AE109562" i="1"/>
  <c r="AE109563" i="1"/>
  <c r="AE109564" i="1"/>
  <c r="AE109565" i="1"/>
  <c r="AE109566" i="1"/>
  <c r="AE109567" i="1"/>
  <c r="AE109568" i="1"/>
  <c r="AE109569" i="1"/>
  <c r="AE109570" i="1"/>
  <c r="AE109571" i="1"/>
  <c r="AE109572" i="1"/>
  <c r="AE109573" i="1"/>
  <c r="AE109574" i="1"/>
  <c r="AE109575" i="1"/>
  <c r="AE109576" i="1"/>
  <c r="AE109577" i="1"/>
  <c r="AE109578" i="1"/>
  <c r="AE109579" i="1"/>
  <c r="AE109580" i="1"/>
  <c r="AE109581" i="1"/>
  <c r="AE109582" i="1"/>
  <c r="AE109583" i="1"/>
  <c r="AE109584" i="1"/>
  <c r="AE109585" i="1"/>
  <c r="AE109586" i="1"/>
  <c r="AE109587" i="1"/>
  <c r="AE109588" i="1"/>
  <c r="AE109589" i="1"/>
  <c r="AE109590" i="1"/>
  <c r="AE109591" i="1"/>
  <c r="AE109592" i="1"/>
  <c r="AE109593" i="1"/>
  <c r="AE109594" i="1"/>
  <c r="AE109595" i="1"/>
  <c r="AE109596" i="1"/>
  <c r="AE109597" i="1"/>
  <c r="AE109598" i="1"/>
  <c r="AE109599" i="1"/>
  <c r="AE109600" i="1"/>
  <c r="AE109601" i="1"/>
  <c r="AE109602" i="1"/>
  <c r="AE109603" i="1"/>
  <c r="AE109604" i="1"/>
  <c r="AE109605" i="1"/>
  <c r="AE109606" i="1"/>
  <c r="AE109607" i="1"/>
  <c r="AE109608" i="1"/>
  <c r="AE109609" i="1"/>
  <c r="AE109610" i="1"/>
  <c r="AE109611" i="1"/>
  <c r="AE109612" i="1"/>
  <c r="AE109613" i="1"/>
  <c r="AE109614" i="1"/>
  <c r="AE109615" i="1"/>
  <c r="AE109616" i="1"/>
  <c r="AE109617" i="1"/>
  <c r="AE109618" i="1"/>
  <c r="AE109619" i="1"/>
  <c r="AE109620" i="1"/>
  <c r="AE109621" i="1"/>
  <c r="AE109622" i="1"/>
  <c r="AE109623" i="1"/>
  <c r="AE109624" i="1"/>
  <c r="AE109625" i="1"/>
  <c r="AE109626" i="1"/>
  <c r="AE109627" i="1"/>
  <c r="AE109628" i="1"/>
  <c r="AE109629" i="1"/>
  <c r="AE109630" i="1"/>
  <c r="AE109631" i="1"/>
  <c r="AE109632" i="1"/>
  <c r="AE109633" i="1"/>
  <c r="AE109634" i="1"/>
  <c r="AE109635" i="1"/>
  <c r="AE109636" i="1"/>
  <c r="AE109637" i="1"/>
  <c r="AE109638" i="1"/>
  <c r="AE109639" i="1"/>
  <c r="AE109640" i="1"/>
  <c r="AE109641" i="1"/>
  <c r="AE109642" i="1"/>
  <c r="AE109643" i="1"/>
  <c r="AE109644" i="1"/>
  <c r="AE109645" i="1"/>
  <c r="AE109646" i="1"/>
  <c r="AE109647" i="1"/>
  <c r="AE109648" i="1"/>
  <c r="AE109649" i="1"/>
  <c r="AE109650" i="1"/>
  <c r="AE109651" i="1"/>
  <c r="AE109652" i="1"/>
  <c r="AE109653" i="1"/>
  <c r="AE109654" i="1"/>
  <c r="AE109655" i="1"/>
  <c r="AE109656" i="1"/>
  <c r="AE109657" i="1"/>
  <c r="AE109658" i="1"/>
  <c r="AE109659" i="1"/>
  <c r="AE109660" i="1"/>
  <c r="AE109661" i="1"/>
  <c r="AE109662" i="1"/>
  <c r="AE109663" i="1"/>
  <c r="AE109664" i="1"/>
  <c r="AE109665" i="1"/>
  <c r="AE109666" i="1"/>
  <c r="AE109667" i="1"/>
  <c r="AE109668" i="1"/>
  <c r="AE109669" i="1"/>
  <c r="AE109670" i="1"/>
  <c r="AE109671" i="1"/>
  <c r="AE109672" i="1"/>
  <c r="AE109673" i="1"/>
  <c r="AE109674" i="1"/>
  <c r="AE109675" i="1"/>
  <c r="AE109676" i="1"/>
  <c r="AE109677" i="1"/>
  <c r="AE109678" i="1"/>
  <c r="AE109679" i="1"/>
  <c r="AE109680" i="1"/>
  <c r="AE109681" i="1"/>
  <c r="AE109682" i="1"/>
  <c r="AE109683" i="1"/>
  <c r="AE109684" i="1"/>
  <c r="AE109685" i="1"/>
  <c r="AE109686" i="1"/>
  <c r="AE109687" i="1"/>
  <c r="AE109688" i="1"/>
  <c r="AE109689" i="1"/>
  <c r="AE109690" i="1"/>
  <c r="AE109691" i="1"/>
  <c r="AE109692" i="1"/>
  <c r="AE109693" i="1"/>
  <c r="AE109694" i="1"/>
  <c r="AE109695" i="1"/>
  <c r="AE109696" i="1"/>
  <c r="AE109697" i="1"/>
  <c r="AE109698" i="1"/>
  <c r="AE109699" i="1"/>
  <c r="AE109700" i="1"/>
  <c r="AE109701" i="1"/>
  <c r="AE109702" i="1"/>
  <c r="AE109703" i="1"/>
  <c r="AE109704" i="1"/>
  <c r="AE109705" i="1"/>
  <c r="AE109706" i="1"/>
  <c r="AE109707" i="1"/>
  <c r="AE109708" i="1"/>
  <c r="AE109709" i="1"/>
  <c r="AE109710" i="1"/>
  <c r="AE109711" i="1"/>
  <c r="AE109712" i="1"/>
  <c r="AE109713" i="1"/>
  <c r="AE109714" i="1"/>
  <c r="AE109715" i="1"/>
  <c r="AE109716" i="1"/>
  <c r="AE109717" i="1"/>
  <c r="AE109718" i="1"/>
  <c r="AE109719" i="1"/>
  <c r="AE109720" i="1"/>
  <c r="AE109721" i="1"/>
  <c r="AE109722" i="1"/>
  <c r="AE109723" i="1"/>
  <c r="AE109724" i="1"/>
  <c r="AE109725" i="1"/>
  <c r="AE109726" i="1"/>
  <c r="AE109727" i="1"/>
  <c r="AE109728" i="1"/>
  <c r="AE109729" i="1"/>
  <c r="AE109730" i="1"/>
  <c r="AE109731" i="1"/>
  <c r="AE109732" i="1"/>
  <c r="AE109733" i="1"/>
  <c r="AE109734" i="1"/>
  <c r="AE109735" i="1"/>
  <c r="AE109736" i="1"/>
  <c r="AE109737" i="1"/>
  <c r="AE109738" i="1"/>
  <c r="AE109739" i="1"/>
  <c r="AE109740" i="1"/>
  <c r="AE109741" i="1"/>
  <c r="AE109742" i="1"/>
  <c r="AE109743" i="1"/>
  <c r="AE109744" i="1"/>
  <c r="AE109745" i="1"/>
  <c r="AE109746" i="1"/>
  <c r="AE109747" i="1"/>
  <c r="AE109748" i="1"/>
  <c r="AE109749" i="1"/>
  <c r="AE109750" i="1"/>
  <c r="AE109751" i="1"/>
  <c r="AE109752" i="1"/>
  <c r="AE109753" i="1"/>
  <c r="AE109754" i="1"/>
  <c r="AE109755" i="1"/>
  <c r="AE109756" i="1"/>
  <c r="AE109757" i="1"/>
  <c r="AE109758" i="1"/>
  <c r="AE109759" i="1"/>
  <c r="AE109760" i="1"/>
  <c r="AE109761" i="1"/>
  <c r="AE109762" i="1"/>
  <c r="AE109763" i="1"/>
  <c r="AE109764" i="1"/>
  <c r="AE109765" i="1"/>
  <c r="AE109766" i="1"/>
  <c r="AE109767" i="1"/>
  <c r="AE109768" i="1"/>
  <c r="AE109769" i="1"/>
  <c r="AE109770" i="1"/>
  <c r="AE109771" i="1"/>
  <c r="AE109772" i="1"/>
  <c r="AE109773" i="1"/>
  <c r="AE109774" i="1"/>
  <c r="AE109775" i="1"/>
  <c r="AE109776" i="1"/>
  <c r="AE109777" i="1"/>
  <c r="AE109778" i="1"/>
  <c r="AE109779" i="1"/>
  <c r="AE109780" i="1"/>
  <c r="AE109781" i="1"/>
  <c r="AE109782" i="1"/>
  <c r="AE109783" i="1"/>
  <c r="AE109784" i="1"/>
  <c r="AE109785" i="1"/>
  <c r="AE109786" i="1"/>
  <c r="AE109787" i="1"/>
  <c r="AE109788" i="1"/>
  <c r="AE109789" i="1"/>
  <c r="AE109790" i="1"/>
  <c r="AE109791" i="1"/>
  <c r="AE109792" i="1"/>
  <c r="AE109793" i="1"/>
  <c r="AE109794" i="1"/>
  <c r="AE109795" i="1"/>
  <c r="AE109796" i="1"/>
  <c r="AE109797" i="1"/>
  <c r="AE109798" i="1"/>
  <c r="AE109799" i="1"/>
  <c r="AE109800" i="1"/>
  <c r="AE109801" i="1"/>
  <c r="AE109802" i="1"/>
  <c r="AE109803" i="1"/>
  <c r="AE109804" i="1"/>
  <c r="AE109805" i="1"/>
  <c r="AE109806" i="1"/>
  <c r="AE109807" i="1"/>
  <c r="AE109808" i="1"/>
  <c r="AE109809" i="1"/>
  <c r="AE109810" i="1"/>
  <c r="AE109811" i="1"/>
  <c r="AE109812" i="1"/>
  <c r="AE109813" i="1"/>
  <c r="AE109814" i="1"/>
  <c r="AE109815" i="1"/>
  <c r="AE109816" i="1"/>
  <c r="AE109817" i="1"/>
  <c r="AE109818" i="1"/>
  <c r="AE109819" i="1"/>
  <c r="AE109820" i="1"/>
  <c r="AE109821" i="1"/>
  <c r="AE109822" i="1"/>
  <c r="AE109823" i="1"/>
  <c r="AE109824" i="1"/>
  <c r="AE109825" i="1"/>
  <c r="AE109826" i="1"/>
  <c r="AE109827" i="1"/>
  <c r="AE109828" i="1"/>
  <c r="AE109829" i="1"/>
  <c r="AE109830" i="1"/>
  <c r="AE109831" i="1"/>
  <c r="AE109832" i="1"/>
  <c r="AE109833" i="1"/>
  <c r="AE109834" i="1"/>
  <c r="AE109835" i="1"/>
  <c r="AE109836" i="1"/>
  <c r="AE109837" i="1"/>
  <c r="AE109838" i="1"/>
  <c r="AE109839" i="1"/>
  <c r="AE109840" i="1"/>
  <c r="AE109841" i="1"/>
  <c r="AE109842" i="1"/>
  <c r="AE109843" i="1"/>
  <c r="AE109844" i="1"/>
  <c r="AE109845" i="1"/>
  <c r="AE109846" i="1"/>
  <c r="AE109847" i="1"/>
  <c r="AE109848" i="1"/>
  <c r="AE109849" i="1"/>
  <c r="AE109850" i="1"/>
  <c r="AE109851" i="1"/>
  <c r="AE109852" i="1"/>
  <c r="AE109853" i="1"/>
  <c r="AE109854" i="1"/>
  <c r="AE109855" i="1"/>
  <c r="AE109856" i="1"/>
  <c r="AE109857" i="1"/>
  <c r="AE109858" i="1"/>
  <c r="AE109859" i="1"/>
  <c r="AE109860" i="1"/>
  <c r="AE109861" i="1"/>
  <c r="AE109862" i="1"/>
  <c r="AE109863" i="1"/>
  <c r="AE109864" i="1"/>
  <c r="AE109865" i="1"/>
  <c r="AE109866" i="1"/>
  <c r="AE109867" i="1"/>
  <c r="AE109868" i="1"/>
  <c r="AE109869" i="1"/>
  <c r="AE109870" i="1"/>
  <c r="AE109871" i="1"/>
  <c r="AE109872" i="1"/>
  <c r="AE109873" i="1"/>
  <c r="AE109874" i="1"/>
  <c r="AE109875" i="1"/>
  <c r="AE109876" i="1"/>
  <c r="AE109877" i="1"/>
  <c r="AE109878" i="1"/>
  <c r="AE109879" i="1"/>
  <c r="AE109880" i="1"/>
  <c r="AE109881" i="1"/>
  <c r="AE109882" i="1"/>
  <c r="AE109883" i="1"/>
  <c r="AE109884" i="1"/>
  <c r="AE109885" i="1"/>
  <c r="AE109886" i="1"/>
  <c r="AE109887" i="1"/>
  <c r="AE109888" i="1"/>
  <c r="AE109889" i="1"/>
  <c r="AE109890" i="1"/>
  <c r="AE109891" i="1"/>
  <c r="AE109892" i="1"/>
  <c r="AE109893" i="1"/>
  <c r="AE109894" i="1"/>
  <c r="AE109895" i="1"/>
  <c r="AE109896" i="1"/>
  <c r="AE109897" i="1"/>
  <c r="AE109898" i="1"/>
  <c r="AE109899" i="1"/>
  <c r="AE109900" i="1"/>
  <c r="AE109901" i="1"/>
  <c r="AE109902" i="1"/>
  <c r="AE109903" i="1"/>
  <c r="AE109904" i="1"/>
  <c r="AE109905" i="1"/>
  <c r="AE109906" i="1"/>
  <c r="AE109907" i="1"/>
  <c r="AE109908" i="1"/>
  <c r="AE109909" i="1"/>
  <c r="AE109910" i="1"/>
  <c r="AE109911" i="1"/>
  <c r="AE109912" i="1"/>
  <c r="AE109913" i="1"/>
  <c r="AE109914" i="1"/>
  <c r="AE109915" i="1"/>
  <c r="AE109916" i="1"/>
  <c r="AE109917" i="1"/>
  <c r="AE109918" i="1"/>
  <c r="AE109919" i="1"/>
  <c r="AE109920" i="1"/>
  <c r="AE109921" i="1"/>
  <c r="AE109922" i="1"/>
  <c r="AE109923" i="1"/>
  <c r="AE109924" i="1"/>
  <c r="AE109925" i="1"/>
  <c r="AE109926" i="1"/>
  <c r="AE109927" i="1"/>
  <c r="AE109928" i="1"/>
  <c r="AE109929" i="1"/>
  <c r="AE109930" i="1"/>
  <c r="AE109931" i="1"/>
  <c r="AE109932" i="1"/>
  <c r="AE109933" i="1"/>
  <c r="AE109934" i="1"/>
  <c r="AE109935" i="1"/>
  <c r="AE109936" i="1"/>
  <c r="AE109937" i="1"/>
  <c r="AE109938" i="1"/>
  <c r="AE109939" i="1"/>
  <c r="AE109940" i="1"/>
  <c r="AE109941" i="1"/>
  <c r="AE109942" i="1"/>
  <c r="AE109943" i="1"/>
  <c r="AE109944" i="1"/>
  <c r="AE109945" i="1"/>
  <c r="AE109946" i="1"/>
  <c r="AE109947" i="1"/>
  <c r="AE109948" i="1"/>
  <c r="AE109949" i="1"/>
  <c r="AE109950" i="1"/>
  <c r="AE109951" i="1"/>
  <c r="AE109952" i="1"/>
  <c r="AE109953" i="1"/>
  <c r="AE109954" i="1"/>
  <c r="AE109955" i="1"/>
  <c r="AE109956" i="1"/>
  <c r="AE109957" i="1"/>
  <c r="AE109958" i="1"/>
  <c r="AE109959" i="1"/>
  <c r="AE109960" i="1"/>
  <c r="AE109961" i="1"/>
  <c r="AE109962" i="1"/>
  <c r="AE109963" i="1"/>
  <c r="AE109964" i="1"/>
  <c r="AE109965" i="1"/>
  <c r="AE109966" i="1"/>
  <c r="AE109967" i="1"/>
  <c r="AE109968" i="1"/>
  <c r="AE109969" i="1"/>
  <c r="AE109970" i="1"/>
  <c r="AE109971" i="1"/>
  <c r="AE109972" i="1"/>
  <c r="AE109973" i="1"/>
  <c r="AE109974" i="1"/>
  <c r="AE109975" i="1"/>
  <c r="AE109976" i="1"/>
  <c r="AE109977" i="1"/>
  <c r="AE109978" i="1"/>
  <c r="AE109979" i="1"/>
  <c r="AE109980" i="1"/>
  <c r="AE109981" i="1"/>
  <c r="AE109982" i="1"/>
  <c r="AE109983" i="1"/>
  <c r="AE109984" i="1"/>
  <c r="AE109985" i="1"/>
  <c r="AE109986" i="1"/>
  <c r="AE109987" i="1"/>
  <c r="AE109988" i="1"/>
  <c r="AE109989" i="1"/>
  <c r="AE109990" i="1"/>
  <c r="AE109991" i="1"/>
  <c r="AE109992" i="1"/>
  <c r="AE109993" i="1"/>
  <c r="AE109994" i="1"/>
  <c r="AE109995" i="1"/>
  <c r="AE109996" i="1"/>
  <c r="AE109997" i="1"/>
  <c r="AE109998" i="1"/>
  <c r="AE109999" i="1"/>
  <c r="AE110000" i="1"/>
  <c r="AE110001" i="1"/>
  <c r="AE110002" i="1"/>
  <c r="AE110003" i="1"/>
  <c r="AE110004" i="1"/>
  <c r="AE110005" i="1"/>
  <c r="AE110006" i="1"/>
  <c r="AE110007" i="1"/>
  <c r="AE110008" i="1"/>
  <c r="AE110009" i="1"/>
  <c r="AE110010" i="1"/>
  <c r="AE110011" i="1"/>
  <c r="AE110012" i="1"/>
  <c r="AE110013" i="1"/>
  <c r="AE110014" i="1"/>
  <c r="AE110015" i="1"/>
  <c r="AE110016" i="1"/>
  <c r="AE110017" i="1"/>
  <c r="AE110018" i="1"/>
  <c r="AE110019" i="1"/>
  <c r="AE110020" i="1"/>
  <c r="AE110021" i="1"/>
  <c r="AE110022" i="1"/>
  <c r="AE110023" i="1"/>
  <c r="AE110024" i="1"/>
  <c r="AE110025" i="1"/>
  <c r="AE110026" i="1"/>
  <c r="AE110027" i="1"/>
  <c r="AE110028" i="1"/>
  <c r="AE110029" i="1"/>
  <c r="AE110030" i="1"/>
  <c r="AE110031" i="1"/>
  <c r="AE110032" i="1"/>
  <c r="AE110033" i="1"/>
  <c r="AE110034" i="1"/>
  <c r="AE110035" i="1"/>
  <c r="AE110036" i="1"/>
  <c r="AE110037" i="1"/>
  <c r="AE110038" i="1"/>
  <c r="AE110039" i="1"/>
  <c r="AE110040" i="1"/>
  <c r="AE110041" i="1"/>
  <c r="AE110042" i="1"/>
  <c r="AE110043" i="1"/>
  <c r="AE110044" i="1"/>
  <c r="AE110045" i="1"/>
  <c r="AE110046" i="1"/>
  <c r="AE110047" i="1"/>
  <c r="AE110048" i="1"/>
  <c r="AE110049" i="1"/>
  <c r="AE110050" i="1"/>
  <c r="AE110051" i="1"/>
  <c r="AE110052" i="1"/>
  <c r="AE110053" i="1"/>
  <c r="AE110054" i="1"/>
  <c r="AE110055" i="1"/>
  <c r="AE110056" i="1"/>
  <c r="AE110057" i="1"/>
  <c r="AE110058" i="1"/>
  <c r="AE110059" i="1"/>
  <c r="AE110060" i="1"/>
  <c r="AE110061" i="1"/>
  <c r="AE110062" i="1"/>
  <c r="AE110063" i="1"/>
  <c r="AE110064" i="1"/>
  <c r="AE110065" i="1"/>
  <c r="AE110066" i="1"/>
  <c r="AE110067" i="1"/>
  <c r="AE110068" i="1"/>
  <c r="AE110069" i="1"/>
  <c r="AE110070" i="1"/>
  <c r="AE110071" i="1"/>
  <c r="AE110072" i="1"/>
  <c r="AE110073" i="1"/>
  <c r="AE110074" i="1"/>
  <c r="AE110075" i="1"/>
  <c r="AE110076" i="1"/>
  <c r="AE110077" i="1"/>
  <c r="AE110078" i="1"/>
  <c r="AE110079" i="1"/>
  <c r="AE110080" i="1"/>
  <c r="AE110081" i="1"/>
  <c r="AE110082" i="1"/>
  <c r="AE110083" i="1"/>
  <c r="AE110084" i="1"/>
  <c r="AE110085" i="1"/>
  <c r="AE110086" i="1"/>
  <c r="AE110087" i="1"/>
  <c r="AE110088" i="1"/>
  <c r="AE110089" i="1"/>
  <c r="AE110090" i="1"/>
  <c r="AE110091" i="1"/>
  <c r="AE110092" i="1"/>
  <c r="AE110093" i="1"/>
  <c r="AE110094" i="1"/>
  <c r="AE110095" i="1"/>
  <c r="AE110096" i="1"/>
  <c r="AE110097" i="1"/>
  <c r="AE110098" i="1"/>
  <c r="AE110099" i="1"/>
  <c r="AE110100" i="1"/>
  <c r="AE110101" i="1"/>
  <c r="AE110102" i="1"/>
  <c r="AE110103" i="1"/>
  <c r="AE110104" i="1"/>
  <c r="AE110105" i="1"/>
  <c r="AE110106" i="1"/>
  <c r="AE110107" i="1"/>
  <c r="AE110108" i="1"/>
  <c r="AE110109" i="1"/>
  <c r="AE110110" i="1"/>
  <c r="AE110111" i="1"/>
  <c r="AE110112" i="1"/>
  <c r="AE110113" i="1"/>
  <c r="AE110114" i="1"/>
  <c r="AE110115" i="1"/>
  <c r="AE110116" i="1"/>
  <c r="AE110117" i="1"/>
  <c r="AE110118" i="1"/>
  <c r="AE110119" i="1"/>
  <c r="AE110120" i="1"/>
  <c r="AE110121" i="1"/>
  <c r="AE110122" i="1"/>
  <c r="AE110123" i="1"/>
  <c r="AE110124" i="1"/>
  <c r="AE110125" i="1"/>
  <c r="AE110126" i="1"/>
  <c r="AE110127" i="1"/>
  <c r="AE110128" i="1"/>
  <c r="AE110129" i="1"/>
  <c r="AE110130" i="1"/>
  <c r="AE110131" i="1"/>
  <c r="AE110132" i="1"/>
  <c r="AE110133" i="1"/>
  <c r="AE110134" i="1"/>
  <c r="AE110135" i="1"/>
  <c r="AE110136" i="1"/>
  <c r="AE110137" i="1"/>
  <c r="AE110138" i="1"/>
  <c r="AE110139" i="1"/>
  <c r="AE110140" i="1"/>
  <c r="AE110141" i="1"/>
  <c r="AE110142" i="1"/>
  <c r="AE110143" i="1"/>
  <c r="AE110144" i="1"/>
  <c r="AE110145" i="1"/>
  <c r="AE110146" i="1"/>
  <c r="AE110147" i="1"/>
  <c r="AE110148" i="1"/>
  <c r="AE110149" i="1"/>
  <c r="AE110150" i="1"/>
  <c r="AE110151" i="1"/>
  <c r="AE110152" i="1"/>
  <c r="AE110153" i="1"/>
  <c r="AE110154" i="1"/>
  <c r="AE110155" i="1"/>
  <c r="AE110156" i="1"/>
  <c r="AE110157" i="1"/>
  <c r="AE110158" i="1"/>
  <c r="AE110159" i="1"/>
  <c r="AE110160" i="1"/>
  <c r="AE110161" i="1"/>
  <c r="AE110162" i="1"/>
  <c r="AE110163" i="1"/>
  <c r="AE110164" i="1"/>
  <c r="AE110165" i="1"/>
  <c r="AE110166" i="1"/>
  <c r="AE110167" i="1"/>
  <c r="AE110168" i="1"/>
  <c r="AE110169" i="1"/>
  <c r="AE110170" i="1"/>
  <c r="AE110171" i="1"/>
  <c r="AE110172" i="1"/>
  <c r="AE110173" i="1"/>
  <c r="AE110174" i="1"/>
  <c r="AE110175" i="1"/>
  <c r="AE110176" i="1"/>
  <c r="AE110177" i="1"/>
  <c r="AE110178" i="1"/>
  <c r="AE110179" i="1"/>
  <c r="AE110180" i="1"/>
  <c r="AE110181" i="1"/>
  <c r="AE110182" i="1"/>
  <c r="AE110183" i="1"/>
  <c r="AE110184" i="1"/>
  <c r="AE110185" i="1"/>
  <c r="AE110186" i="1"/>
  <c r="AE110187" i="1"/>
  <c r="AE110188" i="1"/>
  <c r="AE110189" i="1"/>
  <c r="AE110190" i="1"/>
  <c r="AE110191" i="1"/>
  <c r="AE110192" i="1"/>
  <c r="AE110193" i="1"/>
  <c r="AE110194" i="1"/>
  <c r="AE110195" i="1"/>
  <c r="AE110196" i="1"/>
  <c r="AE110197" i="1"/>
  <c r="AE110198" i="1"/>
  <c r="AE110199" i="1"/>
  <c r="AE110200" i="1"/>
  <c r="AE110201" i="1"/>
  <c r="AE110202" i="1"/>
  <c r="AE110203" i="1"/>
  <c r="AE110204" i="1"/>
  <c r="AE110205" i="1"/>
  <c r="AE110206" i="1"/>
  <c r="AE110207" i="1"/>
  <c r="AE110208" i="1"/>
  <c r="AE110209" i="1"/>
  <c r="AE110210" i="1"/>
  <c r="AE110211" i="1"/>
  <c r="AE110212" i="1"/>
  <c r="AE110213" i="1"/>
  <c r="AE110214" i="1"/>
  <c r="AE110215" i="1"/>
  <c r="AE110216" i="1"/>
  <c r="AE110217" i="1"/>
  <c r="AE110218" i="1"/>
  <c r="AE110219" i="1"/>
  <c r="AE110220" i="1"/>
  <c r="AE110221" i="1"/>
  <c r="AE110222" i="1"/>
  <c r="AE110223" i="1"/>
  <c r="AE110224" i="1"/>
  <c r="AE110225" i="1"/>
  <c r="AE110226" i="1"/>
  <c r="AE110227" i="1"/>
  <c r="AE110228" i="1"/>
  <c r="AE110229" i="1"/>
  <c r="AE110230" i="1"/>
  <c r="AE110231" i="1"/>
  <c r="AE110232" i="1"/>
  <c r="AE110233" i="1"/>
  <c r="AE110234" i="1"/>
  <c r="AE110235" i="1"/>
  <c r="AE110236" i="1"/>
  <c r="AE110237" i="1"/>
  <c r="AE110238" i="1"/>
  <c r="AE110239" i="1"/>
  <c r="AE110240" i="1"/>
  <c r="AE110241" i="1"/>
  <c r="AE110242" i="1"/>
  <c r="AE110243" i="1"/>
  <c r="AE110244" i="1"/>
  <c r="AE110245" i="1"/>
  <c r="AE110246" i="1"/>
  <c r="AE110247" i="1"/>
  <c r="AE110248" i="1"/>
  <c r="AE110249" i="1"/>
  <c r="AE110250" i="1"/>
  <c r="AE110251" i="1"/>
  <c r="AE110252" i="1"/>
  <c r="AE110253" i="1"/>
  <c r="AE110254" i="1"/>
  <c r="AE110255" i="1"/>
  <c r="AE110256" i="1"/>
  <c r="AE110257" i="1"/>
  <c r="AE110258" i="1"/>
  <c r="AE110259" i="1"/>
  <c r="AE110260" i="1"/>
  <c r="AE110261" i="1"/>
  <c r="AE110262" i="1"/>
  <c r="AE110263" i="1"/>
  <c r="AE110264" i="1"/>
  <c r="AE110265" i="1"/>
  <c r="AE110266" i="1"/>
  <c r="AE110267" i="1"/>
  <c r="AE110268" i="1"/>
  <c r="AE110269" i="1"/>
  <c r="AE110270" i="1"/>
  <c r="AE110271" i="1"/>
  <c r="AE110272" i="1"/>
  <c r="AE110273" i="1"/>
  <c r="AE110274" i="1"/>
  <c r="AE110275" i="1"/>
  <c r="AE110276" i="1"/>
  <c r="AE110277" i="1"/>
  <c r="AE110278" i="1"/>
  <c r="AE110279" i="1"/>
  <c r="AE110280" i="1"/>
  <c r="AE110281" i="1"/>
  <c r="AE110282" i="1"/>
  <c r="AE110283" i="1"/>
  <c r="AE110284" i="1"/>
  <c r="AE110285" i="1"/>
  <c r="AE110286" i="1"/>
  <c r="AE110287" i="1"/>
  <c r="AE110288" i="1"/>
  <c r="AE110289" i="1"/>
  <c r="AE110290" i="1"/>
  <c r="AE110291" i="1"/>
  <c r="AE110292" i="1"/>
  <c r="AE110293" i="1"/>
  <c r="AE110294" i="1"/>
  <c r="AE110295" i="1"/>
  <c r="AE110296" i="1"/>
  <c r="AE110297" i="1"/>
  <c r="AE110298" i="1"/>
  <c r="AE110299" i="1"/>
  <c r="AE110300" i="1"/>
  <c r="AE110301" i="1"/>
  <c r="AE110302" i="1"/>
  <c r="AE110303" i="1"/>
  <c r="AE110304" i="1"/>
  <c r="AE110305" i="1"/>
  <c r="AE110306" i="1"/>
  <c r="AE110307" i="1"/>
  <c r="AE110308" i="1"/>
  <c r="AE110309" i="1"/>
  <c r="AE110310" i="1"/>
  <c r="AE110311" i="1"/>
  <c r="AE110312" i="1"/>
  <c r="AE110313" i="1"/>
  <c r="AE110314" i="1"/>
  <c r="AE110315" i="1"/>
  <c r="AE110316" i="1"/>
  <c r="AE110317" i="1"/>
  <c r="AE110318" i="1"/>
  <c r="AE110319" i="1"/>
  <c r="AE110320" i="1"/>
  <c r="AE110321" i="1"/>
  <c r="AE110322" i="1"/>
  <c r="AE110323" i="1"/>
  <c r="AE110324" i="1"/>
  <c r="AE110325" i="1"/>
  <c r="AE110326" i="1"/>
  <c r="AE110327" i="1"/>
  <c r="AE110328" i="1"/>
  <c r="AE110329" i="1"/>
  <c r="AE110330" i="1"/>
  <c r="AE110331" i="1"/>
  <c r="AE110332" i="1"/>
  <c r="AE110333" i="1"/>
  <c r="AE110334" i="1"/>
  <c r="AE110335" i="1"/>
  <c r="AE110336" i="1"/>
  <c r="AE110337" i="1"/>
  <c r="AE110338" i="1"/>
  <c r="AE110339" i="1"/>
  <c r="AE110340" i="1"/>
  <c r="AE110341" i="1"/>
  <c r="AE110342" i="1"/>
  <c r="AE110343" i="1"/>
  <c r="AE110344" i="1"/>
  <c r="AE110345" i="1"/>
  <c r="AE110346" i="1"/>
  <c r="AE110347" i="1"/>
  <c r="AE110348" i="1"/>
  <c r="AE110349" i="1"/>
  <c r="AE110350" i="1"/>
  <c r="AE110351" i="1"/>
  <c r="AE110352" i="1"/>
  <c r="AE110353" i="1"/>
  <c r="AE110354" i="1"/>
  <c r="AE110355" i="1"/>
  <c r="AE110356" i="1"/>
  <c r="AE110357" i="1"/>
  <c r="AE110358" i="1"/>
  <c r="AE110359" i="1"/>
  <c r="AE110360" i="1"/>
  <c r="AE110361" i="1"/>
  <c r="AE110362" i="1"/>
  <c r="AE110363" i="1"/>
  <c r="AE110364" i="1"/>
  <c r="AE110365" i="1"/>
  <c r="AE110366" i="1"/>
  <c r="AE110367" i="1"/>
  <c r="AE110368" i="1"/>
  <c r="AE110369" i="1"/>
  <c r="AE110370" i="1"/>
  <c r="AE110371" i="1"/>
  <c r="AE110372" i="1"/>
  <c r="AE110373" i="1"/>
  <c r="AE110374" i="1"/>
  <c r="AE110375" i="1"/>
  <c r="AE110376" i="1"/>
  <c r="AE110377" i="1"/>
  <c r="AE110378" i="1"/>
  <c r="AE110379" i="1"/>
  <c r="AE110380" i="1"/>
  <c r="AE110381" i="1"/>
  <c r="AE110382" i="1"/>
  <c r="AE110383" i="1"/>
  <c r="AE110384" i="1"/>
  <c r="AE110385" i="1"/>
  <c r="AE110386" i="1"/>
  <c r="AE110387" i="1"/>
  <c r="AE110388" i="1"/>
  <c r="AE110389" i="1"/>
  <c r="AE110390" i="1"/>
  <c r="AE110391" i="1"/>
  <c r="AE110392" i="1"/>
  <c r="AE110393" i="1"/>
  <c r="AE110394" i="1"/>
  <c r="AE110395" i="1"/>
  <c r="AE110396" i="1"/>
  <c r="AE110397" i="1"/>
  <c r="AE110398" i="1"/>
  <c r="AE110399" i="1"/>
  <c r="AE110400" i="1"/>
  <c r="AE110401" i="1"/>
  <c r="AE110402" i="1"/>
  <c r="AE110403" i="1"/>
  <c r="AE110404" i="1"/>
  <c r="AE110405" i="1"/>
  <c r="AE110406" i="1"/>
  <c r="AE110407" i="1"/>
  <c r="AE110408" i="1"/>
  <c r="AE110409" i="1"/>
  <c r="AE110410" i="1"/>
  <c r="AE110411" i="1"/>
  <c r="AE110412" i="1"/>
  <c r="AE110413" i="1"/>
  <c r="AE110414" i="1"/>
  <c r="AE110415" i="1"/>
  <c r="AE110416" i="1"/>
  <c r="AE110417" i="1"/>
  <c r="AE110418" i="1"/>
  <c r="AE110419" i="1"/>
  <c r="AE110420" i="1"/>
  <c r="AE110421" i="1"/>
  <c r="AE110422" i="1"/>
  <c r="AE110423" i="1"/>
  <c r="AE110424" i="1"/>
  <c r="AE110425" i="1"/>
  <c r="AE110426" i="1"/>
  <c r="AE110427" i="1"/>
  <c r="AE110428" i="1"/>
  <c r="AE110429" i="1"/>
  <c r="AE110430" i="1"/>
  <c r="AE110431" i="1"/>
  <c r="AE110432" i="1"/>
  <c r="AE110433" i="1"/>
  <c r="AE110434" i="1"/>
  <c r="AE110435" i="1"/>
  <c r="AE110436" i="1"/>
  <c r="AE110437" i="1"/>
  <c r="AE110438" i="1"/>
  <c r="AE110439" i="1"/>
  <c r="AE110440" i="1"/>
  <c r="AE110441" i="1"/>
  <c r="AE110442" i="1"/>
  <c r="AE110443" i="1"/>
  <c r="AE110444" i="1"/>
  <c r="AE110445" i="1"/>
  <c r="AE110446" i="1"/>
  <c r="AE110447" i="1"/>
  <c r="AE110448" i="1"/>
  <c r="AE110449" i="1"/>
  <c r="AE110450" i="1"/>
  <c r="AE110451" i="1"/>
  <c r="AE110452" i="1"/>
  <c r="AE110453" i="1"/>
  <c r="AE110454" i="1"/>
  <c r="AE110455" i="1"/>
  <c r="AE110456" i="1"/>
  <c r="AE110457" i="1"/>
  <c r="AE110458" i="1"/>
  <c r="AE110459" i="1"/>
  <c r="AE110460" i="1"/>
  <c r="AE110461" i="1"/>
  <c r="AE110462" i="1"/>
  <c r="AE110463" i="1"/>
  <c r="AE110464" i="1"/>
  <c r="AE110465" i="1"/>
  <c r="AE110466" i="1"/>
  <c r="AE110467" i="1"/>
  <c r="AE110468" i="1"/>
  <c r="AE110469" i="1"/>
  <c r="AE110470" i="1"/>
  <c r="AE110471" i="1"/>
  <c r="AE110472" i="1"/>
  <c r="AE110473" i="1"/>
  <c r="AE110474" i="1"/>
  <c r="AE110475" i="1"/>
  <c r="AE110476" i="1"/>
  <c r="AE110477" i="1"/>
  <c r="AE110478" i="1"/>
  <c r="AE110479" i="1"/>
  <c r="AE110480" i="1"/>
  <c r="AE110481" i="1"/>
  <c r="AE110482" i="1"/>
  <c r="AE110483" i="1"/>
  <c r="AE110484" i="1"/>
  <c r="AE110485" i="1"/>
  <c r="AE110486" i="1"/>
  <c r="AE110487" i="1"/>
  <c r="AE110488" i="1"/>
  <c r="AE110489" i="1"/>
  <c r="AE110490" i="1"/>
  <c r="AE110491" i="1"/>
  <c r="AE110492" i="1"/>
  <c r="AE110493" i="1"/>
  <c r="AE110494" i="1"/>
  <c r="AE110495" i="1"/>
  <c r="AE110496" i="1"/>
  <c r="AE110497" i="1"/>
  <c r="AE110498" i="1"/>
  <c r="AE110499" i="1"/>
  <c r="AE110500" i="1"/>
  <c r="AE110501" i="1"/>
  <c r="AE110502" i="1"/>
  <c r="AE110503" i="1"/>
  <c r="AE110504" i="1"/>
  <c r="AE110505" i="1"/>
  <c r="AE110506" i="1"/>
  <c r="AE110507" i="1"/>
  <c r="AE110508" i="1"/>
  <c r="AE110509" i="1"/>
  <c r="AE110510" i="1"/>
  <c r="AE110511" i="1"/>
  <c r="AE110512" i="1"/>
  <c r="AE110513" i="1"/>
  <c r="AE110514" i="1"/>
  <c r="AE110515" i="1"/>
  <c r="AE110516" i="1"/>
  <c r="AE110517" i="1"/>
  <c r="AE110518" i="1"/>
  <c r="AE110519" i="1"/>
  <c r="AE110520" i="1"/>
  <c r="AE110521" i="1"/>
  <c r="AE110522" i="1"/>
  <c r="AE110523" i="1"/>
  <c r="AE110524" i="1"/>
  <c r="AE110525" i="1"/>
  <c r="AE110526" i="1"/>
  <c r="AE110527" i="1"/>
  <c r="AE110528" i="1"/>
  <c r="AE110529" i="1"/>
  <c r="AE110530" i="1"/>
  <c r="AE110531" i="1"/>
  <c r="AE110532" i="1"/>
  <c r="AE110533" i="1"/>
  <c r="AE110534" i="1"/>
  <c r="AE110535" i="1"/>
  <c r="AE110536" i="1"/>
  <c r="AE110537" i="1"/>
  <c r="AE110538" i="1"/>
  <c r="AE110539" i="1"/>
  <c r="AE110540" i="1"/>
  <c r="AE110541" i="1"/>
  <c r="AE110542" i="1"/>
  <c r="AE110543" i="1"/>
  <c r="AE110544" i="1"/>
  <c r="AE110545" i="1"/>
  <c r="AE110546" i="1"/>
  <c r="AE110547" i="1"/>
  <c r="AE110548" i="1"/>
  <c r="AE110549" i="1"/>
  <c r="AE110550" i="1"/>
  <c r="AE110551" i="1"/>
  <c r="AE110552" i="1"/>
  <c r="AE110553" i="1"/>
  <c r="AE110554" i="1"/>
  <c r="AE110555" i="1"/>
  <c r="AE110556" i="1"/>
  <c r="AE110557" i="1"/>
  <c r="AE110558" i="1"/>
  <c r="AE110559" i="1"/>
  <c r="AE110560" i="1"/>
  <c r="AE110561" i="1"/>
  <c r="AE110562" i="1"/>
  <c r="AE110563" i="1"/>
  <c r="AE110564" i="1"/>
  <c r="AE110565" i="1"/>
  <c r="AE110566" i="1"/>
  <c r="AE110567" i="1"/>
  <c r="AE110568" i="1"/>
  <c r="AE110569" i="1"/>
  <c r="AE110570" i="1"/>
  <c r="AE110571" i="1"/>
  <c r="AE110572" i="1"/>
  <c r="AE110573" i="1"/>
  <c r="AE110574" i="1"/>
  <c r="AE110575" i="1"/>
  <c r="AE110576" i="1"/>
  <c r="AE110577" i="1"/>
  <c r="AE110578" i="1"/>
  <c r="AE110579" i="1"/>
  <c r="AE110580" i="1"/>
  <c r="AE110581" i="1"/>
  <c r="AE110582" i="1"/>
  <c r="AE110583" i="1"/>
  <c r="AE110584" i="1"/>
  <c r="AE110585" i="1"/>
  <c r="AE110586" i="1"/>
  <c r="AE110587" i="1"/>
  <c r="AE110588" i="1"/>
  <c r="AE110589" i="1"/>
  <c r="AE110590" i="1"/>
  <c r="AE110591" i="1"/>
  <c r="AE110592" i="1"/>
  <c r="AE110593" i="1"/>
  <c r="AE110594" i="1"/>
  <c r="AE110595" i="1"/>
  <c r="AE110596" i="1"/>
  <c r="AE110597" i="1"/>
  <c r="AE110598" i="1"/>
  <c r="AE110599" i="1"/>
  <c r="AE110600" i="1"/>
  <c r="AE110601" i="1"/>
  <c r="AE110602" i="1"/>
  <c r="AE110603" i="1"/>
  <c r="AE110604" i="1"/>
  <c r="AE110605" i="1"/>
  <c r="AE110606" i="1"/>
  <c r="AE110607" i="1"/>
  <c r="AE110608" i="1"/>
  <c r="AE110609" i="1"/>
  <c r="AE110610" i="1"/>
  <c r="AE110611" i="1"/>
  <c r="AE110612" i="1"/>
  <c r="AE110613" i="1"/>
  <c r="AE110614" i="1"/>
  <c r="AE110615" i="1"/>
  <c r="AE110616" i="1"/>
  <c r="AE110617" i="1"/>
  <c r="AE110618" i="1"/>
  <c r="AE110619" i="1"/>
  <c r="AE110620" i="1"/>
  <c r="AE110621" i="1"/>
  <c r="AE110622" i="1"/>
  <c r="AE110623" i="1"/>
  <c r="AE110624" i="1"/>
  <c r="AE110625" i="1"/>
  <c r="AE110626" i="1"/>
  <c r="AE110627" i="1"/>
  <c r="AE110628" i="1"/>
  <c r="AE110629" i="1"/>
  <c r="AE110630" i="1"/>
  <c r="AE110631" i="1"/>
  <c r="AE110632" i="1"/>
  <c r="AE110633" i="1"/>
  <c r="AE110634" i="1"/>
  <c r="AE110635" i="1"/>
  <c r="AE110636" i="1"/>
  <c r="AE110637" i="1"/>
  <c r="AE110638" i="1"/>
  <c r="AE110639" i="1"/>
  <c r="AE110640" i="1"/>
  <c r="AE110641" i="1"/>
  <c r="AE110642" i="1"/>
  <c r="AE110643" i="1"/>
  <c r="AE110644" i="1"/>
  <c r="AE110645" i="1"/>
  <c r="AE110646" i="1"/>
  <c r="AE110647" i="1"/>
  <c r="AE110648" i="1"/>
  <c r="AE110649" i="1"/>
  <c r="AE110650" i="1"/>
  <c r="AE110651" i="1"/>
  <c r="AE110652" i="1"/>
  <c r="AE110653" i="1"/>
  <c r="AE110654" i="1"/>
  <c r="AE110655" i="1"/>
  <c r="AE110656" i="1"/>
  <c r="AE110657" i="1"/>
  <c r="AE110658" i="1"/>
  <c r="AE110659" i="1"/>
  <c r="AE110660" i="1"/>
  <c r="AE110661" i="1"/>
  <c r="AE110662" i="1"/>
  <c r="AE110663" i="1"/>
  <c r="AE110664" i="1"/>
  <c r="AE110665" i="1"/>
  <c r="AE110666" i="1"/>
  <c r="AE110667" i="1"/>
  <c r="AE110668" i="1"/>
  <c r="AE110669" i="1"/>
  <c r="AE110670" i="1"/>
  <c r="AE110671" i="1"/>
  <c r="AE110672" i="1"/>
  <c r="AE110673" i="1"/>
  <c r="AE110674" i="1"/>
  <c r="AE110675" i="1"/>
  <c r="AE110676" i="1"/>
  <c r="AE110677" i="1"/>
  <c r="AE110678" i="1"/>
  <c r="AE110679" i="1"/>
  <c r="AE110680" i="1"/>
  <c r="AE110681" i="1"/>
  <c r="AE110682" i="1"/>
  <c r="AE110683" i="1"/>
  <c r="AE110684" i="1"/>
  <c r="AE110685" i="1"/>
  <c r="AE110686" i="1"/>
  <c r="AE110687" i="1"/>
  <c r="AE110688" i="1"/>
  <c r="AE110689" i="1"/>
  <c r="AE110690" i="1"/>
  <c r="AE110691" i="1"/>
  <c r="AE110692" i="1"/>
  <c r="AE110693" i="1"/>
  <c r="AE110694" i="1"/>
  <c r="AE110695" i="1"/>
  <c r="AE110696" i="1"/>
  <c r="AE110697" i="1"/>
  <c r="AE110698" i="1"/>
  <c r="AE110699" i="1"/>
  <c r="AE110700" i="1"/>
  <c r="AE110701" i="1"/>
  <c r="AE110702" i="1"/>
  <c r="AE110703" i="1"/>
  <c r="AE110704" i="1"/>
  <c r="AE110705" i="1"/>
  <c r="AE110706" i="1"/>
  <c r="AE110707" i="1"/>
  <c r="AE110708" i="1"/>
  <c r="AE110709" i="1"/>
  <c r="AE110710" i="1"/>
  <c r="AE110711" i="1"/>
  <c r="AE110712" i="1"/>
  <c r="AE110713" i="1"/>
  <c r="AE110714" i="1"/>
  <c r="AE110715" i="1"/>
  <c r="AE110716" i="1"/>
  <c r="AE110717" i="1"/>
  <c r="AE110718" i="1"/>
  <c r="AE110719" i="1"/>
  <c r="AE110720" i="1"/>
  <c r="AE110721" i="1"/>
  <c r="AE110722" i="1"/>
  <c r="AE110723" i="1"/>
  <c r="AE110724" i="1"/>
  <c r="AE110725" i="1"/>
  <c r="AE110726" i="1"/>
  <c r="AE110727" i="1"/>
  <c r="AE110728" i="1"/>
  <c r="AE110729" i="1"/>
  <c r="AE110730" i="1"/>
  <c r="AE110731" i="1"/>
  <c r="AE110732" i="1"/>
  <c r="AE110733" i="1"/>
  <c r="AE110734" i="1"/>
  <c r="AE110735" i="1"/>
  <c r="AE110736" i="1"/>
  <c r="AE110737" i="1"/>
  <c r="AE110738" i="1"/>
  <c r="AE110739" i="1"/>
  <c r="AE110740" i="1"/>
  <c r="AE110741" i="1"/>
  <c r="AE110742" i="1"/>
  <c r="AE110743" i="1"/>
  <c r="AE110744" i="1"/>
  <c r="AE110745" i="1"/>
  <c r="AE110746" i="1"/>
  <c r="AE110747" i="1"/>
  <c r="AE110748" i="1"/>
  <c r="AE110749" i="1"/>
  <c r="AE110750" i="1"/>
  <c r="AE110751" i="1"/>
  <c r="AE110752" i="1"/>
  <c r="AE110753" i="1"/>
  <c r="AE110754" i="1"/>
  <c r="AE110755" i="1"/>
  <c r="AE110756" i="1"/>
  <c r="AE110757" i="1"/>
  <c r="AE110758" i="1"/>
  <c r="AE110759" i="1"/>
  <c r="AE110760" i="1"/>
  <c r="AE110761" i="1"/>
  <c r="AE110762" i="1"/>
  <c r="AE110763" i="1"/>
  <c r="AE110764" i="1"/>
  <c r="AE110765" i="1"/>
  <c r="AE110766" i="1"/>
  <c r="AE110767" i="1"/>
  <c r="AE110768" i="1"/>
  <c r="AE110769" i="1"/>
  <c r="AE110770" i="1"/>
  <c r="AE110771" i="1"/>
  <c r="AE110772" i="1"/>
  <c r="AE110773" i="1"/>
  <c r="AE110774" i="1"/>
  <c r="AE110775" i="1"/>
  <c r="AE110776" i="1"/>
  <c r="AE110777" i="1"/>
  <c r="AE110778" i="1"/>
  <c r="AE110779" i="1"/>
  <c r="AE110780" i="1"/>
  <c r="AE110781" i="1"/>
  <c r="AE110782" i="1"/>
  <c r="AE110783" i="1"/>
  <c r="AE110784" i="1"/>
  <c r="AE110785" i="1"/>
  <c r="AE110786" i="1"/>
  <c r="AE110787" i="1"/>
  <c r="AE110788" i="1"/>
  <c r="AE110789" i="1"/>
  <c r="AE110790" i="1"/>
  <c r="AE110791" i="1"/>
  <c r="AE110792" i="1"/>
  <c r="AE110793" i="1"/>
  <c r="AE110794" i="1"/>
  <c r="AE110795" i="1"/>
  <c r="AE110796" i="1"/>
  <c r="AE110797" i="1"/>
  <c r="AE110798" i="1"/>
  <c r="AE110799" i="1"/>
  <c r="AE110800" i="1"/>
  <c r="AE110801" i="1"/>
  <c r="AE110802" i="1"/>
  <c r="AE110803" i="1"/>
  <c r="AE110804" i="1"/>
  <c r="AE110805" i="1"/>
  <c r="AE110806" i="1"/>
  <c r="AE110807" i="1"/>
  <c r="AE110808" i="1"/>
  <c r="AE110809" i="1"/>
  <c r="AE110810" i="1"/>
  <c r="AE110811" i="1"/>
  <c r="AE110812" i="1"/>
  <c r="AE110813" i="1"/>
  <c r="AE110814" i="1"/>
  <c r="AE110815" i="1"/>
  <c r="AE110816" i="1"/>
  <c r="AE110817" i="1"/>
  <c r="AE110818" i="1"/>
  <c r="AE110819" i="1"/>
  <c r="AE110820" i="1"/>
  <c r="AE110821" i="1"/>
  <c r="AE110822" i="1"/>
  <c r="AE110823" i="1"/>
  <c r="AE110824" i="1"/>
  <c r="AE110825" i="1"/>
  <c r="AE110826" i="1"/>
  <c r="AE110827" i="1"/>
  <c r="AE110828" i="1"/>
  <c r="AE110829" i="1"/>
  <c r="AE110830" i="1"/>
  <c r="AE110831" i="1"/>
  <c r="AE110832" i="1"/>
  <c r="AE110833" i="1"/>
  <c r="AE110834" i="1"/>
  <c r="AE110835" i="1"/>
  <c r="AE110836" i="1"/>
  <c r="AE110837" i="1"/>
  <c r="AE110838" i="1"/>
  <c r="AE110839" i="1"/>
  <c r="AE110840" i="1"/>
  <c r="AE110841" i="1"/>
  <c r="AE110842" i="1"/>
  <c r="AE110843" i="1"/>
  <c r="AE110844" i="1"/>
  <c r="AE110845" i="1"/>
  <c r="AE110846" i="1"/>
  <c r="AE110847" i="1"/>
  <c r="AE110848" i="1"/>
  <c r="AE110849" i="1"/>
  <c r="AE110850" i="1"/>
  <c r="AE110851" i="1"/>
  <c r="AE110852" i="1"/>
  <c r="AE110853" i="1"/>
  <c r="AE110854" i="1"/>
  <c r="AE110855" i="1"/>
  <c r="AE110856" i="1"/>
  <c r="AE110857" i="1"/>
  <c r="AE110858" i="1"/>
  <c r="AE110859" i="1"/>
  <c r="AE110860" i="1"/>
  <c r="AE110861" i="1"/>
  <c r="AE110862" i="1"/>
  <c r="AE110863" i="1"/>
  <c r="AE110864" i="1"/>
  <c r="AE110865" i="1"/>
  <c r="AE110866" i="1"/>
  <c r="AE110867" i="1"/>
  <c r="AE110868" i="1"/>
  <c r="AE110869" i="1"/>
  <c r="AE110870" i="1"/>
  <c r="AE110871" i="1"/>
  <c r="AE110872" i="1"/>
  <c r="AE110873" i="1"/>
  <c r="AE110874" i="1"/>
  <c r="AE110875" i="1"/>
  <c r="AE110876" i="1"/>
  <c r="AE110877" i="1"/>
  <c r="AE110878" i="1"/>
  <c r="AE110879" i="1"/>
  <c r="AE110880" i="1"/>
  <c r="AE110881" i="1"/>
  <c r="AE110882" i="1"/>
  <c r="AE110883" i="1"/>
  <c r="AE110884" i="1"/>
  <c r="AE110885" i="1"/>
  <c r="AE110886" i="1"/>
  <c r="AE110887" i="1"/>
  <c r="AE110888" i="1"/>
  <c r="AE110889" i="1"/>
  <c r="AE110890" i="1"/>
  <c r="AE110891" i="1"/>
  <c r="AE110892" i="1"/>
  <c r="AE110893" i="1"/>
  <c r="AE110894" i="1"/>
  <c r="AE110895" i="1"/>
  <c r="AE110896" i="1"/>
  <c r="AE110897" i="1"/>
  <c r="AE110898" i="1"/>
  <c r="AE110899" i="1"/>
  <c r="AE110900" i="1"/>
  <c r="AE110901" i="1"/>
  <c r="AE110902" i="1"/>
  <c r="AE110903" i="1"/>
  <c r="AE110904" i="1"/>
  <c r="AE110905" i="1"/>
  <c r="AE110906" i="1"/>
  <c r="AE110907" i="1"/>
  <c r="AE110908" i="1"/>
  <c r="AE110909" i="1"/>
  <c r="AE110910" i="1"/>
  <c r="AE110911" i="1"/>
  <c r="AE110912" i="1"/>
  <c r="AE110913" i="1"/>
  <c r="AE110914" i="1"/>
  <c r="AE110915" i="1"/>
  <c r="AE110916" i="1"/>
  <c r="AE110917" i="1"/>
  <c r="AE110918" i="1"/>
  <c r="AE110919" i="1"/>
  <c r="AE110920" i="1"/>
  <c r="AE110921" i="1"/>
  <c r="AE110922" i="1"/>
  <c r="AE110923" i="1"/>
  <c r="AE110924" i="1"/>
  <c r="AE110925" i="1"/>
  <c r="AE110926" i="1"/>
  <c r="AE110927" i="1"/>
  <c r="AE110928" i="1"/>
  <c r="AE110929" i="1"/>
  <c r="AE110930" i="1"/>
  <c r="AE110931" i="1"/>
  <c r="AE110932" i="1"/>
  <c r="AE110933" i="1"/>
  <c r="AE110934" i="1"/>
  <c r="AE110935" i="1"/>
  <c r="AE110936" i="1"/>
  <c r="AE110937" i="1"/>
  <c r="AE110938" i="1"/>
  <c r="AE110939" i="1"/>
  <c r="AE110940" i="1"/>
  <c r="AE110941" i="1"/>
  <c r="AE110942" i="1"/>
  <c r="AE110943" i="1"/>
  <c r="AE110944" i="1"/>
  <c r="AE110945" i="1"/>
  <c r="AE110946" i="1"/>
  <c r="AE110947" i="1"/>
  <c r="AE110948" i="1"/>
  <c r="AE110949" i="1"/>
  <c r="AE110950" i="1"/>
  <c r="AE110951" i="1"/>
  <c r="AE110952" i="1"/>
  <c r="AE110953" i="1"/>
  <c r="AE110954" i="1"/>
  <c r="AE110955" i="1"/>
  <c r="AE110956" i="1"/>
  <c r="AE110957" i="1"/>
  <c r="AE110958" i="1"/>
  <c r="AE110959" i="1"/>
  <c r="AE110960" i="1"/>
  <c r="AE110961" i="1"/>
  <c r="AE110962" i="1"/>
  <c r="AE110963" i="1"/>
  <c r="AE110964" i="1"/>
  <c r="AE110965" i="1"/>
  <c r="AE110966" i="1"/>
  <c r="AE110967" i="1"/>
  <c r="AE110968" i="1"/>
  <c r="AE110969" i="1"/>
  <c r="AE110970" i="1"/>
  <c r="AE110971" i="1"/>
  <c r="AE110972" i="1"/>
  <c r="AE110973" i="1"/>
  <c r="AE110974" i="1"/>
  <c r="AE110975" i="1"/>
  <c r="AE110976" i="1"/>
  <c r="AE110977" i="1"/>
  <c r="AE110978" i="1"/>
  <c r="AE110979" i="1"/>
  <c r="AE110980" i="1"/>
  <c r="AE110981" i="1"/>
  <c r="AE110982" i="1"/>
  <c r="AE110983" i="1"/>
  <c r="AE110984" i="1"/>
  <c r="AE110985" i="1"/>
  <c r="AE110986" i="1"/>
  <c r="AE110987" i="1"/>
  <c r="AE110988" i="1"/>
  <c r="AE110989" i="1"/>
  <c r="AE110990" i="1"/>
  <c r="AE110991" i="1"/>
  <c r="AE110992" i="1"/>
  <c r="AE110993" i="1"/>
  <c r="AE110994" i="1"/>
  <c r="AE110995" i="1"/>
  <c r="AE110996" i="1"/>
  <c r="AE110997" i="1"/>
  <c r="AE110998" i="1"/>
  <c r="AE110999" i="1"/>
  <c r="AE111000" i="1"/>
  <c r="AE111001" i="1"/>
  <c r="AE111002" i="1"/>
  <c r="AE111003" i="1"/>
  <c r="AE111004" i="1"/>
  <c r="AE111005" i="1"/>
  <c r="AE111006" i="1"/>
  <c r="AE111007" i="1"/>
  <c r="AE111008" i="1"/>
  <c r="AE111009" i="1"/>
  <c r="AE111010" i="1"/>
  <c r="AE111011" i="1"/>
  <c r="AE111012" i="1"/>
  <c r="AE111013" i="1"/>
  <c r="AE111014" i="1"/>
  <c r="AE111015" i="1"/>
  <c r="AE111016" i="1"/>
  <c r="AE111017" i="1"/>
  <c r="AE111018" i="1"/>
  <c r="AE111019" i="1"/>
  <c r="AE111020" i="1"/>
  <c r="AE111021" i="1"/>
  <c r="AE111022" i="1"/>
  <c r="AE111023" i="1"/>
  <c r="AE111024" i="1"/>
  <c r="AE111025" i="1"/>
  <c r="AE111026" i="1"/>
  <c r="AE111027" i="1"/>
  <c r="AE111028" i="1"/>
  <c r="AE111029" i="1"/>
  <c r="AE111030" i="1"/>
  <c r="AE111031" i="1"/>
  <c r="AE111032" i="1"/>
  <c r="AE111033" i="1"/>
  <c r="AE111034" i="1"/>
  <c r="AE111035" i="1"/>
  <c r="AE111036" i="1"/>
  <c r="AE111037" i="1"/>
  <c r="AE111038" i="1"/>
  <c r="AE111039" i="1"/>
  <c r="AE111040" i="1"/>
  <c r="AE111041" i="1"/>
  <c r="AE111042" i="1"/>
  <c r="AE111043" i="1"/>
  <c r="AE111044" i="1"/>
  <c r="AE111045" i="1"/>
  <c r="AE111046" i="1"/>
  <c r="AE111047" i="1"/>
  <c r="AE111048" i="1"/>
  <c r="AE111049" i="1"/>
  <c r="AE111050" i="1"/>
  <c r="AE111051" i="1"/>
  <c r="AE111052" i="1"/>
  <c r="AE111053" i="1"/>
  <c r="AE111054" i="1"/>
  <c r="AE111055" i="1"/>
  <c r="AE111056" i="1"/>
  <c r="AE111057" i="1"/>
  <c r="AE111058" i="1"/>
  <c r="AE111059" i="1"/>
  <c r="AE111060" i="1"/>
  <c r="AE111061" i="1"/>
  <c r="AE111062" i="1"/>
  <c r="AE111063" i="1"/>
  <c r="AE111064" i="1"/>
  <c r="AE111065" i="1"/>
  <c r="AE111066" i="1"/>
  <c r="AE111067" i="1"/>
  <c r="AE111068" i="1"/>
  <c r="AE111069" i="1"/>
  <c r="AE111070" i="1"/>
  <c r="AE111071" i="1"/>
  <c r="AE111072" i="1"/>
  <c r="AE111073" i="1"/>
  <c r="AE111074" i="1"/>
  <c r="AE111075" i="1"/>
  <c r="AE111076" i="1"/>
  <c r="AE111077" i="1"/>
  <c r="AE111078" i="1"/>
  <c r="AE111079" i="1"/>
  <c r="AE111080" i="1"/>
  <c r="AE111081" i="1"/>
  <c r="AE111082" i="1"/>
  <c r="AE111083" i="1"/>
  <c r="AE111084" i="1"/>
  <c r="AE111085" i="1"/>
  <c r="AE111086" i="1"/>
  <c r="AE111087" i="1"/>
  <c r="AE111088" i="1"/>
  <c r="AE111089" i="1"/>
  <c r="AE111090" i="1"/>
  <c r="AE111091" i="1"/>
  <c r="AE111092" i="1"/>
  <c r="AE111093" i="1"/>
  <c r="AE111094" i="1"/>
  <c r="AE111095" i="1"/>
  <c r="AE111096" i="1"/>
  <c r="AE111097" i="1"/>
  <c r="AE111098" i="1"/>
  <c r="AE111099" i="1"/>
  <c r="AE111100" i="1"/>
  <c r="AE111101" i="1"/>
  <c r="AE111102" i="1"/>
  <c r="AE111103" i="1"/>
  <c r="AE111104" i="1"/>
  <c r="AE111105" i="1"/>
  <c r="AE111106" i="1"/>
  <c r="AE111107" i="1"/>
  <c r="AE111108" i="1"/>
  <c r="AE111109" i="1"/>
  <c r="AE111110" i="1"/>
  <c r="AE111111" i="1"/>
  <c r="AE111112" i="1"/>
  <c r="AE111113" i="1"/>
  <c r="AE111114" i="1"/>
  <c r="AE111115" i="1"/>
  <c r="AE111116" i="1"/>
  <c r="AE111117" i="1"/>
  <c r="AE111118" i="1"/>
  <c r="AE111119" i="1"/>
  <c r="AE111120" i="1"/>
  <c r="AE111121" i="1"/>
  <c r="AE111122" i="1"/>
  <c r="AE111123" i="1"/>
  <c r="AE111124" i="1"/>
  <c r="AE111125" i="1"/>
  <c r="AE111126" i="1"/>
  <c r="AE111127" i="1"/>
  <c r="AE111128" i="1"/>
  <c r="AE111129" i="1"/>
  <c r="AE111130" i="1"/>
  <c r="AE111131" i="1"/>
  <c r="AE111132" i="1"/>
  <c r="AE111133" i="1"/>
  <c r="AE111134" i="1"/>
  <c r="AE111135" i="1"/>
  <c r="AE111136" i="1"/>
  <c r="AE111137" i="1"/>
  <c r="AE111138" i="1"/>
  <c r="AE111139" i="1"/>
  <c r="AE111140" i="1"/>
  <c r="AE111141" i="1"/>
  <c r="AE111142" i="1"/>
  <c r="AE111143" i="1"/>
  <c r="AE111144" i="1"/>
  <c r="AE111145" i="1"/>
  <c r="AE111146" i="1"/>
  <c r="AE111147" i="1"/>
  <c r="AE111148" i="1"/>
  <c r="AE111149" i="1"/>
  <c r="AE111150" i="1"/>
  <c r="AE111151" i="1"/>
  <c r="AE111152" i="1"/>
  <c r="AE111153" i="1"/>
  <c r="AE111154" i="1"/>
  <c r="AE111155" i="1"/>
  <c r="AE111156" i="1"/>
  <c r="AE111157" i="1"/>
  <c r="AE111158" i="1"/>
  <c r="AE111159" i="1"/>
  <c r="AE111160" i="1"/>
  <c r="AE111161" i="1"/>
  <c r="AE111162" i="1"/>
  <c r="AE111163" i="1"/>
  <c r="AE111164" i="1"/>
  <c r="AE111165" i="1"/>
  <c r="AE111166" i="1"/>
  <c r="AE111167" i="1"/>
  <c r="AE111168" i="1"/>
  <c r="AE111169" i="1"/>
  <c r="AE111170" i="1"/>
  <c r="AE111171" i="1"/>
  <c r="AE111172" i="1"/>
  <c r="AE111173" i="1"/>
  <c r="AE111174" i="1"/>
  <c r="AE111175" i="1"/>
  <c r="AE111176" i="1"/>
  <c r="AE111177" i="1"/>
  <c r="AE111178" i="1"/>
  <c r="AE111179" i="1"/>
  <c r="AE111180" i="1"/>
  <c r="AE111181" i="1"/>
  <c r="AE111182" i="1"/>
  <c r="AE111183" i="1"/>
  <c r="AE111184" i="1"/>
  <c r="AE111185" i="1"/>
  <c r="AE111186" i="1"/>
  <c r="AE111187" i="1"/>
  <c r="AE111188" i="1"/>
  <c r="AE111189" i="1"/>
  <c r="AE111190" i="1"/>
  <c r="AE111191" i="1"/>
  <c r="AE111192" i="1"/>
  <c r="AE111193" i="1"/>
  <c r="AE111194" i="1"/>
  <c r="AE111195" i="1"/>
  <c r="AE111196" i="1"/>
  <c r="AE111197" i="1"/>
  <c r="AE111198" i="1"/>
  <c r="AE111199" i="1"/>
  <c r="AE111200" i="1"/>
  <c r="AE111201" i="1"/>
  <c r="AE111202" i="1"/>
  <c r="AE111203" i="1"/>
  <c r="AE111204" i="1"/>
  <c r="AE111205" i="1"/>
  <c r="AE111206" i="1"/>
  <c r="AE111207" i="1"/>
  <c r="AE111208" i="1"/>
  <c r="AE111209" i="1"/>
  <c r="AE111210" i="1"/>
  <c r="AE111211" i="1"/>
  <c r="AE111212" i="1"/>
  <c r="AE111213" i="1"/>
  <c r="AE111214" i="1"/>
  <c r="AE111215" i="1"/>
  <c r="AE111216" i="1"/>
  <c r="AE111217" i="1"/>
  <c r="AE111218" i="1"/>
  <c r="AE111219" i="1"/>
  <c r="AE111220" i="1"/>
  <c r="AE111221" i="1"/>
  <c r="AE111222" i="1"/>
  <c r="AE111223" i="1"/>
  <c r="AE111224" i="1"/>
  <c r="AE111225" i="1"/>
  <c r="AE111226" i="1"/>
  <c r="AE111227" i="1"/>
  <c r="AE111228" i="1"/>
  <c r="AE111229" i="1"/>
  <c r="AE111230" i="1"/>
  <c r="AE111231" i="1"/>
  <c r="AE111232" i="1"/>
  <c r="AE111233" i="1"/>
  <c r="AE111234" i="1"/>
  <c r="AE111235" i="1"/>
  <c r="AE111236" i="1"/>
  <c r="AE111237" i="1"/>
  <c r="AE111238" i="1"/>
  <c r="AE111239" i="1"/>
  <c r="AE111240" i="1"/>
  <c r="AE111241" i="1"/>
  <c r="AE111242" i="1"/>
  <c r="AE111243" i="1"/>
  <c r="AE111244" i="1"/>
  <c r="AE111245" i="1"/>
  <c r="AE111246" i="1"/>
  <c r="AE111247" i="1"/>
  <c r="AE111248" i="1"/>
  <c r="AE111249" i="1"/>
  <c r="AE111250" i="1"/>
  <c r="AE111251" i="1"/>
  <c r="AE111252" i="1"/>
  <c r="AE111253" i="1"/>
  <c r="AE111254" i="1"/>
  <c r="AE111255" i="1"/>
  <c r="AE111256" i="1"/>
  <c r="AE111257" i="1"/>
  <c r="AE111258" i="1"/>
  <c r="AE111259" i="1"/>
  <c r="AE111260" i="1"/>
  <c r="AE111261" i="1"/>
  <c r="AE111262" i="1"/>
  <c r="AE111263" i="1"/>
  <c r="AE111264" i="1"/>
  <c r="AE111265" i="1"/>
  <c r="AE111266" i="1"/>
  <c r="AE111267" i="1"/>
  <c r="AE111268" i="1"/>
  <c r="AE111269" i="1"/>
  <c r="AE111270" i="1"/>
  <c r="AE111271" i="1"/>
  <c r="AE111272" i="1"/>
  <c r="AE111273" i="1"/>
  <c r="AE111274" i="1"/>
  <c r="AE111275" i="1"/>
  <c r="AE111276" i="1"/>
  <c r="AE111277" i="1"/>
  <c r="AE111278" i="1"/>
  <c r="AE111279" i="1"/>
  <c r="AE111280" i="1"/>
  <c r="AE111281" i="1"/>
  <c r="AE111282" i="1"/>
  <c r="AE111283" i="1"/>
  <c r="AE111284" i="1"/>
  <c r="AE111285" i="1"/>
  <c r="AE111286" i="1"/>
  <c r="AE111287" i="1"/>
  <c r="AE111288" i="1"/>
  <c r="AE111289" i="1"/>
  <c r="AE111290" i="1"/>
  <c r="AE111291" i="1"/>
  <c r="AE111292" i="1"/>
  <c r="AE111293" i="1"/>
  <c r="AE111294" i="1"/>
  <c r="AE111295" i="1"/>
  <c r="AE111296" i="1"/>
  <c r="AE111297" i="1"/>
  <c r="AE111298" i="1"/>
  <c r="AE111299" i="1"/>
  <c r="AE111300" i="1"/>
  <c r="AE111301" i="1"/>
  <c r="AE111302" i="1"/>
  <c r="AE111303" i="1"/>
  <c r="AE111304" i="1"/>
  <c r="AE111305" i="1"/>
  <c r="AE111306" i="1"/>
  <c r="AE111307" i="1"/>
  <c r="AE111308" i="1"/>
  <c r="AE111309" i="1"/>
  <c r="AE111310" i="1"/>
  <c r="AE111311" i="1"/>
  <c r="AE111312" i="1"/>
  <c r="AE111313" i="1"/>
  <c r="AE111314" i="1"/>
  <c r="AE111315" i="1"/>
  <c r="AE111316" i="1"/>
  <c r="AE111317" i="1"/>
  <c r="AE111318" i="1"/>
  <c r="AE111319" i="1"/>
  <c r="AE111320" i="1"/>
  <c r="AE111321" i="1"/>
  <c r="AE111322" i="1"/>
  <c r="AE111323" i="1"/>
  <c r="AE111324" i="1"/>
  <c r="AE111325" i="1"/>
  <c r="AE111326" i="1"/>
  <c r="AE111327" i="1"/>
  <c r="AE111328" i="1"/>
  <c r="AE111329" i="1"/>
  <c r="AE111330" i="1"/>
  <c r="AE111331" i="1"/>
  <c r="AE111332" i="1"/>
  <c r="AE111333" i="1"/>
  <c r="AE111334" i="1"/>
  <c r="AE111335" i="1"/>
  <c r="AE111336" i="1"/>
  <c r="AE111337" i="1"/>
  <c r="AE111338" i="1"/>
  <c r="AE111339" i="1"/>
  <c r="AE111340" i="1"/>
  <c r="AE111341" i="1"/>
  <c r="AE111342" i="1"/>
  <c r="AE111343" i="1"/>
  <c r="AE111344" i="1"/>
  <c r="AE111345" i="1"/>
  <c r="AE111346" i="1"/>
  <c r="AE111347" i="1"/>
  <c r="AE111348" i="1"/>
  <c r="AE111349" i="1"/>
  <c r="AE111350" i="1"/>
  <c r="AE111351" i="1"/>
  <c r="AE111352" i="1"/>
  <c r="AE111353" i="1"/>
  <c r="AE111354" i="1"/>
  <c r="AE111355" i="1"/>
  <c r="AE111356" i="1"/>
  <c r="AE111357" i="1"/>
  <c r="AE111358" i="1"/>
  <c r="AE111359" i="1"/>
  <c r="AE111360" i="1"/>
  <c r="AE111361" i="1"/>
  <c r="AE111362" i="1"/>
  <c r="AE111363" i="1"/>
  <c r="AE111364" i="1"/>
  <c r="AE111365" i="1"/>
  <c r="AE111366" i="1"/>
  <c r="AE111367" i="1"/>
  <c r="AE111368" i="1"/>
  <c r="AE111369" i="1"/>
  <c r="AE111370" i="1"/>
  <c r="AE111371" i="1"/>
  <c r="AE111372" i="1"/>
  <c r="AE111373" i="1"/>
  <c r="AE111374" i="1"/>
  <c r="AE111375" i="1"/>
  <c r="AE111376" i="1"/>
  <c r="AE111377" i="1"/>
  <c r="AE111378" i="1"/>
  <c r="AE111379" i="1"/>
  <c r="AE111380" i="1"/>
  <c r="AE111381" i="1"/>
  <c r="AE111382" i="1"/>
  <c r="AE111383" i="1"/>
  <c r="AE111384" i="1"/>
  <c r="AE111385" i="1"/>
  <c r="AE111386" i="1"/>
  <c r="AE111387" i="1"/>
  <c r="AE111388" i="1"/>
  <c r="AE111389" i="1"/>
  <c r="AE111390" i="1"/>
  <c r="AE111391" i="1"/>
  <c r="AE111392" i="1"/>
  <c r="AE111393" i="1"/>
  <c r="AE111394" i="1"/>
  <c r="AE111395" i="1"/>
  <c r="AE111396" i="1"/>
  <c r="AE111397" i="1"/>
  <c r="AE111398" i="1"/>
  <c r="AE111399" i="1"/>
  <c r="AE111400" i="1"/>
  <c r="AE111401" i="1"/>
  <c r="AE111402" i="1"/>
  <c r="AE111403" i="1"/>
  <c r="AE111404" i="1"/>
  <c r="AE111405" i="1"/>
  <c r="AE111406" i="1"/>
  <c r="AE111407" i="1"/>
  <c r="AE111408" i="1"/>
  <c r="AE111409" i="1"/>
  <c r="AE111410" i="1"/>
  <c r="AE111411" i="1"/>
  <c r="AE111412" i="1"/>
  <c r="AE111413" i="1"/>
  <c r="AE111414" i="1"/>
  <c r="AE111415" i="1"/>
  <c r="AE111416" i="1"/>
  <c r="AE111417" i="1"/>
  <c r="AE111418" i="1"/>
  <c r="AE111419" i="1"/>
  <c r="AE111420" i="1"/>
  <c r="AE111421" i="1"/>
  <c r="AE111422" i="1"/>
  <c r="AE111423" i="1"/>
  <c r="AE111424" i="1"/>
  <c r="AE111425" i="1"/>
  <c r="AE111426" i="1"/>
  <c r="AE111427" i="1"/>
  <c r="AE111428" i="1"/>
  <c r="AE111429" i="1"/>
  <c r="AE111430" i="1"/>
  <c r="AE111431" i="1"/>
  <c r="AE111432" i="1"/>
  <c r="AE111433" i="1"/>
  <c r="AE111434" i="1"/>
  <c r="AE111435" i="1"/>
  <c r="AE111436" i="1"/>
  <c r="AE111437" i="1"/>
  <c r="AE111438" i="1"/>
  <c r="AE111439" i="1"/>
  <c r="AE111440" i="1"/>
  <c r="AE111441" i="1"/>
  <c r="AE111442" i="1"/>
  <c r="AE111443" i="1"/>
  <c r="AE111444" i="1"/>
  <c r="AE111445" i="1"/>
  <c r="AE111446" i="1"/>
  <c r="AE111447" i="1"/>
  <c r="AE111448" i="1"/>
  <c r="AE111449" i="1"/>
  <c r="AE111450" i="1"/>
  <c r="AE111451" i="1"/>
  <c r="AE111452" i="1"/>
  <c r="AE111453" i="1"/>
  <c r="AE111454" i="1"/>
  <c r="AE111455" i="1"/>
  <c r="AE111456" i="1"/>
  <c r="AE111457" i="1"/>
  <c r="AE111458" i="1"/>
  <c r="AE111459" i="1"/>
  <c r="AE111460" i="1"/>
  <c r="AE111461" i="1"/>
  <c r="AE111462" i="1"/>
  <c r="AE111463" i="1"/>
  <c r="AE111464" i="1"/>
  <c r="AE111465" i="1"/>
  <c r="AE111466" i="1"/>
  <c r="AE111467" i="1"/>
  <c r="AE111468" i="1"/>
  <c r="AE111469" i="1"/>
  <c r="AE111470" i="1"/>
  <c r="AE111471" i="1"/>
  <c r="AE111472" i="1"/>
  <c r="AE111473" i="1"/>
  <c r="AE111474" i="1"/>
  <c r="AE111475" i="1"/>
  <c r="AE111476" i="1"/>
  <c r="AE111477" i="1"/>
  <c r="AE111478" i="1"/>
  <c r="AE111479" i="1"/>
  <c r="AE111480" i="1"/>
  <c r="AE111481" i="1"/>
  <c r="AE111482" i="1"/>
  <c r="AE111483" i="1"/>
  <c r="AE111484" i="1"/>
  <c r="AE111485" i="1"/>
  <c r="AE111486" i="1"/>
  <c r="AE111487" i="1"/>
  <c r="AE111488" i="1"/>
  <c r="AE111489" i="1"/>
  <c r="AE111490" i="1"/>
  <c r="AE111491" i="1"/>
  <c r="AE111492" i="1"/>
  <c r="AE111493" i="1"/>
  <c r="AE111494" i="1"/>
  <c r="AE111495" i="1"/>
  <c r="AE111496" i="1"/>
  <c r="AE111497" i="1"/>
  <c r="AE111498" i="1"/>
  <c r="AE111499" i="1"/>
  <c r="AE111500" i="1"/>
  <c r="AE111501" i="1"/>
  <c r="AE111502" i="1"/>
  <c r="AE111503" i="1"/>
  <c r="AE111504" i="1"/>
  <c r="AE111505" i="1"/>
  <c r="AE111506" i="1"/>
  <c r="AE111507" i="1"/>
  <c r="AE111508" i="1"/>
  <c r="AE111509" i="1"/>
  <c r="AE111510" i="1"/>
  <c r="AE111511" i="1"/>
  <c r="AE111512" i="1"/>
  <c r="AE111513" i="1"/>
  <c r="AE111514" i="1"/>
  <c r="AE111515" i="1"/>
  <c r="AE111516" i="1"/>
  <c r="AE111517" i="1"/>
  <c r="AE111518" i="1"/>
  <c r="AE111519" i="1"/>
  <c r="AE111520" i="1"/>
  <c r="AE111521" i="1"/>
  <c r="AE111522" i="1"/>
  <c r="AE111523" i="1"/>
  <c r="AE111524" i="1"/>
  <c r="AE111525" i="1"/>
  <c r="AE111526" i="1"/>
  <c r="AE111527" i="1"/>
  <c r="AE111528" i="1"/>
  <c r="AE111529" i="1"/>
  <c r="AE111530" i="1"/>
  <c r="AE111531" i="1"/>
  <c r="AE111532" i="1"/>
  <c r="AE111533" i="1"/>
  <c r="AE111534" i="1"/>
  <c r="AE111535" i="1"/>
  <c r="AE111536" i="1"/>
  <c r="AE111537" i="1"/>
  <c r="AE111538" i="1"/>
  <c r="AE111539" i="1"/>
  <c r="AE111540" i="1"/>
  <c r="AE111541" i="1"/>
  <c r="AE111542" i="1"/>
  <c r="AE111543" i="1"/>
  <c r="AE111544" i="1"/>
  <c r="AE111545" i="1"/>
  <c r="AE111546" i="1"/>
  <c r="AE111547" i="1"/>
  <c r="AE111548" i="1"/>
  <c r="AE111549" i="1"/>
  <c r="AE111550" i="1"/>
  <c r="AE111551" i="1"/>
  <c r="AE111552" i="1"/>
  <c r="AE111553" i="1"/>
  <c r="AE111554" i="1"/>
  <c r="AE111555" i="1"/>
  <c r="AE111556" i="1"/>
  <c r="AE111557" i="1"/>
  <c r="AE111558" i="1"/>
  <c r="AE111559" i="1"/>
  <c r="AE111560" i="1"/>
  <c r="AE111561" i="1"/>
  <c r="AE111562" i="1"/>
  <c r="AE111563" i="1"/>
  <c r="AE111564" i="1"/>
  <c r="AE111565" i="1"/>
  <c r="AE111566" i="1"/>
  <c r="AE111567" i="1"/>
  <c r="AE111568" i="1"/>
  <c r="AE111569" i="1"/>
  <c r="AE111570" i="1"/>
  <c r="AE111571" i="1"/>
  <c r="AE111572" i="1"/>
  <c r="AE111573" i="1"/>
  <c r="AE111574" i="1"/>
  <c r="AE111575" i="1"/>
  <c r="AE111576" i="1"/>
  <c r="AE111577" i="1"/>
  <c r="AE111578" i="1"/>
  <c r="AE111579" i="1"/>
  <c r="AE111580" i="1"/>
  <c r="AE111581" i="1"/>
  <c r="AE111582" i="1"/>
  <c r="AE111583" i="1"/>
  <c r="AE111584" i="1"/>
  <c r="AE111585" i="1"/>
  <c r="AE111586" i="1"/>
  <c r="AE111587" i="1"/>
  <c r="AE111588" i="1"/>
  <c r="AE111589" i="1"/>
  <c r="AE111590" i="1"/>
  <c r="AE111591" i="1"/>
  <c r="AE111592" i="1"/>
  <c r="AE111593" i="1"/>
  <c r="AE111594" i="1"/>
  <c r="AE111595" i="1"/>
  <c r="AE111596" i="1"/>
  <c r="AE111597" i="1"/>
  <c r="AE111598" i="1"/>
  <c r="AE111599" i="1"/>
  <c r="AE111600" i="1"/>
  <c r="AE111601" i="1"/>
  <c r="AE111602" i="1"/>
  <c r="AE111603" i="1"/>
  <c r="AE111604" i="1"/>
  <c r="AE111605" i="1"/>
  <c r="AE111606" i="1"/>
  <c r="AE111607" i="1"/>
  <c r="AE111608" i="1"/>
  <c r="AE111609" i="1"/>
  <c r="AE111610" i="1"/>
  <c r="AE111611" i="1"/>
  <c r="AE111612" i="1"/>
  <c r="AE111613" i="1"/>
  <c r="AE111614" i="1"/>
  <c r="AE111615" i="1"/>
  <c r="AE111616" i="1"/>
  <c r="AE111617" i="1"/>
  <c r="AE111618" i="1"/>
  <c r="AE111619" i="1"/>
  <c r="AE111620" i="1"/>
  <c r="AE111621" i="1"/>
  <c r="AE111622" i="1"/>
  <c r="AE111623" i="1"/>
  <c r="AE111624" i="1"/>
  <c r="AE111625" i="1"/>
  <c r="AE111626" i="1"/>
  <c r="AE111627" i="1"/>
  <c r="AE111628" i="1"/>
  <c r="AE111629" i="1"/>
  <c r="AE111630" i="1"/>
  <c r="AE111631" i="1"/>
  <c r="AE111632" i="1"/>
  <c r="AE111633" i="1"/>
  <c r="AE111634" i="1"/>
  <c r="AE111635" i="1"/>
  <c r="AE111636" i="1"/>
  <c r="AE111637" i="1"/>
  <c r="AE111638" i="1"/>
  <c r="AE111639" i="1"/>
  <c r="AE111640" i="1"/>
  <c r="AE111641" i="1"/>
  <c r="AE111642" i="1"/>
  <c r="AE111643" i="1"/>
  <c r="AE111644" i="1"/>
  <c r="AE111645" i="1"/>
  <c r="AE111646" i="1"/>
  <c r="AE111647" i="1"/>
  <c r="AE111648" i="1"/>
  <c r="AE111649" i="1"/>
  <c r="AE111650" i="1"/>
  <c r="AE111651" i="1"/>
  <c r="AE111652" i="1"/>
  <c r="AE111653" i="1"/>
  <c r="AE111654" i="1"/>
  <c r="AE111655" i="1"/>
  <c r="AE111656" i="1"/>
  <c r="AE111657" i="1"/>
  <c r="AE111658" i="1"/>
  <c r="AE111659" i="1"/>
  <c r="AE111660" i="1"/>
  <c r="AE111661" i="1"/>
  <c r="AE111662" i="1"/>
  <c r="AE111663" i="1"/>
  <c r="AE111664" i="1"/>
  <c r="AE111665" i="1"/>
  <c r="AE111666" i="1"/>
  <c r="AE111667" i="1"/>
  <c r="AE111668" i="1"/>
  <c r="AE111669" i="1"/>
  <c r="AE111670" i="1"/>
  <c r="AE111671" i="1"/>
  <c r="AE111672" i="1"/>
  <c r="AE111673" i="1"/>
  <c r="AE111674" i="1"/>
  <c r="AE111675" i="1"/>
  <c r="AE111676" i="1"/>
  <c r="AE111677" i="1"/>
  <c r="AE111678" i="1"/>
  <c r="AE111679" i="1"/>
  <c r="AE111680" i="1"/>
  <c r="AE111681" i="1"/>
  <c r="AE111682" i="1"/>
  <c r="AE111683" i="1"/>
  <c r="AE111684" i="1"/>
  <c r="AE111685" i="1"/>
  <c r="AE111686" i="1"/>
  <c r="AE111687" i="1"/>
  <c r="AE111688" i="1"/>
  <c r="AE111689" i="1"/>
  <c r="AE111690" i="1"/>
  <c r="AE111691" i="1"/>
  <c r="AE111692" i="1"/>
  <c r="AE111693" i="1"/>
  <c r="AE111694" i="1"/>
  <c r="AE111695" i="1"/>
  <c r="AE111696" i="1"/>
  <c r="AE111697" i="1"/>
  <c r="AE111698" i="1"/>
  <c r="AE111699" i="1"/>
  <c r="AE111700" i="1"/>
  <c r="AE111701" i="1"/>
  <c r="AE111702" i="1"/>
  <c r="AE111703" i="1"/>
  <c r="AE111704" i="1"/>
  <c r="AE111705" i="1"/>
  <c r="AE111706" i="1"/>
  <c r="AE111707" i="1"/>
  <c r="AE111708" i="1"/>
  <c r="AE111709" i="1"/>
  <c r="AE111710" i="1"/>
  <c r="AE111711" i="1"/>
  <c r="AE111712" i="1"/>
  <c r="AE111713" i="1"/>
  <c r="AE111714" i="1"/>
  <c r="AE111715" i="1"/>
  <c r="AE111716" i="1"/>
  <c r="AE111717" i="1"/>
  <c r="AE111718" i="1"/>
  <c r="AE111719" i="1"/>
  <c r="AE111720" i="1"/>
  <c r="AE111721" i="1"/>
  <c r="AE111722" i="1"/>
  <c r="AE111723" i="1"/>
  <c r="AE111724" i="1"/>
  <c r="AE111725" i="1"/>
  <c r="AE111726" i="1"/>
  <c r="AE111727" i="1"/>
  <c r="AE111728" i="1"/>
  <c r="AE111729" i="1"/>
  <c r="AE111730" i="1"/>
  <c r="AE111731" i="1"/>
  <c r="AE111732" i="1"/>
  <c r="AE111733" i="1"/>
  <c r="AE111734" i="1"/>
  <c r="AE111735" i="1"/>
  <c r="AE111736" i="1"/>
  <c r="AE111737" i="1"/>
  <c r="AE111738" i="1"/>
  <c r="AE111739" i="1"/>
  <c r="AE111740" i="1"/>
  <c r="AE111741" i="1"/>
  <c r="AE111742" i="1"/>
  <c r="AE111743" i="1"/>
  <c r="AE111744" i="1"/>
  <c r="AE111745" i="1"/>
  <c r="AE111746" i="1"/>
  <c r="AE111747" i="1"/>
  <c r="AE111748" i="1"/>
  <c r="AE111749" i="1"/>
  <c r="AE111750" i="1"/>
  <c r="AE111751" i="1"/>
  <c r="AE111752" i="1"/>
  <c r="AE111753" i="1"/>
  <c r="AE111754" i="1"/>
  <c r="AE111755" i="1"/>
  <c r="AE111756" i="1"/>
  <c r="AE111757" i="1"/>
  <c r="AE111758" i="1"/>
  <c r="AE111759" i="1"/>
  <c r="AE111760" i="1"/>
  <c r="AE111761" i="1"/>
  <c r="AE111762" i="1"/>
  <c r="AE111763" i="1"/>
  <c r="AE111764" i="1"/>
  <c r="AE111765" i="1"/>
  <c r="AE111766" i="1"/>
  <c r="AE111767" i="1"/>
  <c r="AE111768" i="1"/>
  <c r="AE111769" i="1"/>
  <c r="AE111770" i="1"/>
  <c r="AE111771" i="1"/>
  <c r="AE111772" i="1"/>
  <c r="AE111773" i="1"/>
  <c r="AE111774" i="1"/>
  <c r="AE111775" i="1"/>
  <c r="AE111776" i="1"/>
  <c r="AE111777" i="1"/>
  <c r="AE111778" i="1"/>
  <c r="AE111779" i="1"/>
  <c r="AE111780" i="1"/>
  <c r="AE111781" i="1"/>
  <c r="AE111782" i="1"/>
  <c r="AE111783" i="1"/>
  <c r="AE111784" i="1"/>
  <c r="AE111785" i="1"/>
  <c r="AE111786" i="1"/>
  <c r="AE111787" i="1"/>
  <c r="AE111788" i="1"/>
  <c r="AE111789" i="1"/>
  <c r="AE111790" i="1"/>
  <c r="AE111791" i="1"/>
  <c r="AE111792" i="1"/>
  <c r="AE111793" i="1"/>
  <c r="AE111794" i="1"/>
  <c r="AE111795" i="1"/>
  <c r="AE111796" i="1"/>
  <c r="AE111797" i="1"/>
  <c r="AE111798" i="1"/>
  <c r="AE111799" i="1"/>
  <c r="AE111800" i="1"/>
  <c r="AE111801" i="1"/>
  <c r="AE111802" i="1"/>
  <c r="AE111803" i="1"/>
  <c r="AE111804" i="1"/>
  <c r="AE111805" i="1"/>
  <c r="AE111806" i="1"/>
  <c r="AE111807" i="1"/>
  <c r="AE111808" i="1"/>
  <c r="AE111809" i="1"/>
  <c r="AE111810" i="1"/>
  <c r="AE111811" i="1"/>
  <c r="AE111812" i="1"/>
  <c r="AE111813" i="1"/>
  <c r="AE111814" i="1"/>
  <c r="AE111815" i="1"/>
  <c r="AE111816" i="1"/>
  <c r="AE111817" i="1"/>
  <c r="AE111818" i="1"/>
  <c r="AE111819" i="1"/>
  <c r="AE111820" i="1"/>
  <c r="AE111821" i="1"/>
  <c r="AE111822" i="1"/>
  <c r="AE111823" i="1"/>
  <c r="AE111824" i="1"/>
  <c r="AE111825" i="1"/>
  <c r="AE111826" i="1"/>
  <c r="AE111827" i="1"/>
  <c r="AE111828" i="1"/>
  <c r="AE111829" i="1"/>
  <c r="AE111830" i="1"/>
  <c r="AE111831" i="1"/>
  <c r="AE111832" i="1"/>
  <c r="AE111833" i="1"/>
  <c r="AE111834" i="1"/>
  <c r="AE111835" i="1"/>
  <c r="AE111836" i="1"/>
  <c r="AE111837" i="1"/>
  <c r="AE111838" i="1"/>
  <c r="AE111839" i="1"/>
  <c r="AE111840" i="1"/>
  <c r="AE111841" i="1"/>
  <c r="AE111842" i="1"/>
  <c r="AE111843" i="1"/>
  <c r="AE111844" i="1"/>
  <c r="AE111845" i="1"/>
  <c r="AE111846" i="1"/>
  <c r="AE111847" i="1"/>
  <c r="AE111848" i="1"/>
  <c r="AE111849" i="1"/>
  <c r="AE111850" i="1"/>
  <c r="AE111851" i="1"/>
  <c r="AE111852" i="1"/>
  <c r="AE111853" i="1"/>
  <c r="AE111854" i="1"/>
  <c r="AE111855" i="1"/>
  <c r="AE111856" i="1"/>
  <c r="AE111857" i="1"/>
  <c r="AE111858" i="1"/>
  <c r="AE111859" i="1"/>
  <c r="AE111860" i="1"/>
  <c r="AE111861" i="1"/>
  <c r="AE111862" i="1"/>
  <c r="AE111863" i="1"/>
  <c r="AE111864" i="1"/>
  <c r="AE111865" i="1"/>
  <c r="AE111866" i="1"/>
  <c r="AE111867" i="1"/>
  <c r="AE111868" i="1"/>
  <c r="AE111869" i="1"/>
  <c r="AE111870" i="1"/>
  <c r="AE111871" i="1"/>
  <c r="AE111872" i="1"/>
  <c r="AE111873" i="1"/>
  <c r="AE111874" i="1"/>
  <c r="AE111875" i="1"/>
  <c r="AE111876" i="1"/>
  <c r="AE111877" i="1"/>
  <c r="AE111878" i="1"/>
  <c r="AE111879" i="1"/>
  <c r="AE111880" i="1"/>
  <c r="AE111881" i="1"/>
  <c r="AE111882" i="1"/>
  <c r="AE111883" i="1"/>
  <c r="AE111884" i="1"/>
  <c r="AE111885" i="1"/>
  <c r="AE111886" i="1"/>
  <c r="AE111887" i="1"/>
  <c r="AE111888" i="1"/>
  <c r="AE111889" i="1"/>
  <c r="AE111890" i="1"/>
  <c r="AE111891" i="1"/>
  <c r="AE111892" i="1"/>
  <c r="AE111893" i="1"/>
  <c r="AE111894" i="1"/>
  <c r="AE111895" i="1"/>
  <c r="AE111896" i="1"/>
  <c r="AE111897" i="1"/>
  <c r="AE111898" i="1"/>
  <c r="AE111899" i="1"/>
  <c r="AE111900" i="1"/>
  <c r="AE111901" i="1"/>
  <c r="AE111902" i="1"/>
  <c r="AE111903" i="1"/>
  <c r="AE111904" i="1"/>
  <c r="AE111905" i="1"/>
  <c r="AE111906" i="1"/>
  <c r="AE111907" i="1"/>
  <c r="AE111908" i="1"/>
  <c r="AE111909" i="1"/>
  <c r="AE111910" i="1"/>
  <c r="AE111911" i="1"/>
  <c r="AE111912" i="1"/>
  <c r="AE111913" i="1"/>
  <c r="AE111914" i="1"/>
  <c r="AE111915" i="1"/>
  <c r="AE111916" i="1"/>
  <c r="AE111917" i="1"/>
  <c r="AE111918" i="1"/>
  <c r="AE111919" i="1"/>
  <c r="AE111920" i="1"/>
  <c r="AE111921" i="1"/>
  <c r="AE111922" i="1"/>
  <c r="AE111923" i="1"/>
  <c r="AE111924" i="1"/>
  <c r="AE111925" i="1"/>
  <c r="AE111926" i="1"/>
  <c r="AE111927" i="1"/>
  <c r="AE111928" i="1"/>
  <c r="AE111929" i="1"/>
  <c r="AE111930" i="1"/>
  <c r="AE111931" i="1"/>
  <c r="AE111932" i="1"/>
  <c r="AE111933" i="1"/>
  <c r="AE111934" i="1"/>
  <c r="AE111935" i="1"/>
  <c r="AE111936" i="1"/>
  <c r="AE111937" i="1"/>
  <c r="AE111938" i="1"/>
  <c r="AE111939" i="1"/>
  <c r="AE111940" i="1"/>
  <c r="AE111941" i="1"/>
  <c r="AE111942" i="1"/>
  <c r="AE111943" i="1"/>
  <c r="AE111944" i="1"/>
  <c r="AE111945" i="1"/>
  <c r="AE111946" i="1"/>
  <c r="AE111947" i="1"/>
  <c r="AE111948" i="1"/>
  <c r="AE111949" i="1"/>
  <c r="AE111950" i="1"/>
  <c r="AE111951" i="1"/>
  <c r="AE111952" i="1"/>
  <c r="AE111953" i="1"/>
  <c r="AE111954" i="1"/>
  <c r="AE111955" i="1"/>
  <c r="AE111956" i="1"/>
  <c r="AE111957" i="1"/>
  <c r="AE111958" i="1"/>
  <c r="AE111959" i="1"/>
  <c r="AE111960" i="1"/>
  <c r="AE111961" i="1"/>
  <c r="AE111962" i="1"/>
  <c r="AE111963" i="1"/>
  <c r="AE111964" i="1"/>
  <c r="AE111965" i="1"/>
  <c r="AE111966" i="1"/>
  <c r="AE111967" i="1"/>
  <c r="AE111968" i="1"/>
  <c r="AE111969" i="1"/>
  <c r="AE111970" i="1"/>
  <c r="AE111971" i="1"/>
  <c r="AE111972" i="1"/>
  <c r="AE111973" i="1"/>
  <c r="AE111974" i="1"/>
  <c r="AE111975" i="1"/>
  <c r="AE111976" i="1"/>
  <c r="AE111977" i="1"/>
  <c r="AE111978" i="1"/>
  <c r="AE111979" i="1"/>
  <c r="AE111980" i="1"/>
  <c r="AE111981" i="1"/>
  <c r="AE111982" i="1"/>
  <c r="AE111983" i="1"/>
  <c r="AE111984" i="1"/>
  <c r="AE111985" i="1"/>
  <c r="AE111986" i="1"/>
  <c r="AE111987" i="1"/>
  <c r="AE111988" i="1"/>
  <c r="AE111989" i="1"/>
  <c r="AE111990" i="1"/>
  <c r="AE111991" i="1"/>
  <c r="AE111992" i="1"/>
  <c r="AE111993" i="1"/>
  <c r="AE111994" i="1"/>
  <c r="AE111995" i="1"/>
  <c r="AE111996" i="1"/>
  <c r="AE111997" i="1"/>
  <c r="AE111998" i="1"/>
  <c r="AE111999" i="1"/>
  <c r="AE112000" i="1"/>
  <c r="AE112001" i="1"/>
  <c r="AE112002" i="1"/>
  <c r="AE112003" i="1"/>
  <c r="AE112004" i="1"/>
  <c r="AE112005" i="1"/>
  <c r="AE112006" i="1"/>
  <c r="AE112007" i="1"/>
  <c r="AE112008" i="1"/>
  <c r="AE112009" i="1"/>
  <c r="AE112010" i="1"/>
  <c r="AE112011" i="1"/>
  <c r="AE112012" i="1"/>
  <c r="AE112013" i="1"/>
  <c r="AE112014" i="1"/>
  <c r="AE112015" i="1"/>
  <c r="AE112016" i="1"/>
  <c r="AE112017" i="1"/>
  <c r="AE112018" i="1"/>
  <c r="AE112019" i="1"/>
  <c r="AE112020" i="1"/>
  <c r="AE112021" i="1"/>
  <c r="AE112022" i="1"/>
  <c r="AE112023" i="1"/>
  <c r="AE112024" i="1"/>
  <c r="AE112025" i="1"/>
  <c r="AE112026" i="1"/>
  <c r="AE112027" i="1"/>
  <c r="AE112028" i="1"/>
  <c r="AE112029" i="1"/>
  <c r="AE112030" i="1"/>
  <c r="AE112031" i="1"/>
  <c r="AE112032" i="1"/>
  <c r="AE112033" i="1"/>
  <c r="AE112034" i="1"/>
  <c r="AE112035" i="1"/>
  <c r="AE112036" i="1"/>
  <c r="AE112037" i="1"/>
  <c r="AE112038" i="1"/>
  <c r="AE112039" i="1"/>
  <c r="AE112040" i="1"/>
  <c r="AE112041" i="1"/>
  <c r="AE112042" i="1"/>
  <c r="AE112043" i="1"/>
  <c r="AE112044" i="1"/>
  <c r="AE112045" i="1"/>
  <c r="AE112046" i="1"/>
  <c r="AE112047" i="1"/>
  <c r="AE112048" i="1"/>
  <c r="AE112049" i="1"/>
  <c r="AE112050" i="1"/>
  <c r="AE112051" i="1"/>
  <c r="AE112052" i="1"/>
  <c r="AE112053" i="1"/>
  <c r="AE112054" i="1"/>
  <c r="AE112055" i="1"/>
  <c r="AE112056" i="1"/>
  <c r="AE112057" i="1"/>
  <c r="AE112058" i="1"/>
  <c r="AE112059" i="1"/>
  <c r="AE112060" i="1"/>
  <c r="AE112061" i="1"/>
  <c r="AE112062" i="1"/>
  <c r="AE112063" i="1"/>
  <c r="AE112064" i="1"/>
  <c r="AE112065" i="1"/>
  <c r="AE112066" i="1"/>
  <c r="AE112067" i="1"/>
  <c r="AE112068" i="1"/>
  <c r="AE112069" i="1"/>
  <c r="AE112070" i="1"/>
  <c r="AE112071" i="1"/>
  <c r="AE112072" i="1"/>
  <c r="AE112073" i="1"/>
  <c r="AE112074" i="1"/>
  <c r="AE112075" i="1"/>
  <c r="AE112076" i="1"/>
  <c r="AE112077" i="1"/>
  <c r="AE112078" i="1"/>
  <c r="AE112079" i="1"/>
  <c r="AE112080" i="1"/>
  <c r="AE112081" i="1"/>
  <c r="AE112082" i="1"/>
  <c r="AE112083" i="1"/>
  <c r="AE112084" i="1"/>
  <c r="AE112085" i="1"/>
  <c r="AE112086" i="1"/>
  <c r="AE112087" i="1"/>
  <c r="AE112088" i="1"/>
  <c r="AE112089" i="1"/>
  <c r="AE112090" i="1"/>
  <c r="AE112091" i="1"/>
  <c r="AE112092" i="1"/>
  <c r="AE112093" i="1"/>
  <c r="AE112094" i="1"/>
  <c r="AE112095" i="1"/>
  <c r="AE112096" i="1"/>
  <c r="AE112097" i="1"/>
  <c r="AE112098" i="1"/>
  <c r="AE112099" i="1"/>
  <c r="AE112100" i="1"/>
  <c r="AE112101" i="1"/>
  <c r="AE112102" i="1"/>
  <c r="AE112103" i="1"/>
  <c r="AE112104" i="1"/>
  <c r="AE112105" i="1"/>
  <c r="AE112106" i="1"/>
  <c r="AE112107" i="1"/>
  <c r="AE112108" i="1"/>
  <c r="AE112109" i="1"/>
  <c r="AE112110" i="1"/>
  <c r="AE112111" i="1"/>
  <c r="AE112112" i="1"/>
  <c r="AE112113" i="1"/>
  <c r="AE112114" i="1"/>
  <c r="AE112115" i="1"/>
  <c r="AE112116" i="1"/>
  <c r="AE112117" i="1"/>
  <c r="AE112118" i="1"/>
  <c r="AE112119" i="1"/>
  <c r="AE112120" i="1"/>
  <c r="AE112121" i="1"/>
  <c r="AE112122" i="1"/>
  <c r="AE112123" i="1"/>
  <c r="AE112124" i="1"/>
  <c r="AE112125" i="1"/>
  <c r="AE112126" i="1"/>
  <c r="AE112127" i="1"/>
  <c r="AE112128" i="1"/>
  <c r="AE112129" i="1"/>
  <c r="AE112130" i="1"/>
  <c r="AE112131" i="1"/>
  <c r="AE112132" i="1"/>
  <c r="AE112133" i="1"/>
  <c r="AE112134" i="1"/>
  <c r="AE112135" i="1"/>
  <c r="AE112136" i="1"/>
  <c r="AE112137" i="1"/>
  <c r="AE112138" i="1"/>
  <c r="AE112139" i="1"/>
  <c r="AE112140" i="1"/>
  <c r="AE112141" i="1"/>
  <c r="AE112142" i="1"/>
  <c r="AE112143" i="1"/>
  <c r="AE112144" i="1"/>
  <c r="AE112145" i="1"/>
  <c r="AE112146" i="1"/>
  <c r="AE112147" i="1"/>
  <c r="AE112148" i="1"/>
  <c r="AE112149" i="1"/>
  <c r="AE112150" i="1"/>
  <c r="AE112151" i="1"/>
  <c r="AE112152" i="1"/>
  <c r="AE112153" i="1"/>
  <c r="AE112154" i="1"/>
  <c r="AE112155" i="1"/>
  <c r="AE112156" i="1"/>
  <c r="AE112157" i="1"/>
  <c r="AE112158" i="1"/>
  <c r="AE112159" i="1"/>
  <c r="AE112160" i="1"/>
  <c r="AE112161" i="1"/>
  <c r="AE112162" i="1"/>
  <c r="AE112163" i="1"/>
  <c r="AE112164" i="1"/>
  <c r="AE112165" i="1"/>
  <c r="AE112166" i="1"/>
  <c r="AE112167" i="1"/>
  <c r="AE112168" i="1"/>
  <c r="AE112169" i="1"/>
  <c r="AE112170" i="1"/>
  <c r="AE112171" i="1"/>
  <c r="AE112172" i="1"/>
  <c r="AE112173" i="1"/>
  <c r="AE112174" i="1"/>
  <c r="AE112175" i="1"/>
  <c r="AE112176" i="1"/>
  <c r="AE112177" i="1"/>
  <c r="AE112178" i="1"/>
  <c r="AE112179" i="1"/>
  <c r="AE112180" i="1"/>
  <c r="AE112181" i="1"/>
  <c r="AE112182" i="1"/>
  <c r="AE112183" i="1"/>
  <c r="AE112184" i="1"/>
  <c r="AE112185" i="1"/>
  <c r="AE112186" i="1"/>
  <c r="AE112187" i="1"/>
  <c r="AE112188" i="1"/>
  <c r="AE112189" i="1"/>
  <c r="AE112190" i="1"/>
  <c r="AE112191" i="1"/>
  <c r="AE112192" i="1"/>
  <c r="AE112193" i="1"/>
  <c r="AE112194" i="1"/>
  <c r="AE112195" i="1"/>
  <c r="AE112196" i="1"/>
  <c r="AE112197" i="1"/>
  <c r="AE112198" i="1"/>
  <c r="AE112199" i="1"/>
  <c r="AE112200" i="1"/>
  <c r="AE112201" i="1"/>
  <c r="AE112202" i="1"/>
  <c r="AE112203" i="1"/>
  <c r="AE112204" i="1"/>
  <c r="AE112205" i="1"/>
  <c r="AE112206" i="1"/>
  <c r="AE112207" i="1"/>
  <c r="AE112208" i="1"/>
  <c r="AE112209" i="1"/>
  <c r="AE112210" i="1"/>
  <c r="AE112211" i="1"/>
  <c r="AE112212" i="1"/>
  <c r="AE112213" i="1"/>
  <c r="AE112214" i="1"/>
  <c r="AE112215" i="1"/>
  <c r="AE112216" i="1"/>
  <c r="AE112217" i="1"/>
  <c r="AE112218" i="1"/>
  <c r="AE112219" i="1"/>
  <c r="AE112220" i="1"/>
  <c r="AE112221" i="1"/>
  <c r="AE112222" i="1"/>
  <c r="AE112223" i="1"/>
  <c r="AE112224" i="1"/>
  <c r="AE112225" i="1"/>
  <c r="AE112226" i="1"/>
  <c r="AE112227" i="1"/>
  <c r="AE112228" i="1"/>
  <c r="AE112229" i="1"/>
  <c r="AE112230" i="1"/>
  <c r="AE112231" i="1"/>
  <c r="AE112232" i="1"/>
  <c r="AE112233" i="1"/>
  <c r="AE112234" i="1"/>
  <c r="AE112235" i="1"/>
  <c r="AE112236" i="1"/>
  <c r="AE112237" i="1"/>
  <c r="AE112238" i="1"/>
  <c r="AE112239" i="1"/>
  <c r="AE112240" i="1"/>
  <c r="AE112241" i="1"/>
  <c r="AE112242" i="1"/>
  <c r="AE112243" i="1"/>
  <c r="AE112244" i="1"/>
  <c r="AE112245" i="1"/>
  <c r="AE112246" i="1"/>
  <c r="AE112247" i="1"/>
  <c r="AE112248" i="1"/>
  <c r="AE112249" i="1"/>
  <c r="AE112250" i="1"/>
  <c r="AE112251" i="1"/>
  <c r="AE112252" i="1"/>
  <c r="AE112253" i="1"/>
  <c r="AE112254" i="1"/>
  <c r="AE112255" i="1"/>
  <c r="AE112256" i="1"/>
  <c r="AE112257" i="1"/>
  <c r="AE112258" i="1"/>
  <c r="AE112259" i="1"/>
  <c r="AE112260" i="1"/>
  <c r="AE112261" i="1"/>
  <c r="AE112262" i="1"/>
  <c r="AE112263" i="1"/>
  <c r="AE112264" i="1"/>
  <c r="AE112265" i="1"/>
  <c r="AE112266" i="1"/>
  <c r="AE112267" i="1"/>
  <c r="AE112268" i="1"/>
  <c r="AE112269" i="1"/>
  <c r="AE112270" i="1"/>
  <c r="AE112271" i="1"/>
  <c r="AE112272" i="1"/>
  <c r="AE112273" i="1"/>
  <c r="AE112274" i="1"/>
  <c r="AE112275" i="1"/>
  <c r="AE112276" i="1"/>
  <c r="AE112277" i="1"/>
  <c r="AE112278" i="1"/>
  <c r="AE112279" i="1"/>
  <c r="AE112280" i="1"/>
  <c r="AE112281" i="1"/>
  <c r="AE112282" i="1"/>
  <c r="AE112283" i="1"/>
  <c r="AE112284" i="1"/>
  <c r="AE112285" i="1"/>
  <c r="AE112286" i="1"/>
  <c r="AE112287" i="1"/>
  <c r="AE112288" i="1"/>
  <c r="AE112289" i="1"/>
  <c r="AE112290" i="1"/>
  <c r="AE112291" i="1"/>
  <c r="AE112292" i="1"/>
  <c r="AE112293" i="1"/>
  <c r="AE112294" i="1"/>
  <c r="AE112295" i="1"/>
  <c r="AE112296" i="1"/>
  <c r="AE112297" i="1"/>
  <c r="AE112298" i="1"/>
  <c r="AE112299" i="1"/>
  <c r="AE112300" i="1"/>
  <c r="AE112301" i="1"/>
  <c r="AE112302" i="1"/>
  <c r="AE112303" i="1"/>
  <c r="AE112304" i="1"/>
  <c r="AE112305" i="1"/>
  <c r="AE112306" i="1"/>
  <c r="AE112307" i="1"/>
  <c r="AE112308" i="1"/>
  <c r="AE112309" i="1"/>
  <c r="AE112310" i="1"/>
  <c r="AE112311" i="1"/>
  <c r="AE112312" i="1"/>
  <c r="AE112313" i="1"/>
  <c r="AE112314" i="1"/>
  <c r="AE112315" i="1"/>
  <c r="AE112316" i="1"/>
  <c r="AE112317" i="1"/>
  <c r="AE112318" i="1"/>
  <c r="AE112319" i="1"/>
  <c r="AE112320" i="1"/>
  <c r="AE112321" i="1"/>
  <c r="AE112322" i="1"/>
  <c r="AE112323" i="1"/>
  <c r="AE112324" i="1"/>
  <c r="AE112325" i="1"/>
  <c r="AE112326" i="1"/>
  <c r="AE112327" i="1"/>
  <c r="AE112328" i="1"/>
  <c r="AE112329" i="1"/>
  <c r="AE112330" i="1"/>
  <c r="AE112331" i="1"/>
  <c r="AE112332" i="1"/>
  <c r="AE112333" i="1"/>
  <c r="AE112334" i="1"/>
  <c r="AE112335" i="1"/>
  <c r="AE112336" i="1"/>
  <c r="AE112337" i="1"/>
  <c r="AE112338" i="1"/>
  <c r="AE112339" i="1"/>
  <c r="AE112340" i="1"/>
  <c r="AE112341" i="1"/>
  <c r="AE112342" i="1"/>
  <c r="AE112343" i="1"/>
  <c r="AE112344" i="1"/>
  <c r="AE112345" i="1"/>
  <c r="AE112346" i="1"/>
  <c r="AE112347" i="1"/>
  <c r="AE112348" i="1"/>
  <c r="AE112349" i="1"/>
  <c r="AE112350" i="1"/>
  <c r="AE112351" i="1"/>
  <c r="AE112352" i="1"/>
  <c r="AE112353" i="1"/>
  <c r="AE112354" i="1"/>
  <c r="AE112355" i="1"/>
  <c r="AE112356" i="1"/>
  <c r="AE112357" i="1"/>
  <c r="AE112358" i="1"/>
  <c r="AE112359" i="1"/>
  <c r="AE112360" i="1"/>
  <c r="AE112361" i="1"/>
  <c r="AE112362" i="1"/>
  <c r="AE112363" i="1"/>
  <c r="AE112364" i="1"/>
  <c r="AE112365" i="1"/>
  <c r="AE112366" i="1"/>
  <c r="AE112367" i="1"/>
  <c r="AE112368" i="1"/>
  <c r="AE112369" i="1"/>
  <c r="AE112370" i="1"/>
  <c r="AE112371" i="1"/>
  <c r="AE112372" i="1"/>
  <c r="AE112373" i="1"/>
  <c r="AE112374" i="1"/>
  <c r="AE112375" i="1"/>
  <c r="AE112376" i="1"/>
  <c r="AE112377" i="1"/>
  <c r="AE112378" i="1"/>
  <c r="AE112379" i="1"/>
  <c r="AE112380" i="1"/>
  <c r="AE112381" i="1"/>
  <c r="AE112382" i="1"/>
  <c r="AE112383" i="1"/>
  <c r="AE112384" i="1"/>
  <c r="AE112385" i="1"/>
  <c r="AE112386" i="1"/>
  <c r="AE112387" i="1"/>
  <c r="AE112388" i="1"/>
  <c r="AE112389" i="1"/>
  <c r="AE112390" i="1"/>
  <c r="AE112391" i="1"/>
  <c r="AE112392" i="1"/>
  <c r="AE112393" i="1"/>
  <c r="AE112394" i="1"/>
  <c r="AE112395" i="1"/>
  <c r="AE112396" i="1"/>
  <c r="AE112397" i="1"/>
  <c r="AE112398" i="1"/>
  <c r="AE112399" i="1"/>
  <c r="AE112400" i="1"/>
  <c r="AE112401" i="1"/>
  <c r="AE112402" i="1"/>
  <c r="AE112403" i="1"/>
  <c r="AE112404" i="1"/>
  <c r="AE112405" i="1"/>
  <c r="AE112406" i="1"/>
  <c r="AE112407" i="1"/>
  <c r="AE112408" i="1"/>
  <c r="AE112409" i="1"/>
  <c r="AE112410" i="1"/>
  <c r="AE112411" i="1"/>
  <c r="AE112412" i="1"/>
  <c r="AE112413" i="1"/>
  <c r="AE112414" i="1"/>
  <c r="AE112415" i="1"/>
  <c r="AE112416" i="1"/>
  <c r="AE112417" i="1"/>
  <c r="AE112418" i="1"/>
  <c r="AE112419" i="1"/>
  <c r="AE112420" i="1"/>
  <c r="AE112421" i="1"/>
  <c r="AE112422" i="1"/>
  <c r="AE112423" i="1"/>
  <c r="AE112424" i="1"/>
  <c r="AE112425" i="1"/>
  <c r="AE112426" i="1"/>
  <c r="AE112427" i="1"/>
  <c r="AE112428" i="1"/>
  <c r="AE112429" i="1"/>
  <c r="AE112430" i="1"/>
  <c r="AE112431" i="1"/>
  <c r="AE112432" i="1"/>
  <c r="AE112433" i="1"/>
  <c r="AE112434" i="1"/>
  <c r="AE112435" i="1"/>
  <c r="AE112436" i="1"/>
  <c r="AE112437" i="1"/>
  <c r="AE112438" i="1"/>
  <c r="AE112439" i="1"/>
  <c r="AE112440" i="1"/>
  <c r="AE112441" i="1"/>
  <c r="AE112442" i="1"/>
  <c r="AE112443" i="1"/>
  <c r="AE112444" i="1"/>
  <c r="AE112445" i="1"/>
  <c r="AE112446" i="1"/>
  <c r="AE112447" i="1"/>
  <c r="AE112448" i="1"/>
  <c r="AE112449" i="1"/>
  <c r="AE112450" i="1"/>
  <c r="AE112451" i="1"/>
  <c r="AE112452" i="1"/>
  <c r="AE112453" i="1"/>
  <c r="AE112454" i="1"/>
  <c r="AE112455" i="1"/>
  <c r="AE112456" i="1"/>
  <c r="AE112457" i="1"/>
  <c r="AE112458" i="1"/>
  <c r="AE112459" i="1"/>
  <c r="AE112460" i="1"/>
  <c r="AE112461" i="1"/>
  <c r="AE112462" i="1"/>
  <c r="AE112463" i="1"/>
  <c r="AE112464" i="1"/>
  <c r="AE112465" i="1"/>
  <c r="AE112466" i="1"/>
  <c r="AE112467" i="1"/>
  <c r="AE112468" i="1"/>
  <c r="AE112469" i="1"/>
  <c r="AE112470" i="1"/>
  <c r="AE112471" i="1"/>
  <c r="AE112472" i="1"/>
  <c r="AE112473" i="1"/>
  <c r="AE112474" i="1"/>
  <c r="AE112475" i="1"/>
  <c r="AE112476" i="1"/>
  <c r="AE112477" i="1"/>
  <c r="AE112478" i="1"/>
  <c r="AE112479" i="1"/>
  <c r="AE112480" i="1"/>
  <c r="AE112481" i="1"/>
  <c r="AE112482" i="1"/>
  <c r="AE112483" i="1"/>
  <c r="AE112484" i="1"/>
  <c r="AE112485" i="1"/>
  <c r="AE112486" i="1"/>
  <c r="AE112487" i="1"/>
  <c r="AE112488" i="1"/>
  <c r="AE112489" i="1"/>
  <c r="AE112490" i="1"/>
  <c r="AE112491" i="1"/>
  <c r="AE112492" i="1"/>
  <c r="AE112493" i="1"/>
  <c r="AE112494" i="1"/>
  <c r="AE112495" i="1"/>
  <c r="AE112496" i="1"/>
  <c r="AE112497" i="1"/>
  <c r="AE112498" i="1"/>
  <c r="AE112499" i="1"/>
  <c r="AE112500" i="1"/>
  <c r="AE112501" i="1"/>
  <c r="AE112502" i="1"/>
  <c r="AE112503" i="1"/>
  <c r="AE112504" i="1"/>
  <c r="AE112505" i="1"/>
  <c r="AE112506" i="1"/>
  <c r="AE112507" i="1"/>
  <c r="AE112508" i="1"/>
  <c r="AE112509" i="1"/>
  <c r="AE112510" i="1"/>
  <c r="AE112511" i="1"/>
  <c r="AE112512" i="1"/>
  <c r="AE112513" i="1"/>
  <c r="AE112514" i="1"/>
  <c r="AE112515" i="1"/>
  <c r="AE112516" i="1"/>
  <c r="AE112517" i="1"/>
  <c r="AE112518" i="1"/>
  <c r="AE112519" i="1"/>
  <c r="AE112520" i="1"/>
  <c r="AE112521" i="1"/>
  <c r="AE112522" i="1"/>
  <c r="AE112523" i="1"/>
  <c r="AE112524" i="1"/>
  <c r="AE112525" i="1"/>
  <c r="AE112526" i="1"/>
  <c r="AE112527" i="1"/>
  <c r="AE112528" i="1"/>
  <c r="AE112529" i="1"/>
  <c r="AE112530" i="1"/>
  <c r="AE112531" i="1"/>
  <c r="AE112532" i="1"/>
  <c r="AE112533" i="1"/>
  <c r="AE112534" i="1"/>
  <c r="AE112535" i="1"/>
  <c r="AE112536" i="1"/>
  <c r="AE112537" i="1"/>
  <c r="AE112538" i="1"/>
  <c r="AE112539" i="1"/>
  <c r="AE112540" i="1"/>
  <c r="AE112541" i="1"/>
  <c r="AE112542" i="1"/>
  <c r="AE112543" i="1"/>
  <c r="AE112544" i="1"/>
  <c r="AE112545" i="1"/>
  <c r="AE112546" i="1"/>
  <c r="AE112547" i="1"/>
  <c r="AE112548" i="1"/>
  <c r="AE112549" i="1"/>
  <c r="AE112550" i="1"/>
  <c r="AE112551" i="1"/>
  <c r="AE112552" i="1"/>
  <c r="AE112553" i="1"/>
  <c r="AE112554" i="1"/>
  <c r="AE112555" i="1"/>
  <c r="AE112556" i="1"/>
  <c r="AE112557" i="1"/>
  <c r="AE112558" i="1"/>
  <c r="AE112559" i="1"/>
  <c r="AE112560" i="1"/>
  <c r="AE112561" i="1"/>
  <c r="AE112562" i="1"/>
  <c r="AE112563" i="1"/>
  <c r="AE112564" i="1"/>
  <c r="AE112565" i="1"/>
  <c r="AE112566" i="1"/>
  <c r="AE112567" i="1"/>
  <c r="AE112568" i="1"/>
  <c r="AE112569" i="1"/>
  <c r="AE112570" i="1"/>
  <c r="AE112571" i="1"/>
  <c r="AE112572" i="1"/>
  <c r="AE112573" i="1"/>
  <c r="AE112574" i="1"/>
  <c r="AE112575" i="1"/>
  <c r="AE112576" i="1"/>
  <c r="AE112577" i="1"/>
  <c r="AE112578" i="1"/>
  <c r="AE112579" i="1"/>
  <c r="AE112580" i="1"/>
  <c r="AE112581" i="1"/>
  <c r="AE112582" i="1"/>
  <c r="AE112583" i="1"/>
  <c r="AE112584" i="1"/>
  <c r="AE112585" i="1"/>
  <c r="AE112586" i="1"/>
  <c r="AE112587" i="1"/>
  <c r="AE112588" i="1"/>
  <c r="AE112589" i="1"/>
  <c r="AE112590" i="1"/>
  <c r="AE112591" i="1"/>
  <c r="AE112592" i="1"/>
  <c r="AE112593" i="1"/>
  <c r="AE112594" i="1"/>
  <c r="AE112595" i="1"/>
  <c r="AE112596" i="1"/>
  <c r="AE112597" i="1"/>
  <c r="AE112598" i="1"/>
  <c r="AE112599" i="1"/>
  <c r="AE112600" i="1"/>
  <c r="AE112601" i="1"/>
  <c r="AE112602" i="1"/>
  <c r="AE112603" i="1"/>
  <c r="AE112604" i="1"/>
  <c r="AE112605" i="1"/>
  <c r="AE112606" i="1"/>
  <c r="AE112607" i="1"/>
  <c r="AE112608" i="1"/>
  <c r="AE112609" i="1"/>
  <c r="AE112610" i="1"/>
  <c r="AE112611" i="1"/>
  <c r="AE112612" i="1"/>
  <c r="AE112613" i="1"/>
  <c r="AE112614" i="1"/>
  <c r="AE112615" i="1"/>
  <c r="AE112616" i="1"/>
  <c r="AE112617" i="1"/>
  <c r="AE112618" i="1"/>
  <c r="AE112619" i="1"/>
  <c r="AE112620" i="1"/>
  <c r="AE112621" i="1"/>
  <c r="AE112622" i="1"/>
  <c r="AE112623" i="1"/>
  <c r="AE112624" i="1"/>
  <c r="AE112625" i="1"/>
  <c r="AE112626" i="1"/>
  <c r="AE112627" i="1"/>
  <c r="AE112628" i="1"/>
  <c r="AE112629" i="1"/>
  <c r="AE112630" i="1"/>
  <c r="AE112631" i="1"/>
  <c r="AE112632" i="1"/>
  <c r="AE112633" i="1"/>
  <c r="AE112634" i="1"/>
  <c r="AE112635" i="1"/>
  <c r="AE112636" i="1"/>
  <c r="AE112637" i="1"/>
  <c r="AE112638" i="1"/>
  <c r="AE112639" i="1"/>
  <c r="AE112640" i="1"/>
  <c r="AE112641" i="1"/>
  <c r="AE112642" i="1"/>
  <c r="AE112643" i="1"/>
  <c r="AE112644" i="1"/>
  <c r="AE112645" i="1"/>
  <c r="AE112646" i="1"/>
  <c r="AE112647" i="1"/>
  <c r="AE112648" i="1"/>
  <c r="AE112649" i="1"/>
  <c r="AE112650" i="1"/>
  <c r="AE112651" i="1"/>
  <c r="AE112652" i="1"/>
  <c r="AE112653" i="1"/>
  <c r="AE112654" i="1"/>
  <c r="AE112655" i="1"/>
  <c r="AE112656" i="1"/>
  <c r="AE112657" i="1"/>
  <c r="AE112658" i="1"/>
  <c r="AE112659" i="1"/>
  <c r="AE112660" i="1"/>
  <c r="AE112661" i="1"/>
  <c r="AE112662" i="1"/>
  <c r="AE112663" i="1"/>
  <c r="AE112664" i="1"/>
  <c r="AE112665" i="1"/>
  <c r="AE112666" i="1"/>
  <c r="AE112667" i="1"/>
  <c r="AE112668" i="1"/>
  <c r="AE112669" i="1"/>
  <c r="AE112670" i="1"/>
  <c r="AE112671" i="1"/>
  <c r="AE112672" i="1"/>
  <c r="AE112673" i="1"/>
  <c r="AE112674" i="1"/>
  <c r="AE112675" i="1"/>
  <c r="AE112676" i="1"/>
  <c r="AE112677" i="1"/>
  <c r="AE112678" i="1"/>
  <c r="AE112679" i="1"/>
  <c r="AE112680" i="1"/>
  <c r="AE112681" i="1"/>
  <c r="AE112682" i="1"/>
  <c r="AE112683" i="1"/>
  <c r="AE112684" i="1"/>
  <c r="AE112685" i="1"/>
  <c r="AE112686" i="1"/>
  <c r="AE112687" i="1"/>
  <c r="AE112688" i="1"/>
  <c r="AE112689" i="1"/>
  <c r="AE112690" i="1"/>
  <c r="AE112691" i="1"/>
  <c r="AE112692" i="1"/>
  <c r="AE112693" i="1"/>
  <c r="AE112694" i="1"/>
  <c r="AE112695" i="1"/>
  <c r="AE112696" i="1"/>
  <c r="AE112697" i="1"/>
  <c r="AE112698" i="1"/>
  <c r="AE112699" i="1"/>
  <c r="AE112700" i="1"/>
  <c r="AE112701" i="1"/>
  <c r="AE112702" i="1"/>
  <c r="AE112703" i="1"/>
  <c r="AE112704" i="1"/>
  <c r="AE112705" i="1"/>
  <c r="AE112706" i="1"/>
  <c r="AE112707" i="1"/>
  <c r="AE112708" i="1"/>
  <c r="AE112709" i="1"/>
  <c r="AE112710" i="1"/>
  <c r="AE112711" i="1"/>
  <c r="AE112712" i="1"/>
  <c r="AE112713" i="1"/>
  <c r="AE112714" i="1"/>
  <c r="AE112715" i="1"/>
  <c r="AE112716" i="1"/>
  <c r="AE112717" i="1"/>
  <c r="AE112718" i="1"/>
  <c r="AE112719" i="1"/>
  <c r="AE112720" i="1"/>
  <c r="AE112721" i="1"/>
  <c r="AE112722" i="1"/>
  <c r="AE112723" i="1"/>
  <c r="AE112724" i="1"/>
  <c r="AE112725" i="1"/>
  <c r="AE112726" i="1"/>
  <c r="AE112727" i="1"/>
  <c r="AE112728" i="1"/>
  <c r="AE112729" i="1"/>
  <c r="AE112730" i="1"/>
  <c r="AE112731" i="1"/>
  <c r="AE112732" i="1"/>
  <c r="AE112733" i="1"/>
  <c r="AE112734" i="1"/>
  <c r="AE112735" i="1"/>
  <c r="AE112736" i="1"/>
  <c r="AE112737" i="1"/>
  <c r="AE112738" i="1"/>
  <c r="AE112739" i="1"/>
  <c r="AE112740" i="1"/>
  <c r="AE112741" i="1"/>
  <c r="AE112742" i="1"/>
  <c r="AE112743" i="1"/>
  <c r="AE112744" i="1"/>
  <c r="AE112745" i="1"/>
  <c r="AE112746" i="1"/>
  <c r="AE112747" i="1"/>
  <c r="AE112748" i="1"/>
  <c r="AE112749" i="1"/>
  <c r="AE112750" i="1"/>
  <c r="AE112751" i="1"/>
  <c r="AE112752" i="1"/>
  <c r="AE112753" i="1"/>
  <c r="AE112754" i="1"/>
  <c r="AE112755" i="1"/>
  <c r="AE112756" i="1"/>
  <c r="AE112757" i="1"/>
  <c r="AE112758" i="1"/>
  <c r="AE112759" i="1"/>
  <c r="AE112760" i="1"/>
  <c r="AE112761" i="1"/>
  <c r="AE112762" i="1"/>
  <c r="AE112763" i="1"/>
  <c r="AE112764" i="1"/>
  <c r="AE112765" i="1"/>
  <c r="AE112766" i="1"/>
  <c r="AE112767" i="1"/>
  <c r="AE112768" i="1"/>
  <c r="AE112769" i="1"/>
  <c r="AE112770" i="1"/>
  <c r="AE112771" i="1"/>
  <c r="AE112772" i="1"/>
  <c r="AE112773" i="1"/>
  <c r="AE112774" i="1"/>
  <c r="AE112775" i="1"/>
  <c r="AE112776" i="1"/>
  <c r="AE112777" i="1"/>
  <c r="AE112778" i="1"/>
  <c r="AE112779" i="1"/>
  <c r="AE112780" i="1"/>
  <c r="AE112781" i="1"/>
  <c r="AE112782" i="1"/>
  <c r="AE112783" i="1"/>
  <c r="AE112784" i="1"/>
  <c r="AE112785" i="1"/>
  <c r="AE112786" i="1"/>
  <c r="AE112787" i="1"/>
  <c r="AE112788" i="1"/>
  <c r="AE112789" i="1"/>
  <c r="AE112790" i="1"/>
  <c r="AE112791" i="1"/>
  <c r="AE112792" i="1"/>
  <c r="AE112793" i="1"/>
  <c r="AE112794" i="1"/>
  <c r="AE112795" i="1"/>
  <c r="AE112796" i="1"/>
  <c r="AE112797" i="1"/>
  <c r="AE112798" i="1"/>
  <c r="AE112799" i="1"/>
  <c r="AE112800" i="1"/>
  <c r="AE112801" i="1"/>
  <c r="AE112802" i="1"/>
  <c r="AE112803" i="1"/>
  <c r="AE112804" i="1"/>
  <c r="AE112805" i="1"/>
  <c r="AE112806" i="1"/>
  <c r="AE112807" i="1"/>
  <c r="AE112808" i="1"/>
  <c r="AE112809" i="1"/>
  <c r="AE112810" i="1"/>
  <c r="AE112811" i="1"/>
  <c r="AE112812" i="1"/>
  <c r="AE112813" i="1"/>
  <c r="AE112814" i="1"/>
  <c r="AE112815" i="1"/>
  <c r="AE112816" i="1"/>
  <c r="AE112817" i="1"/>
  <c r="AE112818" i="1"/>
  <c r="AE112819" i="1"/>
  <c r="AE112820" i="1"/>
  <c r="AE112821" i="1"/>
  <c r="AE112822" i="1"/>
  <c r="AE112823" i="1"/>
  <c r="AE112824" i="1"/>
  <c r="AE112825" i="1"/>
  <c r="AE112826" i="1"/>
  <c r="AE112827" i="1"/>
  <c r="AE112828" i="1"/>
  <c r="AE112829" i="1"/>
  <c r="AE112830" i="1"/>
  <c r="AE112831" i="1"/>
  <c r="AE112832" i="1"/>
  <c r="AE112833" i="1"/>
  <c r="AE112834" i="1"/>
  <c r="AE112835" i="1"/>
  <c r="AE112836" i="1"/>
  <c r="AE112837" i="1"/>
  <c r="AE112838" i="1"/>
  <c r="AE112839" i="1"/>
  <c r="AE112840" i="1"/>
  <c r="AE112841" i="1"/>
  <c r="AE112842" i="1"/>
  <c r="AE112843" i="1"/>
  <c r="AE112844" i="1"/>
  <c r="AE112845" i="1"/>
  <c r="AE112846" i="1"/>
  <c r="AE112847" i="1"/>
  <c r="AE112848" i="1"/>
  <c r="AE112849" i="1"/>
  <c r="AE112850" i="1"/>
  <c r="AE112851" i="1"/>
  <c r="AE112852" i="1"/>
  <c r="AE112853" i="1"/>
  <c r="AE112854" i="1"/>
  <c r="AE112855" i="1"/>
  <c r="AE112856" i="1"/>
  <c r="AE112857" i="1"/>
  <c r="AE112858" i="1"/>
  <c r="AE112859" i="1"/>
  <c r="AE112860" i="1"/>
  <c r="AE112861" i="1"/>
  <c r="AE112862" i="1"/>
  <c r="AE112863" i="1"/>
  <c r="AE112864" i="1"/>
  <c r="AE112865" i="1"/>
  <c r="AE112866" i="1"/>
  <c r="AE112867" i="1"/>
  <c r="AE112868" i="1"/>
  <c r="AE112869" i="1"/>
  <c r="AE112870" i="1"/>
  <c r="AE112871" i="1"/>
  <c r="AE112872" i="1"/>
  <c r="AE112873" i="1"/>
  <c r="AE112874" i="1"/>
  <c r="AE112875" i="1"/>
  <c r="AE112876" i="1"/>
  <c r="AE112877" i="1"/>
  <c r="AE112878" i="1"/>
  <c r="AE112879" i="1"/>
  <c r="AE112880" i="1"/>
  <c r="AE112881" i="1"/>
  <c r="AE112882" i="1"/>
  <c r="AE112883" i="1"/>
  <c r="AE112884" i="1"/>
  <c r="AE112885" i="1"/>
  <c r="AE112886" i="1"/>
  <c r="AE112887" i="1"/>
  <c r="AE112888" i="1"/>
  <c r="AE112889" i="1"/>
  <c r="AE112890" i="1"/>
  <c r="AE112891" i="1"/>
  <c r="AE112892" i="1"/>
  <c r="AE112893" i="1"/>
  <c r="AE112894" i="1"/>
  <c r="AE112895" i="1"/>
  <c r="AE112896" i="1"/>
  <c r="AE112897" i="1"/>
  <c r="AE112898" i="1"/>
  <c r="AE112899" i="1"/>
  <c r="AE112900" i="1"/>
  <c r="AE112901" i="1"/>
  <c r="AE112902" i="1"/>
  <c r="AE112903" i="1"/>
  <c r="AE112904" i="1"/>
  <c r="AE112905" i="1"/>
  <c r="AE112906" i="1"/>
  <c r="AE112907" i="1"/>
  <c r="AE112908" i="1"/>
  <c r="AE112909" i="1"/>
  <c r="AE112910" i="1"/>
  <c r="AE112911" i="1"/>
  <c r="AE112912" i="1"/>
  <c r="AE112913" i="1"/>
  <c r="AE112914" i="1"/>
  <c r="AE112915" i="1"/>
  <c r="AE112916" i="1"/>
  <c r="AE112917" i="1"/>
  <c r="AE112918" i="1"/>
  <c r="AE112919" i="1"/>
  <c r="AE112920" i="1"/>
  <c r="AE112921" i="1"/>
  <c r="AE112922" i="1"/>
  <c r="AE112923" i="1"/>
  <c r="AE112924" i="1"/>
  <c r="AE112925" i="1"/>
  <c r="AE112926" i="1"/>
  <c r="AE112927" i="1"/>
  <c r="AE112928" i="1"/>
  <c r="AE112929" i="1"/>
  <c r="AE112930" i="1"/>
  <c r="AE112931" i="1"/>
  <c r="AE112932" i="1"/>
  <c r="AE112933" i="1"/>
  <c r="AE112934" i="1"/>
  <c r="AE112935" i="1"/>
  <c r="AE112936" i="1"/>
  <c r="AE112937" i="1"/>
  <c r="AE112938" i="1"/>
  <c r="AE112939" i="1"/>
  <c r="AE112940" i="1"/>
  <c r="AE112941" i="1"/>
  <c r="AE112942" i="1"/>
  <c r="AE112943" i="1"/>
  <c r="AE112944" i="1"/>
  <c r="AE112945" i="1"/>
  <c r="AE112946" i="1"/>
  <c r="AE112947" i="1"/>
  <c r="AE112948" i="1"/>
  <c r="AE112949" i="1"/>
  <c r="AE112950" i="1"/>
  <c r="AE112951" i="1"/>
  <c r="AE112952" i="1"/>
  <c r="AE112953" i="1"/>
  <c r="AE112954" i="1"/>
  <c r="AE112955" i="1"/>
  <c r="AE112956" i="1"/>
  <c r="AE112957" i="1"/>
  <c r="AE112958" i="1"/>
  <c r="AE112959" i="1"/>
  <c r="AE112960" i="1"/>
  <c r="AE112961" i="1"/>
  <c r="AE112962" i="1"/>
  <c r="AE112963" i="1"/>
  <c r="AE112964" i="1"/>
  <c r="AE112965" i="1"/>
  <c r="AE112966" i="1"/>
  <c r="AE112967" i="1"/>
  <c r="AE112968" i="1"/>
  <c r="AE112969" i="1"/>
  <c r="AE112970" i="1"/>
  <c r="AE112971" i="1"/>
  <c r="AE112972" i="1"/>
  <c r="AE112973" i="1"/>
  <c r="AE112974" i="1"/>
  <c r="AE112975" i="1"/>
  <c r="AE112976" i="1"/>
  <c r="AE112977" i="1"/>
  <c r="AE112978" i="1"/>
  <c r="AE112979" i="1"/>
  <c r="AE112980" i="1"/>
  <c r="AE112981" i="1"/>
  <c r="AE112982" i="1"/>
  <c r="AE112983" i="1"/>
  <c r="AE112984" i="1"/>
  <c r="AE112985" i="1"/>
  <c r="AE112986" i="1"/>
  <c r="AE112987" i="1"/>
  <c r="AE112988" i="1"/>
  <c r="AE112989" i="1"/>
  <c r="AE112990" i="1"/>
  <c r="AE112991" i="1"/>
  <c r="AE112992" i="1"/>
  <c r="AE112993" i="1"/>
  <c r="AE112994" i="1"/>
  <c r="AE112995" i="1"/>
  <c r="AE112996" i="1"/>
  <c r="AE112997" i="1"/>
  <c r="AE112998" i="1"/>
  <c r="AE112999" i="1"/>
  <c r="AE113000" i="1"/>
  <c r="AE113001" i="1"/>
  <c r="AE113002" i="1"/>
  <c r="AE113003" i="1"/>
  <c r="AE113004" i="1"/>
  <c r="AE113005" i="1"/>
  <c r="AE113006" i="1"/>
  <c r="AE113007" i="1"/>
  <c r="AE113008" i="1"/>
  <c r="AE113009" i="1"/>
  <c r="AE113010" i="1"/>
  <c r="AE113011" i="1"/>
  <c r="AE113012" i="1"/>
  <c r="AE113013" i="1"/>
  <c r="AE113014" i="1"/>
  <c r="AE113015" i="1"/>
  <c r="AE113016" i="1"/>
  <c r="AE113017" i="1"/>
  <c r="AE113018" i="1"/>
  <c r="AE113019" i="1"/>
  <c r="AE113020" i="1"/>
  <c r="AE113021" i="1"/>
  <c r="AE113022" i="1"/>
  <c r="AE113023" i="1"/>
  <c r="AE113024" i="1"/>
  <c r="AE113025" i="1"/>
  <c r="AE113026" i="1"/>
  <c r="AE113027" i="1"/>
  <c r="AE113028" i="1"/>
  <c r="AE113029" i="1"/>
  <c r="AE113030" i="1"/>
  <c r="AE113031" i="1"/>
  <c r="AE113032" i="1"/>
  <c r="AE113033" i="1"/>
  <c r="AE113034" i="1"/>
  <c r="AE113035" i="1"/>
  <c r="AE113036" i="1"/>
  <c r="AE113037" i="1"/>
  <c r="AE113038" i="1"/>
  <c r="AE113039" i="1"/>
  <c r="AE113040" i="1"/>
  <c r="AE113041" i="1"/>
  <c r="AE113042" i="1"/>
  <c r="AE113043" i="1"/>
  <c r="AE113044" i="1"/>
  <c r="AE113045" i="1"/>
  <c r="AE113046" i="1"/>
  <c r="AE113047" i="1"/>
  <c r="AE113048" i="1"/>
  <c r="AE113049" i="1"/>
  <c r="AE113050" i="1"/>
  <c r="AE113051" i="1"/>
  <c r="AE113052" i="1"/>
  <c r="AE113053" i="1"/>
  <c r="AE113054" i="1"/>
  <c r="AE113055" i="1"/>
  <c r="AE113056" i="1"/>
  <c r="AE113057" i="1"/>
  <c r="AE113058" i="1"/>
  <c r="AE113059" i="1"/>
  <c r="AE113060" i="1"/>
  <c r="AE113061" i="1"/>
  <c r="AE113062" i="1"/>
  <c r="AE113063" i="1"/>
  <c r="AE113064" i="1"/>
  <c r="AE113065" i="1"/>
  <c r="AE113066" i="1"/>
  <c r="AE113067" i="1"/>
  <c r="AE113068" i="1"/>
  <c r="AE113069" i="1"/>
  <c r="AE113070" i="1"/>
  <c r="AE113071" i="1"/>
  <c r="AE113072" i="1"/>
  <c r="AE113073" i="1"/>
  <c r="AE113074" i="1"/>
  <c r="AE113075" i="1"/>
  <c r="AE113076" i="1"/>
  <c r="AE113077" i="1"/>
  <c r="AE113078" i="1"/>
  <c r="AE113079" i="1"/>
  <c r="AE113080" i="1"/>
  <c r="AE113081" i="1"/>
  <c r="AE113082" i="1"/>
  <c r="AE113083" i="1"/>
  <c r="AE113084" i="1"/>
  <c r="AE113085" i="1"/>
  <c r="AE113086" i="1"/>
  <c r="AE113087" i="1"/>
  <c r="AE113088" i="1"/>
  <c r="AE113089" i="1"/>
  <c r="AE113090" i="1"/>
  <c r="AE113091" i="1"/>
  <c r="AE113092" i="1"/>
  <c r="AE113093" i="1"/>
  <c r="AE113094" i="1"/>
  <c r="AE113095" i="1"/>
  <c r="AE113096" i="1"/>
  <c r="AE113097" i="1"/>
  <c r="AE113098" i="1"/>
  <c r="AE113099" i="1"/>
  <c r="AE113100" i="1"/>
  <c r="AE113101" i="1"/>
  <c r="AE113102" i="1"/>
  <c r="AE113103" i="1"/>
  <c r="AE113104" i="1"/>
  <c r="AE113105" i="1"/>
  <c r="AE113106" i="1"/>
  <c r="AE113107" i="1"/>
  <c r="AE113108" i="1"/>
  <c r="AE113109" i="1"/>
  <c r="AE113110" i="1"/>
  <c r="AE113111" i="1"/>
  <c r="AE113112" i="1"/>
  <c r="AE113113" i="1"/>
  <c r="AE113114" i="1"/>
  <c r="AE113115" i="1"/>
  <c r="AE113116" i="1"/>
  <c r="AE113117" i="1"/>
  <c r="AE113118" i="1"/>
  <c r="AE113119" i="1"/>
  <c r="AE113120" i="1"/>
  <c r="AE113121" i="1"/>
  <c r="AE113122" i="1"/>
  <c r="AE113123" i="1"/>
  <c r="AE113124" i="1"/>
  <c r="AE113125" i="1"/>
  <c r="AE113126" i="1"/>
  <c r="AE113127" i="1"/>
  <c r="AE113128" i="1"/>
  <c r="AE113129" i="1"/>
  <c r="AE113130" i="1"/>
  <c r="AE113131" i="1"/>
  <c r="AE113132" i="1"/>
  <c r="AE113133" i="1"/>
  <c r="AE113134" i="1"/>
  <c r="AE113135" i="1"/>
  <c r="AE113136" i="1"/>
  <c r="AE113137" i="1"/>
  <c r="AE113138" i="1"/>
  <c r="AE113139" i="1"/>
  <c r="AE113140" i="1"/>
  <c r="AE113141" i="1"/>
  <c r="AE113142" i="1"/>
  <c r="AE113143" i="1"/>
  <c r="AE113144" i="1"/>
  <c r="AE113145" i="1"/>
  <c r="AE113146" i="1"/>
  <c r="AE113147" i="1"/>
  <c r="AE113148" i="1"/>
  <c r="AE113149" i="1"/>
  <c r="AE113150" i="1"/>
  <c r="AE113151" i="1"/>
  <c r="AE113152" i="1"/>
  <c r="AE113153" i="1"/>
  <c r="AE113154" i="1"/>
  <c r="AE113155" i="1"/>
  <c r="AE113156" i="1"/>
  <c r="AE113157" i="1"/>
  <c r="AE113158" i="1"/>
  <c r="AE113159" i="1"/>
  <c r="AE113160" i="1"/>
  <c r="AE113161" i="1"/>
  <c r="AE113162" i="1"/>
  <c r="AE113163" i="1"/>
  <c r="AE113164" i="1"/>
  <c r="AE113165" i="1"/>
  <c r="AE113166" i="1"/>
  <c r="AE113167" i="1"/>
  <c r="AE113168" i="1"/>
  <c r="AE113169" i="1"/>
  <c r="AE113170" i="1"/>
  <c r="AE113171" i="1"/>
  <c r="AE113172" i="1"/>
  <c r="AE113173" i="1"/>
  <c r="AE113174" i="1"/>
  <c r="AE113175" i="1"/>
  <c r="AE113176" i="1"/>
  <c r="AE113177" i="1"/>
  <c r="AE113178" i="1"/>
  <c r="AE113179" i="1"/>
  <c r="AE113180" i="1"/>
  <c r="AE113181" i="1"/>
  <c r="AE113182" i="1"/>
  <c r="AE113183" i="1"/>
  <c r="AE113184" i="1"/>
  <c r="AE113185" i="1"/>
  <c r="AE113186" i="1"/>
  <c r="AE113187" i="1"/>
  <c r="AE113188" i="1"/>
  <c r="AE113189" i="1"/>
  <c r="AE113190" i="1"/>
  <c r="AE113191" i="1"/>
  <c r="AE113192" i="1"/>
  <c r="AE113193" i="1"/>
  <c r="AE113194" i="1"/>
  <c r="AE113195" i="1"/>
  <c r="AE113196" i="1"/>
  <c r="AE113197" i="1"/>
  <c r="AE113198" i="1"/>
  <c r="AE113199" i="1"/>
  <c r="AE113200" i="1"/>
  <c r="AE113201" i="1"/>
  <c r="AE113202" i="1"/>
  <c r="AE113203" i="1"/>
  <c r="AE113204" i="1"/>
  <c r="AE113205" i="1"/>
  <c r="AE113206" i="1"/>
  <c r="AE113207" i="1"/>
  <c r="AE113208" i="1"/>
  <c r="AE113209" i="1"/>
  <c r="AE113210" i="1"/>
  <c r="AE113211" i="1"/>
  <c r="AE113212" i="1"/>
  <c r="AE113213" i="1"/>
  <c r="AE113214" i="1"/>
  <c r="AE113215" i="1"/>
  <c r="AE113216" i="1"/>
  <c r="AE113217" i="1"/>
  <c r="AE113218" i="1"/>
  <c r="AE113219" i="1"/>
  <c r="AE113220" i="1"/>
  <c r="AE113221" i="1"/>
  <c r="AE113222" i="1"/>
  <c r="AE113223" i="1"/>
  <c r="AE113224" i="1"/>
  <c r="AE113225" i="1"/>
  <c r="AE113226" i="1"/>
  <c r="AE113227" i="1"/>
  <c r="AE113228" i="1"/>
  <c r="AE113229" i="1"/>
  <c r="AE113230" i="1"/>
  <c r="AE113231" i="1"/>
  <c r="AE113232" i="1"/>
  <c r="AE113233" i="1"/>
  <c r="AE113234" i="1"/>
  <c r="AE113235" i="1"/>
  <c r="AE113236" i="1"/>
  <c r="AE113237" i="1"/>
  <c r="AE113238" i="1"/>
  <c r="AE113239" i="1"/>
  <c r="AE113240" i="1"/>
  <c r="AE113241" i="1"/>
  <c r="AE113242" i="1"/>
  <c r="AE113243" i="1"/>
  <c r="AE113244" i="1"/>
  <c r="AE113245" i="1"/>
  <c r="AE113246" i="1"/>
  <c r="AE113247" i="1"/>
  <c r="AE113248" i="1"/>
  <c r="AE113249" i="1"/>
  <c r="AE113250" i="1"/>
  <c r="AE113251" i="1"/>
  <c r="AE113252" i="1"/>
  <c r="AE113253" i="1"/>
  <c r="AE113254" i="1"/>
  <c r="AE113255" i="1"/>
  <c r="AE113256" i="1"/>
  <c r="AE113257" i="1"/>
  <c r="AE113258" i="1"/>
  <c r="AE113259" i="1"/>
  <c r="AE113260" i="1"/>
  <c r="AE113261" i="1"/>
  <c r="AE113262" i="1"/>
  <c r="AE113263" i="1"/>
  <c r="AE113264" i="1"/>
  <c r="AE113265" i="1"/>
  <c r="AE113266" i="1"/>
  <c r="AE113267" i="1"/>
  <c r="AE113268" i="1"/>
  <c r="AE113269" i="1"/>
  <c r="AE113270" i="1"/>
  <c r="AE113271" i="1"/>
  <c r="AE113272" i="1"/>
  <c r="AE113273" i="1"/>
  <c r="AE113274" i="1"/>
  <c r="AE113275" i="1"/>
  <c r="AE113276" i="1"/>
  <c r="AE113277" i="1"/>
  <c r="AE113278" i="1"/>
  <c r="AE113279" i="1"/>
  <c r="AE113280" i="1"/>
  <c r="AE113281" i="1"/>
  <c r="AE113282" i="1"/>
  <c r="AE113283" i="1"/>
  <c r="AE113284" i="1"/>
  <c r="AE113285" i="1"/>
  <c r="AE113286" i="1"/>
  <c r="AE113287" i="1"/>
  <c r="AE113288" i="1"/>
  <c r="AE113289" i="1"/>
  <c r="AE113290" i="1"/>
  <c r="AE113291" i="1"/>
  <c r="AE113292" i="1"/>
  <c r="AE113293" i="1"/>
  <c r="AE113294" i="1"/>
  <c r="AE113295" i="1"/>
  <c r="AE113296" i="1"/>
  <c r="AE113297" i="1"/>
  <c r="AE113298" i="1"/>
  <c r="AE113299" i="1"/>
  <c r="AE113300" i="1"/>
  <c r="AE113301" i="1"/>
  <c r="AE113302" i="1"/>
  <c r="AE113303" i="1"/>
  <c r="AE113304" i="1"/>
  <c r="AE113305" i="1"/>
  <c r="AE113306" i="1"/>
  <c r="AE113307" i="1"/>
  <c r="AE113308" i="1"/>
  <c r="AE113309" i="1"/>
  <c r="AE113310" i="1"/>
  <c r="AE113311" i="1"/>
  <c r="AE113312" i="1"/>
  <c r="AE113313" i="1"/>
  <c r="AE113314" i="1"/>
  <c r="AE113315" i="1"/>
  <c r="AE113316" i="1"/>
  <c r="AE113317" i="1"/>
  <c r="AE113318" i="1"/>
  <c r="AE113319" i="1"/>
  <c r="AE113320" i="1"/>
  <c r="AE113321" i="1"/>
  <c r="AE113322" i="1"/>
  <c r="AE113323" i="1"/>
  <c r="AE113324" i="1"/>
  <c r="AE113325" i="1"/>
  <c r="AE113326" i="1"/>
  <c r="AE113327" i="1"/>
  <c r="AE113328" i="1"/>
  <c r="AE113329" i="1"/>
  <c r="AE113330" i="1"/>
  <c r="AE113331" i="1"/>
  <c r="AE113332" i="1"/>
  <c r="AE113333" i="1"/>
  <c r="AE113334" i="1"/>
  <c r="AE113335" i="1"/>
  <c r="AE113336" i="1"/>
  <c r="AE113337" i="1"/>
  <c r="AE113338" i="1"/>
  <c r="AE113339" i="1"/>
  <c r="AE113340" i="1"/>
  <c r="AE113341" i="1"/>
  <c r="AE113342" i="1"/>
  <c r="AE113343" i="1"/>
  <c r="AE113344" i="1"/>
  <c r="AE113345" i="1"/>
  <c r="AE113346" i="1"/>
  <c r="AE113347" i="1"/>
  <c r="AE113348" i="1"/>
  <c r="AE113349" i="1"/>
  <c r="AE113350" i="1"/>
  <c r="AE113351" i="1"/>
  <c r="AE113352" i="1"/>
  <c r="AE113353" i="1"/>
  <c r="AE113354" i="1"/>
  <c r="AE113355" i="1"/>
  <c r="AE113356" i="1"/>
  <c r="AE113357" i="1"/>
  <c r="AE113358" i="1"/>
  <c r="AE113359" i="1"/>
  <c r="AE113360" i="1"/>
  <c r="AE113361" i="1"/>
  <c r="AE113362" i="1"/>
  <c r="AE113363" i="1"/>
  <c r="AE113364" i="1"/>
  <c r="AE113365" i="1"/>
  <c r="AE113366" i="1"/>
  <c r="AE113367" i="1"/>
  <c r="AE113368" i="1"/>
  <c r="AE113369" i="1"/>
  <c r="AE113370" i="1"/>
  <c r="AE113371" i="1"/>
  <c r="AE113372" i="1"/>
  <c r="AE113373" i="1"/>
  <c r="AE113374" i="1"/>
  <c r="AE113375" i="1"/>
  <c r="AE113376" i="1"/>
  <c r="AE113377" i="1"/>
  <c r="AE113378" i="1"/>
  <c r="AE113379" i="1"/>
  <c r="AE113380" i="1"/>
  <c r="AE113381" i="1"/>
  <c r="AE113382" i="1"/>
  <c r="AE113383" i="1"/>
  <c r="AE113384" i="1"/>
  <c r="AE113385" i="1"/>
  <c r="AE113386" i="1"/>
  <c r="AE113387" i="1"/>
  <c r="AE113388" i="1"/>
  <c r="AE113389" i="1"/>
  <c r="AE113390" i="1"/>
  <c r="AE113391" i="1"/>
  <c r="AE113392" i="1"/>
  <c r="AE113393" i="1"/>
  <c r="AE113394" i="1"/>
  <c r="AE113395" i="1"/>
  <c r="AE113396" i="1"/>
  <c r="AE113397" i="1"/>
  <c r="AE113398" i="1"/>
  <c r="AE113399" i="1"/>
  <c r="AE113400" i="1"/>
  <c r="AE113401" i="1"/>
  <c r="AE113402" i="1"/>
  <c r="AE113403" i="1"/>
  <c r="AE113404" i="1"/>
  <c r="AE113405" i="1"/>
  <c r="AE113406" i="1"/>
  <c r="AE113407" i="1"/>
  <c r="AE113408" i="1"/>
  <c r="AE113409" i="1"/>
  <c r="AE113410" i="1"/>
  <c r="AE113411" i="1"/>
  <c r="AE113412" i="1"/>
  <c r="AE113413" i="1"/>
  <c r="AE113414" i="1"/>
  <c r="AE113415" i="1"/>
  <c r="AE113416" i="1"/>
  <c r="AE113417" i="1"/>
  <c r="AE113418" i="1"/>
  <c r="AE113419" i="1"/>
  <c r="AE113420" i="1"/>
  <c r="AE113421" i="1"/>
  <c r="AE113422" i="1"/>
  <c r="AE113423" i="1"/>
  <c r="AE113424" i="1"/>
  <c r="AE113425" i="1"/>
  <c r="AE113426" i="1"/>
  <c r="AE113427" i="1"/>
  <c r="AE113428" i="1"/>
  <c r="AE113429" i="1"/>
  <c r="AE113430" i="1"/>
  <c r="AE113431" i="1"/>
  <c r="AE113432" i="1"/>
  <c r="AE113433" i="1"/>
  <c r="AE113434" i="1"/>
  <c r="AE113435" i="1"/>
  <c r="AE113436" i="1"/>
  <c r="AE113437" i="1"/>
  <c r="AE113438" i="1"/>
  <c r="AE113439" i="1"/>
  <c r="AE113440" i="1"/>
  <c r="AE113441" i="1"/>
  <c r="AE113442" i="1"/>
  <c r="AE113443" i="1"/>
  <c r="AE113444" i="1"/>
  <c r="AE113445" i="1"/>
  <c r="AE113446" i="1"/>
  <c r="AE113447" i="1"/>
  <c r="AE113448" i="1"/>
  <c r="AE113449" i="1"/>
  <c r="AE113450" i="1"/>
  <c r="AE113451" i="1"/>
  <c r="AE113452" i="1"/>
  <c r="AE113453" i="1"/>
  <c r="AE113454" i="1"/>
  <c r="AE113455" i="1"/>
  <c r="AE113456" i="1"/>
  <c r="AE113457" i="1"/>
  <c r="AE113458" i="1"/>
  <c r="AE113459" i="1"/>
  <c r="AE113460" i="1"/>
  <c r="AE113461" i="1"/>
  <c r="AE113462" i="1"/>
  <c r="AE113463" i="1"/>
  <c r="AE113464" i="1"/>
  <c r="AE113465" i="1"/>
  <c r="AE113466" i="1"/>
  <c r="AE113467" i="1"/>
  <c r="AE113468" i="1"/>
  <c r="AE113469" i="1"/>
  <c r="AE113470" i="1"/>
  <c r="AE113471" i="1"/>
  <c r="AE113472" i="1"/>
  <c r="AE113473" i="1"/>
  <c r="AE113474" i="1"/>
  <c r="AE113475" i="1"/>
  <c r="AE113476" i="1"/>
  <c r="AE113477" i="1"/>
  <c r="AE113478" i="1"/>
  <c r="AE113479" i="1"/>
  <c r="AE113480" i="1"/>
  <c r="AE113481" i="1"/>
  <c r="AE113482" i="1"/>
  <c r="AE113483" i="1"/>
  <c r="AE113484" i="1"/>
  <c r="AE113485" i="1"/>
  <c r="AE113486" i="1"/>
  <c r="AE113487" i="1"/>
  <c r="AE113488" i="1"/>
  <c r="AE113489" i="1"/>
  <c r="AE113490" i="1"/>
  <c r="AE113491" i="1"/>
  <c r="AE113492" i="1"/>
  <c r="AE113493" i="1"/>
  <c r="AE113494" i="1"/>
  <c r="AE113495" i="1"/>
  <c r="AE113496" i="1"/>
  <c r="AE113497" i="1"/>
  <c r="AE113498" i="1"/>
  <c r="AE113499" i="1"/>
  <c r="AE113500" i="1"/>
  <c r="AE113501" i="1"/>
  <c r="AE113502" i="1"/>
  <c r="AE113503" i="1"/>
  <c r="AE113504" i="1"/>
  <c r="AE113505" i="1"/>
  <c r="AE113506" i="1"/>
  <c r="AE113507" i="1"/>
  <c r="AE113508" i="1"/>
  <c r="AE113509" i="1"/>
  <c r="AE113510" i="1"/>
  <c r="AE113511" i="1"/>
  <c r="AE113512" i="1"/>
  <c r="AE113513" i="1"/>
  <c r="AE113514" i="1"/>
  <c r="AE113515" i="1"/>
  <c r="AE113516" i="1"/>
  <c r="AE113517" i="1"/>
  <c r="AE113518" i="1"/>
  <c r="AE113519" i="1"/>
  <c r="AE113520" i="1"/>
  <c r="AE113521" i="1"/>
  <c r="AE113522" i="1"/>
  <c r="AE113523" i="1"/>
  <c r="AE113524" i="1"/>
  <c r="AE113525" i="1"/>
  <c r="AE113526" i="1"/>
  <c r="AE113527" i="1"/>
  <c r="AE113528" i="1"/>
  <c r="AE113529" i="1"/>
  <c r="AE113530" i="1"/>
  <c r="AE113531" i="1"/>
  <c r="AE113532" i="1"/>
  <c r="AE113533" i="1"/>
  <c r="AE113534" i="1"/>
  <c r="AE113535" i="1"/>
  <c r="AE113536" i="1"/>
  <c r="AE113537" i="1"/>
  <c r="AE113538" i="1"/>
  <c r="AE113539" i="1"/>
  <c r="AE113540" i="1"/>
  <c r="AE113541" i="1"/>
  <c r="AE113542" i="1"/>
  <c r="AE113543" i="1"/>
  <c r="AE113544" i="1"/>
  <c r="AE113545" i="1"/>
  <c r="AE113546" i="1"/>
  <c r="AE113547" i="1"/>
  <c r="AE113548" i="1"/>
  <c r="AE113549" i="1"/>
  <c r="AE113550" i="1"/>
  <c r="AE113551" i="1"/>
  <c r="AE113552" i="1"/>
  <c r="AE113553" i="1"/>
  <c r="AE113554" i="1"/>
  <c r="AE113555" i="1"/>
  <c r="AE113556" i="1"/>
  <c r="AE113557" i="1"/>
  <c r="AE113558" i="1"/>
  <c r="AE113559" i="1"/>
  <c r="AE113560" i="1"/>
  <c r="AE113561" i="1"/>
  <c r="AE113562" i="1"/>
  <c r="AE113563" i="1"/>
  <c r="AE113564" i="1"/>
  <c r="AE113565" i="1"/>
  <c r="AE113566" i="1"/>
  <c r="AE113567" i="1"/>
  <c r="AE113568" i="1"/>
  <c r="AE113569" i="1"/>
  <c r="AE113570" i="1"/>
  <c r="AE113571" i="1"/>
  <c r="AE113572" i="1"/>
  <c r="AE113573" i="1"/>
  <c r="AE113574" i="1"/>
  <c r="AE113575" i="1"/>
  <c r="AE113576" i="1"/>
  <c r="AE113577" i="1"/>
  <c r="AE113578" i="1"/>
  <c r="AE113579" i="1"/>
  <c r="AE113580" i="1"/>
  <c r="AE113581" i="1"/>
  <c r="AE113582" i="1"/>
  <c r="AE113583" i="1"/>
  <c r="AE113584" i="1"/>
  <c r="AE113585" i="1"/>
  <c r="AE113586" i="1"/>
  <c r="AE113587" i="1"/>
  <c r="AE113588" i="1"/>
  <c r="AE113589" i="1"/>
  <c r="AE113590" i="1"/>
  <c r="AE113591" i="1"/>
  <c r="AE113592" i="1"/>
  <c r="AE113593" i="1"/>
  <c r="AE113594" i="1"/>
  <c r="AE113595" i="1"/>
  <c r="AE113596" i="1"/>
  <c r="AE113597" i="1"/>
  <c r="AE113598" i="1"/>
  <c r="AE113599" i="1"/>
  <c r="AE113600" i="1"/>
  <c r="AE113601" i="1"/>
  <c r="AE113602" i="1"/>
  <c r="AE113603" i="1"/>
  <c r="AE113604" i="1"/>
  <c r="AE113605" i="1"/>
  <c r="AE113606" i="1"/>
  <c r="AE113607" i="1"/>
  <c r="AE113608" i="1"/>
  <c r="AE113609" i="1"/>
  <c r="AE113610" i="1"/>
  <c r="AE113611" i="1"/>
  <c r="AE113612" i="1"/>
  <c r="AE113613" i="1"/>
  <c r="AE113614" i="1"/>
  <c r="AE113615" i="1"/>
  <c r="AE113616" i="1"/>
  <c r="AE113617" i="1"/>
  <c r="AE113618" i="1"/>
  <c r="AE113619" i="1"/>
  <c r="AE113620" i="1"/>
  <c r="AE113621" i="1"/>
  <c r="AE113622" i="1"/>
  <c r="AE113623" i="1"/>
  <c r="AE113624" i="1"/>
  <c r="AE113625" i="1"/>
  <c r="AE113626" i="1"/>
  <c r="AE113627" i="1"/>
  <c r="AE113628" i="1"/>
  <c r="AE113629" i="1"/>
  <c r="AE113630" i="1"/>
  <c r="AE113631" i="1"/>
  <c r="AE113632" i="1"/>
  <c r="AE113633" i="1"/>
  <c r="AE113634" i="1"/>
  <c r="AE113635" i="1"/>
  <c r="AE113636" i="1"/>
  <c r="AE113637" i="1"/>
  <c r="AE113638" i="1"/>
  <c r="AE113639" i="1"/>
  <c r="AE113640" i="1"/>
  <c r="AE113641" i="1"/>
  <c r="AE113642" i="1"/>
  <c r="AE113643" i="1"/>
  <c r="AE113644" i="1"/>
  <c r="AE113645" i="1"/>
  <c r="AE113646" i="1"/>
  <c r="AE113647" i="1"/>
  <c r="AE113648" i="1"/>
  <c r="AE113649" i="1"/>
  <c r="AE113650" i="1"/>
  <c r="AE113651" i="1"/>
  <c r="AE113652" i="1"/>
  <c r="AE113653" i="1"/>
  <c r="AE113654" i="1"/>
  <c r="AE113655" i="1"/>
  <c r="AE113656" i="1"/>
  <c r="AE113657" i="1"/>
  <c r="AE113658" i="1"/>
  <c r="AE113659" i="1"/>
  <c r="AE113660" i="1"/>
  <c r="AE113661" i="1"/>
  <c r="AE113662" i="1"/>
  <c r="AE113663" i="1"/>
  <c r="AE113664" i="1"/>
  <c r="AE113665" i="1"/>
  <c r="AE113666" i="1"/>
  <c r="AE113667" i="1"/>
  <c r="AE113668" i="1"/>
  <c r="AE113669" i="1"/>
  <c r="AE113670" i="1"/>
  <c r="AE113671" i="1"/>
  <c r="AE113672" i="1"/>
  <c r="AE113673" i="1"/>
  <c r="AE113674" i="1"/>
  <c r="AE113675" i="1"/>
  <c r="AE113676" i="1"/>
  <c r="AE113677" i="1"/>
  <c r="AE113678" i="1"/>
  <c r="AE113679" i="1"/>
  <c r="AE113680" i="1"/>
  <c r="AE113681" i="1"/>
  <c r="AE113682" i="1"/>
  <c r="AE113683" i="1"/>
  <c r="AE113684" i="1"/>
  <c r="AE113685" i="1"/>
  <c r="AE113686" i="1"/>
  <c r="AE113687" i="1"/>
  <c r="AE113688" i="1"/>
  <c r="AE113689" i="1"/>
  <c r="AE113690" i="1"/>
  <c r="AE113691" i="1"/>
  <c r="AE113692" i="1"/>
  <c r="AE113693" i="1"/>
  <c r="AE113694" i="1"/>
  <c r="AE113695" i="1"/>
  <c r="AE113696" i="1"/>
  <c r="AE113697" i="1"/>
  <c r="AE113698" i="1"/>
  <c r="AE113699" i="1"/>
  <c r="AE113700" i="1"/>
  <c r="AE113701" i="1"/>
  <c r="AE113702" i="1"/>
  <c r="AE113703" i="1"/>
  <c r="AE113704" i="1"/>
  <c r="AE113705" i="1"/>
  <c r="AE113706" i="1"/>
  <c r="AE113707" i="1"/>
  <c r="AE113708" i="1"/>
  <c r="AE113709" i="1"/>
  <c r="AE113710" i="1"/>
  <c r="AE113711" i="1"/>
  <c r="AE113712" i="1"/>
  <c r="AE113713" i="1"/>
  <c r="AE113714" i="1"/>
  <c r="AE113715" i="1"/>
  <c r="AE113716" i="1"/>
  <c r="AE113717" i="1"/>
  <c r="AE113718" i="1"/>
  <c r="AE113719" i="1"/>
  <c r="AE113720" i="1"/>
  <c r="AE113721" i="1"/>
  <c r="AE113722" i="1"/>
  <c r="AE113723" i="1"/>
  <c r="AE113724" i="1"/>
  <c r="AE113725" i="1"/>
  <c r="AE113726" i="1"/>
  <c r="AE113727" i="1"/>
  <c r="AE113728" i="1"/>
  <c r="AE113729" i="1"/>
  <c r="AE113730" i="1"/>
  <c r="AE113731" i="1"/>
  <c r="AE113732" i="1"/>
  <c r="AE113733" i="1"/>
  <c r="AE113734" i="1"/>
  <c r="AE113735" i="1"/>
  <c r="AE113736" i="1"/>
  <c r="AE113737" i="1"/>
  <c r="AE113738" i="1"/>
  <c r="AE113739" i="1"/>
  <c r="AE113740" i="1"/>
  <c r="AE113741" i="1"/>
  <c r="AE113742" i="1"/>
  <c r="AE113743" i="1"/>
  <c r="AE113744" i="1"/>
  <c r="AE113745" i="1"/>
  <c r="AE113746" i="1"/>
  <c r="AE113747" i="1"/>
  <c r="AE113748" i="1"/>
  <c r="AE113749" i="1"/>
  <c r="AE113750" i="1"/>
  <c r="AE113751" i="1"/>
  <c r="AE113752" i="1"/>
  <c r="AE113753" i="1"/>
  <c r="AE113754" i="1"/>
  <c r="AE113755" i="1"/>
  <c r="AE113756" i="1"/>
  <c r="AE113757" i="1"/>
  <c r="AE113758" i="1"/>
  <c r="AE113759" i="1"/>
  <c r="AE113760" i="1"/>
  <c r="AE113761" i="1"/>
  <c r="AE113762" i="1"/>
  <c r="AE113763" i="1"/>
  <c r="AE113764" i="1"/>
  <c r="AE113765" i="1"/>
  <c r="AE113766" i="1"/>
  <c r="AE113767" i="1"/>
  <c r="AE113768" i="1"/>
  <c r="AE113769" i="1"/>
  <c r="AE113770" i="1"/>
  <c r="AE113771" i="1"/>
  <c r="AE113772" i="1"/>
  <c r="AE113773" i="1"/>
  <c r="AE113774" i="1"/>
  <c r="AE113775" i="1"/>
  <c r="AE113776" i="1"/>
  <c r="AE113777" i="1"/>
  <c r="AE113778" i="1"/>
  <c r="AE113779" i="1"/>
  <c r="AE113780" i="1"/>
  <c r="AE113781" i="1"/>
  <c r="AE113782" i="1"/>
  <c r="AE113783" i="1"/>
  <c r="AE113784" i="1"/>
  <c r="AE113785" i="1"/>
  <c r="AE113786" i="1"/>
  <c r="AE113787" i="1"/>
  <c r="AE113788" i="1"/>
  <c r="AE113789" i="1"/>
  <c r="AE113790" i="1"/>
  <c r="AE113791" i="1"/>
  <c r="AE113792" i="1"/>
  <c r="AE113793" i="1"/>
  <c r="AE113794" i="1"/>
  <c r="AE113795" i="1"/>
  <c r="AE113796" i="1"/>
  <c r="AE113797" i="1"/>
  <c r="AE113798" i="1"/>
  <c r="AE113799" i="1"/>
  <c r="AE113800" i="1"/>
  <c r="AE113801" i="1"/>
  <c r="AE113802" i="1"/>
  <c r="AE113803" i="1"/>
  <c r="AE113804" i="1"/>
  <c r="AE113805" i="1"/>
  <c r="AE113806" i="1"/>
  <c r="AE113807" i="1"/>
  <c r="AE113808" i="1"/>
  <c r="AE113809" i="1"/>
  <c r="AE113810" i="1"/>
  <c r="AE113811" i="1"/>
  <c r="AE113812" i="1"/>
  <c r="AE113813" i="1"/>
  <c r="AE113814" i="1"/>
  <c r="AE113815" i="1"/>
  <c r="AE113816" i="1"/>
  <c r="AE113817" i="1"/>
  <c r="AE113818" i="1"/>
  <c r="AE113819" i="1"/>
  <c r="AE113820" i="1"/>
  <c r="AE113821" i="1"/>
  <c r="AE113822" i="1"/>
  <c r="AE113823" i="1"/>
  <c r="AE113824" i="1"/>
  <c r="AE113825" i="1"/>
  <c r="AE113826" i="1"/>
  <c r="AE113827" i="1"/>
  <c r="AE113828" i="1"/>
  <c r="AE113829" i="1"/>
  <c r="AE113830" i="1"/>
  <c r="AE113831" i="1"/>
  <c r="AE113832" i="1"/>
  <c r="AE113833" i="1"/>
  <c r="AE113834" i="1"/>
  <c r="AE113835" i="1"/>
  <c r="AE113836" i="1"/>
  <c r="AE113837" i="1"/>
  <c r="AE113838" i="1"/>
  <c r="AE113839" i="1"/>
  <c r="AE113840" i="1"/>
  <c r="AE113841" i="1"/>
  <c r="AE113842" i="1"/>
  <c r="AE113843" i="1"/>
  <c r="AE113844" i="1"/>
  <c r="AE113845" i="1"/>
  <c r="AE113846" i="1"/>
  <c r="AE113847" i="1"/>
  <c r="AE113848" i="1"/>
  <c r="AE113849" i="1"/>
  <c r="AE113850" i="1"/>
  <c r="AE113851" i="1"/>
  <c r="AE113852" i="1"/>
  <c r="AE113853" i="1"/>
  <c r="AE113854" i="1"/>
  <c r="AE113855" i="1"/>
  <c r="AE113856" i="1"/>
  <c r="AE113857" i="1"/>
  <c r="AE113858" i="1"/>
  <c r="AE113859" i="1"/>
  <c r="AE113860" i="1"/>
  <c r="AE113861" i="1"/>
  <c r="AE113862" i="1"/>
  <c r="AE113863" i="1"/>
  <c r="AE113864" i="1"/>
  <c r="AE113865" i="1"/>
  <c r="AE113866" i="1"/>
  <c r="AE113867" i="1"/>
  <c r="AE113868" i="1"/>
  <c r="AE113869" i="1"/>
  <c r="AE113870" i="1"/>
  <c r="AE113871" i="1"/>
  <c r="AE113872" i="1"/>
  <c r="AE113873" i="1"/>
  <c r="AE113874" i="1"/>
  <c r="AE113875" i="1"/>
  <c r="AE113876" i="1"/>
  <c r="AE113877" i="1"/>
  <c r="AE113878" i="1"/>
  <c r="AE113879" i="1"/>
  <c r="AE113880" i="1"/>
  <c r="AE113881" i="1"/>
  <c r="AE113882" i="1"/>
  <c r="AE113883" i="1"/>
  <c r="AE113884" i="1"/>
  <c r="AE113885" i="1"/>
  <c r="AE113886" i="1"/>
  <c r="AE113887" i="1"/>
  <c r="AE113888" i="1"/>
  <c r="AE113889" i="1"/>
  <c r="AE113890" i="1"/>
  <c r="AE113891" i="1"/>
  <c r="AE113892" i="1"/>
  <c r="AE113893" i="1"/>
  <c r="AE113894" i="1"/>
  <c r="AE113895" i="1"/>
  <c r="AE113896" i="1"/>
  <c r="AE113897" i="1"/>
  <c r="AE113898" i="1"/>
  <c r="AE113899" i="1"/>
  <c r="AE113900" i="1"/>
  <c r="AE113901" i="1"/>
  <c r="AE113902" i="1"/>
  <c r="AE113903" i="1"/>
  <c r="AE113904" i="1"/>
  <c r="AE113905" i="1"/>
  <c r="AE113906" i="1"/>
  <c r="AE113907" i="1"/>
  <c r="AE113908" i="1"/>
  <c r="AE113909" i="1"/>
  <c r="AE113910" i="1"/>
  <c r="AE113911" i="1"/>
  <c r="AE113912" i="1"/>
  <c r="AE113913" i="1"/>
  <c r="AE113914" i="1"/>
  <c r="AE113915" i="1"/>
  <c r="AE113916" i="1"/>
  <c r="AE113917" i="1"/>
  <c r="AE113918" i="1"/>
  <c r="AE113919" i="1"/>
  <c r="AE113920" i="1"/>
  <c r="AE113921" i="1"/>
  <c r="AE113922" i="1"/>
  <c r="AE113923" i="1"/>
  <c r="AE113924" i="1"/>
  <c r="AE113925" i="1"/>
  <c r="AE113926" i="1"/>
  <c r="AE113927" i="1"/>
  <c r="AE113928" i="1"/>
  <c r="AE113929" i="1"/>
  <c r="AE113930" i="1"/>
  <c r="AE113931" i="1"/>
  <c r="AE113932" i="1"/>
  <c r="AE113933" i="1"/>
  <c r="AE113934" i="1"/>
  <c r="AE113935" i="1"/>
  <c r="AE113936" i="1"/>
  <c r="AE113937" i="1"/>
  <c r="AE113938" i="1"/>
  <c r="AE113939" i="1"/>
  <c r="AE113940" i="1"/>
  <c r="AE113941" i="1"/>
  <c r="AE113942" i="1"/>
  <c r="AE113943" i="1"/>
  <c r="AE113944" i="1"/>
  <c r="AE113945" i="1"/>
  <c r="AE113946" i="1"/>
  <c r="AE113947" i="1"/>
  <c r="AE113948" i="1"/>
  <c r="AE113949" i="1"/>
  <c r="AE113950" i="1"/>
  <c r="AE113951" i="1"/>
  <c r="AE113952" i="1"/>
  <c r="AE113953" i="1"/>
  <c r="AE113954" i="1"/>
  <c r="AE113955" i="1"/>
  <c r="AE113956" i="1"/>
  <c r="AE113957" i="1"/>
  <c r="AE113958" i="1"/>
  <c r="AE113959" i="1"/>
  <c r="AE113960" i="1"/>
  <c r="AE113961" i="1"/>
  <c r="AE113962" i="1"/>
  <c r="AE113963" i="1"/>
  <c r="AE113964" i="1"/>
  <c r="AE113965" i="1"/>
  <c r="AE113966" i="1"/>
  <c r="AE113967" i="1"/>
  <c r="AE113968" i="1"/>
  <c r="AE113969" i="1"/>
  <c r="AE113970" i="1"/>
  <c r="AE113971" i="1"/>
  <c r="AE113972" i="1"/>
  <c r="AE113973" i="1"/>
  <c r="AE113974" i="1"/>
  <c r="AE113975" i="1"/>
  <c r="AE113976" i="1"/>
  <c r="AE113977" i="1"/>
  <c r="AE113978" i="1"/>
  <c r="AE113979" i="1"/>
  <c r="AE113980" i="1"/>
  <c r="AE113981" i="1"/>
  <c r="AE113982" i="1"/>
  <c r="AE113983" i="1"/>
  <c r="AE113984" i="1"/>
  <c r="AE113985" i="1"/>
  <c r="AE113986" i="1"/>
  <c r="AE113987" i="1"/>
  <c r="AE113988" i="1"/>
  <c r="AE113989" i="1"/>
  <c r="AE113990" i="1"/>
  <c r="AE113991" i="1"/>
  <c r="AE113992" i="1"/>
  <c r="AE113993" i="1"/>
  <c r="AE113994" i="1"/>
  <c r="AE113995" i="1"/>
  <c r="AE113996" i="1"/>
  <c r="AE113997" i="1"/>
  <c r="AE113998" i="1"/>
  <c r="AE113999" i="1"/>
  <c r="AE114000" i="1"/>
  <c r="AE114001" i="1"/>
  <c r="AE114002" i="1"/>
  <c r="AE114003" i="1"/>
  <c r="AE114004" i="1"/>
  <c r="AE114005" i="1"/>
  <c r="AE114006" i="1"/>
  <c r="AE114007" i="1"/>
  <c r="AE114008" i="1"/>
  <c r="AE114009" i="1"/>
  <c r="AE114010" i="1"/>
  <c r="AE114011" i="1"/>
  <c r="AE114012" i="1"/>
  <c r="AE114013" i="1"/>
  <c r="AE114014" i="1"/>
  <c r="AE114015" i="1"/>
  <c r="AE114016" i="1"/>
  <c r="AE114017" i="1"/>
  <c r="AE114018" i="1"/>
  <c r="AE114019" i="1"/>
  <c r="AE114020" i="1"/>
  <c r="AE114021" i="1"/>
  <c r="AE114022" i="1"/>
  <c r="AE114023" i="1"/>
  <c r="AE114024" i="1"/>
  <c r="AE114025" i="1"/>
  <c r="AE114026" i="1"/>
  <c r="AE114027" i="1"/>
  <c r="AE114028" i="1"/>
  <c r="AE114029" i="1"/>
  <c r="AE114030" i="1"/>
  <c r="AE114031" i="1"/>
  <c r="AE114032" i="1"/>
  <c r="AE114033" i="1"/>
  <c r="AE114034" i="1"/>
  <c r="AE114035" i="1"/>
  <c r="AE114036" i="1"/>
  <c r="AE114037" i="1"/>
  <c r="AE114038" i="1"/>
  <c r="AE114039" i="1"/>
  <c r="AE114040" i="1"/>
  <c r="AE114041" i="1"/>
  <c r="AE114042" i="1"/>
  <c r="AE114043" i="1"/>
  <c r="AE114044" i="1"/>
  <c r="AE114045" i="1"/>
  <c r="AE114046" i="1"/>
  <c r="AE114047" i="1"/>
  <c r="AE114048" i="1"/>
  <c r="AE114049" i="1"/>
  <c r="AE114050" i="1"/>
  <c r="AE114051" i="1"/>
  <c r="AE114052" i="1"/>
  <c r="AE114053" i="1"/>
  <c r="AE114054" i="1"/>
  <c r="AE114055" i="1"/>
  <c r="AE114056" i="1"/>
  <c r="AE114057" i="1"/>
  <c r="AE114058" i="1"/>
  <c r="AE114059" i="1"/>
  <c r="AE114060" i="1"/>
  <c r="AE114061" i="1"/>
  <c r="AE114062" i="1"/>
  <c r="AE114063" i="1"/>
  <c r="AE114064" i="1"/>
  <c r="AE114065" i="1"/>
  <c r="AE114066" i="1"/>
  <c r="AE114067" i="1"/>
  <c r="AE114068" i="1"/>
  <c r="AE114069" i="1"/>
  <c r="AE114070" i="1"/>
  <c r="AE114071" i="1"/>
  <c r="AE114072" i="1"/>
  <c r="AE114073" i="1"/>
  <c r="AE114074" i="1"/>
  <c r="AE114075" i="1"/>
  <c r="AE114076" i="1"/>
  <c r="AE114077" i="1"/>
  <c r="AE114078" i="1"/>
  <c r="AE114079" i="1"/>
  <c r="AE114080" i="1"/>
  <c r="AE114081" i="1"/>
  <c r="AE114082" i="1"/>
  <c r="AE114083" i="1"/>
  <c r="AE114084" i="1"/>
  <c r="AE114085" i="1"/>
  <c r="AE114086" i="1"/>
  <c r="AE114087" i="1"/>
  <c r="AE114088" i="1"/>
  <c r="AE114089" i="1"/>
  <c r="AE114090" i="1"/>
  <c r="AE114091" i="1"/>
  <c r="AE114092" i="1"/>
  <c r="AE114093" i="1"/>
  <c r="AE114094" i="1"/>
  <c r="AE114095" i="1"/>
  <c r="AE114096" i="1"/>
  <c r="AE114097" i="1"/>
  <c r="AE114098" i="1"/>
  <c r="AE114099" i="1"/>
  <c r="AE114100" i="1"/>
  <c r="AE114101" i="1"/>
  <c r="AE114102" i="1"/>
  <c r="AE114103" i="1"/>
  <c r="AE114104" i="1"/>
  <c r="AE114105" i="1"/>
  <c r="AE114106" i="1"/>
  <c r="AE114107" i="1"/>
  <c r="AE114108" i="1"/>
  <c r="AE114109" i="1"/>
  <c r="AE114110" i="1"/>
  <c r="AE114111" i="1"/>
  <c r="AE114112" i="1"/>
  <c r="AE114113" i="1"/>
  <c r="AE114114" i="1"/>
  <c r="AE114115" i="1"/>
  <c r="AE114116" i="1"/>
  <c r="AE114117" i="1"/>
  <c r="AE114118" i="1"/>
  <c r="AE114119" i="1"/>
  <c r="AE114120" i="1"/>
  <c r="AE114121" i="1"/>
  <c r="AE114122" i="1"/>
  <c r="AE114123" i="1"/>
  <c r="AE114124" i="1"/>
  <c r="AE114125" i="1"/>
  <c r="AE114126" i="1"/>
  <c r="AE114127" i="1"/>
  <c r="AE114128" i="1"/>
  <c r="AE114129" i="1"/>
  <c r="AE114130" i="1"/>
  <c r="AE114131" i="1"/>
  <c r="AE114132" i="1"/>
  <c r="AE114133" i="1"/>
  <c r="AE114134" i="1"/>
  <c r="AE114135" i="1"/>
  <c r="AE114136" i="1"/>
  <c r="AE114137" i="1"/>
  <c r="AE114138" i="1"/>
  <c r="AE114139" i="1"/>
  <c r="AE114140" i="1"/>
  <c r="AE114141" i="1"/>
  <c r="AE114142" i="1"/>
  <c r="AE114143" i="1"/>
  <c r="AE114144" i="1"/>
  <c r="AE114145" i="1"/>
  <c r="AE114146" i="1"/>
  <c r="AE114147" i="1"/>
  <c r="AE114148" i="1"/>
  <c r="AE114149" i="1"/>
  <c r="AE114150" i="1"/>
  <c r="AE114151" i="1"/>
  <c r="AE114152" i="1"/>
  <c r="AE114153" i="1"/>
  <c r="AE114154" i="1"/>
  <c r="AE114155" i="1"/>
  <c r="AE114156" i="1"/>
  <c r="AE114157" i="1"/>
  <c r="AE114158" i="1"/>
  <c r="AE114159" i="1"/>
  <c r="AE114160" i="1"/>
  <c r="AE114161" i="1"/>
  <c r="AE114162" i="1"/>
  <c r="AE114163" i="1"/>
  <c r="AE114164" i="1"/>
  <c r="AE114165" i="1"/>
  <c r="AE114166" i="1"/>
  <c r="AE114167" i="1"/>
  <c r="AE114168" i="1"/>
  <c r="AE114169" i="1"/>
  <c r="AE114170" i="1"/>
  <c r="AE114171" i="1"/>
  <c r="AE114172" i="1"/>
  <c r="AE114173" i="1"/>
  <c r="AE114174" i="1"/>
  <c r="AE114175" i="1"/>
  <c r="AE114176" i="1"/>
  <c r="AE114177" i="1"/>
  <c r="AE114178" i="1"/>
  <c r="AE114179" i="1"/>
  <c r="AE114180" i="1"/>
  <c r="AE114181" i="1"/>
  <c r="AE114182" i="1"/>
  <c r="AE114183" i="1"/>
  <c r="AE114184" i="1"/>
  <c r="AE114185" i="1"/>
  <c r="AE114186" i="1"/>
  <c r="AE114187" i="1"/>
  <c r="AE114188" i="1"/>
  <c r="AE114189" i="1"/>
  <c r="AE114190" i="1"/>
  <c r="AE114191" i="1"/>
  <c r="AE114192" i="1"/>
  <c r="AE114193" i="1"/>
  <c r="AE114194" i="1"/>
  <c r="AE114195" i="1"/>
  <c r="AE114196" i="1"/>
  <c r="AE114197" i="1"/>
  <c r="AE114198" i="1"/>
  <c r="AE114199" i="1"/>
  <c r="AE114200" i="1"/>
  <c r="AE114201" i="1"/>
  <c r="AE114202" i="1"/>
  <c r="AE114203" i="1"/>
  <c r="AE114204" i="1"/>
  <c r="AE114205" i="1"/>
  <c r="AE114206" i="1"/>
  <c r="AE114207" i="1"/>
  <c r="AE114208" i="1"/>
  <c r="AE114209" i="1"/>
  <c r="AE114210" i="1"/>
  <c r="AE114211" i="1"/>
  <c r="AE114212" i="1"/>
  <c r="AE114213" i="1"/>
  <c r="AE114214" i="1"/>
  <c r="AE114215" i="1"/>
  <c r="AE114216" i="1"/>
  <c r="AE114217" i="1"/>
  <c r="AE114218" i="1"/>
  <c r="AE114219" i="1"/>
  <c r="AE114220" i="1"/>
  <c r="AE114221" i="1"/>
  <c r="AE114222" i="1"/>
  <c r="AE114223" i="1"/>
  <c r="AE114224" i="1"/>
  <c r="AE114225" i="1"/>
  <c r="AE114226" i="1"/>
  <c r="AE114227" i="1"/>
  <c r="AE114228" i="1"/>
  <c r="AE114229" i="1"/>
  <c r="AE114230" i="1"/>
  <c r="AE114231" i="1"/>
  <c r="AE114232" i="1"/>
  <c r="AE114233" i="1"/>
  <c r="AE114234" i="1"/>
  <c r="AE114235" i="1"/>
  <c r="AE114236" i="1"/>
  <c r="AE114237" i="1"/>
  <c r="AE114238" i="1"/>
  <c r="AE114239" i="1"/>
  <c r="AE114240" i="1"/>
  <c r="AE114241" i="1"/>
  <c r="AE114242" i="1"/>
  <c r="AE114243" i="1"/>
  <c r="AE114244" i="1"/>
  <c r="AE114245" i="1"/>
  <c r="AE114246" i="1"/>
  <c r="AE114247" i="1"/>
  <c r="AE114248" i="1"/>
  <c r="AE114249" i="1"/>
  <c r="AE114250" i="1"/>
  <c r="AE114251" i="1"/>
  <c r="AE114252" i="1"/>
  <c r="AE114253" i="1"/>
  <c r="AE114254" i="1"/>
  <c r="AE114255" i="1"/>
  <c r="AE114256" i="1"/>
  <c r="AE114257" i="1"/>
  <c r="AE114258" i="1"/>
  <c r="AE114259" i="1"/>
  <c r="AE114260" i="1"/>
  <c r="AE114261" i="1"/>
  <c r="AE114262" i="1"/>
  <c r="AE114263" i="1"/>
  <c r="AE114264" i="1"/>
  <c r="AE114265" i="1"/>
  <c r="AE114266" i="1"/>
  <c r="AE114267" i="1"/>
  <c r="AE114268" i="1"/>
  <c r="AE114269" i="1"/>
  <c r="AE114270" i="1"/>
  <c r="AE114271" i="1"/>
  <c r="AE114272" i="1"/>
  <c r="AE114273" i="1"/>
  <c r="AE114274" i="1"/>
  <c r="AE114275" i="1"/>
  <c r="AE114276" i="1"/>
  <c r="AE114277" i="1"/>
  <c r="AE114278" i="1"/>
  <c r="AE114279" i="1"/>
  <c r="AE114280" i="1"/>
  <c r="AE114281" i="1"/>
  <c r="AE114282" i="1"/>
  <c r="AE114283" i="1"/>
  <c r="AE114284" i="1"/>
  <c r="AE114285" i="1"/>
  <c r="AE114286" i="1"/>
  <c r="AE114287" i="1"/>
  <c r="AE114288" i="1"/>
  <c r="AE114289" i="1"/>
  <c r="AE114290" i="1"/>
  <c r="AE114291" i="1"/>
  <c r="AE114292" i="1"/>
  <c r="AE114293" i="1"/>
  <c r="AE114294" i="1"/>
  <c r="AE114295" i="1"/>
  <c r="AE114296" i="1"/>
  <c r="AE114297" i="1"/>
  <c r="AE114298" i="1"/>
  <c r="AE114299" i="1"/>
  <c r="AE114300" i="1"/>
  <c r="AE114301" i="1"/>
  <c r="AE114302" i="1"/>
  <c r="AE114303" i="1"/>
  <c r="AE114304" i="1"/>
  <c r="AE114305" i="1"/>
  <c r="AE114306" i="1"/>
  <c r="AE114307" i="1"/>
  <c r="AE114308" i="1"/>
  <c r="AE114309" i="1"/>
  <c r="AE114310" i="1"/>
  <c r="AE114311" i="1"/>
  <c r="AE114312" i="1"/>
  <c r="AE114313" i="1"/>
  <c r="AE114314" i="1"/>
  <c r="AE114315" i="1"/>
  <c r="AE114316" i="1"/>
  <c r="AE114317" i="1"/>
  <c r="AE114318" i="1"/>
  <c r="AE114319" i="1"/>
  <c r="AE114320" i="1"/>
  <c r="AE114321" i="1"/>
  <c r="AE114322" i="1"/>
  <c r="AE114323" i="1"/>
  <c r="AE114324" i="1"/>
  <c r="AE114325" i="1"/>
  <c r="AE114326" i="1"/>
  <c r="AE114327" i="1"/>
  <c r="AE114328" i="1"/>
  <c r="AE114329" i="1"/>
  <c r="AE114330" i="1"/>
  <c r="AE114331" i="1"/>
  <c r="AE114332" i="1"/>
  <c r="AE114333" i="1"/>
  <c r="AE114334" i="1"/>
  <c r="AE114335" i="1"/>
  <c r="AE114336" i="1"/>
  <c r="AE114337" i="1"/>
  <c r="AE114338" i="1"/>
  <c r="AE114339" i="1"/>
  <c r="AE114340" i="1"/>
  <c r="AE114341" i="1"/>
  <c r="AE114342" i="1"/>
  <c r="AE114343" i="1"/>
  <c r="AE114344" i="1"/>
  <c r="AE114345" i="1"/>
  <c r="AE114346" i="1"/>
  <c r="AE114347" i="1"/>
  <c r="AE114348" i="1"/>
  <c r="AE114349" i="1"/>
  <c r="AE114350" i="1"/>
  <c r="AE114351" i="1"/>
  <c r="AE114352" i="1"/>
  <c r="AE114353" i="1"/>
  <c r="AE114354" i="1"/>
  <c r="AE114355" i="1"/>
  <c r="AE114356" i="1"/>
  <c r="AE114357" i="1"/>
  <c r="AE114358" i="1"/>
  <c r="AE114359" i="1"/>
  <c r="AE114360" i="1"/>
  <c r="AE114361" i="1"/>
  <c r="AE114362" i="1"/>
  <c r="AE114363" i="1"/>
  <c r="AE114364" i="1"/>
  <c r="AE114365" i="1"/>
  <c r="AE114366" i="1"/>
  <c r="AE114367" i="1"/>
  <c r="AE114368" i="1"/>
  <c r="AE114369" i="1"/>
  <c r="AE114370" i="1"/>
  <c r="AE114371" i="1"/>
  <c r="AE114372" i="1"/>
  <c r="AE114373" i="1"/>
  <c r="AE114374" i="1"/>
  <c r="AE114375" i="1"/>
  <c r="AE114376" i="1"/>
  <c r="AE114377" i="1"/>
  <c r="AE114378" i="1"/>
  <c r="AE114379" i="1"/>
  <c r="AE114380" i="1"/>
  <c r="AE114381" i="1"/>
  <c r="AE114382" i="1"/>
  <c r="AE114383" i="1"/>
  <c r="AE114384" i="1"/>
  <c r="AE114385" i="1"/>
  <c r="AE114386" i="1"/>
  <c r="AE114387" i="1"/>
  <c r="AE114388" i="1"/>
  <c r="AE114389" i="1"/>
  <c r="AE114390" i="1"/>
  <c r="AE114391" i="1"/>
  <c r="AE114392" i="1"/>
  <c r="AE114393" i="1"/>
  <c r="AE114394" i="1"/>
  <c r="AE114395" i="1"/>
  <c r="AE114396" i="1"/>
  <c r="AE114397" i="1"/>
  <c r="AE114398" i="1"/>
  <c r="AE114399" i="1"/>
  <c r="AE114400" i="1"/>
  <c r="AE114401" i="1"/>
  <c r="AE114402" i="1"/>
  <c r="AE114403" i="1"/>
  <c r="AE114404" i="1"/>
  <c r="AE114405" i="1"/>
  <c r="AE114406" i="1"/>
  <c r="AE114407" i="1"/>
  <c r="AE114408" i="1"/>
  <c r="AE114409" i="1"/>
  <c r="AE114410" i="1"/>
  <c r="AE114411" i="1"/>
  <c r="AE114412" i="1"/>
  <c r="AE114413" i="1"/>
  <c r="AE114414" i="1"/>
  <c r="AE114415" i="1"/>
  <c r="AE114416" i="1"/>
  <c r="AE114417" i="1"/>
  <c r="AE114418" i="1"/>
  <c r="AE114419" i="1"/>
  <c r="AE114420" i="1"/>
  <c r="AE114421" i="1"/>
  <c r="AE114422" i="1"/>
  <c r="AE114423" i="1"/>
  <c r="AE114424" i="1"/>
  <c r="AE114425" i="1"/>
  <c r="AE114426" i="1"/>
  <c r="AE114427" i="1"/>
  <c r="AE114428" i="1"/>
  <c r="AE114429" i="1"/>
  <c r="AE114430" i="1"/>
  <c r="AE114431" i="1"/>
  <c r="AE114432" i="1"/>
  <c r="AE114433" i="1"/>
  <c r="AE114434" i="1"/>
  <c r="AE114435" i="1"/>
  <c r="AE114436" i="1"/>
  <c r="AE114437" i="1"/>
  <c r="AE114438" i="1"/>
  <c r="AE114439" i="1"/>
  <c r="AE114440" i="1"/>
  <c r="AE114441" i="1"/>
  <c r="AE114442" i="1"/>
  <c r="AE114443" i="1"/>
  <c r="AE114444" i="1"/>
  <c r="AE114445" i="1"/>
  <c r="AE114446" i="1"/>
  <c r="AE114447" i="1"/>
  <c r="AE114448" i="1"/>
  <c r="AE114449" i="1"/>
  <c r="AE114450" i="1"/>
  <c r="AE114451" i="1"/>
  <c r="AE114452" i="1"/>
  <c r="AE114453" i="1"/>
  <c r="AE114454" i="1"/>
  <c r="AE114455" i="1"/>
  <c r="AE114456" i="1"/>
  <c r="AE114457" i="1"/>
  <c r="AE114458" i="1"/>
  <c r="AE114459" i="1"/>
  <c r="AE114460" i="1"/>
  <c r="AE114461" i="1"/>
  <c r="AE114462" i="1"/>
  <c r="AE114463" i="1"/>
  <c r="AE114464" i="1"/>
  <c r="AE114465" i="1"/>
  <c r="AE114466" i="1"/>
  <c r="AE114467" i="1"/>
  <c r="AE114468" i="1"/>
  <c r="AE114469" i="1"/>
  <c r="AE114470" i="1"/>
  <c r="AE114471" i="1"/>
  <c r="AE114472" i="1"/>
  <c r="AE114473" i="1"/>
  <c r="AE114474" i="1"/>
  <c r="AE114475" i="1"/>
  <c r="AE114476" i="1"/>
  <c r="AE114477" i="1"/>
  <c r="AE114478" i="1"/>
  <c r="AE114479" i="1"/>
  <c r="AE114480" i="1"/>
  <c r="AE114481" i="1"/>
  <c r="AE114482" i="1"/>
  <c r="AE114483" i="1"/>
  <c r="AE114484" i="1"/>
  <c r="AE114485" i="1"/>
  <c r="AE114486" i="1"/>
  <c r="AE114487" i="1"/>
  <c r="AE114488" i="1"/>
  <c r="AE114489" i="1"/>
  <c r="AE114490" i="1"/>
  <c r="AE114491" i="1"/>
  <c r="AE114492" i="1"/>
  <c r="AE114493" i="1"/>
  <c r="AE114494" i="1"/>
  <c r="AE114495" i="1"/>
  <c r="AE114496" i="1"/>
  <c r="AE114497" i="1"/>
  <c r="AE114498" i="1"/>
  <c r="AE114499" i="1"/>
  <c r="AE114500" i="1"/>
  <c r="AE114501" i="1"/>
  <c r="AE114502" i="1"/>
  <c r="AE114503" i="1"/>
  <c r="AE114504" i="1"/>
  <c r="AE114505" i="1"/>
  <c r="AE114506" i="1"/>
  <c r="AE114507" i="1"/>
  <c r="AE114508" i="1"/>
  <c r="AE114509" i="1"/>
  <c r="AE114510" i="1"/>
  <c r="AE114511" i="1"/>
  <c r="AE114512" i="1"/>
  <c r="AE114513" i="1"/>
  <c r="AE114514" i="1"/>
  <c r="AE114515" i="1"/>
  <c r="AE114516" i="1"/>
  <c r="AE114517" i="1"/>
  <c r="AE114518" i="1"/>
  <c r="AE114519" i="1"/>
  <c r="AE114520" i="1"/>
  <c r="AE114521" i="1"/>
  <c r="AE114522" i="1"/>
  <c r="AE114523" i="1"/>
  <c r="AE114524" i="1"/>
  <c r="AE114525" i="1"/>
  <c r="AE114526" i="1"/>
  <c r="AE114527" i="1"/>
  <c r="AE114528" i="1"/>
  <c r="AE114529" i="1"/>
  <c r="AE114530" i="1"/>
  <c r="AE114531" i="1"/>
  <c r="AE114532" i="1"/>
  <c r="AE114533" i="1"/>
  <c r="AE114534" i="1"/>
  <c r="AE114535" i="1"/>
  <c r="AE114536" i="1"/>
  <c r="AE114537" i="1"/>
  <c r="AE114538" i="1"/>
  <c r="AE114539" i="1"/>
  <c r="AE114540" i="1"/>
  <c r="AE114541" i="1"/>
  <c r="AE114542" i="1"/>
  <c r="AE114543" i="1"/>
  <c r="AE114544" i="1"/>
  <c r="AE114545" i="1"/>
  <c r="AE114546" i="1"/>
  <c r="AE114547" i="1"/>
  <c r="AE114548" i="1"/>
  <c r="AE114549" i="1"/>
  <c r="AE114550" i="1"/>
  <c r="AE114551" i="1"/>
  <c r="AE114552" i="1"/>
  <c r="AE114553" i="1"/>
  <c r="AE114554" i="1"/>
  <c r="AE114555" i="1"/>
  <c r="AE114556" i="1"/>
  <c r="AE114557" i="1"/>
  <c r="AE114558" i="1"/>
  <c r="AE114559" i="1"/>
  <c r="AE114560" i="1"/>
  <c r="AE114561" i="1"/>
  <c r="AE114562" i="1"/>
  <c r="AE114563" i="1"/>
  <c r="AE114564" i="1"/>
  <c r="AE114565" i="1"/>
  <c r="AE114566" i="1"/>
  <c r="AE114567" i="1"/>
  <c r="AE114568" i="1"/>
  <c r="AE114569" i="1"/>
  <c r="AE114570" i="1"/>
  <c r="AE114571" i="1"/>
  <c r="AE114572" i="1"/>
  <c r="AE114573" i="1"/>
  <c r="AE114574" i="1"/>
  <c r="AE114575" i="1"/>
  <c r="AE114576" i="1"/>
  <c r="AE114577" i="1"/>
  <c r="AE114578" i="1"/>
  <c r="AE114579" i="1"/>
  <c r="AE114580" i="1"/>
  <c r="AE114581" i="1"/>
  <c r="AE114582" i="1"/>
  <c r="AE114583" i="1"/>
  <c r="AE114584" i="1"/>
  <c r="AE114585" i="1"/>
  <c r="AE114586" i="1"/>
  <c r="AE114587" i="1"/>
  <c r="AE114588" i="1"/>
  <c r="AE114589" i="1"/>
  <c r="AE114590" i="1"/>
  <c r="AE114591" i="1"/>
  <c r="AE114592" i="1"/>
  <c r="AE114593" i="1"/>
  <c r="AE114594" i="1"/>
  <c r="AE114595" i="1"/>
  <c r="AE114596" i="1"/>
  <c r="AE114597" i="1"/>
  <c r="AE114598" i="1"/>
  <c r="AE114599" i="1"/>
  <c r="AE114600" i="1"/>
  <c r="AE114601" i="1"/>
  <c r="AE114602" i="1"/>
  <c r="AE114603" i="1"/>
  <c r="AE114604" i="1"/>
  <c r="AE114605" i="1"/>
  <c r="AE114606" i="1"/>
  <c r="AE114607" i="1"/>
  <c r="AE114608" i="1"/>
  <c r="AE114609" i="1"/>
  <c r="AE114610" i="1"/>
  <c r="AE114611" i="1"/>
  <c r="AE114612" i="1"/>
  <c r="AE114613" i="1"/>
  <c r="AE114614" i="1"/>
  <c r="AE114615" i="1"/>
  <c r="AE114616" i="1"/>
  <c r="AE114617" i="1"/>
  <c r="AE114618" i="1"/>
  <c r="AE114619" i="1"/>
  <c r="AE114620" i="1"/>
  <c r="AE114621" i="1"/>
  <c r="AE114622" i="1"/>
  <c r="AE114623" i="1"/>
  <c r="AE114624" i="1"/>
  <c r="AE114625" i="1"/>
  <c r="AE114626" i="1"/>
  <c r="AE114627" i="1"/>
  <c r="AE114628" i="1"/>
  <c r="AE114629" i="1"/>
  <c r="AE114630" i="1"/>
  <c r="AE114631" i="1"/>
  <c r="AE114632" i="1"/>
  <c r="AE114633" i="1"/>
  <c r="AE114634" i="1"/>
  <c r="AE114635" i="1"/>
  <c r="AE114636" i="1"/>
  <c r="AE114637" i="1"/>
  <c r="AE114638" i="1"/>
  <c r="AE114639" i="1"/>
  <c r="AE114640" i="1"/>
  <c r="AE114641" i="1"/>
  <c r="AE114642" i="1"/>
  <c r="AE114643" i="1"/>
  <c r="AE114644" i="1"/>
  <c r="AE114645" i="1"/>
  <c r="AE114646" i="1"/>
  <c r="AE114647" i="1"/>
  <c r="AE114648" i="1"/>
  <c r="AE114649" i="1"/>
  <c r="AE114650" i="1"/>
  <c r="AE114651" i="1"/>
  <c r="AE114652" i="1"/>
  <c r="AE114653" i="1"/>
  <c r="AE114654" i="1"/>
  <c r="AE114655" i="1"/>
  <c r="AE114656" i="1"/>
  <c r="AE114657" i="1"/>
  <c r="AE114658" i="1"/>
  <c r="AE114659" i="1"/>
  <c r="AE114660" i="1"/>
  <c r="AE114661" i="1"/>
  <c r="AE114662" i="1"/>
  <c r="AE114663" i="1"/>
  <c r="AE114664" i="1"/>
  <c r="AE114665" i="1"/>
  <c r="AE114666" i="1"/>
  <c r="AE114667" i="1"/>
  <c r="AE114668" i="1"/>
  <c r="AE114669" i="1"/>
  <c r="AE114670" i="1"/>
  <c r="AE114671" i="1"/>
  <c r="AE114672" i="1"/>
  <c r="AE114673" i="1"/>
  <c r="AE114674" i="1"/>
  <c r="AE114675" i="1"/>
  <c r="AE114676" i="1"/>
  <c r="AE114677" i="1"/>
  <c r="AE114678" i="1"/>
  <c r="AE114679" i="1"/>
  <c r="AE114680" i="1"/>
  <c r="AE114681" i="1"/>
  <c r="AE114682" i="1"/>
  <c r="AE114683" i="1"/>
  <c r="AE114684" i="1"/>
  <c r="AE114685" i="1"/>
  <c r="AE114686" i="1"/>
  <c r="AE114687" i="1"/>
  <c r="AE114688" i="1"/>
  <c r="AE114689" i="1"/>
  <c r="AE114690" i="1"/>
  <c r="AE114691" i="1"/>
  <c r="AE114692" i="1"/>
  <c r="AE114693" i="1"/>
  <c r="AE114694" i="1"/>
  <c r="AE114695" i="1"/>
  <c r="AE114696" i="1"/>
  <c r="AE114697" i="1"/>
  <c r="AE114698" i="1"/>
  <c r="AE114699" i="1"/>
  <c r="AE114700" i="1"/>
  <c r="AE114701" i="1"/>
  <c r="AE114702" i="1"/>
  <c r="AE114703" i="1"/>
  <c r="AE114704" i="1"/>
  <c r="AE114705" i="1"/>
  <c r="AE114706" i="1"/>
  <c r="AE114707" i="1"/>
  <c r="AE114708" i="1"/>
  <c r="AE114709" i="1"/>
  <c r="AE114710" i="1"/>
  <c r="AE114711" i="1"/>
  <c r="AE114712" i="1"/>
  <c r="AE114713" i="1"/>
  <c r="AE114714" i="1"/>
  <c r="AE114715" i="1"/>
  <c r="AE114716" i="1"/>
  <c r="AE114717" i="1"/>
  <c r="AE114718" i="1"/>
  <c r="AE114719" i="1"/>
  <c r="AE114720" i="1"/>
  <c r="AE114721" i="1"/>
  <c r="AE114722" i="1"/>
  <c r="AE114723" i="1"/>
  <c r="AE114724" i="1"/>
  <c r="AE114725" i="1"/>
  <c r="AE114726" i="1"/>
  <c r="AE114727" i="1"/>
  <c r="AE114728" i="1"/>
  <c r="AE114729" i="1"/>
  <c r="AE114730" i="1"/>
  <c r="AE114731" i="1"/>
  <c r="AE114732" i="1"/>
  <c r="AE114733" i="1"/>
  <c r="AE114734" i="1"/>
  <c r="AE114735" i="1"/>
  <c r="AE114736" i="1"/>
  <c r="AE114737" i="1"/>
  <c r="AE114738" i="1"/>
  <c r="AE114739" i="1"/>
  <c r="AE114740" i="1"/>
  <c r="AE114741" i="1"/>
  <c r="AE114742" i="1"/>
  <c r="AE114743" i="1"/>
  <c r="AE114744" i="1"/>
  <c r="AE114745" i="1"/>
  <c r="AE114746" i="1"/>
  <c r="AE114747" i="1"/>
  <c r="AE114748" i="1"/>
  <c r="AE114749" i="1"/>
  <c r="AE114750" i="1"/>
  <c r="AE114751" i="1"/>
  <c r="AE114752" i="1"/>
  <c r="AE114753" i="1"/>
  <c r="AE114754" i="1"/>
  <c r="AE114755" i="1"/>
  <c r="AE114756" i="1"/>
  <c r="AE114757" i="1"/>
  <c r="AE114758" i="1"/>
  <c r="AE114759" i="1"/>
  <c r="AE114760" i="1"/>
  <c r="AE114761" i="1"/>
  <c r="AE114762" i="1"/>
  <c r="AE114763" i="1"/>
  <c r="AE114764" i="1"/>
  <c r="AE114765" i="1"/>
  <c r="AE114766" i="1"/>
  <c r="AE114767" i="1"/>
  <c r="AE114768" i="1"/>
  <c r="AE114769" i="1"/>
  <c r="AE114770" i="1"/>
  <c r="AE114771" i="1"/>
  <c r="AE114772" i="1"/>
  <c r="AE114773" i="1"/>
  <c r="AE114774" i="1"/>
  <c r="AE114775" i="1"/>
  <c r="AE114776" i="1"/>
  <c r="AE114777" i="1"/>
  <c r="AE114778" i="1"/>
  <c r="AE114779" i="1"/>
  <c r="AE114780" i="1"/>
  <c r="AE114781" i="1"/>
  <c r="AE114782" i="1"/>
  <c r="AE114783" i="1"/>
  <c r="AE114784" i="1"/>
  <c r="AE114785" i="1"/>
  <c r="AE114786" i="1"/>
  <c r="AE114787" i="1"/>
  <c r="AE114788" i="1"/>
  <c r="AE114789" i="1"/>
  <c r="AE114790" i="1"/>
  <c r="AE114791" i="1"/>
  <c r="AE114792" i="1"/>
  <c r="AE114793" i="1"/>
  <c r="AE114794" i="1"/>
  <c r="AE114795" i="1"/>
  <c r="AE114796" i="1"/>
  <c r="AE114797" i="1"/>
  <c r="AE114798" i="1"/>
  <c r="AE114799" i="1"/>
  <c r="AE114800" i="1"/>
  <c r="AE114801" i="1"/>
  <c r="AE114802" i="1"/>
  <c r="AE114803" i="1"/>
  <c r="AE114804" i="1"/>
  <c r="AE114805" i="1"/>
  <c r="AE114806" i="1"/>
  <c r="AE114807" i="1"/>
  <c r="AE114808" i="1"/>
  <c r="AE114809" i="1"/>
  <c r="AE114810" i="1"/>
  <c r="AE114811" i="1"/>
  <c r="AE114812" i="1"/>
  <c r="AE114813" i="1"/>
  <c r="AE114814" i="1"/>
  <c r="AE114815" i="1"/>
  <c r="AE114816" i="1"/>
  <c r="AE114817" i="1"/>
  <c r="AE114818" i="1"/>
  <c r="AE114819" i="1"/>
  <c r="AE114820" i="1"/>
  <c r="AE114821" i="1"/>
  <c r="AE114822" i="1"/>
  <c r="AE114823" i="1"/>
  <c r="AE114824" i="1"/>
  <c r="AE114825" i="1"/>
  <c r="AE114826" i="1"/>
  <c r="AE114827" i="1"/>
  <c r="AE114828" i="1"/>
  <c r="AE114829" i="1"/>
  <c r="AE114830" i="1"/>
  <c r="AE114831" i="1"/>
  <c r="AE114832" i="1"/>
  <c r="AE114833" i="1"/>
  <c r="AE114834" i="1"/>
  <c r="AE114835" i="1"/>
  <c r="AE114836" i="1"/>
  <c r="AE114837" i="1"/>
  <c r="AE114838" i="1"/>
  <c r="AE114839" i="1"/>
  <c r="AE114840" i="1"/>
  <c r="AE114841" i="1"/>
  <c r="AE114842" i="1"/>
  <c r="AE114843" i="1"/>
  <c r="AE114844" i="1"/>
  <c r="AE114845" i="1"/>
  <c r="AE114846" i="1"/>
  <c r="AE114847" i="1"/>
  <c r="AE114848" i="1"/>
  <c r="AE114849" i="1"/>
  <c r="AE114850" i="1"/>
  <c r="AE114851" i="1"/>
  <c r="AE114852" i="1"/>
  <c r="AE114853" i="1"/>
  <c r="AE114854" i="1"/>
  <c r="AE114855" i="1"/>
  <c r="AE114856" i="1"/>
  <c r="AE114857" i="1"/>
  <c r="AE114858" i="1"/>
  <c r="AE114859" i="1"/>
  <c r="AE114860" i="1"/>
  <c r="AE114861" i="1"/>
  <c r="AE114862" i="1"/>
  <c r="AE114863" i="1"/>
  <c r="AE114864" i="1"/>
  <c r="AE114865" i="1"/>
  <c r="AE114866" i="1"/>
  <c r="AE114867" i="1"/>
  <c r="AE114868" i="1"/>
  <c r="AE114869" i="1"/>
  <c r="AE114870" i="1"/>
  <c r="AE114871" i="1"/>
  <c r="AE114872" i="1"/>
  <c r="AE114873" i="1"/>
  <c r="AE114874" i="1"/>
  <c r="AE114875" i="1"/>
  <c r="AE114876" i="1"/>
  <c r="AE114877" i="1"/>
  <c r="AE114878" i="1"/>
  <c r="AE114879" i="1"/>
  <c r="AE114880" i="1"/>
  <c r="AE114881" i="1"/>
  <c r="AE114882" i="1"/>
  <c r="AE114883" i="1"/>
  <c r="AE114884" i="1"/>
  <c r="AE114885" i="1"/>
  <c r="AE114886" i="1"/>
  <c r="AE114887" i="1"/>
  <c r="AE114888" i="1"/>
  <c r="AE114889" i="1"/>
  <c r="AE114890" i="1"/>
  <c r="AE114891" i="1"/>
  <c r="AE114892" i="1"/>
  <c r="AE114893" i="1"/>
  <c r="AE114894" i="1"/>
  <c r="AE114895" i="1"/>
  <c r="AE114896" i="1"/>
  <c r="AE114897" i="1"/>
  <c r="AE114898" i="1"/>
  <c r="AE114899" i="1"/>
  <c r="AE114900" i="1"/>
  <c r="AE114901" i="1"/>
  <c r="AE114902" i="1"/>
  <c r="AE114903" i="1"/>
  <c r="AE114904" i="1"/>
  <c r="AE114905" i="1"/>
  <c r="AE114906" i="1"/>
  <c r="AE114907" i="1"/>
  <c r="AE114908" i="1"/>
  <c r="AE114909" i="1"/>
  <c r="AE114910" i="1"/>
  <c r="AE114911" i="1"/>
  <c r="AE114912" i="1"/>
  <c r="AE114913" i="1"/>
  <c r="AE114914" i="1"/>
  <c r="AE114915" i="1"/>
  <c r="AE114916" i="1"/>
  <c r="AE114917" i="1"/>
  <c r="AE114918" i="1"/>
  <c r="AE114919" i="1"/>
  <c r="AE114920" i="1"/>
  <c r="AE114921" i="1"/>
  <c r="AE114922" i="1"/>
  <c r="AE114923" i="1"/>
  <c r="AE114924" i="1"/>
  <c r="AE114925" i="1"/>
  <c r="AE114926" i="1"/>
  <c r="AE114927" i="1"/>
  <c r="AE114928" i="1"/>
  <c r="AE114929" i="1"/>
  <c r="AE114930" i="1"/>
  <c r="AE114931" i="1"/>
  <c r="AE114932" i="1"/>
  <c r="AE114933" i="1"/>
  <c r="AE114934" i="1"/>
  <c r="AE114935" i="1"/>
  <c r="AE114936" i="1"/>
  <c r="AE114937" i="1"/>
  <c r="AE114938" i="1"/>
  <c r="AE114939" i="1"/>
  <c r="AE114940" i="1"/>
  <c r="AE114941" i="1"/>
  <c r="AE114942" i="1"/>
  <c r="AE114943" i="1"/>
  <c r="AE114944" i="1"/>
  <c r="AE114945" i="1"/>
  <c r="AE114946" i="1"/>
  <c r="AE114947" i="1"/>
  <c r="AE114948" i="1"/>
  <c r="AE114949" i="1"/>
  <c r="AE114950" i="1"/>
  <c r="AE114951" i="1"/>
  <c r="AE114952" i="1"/>
  <c r="AE114953" i="1"/>
  <c r="AE114954" i="1"/>
  <c r="AE114955" i="1"/>
  <c r="AE114956" i="1"/>
  <c r="AE114957" i="1"/>
  <c r="AE114958" i="1"/>
  <c r="AE114959" i="1"/>
  <c r="AE114960" i="1"/>
  <c r="AE114961" i="1"/>
  <c r="AE114962" i="1"/>
  <c r="AE114963" i="1"/>
  <c r="AE114964" i="1"/>
  <c r="AE114965" i="1"/>
  <c r="AE114966" i="1"/>
  <c r="AE114967" i="1"/>
  <c r="AE114968" i="1"/>
  <c r="AE114969" i="1"/>
  <c r="AE114970" i="1"/>
  <c r="AE114971" i="1"/>
  <c r="AE114972" i="1"/>
  <c r="AE114973" i="1"/>
  <c r="AE114974" i="1"/>
  <c r="AE114975" i="1"/>
  <c r="AE114976" i="1"/>
  <c r="AE114977" i="1"/>
  <c r="AE114978" i="1"/>
  <c r="AE114979" i="1"/>
  <c r="AE114980" i="1"/>
  <c r="AE114981" i="1"/>
  <c r="AE114982" i="1"/>
  <c r="AE114983" i="1"/>
  <c r="AE114984" i="1"/>
  <c r="AE114985" i="1"/>
  <c r="AE114986" i="1"/>
  <c r="AE114987" i="1"/>
  <c r="AE114988" i="1"/>
  <c r="AE114989" i="1"/>
  <c r="AE114990" i="1"/>
  <c r="AE114991" i="1"/>
  <c r="AE114992" i="1"/>
  <c r="AE114993" i="1"/>
  <c r="AE114994" i="1"/>
  <c r="AE114995" i="1"/>
  <c r="AE114996" i="1"/>
  <c r="AE114997" i="1"/>
  <c r="AE114998" i="1"/>
  <c r="AE114999" i="1"/>
  <c r="AE115000" i="1"/>
  <c r="AE115001" i="1"/>
  <c r="AE115002" i="1"/>
  <c r="AE115003" i="1"/>
  <c r="AE115004" i="1"/>
  <c r="AE115005" i="1"/>
  <c r="AE115006" i="1"/>
  <c r="AE115007" i="1"/>
  <c r="AE115008" i="1"/>
  <c r="AE115009" i="1"/>
  <c r="AE115010" i="1"/>
  <c r="AE115011" i="1"/>
  <c r="AE115012" i="1"/>
  <c r="AE115013" i="1"/>
  <c r="AE115014" i="1"/>
  <c r="AE115015" i="1"/>
  <c r="AE115016" i="1"/>
  <c r="AE115017" i="1"/>
  <c r="AE115018" i="1"/>
  <c r="AE115019" i="1"/>
  <c r="AE115020" i="1"/>
  <c r="AE115021" i="1"/>
  <c r="AE115022" i="1"/>
  <c r="AE115023" i="1"/>
  <c r="AE115024" i="1"/>
  <c r="AE115025" i="1"/>
  <c r="AE115026" i="1"/>
  <c r="AE115027" i="1"/>
  <c r="AE115028" i="1"/>
  <c r="AE115029" i="1"/>
  <c r="AE115030" i="1"/>
  <c r="AE115031" i="1"/>
  <c r="AE115032" i="1"/>
  <c r="AE115033" i="1"/>
  <c r="AE115034" i="1"/>
  <c r="AE115035" i="1"/>
  <c r="AE115036" i="1"/>
  <c r="AE115037" i="1"/>
  <c r="AE115038" i="1"/>
  <c r="AE115039" i="1"/>
  <c r="AE115040" i="1"/>
  <c r="AE115041" i="1"/>
  <c r="AE115042" i="1"/>
  <c r="AE115043" i="1"/>
  <c r="AE115044" i="1"/>
  <c r="AE115045" i="1"/>
  <c r="AE115046" i="1"/>
  <c r="AE115047" i="1"/>
  <c r="AE115048" i="1"/>
  <c r="AE115049" i="1"/>
  <c r="AE115050" i="1"/>
  <c r="AE115051" i="1"/>
  <c r="AE115052" i="1"/>
  <c r="AE115053" i="1"/>
  <c r="AE115054" i="1"/>
  <c r="AE115055" i="1"/>
  <c r="AE115056" i="1"/>
  <c r="AE115057" i="1"/>
  <c r="AE115058" i="1"/>
  <c r="AE115059" i="1"/>
  <c r="AE115060" i="1"/>
  <c r="AE115061" i="1"/>
  <c r="AE115062" i="1"/>
  <c r="AE115063" i="1"/>
  <c r="AE115064" i="1"/>
  <c r="AE115065" i="1"/>
  <c r="AE115066" i="1"/>
  <c r="AE115067" i="1"/>
  <c r="AE115068" i="1"/>
  <c r="AE115069" i="1"/>
  <c r="AE115070" i="1"/>
  <c r="AE115071" i="1"/>
  <c r="AE115072" i="1"/>
  <c r="AE115073" i="1"/>
  <c r="AE115074" i="1"/>
  <c r="AE115075" i="1"/>
  <c r="AE115076" i="1"/>
  <c r="AE115077" i="1"/>
  <c r="AE115078" i="1"/>
  <c r="AE115079" i="1"/>
  <c r="AE115080" i="1"/>
  <c r="AE115081" i="1"/>
  <c r="AE115082" i="1"/>
  <c r="AE115083" i="1"/>
  <c r="AE115084" i="1"/>
  <c r="AE115085" i="1"/>
  <c r="AE115086" i="1"/>
  <c r="AE115087" i="1"/>
  <c r="AE115088" i="1"/>
  <c r="AE115089" i="1"/>
  <c r="AE115090" i="1"/>
  <c r="AE115091" i="1"/>
  <c r="AE115092" i="1"/>
  <c r="AE115093" i="1"/>
  <c r="AE115094" i="1"/>
  <c r="AE115095" i="1"/>
  <c r="AE115096" i="1"/>
  <c r="AE115097" i="1"/>
  <c r="AE115098" i="1"/>
  <c r="AE115099" i="1"/>
  <c r="AE115100" i="1"/>
  <c r="AE115101" i="1"/>
  <c r="AE115102" i="1"/>
  <c r="AE115103" i="1"/>
  <c r="AE115104" i="1"/>
  <c r="AE115105" i="1"/>
  <c r="AE115106" i="1"/>
  <c r="AE115107" i="1"/>
  <c r="AE115108" i="1"/>
  <c r="AE115109" i="1"/>
  <c r="AE115110" i="1"/>
  <c r="AE115111" i="1"/>
  <c r="AE115112" i="1"/>
  <c r="AE115113" i="1"/>
  <c r="AE115114" i="1"/>
  <c r="AE115115" i="1"/>
  <c r="AE115116" i="1"/>
  <c r="AE115117" i="1"/>
  <c r="AE115118" i="1"/>
  <c r="AE115119" i="1"/>
  <c r="AE115120" i="1"/>
  <c r="AE115121" i="1"/>
  <c r="AE115122" i="1"/>
  <c r="AE115123" i="1"/>
  <c r="AE115124" i="1"/>
  <c r="AE115125" i="1"/>
  <c r="AE115126" i="1"/>
  <c r="AE115127" i="1"/>
  <c r="AE115128" i="1"/>
  <c r="AE115129" i="1"/>
  <c r="AE115130" i="1"/>
  <c r="AE115131" i="1"/>
  <c r="AE115132" i="1"/>
  <c r="AE115133" i="1"/>
  <c r="AE115134" i="1"/>
  <c r="AE115135" i="1"/>
  <c r="AE115136" i="1"/>
  <c r="AE115137" i="1"/>
  <c r="AE115138" i="1"/>
  <c r="AE115139" i="1"/>
  <c r="AE115140" i="1"/>
  <c r="AE115141" i="1"/>
  <c r="AE115142" i="1"/>
  <c r="AE115143" i="1"/>
  <c r="AE115144" i="1"/>
  <c r="AE115145" i="1"/>
  <c r="AE115146" i="1"/>
  <c r="AE115147" i="1"/>
  <c r="AE115148" i="1"/>
  <c r="AE115149" i="1"/>
  <c r="AE115150" i="1"/>
  <c r="AE115151" i="1"/>
  <c r="AE115152" i="1"/>
  <c r="AE115153" i="1"/>
  <c r="AE115154" i="1"/>
  <c r="AE115155" i="1"/>
  <c r="AE115156" i="1"/>
  <c r="AE115157" i="1"/>
  <c r="AE115158" i="1"/>
  <c r="AE115159" i="1"/>
  <c r="AE115160" i="1"/>
  <c r="AE115161" i="1"/>
  <c r="AE115162" i="1"/>
  <c r="AE115163" i="1"/>
  <c r="AE115164" i="1"/>
  <c r="AE115165" i="1"/>
  <c r="AE115166" i="1"/>
  <c r="AE115167" i="1"/>
  <c r="AE115168" i="1"/>
  <c r="AE115169" i="1"/>
  <c r="AE115170" i="1"/>
  <c r="AE115171" i="1"/>
  <c r="AE115172" i="1"/>
  <c r="AE115173" i="1"/>
  <c r="AE115174" i="1"/>
  <c r="AE115175" i="1"/>
  <c r="AE115176" i="1"/>
  <c r="AE115177" i="1"/>
  <c r="AE115178" i="1"/>
  <c r="AE115179" i="1"/>
  <c r="AE115180" i="1"/>
  <c r="AE115181" i="1"/>
  <c r="AE115182" i="1"/>
  <c r="AE115183" i="1"/>
  <c r="AE115184" i="1"/>
  <c r="AE115185" i="1"/>
  <c r="AE115186" i="1"/>
  <c r="AE115187" i="1"/>
  <c r="AE115188" i="1"/>
  <c r="AE115189" i="1"/>
  <c r="AE115190" i="1"/>
  <c r="AE115191" i="1"/>
  <c r="AE115192" i="1"/>
  <c r="AE115193" i="1"/>
  <c r="AE115194" i="1"/>
  <c r="AE115195" i="1"/>
  <c r="AE115196" i="1"/>
  <c r="AE115197" i="1"/>
  <c r="AE115198" i="1"/>
  <c r="AE115199" i="1"/>
  <c r="AE115200" i="1"/>
  <c r="AE115201" i="1"/>
  <c r="AE115202" i="1"/>
  <c r="AE115203" i="1"/>
  <c r="AE115204" i="1"/>
  <c r="AE115205" i="1"/>
  <c r="AE115206" i="1"/>
  <c r="AE115207" i="1"/>
  <c r="AE115208" i="1"/>
  <c r="AE115209" i="1"/>
  <c r="AE115210" i="1"/>
  <c r="AE115211" i="1"/>
  <c r="AE115212" i="1"/>
  <c r="AE115213" i="1"/>
  <c r="AE115214" i="1"/>
  <c r="AE115215" i="1"/>
  <c r="AE115216" i="1"/>
  <c r="AE115217" i="1"/>
  <c r="AE115218" i="1"/>
  <c r="AE115219" i="1"/>
  <c r="AE115220" i="1"/>
  <c r="AE115221" i="1"/>
  <c r="AE115222" i="1"/>
  <c r="AE115223" i="1"/>
  <c r="AE115224" i="1"/>
  <c r="AE115225" i="1"/>
  <c r="AE115226" i="1"/>
  <c r="AE115227" i="1"/>
  <c r="AE115228" i="1"/>
  <c r="AE115229" i="1"/>
  <c r="AE115230" i="1"/>
  <c r="AE115231" i="1"/>
  <c r="AE115232" i="1"/>
  <c r="AE115233" i="1"/>
  <c r="AE115234" i="1"/>
  <c r="AE115235" i="1"/>
  <c r="AE115236" i="1"/>
  <c r="AE115237" i="1"/>
  <c r="AE115238" i="1"/>
  <c r="AE115239" i="1"/>
  <c r="AE115240" i="1"/>
  <c r="AE115241" i="1"/>
  <c r="AE115242" i="1"/>
  <c r="AE115243" i="1"/>
  <c r="AE115244" i="1"/>
  <c r="AE115245" i="1"/>
  <c r="AE115246" i="1"/>
  <c r="AE115247" i="1"/>
  <c r="AE115248" i="1"/>
  <c r="AE115249" i="1"/>
  <c r="AE115250" i="1"/>
  <c r="AE115251" i="1"/>
  <c r="AE115252" i="1"/>
  <c r="AE115253" i="1"/>
  <c r="AE115254" i="1"/>
  <c r="AE115255" i="1"/>
  <c r="AE115256" i="1"/>
  <c r="AE115257" i="1"/>
  <c r="AE115258" i="1"/>
  <c r="AE115259" i="1"/>
  <c r="AE115260" i="1"/>
  <c r="AE115261" i="1"/>
  <c r="AE115262" i="1"/>
  <c r="AE115263" i="1"/>
  <c r="AE115264" i="1"/>
  <c r="AE115265" i="1"/>
  <c r="AE115266" i="1"/>
  <c r="AE115267" i="1"/>
  <c r="AE115268" i="1"/>
  <c r="AE115269" i="1"/>
  <c r="AE115270" i="1"/>
  <c r="AE115271" i="1"/>
  <c r="AE115272" i="1"/>
  <c r="AE115273" i="1"/>
  <c r="AE115274" i="1"/>
  <c r="AE115275" i="1"/>
  <c r="AE115276" i="1"/>
  <c r="AE115277" i="1"/>
  <c r="AE115278" i="1"/>
  <c r="AE115279" i="1"/>
  <c r="AE115280" i="1"/>
  <c r="AE115281" i="1"/>
  <c r="AE115282" i="1"/>
  <c r="AE115283" i="1"/>
  <c r="AE115284" i="1"/>
  <c r="AE115285" i="1"/>
  <c r="AE115286" i="1"/>
  <c r="AE115287" i="1"/>
  <c r="AE115288" i="1"/>
  <c r="AE115289" i="1"/>
  <c r="AE115290" i="1"/>
  <c r="AE115291" i="1"/>
  <c r="AE115292" i="1"/>
  <c r="AE115293" i="1"/>
  <c r="AE115294" i="1"/>
  <c r="AE115295" i="1"/>
  <c r="AE115296" i="1"/>
  <c r="AE115297" i="1"/>
  <c r="AE115298" i="1"/>
  <c r="AE115299" i="1"/>
  <c r="AE115300" i="1"/>
  <c r="AE115301" i="1"/>
  <c r="AE115302" i="1"/>
  <c r="AE115303" i="1"/>
  <c r="AE115304" i="1"/>
  <c r="AE115305" i="1"/>
  <c r="AE115306" i="1"/>
  <c r="AE115307" i="1"/>
  <c r="AE115308" i="1"/>
  <c r="AE115309" i="1"/>
  <c r="AE115310" i="1"/>
  <c r="AE115311" i="1"/>
  <c r="AE115312" i="1"/>
  <c r="AE115313" i="1"/>
  <c r="AE115314" i="1"/>
  <c r="AE115315" i="1"/>
  <c r="AE115316" i="1"/>
  <c r="AE115317" i="1"/>
  <c r="AE115318" i="1"/>
  <c r="AE115319" i="1"/>
  <c r="AE115320" i="1"/>
  <c r="AE115321" i="1"/>
  <c r="AE115322" i="1"/>
  <c r="AE115323" i="1"/>
  <c r="AE115324" i="1"/>
  <c r="AE115325" i="1"/>
  <c r="AE115326" i="1"/>
  <c r="AE115327" i="1"/>
  <c r="AE115328" i="1"/>
  <c r="AE115329" i="1"/>
  <c r="AE115330" i="1"/>
  <c r="AE115331" i="1"/>
  <c r="AE115332" i="1"/>
  <c r="AE115333" i="1"/>
  <c r="AE115334" i="1"/>
  <c r="AE115335" i="1"/>
  <c r="AE115336" i="1"/>
  <c r="AE115337" i="1"/>
  <c r="AE115338" i="1"/>
  <c r="AE115339" i="1"/>
  <c r="AE115340" i="1"/>
  <c r="AE115341" i="1"/>
  <c r="AE115342" i="1"/>
  <c r="AE115343" i="1"/>
  <c r="AE115344" i="1"/>
  <c r="AE115345" i="1"/>
  <c r="AE115346" i="1"/>
  <c r="AE115347" i="1"/>
  <c r="AE115348" i="1"/>
  <c r="AE115349" i="1"/>
  <c r="AE115350" i="1"/>
  <c r="AE115351" i="1"/>
  <c r="AE115352" i="1"/>
  <c r="AE115353" i="1"/>
  <c r="AE115354" i="1"/>
  <c r="AE115355" i="1"/>
  <c r="AE115356" i="1"/>
  <c r="AE115357" i="1"/>
  <c r="AE115358" i="1"/>
  <c r="AE115359" i="1"/>
  <c r="AE115360" i="1"/>
  <c r="AE115361" i="1"/>
  <c r="AE115362" i="1"/>
  <c r="AE115363" i="1"/>
  <c r="AE115364" i="1"/>
  <c r="AE115365" i="1"/>
  <c r="AE115366" i="1"/>
  <c r="AE115367" i="1"/>
  <c r="AE115368" i="1"/>
  <c r="AE115369" i="1"/>
  <c r="AE115370" i="1"/>
  <c r="AE115371" i="1"/>
  <c r="AE115372" i="1"/>
  <c r="AE115373" i="1"/>
  <c r="AE115374" i="1"/>
  <c r="AE115375" i="1"/>
  <c r="AE115376" i="1"/>
  <c r="AE115377" i="1"/>
  <c r="AE115378" i="1"/>
  <c r="AE115379" i="1"/>
  <c r="AE115380" i="1"/>
  <c r="AE115381" i="1"/>
  <c r="AE115382" i="1"/>
  <c r="AE115383" i="1"/>
  <c r="AE115384" i="1"/>
  <c r="AE115385" i="1"/>
  <c r="AE115386" i="1"/>
  <c r="AE115387" i="1"/>
  <c r="AE115388" i="1"/>
  <c r="AE115389" i="1"/>
  <c r="AE115390" i="1"/>
  <c r="AE115391" i="1"/>
  <c r="AE115392" i="1"/>
  <c r="AE115393" i="1"/>
  <c r="AE115394" i="1"/>
  <c r="AE115395" i="1"/>
  <c r="AE115396" i="1"/>
  <c r="AE115397" i="1"/>
  <c r="AE115398" i="1"/>
  <c r="AE115399" i="1"/>
  <c r="AE115400" i="1"/>
  <c r="AE115401" i="1"/>
  <c r="AE115402" i="1"/>
  <c r="AE115403" i="1"/>
  <c r="AE115404" i="1"/>
  <c r="AE115405" i="1"/>
  <c r="AE115406" i="1"/>
  <c r="AE115407" i="1"/>
  <c r="AE115408" i="1"/>
  <c r="AE115409" i="1"/>
  <c r="AE115410" i="1"/>
  <c r="AE115411" i="1"/>
  <c r="AE115412" i="1"/>
  <c r="AE115413" i="1"/>
  <c r="AE115414" i="1"/>
  <c r="AE115415" i="1"/>
  <c r="AE115416" i="1"/>
  <c r="AE115417" i="1"/>
  <c r="AE115418" i="1"/>
  <c r="AE115419" i="1"/>
  <c r="AE115420" i="1"/>
  <c r="AE115421" i="1"/>
  <c r="AE115422" i="1"/>
  <c r="AE115423" i="1"/>
  <c r="AE115424" i="1"/>
  <c r="AE115425" i="1"/>
  <c r="AE115426" i="1"/>
  <c r="AE115427" i="1"/>
  <c r="AE115428" i="1"/>
  <c r="AE115429" i="1"/>
  <c r="AE115430" i="1"/>
  <c r="AE115431" i="1"/>
  <c r="AE115432" i="1"/>
  <c r="AE115433" i="1"/>
  <c r="AE115434" i="1"/>
  <c r="AE115435" i="1"/>
  <c r="AE115436" i="1"/>
  <c r="AE115437" i="1"/>
  <c r="AE115438" i="1"/>
  <c r="AE115439" i="1"/>
  <c r="AE115440" i="1"/>
  <c r="AE115441" i="1"/>
  <c r="AE115442" i="1"/>
  <c r="AE115443" i="1"/>
  <c r="AE115444" i="1"/>
  <c r="AE115445" i="1"/>
  <c r="AE115446" i="1"/>
  <c r="AE115447" i="1"/>
  <c r="AE115448" i="1"/>
  <c r="AE115449" i="1"/>
  <c r="AE115450" i="1"/>
  <c r="AE115451" i="1"/>
  <c r="AE115452" i="1"/>
  <c r="AE115453" i="1"/>
  <c r="AE115454" i="1"/>
  <c r="AE115455" i="1"/>
  <c r="AE115456" i="1"/>
  <c r="AE115457" i="1"/>
  <c r="AE115458" i="1"/>
  <c r="AE115459" i="1"/>
  <c r="AE115460" i="1"/>
  <c r="AE115461" i="1"/>
  <c r="AE115462" i="1"/>
  <c r="AE115463" i="1"/>
  <c r="AE115464" i="1"/>
  <c r="AE115465" i="1"/>
  <c r="AE115466" i="1"/>
  <c r="AE115467" i="1"/>
  <c r="AE115468" i="1"/>
  <c r="AE115469" i="1"/>
  <c r="AE115470" i="1"/>
  <c r="AE115471" i="1"/>
  <c r="AE115472" i="1"/>
  <c r="AE115473" i="1"/>
  <c r="AE115474" i="1"/>
  <c r="AE115475" i="1"/>
  <c r="AE115476" i="1"/>
  <c r="AE115477" i="1"/>
  <c r="AE115478" i="1"/>
  <c r="AE115479" i="1"/>
  <c r="AE115480" i="1"/>
  <c r="AE115481" i="1"/>
  <c r="AE115482" i="1"/>
  <c r="AE115483" i="1"/>
  <c r="AE115484" i="1"/>
  <c r="AE115485" i="1"/>
  <c r="AE115486" i="1"/>
  <c r="AE115487" i="1"/>
  <c r="AE115488" i="1"/>
  <c r="AE115489" i="1"/>
  <c r="AE115490" i="1"/>
  <c r="AE115491" i="1"/>
  <c r="AE115492" i="1"/>
  <c r="AE115493" i="1"/>
  <c r="AE115494" i="1"/>
  <c r="AE115495" i="1"/>
  <c r="AE115496" i="1"/>
  <c r="AE115497" i="1"/>
  <c r="AE115498" i="1"/>
  <c r="AE115499" i="1"/>
  <c r="AE115500" i="1"/>
  <c r="AE115501" i="1"/>
  <c r="AE115502" i="1"/>
  <c r="AE115503" i="1"/>
  <c r="AE115504" i="1"/>
  <c r="AE115505" i="1"/>
  <c r="AE115506" i="1"/>
  <c r="AE115507" i="1"/>
  <c r="AE115508" i="1"/>
  <c r="AE115509" i="1"/>
  <c r="AE115510" i="1"/>
  <c r="AE115511" i="1"/>
  <c r="AE115512" i="1"/>
  <c r="AE115513" i="1"/>
  <c r="AE115514" i="1"/>
  <c r="AE115515" i="1"/>
  <c r="AE115516" i="1"/>
  <c r="AE115517" i="1"/>
  <c r="AE115518" i="1"/>
  <c r="AE115519" i="1"/>
  <c r="AE115520" i="1"/>
  <c r="AE115521" i="1"/>
  <c r="AE115522" i="1"/>
  <c r="AE115523" i="1"/>
  <c r="AE115524" i="1"/>
  <c r="AE115525" i="1"/>
  <c r="AE115526" i="1"/>
  <c r="AE115527" i="1"/>
  <c r="AE115528" i="1"/>
  <c r="AE115529" i="1"/>
  <c r="AE115530" i="1"/>
  <c r="AE115531" i="1"/>
  <c r="AE115532" i="1"/>
  <c r="AE115533" i="1"/>
  <c r="AE115534" i="1"/>
  <c r="AE115535" i="1"/>
  <c r="AE115536" i="1"/>
  <c r="AE115537" i="1"/>
  <c r="AE115538" i="1"/>
  <c r="AE115539" i="1"/>
  <c r="AE115540" i="1"/>
  <c r="AE115541" i="1"/>
  <c r="AE115542" i="1"/>
  <c r="AE115543" i="1"/>
  <c r="AE115544" i="1"/>
  <c r="AE115545" i="1"/>
  <c r="AE115546" i="1"/>
  <c r="AE115547" i="1"/>
  <c r="AE115548" i="1"/>
  <c r="AE115549" i="1"/>
  <c r="AE115550" i="1"/>
  <c r="AE115551" i="1"/>
  <c r="AE115552" i="1"/>
  <c r="AE115553" i="1"/>
  <c r="AE115554" i="1"/>
  <c r="AE115555" i="1"/>
  <c r="AE115556" i="1"/>
  <c r="AE115557" i="1"/>
  <c r="AE115558" i="1"/>
  <c r="AE115559" i="1"/>
  <c r="AE115560" i="1"/>
  <c r="AE115561" i="1"/>
  <c r="AE115562" i="1"/>
  <c r="AE115563" i="1"/>
  <c r="AE115564" i="1"/>
  <c r="AE115565" i="1"/>
  <c r="AE115566" i="1"/>
  <c r="AE115567" i="1"/>
  <c r="AE115568" i="1"/>
  <c r="AE115569" i="1"/>
  <c r="AE115570" i="1"/>
  <c r="AE115571" i="1"/>
  <c r="AE115572" i="1"/>
  <c r="AE115573" i="1"/>
  <c r="AE115574" i="1"/>
  <c r="AE115575" i="1"/>
  <c r="AE115576" i="1"/>
  <c r="AE115577" i="1"/>
  <c r="AE115578" i="1"/>
  <c r="AE115579" i="1"/>
  <c r="AE115580" i="1"/>
  <c r="AE115581" i="1"/>
  <c r="AE115582" i="1"/>
  <c r="AE115583" i="1"/>
  <c r="AE115584" i="1"/>
  <c r="AE115585" i="1"/>
  <c r="AE115586" i="1"/>
  <c r="AE115587" i="1"/>
  <c r="AE115588" i="1"/>
  <c r="AE115589" i="1"/>
  <c r="AE115590" i="1"/>
  <c r="AE115591" i="1"/>
  <c r="AE115592" i="1"/>
  <c r="AE115593" i="1"/>
  <c r="AE115594" i="1"/>
  <c r="AE115595" i="1"/>
  <c r="AE115596" i="1"/>
  <c r="AE115597" i="1"/>
  <c r="AE115598" i="1"/>
  <c r="AE115599" i="1"/>
  <c r="AE115600" i="1"/>
  <c r="AE115601" i="1"/>
  <c r="AE115602" i="1"/>
  <c r="AE115603" i="1"/>
  <c r="AE115604" i="1"/>
  <c r="AE115605" i="1"/>
  <c r="AE115606" i="1"/>
  <c r="AE115607" i="1"/>
  <c r="AE115608" i="1"/>
  <c r="AE115609" i="1"/>
  <c r="AE115610" i="1"/>
  <c r="AE115611" i="1"/>
  <c r="AE115612" i="1"/>
  <c r="AE115613" i="1"/>
  <c r="AE115614" i="1"/>
  <c r="AE115615" i="1"/>
  <c r="AE115616" i="1"/>
  <c r="AE115617" i="1"/>
  <c r="AE115618" i="1"/>
  <c r="AE115619" i="1"/>
  <c r="AE115620" i="1"/>
  <c r="AE115621" i="1"/>
  <c r="AE115622" i="1"/>
  <c r="AE115623" i="1"/>
  <c r="AE115624" i="1"/>
  <c r="AE115625" i="1"/>
  <c r="AE115626" i="1"/>
  <c r="AE115627" i="1"/>
  <c r="AE115628" i="1"/>
  <c r="AE115629" i="1"/>
  <c r="AE115630" i="1"/>
  <c r="AE115631" i="1"/>
  <c r="AE115632" i="1"/>
  <c r="AE115633" i="1"/>
  <c r="AE115634" i="1"/>
  <c r="AE115635" i="1"/>
  <c r="AE115636" i="1"/>
  <c r="AE115637" i="1"/>
  <c r="AE115638" i="1"/>
  <c r="AE115639" i="1"/>
  <c r="AE115640" i="1"/>
  <c r="AE115641" i="1"/>
  <c r="AE115642" i="1"/>
  <c r="AE115643" i="1"/>
  <c r="AE115644" i="1"/>
  <c r="AE115645" i="1"/>
  <c r="AE115646" i="1"/>
  <c r="AE115647" i="1"/>
  <c r="AE115648" i="1"/>
  <c r="AE115649" i="1"/>
  <c r="AE115650" i="1"/>
  <c r="AE115651" i="1"/>
  <c r="AE115652" i="1"/>
  <c r="AE115653" i="1"/>
  <c r="AE115654" i="1"/>
  <c r="AE115655" i="1"/>
  <c r="AE115656" i="1"/>
  <c r="AE115657" i="1"/>
  <c r="AE115658" i="1"/>
  <c r="AE115659" i="1"/>
  <c r="AE115660" i="1"/>
  <c r="AE115661" i="1"/>
  <c r="AE115662" i="1"/>
  <c r="AE115663" i="1"/>
  <c r="AE115664" i="1"/>
  <c r="AE115665" i="1"/>
  <c r="AE115666" i="1"/>
  <c r="AE115667" i="1"/>
  <c r="AE115668" i="1"/>
  <c r="AE115669" i="1"/>
  <c r="AE115670" i="1"/>
  <c r="AE115671" i="1"/>
  <c r="AE115672" i="1"/>
  <c r="AE115673" i="1"/>
  <c r="AE115674" i="1"/>
  <c r="AE115675" i="1"/>
  <c r="AE115676" i="1"/>
  <c r="AE115677" i="1"/>
  <c r="AE115678" i="1"/>
  <c r="AE115679" i="1"/>
  <c r="AE115680" i="1"/>
  <c r="AE115681" i="1"/>
  <c r="AE115682" i="1"/>
  <c r="AE115683" i="1"/>
  <c r="AE115684" i="1"/>
  <c r="AE115685" i="1"/>
  <c r="AE115686" i="1"/>
  <c r="AE115687" i="1"/>
  <c r="AE115688" i="1"/>
  <c r="AE115689" i="1"/>
  <c r="AE115690" i="1"/>
  <c r="AE115691" i="1"/>
  <c r="AE115692" i="1"/>
  <c r="AE115693" i="1"/>
  <c r="AE115694" i="1"/>
  <c r="AE115695" i="1"/>
  <c r="AE115696" i="1"/>
  <c r="AE115697" i="1"/>
  <c r="AE115698" i="1"/>
  <c r="AE115699" i="1"/>
  <c r="AE115700" i="1"/>
  <c r="AE115701" i="1"/>
  <c r="AE115702" i="1"/>
  <c r="AE115703" i="1"/>
  <c r="AE115704" i="1"/>
  <c r="AE115705" i="1"/>
  <c r="AE115706" i="1"/>
  <c r="AE115707" i="1"/>
  <c r="AE115708" i="1"/>
  <c r="AE115709" i="1"/>
  <c r="AE115710" i="1"/>
  <c r="AE115711" i="1"/>
  <c r="AE115712" i="1"/>
  <c r="AE115713" i="1"/>
  <c r="AE115714" i="1"/>
  <c r="AE115715" i="1"/>
  <c r="AE115716" i="1"/>
  <c r="AE115717" i="1"/>
  <c r="AE115718" i="1"/>
  <c r="AE115719" i="1"/>
  <c r="AE115720" i="1"/>
  <c r="AE115721" i="1"/>
  <c r="AE115722" i="1"/>
  <c r="AE115723" i="1"/>
  <c r="AE115724" i="1"/>
  <c r="AE115725" i="1"/>
  <c r="AE115726" i="1"/>
  <c r="AE115727" i="1"/>
  <c r="AE115728" i="1"/>
  <c r="AE115729" i="1"/>
  <c r="AE115730" i="1"/>
  <c r="AE115731" i="1"/>
  <c r="AE115732" i="1"/>
  <c r="AE115733" i="1"/>
  <c r="AE115734" i="1"/>
  <c r="AE115735" i="1"/>
  <c r="AE115736" i="1"/>
  <c r="AE115737" i="1"/>
  <c r="AE115738" i="1"/>
  <c r="AE115739" i="1"/>
  <c r="AE115740" i="1"/>
  <c r="AE115741" i="1"/>
  <c r="AE115742" i="1"/>
  <c r="AE115743" i="1"/>
  <c r="AE115744" i="1"/>
  <c r="AE115745" i="1"/>
  <c r="AE115746" i="1"/>
  <c r="AE115747" i="1"/>
  <c r="AE115748" i="1"/>
  <c r="AE115749" i="1"/>
  <c r="AE115750" i="1"/>
  <c r="AE115751" i="1"/>
  <c r="AE115752" i="1"/>
  <c r="AE115753" i="1"/>
  <c r="AE115754" i="1"/>
  <c r="AE115755" i="1"/>
  <c r="AE115756" i="1"/>
  <c r="AE115757" i="1"/>
  <c r="AE115758" i="1"/>
  <c r="AE115759" i="1"/>
  <c r="AE115760" i="1"/>
  <c r="AE115761" i="1"/>
  <c r="AE115762" i="1"/>
  <c r="AE115763" i="1"/>
  <c r="AE115764" i="1"/>
  <c r="AE115765" i="1"/>
  <c r="AE115766" i="1"/>
  <c r="AE115767" i="1"/>
  <c r="AE115768" i="1"/>
  <c r="AE115769" i="1"/>
  <c r="AE115770" i="1"/>
  <c r="AE115771" i="1"/>
  <c r="AE115772" i="1"/>
  <c r="AE115773" i="1"/>
  <c r="AE115774" i="1"/>
  <c r="AE115775" i="1"/>
  <c r="AE115776" i="1"/>
  <c r="AE115777" i="1"/>
  <c r="AE115778" i="1"/>
  <c r="AE115779" i="1"/>
  <c r="AE115780" i="1"/>
  <c r="AE115781" i="1"/>
  <c r="AE115782" i="1"/>
  <c r="AE115783" i="1"/>
  <c r="AE115784" i="1"/>
  <c r="AE115785" i="1"/>
  <c r="AE115786" i="1"/>
  <c r="AE115787" i="1"/>
  <c r="AE115788" i="1"/>
  <c r="AE115789" i="1"/>
  <c r="AE115790" i="1"/>
  <c r="AE115791" i="1"/>
  <c r="AE115792" i="1"/>
  <c r="AE115793" i="1"/>
  <c r="AE115794" i="1"/>
  <c r="AE115795" i="1"/>
  <c r="AE115796" i="1"/>
  <c r="AE115797" i="1"/>
  <c r="AE115798" i="1"/>
  <c r="AE115799" i="1"/>
  <c r="AE115800" i="1"/>
  <c r="AE115801" i="1"/>
  <c r="AE115802" i="1"/>
  <c r="AE115803" i="1"/>
  <c r="AE115804" i="1"/>
  <c r="AE115805" i="1"/>
  <c r="AE115806" i="1"/>
  <c r="AE115807" i="1"/>
  <c r="AE115808" i="1"/>
  <c r="AE115809" i="1"/>
  <c r="AE115810" i="1"/>
  <c r="AE115811" i="1"/>
  <c r="AE115812" i="1"/>
  <c r="AE115813" i="1"/>
  <c r="AE115814" i="1"/>
  <c r="AE115815" i="1"/>
  <c r="AE115816" i="1"/>
  <c r="AE115817" i="1"/>
  <c r="AE115818" i="1"/>
  <c r="AE115819" i="1"/>
  <c r="AE115820" i="1"/>
  <c r="AE115821" i="1"/>
  <c r="AE115822" i="1"/>
  <c r="AE115823" i="1"/>
  <c r="AE115824" i="1"/>
  <c r="AE115825" i="1"/>
  <c r="AE115826" i="1"/>
  <c r="AE115827" i="1"/>
  <c r="AE115828" i="1"/>
  <c r="AE115829" i="1"/>
  <c r="AE115830" i="1"/>
  <c r="AE115831" i="1"/>
  <c r="AE115832" i="1"/>
  <c r="AE115833" i="1"/>
  <c r="AE115834" i="1"/>
  <c r="AE115835" i="1"/>
  <c r="AE115836" i="1"/>
  <c r="AE115837" i="1"/>
  <c r="AE115838" i="1"/>
  <c r="AE115839" i="1"/>
  <c r="AE115840" i="1"/>
  <c r="AE115841" i="1"/>
  <c r="AE115842" i="1"/>
  <c r="AE115843" i="1"/>
  <c r="AE115844" i="1"/>
  <c r="AE115845" i="1"/>
  <c r="AE115846" i="1"/>
  <c r="AE115847" i="1"/>
  <c r="AE115848" i="1"/>
  <c r="AE115849" i="1"/>
  <c r="AE115850" i="1"/>
  <c r="AE115851" i="1"/>
  <c r="AE115852" i="1"/>
  <c r="AE115853" i="1"/>
  <c r="AE115854" i="1"/>
  <c r="AE115855" i="1"/>
  <c r="AE115856" i="1"/>
  <c r="AE115857" i="1"/>
  <c r="AE115858" i="1"/>
  <c r="AE115859" i="1"/>
  <c r="AE115860" i="1"/>
  <c r="AE115861" i="1"/>
  <c r="AE115862" i="1"/>
  <c r="AE115863" i="1"/>
  <c r="AE115864" i="1"/>
  <c r="AE115865" i="1"/>
  <c r="AE115866" i="1"/>
  <c r="AE115867" i="1"/>
  <c r="AE115868" i="1"/>
  <c r="AE115869" i="1"/>
  <c r="AE115870" i="1"/>
  <c r="AE115871" i="1"/>
  <c r="AE115872" i="1"/>
  <c r="AE115873" i="1"/>
  <c r="AE115874" i="1"/>
  <c r="AE115875" i="1"/>
  <c r="AE115876" i="1"/>
  <c r="AE115877" i="1"/>
  <c r="AE115878" i="1"/>
  <c r="AE115879" i="1"/>
  <c r="AE115880" i="1"/>
  <c r="AE115881" i="1"/>
  <c r="AE115882" i="1"/>
  <c r="AE115883" i="1"/>
  <c r="AE115884" i="1"/>
  <c r="AE115885" i="1"/>
  <c r="AE115886" i="1"/>
  <c r="AE115887" i="1"/>
  <c r="AE115888" i="1"/>
  <c r="AE115889" i="1"/>
  <c r="AE115890" i="1"/>
  <c r="AE115891" i="1"/>
  <c r="AE115892" i="1"/>
  <c r="AE115893" i="1"/>
  <c r="AE115894" i="1"/>
  <c r="AE115895" i="1"/>
  <c r="AE115896" i="1"/>
  <c r="AE115897" i="1"/>
  <c r="AE115898" i="1"/>
  <c r="AE115899" i="1"/>
  <c r="AE115900" i="1"/>
  <c r="AE115901" i="1"/>
  <c r="AE115902" i="1"/>
  <c r="AE115903" i="1"/>
  <c r="AE115904" i="1"/>
  <c r="AE115905" i="1"/>
  <c r="AE115906" i="1"/>
  <c r="AE115907" i="1"/>
  <c r="AE115908" i="1"/>
  <c r="AE115909" i="1"/>
  <c r="AE115910" i="1"/>
  <c r="AE115911" i="1"/>
  <c r="AE115912" i="1"/>
  <c r="AE115913" i="1"/>
  <c r="AE115914" i="1"/>
  <c r="AE115915" i="1"/>
  <c r="AE115916" i="1"/>
  <c r="AE115917" i="1"/>
  <c r="AE115918" i="1"/>
  <c r="AE115919" i="1"/>
  <c r="AE115920" i="1"/>
  <c r="AE115921" i="1"/>
  <c r="AE115922" i="1"/>
  <c r="AE115923" i="1"/>
  <c r="AE115924" i="1"/>
  <c r="AE115925" i="1"/>
  <c r="AE115926" i="1"/>
  <c r="AE115927" i="1"/>
  <c r="AE115928" i="1"/>
  <c r="AE115929" i="1"/>
  <c r="AE115930" i="1"/>
  <c r="AE115931" i="1"/>
  <c r="AE115932" i="1"/>
  <c r="AE115933" i="1"/>
  <c r="AE115934" i="1"/>
  <c r="AE115935" i="1"/>
  <c r="AE115936" i="1"/>
  <c r="AE115937" i="1"/>
  <c r="AE115938" i="1"/>
  <c r="AE115939" i="1"/>
  <c r="AE115940" i="1"/>
  <c r="AE115941" i="1"/>
  <c r="AE115942" i="1"/>
  <c r="AE115943" i="1"/>
  <c r="AE115944" i="1"/>
  <c r="AE115945" i="1"/>
  <c r="AE115946" i="1"/>
  <c r="AE115947" i="1"/>
  <c r="AE115948" i="1"/>
  <c r="AE115949" i="1"/>
  <c r="AE115950" i="1"/>
  <c r="AE115951" i="1"/>
  <c r="AE115952" i="1"/>
  <c r="AE115953" i="1"/>
  <c r="AE115954" i="1"/>
  <c r="AE115955" i="1"/>
  <c r="AE115956" i="1"/>
  <c r="AE115957" i="1"/>
  <c r="AE115958" i="1"/>
  <c r="AE115959" i="1"/>
  <c r="AE115960" i="1"/>
  <c r="AE115961" i="1"/>
  <c r="AE115962" i="1"/>
  <c r="AE115963" i="1"/>
  <c r="AE115964" i="1"/>
  <c r="AE115965" i="1"/>
  <c r="AE115966" i="1"/>
  <c r="AE115967" i="1"/>
  <c r="AE115968" i="1"/>
  <c r="AE115969" i="1"/>
  <c r="AE115970" i="1"/>
  <c r="AE115971" i="1"/>
  <c r="AE115972" i="1"/>
  <c r="AE115973" i="1"/>
  <c r="AE115974" i="1"/>
  <c r="AE115975" i="1"/>
  <c r="AE115976" i="1"/>
  <c r="AE115977" i="1"/>
  <c r="AE115978" i="1"/>
  <c r="AE115979" i="1"/>
  <c r="AE115980" i="1"/>
  <c r="AE115981" i="1"/>
  <c r="AE115982" i="1"/>
  <c r="AE115983" i="1"/>
  <c r="AE115984" i="1"/>
  <c r="AE115985" i="1"/>
  <c r="AE115986" i="1"/>
  <c r="AE115987" i="1"/>
  <c r="AE115988" i="1"/>
  <c r="AE115989" i="1"/>
  <c r="AE115990" i="1"/>
  <c r="AE115991" i="1"/>
  <c r="AE115992" i="1"/>
  <c r="AE115993" i="1"/>
  <c r="AE115994" i="1"/>
  <c r="AE115995" i="1"/>
  <c r="AE115996" i="1"/>
  <c r="AE115997" i="1"/>
  <c r="AE115998" i="1"/>
  <c r="AE115999" i="1"/>
  <c r="AE116000" i="1"/>
  <c r="AE116001" i="1"/>
  <c r="AE116002" i="1"/>
  <c r="AE116003" i="1"/>
  <c r="AE116004" i="1"/>
  <c r="AE116005" i="1"/>
  <c r="AE116006" i="1"/>
  <c r="AE116007" i="1"/>
  <c r="AE116008" i="1"/>
  <c r="AE116009" i="1"/>
  <c r="AE116010" i="1"/>
  <c r="AE116011" i="1"/>
  <c r="AE116012" i="1"/>
  <c r="AE116013" i="1"/>
  <c r="AE116014" i="1"/>
  <c r="AE116015" i="1"/>
  <c r="AE116016" i="1"/>
  <c r="AE116017" i="1"/>
  <c r="AE116018" i="1"/>
  <c r="AE116019" i="1"/>
  <c r="AE116020" i="1"/>
  <c r="AE116021" i="1"/>
  <c r="AE116022" i="1"/>
  <c r="AE116023" i="1"/>
  <c r="AE116024" i="1"/>
  <c r="AE116025" i="1"/>
  <c r="AE116026" i="1"/>
  <c r="AE116027" i="1"/>
  <c r="AE116028" i="1"/>
  <c r="AE116029" i="1"/>
  <c r="AE116030" i="1"/>
  <c r="AE116031" i="1"/>
  <c r="AE116032" i="1"/>
  <c r="AE116033" i="1"/>
  <c r="AE116034" i="1"/>
  <c r="AE116035" i="1"/>
  <c r="AE116036" i="1"/>
  <c r="AE116037" i="1"/>
  <c r="AE116038" i="1"/>
  <c r="AE116039" i="1"/>
  <c r="AE116040" i="1"/>
  <c r="AE116041" i="1"/>
  <c r="AE116042" i="1"/>
  <c r="AE116043" i="1"/>
  <c r="AE116044" i="1"/>
  <c r="AE116045" i="1"/>
  <c r="AE116046" i="1"/>
  <c r="AE116047" i="1"/>
  <c r="AE116048" i="1"/>
  <c r="AE116049" i="1"/>
  <c r="AE116050" i="1"/>
  <c r="AE116051" i="1"/>
  <c r="AE116052" i="1"/>
  <c r="AE116053" i="1"/>
  <c r="AE116054" i="1"/>
  <c r="AE116055" i="1"/>
  <c r="AE116056" i="1"/>
  <c r="AE116057" i="1"/>
  <c r="AE116058" i="1"/>
  <c r="AE116059" i="1"/>
  <c r="AE116060" i="1"/>
  <c r="AE116061" i="1"/>
  <c r="AE116062" i="1"/>
  <c r="AE116063" i="1"/>
  <c r="AE116064" i="1"/>
  <c r="AE116065" i="1"/>
  <c r="AE116066" i="1"/>
  <c r="AE116067" i="1"/>
  <c r="AE116068" i="1"/>
  <c r="AE116069" i="1"/>
  <c r="AE116070" i="1"/>
  <c r="AE116071" i="1"/>
  <c r="AE116072" i="1"/>
  <c r="AE116073" i="1"/>
  <c r="AE116074" i="1"/>
  <c r="AE116075" i="1"/>
  <c r="AE116076" i="1"/>
  <c r="AE116077" i="1"/>
  <c r="AE116078" i="1"/>
  <c r="AE116079" i="1"/>
  <c r="AE116080" i="1"/>
  <c r="AE116081" i="1"/>
  <c r="AE116082" i="1"/>
  <c r="AE116083" i="1"/>
  <c r="AE116084" i="1"/>
  <c r="AE116085" i="1"/>
  <c r="AE116086" i="1"/>
  <c r="AE116087" i="1"/>
  <c r="AE116088" i="1"/>
  <c r="AE116089" i="1"/>
  <c r="AE116090" i="1"/>
  <c r="AE116091" i="1"/>
  <c r="AE116092" i="1"/>
  <c r="AE116093" i="1"/>
  <c r="AE116094" i="1"/>
  <c r="AE116095" i="1"/>
  <c r="AE116096" i="1"/>
  <c r="AE116097" i="1"/>
  <c r="AE116098" i="1"/>
  <c r="AE116099" i="1"/>
  <c r="AE116100" i="1"/>
  <c r="AE116101" i="1"/>
  <c r="AE116102" i="1"/>
  <c r="AE116103" i="1"/>
  <c r="AE116104" i="1"/>
  <c r="AE116105" i="1"/>
  <c r="AE116106" i="1"/>
  <c r="AE116107" i="1"/>
  <c r="AE116108" i="1"/>
  <c r="AE116109" i="1"/>
  <c r="AE116110" i="1"/>
  <c r="AE116111" i="1"/>
  <c r="AE116112" i="1"/>
  <c r="AE116113" i="1"/>
  <c r="AE116114" i="1"/>
  <c r="AE116115" i="1"/>
  <c r="AE116116" i="1"/>
  <c r="AE116117" i="1"/>
  <c r="AE116118" i="1"/>
  <c r="AE116119" i="1"/>
  <c r="AE116120" i="1"/>
  <c r="AE116121" i="1"/>
  <c r="AE116122" i="1"/>
  <c r="AE116123" i="1"/>
  <c r="AE116124" i="1"/>
  <c r="AE116125" i="1"/>
  <c r="AE116126" i="1"/>
  <c r="AE116127" i="1"/>
  <c r="AE116128" i="1"/>
  <c r="AE116129" i="1"/>
  <c r="AE116130" i="1"/>
  <c r="AE116131" i="1"/>
  <c r="AE116132" i="1"/>
  <c r="AE116133" i="1"/>
  <c r="AE116134" i="1"/>
  <c r="AE116135" i="1"/>
  <c r="AE116136" i="1"/>
  <c r="AE116137" i="1"/>
  <c r="AE116138" i="1"/>
  <c r="AE116139" i="1"/>
  <c r="AE116140" i="1"/>
  <c r="AE116141" i="1"/>
  <c r="AE116142" i="1"/>
  <c r="AE116143" i="1"/>
  <c r="AE116144" i="1"/>
  <c r="AE116145" i="1"/>
  <c r="AE116146" i="1"/>
  <c r="AE116147" i="1"/>
  <c r="AE116148" i="1"/>
  <c r="AE116149" i="1"/>
  <c r="AE116150" i="1"/>
  <c r="AE116151" i="1"/>
  <c r="AE116152" i="1"/>
  <c r="AE116153" i="1"/>
  <c r="AE116154" i="1"/>
  <c r="AE116155" i="1"/>
  <c r="AE116156" i="1"/>
  <c r="AE116157" i="1"/>
  <c r="AE116158" i="1"/>
  <c r="AE116159" i="1"/>
  <c r="AE116160" i="1"/>
  <c r="AE116161" i="1"/>
  <c r="AE116162" i="1"/>
  <c r="AE116163" i="1"/>
  <c r="AE116164" i="1"/>
  <c r="AE116165" i="1"/>
  <c r="AE116166" i="1"/>
  <c r="AE116167" i="1"/>
  <c r="AE116168" i="1"/>
  <c r="AE116169" i="1"/>
  <c r="AE116170" i="1"/>
  <c r="AE116171" i="1"/>
  <c r="AE116172" i="1"/>
  <c r="AE116173" i="1"/>
  <c r="AE116174" i="1"/>
  <c r="AE116175" i="1"/>
  <c r="AE116176" i="1"/>
  <c r="AE116177" i="1"/>
  <c r="AE116178" i="1"/>
  <c r="AE116179" i="1"/>
  <c r="AE116180" i="1"/>
  <c r="AE116181" i="1"/>
  <c r="AE116182" i="1"/>
  <c r="AE116183" i="1"/>
  <c r="AE116184" i="1"/>
  <c r="AE116185" i="1"/>
  <c r="AE116186" i="1"/>
  <c r="AE116187" i="1"/>
  <c r="AE116188" i="1"/>
  <c r="AE116189" i="1"/>
  <c r="AE116190" i="1"/>
  <c r="AE116191" i="1"/>
  <c r="AE116192" i="1"/>
  <c r="AE116193" i="1"/>
  <c r="AE116194" i="1"/>
  <c r="AE116195" i="1"/>
  <c r="AE116196" i="1"/>
  <c r="AE116197" i="1"/>
  <c r="AE116198" i="1"/>
  <c r="AE116199" i="1"/>
  <c r="AE116200" i="1"/>
  <c r="AE116201" i="1"/>
  <c r="AE116202" i="1"/>
  <c r="AE116203" i="1"/>
  <c r="AE116204" i="1"/>
  <c r="AE116205" i="1"/>
  <c r="AE116206" i="1"/>
  <c r="AE116207" i="1"/>
  <c r="AE116208" i="1"/>
  <c r="AE116209" i="1"/>
  <c r="AE116210" i="1"/>
  <c r="AE116211" i="1"/>
  <c r="AE116212" i="1"/>
  <c r="AE116213" i="1"/>
  <c r="AE116214" i="1"/>
  <c r="AE116215" i="1"/>
  <c r="AE116216" i="1"/>
  <c r="AE116217" i="1"/>
  <c r="AE116218" i="1"/>
  <c r="AE116219" i="1"/>
  <c r="AE116220" i="1"/>
  <c r="AE116221" i="1"/>
  <c r="AE116222" i="1"/>
  <c r="AE116223" i="1"/>
  <c r="AE116224" i="1"/>
  <c r="AE116225" i="1"/>
  <c r="AE116226" i="1"/>
  <c r="AE116227" i="1"/>
  <c r="AE116228" i="1"/>
  <c r="AE116229" i="1"/>
  <c r="AE116230" i="1"/>
  <c r="AE116231" i="1"/>
  <c r="AE116232" i="1"/>
  <c r="AE116233" i="1"/>
  <c r="AE116234" i="1"/>
  <c r="AE116235" i="1"/>
  <c r="AE116236" i="1"/>
  <c r="AE116237" i="1"/>
  <c r="AE116238" i="1"/>
  <c r="AE116239" i="1"/>
  <c r="AE116240" i="1"/>
  <c r="AE116241" i="1"/>
  <c r="AE116242" i="1"/>
  <c r="AE116243" i="1"/>
  <c r="AE116244" i="1"/>
  <c r="AE116245" i="1"/>
  <c r="AE116246" i="1"/>
  <c r="AE116247" i="1"/>
  <c r="AE116248" i="1"/>
  <c r="AE116249" i="1"/>
  <c r="AE116250" i="1"/>
  <c r="AE116251" i="1"/>
  <c r="AE116252" i="1"/>
  <c r="AE116253" i="1"/>
  <c r="AE116254" i="1"/>
  <c r="AE116255" i="1"/>
  <c r="AE116256" i="1"/>
  <c r="AE116257" i="1"/>
  <c r="AE116258" i="1"/>
  <c r="AE116259" i="1"/>
  <c r="AE116260" i="1"/>
  <c r="AE116261" i="1"/>
  <c r="AE116262" i="1"/>
  <c r="AE116263" i="1"/>
  <c r="AE116264" i="1"/>
  <c r="AE116265" i="1"/>
  <c r="AE116266" i="1"/>
  <c r="AE116267" i="1"/>
  <c r="AE116268" i="1"/>
  <c r="AE116269" i="1"/>
  <c r="AE116270" i="1"/>
  <c r="AE116271" i="1"/>
  <c r="AE116272" i="1"/>
  <c r="AE116273" i="1"/>
  <c r="AE116274" i="1"/>
  <c r="AE116275" i="1"/>
  <c r="AE116276" i="1"/>
  <c r="AE116277" i="1"/>
  <c r="AE116278" i="1"/>
  <c r="AE116279" i="1"/>
  <c r="AE116280" i="1"/>
  <c r="AE116281" i="1"/>
  <c r="AE116282" i="1"/>
  <c r="AE116283" i="1"/>
  <c r="AE116284" i="1"/>
  <c r="AE116285" i="1"/>
  <c r="AE116286" i="1"/>
  <c r="AE116287" i="1"/>
  <c r="AE116288" i="1"/>
  <c r="AE116289" i="1"/>
  <c r="AE116290" i="1"/>
  <c r="AE116291" i="1"/>
  <c r="AE116292" i="1"/>
  <c r="AE116293" i="1"/>
  <c r="AE116294" i="1"/>
  <c r="AE116295" i="1"/>
  <c r="AE116296" i="1"/>
  <c r="AE116297" i="1"/>
  <c r="AE116298" i="1"/>
  <c r="AE116299" i="1"/>
  <c r="AE116300" i="1"/>
  <c r="AE116301" i="1"/>
  <c r="AE116302" i="1"/>
  <c r="AE116303" i="1"/>
  <c r="AE116304" i="1"/>
  <c r="AE116305" i="1"/>
  <c r="AE116306" i="1"/>
  <c r="AE116307" i="1"/>
  <c r="AE116308" i="1"/>
  <c r="AE116309" i="1"/>
  <c r="AE116310" i="1"/>
  <c r="AE116311" i="1"/>
  <c r="AE116312" i="1"/>
  <c r="AE116313" i="1"/>
  <c r="AE116314" i="1"/>
  <c r="AE116315" i="1"/>
  <c r="AE116316" i="1"/>
  <c r="AE116317" i="1"/>
  <c r="AE116318" i="1"/>
  <c r="AE116319" i="1"/>
  <c r="AE116320" i="1"/>
  <c r="AE116321" i="1"/>
  <c r="AE116322" i="1"/>
  <c r="AE116323" i="1"/>
  <c r="AE116324" i="1"/>
  <c r="AE116325" i="1"/>
  <c r="AE116326" i="1"/>
  <c r="AE116327" i="1"/>
  <c r="AE116328" i="1"/>
  <c r="AE116329" i="1"/>
  <c r="AE116330" i="1"/>
  <c r="AE116331" i="1"/>
  <c r="AE116332" i="1"/>
  <c r="AE116333" i="1"/>
  <c r="AE116334" i="1"/>
  <c r="AE116335" i="1"/>
  <c r="AE116336" i="1"/>
  <c r="AE116337" i="1"/>
  <c r="AE116338" i="1"/>
  <c r="AE116339" i="1"/>
  <c r="AE116340" i="1"/>
  <c r="AE116341" i="1"/>
  <c r="AE116342" i="1"/>
  <c r="AE116343" i="1"/>
  <c r="AE116344" i="1"/>
  <c r="AE116345" i="1"/>
  <c r="AE116346" i="1"/>
  <c r="AE116347" i="1"/>
  <c r="AE116348" i="1"/>
  <c r="AE116349" i="1"/>
  <c r="AE116350" i="1"/>
  <c r="AE116351" i="1"/>
  <c r="AE116352" i="1"/>
  <c r="AE116353" i="1"/>
  <c r="AE116354" i="1"/>
  <c r="AE116355" i="1"/>
  <c r="AE116356" i="1"/>
  <c r="AE116357" i="1"/>
  <c r="AE116358" i="1"/>
  <c r="AE116359" i="1"/>
  <c r="AE116360" i="1"/>
  <c r="AE116361" i="1"/>
  <c r="AE116362" i="1"/>
  <c r="AE116363" i="1"/>
  <c r="AE116364" i="1"/>
  <c r="AE116365" i="1"/>
  <c r="AE116366" i="1"/>
  <c r="AE116367" i="1"/>
  <c r="AE116368" i="1"/>
  <c r="AE116369" i="1"/>
  <c r="AE116370" i="1"/>
  <c r="AE116371" i="1"/>
  <c r="AE116372" i="1"/>
  <c r="AE116373" i="1"/>
  <c r="AE116374" i="1"/>
  <c r="AE116375" i="1"/>
  <c r="AE116376" i="1"/>
  <c r="AE116377" i="1"/>
  <c r="AE116378" i="1"/>
  <c r="AE116379" i="1"/>
  <c r="AE116380" i="1"/>
  <c r="AE116381" i="1"/>
  <c r="AE116382" i="1"/>
  <c r="AE116383" i="1"/>
  <c r="AE116384" i="1"/>
  <c r="AE116385" i="1"/>
  <c r="AE116386" i="1"/>
  <c r="AE116387" i="1"/>
  <c r="AE116388" i="1"/>
  <c r="AE116389" i="1"/>
  <c r="AE116390" i="1"/>
  <c r="AE116391" i="1"/>
  <c r="AE116392" i="1"/>
  <c r="AE116393" i="1"/>
  <c r="AE116394" i="1"/>
  <c r="AE116395" i="1"/>
  <c r="AE116396" i="1"/>
  <c r="AE116397" i="1"/>
  <c r="AE116398" i="1"/>
  <c r="AE116399" i="1"/>
  <c r="AE116400" i="1"/>
  <c r="AE116401" i="1"/>
  <c r="AE116402" i="1"/>
  <c r="AE116403" i="1"/>
  <c r="AE116404" i="1"/>
  <c r="AE116405" i="1"/>
  <c r="AE116406" i="1"/>
  <c r="AE116407" i="1"/>
  <c r="AE116408" i="1"/>
  <c r="AE116409" i="1"/>
  <c r="AE116410" i="1"/>
  <c r="AE116411" i="1"/>
  <c r="AE116412" i="1"/>
  <c r="AE116413" i="1"/>
  <c r="AE116414" i="1"/>
  <c r="AE116415" i="1"/>
  <c r="AE116416" i="1"/>
  <c r="AE116417" i="1"/>
  <c r="AE116418" i="1"/>
  <c r="AE116419" i="1"/>
  <c r="AE116420" i="1"/>
  <c r="AE116421" i="1"/>
  <c r="AE116422" i="1"/>
  <c r="AE116423" i="1"/>
  <c r="AE116424" i="1"/>
  <c r="AE116425" i="1"/>
  <c r="AE116426" i="1"/>
  <c r="AE116427" i="1"/>
  <c r="AE116428" i="1"/>
  <c r="AE116429" i="1"/>
  <c r="AE116430" i="1"/>
  <c r="AE116431" i="1"/>
  <c r="AE116432" i="1"/>
  <c r="AE116433" i="1"/>
  <c r="AE116434" i="1"/>
  <c r="AE116435" i="1"/>
  <c r="AE116436" i="1"/>
  <c r="AE116437" i="1"/>
  <c r="AE116438" i="1"/>
  <c r="AE116439" i="1"/>
  <c r="AE116440" i="1"/>
  <c r="AE116441" i="1"/>
  <c r="AE116442" i="1"/>
  <c r="AE116443" i="1"/>
  <c r="AE116444" i="1"/>
  <c r="AE116445" i="1"/>
  <c r="AE116446" i="1"/>
  <c r="AE116447" i="1"/>
  <c r="AE116448" i="1"/>
  <c r="AE116449" i="1"/>
  <c r="AE116450" i="1"/>
  <c r="AE116451" i="1"/>
  <c r="AE116452" i="1"/>
  <c r="AE116453" i="1"/>
  <c r="AE116454" i="1"/>
  <c r="AE116455" i="1"/>
  <c r="AE116456" i="1"/>
  <c r="AE116457" i="1"/>
  <c r="AE116458" i="1"/>
  <c r="AE116459" i="1"/>
  <c r="AE116460" i="1"/>
  <c r="AE116461" i="1"/>
  <c r="AE116462" i="1"/>
  <c r="AE116463" i="1"/>
  <c r="AE116464" i="1"/>
  <c r="AE116465" i="1"/>
  <c r="AE116466" i="1"/>
  <c r="AE116467" i="1"/>
  <c r="AE116468" i="1"/>
  <c r="AE116469" i="1"/>
  <c r="AE116470" i="1"/>
  <c r="AE116471" i="1"/>
  <c r="AE116472" i="1"/>
  <c r="AE116473" i="1"/>
  <c r="AE116474" i="1"/>
  <c r="AE116475" i="1"/>
  <c r="AE116476" i="1"/>
  <c r="AE116477" i="1"/>
  <c r="AE116478" i="1"/>
  <c r="AE116479" i="1"/>
  <c r="AE116480" i="1"/>
  <c r="AE116481" i="1"/>
  <c r="AE116482" i="1"/>
  <c r="AE116483" i="1"/>
  <c r="AE116484" i="1"/>
  <c r="AE116485" i="1"/>
  <c r="AE116486" i="1"/>
  <c r="AE116487" i="1"/>
  <c r="AE116488" i="1"/>
  <c r="AE116489" i="1"/>
  <c r="AE116490" i="1"/>
  <c r="AE116491" i="1"/>
  <c r="AE116492" i="1"/>
  <c r="AE116493" i="1"/>
  <c r="AE116494" i="1"/>
  <c r="AE116495" i="1"/>
  <c r="AE116496" i="1"/>
  <c r="AE116497" i="1"/>
  <c r="AE116498" i="1"/>
  <c r="AE116499" i="1"/>
  <c r="AE116500" i="1"/>
  <c r="AE116501" i="1"/>
  <c r="AE116502" i="1"/>
  <c r="AE116503" i="1"/>
  <c r="AE116504" i="1"/>
  <c r="AE116505" i="1"/>
  <c r="AE116506" i="1"/>
  <c r="AE116507" i="1"/>
  <c r="AE116508" i="1"/>
  <c r="AE116509" i="1"/>
  <c r="AE116510" i="1"/>
  <c r="AE116511" i="1"/>
  <c r="AE116512" i="1"/>
  <c r="AE116513" i="1"/>
  <c r="AE116514" i="1"/>
  <c r="AE116515" i="1"/>
  <c r="AE116516" i="1"/>
  <c r="AE116517" i="1"/>
  <c r="AE116518" i="1"/>
  <c r="AE116519" i="1"/>
  <c r="AE116520" i="1"/>
  <c r="AE116521" i="1"/>
  <c r="AE116522" i="1"/>
  <c r="AE116523" i="1"/>
  <c r="AE116524" i="1"/>
  <c r="AE116525" i="1"/>
  <c r="AE116526" i="1"/>
  <c r="AE116527" i="1"/>
  <c r="AE116528" i="1"/>
  <c r="AE116529" i="1"/>
  <c r="AE116530" i="1"/>
  <c r="AE116531" i="1"/>
  <c r="AE116532" i="1"/>
  <c r="AE116533" i="1"/>
  <c r="AE116534" i="1"/>
  <c r="AE116535" i="1"/>
  <c r="AE116536" i="1"/>
  <c r="AE116537" i="1"/>
  <c r="AE116538" i="1"/>
  <c r="AE116539" i="1"/>
  <c r="AE116540" i="1"/>
  <c r="AE116541" i="1"/>
  <c r="AE116542" i="1"/>
  <c r="AE116543" i="1"/>
  <c r="AE116544" i="1"/>
  <c r="AE116545" i="1"/>
  <c r="AE116546" i="1"/>
  <c r="AE116547" i="1"/>
  <c r="AE116548" i="1"/>
  <c r="AE116549" i="1"/>
  <c r="AE116550" i="1"/>
  <c r="AE116551" i="1"/>
  <c r="AE116552" i="1"/>
  <c r="AE116553" i="1"/>
  <c r="AE116554" i="1"/>
  <c r="AE116555" i="1"/>
  <c r="AE116556" i="1"/>
  <c r="AE116557" i="1"/>
  <c r="AE116558" i="1"/>
  <c r="AE116559" i="1"/>
  <c r="AE116560" i="1"/>
  <c r="AE116561" i="1"/>
  <c r="AE116562" i="1"/>
  <c r="AE116563" i="1"/>
  <c r="AE116564" i="1"/>
  <c r="AE116565" i="1"/>
  <c r="AE116566" i="1"/>
  <c r="AE116567" i="1"/>
  <c r="AE116568" i="1"/>
  <c r="AE116569" i="1"/>
  <c r="AE116570" i="1"/>
  <c r="AE116571" i="1"/>
  <c r="AE116572" i="1"/>
  <c r="AE116573" i="1"/>
  <c r="AE116574" i="1"/>
  <c r="AE116575" i="1"/>
  <c r="AE116576" i="1"/>
  <c r="AE116577" i="1"/>
  <c r="AE116578" i="1"/>
  <c r="AE116579" i="1"/>
  <c r="AE116580" i="1"/>
  <c r="AE116581" i="1"/>
  <c r="AE116582" i="1"/>
  <c r="AE116583" i="1"/>
  <c r="AE116584" i="1"/>
  <c r="AE116585" i="1"/>
  <c r="AE116586" i="1"/>
  <c r="AE116587" i="1"/>
  <c r="AE116588" i="1"/>
  <c r="AE116589" i="1"/>
  <c r="AE116590" i="1"/>
  <c r="AE116591" i="1"/>
  <c r="AE116592" i="1"/>
  <c r="AE116593" i="1"/>
  <c r="AE116594" i="1"/>
  <c r="AE116595" i="1"/>
  <c r="AE116596" i="1"/>
  <c r="AE116597" i="1"/>
  <c r="AE116598" i="1"/>
  <c r="AE116599" i="1"/>
  <c r="AE116600" i="1"/>
  <c r="AE116601" i="1"/>
  <c r="AE116602" i="1"/>
  <c r="AE116603" i="1"/>
  <c r="AE116604" i="1"/>
  <c r="AE116605" i="1"/>
  <c r="AE116606" i="1"/>
  <c r="AE116607" i="1"/>
  <c r="AE116608" i="1"/>
  <c r="AE116609" i="1"/>
  <c r="AE116610" i="1"/>
  <c r="AE116611" i="1"/>
  <c r="AE116612" i="1"/>
  <c r="AE116613" i="1"/>
  <c r="AE116614" i="1"/>
  <c r="AE116615" i="1"/>
  <c r="AE116616" i="1"/>
  <c r="AE116617" i="1"/>
  <c r="AE116618" i="1"/>
  <c r="AE116619" i="1"/>
  <c r="AE116620" i="1"/>
  <c r="AE116621" i="1"/>
  <c r="AE116622" i="1"/>
  <c r="AE116623" i="1"/>
  <c r="AE116624" i="1"/>
  <c r="AE116625" i="1"/>
  <c r="AE116626" i="1"/>
  <c r="AE116627" i="1"/>
  <c r="AE116628" i="1"/>
  <c r="AE116629" i="1"/>
  <c r="AE116630" i="1"/>
  <c r="AE116631" i="1"/>
  <c r="AE116632" i="1"/>
  <c r="AE116633" i="1"/>
  <c r="AE116634" i="1"/>
  <c r="AE116635" i="1"/>
  <c r="AE116636" i="1"/>
  <c r="AE116637" i="1"/>
  <c r="AE116638" i="1"/>
  <c r="AE116639" i="1"/>
  <c r="AE116640" i="1"/>
  <c r="AE116641" i="1"/>
  <c r="AE116642" i="1"/>
  <c r="AE116643" i="1"/>
  <c r="AE116644" i="1"/>
  <c r="AE116645" i="1"/>
  <c r="AE116646" i="1"/>
  <c r="AE116647" i="1"/>
  <c r="AE116648" i="1"/>
  <c r="AE116649" i="1"/>
  <c r="AE116650" i="1"/>
  <c r="AE116651" i="1"/>
  <c r="AE116652" i="1"/>
  <c r="AE116653" i="1"/>
  <c r="AE116654" i="1"/>
  <c r="AE116655" i="1"/>
  <c r="AE116656" i="1"/>
  <c r="AE116657" i="1"/>
  <c r="AE116658" i="1"/>
  <c r="AE116659" i="1"/>
  <c r="AE116660" i="1"/>
  <c r="AE116661" i="1"/>
  <c r="AE116662" i="1"/>
  <c r="AE116663" i="1"/>
  <c r="AE116664" i="1"/>
  <c r="AE116665" i="1"/>
  <c r="AE116666" i="1"/>
  <c r="AE116667" i="1"/>
  <c r="AE116668" i="1"/>
  <c r="AE116669" i="1"/>
  <c r="AE116670" i="1"/>
  <c r="AE116671" i="1"/>
  <c r="AE116672" i="1"/>
  <c r="AE116673" i="1"/>
  <c r="AE116674" i="1"/>
  <c r="AE116675" i="1"/>
  <c r="AE116676" i="1"/>
  <c r="AE116677" i="1"/>
  <c r="AE116678" i="1"/>
  <c r="AE116679" i="1"/>
  <c r="AE116680" i="1"/>
  <c r="AE116681" i="1"/>
  <c r="AE116682" i="1"/>
  <c r="AE116683" i="1"/>
  <c r="AE116684" i="1"/>
  <c r="AE116685" i="1"/>
  <c r="AE116686" i="1"/>
  <c r="AE116687" i="1"/>
  <c r="AE116688" i="1"/>
  <c r="AE116689" i="1"/>
  <c r="AE116690" i="1"/>
  <c r="AE116691" i="1"/>
  <c r="AE116692" i="1"/>
  <c r="AE116693" i="1"/>
  <c r="AE116694" i="1"/>
  <c r="AE116695" i="1"/>
  <c r="AE116696" i="1"/>
  <c r="AE116697" i="1"/>
  <c r="AE116698" i="1"/>
  <c r="AE116699" i="1"/>
  <c r="AE116700" i="1"/>
  <c r="AE116701" i="1"/>
  <c r="AE116702" i="1"/>
  <c r="AE116703" i="1"/>
  <c r="AE116704" i="1"/>
  <c r="AE116705" i="1"/>
  <c r="AE116706" i="1"/>
  <c r="AE116707" i="1"/>
  <c r="AE116708" i="1"/>
  <c r="AE116709" i="1"/>
  <c r="AE116710" i="1"/>
  <c r="AE116711" i="1"/>
  <c r="AE116712" i="1"/>
  <c r="AE116713" i="1"/>
  <c r="AE116714" i="1"/>
  <c r="AE116715" i="1"/>
  <c r="AE116716" i="1"/>
  <c r="AE116717" i="1"/>
  <c r="AE116718" i="1"/>
  <c r="AE116719" i="1"/>
  <c r="AE116720" i="1"/>
  <c r="AE116721" i="1"/>
  <c r="AE116722" i="1"/>
  <c r="AE116723" i="1"/>
  <c r="AE116724" i="1"/>
  <c r="AE116725" i="1"/>
  <c r="AE116726" i="1"/>
  <c r="AE116727" i="1"/>
  <c r="AE116728" i="1"/>
  <c r="AE116729" i="1"/>
  <c r="AE116730" i="1"/>
  <c r="AE116731" i="1"/>
  <c r="AE116732" i="1"/>
  <c r="AE116733" i="1"/>
  <c r="AE116734" i="1"/>
  <c r="AE116735" i="1"/>
  <c r="AE116736" i="1"/>
  <c r="AE116737" i="1"/>
  <c r="AE116738" i="1"/>
  <c r="AE116739" i="1"/>
  <c r="AE116740" i="1"/>
  <c r="AE116741" i="1"/>
  <c r="AE116742" i="1"/>
  <c r="AE116743" i="1"/>
  <c r="AE116744" i="1"/>
  <c r="AE116745" i="1"/>
  <c r="AE116746" i="1"/>
  <c r="AE116747" i="1"/>
  <c r="AE116748" i="1"/>
  <c r="AE116749" i="1"/>
  <c r="AE116750" i="1"/>
  <c r="AE116751" i="1"/>
  <c r="AE116752" i="1"/>
  <c r="AE116753" i="1"/>
  <c r="AE116754" i="1"/>
  <c r="AE116755" i="1"/>
  <c r="AE116756" i="1"/>
  <c r="AE116757" i="1"/>
  <c r="AE116758" i="1"/>
  <c r="AE116759" i="1"/>
  <c r="AE116760" i="1"/>
  <c r="AE116761" i="1"/>
  <c r="AE116762" i="1"/>
  <c r="AE116763" i="1"/>
  <c r="AE116764" i="1"/>
  <c r="AE116765" i="1"/>
  <c r="AE116766" i="1"/>
  <c r="AE116767" i="1"/>
  <c r="AE116768" i="1"/>
  <c r="AE116769" i="1"/>
  <c r="AE116770" i="1"/>
  <c r="AE116771" i="1"/>
  <c r="AE116772" i="1"/>
  <c r="AE116773" i="1"/>
  <c r="AE116774" i="1"/>
  <c r="AE116775" i="1"/>
  <c r="AE116776" i="1"/>
  <c r="AE116777" i="1"/>
  <c r="AE116778" i="1"/>
  <c r="AE116779" i="1"/>
  <c r="AE116780" i="1"/>
  <c r="AE116781" i="1"/>
  <c r="AE116782" i="1"/>
  <c r="AE116783" i="1"/>
  <c r="AE116784" i="1"/>
  <c r="AE116785" i="1"/>
  <c r="AE116786" i="1"/>
  <c r="AE116787" i="1"/>
  <c r="AE116788" i="1"/>
  <c r="AE116789" i="1"/>
  <c r="AE116790" i="1"/>
  <c r="AE116791" i="1"/>
  <c r="AE116792" i="1"/>
  <c r="AE116793" i="1"/>
  <c r="AE116794" i="1"/>
  <c r="AE116795" i="1"/>
  <c r="AE116796" i="1"/>
  <c r="AE116797" i="1"/>
  <c r="AE116798" i="1"/>
  <c r="AE116799" i="1"/>
  <c r="AE116800" i="1"/>
  <c r="AE116801" i="1"/>
  <c r="AE116802" i="1"/>
  <c r="AE116803" i="1"/>
  <c r="AE116804" i="1"/>
  <c r="AE116805" i="1"/>
  <c r="AE116806" i="1"/>
  <c r="AE116807" i="1"/>
  <c r="AE116808" i="1"/>
  <c r="AE116809" i="1"/>
  <c r="AE116810" i="1"/>
  <c r="AE116811" i="1"/>
  <c r="AE116812" i="1"/>
  <c r="AE116813" i="1"/>
  <c r="AE116814" i="1"/>
  <c r="AE116815" i="1"/>
  <c r="AE116816" i="1"/>
  <c r="AE116817" i="1"/>
  <c r="AE116818" i="1"/>
  <c r="AE116819" i="1"/>
  <c r="AE116820" i="1"/>
  <c r="AE116821" i="1"/>
  <c r="AE116822" i="1"/>
  <c r="AE116823" i="1"/>
  <c r="AE116824" i="1"/>
  <c r="AE116825" i="1"/>
  <c r="AE116826" i="1"/>
  <c r="AE116827" i="1"/>
  <c r="AE116828" i="1"/>
  <c r="AE116829" i="1"/>
  <c r="AE116830" i="1"/>
  <c r="AE116831" i="1"/>
  <c r="AE116832" i="1"/>
  <c r="AE116833" i="1"/>
  <c r="AE116834" i="1"/>
  <c r="AE116835" i="1"/>
  <c r="AE116836" i="1"/>
  <c r="AE116837" i="1"/>
  <c r="AE116838" i="1"/>
  <c r="AE116839" i="1"/>
  <c r="AE116840" i="1"/>
  <c r="AE116841" i="1"/>
  <c r="AE116842" i="1"/>
  <c r="AE116843" i="1"/>
  <c r="AE116844" i="1"/>
  <c r="AE116845" i="1"/>
  <c r="AE116846" i="1"/>
  <c r="AE116847" i="1"/>
  <c r="AE116848" i="1"/>
  <c r="AE116849" i="1"/>
  <c r="AE116850" i="1"/>
  <c r="AE116851" i="1"/>
  <c r="AE116852" i="1"/>
  <c r="AE116853" i="1"/>
  <c r="AE116854" i="1"/>
  <c r="AE116855" i="1"/>
  <c r="AE116856" i="1"/>
  <c r="AE116857" i="1"/>
  <c r="AE116858" i="1"/>
  <c r="AE116859" i="1"/>
  <c r="AE116860" i="1"/>
  <c r="AE116861" i="1"/>
  <c r="AE116862" i="1"/>
  <c r="AE116863" i="1"/>
  <c r="AE116864" i="1"/>
  <c r="AE116865" i="1"/>
  <c r="AE116866" i="1"/>
  <c r="AE116867" i="1"/>
  <c r="AE116868" i="1"/>
  <c r="AE116869" i="1"/>
  <c r="AE116870" i="1"/>
  <c r="AE116871" i="1"/>
  <c r="AE116872" i="1"/>
  <c r="AE116873" i="1"/>
  <c r="AE116874" i="1"/>
  <c r="AE116875" i="1"/>
  <c r="AE116876" i="1"/>
  <c r="AE116877" i="1"/>
  <c r="AE116878" i="1"/>
  <c r="AE116879" i="1"/>
  <c r="AE116880" i="1"/>
  <c r="AE116881" i="1"/>
  <c r="AE116882" i="1"/>
  <c r="AE116883" i="1"/>
  <c r="AE116884" i="1"/>
  <c r="AE116885" i="1"/>
  <c r="AE116886" i="1"/>
  <c r="AE116887" i="1"/>
  <c r="AE116888" i="1"/>
  <c r="AE116889" i="1"/>
  <c r="AE116890" i="1"/>
  <c r="AE116891" i="1"/>
  <c r="AE116892" i="1"/>
  <c r="AE116893" i="1"/>
  <c r="AE116894" i="1"/>
  <c r="AE116895" i="1"/>
  <c r="AE116896" i="1"/>
  <c r="AE116897" i="1"/>
  <c r="AE116898" i="1"/>
  <c r="AE116899" i="1"/>
  <c r="AE116900" i="1"/>
  <c r="AE116901" i="1"/>
  <c r="AE116902" i="1"/>
  <c r="AE116903" i="1"/>
  <c r="AE116904" i="1"/>
  <c r="AE116905" i="1"/>
  <c r="AE116906" i="1"/>
  <c r="AE116907" i="1"/>
  <c r="AE116908" i="1"/>
  <c r="AE116909" i="1"/>
  <c r="AE116910" i="1"/>
  <c r="AE116911" i="1"/>
  <c r="AE116912" i="1"/>
  <c r="AE116913" i="1"/>
  <c r="AE116914" i="1"/>
  <c r="AE116915" i="1"/>
  <c r="AE116916" i="1"/>
  <c r="AE116917" i="1"/>
  <c r="AE116918" i="1"/>
  <c r="AE116919" i="1"/>
  <c r="AE116920" i="1"/>
  <c r="AE116921" i="1"/>
  <c r="AE116922" i="1"/>
  <c r="AE116923" i="1"/>
  <c r="AE116924" i="1"/>
  <c r="AE116925" i="1"/>
  <c r="AE116926" i="1"/>
  <c r="AE116927" i="1"/>
  <c r="AE116928" i="1"/>
  <c r="AE116929" i="1"/>
  <c r="AE116930" i="1"/>
  <c r="AE116931" i="1"/>
  <c r="AE116932" i="1"/>
  <c r="AE116933" i="1"/>
  <c r="AE116934" i="1"/>
  <c r="AE116935" i="1"/>
  <c r="AE116936" i="1"/>
  <c r="AE116937" i="1"/>
  <c r="AE116938" i="1"/>
  <c r="AE116939" i="1"/>
  <c r="AE116940" i="1"/>
  <c r="AE116941" i="1"/>
  <c r="AE116942" i="1"/>
  <c r="AE116943" i="1"/>
  <c r="AE116944" i="1"/>
  <c r="AE116945" i="1"/>
  <c r="AE116946" i="1"/>
  <c r="AE116947" i="1"/>
  <c r="AE116948" i="1"/>
  <c r="AE116949" i="1"/>
  <c r="AE116950" i="1"/>
  <c r="AE116951" i="1"/>
  <c r="AE116952" i="1"/>
  <c r="AE116953" i="1"/>
  <c r="AE116954" i="1"/>
  <c r="AE116955" i="1"/>
  <c r="AE116956" i="1"/>
  <c r="AE116957" i="1"/>
  <c r="AE116958" i="1"/>
  <c r="AE116959" i="1"/>
  <c r="AE116960" i="1"/>
  <c r="AE116961" i="1"/>
  <c r="AE116962" i="1"/>
  <c r="AE116963" i="1"/>
  <c r="AE116964" i="1"/>
  <c r="AE116965" i="1"/>
  <c r="AE116966" i="1"/>
  <c r="AE116967" i="1"/>
  <c r="AE116968" i="1"/>
  <c r="AE116969" i="1"/>
  <c r="AE116970" i="1"/>
  <c r="AE116971" i="1"/>
  <c r="AE116972" i="1"/>
  <c r="AE116973" i="1"/>
  <c r="AE116974" i="1"/>
  <c r="AE116975" i="1"/>
  <c r="AE116976" i="1"/>
  <c r="AE116977" i="1"/>
  <c r="AE116978" i="1"/>
  <c r="AE116979" i="1"/>
  <c r="AE116980" i="1"/>
  <c r="AE116981" i="1"/>
  <c r="AE116982" i="1"/>
  <c r="AE116983" i="1"/>
  <c r="AE116984" i="1"/>
  <c r="AE116985" i="1"/>
  <c r="AE116986" i="1"/>
  <c r="AE116987" i="1"/>
  <c r="AE116988" i="1"/>
  <c r="AE116989" i="1"/>
  <c r="AE116990" i="1"/>
  <c r="AE116991" i="1"/>
  <c r="AE116992" i="1"/>
  <c r="AE116993" i="1"/>
  <c r="AE116994" i="1"/>
  <c r="AE116995" i="1"/>
  <c r="AE116996" i="1"/>
  <c r="AE116997" i="1"/>
  <c r="AE116998" i="1"/>
  <c r="AE116999" i="1"/>
  <c r="AE117000" i="1"/>
  <c r="AE117001" i="1"/>
  <c r="AE117002" i="1"/>
  <c r="AE117003" i="1"/>
  <c r="AE117004" i="1"/>
  <c r="AE117005" i="1"/>
  <c r="AE117006" i="1"/>
  <c r="AE117007" i="1"/>
  <c r="AE117008" i="1"/>
  <c r="AE117009" i="1"/>
  <c r="AE117010" i="1"/>
  <c r="AE117011" i="1"/>
  <c r="AE117012" i="1"/>
  <c r="AE117013" i="1"/>
  <c r="AE117014" i="1"/>
  <c r="AE117015" i="1"/>
  <c r="AE117016" i="1"/>
  <c r="AE117017" i="1"/>
  <c r="AE117018" i="1"/>
  <c r="AE117019" i="1"/>
  <c r="AE117020" i="1"/>
  <c r="AE117021" i="1"/>
  <c r="AE117022" i="1"/>
  <c r="AE117023" i="1"/>
  <c r="AE117024" i="1"/>
  <c r="AE117025" i="1"/>
  <c r="AE117026" i="1"/>
  <c r="AE117027" i="1"/>
  <c r="AE117028" i="1"/>
  <c r="AE117029" i="1"/>
  <c r="AE117030" i="1"/>
  <c r="AE117031" i="1"/>
  <c r="AE117032" i="1"/>
  <c r="AE117033" i="1"/>
  <c r="AE117034" i="1"/>
  <c r="AE117035" i="1"/>
  <c r="AE117036" i="1"/>
  <c r="AE117037" i="1"/>
  <c r="AE117038" i="1"/>
  <c r="AE117039" i="1"/>
  <c r="AE117040" i="1"/>
  <c r="AE117041" i="1"/>
  <c r="AE117042" i="1"/>
  <c r="AE117043" i="1"/>
  <c r="AE117044" i="1"/>
  <c r="AE117045" i="1"/>
  <c r="AE117046" i="1"/>
  <c r="AE117047" i="1"/>
  <c r="AE117048" i="1"/>
  <c r="AE117049" i="1"/>
  <c r="AE117050" i="1"/>
  <c r="AE117051" i="1"/>
  <c r="AE117052" i="1"/>
  <c r="AE117053" i="1"/>
  <c r="AE117054" i="1"/>
  <c r="AE117055" i="1"/>
  <c r="AE117056" i="1"/>
  <c r="AE117057" i="1"/>
  <c r="AE117058" i="1"/>
  <c r="AE117059" i="1"/>
  <c r="AE117060" i="1"/>
  <c r="AE117061" i="1"/>
  <c r="AE117062" i="1"/>
  <c r="AE117063" i="1"/>
  <c r="AE117064" i="1"/>
  <c r="AE117065" i="1"/>
  <c r="AE117066" i="1"/>
  <c r="AE117067" i="1"/>
  <c r="AE117068" i="1"/>
  <c r="AE117069" i="1"/>
  <c r="AE117070" i="1"/>
  <c r="AE117071" i="1"/>
  <c r="AE117072" i="1"/>
  <c r="AE117073" i="1"/>
  <c r="AE117074" i="1"/>
  <c r="AE117075" i="1"/>
  <c r="AE117076" i="1"/>
  <c r="AE117077" i="1"/>
  <c r="AE117078" i="1"/>
  <c r="AE117079" i="1"/>
  <c r="AE117080" i="1"/>
  <c r="AE117081" i="1"/>
  <c r="AE117082" i="1"/>
  <c r="AE117083" i="1"/>
  <c r="AE117084" i="1"/>
  <c r="AE117085" i="1"/>
  <c r="AE117086" i="1"/>
  <c r="AE117087" i="1"/>
  <c r="AE117088" i="1"/>
  <c r="AE117089" i="1"/>
  <c r="AE117090" i="1"/>
  <c r="AE117091" i="1"/>
  <c r="AE117092" i="1"/>
  <c r="AE117093" i="1"/>
  <c r="AE117094" i="1"/>
  <c r="AE117095" i="1"/>
  <c r="AE117096" i="1"/>
  <c r="AE117097" i="1"/>
  <c r="AE117098" i="1"/>
  <c r="AE117099" i="1"/>
  <c r="AE117100" i="1"/>
  <c r="AE117101" i="1"/>
  <c r="AE117102" i="1"/>
  <c r="AE117103" i="1"/>
  <c r="AE117104" i="1"/>
  <c r="AE117105" i="1"/>
  <c r="AE117106" i="1"/>
  <c r="AE117107" i="1"/>
  <c r="AE117108" i="1"/>
  <c r="AE117109" i="1"/>
  <c r="AE117110" i="1"/>
  <c r="AE117111" i="1"/>
  <c r="AE117112" i="1"/>
  <c r="AE117113" i="1"/>
  <c r="AE117114" i="1"/>
  <c r="AE117115" i="1"/>
  <c r="AE117116" i="1"/>
  <c r="AE117117" i="1"/>
  <c r="AE117118" i="1"/>
  <c r="AE117119" i="1"/>
  <c r="AE117120" i="1"/>
  <c r="AE117121" i="1"/>
  <c r="AE117122" i="1"/>
  <c r="AE117123" i="1"/>
  <c r="AE117124" i="1"/>
  <c r="AE117125" i="1"/>
  <c r="AE117126" i="1"/>
  <c r="AE117127" i="1"/>
  <c r="AE117128" i="1"/>
  <c r="AE117129" i="1"/>
  <c r="AE117130" i="1"/>
  <c r="AE117131" i="1"/>
  <c r="AE117132" i="1"/>
  <c r="AE117133" i="1"/>
  <c r="AE117134" i="1"/>
  <c r="AE117135" i="1"/>
  <c r="AE117136" i="1"/>
  <c r="AE117137" i="1"/>
  <c r="AE117138" i="1"/>
  <c r="AE117139" i="1"/>
  <c r="AE117140" i="1"/>
  <c r="AE117141" i="1"/>
  <c r="AE117142" i="1"/>
  <c r="AE117143" i="1"/>
  <c r="AE117144" i="1"/>
  <c r="AE117145" i="1"/>
  <c r="AE117146" i="1"/>
  <c r="AE117147" i="1"/>
  <c r="AE117148" i="1"/>
  <c r="AE117149" i="1"/>
  <c r="AE117150" i="1"/>
  <c r="AE117151" i="1"/>
  <c r="AE117152" i="1"/>
  <c r="AE117153" i="1"/>
  <c r="AE117154" i="1"/>
  <c r="AE117155" i="1"/>
  <c r="AE117156" i="1"/>
  <c r="AE117157" i="1"/>
  <c r="AE117158" i="1"/>
  <c r="AE117159" i="1"/>
  <c r="AE117160" i="1"/>
  <c r="AE117161" i="1"/>
  <c r="AE117162" i="1"/>
  <c r="AE117163" i="1"/>
  <c r="AE117164" i="1"/>
  <c r="AE117165" i="1"/>
  <c r="AE117166" i="1"/>
  <c r="AE117167" i="1"/>
  <c r="AE117168" i="1"/>
  <c r="AE117169" i="1"/>
  <c r="AE117170" i="1"/>
  <c r="AE117171" i="1"/>
  <c r="AE117172" i="1"/>
  <c r="AE117173" i="1"/>
  <c r="AE117174" i="1"/>
  <c r="AE117175" i="1"/>
  <c r="AE117176" i="1"/>
  <c r="AE117177" i="1"/>
  <c r="AE117178" i="1"/>
  <c r="AE117179" i="1"/>
  <c r="AE117180" i="1"/>
  <c r="AE117181" i="1"/>
  <c r="AE117182" i="1"/>
  <c r="AE117183" i="1"/>
  <c r="AE117184" i="1"/>
  <c r="AE117185" i="1"/>
  <c r="AE117186" i="1"/>
  <c r="AE117187" i="1"/>
  <c r="AE117188" i="1"/>
  <c r="AE117189" i="1"/>
  <c r="AE117190" i="1"/>
  <c r="AE117191" i="1"/>
  <c r="AE117192" i="1"/>
  <c r="AE117193" i="1"/>
  <c r="AE117194" i="1"/>
  <c r="AE117195" i="1"/>
  <c r="AE117196" i="1"/>
  <c r="AE117197" i="1"/>
  <c r="AE117198" i="1"/>
  <c r="AE117199" i="1"/>
  <c r="AE117200" i="1"/>
  <c r="AE117201" i="1"/>
  <c r="AE117202" i="1"/>
  <c r="AE117203" i="1"/>
  <c r="AE117204" i="1"/>
  <c r="AE117205" i="1"/>
  <c r="AE117206" i="1"/>
  <c r="AE117207" i="1"/>
  <c r="AE117208" i="1"/>
  <c r="AE117209" i="1"/>
  <c r="AE117210" i="1"/>
  <c r="AE117211" i="1"/>
  <c r="AE117212" i="1"/>
  <c r="AE117213" i="1"/>
  <c r="AE117214" i="1"/>
  <c r="AE117215" i="1"/>
  <c r="AE117216" i="1"/>
  <c r="AE117217" i="1"/>
  <c r="AE117218" i="1"/>
  <c r="AE117219" i="1"/>
  <c r="AE117220" i="1"/>
  <c r="AE117221" i="1"/>
  <c r="AE117222" i="1"/>
  <c r="AE117223" i="1"/>
  <c r="AE117224" i="1"/>
  <c r="AE117225" i="1"/>
  <c r="AE117226" i="1"/>
  <c r="AE117227" i="1"/>
  <c r="AE117228" i="1"/>
  <c r="AE117229" i="1"/>
  <c r="AE117230" i="1"/>
  <c r="AE117231" i="1"/>
  <c r="AE117232" i="1"/>
  <c r="AE117233" i="1"/>
  <c r="AE117234" i="1"/>
  <c r="AE117235" i="1"/>
  <c r="AE117236" i="1"/>
  <c r="AE117237" i="1"/>
  <c r="AE117238" i="1"/>
  <c r="AE117239" i="1"/>
  <c r="AE117240" i="1"/>
  <c r="AE117241" i="1"/>
  <c r="AE117242" i="1"/>
  <c r="AE117243" i="1"/>
  <c r="AE117244" i="1"/>
  <c r="AE117245" i="1"/>
  <c r="AE117246" i="1"/>
  <c r="AE117247" i="1"/>
  <c r="AE117248" i="1"/>
  <c r="AE117249" i="1"/>
  <c r="AE117250" i="1"/>
  <c r="AE117251" i="1"/>
  <c r="AE117252" i="1"/>
  <c r="AE117253" i="1"/>
  <c r="AE117254" i="1"/>
  <c r="AE117255" i="1"/>
  <c r="AE117256" i="1"/>
  <c r="AE117257" i="1"/>
  <c r="AE117258" i="1"/>
  <c r="AE117259" i="1"/>
  <c r="AE117260" i="1"/>
  <c r="AE117261" i="1"/>
  <c r="AE117262" i="1"/>
  <c r="AE117263" i="1"/>
  <c r="AE117264" i="1"/>
  <c r="AE117265" i="1"/>
  <c r="AE117266" i="1"/>
  <c r="AE117267" i="1"/>
  <c r="AE117268" i="1"/>
  <c r="AE117269" i="1"/>
  <c r="AE117270" i="1"/>
  <c r="AE117271" i="1"/>
  <c r="AE117272" i="1"/>
  <c r="AE117273" i="1"/>
  <c r="AE117274" i="1"/>
  <c r="AE117275" i="1"/>
  <c r="AE117276" i="1"/>
  <c r="AE117277" i="1"/>
  <c r="AE117278" i="1"/>
  <c r="AE117279" i="1"/>
  <c r="AE117280" i="1"/>
  <c r="AE117281" i="1"/>
  <c r="AE117282" i="1"/>
  <c r="AE117283" i="1"/>
  <c r="AE117284" i="1"/>
  <c r="AE117285" i="1"/>
  <c r="AE117286" i="1"/>
  <c r="AE117287" i="1"/>
  <c r="AE117288" i="1"/>
  <c r="AE117289" i="1"/>
  <c r="AE117290" i="1"/>
  <c r="AE117291" i="1"/>
  <c r="AE117292" i="1"/>
  <c r="AE117293" i="1"/>
  <c r="AE117294" i="1"/>
  <c r="AE117295" i="1"/>
  <c r="AE117296" i="1"/>
  <c r="AE117297" i="1"/>
  <c r="AE117298" i="1"/>
  <c r="AE117299" i="1"/>
  <c r="AE117300" i="1"/>
  <c r="AE117301" i="1"/>
  <c r="AE117302" i="1"/>
  <c r="AE117303" i="1"/>
  <c r="AE117304" i="1"/>
  <c r="AE117305" i="1"/>
  <c r="AE117306" i="1"/>
  <c r="AE117307" i="1"/>
  <c r="AE117308" i="1"/>
  <c r="AE117309" i="1"/>
  <c r="AE117310" i="1"/>
  <c r="AE117311" i="1"/>
  <c r="AE117312" i="1"/>
  <c r="AE117313" i="1"/>
  <c r="AE117314" i="1"/>
  <c r="AE117315" i="1"/>
  <c r="AE117316" i="1"/>
  <c r="AE117317" i="1"/>
  <c r="AE117318" i="1"/>
  <c r="AE117319" i="1"/>
  <c r="AE117320" i="1"/>
  <c r="AE117321" i="1"/>
  <c r="AE117322" i="1"/>
  <c r="AE117323" i="1"/>
  <c r="AE117324" i="1"/>
  <c r="AE117325" i="1"/>
  <c r="AE117326" i="1"/>
  <c r="AE117327" i="1"/>
  <c r="AE117328" i="1"/>
  <c r="AE117329" i="1"/>
  <c r="AE117330" i="1"/>
  <c r="AE117331" i="1"/>
  <c r="AE117332" i="1"/>
  <c r="AE117333" i="1"/>
  <c r="AE117334" i="1"/>
  <c r="AE117335" i="1"/>
  <c r="AE117336" i="1"/>
  <c r="AE117337" i="1"/>
  <c r="AE117338" i="1"/>
  <c r="AE117339" i="1"/>
  <c r="AE117340" i="1"/>
  <c r="AE117341" i="1"/>
  <c r="AE117342" i="1"/>
  <c r="AE117343" i="1"/>
  <c r="AE117344" i="1"/>
  <c r="AE117345" i="1"/>
  <c r="AE117346" i="1"/>
  <c r="AE117347" i="1"/>
  <c r="AE117348" i="1"/>
  <c r="AE117349" i="1"/>
  <c r="AE117350" i="1"/>
  <c r="AE117351" i="1"/>
  <c r="AE117352" i="1"/>
  <c r="AE117353" i="1"/>
  <c r="AE117354" i="1"/>
  <c r="AE117355" i="1"/>
  <c r="AE117356" i="1"/>
  <c r="AE117357" i="1"/>
  <c r="AE117358" i="1"/>
  <c r="AE117359" i="1"/>
  <c r="AE117360" i="1"/>
  <c r="AE117361" i="1"/>
  <c r="AE117362" i="1"/>
  <c r="AE117363" i="1"/>
  <c r="AE117364" i="1"/>
  <c r="AE117365" i="1"/>
  <c r="AE117366" i="1"/>
  <c r="AE117367" i="1"/>
  <c r="AE117368" i="1"/>
  <c r="AE117369" i="1"/>
  <c r="AE117370" i="1"/>
  <c r="AE117371" i="1"/>
  <c r="AE117372" i="1"/>
  <c r="AE117373" i="1"/>
  <c r="AE117374" i="1"/>
  <c r="AE117375" i="1"/>
  <c r="AE117376" i="1"/>
  <c r="AE117377" i="1"/>
  <c r="AE117378" i="1"/>
  <c r="AE117379" i="1"/>
  <c r="AE117380" i="1"/>
  <c r="AE117381" i="1"/>
  <c r="AE117382" i="1"/>
  <c r="AE117383" i="1"/>
  <c r="AE117384" i="1"/>
  <c r="AE117385" i="1"/>
  <c r="AE117386" i="1"/>
  <c r="AE117387" i="1"/>
  <c r="AE117388" i="1"/>
  <c r="AE117389" i="1"/>
  <c r="AE117390" i="1"/>
  <c r="AE117391" i="1"/>
  <c r="AE117392" i="1"/>
  <c r="AE117393" i="1"/>
  <c r="AE117394" i="1"/>
  <c r="AE117395" i="1"/>
  <c r="AE117396" i="1"/>
  <c r="AE117397" i="1"/>
  <c r="AE117398" i="1"/>
  <c r="AE117399" i="1"/>
  <c r="AE117400" i="1"/>
  <c r="AE117401" i="1"/>
  <c r="AE117402" i="1"/>
  <c r="AE117403" i="1"/>
  <c r="AE117404" i="1"/>
  <c r="AE117405" i="1"/>
  <c r="AE117406" i="1"/>
  <c r="AE117407" i="1"/>
  <c r="AE117408" i="1"/>
  <c r="AE117409" i="1"/>
  <c r="AE117410" i="1"/>
  <c r="AE117411" i="1"/>
  <c r="AE117412" i="1"/>
  <c r="AE117413" i="1"/>
  <c r="AE117414" i="1"/>
  <c r="AE117415" i="1"/>
  <c r="AE117416" i="1"/>
  <c r="AE117417" i="1"/>
  <c r="AE117418" i="1"/>
  <c r="AE117419" i="1"/>
  <c r="AE117420" i="1"/>
  <c r="AE117421" i="1"/>
  <c r="AE117422" i="1"/>
  <c r="AE117423" i="1"/>
  <c r="AE117424" i="1"/>
  <c r="AE117425" i="1"/>
  <c r="AE117426" i="1"/>
  <c r="AE117427" i="1"/>
  <c r="AE117428" i="1"/>
  <c r="AE117429" i="1"/>
  <c r="AE117430" i="1"/>
  <c r="AE117431" i="1"/>
  <c r="AE117432" i="1"/>
  <c r="AE117433" i="1"/>
  <c r="AE117434" i="1"/>
  <c r="AE117435" i="1"/>
  <c r="AE117436" i="1"/>
  <c r="AE117437" i="1"/>
  <c r="AE117438" i="1"/>
  <c r="AE117439" i="1"/>
  <c r="AE117440" i="1"/>
  <c r="AE117441" i="1"/>
  <c r="AE117442" i="1"/>
  <c r="AE117443" i="1"/>
  <c r="AE117444" i="1"/>
  <c r="AE117445" i="1"/>
  <c r="AE117446" i="1"/>
  <c r="AE117447" i="1"/>
  <c r="AE117448" i="1"/>
  <c r="AE117449" i="1"/>
  <c r="AE117450" i="1"/>
  <c r="AE117451" i="1"/>
  <c r="AE117452" i="1"/>
  <c r="AE117453" i="1"/>
  <c r="AE117454" i="1"/>
  <c r="AE117455" i="1"/>
  <c r="AE117456" i="1"/>
  <c r="AE117457" i="1"/>
  <c r="AE117458" i="1"/>
  <c r="AE117459" i="1"/>
  <c r="AE117460" i="1"/>
  <c r="AE117461" i="1"/>
  <c r="AE117462" i="1"/>
  <c r="AE117463" i="1"/>
  <c r="AE117464" i="1"/>
  <c r="AE117465" i="1"/>
  <c r="AE117466" i="1"/>
  <c r="AE117467" i="1"/>
  <c r="AE117468" i="1"/>
  <c r="AE117469" i="1"/>
  <c r="AE117470" i="1"/>
  <c r="AE117471" i="1"/>
  <c r="AE117472" i="1"/>
  <c r="AE117473" i="1"/>
  <c r="AE117474" i="1"/>
  <c r="AE117475" i="1"/>
  <c r="AE117476" i="1"/>
  <c r="AE117477" i="1"/>
  <c r="AE117478" i="1"/>
  <c r="AE117479" i="1"/>
  <c r="AE117480" i="1"/>
  <c r="AE117481" i="1"/>
  <c r="AE117482" i="1"/>
  <c r="AE117483" i="1"/>
  <c r="AE117484" i="1"/>
  <c r="AE117485" i="1"/>
  <c r="AE117486" i="1"/>
  <c r="AE117487" i="1"/>
  <c r="AE117488" i="1"/>
  <c r="AE117489" i="1"/>
  <c r="AE117490" i="1"/>
  <c r="AE117491" i="1"/>
  <c r="AE117492" i="1"/>
  <c r="AE117493" i="1"/>
  <c r="AE117494" i="1"/>
  <c r="AE117495" i="1"/>
  <c r="AE117496" i="1"/>
  <c r="AE117497" i="1"/>
  <c r="AE117498" i="1"/>
  <c r="AE117499" i="1"/>
  <c r="AE117500" i="1"/>
  <c r="AE117501" i="1"/>
  <c r="AE117502" i="1"/>
  <c r="AE117503" i="1"/>
  <c r="AE117504" i="1"/>
  <c r="AE117505" i="1"/>
  <c r="AE117506" i="1"/>
  <c r="AE117507" i="1"/>
  <c r="AE117508" i="1"/>
  <c r="AE117509" i="1"/>
  <c r="AE117510" i="1"/>
  <c r="AE117511" i="1"/>
  <c r="AE117512" i="1"/>
  <c r="AE117513" i="1"/>
  <c r="AE117514" i="1"/>
  <c r="AE117515" i="1"/>
  <c r="AE117516" i="1"/>
  <c r="AE117517" i="1"/>
  <c r="AE117518" i="1"/>
  <c r="AE117519" i="1"/>
  <c r="AE117520" i="1"/>
  <c r="AE117521" i="1"/>
  <c r="AE117522" i="1"/>
  <c r="AE117523" i="1"/>
  <c r="AE117524" i="1"/>
  <c r="AE117525" i="1"/>
  <c r="AE117526" i="1"/>
  <c r="AE117527" i="1"/>
  <c r="AE117528" i="1"/>
  <c r="AE117529" i="1"/>
  <c r="AE117530" i="1"/>
  <c r="AE117531" i="1"/>
  <c r="AE117532" i="1"/>
  <c r="AE117533" i="1"/>
  <c r="AE117534" i="1"/>
  <c r="AE117535" i="1"/>
  <c r="AE117536" i="1"/>
  <c r="AE117537" i="1"/>
  <c r="AE117538" i="1"/>
  <c r="AE117539" i="1"/>
  <c r="AE117540" i="1"/>
  <c r="AE117541" i="1"/>
  <c r="AE117542" i="1"/>
  <c r="AE117543" i="1"/>
  <c r="AE117544" i="1"/>
  <c r="AE117545" i="1"/>
  <c r="AE117546" i="1"/>
  <c r="AE117547" i="1"/>
  <c r="AE117548" i="1"/>
  <c r="AE117549" i="1"/>
  <c r="AE117550" i="1"/>
  <c r="AE117551" i="1"/>
  <c r="AE117552" i="1"/>
  <c r="AE117553" i="1"/>
  <c r="AE117554" i="1"/>
  <c r="AE117555" i="1"/>
  <c r="AE117556" i="1"/>
  <c r="AE117557" i="1"/>
  <c r="AE117558" i="1"/>
  <c r="AE117559" i="1"/>
  <c r="AE117560" i="1"/>
  <c r="AE117561" i="1"/>
  <c r="AE117562" i="1"/>
  <c r="AE117563" i="1"/>
  <c r="AE117564" i="1"/>
  <c r="AE117565" i="1"/>
  <c r="AE117566" i="1"/>
  <c r="AE117567" i="1"/>
  <c r="AE117568" i="1"/>
  <c r="AE117569" i="1"/>
  <c r="AE117570" i="1"/>
  <c r="AE117571" i="1"/>
  <c r="AE117572" i="1"/>
  <c r="AE117573" i="1"/>
  <c r="AE117574" i="1"/>
  <c r="AE117575" i="1"/>
  <c r="AE117576" i="1"/>
  <c r="AE117577" i="1"/>
  <c r="AE117578" i="1"/>
  <c r="AE117579" i="1"/>
  <c r="AE117580" i="1"/>
  <c r="AE117581" i="1"/>
  <c r="AE117582" i="1"/>
  <c r="AE117583" i="1"/>
  <c r="AE117584" i="1"/>
  <c r="AE117585" i="1"/>
  <c r="AE117586" i="1"/>
  <c r="AE117587" i="1"/>
  <c r="AE117588" i="1"/>
  <c r="AE117589" i="1"/>
  <c r="AE117590" i="1"/>
  <c r="AE117591" i="1"/>
  <c r="AE117592" i="1"/>
  <c r="AE117593" i="1"/>
  <c r="AE117594" i="1"/>
  <c r="AE117595" i="1"/>
  <c r="AE117596" i="1"/>
  <c r="AE117597" i="1"/>
  <c r="AE117598" i="1"/>
  <c r="AE117599" i="1"/>
  <c r="AE117600" i="1"/>
  <c r="AE117601" i="1"/>
  <c r="AE117602" i="1"/>
  <c r="AE117603" i="1"/>
  <c r="AE117604" i="1"/>
  <c r="AE117605" i="1"/>
  <c r="AE117606" i="1"/>
  <c r="AE117607" i="1"/>
  <c r="AE117608" i="1"/>
  <c r="AE117609" i="1"/>
  <c r="AE117610" i="1"/>
  <c r="AE117611" i="1"/>
  <c r="AE117612" i="1"/>
  <c r="AE117613" i="1"/>
  <c r="AE117614" i="1"/>
  <c r="AE117615" i="1"/>
  <c r="AE117616" i="1"/>
  <c r="AE117617" i="1"/>
  <c r="AE117618" i="1"/>
  <c r="AE117619" i="1"/>
  <c r="AE117620" i="1"/>
  <c r="AE117621" i="1"/>
  <c r="AE117622" i="1"/>
  <c r="AE117623" i="1"/>
  <c r="AE117624" i="1"/>
  <c r="AE117625" i="1"/>
  <c r="AE117626" i="1"/>
  <c r="AE117627" i="1"/>
  <c r="AE117628" i="1"/>
  <c r="AE117629" i="1"/>
  <c r="AE117630" i="1"/>
  <c r="AE117631" i="1"/>
  <c r="AE117632" i="1"/>
  <c r="AE117633" i="1"/>
  <c r="AE117634" i="1"/>
  <c r="AE117635" i="1"/>
  <c r="AE117636" i="1"/>
  <c r="AE117637" i="1"/>
  <c r="AE117638" i="1"/>
  <c r="AE117639" i="1"/>
  <c r="AE117640" i="1"/>
  <c r="AE117641" i="1"/>
  <c r="AE117642" i="1"/>
  <c r="AE117643" i="1"/>
  <c r="AE117644" i="1"/>
  <c r="AE117645" i="1"/>
  <c r="AE117646" i="1"/>
  <c r="AE117647" i="1"/>
  <c r="AE117648" i="1"/>
  <c r="AE117649" i="1"/>
  <c r="AE117650" i="1"/>
  <c r="AE117651" i="1"/>
  <c r="AE117652" i="1"/>
  <c r="AE117653" i="1"/>
  <c r="AE117654" i="1"/>
  <c r="AE117655" i="1"/>
  <c r="AE117656" i="1"/>
  <c r="AE117657" i="1"/>
  <c r="AE117658" i="1"/>
  <c r="AE117659" i="1"/>
  <c r="AE117660" i="1"/>
  <c r="AE117661" i="1"/>
  <c r="AE117662" i="1"/>
  <c r="AE117663" i="1"/>
  <c r="AE117664" i="1"/>
  <c r="AE117665" i="1"/>
  <c r="AE117666" i="1"/>
  <c r="AE117667" i="1"/>
  <c r="AE117668" i="1"/>
  <c r="AE117669" i="1"/>
  <c r="AE117670" i="1"/>
  <c r="AE117671" i="1"/>
  <c r="AE117672" i="1"/>
  <c r="AE117673" i="1"/>
  <c r="AE117674" i="1"/>
  <c r="AE117675" i="1"/>
  <c r="AE117676" i="1"/>
  <c r="AE117677" i="1"/>
  <c r="AE117678" i="1"/>
  <c r="AE117679" i="1"/>
  <c r="AE117680" i="1"/>
  <c r="AE117681" i="1"/>
  <c r="AE117682" i="1"/>
  <c r="AE117683" i="1"/>
  <c r="AE117684" i="1"/>
  <c r="AE117685" i="1"/>
  <c r="AE117686" i="1"/>
  <c r="AE117687" i="1"/>
  <c r="AE117688" i="1"/>
  <c r="AE117689" i="1"/>
  <c r="AE117690" i="1"/>
  <c r="AE117691" i="1"/>
  <c r="AE117692" i="1"/>
  <c r="AE117693" i="1"/>
  <c r="AE117694" i="1"/>
  <c r="AE117695" i="1"/>
  <c r="AE117696" i="1"/>
  <c r="AE117697" i="1"/>
  <c r="AE117698" i="1"/>
  <c r="AE117699" i="1"/>
  <c r="AE117700" i="1"/>
  <c r="AE117701" i="1"/>
  <c r="AE117702" i="1"/>
  <c r="AE117703" i="1"/>
  <c r="AE117704" i="1"/>
  <c r="AE117705" i="1"/>
  <c r="AE117706" i="1"/>
  <c r="AE117707" i="1"/>
  <c r="AE117708" i="1"/>
  <c r="AE117709" i="1"/>
  <c r="AE117710" i="1"/>
  <c r="AE117711" i="1"/>
  <c r="AE117712" i="1"/>
  <c r="AE117713" i="1"/>
  <c r="AE117714" i="1"/>
  <c r="AE117715" i="1"/>
  <c r="AE117716" i="1"/>
  <c r="AE117717" i="1"/>
  <c r="AE117718" i="1"/>
  <c r="AE117719" i="1"/>
  <c r="AE117720" i="1"/>
  <c r="AE117721" i="1"/>
  <c r="AE117722" i="1"/>
  <c r="AE117723" i="1"/>
  <c r="AE117724" i="1"/>
  <c r="AE117725" i="1"/>
  <c r="AE117726" i="1"/>
  <c r="AE117727" i="1"/>
  <c r="AE117728" i="1"/>
  <c r="AE117729" i="1"/>
  <c r="AE117730" i="1"/>
  <c r="AE117731" i="1"/>
  <c r="AE117732" i="1"/>
  <c r="AE117733" i="1"/>
  <c r="AE117734" i="1"/>
  <c r="AE117735" i="1"/>
  <c r="AE117736" i="1"/>
  <c r="AE117737" i="1"/>
  <c r="AE117738" i="1"/>
  <c r="AE117739" i="1"/>
  <c r="AE117740" i="1"/>
  <c r="AE117741" i="1"/>
  <c r="AE117742" i="1"/>
  <c r="AE117743" i="1"/>
  <c r="AE117744" i="1"/>
  <c r="AE117745" i="1"/>
  <c r="AE117746" i="1"/>
  <c r="AE117747" i="1"/>
  <c r="AE117748" i="1"/>
  <c r="AE117749" i="1"/>
  <c r="AE117750" i="1"/>
  <c r="AE117751" i="1"/>
  <c r="AE117752" i="1"/>
  <c r="AE117753" i="1"/>
  <c r="AE117754" i="1"/>
  <c r="AE117755" i="1"/>
  <c r="AE117756" i="1"/>
  <c r="AE117757" i="1"/>
  <c r="AE117758" i="1"/>
  <c r="AE117759" i="1"/>
  <c r="AE117760" i="1"/>
  <c r="AE117761" i="1"/>
  <c r="AE117762" i="1"/>
  <c r="AE117763" i="1"/>
  <c r="AE117764" i="1"/>
  <c r="AE117765" i="1"/>
  <c r="AE117766" i="1"/>
  <c r="AE117767" i="1"/>
  <c r="AE117768" i="1"/>
  <c r="AE117769" i="1"/>
  <c r="AE117770" i="1"/>
  <c r="AE117771" i="1"/>
  <c r="AE117772" i="1"/>
  <c r="AE117773" i="1"/>
  <c r="AE117774" i="1"/>
  <c r="AE117775" i="1"/>
  <c r="AE117776" i="1"/>
  <c r="AE117777" i="1"/>
  <c r="AE117778" i="1"/>
  <c r="AE117779" i="1"/>
  <c r="AE117780" i="1"/>
  <c r="AE117781" i="1"/>
  <c r="AE117782" i="1"/>
  <c r="AE117783" i="1"/>
  <c r="AE117784" i="1"/>
  <c r="AE117785" i="1"/>
  <c r="AE117786" i="1"/>
  <c r="AE117787" i="1"/>
  <c r="AE117788" i="1"/>
  <c r="AE117789" i="1"/>
  <c r="AE117790" i="1"/>
  <c r="AE117791" i="1"/>
  <c r="AE117792" i="1"/>
  <c r="AE117793" i="1"/>
  <c r="AE117794" i="1"/>
  <c r="AE117795" i="1"/>
  <c r="AE117796" i="1"/>
  <c r="AE117797" i="1"/>
  <c r="AE117798" i="1"/>
  <c r="AE117799" i="1"/>
  <c r="AE117800" i="1"/>
  <c r="AE117801" i="1"/>
  <c r="AE117802" i="1"/>
  <c r="AE117803" i="1"/>
  <c r="AE117804" i="1"/>
  <c r="AE117805" i="1"/>
  <c r="AE117806" i="1"/>
  <c r="AE117807" i="1"/>
  <c r="AE117808" i="1"/>
  <c r="AE117809" i="1"/>
  <c r="AE117810" i="1"/>
  <c r="AE117811" i="1"/>
  <c r="AE117812" i="1"/>
  <c r="AE117813" i="1"/>
  <c r="AE117814" i="1"/>
  <c r="AE117815" i="1"/>
  <c r="AE117816" i="1"/>
  <c r="AE117817" i="1"/>
  <c r="AE117818" i="1"/>
  <c r="AE117819" i="1"/>
  <c r="AE117820" i="1"/>
  <c r="AE117821" i="1"/>
  <c r="AE117822" i="1"/>
  <c r="AE117823" i="1"/>
  <c r="AE117824" i="1"/>
  <c r="AE117825" i="1"/>
  <c r="AE117826" i="1"/>
  <c r="AE117827" i="1"/>
  <c r="AE117828" i="1"/>
  <c r="AE117829" i="1"/>
  <c r="AE117830" i="1"/>
  <c r="AE117831" i="1"/>
  <c r="AE117832" i="1"/>
  <c r="AE117833" i="1"/>
  <c r="AE117834" i="1"/>
  <c r="AE117835" i="1"/>
  <c r="AE117836" i="1"/>
  <c r="AE117837" i="1"/>
  <c r="AE117838" i="1"/>
  <c r="AE117839" i="1"/>
  <c r="AE117840" i="1"/>
  <c r="AE117841" i="1"/>
  <c r="AE117842" i="1"/>
  <c r="AE117843" i="1"/>
  <c r="AE117844" i="1"/>
  <c r="AE117845" i="1"/>
  <c r="AE117846" i="1"/>
  <c r="AE117847" i="1"/>
  <c r="AE117848" i="1"/>
  <c r="AE117849" i="1"/>
  <c r="AE117850" i="1"/>
  <c r="AE117851" i="1"/>
  <c r="AE117852" i="1"/>
  <c r="AE117853" i="1"/>
  <c r="AE117854" i="1"/>
  <c r="AE117855" i="1"/>
  <c r="AE117856" i="1"/>
  <c r="AE117857" i="1"/>
  <c r="AE117858" i="1"/>
  <c r="AE117859" i="1"/>
  <c r="AE117860" i="1"/>
  <c r="AE117861" i="1"/>
  <c r="AE117862" i="1"/>
  <c r="AE117863" i="1"/>
  <c r="AE117864" i="1"/>
  <c r="AE117865" i="1"/>
  <c r="AE117866" i="1"/>
  <c r="AE117867" i="1"/>
  <c r="AE117868" i="1"/>
  <c r="AE117869" i="1"/>
  <c r="AE117870" i="1"/>
  <c r="AE117871" i="1"/>
  <c r="AE117872" i="1"/>
  <c r="AE117873" i="1"/>
  <c r="AE117874" i="1"/>
  <c r="AE117875" i="1"/>
  <c r="AE117876" i="1"/>
  <c r="AE117877" i="1"/>
  <c r="AE117878" i="1"/>
  <c r="AE117879" i="1"/>
  <c r="AE117880" i="1"/>
  <c r="AE117881" i="1"/>
  <c r="AE117882" i="1"/>
  <c r="AE117883" i="1"/>
  <c r="AE117884" i="1"/>
  <c r="AE117885" i="1"/>
  <c r="AE117886" i="1"/>
  <c r="AE117887" i="1"/>
  <c r="AE117888" i="1"/>
  <c r="AE117889" i="1"/>
  <c r="AE117890" i="1"/>
  <c r="AE117891" i="1"/>
  <c r="AE117892" i="1"/>
  <c r="AE117893" i="1"/>
  <c r="AE117894" i="1"/>
  <c r="AE117895" i="1"/>
  <c r="AE117896" i="1"/>
  <c r="AE117897" i="1"/>
  <c r="AE117898" i="1"/>
  <c r="AE117899" i="1"/>
  <c r="AE117900" i="1"/>
  <c r="AE117901" i="1"/>
  <c r="AE117902" i="1"/>
  <c r="AE117903" i="1"/>
  <c r="AE117904" i="1"/>
  <c r="AE117905" i="1"/>
  <c r="AE117906" i="1"/>
  <c r="AE117907" i="1"/>
  <c r="AE117908" i="1"/>
  <c r="AE117909" i="1"/>
  <c r="AE117910" i="1"/>
  <c r="AE117911" i="1"/>
  <c r="AE117912" i="1"/>
  <c r="AE117913" i="1"/>
  <c r="AE117914" i="1"/>
  <c r="AE117915" i="1"/>
  <c r="AE117916" i="1"/>
  <c r="AE117917" i="1"/>
  <c r="AE117918" i="1"/>
  <c r="AE117919" i="1"/>
  <c r="AE117920" i="1"/>
  <c r="AE117921" i="1"/>
  <c r="AE117922" i="1"/>
  <c r="AE117923" i="1"/>
  <c r="AE117924" i="1"/>
  <c r="AE117925" i="1"/>
  <c r="AE117926" i="1"/>
  <c r="AE117927" i="1"/>
  <c r="AE117928" i="1"/>
  <c r="AE117929" i="1"/>
  <c r="AE117930" i="1"/>
  <c r="AE117931" i="1"/>
  <c r="AE117932" i="1"/>
  <c r="AE117933" i="1"/>
  <c r="AE117934" i="1"/>
  <c r="AE117935" i="1"/>
  <c r="AE117936" i="1"/>
  <c r="AE117937" i="1"/>
  <c r="AE117938" i="1"/>
  <c r="AE117939" i="1"/>
  <c r="AE117940" i="1"/>
  <c r="AE117941" i="1"/>
  <c r="AE117942" i="1"/>
  <c r="AE117943" i="1"/>
  <c r="AE117944" i="1"/>
  <c r="AE117945" i="1"/>
  <c r="AE117946" i="1"/>
  <c r="AE117947" i="1"/>
  <c r="AE117948" i="1"/>
  <c r="AE117949" i="1"/>
  <c r="AE117950" i="1"/>
  <c r="AE117951" i="1"/>
  <c r="AE117952" i="1"/>
  <c r="AE117953" i="1"/>
  <c r="AE117954" i="1"/>
  <c r="AE117955" i="1"/>
  <c r="AE117956" i="1"/>
  <c r="AE117957" i="1"/>
  <c r="AE117958" i="1"/>
  <c r="AE117959" i="1"/>
  <c r="AE117960" i="1"/>
  <c r="AE117961" i="1"/>
  <c r="AE117962" i="1"/>
  <c r="AE117963" i="1"/>
  <c r="AE117964" i="1"/>
  <c r="AE117965" i="1"/>
  <c r="AE117966" i="1"/>
  <c r="AE117967" i="1"/>
  <c r="AE117968" i="1"/>
  <c r="AE117969" i="1"/>
  <c r="AE117970" i="1"/>
  <c r="AE117971" i="1"/>
  <c r="AE117972" i="1"/>
  <c r="AE117973" i="1"/>
  <c r="AE117974" i="1"/>
  <c r="AE117975" i="1"/>
  <c r="AE117976" i="1"/>
  <c r="AE117977" i="1"/>
  <c r="AE117978" i="1"/>
  <c r="AE117979" i="1"/>
  <c r="AE117980" i="1"/>
  <c r="AE117981" i="1"/>
  <c r="AE117982" i="1"/>
  <c r="AE117983" i="1"/>
  <c r="AE117984" i="1"/>
  <c r="AE117985" i="1"/>
  <c r="AE117986" i="1"/>
  <c r="AE117987" i="1"/>
  <c r="AE117988" i="1"/>
  <c r="AE117989" i="1"/>
  <c r="AE117990" i="1"/>
  <c r="AE117991" i="1"/>
  <c r="AE117992" i="1"/>
  <c r="AE117993" i="1"/>
  <c r="AE117994" i="1"/>
  <c r="AE117995" i="1"/>
  <c r="AE117996" i="1"/>
  <c r="AE117997" i="1"/>
  <c r="AE117998" i="1"/>
  <c r="AE117999" i="1"/>
  <c r="AE118000" i="1"/>
  <c r="AE118001" i="1"/>
  <c r="AE118002" i="1"/>
  <c r="AE118003" i="1"/>
  <c r="AE118004" i="1"/>
  <c r="AE118005" i="1"/>
  <c r="AE118006" i="1"/>
  <c r="AE118007" i="1"/>
  <c r="AE118008" i="1"/>
  <c r="AE118009" i="1"/>
  <c r="AE118010" i="1"/>
  <c r="AE118011" i="1"/>
  <c r="AE118012" i="1"/>
  <c r="AE118013" i="1"/>
  <c r="AE118014" i="1"/>
  <c r="AE118015" i="1"/>
  <c r="AE118016" i="1"/>
  <c r="AE118017" i="1"/>
  <c r="AE118018" i="1"/>
  <c r="AE118019" i="1"/>
  <c r="AE118020" i="1"/>
  <c r="AE118021" i="1"/>
  <c r="AE118022" i="1"/>
  <c r="AE118023" i="1"/>
  <c r="AE118024" i="1"/>
  <c r="AE118025" i="1"/>
  <c r="AE118026" i="1"/>
  <c r="AE118027" i="1"/>
  <c r="AE118028" i="1"/>
  <c r="AE118029" i="1"/>
  <c r="AE118030" i="1"/>
  <c r="AE118031" i="1"/>
  <c r="AE118032" i="1"/>
  <c r="AE118033" i="1"/>
  <c r="AE118034" i="1"/>
  <c r="AE118035" i="1"/>
  <c r="AE118036" i="1"/>
  <c r="AE118037" i="1"/>
  <c r="AE118038" i="1"/>
  <c r="AE118039" i="1"/>
  <c r="AE118040" i="1"/>
  <c r="AE118041" i="1"/>
  <c r="AE118042" i="1"/>
  <c r="AE118043" i="1"/>
  <c r="AE118044" i="1"/>
  <c r="AE118045" i="1"/>
  <c r="AE118046" i="1"/>
  <c r="AE118047" i="1"/>
  <c r="AE118048" i="1"/>
  <c r="AE118049" i="1"/>
  <c r="AE118050" i="1"/>
  <c r="AE118051" i="1"/>
  <c r="AE118052" i="1"/>
  <c r="AE118053" i="1"/>
  <c r="AE118054" i="1"/>
  <c r="AE118055" i="1"/>
  <c r="AE118056" i="1"/>
  <c r="AE118057" i="1"/>
  <c r="AE118058" i="1"/>
  <c r="AE118059" i="1"/>
  <c r="AE118060" i="1"/>
  <c r="AE118061" i="1"/>
  <c r="AE118062" i="1"/>
  <c r="AE118063" i="1"/>
  <c r="AE118064" i="1"/>
  <c r="AE118065" i="1"/>
  <c r="AE118066" i="1"/>
  <c r="AE118067" i="1"/>
  <c r="AE118068" i="1"/>
  <c r="AE118069" i="1"/>
  <c r="AE118070" i="1"/>
  <c r="AE118071" i="1"/>
  <c r="AE118072" i="1"/>
  <c r="AE118073" i="1"/>
  <c r="AE118074" i="1"/>
  <c r="AE118075" i="1"/>
  <c r="AE118076" i="1"/>
  <c r="AE118077" i="1"/>
  <c r="AE118078" i="1"/>
  <c r="AE118079" i="1"/>
  <c r="AE118080" i="1"/>
  <c r="AE118081" i="1"/>
  <c r="AE118082" i="1"/>
  <c r="AE118083" i="1"/>
  <c r="AE118084" i="1"/>
  <c r="AE118085" i="1"/>
  <c r="AE118086" i="1"/>
  <c r="AE118087" i="1"/>
  <c r="AE118088" i="1"/>
  <c r="AE118089" i="1"/>
  <c r="AE118090" i="1"/>
  <c r="AE118091" i="1"/>
  <c r="AE118092" i="1"/>
  <c r="AE118093" i="1"/>
  <c r="AE118094" i="1"/>
  <c r="AE118095" i="1"/>
  <c r="AE118096" i="1"/>
  <c r="AE118097" i="1"/>
  <c r="AE118098" i="1"/>
  <c r="AE118099" i="1"/>
  <c r="AE118100" i="1"/>
  <c r="AE118101" i="1"/>
  <c r="AE118102" i="1"/>
  <c r="AE118103" i="1"/>
  <c r="AE118104" i="1"/>
  <c r="AE118105" i="1"/>
  <c r="AE118106" i="1"/>
  <c r="AE118107" i="1"/>
  <c r="AE118108" i="1"/>
  <c r="AE118109" i="1"/>
  <c r="AE118110" i="1"/>
  <c r="AE118111" i="1"/>
  <c r="AE118112" i="1"/>
  <c r="AE118113" i="1"/>
  <c r="AE118114" i="1"/>
  <c r="AE118115" i="1"/>
  <c r="AE118116" i="1"/>
  <c r="AE118117" i="1"/>
  <c r="AE118118" i="1"/>
  <c r="AE118119" i="1"/>
  <c r="AE118120" i="1"/>
  <c r="AE118121" i="1"/>
  <c r="AE118122" i="1"/>
  <c r="AE118123" i="1"/>
  <c r="AE118124" i="1"/>
  <c r="AE118125" i="1"/>
  <c r="AE118126" i="1"/>
  <c r="AE118127" i="1"/>
  <c r="AE118128" i="1"/>
  <c r="AE118129" i="1"/>
  <c r="AE118130" i="1"/>
  <c r="AE118131" i="1"/>
  <c r="AE118132" i="1"/>
  <c r="AE118133" i="1"/>
  <c r="AE118134" i="1"/>
  <c r="AE118135" i="1"/>
  <c r="AE118136" i="1"/>
  <c r="AE118137" i="1"/>
  <c r="AE118138" i="1"/>
  <c r="AE118139" i="1"/>
  <c r="AE118140" i="1"/>
  <c r="AE118141" i="1"/>
  <c r="AE118142" i="1"/>
  <c r="AE118143" i="1"/>
  <c r="AE118144" i="1"/>
  <c r="AE118145" i="1"/>
  <c r="AE118146" i="1"/>
  <c r="AE118147" i="1"/>
  <c r="AE118148" i="1"/>
  <c r="AE118149" i="1"/>
  <c r="AE118150" i="1"/>
  <c r="AE118151" i="1"/>
  <c r="AE118152" i="1"/>
  <c r="AE118153" i="1"/>
  <c r="AE118154" i="1"/>
  <c r="AE118155" i="1"/>
  <c r="AE118156" i="1"/>
  <c r="AE118157" i="1"/>
  <c r="AE118158" i="1"/>
  <c r="AE118159" i="1"/>
  <c r="AE118160" i="1"/>
  <c r="AE118161" i="1"/>
  <c r="AE118162" i="1"/>
  <c r="AE118163" i="1"/>
  <c r="AE118164" i="1"/>
  <c r="AE118165" i="1"/>
  <c r="AE118166" i="1"/>
  <c r="AE118167" i="1"/>
  <c r="AE118168" i="1"/>
  <c r="AE118169" i="1"/>
  <c r="AE118170" i="1"/>
  <c r="AE118171" i="1"/>
  <c r="AE118172" i="1"/>
  <c r="AE118173" i="1"/>
  <c r="AE118174" i="1"/>
  <c r="AE118175" i="1"/>
  <c r="AE118176" i="1"/>
  <c r="AE118177" i="1"/>
  <c r="AE118178" i="1"/>
  <c r="AE118179" i="1"/>
  <c r="AE118180" i="1"/>
  <c r="AE118181" i="1"/>
  <c r="AE118182" i="1"/>
  <c r="AE118183" i="1"/>
  <c r="AE118184" i="1"/>
  <c r="AE118185" i="1"/>
  <c r="AE118186" i="1"/>
  <c r="AE118187" i="1"/>
  <c r="AE118188" i="1"/>
  <c r="AE118189" i="1"/>
  <c r="AE118190" i="1"/>
  <c r="AE118191" i="1"/>
  <c r="AE118192" i="1"/>
  <c r="AE118193" i="1"/>
  <c r="AE118194" i="1"/>
  <c r="AE118195" i="1"/>
  <c r="AE118196" i="1"/>
  <c r="AE118197" i="1"/>
  <c r="AE118198" i="1"/>
  <c r="AE118199" i="1"/>
  <c r="AE118200" i="1"/>
  <c r="AE118201" i="1"/>
  <c r="AE118202" i="1"/>
  <c r="AE118203" i="1"/>
  <c r="AE118204" i="1"/>
  <c r="AE118205" i="1"/>
  <c r="AE118206" i="1"/>
  <c r="AE118207" i="1"/>
  <c r="AE118208" i="1"/>
  <c r="AE118209" i="1"/>
  <c r="AE118210" i="1"/>
  <c r="AE118211" i="1"/>
  <c r="AE118212" i="1"/>
  <c r="AE118213" i="1"/>
  <c r="AE118214" i="1"/>
  <c r="AE118215" i="1"/>
  <c r="AE118216" i="1"/>
  <c r="AE118217" i="1"/>
  <c r="AE118218" i="1"/>
  <c r="AE118219" i="1"/>
  <c r="AE118220" i="1"/>
  <c r="AE118221" i="1"/>
  <c r="AE118222" i="1"/>
  <c r="AE118223" i="1"/>
  <c r="AE118224" i="1"/>
  <c r="AE118225" i="1"/>
  <c r="AE118226" i="1"/>
  <c r="AE118227" i="1"/>
  <c r="AE118228" i="1"/>
  <c r="AE118229" i="1"/>
  <c r="AE118230" i="1"/>
  <c r="AE118231" i="1"/>
  <c r="AE118232" i="1"/>
  <c r="AE118233" i="1"/>
  <c r="AE118234" i="1"/>
  <c r="AE118235" i="1"/>
  <c r="AE118236" i="1"/>
  <c r="AE118237" i="1"/>
  <c r="AE118238" i="1"/>
  <c r="AE118239" i="1"/>
  <c r="AE118240" i="1"/>
  <c r="AE118241" i="1"/>
  <c r="AE118242" i="1"/>
  <c r="AE118243" i="1"/>
  <c r="AE118244" i="1"/>
  <c r="AE118245" i="1"/>
  <c r="AE118246" i="1"/>
  <c r="AE118247" i="1"/>
  <c r="AE118248" i="1"/>
  <c r="AE118249" i="1"/>
  <c r="AE118250" i="1"/>
  <c r="AE118251" i="1"/>
  <c r="AE118252" i="1"/>
  <c r="AE118253" i="1"/>
  <c r="AE118254" i="1"/>
  <c r="AE118255" i="1"/>
  <c r="AE118256" i="1"/>
  <c r="AE118257" i="1"/>
  <c r="AE118258" i="1"/>
  <c r="AE118259" i="1"/>
  <c r="AE118260" i="1"/>
  <c r="AE118261" i="1"/>
  <c r="AE118262" i="1"/>
  <c r="AE118263" i="1"/>
  <c r="AE118264" i="1"/>
  <c r="AE118265" i="1"/>
  <c r="AE118266" i="1"/>
  <c r="AE118267" i="1"/>
  <c r="AE118268" i="1"/>
  <c r="AE118269" i="1"/>
  <c r="AE118270" i="1"/>
  <c r="AE118271" i="1"/>
  <c r="AE118272" i="1"/>
  <c r="AE118273" i="1"/>
  <c r="AE118274" i="1"/>
  <c r="AE118275" i="1"/>
  <c r="AE118276" i="1"/>
  <c r="AE118277" i="1"/>
  <c r="AE118278" i="1"/>
  <c r="AE118279" i="1"/>
  <c r="AE118280" i="1"/>
  <c r="AE118281" i="1"/>
  <c r="AE118282" i="1"/>
  <c r="AE118283" i="1"/>
  <c r="AE118284" i="1"/>
  <c r="AE118285" i="1"/>
  <c r="AE118286" i="1"/>
  <c r="AE118287" i="1"/>
  <c r="AE118288" i="1"/>
  <c r="AE118289" i="1"/>
  <c r="AE118290" i="1"/>
  <c r="AE118291" i="1"/>
  <c r="AE118292" i="1"/>
  <c r="AE118293" i="1"/>
  <c r="AE118294" i="1"/>
  <c r="AE118295" i="1"/>
  <c r="AE118296" i="1"/>
  <c r="AE118297" i="1"/>
  <c r="AE118298" i="1"/>
  <c r="AE118299" i="1"/>
  <c r="AE118300" i="1"/>
  <c r="AE118301" i="1"/>
  <c r="AE118302" i="1"/>
  <c r="AE118303" i="1"/>
  <c r="AE118304" i="1"/>
  <c r="AE118305" i="1"/>
  <c r="AE118306" i="1"/>
  <c r="AE118307" i="1"/>
  <c r="AE118308" i="1"/>
  <c r="AE118309" i="1"/>
  <c r="AE118310" i="1"/>
  <c r="AE118311" i="1"/>
  <c r="AE118312" i="1"/>
  <c r="AE118313" i="1"/>
  <c r="AE118314" i="1"/>
  <c r="AE118315" i="1"/>
  <c r="AE118316" i="1"/>
  <c r="AE118317" i="1"/>
  <c r="AE118318" i="1"/>
  <c r="AE118319" i="1"/>
  <c r="AE118320" i="1"/>
  <c r="AE118321" i="1"/>
  <c r="AE118322" i="1"/>
  <c r="AE118323" i="1"/>
  <c r="AE118324" i="1"/>
  <c r="AE118325" i="1"/>
  <c r="AE118326" i="1"/>
  <c r="AE118327" i="1"/>
  <c r="AE118328" i="1"/>
  <c r="AE118329" i="1"/>
  <c r="AE118330" i="1"/>
  <c r="AE118331" i="1"/>
  <c r="AE118332" i="1"/>
  <c r="AE118333" i="1"/>
  <c r="AE118334" i="1"/>
  <c r="AE118335" i="1"/>
  <c r="AE118336" i="1"/>
  <c r="AE118337" i="1"/>
  <c r="AE118338" i="1"/>
  <c r="AE118339" i="1"/>
  <c r="AE118340" i="1"/>
  <c r="AE118341" i="1"/>
  <c r="AE118342" i="1"/>
  <c r="AE118343" i="1"/>
  <c r="AE118344" i="1"/>
  <c r="AE118345" i="1"/>
  <c r="AE118346" i="1"/>
  <c r="AE118347" i="1"/>
  <c r="AE118348" i="1"/>
  <c r="AE118349" i="1"/>
  <c r="AE118350" i="1"/>
  <c r="AE118351" i="1"/>
  <c r="AE118352" i="1"/>
  <c r="AE118353" i="1"/>
  <c r="AE118354" i="1"/>
  <c r="AE118355" i="1"/>
  <c r="AE118356" i="1"/>
  <c r="AE118357" i="1"/>
  <c r="AE118358" i="1"/>
  <c r="AE118359" i="1"/>
  <c r="AE118360" i="1"/>
  <c r="AE118361" i="1"/>
  <c r="AE118362" i="1"/>
  <c r="AE118363" i="1"/>
  <c r="AE118364" i="1"/>
  <c r="AE118365" i="1"/>
  <c r="AE118366" i="1"/>
  <c r="AE118367" i="1"/>
  <c r="AE118368" i="1"/>
  <c r="AE118369" i="1"/>
  <c r="AE118370" i="1"/>
  <c r="AE118371" i="1"/>
  <c r="AE118372" i="1"/>
  <c r="AE118373" i="1"/>
  <c r="AE118374" i="1"/>
  <c r="AE118375" i="1"/>
  <c r="AE118376" i="1"/>
  <c r="AE118377" i="1"/>
  <c r="AE118378" i="1"/>
  <c r="AE118379" i="1"/>
  <c r="AE118380" i="1"/>
  <c r="AE118381" i="1"/>
  <c r="AE118382" i="1"/>
  <c r="AE118383" i="1"/>
  <c r="AE118384" i="1"/>
  <c r="AE118385" i="1"/>
  <c r="AE118386" i="1"/>
  <c r="AE118387" i="1"/>
  <c r="AE118388" i="1"/>
  <c r="AE118389" i="1"/>
  <c r="AE118390" i="1"/>
  <c r="AE118391" i="1"/>
  <c r="AE118392" i="1"/>
  <c r="AE118393" i="1"/>
  <c r="AE118394" i="1"/>
  <c r="AE118395" i="1"/>
  <c r="AE118396" i="1"/>
  <c r="AE118397" i="1"/>
  <c r="AE118398" i="1"/>
  <c r="AE118399" i="1"/>
  <c r="AE118400" i="1"/>
  <c r="AE118401" i="1"/>
  <c r="AE118402" i="1"/>
  <c r="AE118403" i="1"/>
  <c r="AE118404" i="1"/>
  <c r="AE118405" i="1"/>
  <c r="AE118406" i="1"/>
  <c r="AE118407" i="1"/>
  <c r="AE118408" i="1"/>
  <c r="AE118409" i="1"/>
  <c r="AE118410" i="1"/>
  <c r="AE118411" i="1"/>
  <c r="AE118412" i="1"/>
  <c r="AE118413" i="1"/>
  <c r="AE118414" i="1"/>
  <c r="AE118415" i="1"/>
  <c r="AE118416" i="1"/>
  <c r="AE118417" i="1"/>
  <c r="AE118418" i="1"/>
  <c r="AE118419" i="1"/>
  <c r="AE118420" i="1"/>
  <c r="AE118421" i="1"/>
  <c r="AE118422" i="1"/>
  <c r="AE118423" i="1"/>
  <c r="AE118424" i="1"/>
  <c r="AE118425" i="1"/>
  <c r="AE118426" i="1"/>
  <c r="AE118427" i="1"/>
  <c r="AE118428" i="1"/>
  <c r="AE118429" i="1"/>
  <c r="AE118430" i="1"/>
  <c r="AE118431" i="1"/>
  <c r="AE118432" i="1"/>
  <c r="AE118433" i="1"/>
  <c r="AE118434" i="1"/>
  <c r="AE118435" i="1"/>
  <c r="AE118436" i="1"/>
  <c r="AE118437" i="1"/>
  <c r="AE118438" i="1"/>
  <c r="AE118439" i="1"/>
  <c r="AE118440" i="1"/>
  <c r="AE118441" i="1"/>
  <c r="AE118442" i="1"/>
  <c r="AE118443" i="1"/>
  <c r="AE118444" i="1"/>
  <c r="AE118445" i="1"/>
  <c r="AE118446" i="1"/>
  <c r="AE118447" i="1"/>
  <c r="AE118448" i="1"/>
  <c r="AE118449" i="1"/>
  <c r="AE118450" i="1"/>
  <c r="AE118451" i="1"/>
  <c r="AE118452" i="1"/>
  <c r="AE118453" i="1"/>
  <c r="AE118454" i="1"/>
  <c r="AE118455" i="1"/>
  <c r="AE118456" i="1"/>
  <c r="AE118457" i="1"/>
  <c r="AE118458" i="1"/>
  <c r="AE118459" i="1"/>
  <c r="AE118460" i="1"/>
  <c r="AE118461" i="1"/>
  <c r="AE118462" i="1"/>
  <c r="AE118463" i="1"/>
  <c r="AE118464" i="1"/>
  <c r="AE118465" i="1"/>
  <c r="AE118466" i="1"/>
  <c r="AE118467" i="1"/>
  <c r="AE118468" i="1"/>
  <c r="AE118469" i="1"/>
  <c r="AE118470" i="1"/>
  <c r="AE118471" i="1"/>
  <c r="AE118472" i="1"/>
  <c r="AE118473" i="1"/>
  <c r="AE118474" i="1"/>
  <c r="AE118475" i="1"/>
  <c r="AE118476" i="1"/>
  <c r="AE118477" i="1"/>
  <c r="AE118478" i="1"/>
  <c r="AE118479" i="1"/>
  <c r="AE118480" i="1"/>
  <c r="AE118481" i="1"/>
  <c r="AE118482" i="1"/>
  <c r="AE118483" i="1"/>
  <c r="AE118484" i="1"/>
  <c r="AE118485" i="1"/>
  <c r="AE118486" i="1"/>
  <c r="AE118487" i="1"/>
  <c r="AE118488" i="1"/>
  <c r="AE118489" i="1"/>
  <c r="AE118490" i="1"/>
  <c r="AE118491" i="1"/>
  <c r="AE118492" i="1"/>
  <c r="AE118493" i="1"/>
  <c r="AE118494" i="1"/>
  <c r="AE118495" i="1"/>
  <c r="AE118496" i="1"/>
  <c r="AE118497" i="1"/>
  <c r="AE118498" i="1"/>
  <c r="AE118499" i="1"/>
  <c r="AE118500" i="1"/>
  <c r="AE118501" i="1"/>
  <c r="AE118502" i="1"/>
  <c r="AE118503" i="1"/>
  <c r="AE118504" i="1"/>
  <c r="AE118505" i="1"/>
  <c r="AE118506" i="1"/>
  <c r="AE118507" i="1"/>
  <c r="AE118508" i="1"/>
  <c r="AE118509" i="1"/>
  <c r="AE118510" i="1"/>
  <c r="AE118511" i="1"/>
  <c r="AE118512" i="1"/>
  <c r="AE118513" i="1"/>
  <c r="AE118514" i="1"/>
  <c r="AE118515" i="1"/>
  <c r="AE118516" i="1"/>
  <c r="AE118517" i="1"/>
  <c r="AE118518" i="1"/>
  <c r="AE118519" i="1"/>
  <c r="AE118520" i="1"/>
  <c r="AE118521" i="1"/>
  <c r="AE118522" i="1"/>
  <c r="AE118523" i="1"/>
  <c r="AE118524" i="1"/>
  <c r="AE118525" i="1"/>
  <c r="AE118526" i="1"/>
  <c r="AE118527" i="1"/>
  <c r="AE118528" i="1"/>
  <c r="AE118529" i="1"/>
  <c r="AE118530" i="1"/>
  <c r="AE118531" i="1"/>
  <c r="AE118532" i="1"/>
  <c r="AE118533" i="1"/>
  <c r="AE118534" i="1"/>
  <c r="AE118535" i="1"/>
  <c r="AE118536" i="1"/>
  <c r="AE118537" i="1"/>
  <c r="AE118538" i="1"/>
  <c r="AE118539" i="1"/>
  <c r="AE118540" i="1"/>
  <c r="AE118541" i="1"/>
  <c r="AE118542" i="1"/>
  <c r="AE118543" i="1"/>
  <c r="AE118544" i="1"/>
  <c r="AE118545" i="1"/>
  <c r="AE118546" i="1"/>
  <c r="AE118547" i="1"/>
  <c r="AE118548" i="1"/>
  <c r="AE118549" i="1"/>
  <c r="AE118550" i="1"/>
  <c r="AE118551" i="1"/>
  <c r="AE118552" i="1"/>
  <c r="AE118553" i="1"/>
  <c r="AE118554" i="1"/>
  <c r="AE118555" i="1"/>
  <c r="AE118556" i="1"/>
  <c r="AE118557" i="1"/>
  <c r="AE118558" i="1"/>
  <c r="AE118559" i="1"/>
  <c r="AE118560" i="1"/>
  <c r="AE118561" i="1"/>
  <c r="AE118562" i="1"/>
  <c r="AE118563" i="1"/>
  <c r="AE118564" i="1"/>
  <c r="AE118565" i="1"/>
  <c r="AE118566" i="1"/>
  <c r="AE118567" i="1"/>
  <c r="AE118568" i="1"/>
  <c r="AE118569" i="1"/>
  <c r="AE118570" i="1"/>
  <c r="AE118571" i="1"/>
  <c r="AE118572" i="1"/>
  <c r="AE118573" i="1"/>
  <c r="AE118574" i="1"/>
  <c r="AE118575" i="1"/>
  <c r="AE118576" i="1"/>
  <c r="AE118577" i="1"/>
  <c r="AE118578" i="1"/>
  <c r="AE118579" i="1"/>
  <c r="AE118580" i="1"/>
  <c r="AE118581" i="1"/>
  <c r="AE118582" i="1"/>
  <c r="AE118583" i="1"/>
  <c r="AE118584" i="1"/>
  <c r="AE118585" i="1"/>
  <c r="AE118586" i="1"/>
  <c r="AE118587" i="1"/>
  <c r="AE118588" i="1"/>
  <c r="AE118589" i="1"/>
  <c r="AE118590" i="1"/>
  <c r="AE118591" i="1"/>
  <c r="AE118592" i="1"/>
  <c r="AE118593" i="1"/>
  <c r="AE118594" i="1"/>
  <c r="AE118595" i="1"/>
  <c r="AE118596" i="1"/>
  <c r="AE118597" i="1"/>
  <c r="AE118598" i="1"/>
  <c r="AE118599" i="1"/>
  <c r="AE118600" i="1"/>
  <c r="AE118601" i="1"/>
  <c r="AE118602" i="1"/>
  <c r="AE118603" i="1"/>
  <c r="AE118604" i="1"/>
  <c r="AE118605" i="1"/>
  <c r="AE118606" i="1"/>
  <c r="AE118607" i="1"/>
  <c r="AE118608" i="1"/>
  <c r="AE118609" i="1"/>
  <c r="AE118610" i="1"/>
  <c r="AE118611" i="1"/>
  <c r="AE118612" i="1"/>
  <c r="AE118613" i="1"/>
  <c r="AE118614" i="1"/>
  <c r="AE118615" i="1"/>
  <c r="AE118616" i="1"/>
  <c r="AE118617" i="1"/>
  <c r="AE118618" i="1"/>
  <c r="AE118619" i="1"/>
  <c r="AE118620" i="1"/>
  <c r="AE118621" i="1"/>
  <c r="AE118622" i="1"/>
  <c r="AE118623" i="1"/>
  <c r="AE118624" i="1"/>
  <c r="AE118625" i="1"/>
  <c r="AE118626" i="1"/>
  <c r="AE118627" i="1"/>
  <c r="AE118628" i="1"/>
  <c r="AE118629" i="1"/>
  <c r="AE118630" i="1"/>
  <c r="AE118631" i="1"/>
  <c r="AE118632" i="1"/>
  <c r="AE118633" i="1"/>
  <c r="AE118634" i="1"/>
  <c r="AE118635" i="1"/>
  <c r="AE118636" i="1"/>
  <c r="AE118637" i="1"/>
  <c r="AE118638" i="1"/>
  <c r="AE118639" i="1"/>
  <c r="AE118640" i="1"/>
  <c r="AE118641" i="1"/>
  <c r="AE118642" i="1"/>
  <c r="AE118643" i="1"/>
  <c r="AE118644" i="1"/>
  <c r="AE118645" i="1"/>
  <c r="AE118646" i="1"/>
  <c r="AE118647" i="1"/>
  <c r="AE118648" i="1"/>
  <c r="AE118649" i="1"/>
  <c r="AE118650" i="1"/>
  <c r="AE118651" i="1"/>
  <c r="AE118652" i="1"/>
  <c r="AE118653" i="1"/>
  <c r="AE118654" i="1"/>
  <c r="AE118655" i="1"/>
  <c r="AE118656" i="1"/>
  <c r="AE118657" i="1"/>
  <c r="AE118658" i="1"/>
  <c r="AE118659" i="1"/>
  <c r="AE118660" i="1"/>
  <c r="AE118661" i="1"/>
  <c r="AE118662" i="1"/>
  <c r="AE118663" i="1"/>
  <c r="AE118664" i="1"/>
  <c r="AE118665" i="1"/>
  <c r="AE118666" i="1"/>
  <c r="AE118667" i="1"/>
  <c r="AE118668" i="1"/>
  <c r="AE118669" i="1"/>
  <c r="AE118670" i="1"/>
  <c r="AE118671" i="1"/>
  <c r="AE118672" i="1"/>
  <c r="AE118673" i="1"/>
  <c r="AE118674" i="1"/>
  <c r="AE118675" i="1"/>
  <c r="AE118676" i="1"/>
  <c r="AE118677" i="1"/>
  <c r="AE118678" i="1"/>
  <c r="AE118679" i="1"/>
  <c r="AE118680" i="1"/>
  <c r="AE118681" i="1"/>
  <c r="AE118682" i="1"/>
  <c r="AE118683" i="1"/>
  <c r="AE118684" i="1"/>
  <c r="AE118685" i="1"/>
  <c r="AE118686" i="1"/>
  <c r="AE118687" i="1"/>
  <c r="AE118688" i="1"/>
  <c r="AE118689" i="1"/>
  <c r="AE118690" i="1"/>
  <c r="AE118691" i="1"/>
  <c r="AE118692" i="1"/>
  <c r="AE118693" i="1"/>
  <c r="AE118694" i="1"/>
  <c r="AE118695" i="1"/>
  <c r="AE118696" i="1"/>
  <c r="AE118697" i="1"/>
  <c r="AE118698" i="1"/>
  <c r="AE118699" i="1"/>
  <c r="AE118700" i="1"/>
  <c r="AE118701" i="1"/>
  <c r="AE118702" i="1"/>
  <c r="AE118703" i="1"/>
  <c r="AE118704" i="1"/>
  <c r="AE118705" i="1"/>
  <c r="AE118706" i="1"/>
  <c r="AE118707" i="1"/>
  <c r="AE118708" i="1"/>
  <c r="AE118709" i="1"/>
  <c r="AE118710" i="1"/>
  <c r="AE118711" i="1"/>
  <c r="AE118712" i="1"/>
  <c r="AE118713" i="1"/>
  <c r="AE118714" i="1"/>
  <c r="AE118715" i="1"/>
  <c r="AE118716" i="1"/>
  <c r="AE118717" i="1"/>
  <c r="AE118718" i="1"/>
  <c r="AE118719" i="1"/>
  <c r="AE118720" i="1"/>
  <c r="AE118721" i="1"/>
  <c r="AE118722" i="1"/>
  <c r="AE118723" i="1"/>
  <c r="AE118724" i="1"/>
  <c r="AE118725" i="1"/>
  <c r="AE118726" i="1"/>
  <c r="AE118727" i="1"/>
  <c r="AE118728" i="1"/>
  <c r="AE118729" i="1"/>
  <c r="AE118730" i="1"/>
  <c r="AE118731" i="1"/>
  <c r="AE118732" i="1"/>
  <c r="AE118733" i="1"/>
  <c r="AE118734" i="1"/>
  <c r="AE118735" i="1"/>
  <c r="AE118736" i="1"/>
  <c r="AE118737" i="1"/>
  <c r="AE118738" i="1"/>
  <c r="AE118739" i="1"/>
  <c r="AE118740" i="1"/>
  <c r="AE118741" i="1"/>
  <c r="AE118742" i="1"/>
  <c r="AE118743" i="1"/>
  <c r="AE118744" i="1"/>
  <c r="AE118745" i="1"/>
  <c r="AE118746" i="1"/>
  <c r="AE118747" i="1"/>
  <c r="AE118748" i="1"/>
  <c r="AE118749" i="1"/>
  <c r="AE118750" i="1"/>
  <c r="AE118751" i="1"/>
  <c r="AE118752" i="1"/>
  <c r="AE118753" i="1"/>
  <c r="AE118754" i="1"/>
  <c r="AE118755" i="1"/>
  <c r="AE118756" i="1"/>
  <c r="AE118757" i="1"/>
  <c r="AE118758" i="1"/>
  <c r="AE118759" i="1"/>
  <c r="AE118760" i="1"/>
  <c r="AE118761" i="1"/>
  <c r="AE118762" i="1"/>
  <c r="AE118763" i="1"/>
  <c r="AE118764" i="1"/>
  <c r="AE118765" i="1"/>
  <c r="AE118766" i="1"/>
  <c r="AE118767" i="1"/>
  <c r="AE118768" i="1"/>
  <c r="AE118769" i="1"/>
  <c r="AE118770" i="1"/>
  <c r="AE118771" i="1"/>
  <c r="AE118772" i="1"/>
  <c r="AE118773" i="1"/>
  <c r="AE118774" i="1"/>
  <c r="AE118775" i="1"/>
  <c r="AE118776" i="1"/>
  <c r="AE118777" i="1"/>
  <c r="AE118778" i="1"/>
  <c r="AE118779" i="1"/>
  <c r="AE118780" i="1"/>
  <c r="AE118781" i="1"/>
  <c r="AE118782" i="1"/>
  <c r="AE118783" i="1"/>
  <c r="AE118784" i="1"/>
  <c r="AE118785" i="1"/>
  <c r="AE118786" i="1"/>
  <c r="AE118787" i="1"/>
  <c r="AE118788" i="1"/>
  <c r="AE118789" i="1"/>
  <c r="AE118790" i="1"/>
  <c r="AE118791" i="1"/>
  <c r="AE118792" i="1"/>
  <c r="AE118793" i="1"/>
  <c r="AE118794" i="1"/>
  <c r="AE118795" i="1"/>
  <c r="AE118796" i="1"/>
  <c r="AE118797" i="1"/>
  <c r="AE118798" i="1"/>
  <c r="AE118799" i="1"/>
  <c r="AE118800" i="1"/>
  <c r="AE118801" i="1"/>
  <c r="AE118802" i="1"/>
  <c r="AE118803" i="1"/>
  <c r="AE118804" i="1"/>
  <c r="AE118805" i="1"/>
  <c r="AE118806" i="1"/>
  <c r="AE118807" i="1"/>
  <c r="AE118808" i="1"/>
  <c r="AE118809" i="1"/>
  <c r="AE118810" i="1"/>
  <c r="AE118811" i="1"/>
  <c r="AE118812" i="1"/>
  <c r="AE118813" i="1"/>
  <c r="AE118814" i="1"/>
  <c r="AE118815" i="1"/>
  <c r="AE118816" i="1"/>
  <c r="AE118817" i="1"/>
  <c r="AE118818" i="1"/>
  <c r="AE118819" i="1"/>
  <c r="AE118820" i="1"/>
  <c r="AE118821" i="1"/>
  <c r="AE118822" i="1"/>
  <c r="AE118823" i="1"/>
  <c r="AE118824" i="1"/>
  <c r="AE118825" i="1"/>
  <c r="AE118826" i="1"/>
  <c r="AE118827" i="1"/>
  <c r="AE118828" i="1"/>
  <c r="AE118829" i="1"/>
  <c r="AE118830" i="1"/>
  <c r="AE118831" i="1"/>
  <c r="AE118832" i="1"/>
  <c r="AE118833" i="1"/>
  <c r="AE118834" i="1"/>
  <c r="AE118835" i="1"/>
  <c r="AE118836" i="1"/>
  <c r="AE118837" i="1"/>
  <c r="AE118838" i="1"/>
  <c r="AE118839" i="1"/>
  <c r="AE118840" i="1"/>
  <c r="AE118841" i="1"/>
  <c r="AE118842" i="1"/>
  <c r="AE118843" i="1"/>
  <c r="AE118844" i="1"/>
  <c r="AE118845" i="1"/>
  <c r="AE118846" i="1"/>
  <c r="AE118847" i="1"/>
  <c r="AE118848" i="1"/>
  <c r="AE118849" i="1"/>
  <c r="AE118850" i="1"/>
  <c r="AE118851" i="1"/>
  <c r="AE118852" i="1"/>
  <c r="AE118853" i="1"/>
  <c r="AE118854" i="1"/>
  <c r="AE118855" i="1"/>
  <c r="AE118856" i="1"/>
  <c r="AE118857" i="1"/>
  <c r="AE118858" i="1"/>
  <c r="AE118859" i="1"/>
  <c r="AE118860" i="1"/>
  <c r="AE118861" i="1"/>
  <c r="AE118862" i="1"/>
  <c r="AE118863" i="1"/>
  <c r="AE118864" i="1"/>
  <c r="AE118865" i="1"/>
  <c r="AE118866" i="1"/>
  <c r="AE118867" i="1"/>
  <c r="AE118868" i="1"/>
  <c r="AE118869" i="1"/>
  <c r="AE118870" i="1"/>
  <c r="AE118871" i="1"/>
  <c r="AE118872" i="1"/>
  <c r="AE118873" i="1"/>
  <c r="AE118874" i="1"/>
  <c r="AE118875" i="1"/>
  <c r="AE118876" i="1"/>
  <c r="AE118877" i="1"/>
  <c r="AE118878" i="1"/>
  <c r="AE118879" i="1"/>
  <c r="AE118880" i="1"/>
  <c r="AE118881" i="1"/>
  <c r="AE118882" i="1"/>
  <c r="AE118883" i="1"/>
  <c r="AE118884" i="1"/>
  <c r="AE118885" i="1"/>
  <c r="AE118886" i="1"/>
  <c r="AE118887" i="1"/>
  <c r="AE118888" i="1"/>
  <c r="AE118889" i="1"/>
  <c r="AE118890" i="1"/>
  <c r="AE118891" i="1"/>
  <c r="AE118892" i="1"/>
  <c r="AE118893" i="1"/>
  <c r="AE118894" i="1"/>
  <c r="AE118895" i="1"/>
  <c r="AE118896" i="1"/>
  <c r="AE118897" i="1"/>
  <c r="AE118898" i="1"/>
  <c r="AE118899" i="1"/>
  <c r="AE118900" i="1"/>
  <c r="AE118901" i="1"/>
  <c r="AE118902" i="1"/>
  <c r="AE118903" i="1"/>
  <c r="AE118904" i="1"/>
  <c r="AE118905" i="1"/>
  <c r="AE118906" i="1"/>
  <c r="AE118907" i="1"/>
  <c r="AE118908" i="1"/>
  <c r="AE118909" i="1"/>
  <c r="AE118910" i="1"/>
  <c r="AE118911" i="1"/>
  <c r="AE118912" i="1"/>
  <c r="AE118913" i="1"/>
  <c r="AE118914" i="1"/>
  <c r="AE118915" i="1"/>
  <c r="AE118916" i="1"/>
  <c r="AE118917" i="1"/>
  <c r="AE118918" i="1"/>
  <c r="AE118919" i="1"/>
  <c r="AE118920" i="1"/>
  <c r="AE118921" i="1"/>
  <c r="AE118922" i="1"/>
  <c r="AE118923" i="1"/>
  <c r="AE118924" i="1"/>
  <c r="AE118925" i="1"/>
  <c r="AE118926" i="1"/>
  <c r="AE118927" i="1"/>
  <c r="AE118928" i="1"/>
  <c r="AE118929" i="1"/>
  <c r="AE118930" i="1"/>
  <c r="AE118931" i="1"/>
  <c r="AE118932" i="1"/>
  <c r="AE118933" i="1"/>
  <c r="AE118934" i="1"/>
  <c r="AE118935" i="1"/>
  <c r="AE118936" i="1"/>
  <c r="AE118937" i="1"/>
  <c r="AE118938" i="1"/>
  <c r="AE118939" i="1"/>
  <c r="AE118940" i="1"/>
  <c r="AE118941" i="1"/>
  <c r="AE118942" i="1"/>
  <c r="AE118943" i="1"/>
  <c r="AE118944" i="1"/>
  <c r="AE118945" i="1"/>
  <c r="AE118946" i="1"/>
  <c r="AE118947" i="1"/>
  <c r="AE118948" i="1"/>
  <c r="AE118949" i="1"/>
  <c r="AE118950" i="1"/>
  <c r="AE118951" i="1"/>
  <c r="AE118952" i="1"/>
  <c r="AE118953" i="1"/>
  <c r="AE118954" i="1"/>
  <c r="AE118955" i="1"/>
  <c r="AE118956" i="1"/>
  <c r="AE118957" i="1"/>
  <c r="AE118958" i="1"/>
  <c r="AE118959" i="1"/>
  <c r="AE118960" i="1"/>
  <c r="AE118961" i="1"/>
  <c r="AE118962" i="1"/>
  <c r="AE118963" i="1"/>
  <c r="AE118964" i="1"/>
  <c r="AE118965" i="1"/>
  <c r="AE118966" i="1"/>
  <c r="AE118967" i="1"/>
  <c r="AE118968" i="1"/>
  <c r="AE118969" i="1"/>
  <c r="AE118970" i="1"/>
  <c r="AE118971" i="1"/>
  <c r="AE118972" i="1"/>
  <c r="AE118973" i="1"/>
  <c r="AE118974" i="1"/>
  <c r="AE118975" i="1"/>
  <c r="AE118976" i="1"/>
  <c r="AE118977" i="1"/>
  <c r="AE118978" i="1"/>
  <c r="AE118979" i="1"/>
  <c r="AE118980" i="1"/>
  <c r="AE118981" i="1"/>
  <c r="AE118982" i="1"/>
  <c r="AE118983" i="1"/>
  <c r="AE118984" i="1"/>
  <c r="AE118985" i="1"/>
  <c r="AE118986" i="1"/>
  <c r="AE118987" i="1"/>
  <c r="AE118988" i="1"/>
  <c r="AE118989" i="1"/>
  <c r="AE118990" i="1"/>
  <c r="AE118991" i="1"/>
  <c r="AE118992" i="1"/>
  <c r="AE118993" i="1"/>
  <c r="AE118994" i="1"/>
  <c r="AE118995" i="1"/>
  <c r="AE118996" i="1"/>
  <c r="AE118997" i="1"/>
  <c r="AE118998" i="1"/>
  <c r="AE118999" i="1"/>
  <c r="AE119000" i="1"/>
  <c r="AE119001" i="1"/>
  <c r="AE119002" i="1"/>
  <c r="AE119003" i="1"/>
  <c r="AE119004" i="1"/>
  <c r="AE119005" i="1"/>
  <c r="AE119006" i="1"/>
  <c r="AE119007" i="1"/>
  <c r="AE119008" i="1"/>
  <c r="AE119009" i="1"/>
  <c r="AE119010" i="1"/>
  <c r="AE119011" i="1"/>
  <c r="AE119012" i="1"/>
  <c r="AE119013" i="1"/>
  <c r="AE119014" i="1"/>
  <c r="AE119015" i="1"/>
  <c r="AE119016" i="1"/>
  <c r="AE119017" i="1"/>
  <c r="AE119018" i="1"/>
  <c r="AE119019" i="1"/>
  <c r="AE119020" i="1"/>
  <c r="AE119021" i="1"/>
  <c r="AE119022" i="1"/>
  <c r="AE119023" i="1"/>
  <c r="AE119024" i="1"/>
  <c r="AE119025" i="1"/>
  <c r="AE119026" i="1"/>
  <c r="AE119027" i="1"/>
  <c r="AE119028" i="1"/>
  <c r="AE119029" i="1"/>
  <c r="AE119030" i="1"/>
  <c r="AE119031" i="1"/>
  <c r="AE119032" i="1"/>
  <c r="AE119033" i="1"/>
  <c r="AE119034" i="1"/>
  <c r="AE119035" i="1"/>
  <c r="AE119036" i="1"/>
  <c r="AE119037" i="1"/>
  <c r="AE119038" i="1"/>
  <c r="AE119039" i="1"/>
  <c r="AE119040" i="1"/>
  <c r="AE119041" i="1"/>
  <c r="AE119042" i="1"/>
  <c r="AE119043" i="1"/>
  <c r="AE119044" i="1"/>
  <c r="AE119045" i="1"/>
  <c r="AE119046" i="1"/>
  <c r="AE119047" i="1"/>
  <c r="AE119048" i="1"/>
  <c r="AE119049" i="1"/>
  <c r="AE119050" i="1"/>
  <c r="AE119051" i="1"/>
  <c r="AE119052" i="1"/>
  <c r="AE119053" i="1"/>
  <c r="AE119054" i="1"/>
  <c r="AE119055" i="1"/>
  <c r="AE119056" i="1"/>
  <c r="AE119057" i="1"/>
  <c r="AE119058" i="1"/>
  <c r="AE119059" i="1"/>
  <c r="AE119060" i="1"/>
  <c r="AE119061" i="1"/>
  <c r="AE119062" i="1"/>
  <c r="AE119063" i="1"/>
  <c r="AE119064" i="1"/>
  <c r="AE119065" i="1"/>
  <c r="AE119066" i="1"/>
  <c r="AE119067" i="1"/>
  <c r="AE119068" i="1"/>
  <c r="AE119069" i="1"/>
  <c r="AE119070" i="1"/>
  <c r="AE119071" i="1"/>
  <c r="AE119072" i="1"/>
  <c r="AE119073" i="1"/>
  <c r="AE119074" i="1"/>
  <c r="AE119075" i="1"/>
  <c r="AE119076" i="1"/>
  <c r="AE119077" i="1"/>
  <c r="AE119078" i="1"/>
  <c r="AE119079" i="1"/>
  <c r="AE119080" i="1"/>
  <c r="AE119081" i="1"/>
  <c r="AE119082" i="1"/>
  <c r="AE119083" i="1"/>
  <c r="AE119084" i="1"/>
  <c r="AE119085" i="1"/>
  <c r="AE119086" i="1"/>
  <c r="AE119087" i="1"/>
  <c r="AE119088" i="1"/>
  <c r="AE119089" i="1"/>
  <c r="AE119090" i="1"/>
  <c r="AE119091" i="1"/>
  <c r="AE119092" i="1"/>
  <c r="AE119093" i="1"/>
  <c r="AE119094" i="1"/>
  <c r="AE119095" i="1"/>
  <c r="AE119096" i="1"/>
  <c r="AE119097" i="1"/>
  <c r="AE119098" i="1"/>
  <c r="AE119099" i="1"/>
  <c r="AE119100" i="1"/>
  <c r="AE119101" i="1"/>
  <c r="AE119102" i="1"/>
  <c r="AE119103" i="1"/>
  <c r="AE119104" i="1"/>
  <c r="AE119105" i="1"/>
  <c r="AE119106" i="1"/>
  <c r="AE119107" i="1"/>
  <c r="AE119108" i="1"/>
  <c r="AE119109" i="1"/>
  <c r="AE119110" i="1"/>
  <c r="AE119111" i="1"/>
  <c r="AE119112" i="1"/>
  <c r="AE119113" i="1"/>
  <c r="AE119114" i="1"/>
  <c r="AE119115" i="1"/>
  <c r="AE119116" i="1"/>
  <c r="AE119117" i="1"/>
  <c r="AE119118" i="1"/>
  <c r="AE119119" i="1"/>
  <c r="AE119120" i="1"/>
  <c r="AE119121" i="1"/>
  <c r="AE119122" i="1"/>
  <c r="AE119123" i="1"/>
  <c r="AE119124" i="1"/>
  <c r="AE119125" i="1"/>
  <c r="AE119126" i="1"/>
  <c r="AE119127" i="1"/>
  <c r="AE119128" i="1"/>
  <c r="AE119129" i="1"/>
  <c r="AE119130" i="1"/>
  <c r="AE119131" i="1"/>
  <c r="AE119132" i="1"/>
  <c r="AE119133" i="1"/>
  <c r="AE119134" i="1"/>
  <c r="AE119135" i="1"/>
  <c r="AE119136" i="1"/>
  <c r="AE119137" i="1"/>
  <c r="AE119138" i="1"/>
  <c r="AE119139" i="1"/>
  <c r="AE119140" i="1"/>
  <c r="AE119141" i="1"/>
  <c r="AE119142" i="1"/>
  <c r="AE119143" i="1"/>
  <c r="AE119144" i="1"/>
  <c r="AE119145" i="1"/>
  <c r="AE119146" i="1"/>
  <c r="AE119147" i="1"/>
  <c r="AE119148" i="1"/>
  <c r="AE119149" i="1"/>
  <c r="AE119150" i="1"/>
  <c r="AE119151" i="1"/>
  <c r="AE119152" i="1"/>
  <c r="AE119153" i="1"/>
  <c r="AE119154" i="1"/>
  <c r="AE119155" i="1"/>
  <c r="AE119156" i="1"/>
  <c r="AE119157" i="1"/>
  <c r="AE119158" i="1"/>
  <c r="AE119159" i="1"/>
  <c r="AE119160" i="1"/>
  <c r="AE119161" i="1"/>
  <c r="AE119162" i="1"/>
  <c r="AE119163" i="1"/>
  <c r="AE119164" i="1"/>
  <c r="AE119165" i="1"/>
  <c r="AE119166" i="1"/>
  <c r="AE119167" i="1"/>
  <c r="AE119168" i="1"/>
  <c r="AE119169" i="1"/>
  <c r="AE119170" i="1"/>
  <c r="AE119171" i="1"/>
  <c r="AE119172" i="1"/>
  <c r="AE119173" i="1"/>
  <c r="AE119174" i="1"/>
  <c r="AE119175" i="1"/>
  <c r="AE119176" i="1"/>
  <c r="AE119177" i="1"/>
  <c r="AE119178" i="1"/>
  <c r="AE119179" i="1"/>
  <c r="AE119180" i="1"/>
  <c r="AE119181" i="1"/>
  <c r="AE119182" i="1"/>
  <c r="AE119183" i="1"/>
  <c r="AE119184" i="1"/>
  <c r="AE119185" i="1"/>
  <c r="AE119186" i="1"/>
  <c r="AE119187" i="1"/>
  <c r="AE119188" i="1"/>
  <c r="AE119189" i="1"/>
  <c r="AE119190" i="1"/>
  <c r="AE119191" i="1"/>
  <c r="AE119192" i="1"/>
  <c r="AE119193" i="1"/>
  <c r="AE119194" i="1"/>
  <c r="AE119195" i="1"/>
  <c r="AE119196" i="1"/>
  <c r="AE119197" i="1"/>
  <c r="AE119198" i="1"/>
  <c r="AE119199" i="1"/>
  <c r="AE119200" i="1"/>
  <c r="AE119201" i="1"/>
  <c r="AE119202" i="1"/>
  <c r="AE119203" i="1"/>
  <c r="AE119204" i="1"/>
  <c r="AE119205" i="1"/>
  <c r="AE119206" i="1"/>
  <c r="AE119207" i="1"/>
  <c r="AE119208" i="1"/>
  <c r="AE119209" i="1"/>
  <c r="AE119210" i="1"/>
  <c r="AE119211" i="1"/>
  <c r="AE119212" i="1"/>
  <c r="AE119213" i="1"/>
  <c r="AE119214" i="1"/>
  <c r="AE119215" i="1"/>
  <c r="AE119216" i="1"/>
  <c r="AE119217" i="1"/>
  <c r="AE119218" i="1"/>
  <c r="AE119219" i="1"/>
  <c r="AE119220" i="1"/>
  <c r="AE119221" i="1"/>
  <c r="AE119222" i="1"/>
  <c r="AE119223" i="1"/>
  <c r="AE119224" i="1"/>
  <c r="AE119225" i="1"/>
  <c r="AE119226" i="1"/>
  <c r="AE119227" i="1"/>
  <c r="AE119228" i="1"/>
  <c r="AE119229" i="1"/>
  <c r="AE119230" i="1"/>
  <c r="AE119231" i="1"/>
  <c r="AE119232" i="1"/>
  <c r="AE119233" i="1"/>
  <c r="AE119234" i="1"/>
  <c r="AE119235" i="1"/>
  <c r="AE119236" i="1"/>
  <c r="AE119237" i="1"/>
  <c r="AE119238" i="1"/>
  <c r="AE119239" i="1"/>
  <c r="AE119240" i="1"/>
  <c r="AE119241" i="1"/>
  <c r="AE119242" i="1"/>
  <c r="AE119243" i="1"/>
  <c r="AE119244" i="1"/>
  <c r="AE119245" i="1"/>
  <c r="AE119246" i="1"/>
  <c r="AE119247" i="1"/>
  <c r="AE119248" i="1"/>
  <c r="AE119249" i="1"/>
  <c r="AE119250" i="1"/>
  <c r="AE119251" i="1"/>
  <c r="AE119252" i="1"/>
  <c r="AE119253" i="1"/>
  <c r="AE119254" i="1"/>
  <c r="AE119255" i="1"/>
  <c r="AE119256" i="1"/>
  <c r="AE119257" i="1"/>
  <c r="AE119258" i="1"/>
  <c r="AE119259" i="1"/>
  <c r="AE119260" i="1"/>
  <c r="AE119261" i="1"/>
  <c r="AE119262" i="1"/>
  <c r="AE119263" i="1"/>
  <c r="AE119264" i="1"/>
  <c r="AE119265" i="1"/>
  <c r="AE119266" i="1"/>
  <c r="AE119267" i="1"/>
  <c r="AE119268" i="1"/>
  <c r="AE119269" i="1"/>
  <c r="AE119270" i="1"/>
  <c r="AE119271" i="1"/>
  <c r="AE119272" i="1"/>
  <c r="AE119273" i="1"/>
  <c r="AE119274" i="1"/>
  <c r="AE119275" i="1"/>
  <c r="AE119276" i="1"/>
  <c r="AE119277" i="1"/>
  <c r="AE119278" i="1"/>
  <c r="AE119279" i="1"/>
  <c r="AE119280" i="1"/>
  <c r="AE119281" i="1"/>
  <c r="AE119282" i="1"/>
  <c r="AE119283" i="1"/>
  <c r="AE119284" i="1"/>
  <c r="AE119285" i="1"/>
  <c r="AE119286" i="1"/>
  <c r="AE119287" i="1"/>
  <c r="AE119288" i="1"/>
  <c r="AE119289" i="1"/>
  <c r="AE119290" i="1"/>
  <c r="AE119291" i="1"/>
  <c r="AE119292" i="1"/>
  <c r="AE119293" i="1"/>
  <c r="AE119294" i="1"/>
  <c r="AE119295" i="1"/>
  <c r="AE119296" i="1"/>
  <c r="AE119297" i="1"/>
  <c r="AE119298" i="1"/>
  <c r="AE119299" i="1"/>
  <c r="AE119300" i="1"/>
  <c r="AE119301" i="1"/>
  <c r="AE119302" i="1"/>
  <c r="AE119303" i="1"/>
  <c r="AE119304" i="1"/>
  <c r="AE119305" i="1"/>
  <c r="AE119306" i="1"/>
  <c r="AE119307" i="1"/>
  <c r="AE119308" i="1"/>
  <c r="AE119309" i="1"/>
  <c r="AE119310" i="1"/>
  <c r="AE119311" i="1"/>
  <c r="AE119312" i="1"/>
  <c r="AE119313" i="1"/>
  <c r="AE119314" i="1"/>
  <c r="AE119315" i="1"/>
  <c r="AE119316" i="1"/>
  <c r="AE119317" i="1"/>
  <c r="AE119318" i="1"/>
  <c r="AE119319" i="1"/>
  <c r="AE119320" i="1"/>
  <c r="AE119321" i="1"/>
  <c r="AE119322" i="1"/>
  <c r="AE119323" i="1"/>
  <c r="AE119324" i="1"/>
  <c r="AE119325" i="1"/>
  <c r="AE119326" i="1"/>
  <c r="AE119327" i="1"/>
  <c r="AE119328" i="1"/>
  <c r="AE119329" i="1"/>
  <c r="AE119330" i="1"/>
  <c r="AE119331" i="1"/>
  <c r="AE119332" i="1"/>
  <c r="AE119333" i="1"/>
  <c r="AE119334" i="1"/>
  <c r="AE119335" i="1"/>
  <c r="AE119336" i="1"/>
  <c r="AE119337" i="1"/>
  <c r="AE119338" i="1"/>
  <c r="AE119339" i="1"/>
  <c r="AE119340" i="1"/>
  <c r="AE119341" i="1"/>
  <c r="AE119342" i="1"/>
  <c r="AE119343" i="1"/>
  <c r="AE119344" i="1"/>
  <c r="AE119345" i="1"/>
  <c r="AE119346" i="1"/>
  <c r="AE119347" i="1"/>
  <c r="AE119348" i="1"/>
  <c r="AE119349" i="1"/>
  <c r="AE119350" i="1"/>
  <c r="AE119351" i="1"/>
  <c r="AE119352" i="1"/>
  <c r="AE119353" i="1"/>
  <c r="AE119354" i="1"/>
  <c r="AE119355" i="1"/>
  <c r="AE119356" i="1"/>
  <c r="AE119357" i="1"/>
  <c r="AE119358" i="1"/>
  <c r="AE119359" i="1"/>
  <c r="AE119360" i="1"/>
  <c r="AE119361" i="1"/>
  <c r="AE119362" i="1"/>
  <c r="AE119363" i="1"/>
  <c r="AE119364" i="1"/>
  <c r="AE119365" i="1"/>
  <c r="AE119366" i="1"/>
  <c r="AE119367" i="1"/>
  <c r="AE119368" i="1"/>
  <c r="AE119369" i="1"/>
  <c r="AE119370" i="1"/>
  <c r="AE119371" i="1"/>
  <c r="AE119372" i="1"/>
  <c r="AE119373" i="1"/>
  <c r="AE119374" i="1"/>
  <c r="AE119375" i="1"/>
  <c r="AE119376" i="1"/>
  <c r="AE119377" i="1"/>
  <c r="AE119378" i="1"/>
  <c r="AE119379" i="1"/>
  <c r="AE119380" i="1"/>
  <c r="AE119381" i="1"/>
  <c r="AE119382" i="1"/>
  <c r="AE119383" i="1"/>
  <c r="AE119384" i="1"/>
  <c r="AE119385" i="1"/>
  <c r="AE119386" i="1"/>
  <c r="AE119387" i="1"/>
  <c r="AE119388" i="1"/>
  <c r="AE119389" i="1"/>
  <c r="AE119390" i="1"/>
  <c r="AE119391" i="1"/>
  <c r="AE119392" i="1"/>
  <c r="AE119393" i="1"/>
  <c r="AE119394" i="1"/>
  <c r="AE119395" i="1"/>
  <c r="AE119396" i="1"/>
  <c r="AE119397" i="1"/>
  <c r="AE119398" i="1"/>
  <c r="AE119399" i="1"/>
  <c r="AE119400" i="1"/>
  <c r="AE119401" i="1"/>
  <c r="AE119402" i="1"/>
  <c r="AE119403" i="1"/>
  <c r="AE119404" i="1"/>
  <c r="AE119405" i="1"/>
  <c r="AE119406" i="1"/>
  <c r="AE119407" i="1"/>
  <c r="AE119408" i="1"/>
  <c r="AE119409" i="1"/>
  <c r="AE119410" i="1"/>
  <c r="AE119411" i="1"/>
  <c r="AE119412" i="1"/>
  <c r="AE119413" i="1"/>
  <c r="AE119414" i="1"/>
  <c r="AE119415" i="1"/>
  <c r="AE119416" i="1"/>
  <c r="AE119417" i="1"/>
  <c r="AE119418" i="1"/>
  <c r="AE119419" i="1"/>
  <c r="AE119420" i="1"/>
  <c r="AE119421" i="1"/>
  <c r="AE119422" i="1"/>
  <c r="AE119423" i="1"/>
  <c r="AE119424" i="1"/>
  <c r="AE119425" i="1"/>
  <c r="AE119426" i="1"/>
  <c r="AE119427" i="1"/>
  <c r="AE119428" i="1"/>
  <c r="AE119429" i="1"/>
  <c r="AE119430" i="1"/>
  <c r="AE119431" i="1"/>
  <c r="AE119432" i="1"/>
  <c r="AE119433" i="1"/>
  <c r="AE119434" i="1"/>
  <c r="AE119435" i="1"/>
  <c r="AE119436" i="1"/>
  <c r="AE119437" i="1"/>
  <c r="AE119438" i="1"/>
  <c r="AE119439" i="1"/>
  <c r="AE119440" i="1"/>
  <c r="AE119441" i="1"/>
  <c r="AE119442" i="1"/>
  <c r="AE119443" i="1"/>
  <c r="AE119444" i="1"/>
  <c r="AE119445" i="1"/>
  <c r="AE119446" i="1"/>
  <c r="AE119447" i="1"/>
  <c r="AE119448" i="1"/>
  <c r="AE119449" i="1"/>
  <c r="AE119450" i="1"/>
  <c r="AE119451" i="1"/>
  <c r="AE119452" i="1"/>
  <c r="AE119453" i="1"/>
  <c r="AE119454" i="1"/>
  <c r="AE119455" i="1"/>
  <c r="AE119456" i="1"/>
  <c r="AE119457" i="1"/>
  <c r="AE119458" i="1"/>
  <c r="AE119459" i="1"/>
  <c r="AE119460" i="1"/>
  <c r="AE119461" i="1"/>
  <c r="AE119462" i="1"/>
  <c r="AE119463" i="1"/>
  <c r="AE119464" i="1"/>
  <c r="AE119465" i="1"/>
  <c r="AE119466" i="1"/>
  <c r="AE119467" i="1"/>
  <c r="AE119468" i="1"/>
  <c r="AE119469" i="1"/>
  <c r="AE119470" i="1"/>
  <c r="AE119471" i="1"/>
  <c r="AE119472" i="1"/>
  <c r="AE119473" i="1"/>
  <c r="AE119474" i="1"/>
  <c r="AE119475" i="1"/>
  <c r="AE119476" i="1"/>
  <c r="AE119477" i="1"/>
  <c r="AE119478" i="1"/>
  <c r="AE119479" i="1"/>
  <c r="AE119480" i="1"/>
  <c r="AE119481" i="1"/>
  <c r="AE119482" i="1"/>
  <c r="AE119483" i="1"/>
  <c r="AE119484" i="1"/>
  <c r="AE119485" i="1"/>
  <c r="AE119486" i="1"/>
  <c r="AE119487" i="1"/>
  <c r="AE119488" i="1"/>
  <c r="AE119489" i="1"/>
  <c r="AE119490" i="1"/>
  <c r="AE119491" i="1"/>
  <c r="AE119492" i="1"/>
  <c r="AE119493" i="1"/>
  <c r="AE119494" i="1"/>
  <c r="AE119495" i="1"/>
  <c r="AE119496" i="1"/>
  <c r="AE119497" i="1"/>
  <c r="AE119498" i="1"/>
  <c r="AE119499" i="1"/>
  <c r="AE119500" i="1"/>
  <c r="AE119501" i="1"/>
  <c r="AE119502" i="1"/>
  <c r="AE119503" i="1"/>
  <c r="AE119504" i="1"/>
  <c r="AE119505" i="1"/>
  <c r="AE119506" i="1"/>
  <c r="AE119507" i="1"/>
  <c r="AE119508" i="1"/>
  <c r="AE119509" i="1"/>
  <c r="AE119510" i="1"/>
  <c r="AE119511" i="1"/>
  <c r="AE119512" i="1"/>
  <c r="AE119513" i="1"/>
  <c r="AE119514" i="1"/>
  <c r="AE119515" i="1"/>
  <c r="AE119516" i="1"/>
  <c r="AE119517" i="1"/>
  <c r="AE119518" i="1"/>
  <c r="AE119519" i="1"/>
  <c r="AE119520" i="1"/>
  <c r="AE119521" i="1"/>
  <c r="AE119522" i="1"/>
  <c r="AE119523" i="1"/>
  <c r="AE119524" i="1"/>
  <c r="AE119525" i="1"/>
  <c r="AE119526" i="1"/>
  <c r="AE119527" i="1"/>
  <c r="AE119528" i="1"/>
  <c r="AE119529" i="1"/>
  <c r="AE119530" i="1"/>
  <c r="AE119531" i="1"/>
  <c r="AE119532" i="1"/>
  <c r="AE119533" i="1"/>
  <c r="AE119534" i="1"/>
  <c r="AE119535" i="1"/>
  <c r="AE119536" i="1"/>
  <c r="AE119537" i="1"/>
  <c r="AE119538" i="1"/>
  <c r="AE119539" i="1"/>
  <c r="AE119540" i="1"/>
  <c r="AE119541" i="1"/>
  <c r="AE119542" i="1"/>
  <c r="AE119543" i="1"/>
  <c r="AE119544" i="1"/>
  <c r="AE119545" i="1"/>
  <c r="AE119546" i="1"/>
  <c r="AE119547" i="1"/>
  <c r="AE119548" i="1"/>
  <c r="AE119549" i="1"/>
  <c r="AE119550" i="1"/>
  <c r="AE119551" i="1"/>
  <c r="AE119552" i="1"/>
  <c r="AE119553" i="1"/>
  <c r="AE119554" i="1"/>
  <c r="AE119555" i="1"/>
  <c r="AE119556" i="1"/>
  <c r="AE119557" i="1"/>
  <c r="AE119558" i="1"/>
  <c r="AE119559" i="1"/>
  <c r="AE119560" i="1"/>
  <c r="AE119561" i="1"/>
  <c r="AE119562" i="1"/>
  <c r="AE119563" i="1"/>
  <c r="AE119564" i="1"/>
  <c r="AE119565" i="1"/>
  <c r="AE119566" i="1"/>
  <c r="AE119567" i="1"/>
  <c r="AE119568" i="1"/>
  <c r="AE119569" i="1"/>
  <c r="AE119570" i="1"/>
  <c r="AE119571" i="1"/>
  <c r="AE119572" i="1"/>
  <c r="AE119573" i="1"/>
  <c r="AE119574" i="1"/>
  <c r="AE119575" i="1"/>
  <c r="AE119576" i="1"/>
  <c r="AE119577" i="1"/>
  <c r="AE119578" i="1"/>
  <c r="AE119579" i="1"/>
  <c r="AE119580" i="1"/>
  <c r="AE119581" i="1"/>
  <c r="AE119582" i="1"/>
  <c r="AE119583" i="1"/>
  <c r="AE119584" i="1"/>
  <c r="AE119585" i="1"/>
  <c r="AE119586" i="1"/>
  <c r="AE119587" i="1"/>
  <c r="AE119588" i="1"/>
  <c r="AE119589" i="1"/>
  <c r="AE119590" i="1"/>
  <c r="AE119591" i="1"/>
  <c r="AE119592" i="1"/>
  <c r="AE119593" i="1"/>
  <c r="AE119594" i="1"/>
  <c r="AE119595" i="1"/>
  <c r="AE119596" i="1"/>
  <c r="AE119597" i="1"/>
  <c r="AE119598" i="1"/>
  <c r="AE119599" i="1"/>
  <c r="AE119600" i="1"/>
  <c r="AE119601" i="1"/>
  <c r="AE119602" i="1"/>
  <c r="AE119603" i="1"/>
  <c r="AE119604" i="1"/>
  <c r="AE119605" i="1"/>
  <c r="AE119606" i="1"/>
  <c r="AE119607" i="1"/>
  <c r="AE119608" i="1"/>
  <c r="AE119609" i="1"/>
  <c r="AE119610" i="1"/>
  <c r="AE119611" i="1"/>
  <c r="AE119612" i="1"/>
  <c r="AE119613" i="1"/>
  <c r="AE119614" i="1"/>
  <c r="AE119615" i="1"/>
  <c r="AE119616" i="1"/>
  <c r="AE119617" i="1"/>
  <c r="AE119618" i="1"/>
  <c r="AE119619" i="1"/>
  <c r="AE119620" i="1"/>
  <c r="AE119621" i="1"/>
  <c r="AE119622" i="1"/>
  <c r="AE119623" i="1"/>
  <c r="AE119624" i="1"/>
  <c r="AE119625" i="1"/>
  <c r="AE119626" i="1"/>
  <c r="AE119627" i="1"/>
  <c r="AE119628" i="1"/>
  <c r="AE119629" i="1"/>
  <c r="AE119630" i="1"/>
  <c r="AE119631" i="1"/>
  <c r="AE119632" i="1"/>
  <c r="AE119633" i="1"/>
  <c r="AE119634" i="1"/>
  <c r="AE119635" i="1"/>
  <c r="AE119636" i="1"/>
  <c r="AE119637" i="1"/>
  <c r="AE119638" i="1"/>
  <c r="AE119639" i="1"/>
  <c r="AE119640" i="1"/>
  <c r="AE119641" i="1"/>
  <c r="AE119642" i="1"/>
  <c r="AE119643" i="1"/>
  <c r="AE119644" i="1"/>
  <c r="AE119645" i="1"/>
  <c r="AE119646" i="1"/>
  <c r="AE119647" i="1"/>
  <c r="AE119648" i="1"/>
  <c r="AE119649" i="1"/>
  <c r="AE119650" i="1"/>
  <c r="AE119651" i="1"/>
  <c r="AE119652" i="1"/>
  <c r="AE119653" i="1"/>
  <c r="AE119654" i="1"/>
  <c r="AE119655" i="1"/>
  <c r="AE119656" i="1"/>
  <c r="AE119657" i="1"/>
  <c r="AE119658" i="1"/>
  <c r="AE119659" i="1"/>
  <c r="AE119660" i="1"/>
  <c r="AE119661" i="1"/>
  <c r="AE119662" i="1"/>
  <c r="AE119663" i="1"/>
  <c r="AE119664" i="1"/>
  <c r="AE119665" i="1"/>
  <c r="AE119666" i="1"/>
  <c r="AE119667" i="1"/>
  <c r="AE119668" i="1"/>
  <c r="AE119669" i="1"/>
  <c r="AE119670" i="1"/>
  <c r="AE119671" i="1"/>
  <c r="AE119672" i="1"/>
  <c r="AE119673" i="1"/>
  <c r="AE119674" i="1"/>
  <c r="AE119675" i="1"/>
  <c r="AE119676" i="1"/>
  <c r="AE119677" i="1"/>
  <c r="AE119678" i="1"/>
  <c r="AE119679" i="1"/>
  <c r="AE119680" i="1"/>
  <c r="AE119681" i="1"/>
  <c r="AE119682" i="1"/>
  <c r="AE119683" i="1"/>
  <c r="AE119684" i="1"/>
  <c r="AE119685" i="1"/>
  <c r="AE119686" i="1"/>
  <c r="AE119687" i="1"/>
  <c r="AE119688" i="1"/>
  <c r="AE119689" i="1"/>
  <c r="AE119690" i="1"/>
  <c r="AE119691" i="1"/>
  <c r="AE119692" i="1"/>
  <c r="AE119693" i="1"/>
  <c r="AE119694" i="1"/>
  <c r="AE119695" i="1"/>
  <c r="AE119696" i="1"/>
  <c r="AE119697" i="1"/>
  <c r="AE119698" i="1"/>
  <c r="AE119699" i="1"/>
  <c r="AE119700" i="1"/>
  <c r="AE119701" i="1"/>
  <c r="AE119702" i="1"/>
  <c r="AE119703" i="1"/>
  <c r="AE119704" i="1"/>
  <c r="AE119705" i="1"/>
  <c r="AE119706" i="1"/>
  <c r="AE119707" i="1"/>
  <c r="AE119708" i="1"/>
  <c r="AE119709" i="1"/>
  <c r="AE119710" i="1"/>
  <c r="AE119711" i="1"/>
  <c r="AE119712" i="1"/>
  <c r="AE119713" i="1"/>
  <c r="AE119714" i="1"/>
  <c r="AE119715" i="1"/>
  <c r="AE119716" i="1"/>
  <c r="AE119717" i="1"/>
  <c r="AE119718" i="1"/>
  <c r="AE119719" i="1"/>
  <c r="AE119720" i="1"/>
  <c r="AE119721" i="1"/>
  <c r="AE119722" i="1"/>
  <c r="AE119723" i="1"/>
  <c r="AE119724" i="1"/>
  <c r="AE119725" i="1"/>
  <c r="AE119726" i="1"/>
  <c r="AE119727" i="1"/>
  <c r="AE119728" i="1"/>
  <c r="AE119729" i="1"/>
  <c r="AE119730" i="1"/>
  <c r="AE119731" i="1"/>
  <c r="AE119732" i="1"/>
  <c r="AE119733" i="1"/>
  <c r="AE119734" i="1"/>
  <c r="AE119735" i="1"/>
  <c r="AE119736" i="1"/>
  <c r="AE119737" i="1"/>
  <c r="AE119738" i="1"/>
  <c r="AE119739" i="1"/>
  <c r="AE119740" i="1"/>
  <c r="AE119741" i="1"/>
  <c r="AE119742" i="1"/>
  <c r="AE119743" i="1"/>
  <c r="AE119744" i="1"/>
  <c r="AE119745" i="1"/>
  <c r="AE119746" i="1"/>
  <c r="AE119747" i="1"/>
  <c r="AE119748" i="1"/>
  <c r="AE119749" i="1"/>
  <c r="AE119750" i="1"/>
  <c r="AE119751" i="1"/>
  <c r="AE119752" i="1"/>
  <c r="AE119753" i="1"/>
  <c r="AE119754" i="1"/>
  <c r="AE119755" i="1"/>
  <c r="AE119756" i="1"/>
  <c r="AE119757" i="1"/>
  <c r="AE119758" i="1"/>
  <c r="AE119759" i="1"/>
  <c r="AE119760" i="1"/>
  <c r="AE119761" i="1"/>
  <c r="AE119762" i="1"/>
  <c r="AE119763" i="1"/>
  <c r="AE119764" i="1"/>
  <c r="AE119765" i="1"/>
  <c r="AE119766" i="1"/>
  <c r="AE119767" i="1"/>
  <c r="AE119768" i="1"/>
  <c r="AE119769" i="1"/>
  <c r="AE119770" i="1"/>
  <c r="AE119771" i="1"/>
  <c r="AE119772" i="1"/>
  <c r="AE119773" i="1"/>
  <c r="AE119774" i="1"/>
  <c r="AE119775" i="1"/>
  <c r="AE119776" i="1"/>
  <c r="AE119777" i="1"/>
  <c r="AE119778" i="1"/>
  <c r="AE119779" i="1"/>
  <c r="AE119780" i="1"/>
  <c r="AE119781" i="1"/>
  <c r="AE119782" i="1"/>
  <c r="AE119783" i="1"/>
  <c r="AE119784" i="1"/>
  <c r="AE119785" i="1"/>
  <c r="AE119786" i="1"/>
  <c r="AE119787" i="1"/>
  <c r="AE119788" i="1"/>
  <c r="AE119789" i="1"/>
  <c r="AE119790" i="1"/>
  <c r="AE119791" i="1"/>
  <c r="AE119792" i="1"/>
  <c r="AE119793" i="1"/>
  <c r="AE119794" i="1"/>
  <c r="AE119795" i="1"/>
  <c r="AE119796" i="1"/>
  <c r="AE119797" i="1"/>
  <c r="AE119798" i="1"/>
  <c r="AE119799" i="1"/>
  <c r="AE119800" i="1"/>
  <c r="AE119801" i="1"/>
  <c r="AE119802" i="1"/>
  <c r="AE119803" i="1"/>
  <c r="AE119804" i="1"/>
  <c r="AE119805" i="1"/>
  <c r="AE119806" i="1"/>
  <c r="AE119807" i="1"/>
  <c r="AE119808" i="1"/>
  <c r="AE119809" i="1"/>
  <c r="AE119810" i="1"/>
  <c r="AE119811" i="1"/>
  <c r="AE119812" i="1"/>
  <c r="AE119813" i="1"/>
  <c r="AE119814" i="1"/>
  <c r="AE119815" i="1"/>
  <c r="AE119816" i="1"/>
  <c r="AE119817" i="1"/>
  <c r="AE119818" i="1"/>
  <c r="AE119819" i="1"/>
  <c r="AE119820" i="1"/>
  <c r="AE119821" i="1"/>
  <c r="AE119822" i="1"/>
  <c r="AE119823" i="1"/>
  <c r="AE119824" i="1"/>
  <c r="AE119825" i="1"/>
  <c r="AE119826" i="1"/>
  <c r="AE119827" i="1"/>
  <c r="AE119828" i="1"/>
  <c r="AE119829" i="1"/>
  <c r="AE119830" i="1"/>
  <c r="AE119831" i="1"/>
  <c r="AE119832" i="1"/>
  <c r="AE119833" i="1"/>
  <c r="AE119834" i="1"/>
  <c r="AE119835" i="1"/>
  <c r="AE119836" i="1"/>
  <c r="AE119837" i="1"/>
  <c r="AE119838" i="1"/>
  <c r="AE119839" i="1"/>
  <c r="AE119840" i="1"/>
  <c r="AE119841" i="1"/>
  <c r="AE119842" i="1"/>
  <c r="AE119843" i="1"/>
  <c r="AE119844" i="1"/>
  <c r="AE119845" i="1"/>
  <c r="AE119846" i="1"/>
  <c r="AE119847" i="1"/>
  <c r="AE119848" i="1"/>
  <c r="AE119849" i="1"/>
  <c r="AE119850" i="1"/>
  <c r="AE119851" i="1"/>
  <c r="AE119852" i="1"/>
  <c r="AE119853" i="1"/>
  <c r="AE119854" i="1"/>
  <c r="AE119855" i="1"/>
  <c r="AE119856" i="1"/>
  <c r="AE119857" i="1"/>
  <c r="AE119858" i="1"/>
  <c r="AE119859" i="1"/>
  <c r="AE119860" i="1"/>
  <c r="AE119861" i="1"/>
  <c r="AE119862" i="1"/>
  <c r="AE119863" i="1"/>
  <c r="AE119864" i="1"/>
  <c r="AE119865" i="1"/>
  <c r="AE119866" i="1"/>
  <c r="AE119867" i="1"/>
  <c r="AE119868" i="1"/>
  <c r="AE119869" i="1"/>
  <c r="AE119870" i="1"/>
  <c r="AE119871" i="1"/>
  <c r="AE119872" i="1"/>
  <c r="AE119873" i="1"/>
  <c r="AE119874" i="1"/>
  <c r="AE119875" i="1"/>
  <c r="AE119876" i="1"/>
  <c r="AE119877" i="1"/>
  <c r="AE119878" i="1"/>
  <c r="AE119879" i="1"/>
  <c r="AE119880" i="1"/>
  <c r="AE119881" i="1"/>
  <c r="AE119882" i="1"/>
  <c r="AE119883" i="1"/>
  <c r="AE119884" i="1"/>
  <c r="AE119885" i="1"/>
  <c r="AE119886" i="1"/>
  <c r="AE119887" i="1"/>
  <c r="AE119888" i="1"/>
  <c r="AE119889" i="1"/>
  <c r="AE119890" i="1"/>
  <c r="AE119891" i="1"/>
  <c r="AE119892" i="1"/>
  <c r="AE119893" i="1"/>
  <c r="AE119894" i="1"/>
  <c r="AE119895" i="1"/>
  <c r="AE119896" i="1"/>
  <c r="AE119897" i="1"/>
  <c r="AE119898" i="1"/>
  <c r="AE119899" i="1"/>
  <c r="AE119900" i="1"/>
  <c r="AE119901" i="1"/>
  <c r="AE119902" i="1"/>
  <c r="AE119903" i="1"/>
  <c r="AE119904" i="1"/>
  <c r="AE119905" i="1"/>
  <c r="AE119906" i="1"/>
  <c r="AE119907" i="1"/>
  <c r="AE119908" i="1"/>
  <c r="AE119909" i="1"/>
  <c r="AE119910" i="1"/>
  <c r="AE119911" i="1"/>
  <c r="AE119912" i="1"/>
  <c r="AE119913" i="1"/>
  <c r="AE119914" i="1"/>
  <c r="AE119915" i="1"/>
  <c r="AE119916" i="1"/>
  <c r="AE119917" i="1"/>
  <c r="AE119918" i="1"/>
  <c r="AE119919" i="1"/>
  <c r="AE119920" i="1"/>
  <c r="AE119921" i="1"/>
  <c r="AE119922" i="1"/>
  <c r="AE119923" i="1"/>
  <c r="AE119924" i="1"/>
  <c r="AE119925" i="1"/>
  <c r="AE119926" i="1"/>
  <c r="AE119927" i="1"/>
  <c r="AE119928" i="1"/>
  <c r="AE119929" i="1"/>
  <c r="AE119930" i="1"/>
  <c r="AE119931" i="1"/>
  <c r="AE119932" i="1"/>
  <c r="AE119933" i="1"/>
  <c r="AE119934" i="1"/>
  <c r="AE119935" i="1"/>
  <c r="AE119936" i="1"/>
  <c r="AE119937" i="1"/>
  <c r="AE119938" i="1"/>
  <c r="AE119939" i="1"/>
  <c r="AE119940" i="1"/>
  <c r="AE119941" i="1"/>
  <c r="AE119942" i="1"/>
  <c r="AE119943" i="1"/>
  <c r="AE119944" i="1"/>
  <c r="AE119945" i="1"/>
  <c r="AE119946" i="1"/>
  <c r="AE119947" i="1"/>
  <c r="AE119948" i="1"/>
  <c r="AE119949" i="1"/>
  <c r="AE119950" i="1"/>
  <c r="AE119951" i="1"/>
  <c r="AE119952" i="1"/>
  <c r="AE119953" i="1"/>
  <c r="AE119954" i="1"/>
  <c r="AE119955" i="1"/>
  <c r="AE119956" i="1"/>
  <c r="AE119957" i="1"/>
  <c r="AE119958" i="1"/>
  <c r="AE119959" i="1"/>
  <c r="AE119960" i="1"/>
  <c r="AE119961" i="1"/>
  <c r="AE119962" i="1"/>
  <c r="AE119963" i="1"/>
  <c r="AE119964" i="1"/>
  <c r="AE119965" i="1"/>
  <c r="AE119966" i="1"/>
  <c r="AE119967" i="1"/>
  <c r="AE119968" i="1"/>
  <c r="AE119969" i="1"/>
  <c r="AE119970" i="1"/>
  <c r="AE119971" i="1"/>
  <c r="AE119972" i="1"/>
  <c r="AE119973" i="1"/>
  <c r="AE119974" i="1"/>
  <c r="AE119975" i="1"/>
  <c r="AE119976" i="1"/>
  <c r="AE119977" i="1"/>
  <c r="AE119978" i="1"/>
  <c r="AE119979" i="1"/>
  <c r="AE119980" i="1"/>
  <c r="AE119981" i="1"/>
  <c r="AE119982" i="1"/>
  <c r="AE119983" i="1"/>
  <c r="AE119984" i="1"/>
  <c r="AE119985" i="1"/>
  <c r="AE119986" i="1"/>
  <c r="AE119987" i="1"/>
  <c r="AE119988" i="1"/>
  <c r="AE119989" i="1"/>
  <c r="AE119990" i="1"/>
  <c r="AE119991" i="1"/>
  <c r="AE119992" i="1"/>
  <c r="AE119993" i="1"/>
  <c r="AE119994" i="1"/>
  <c r="AE119995" i="1"/>
  <c r="AE119996" i="1"/>
  <c r="AE119997" i="1"/>
  <c r="AE119998" i="1"/>
  <c r="AE119999" i="1"/>
  <c r="AE120000" i="1"/>
  <c r="AE120001" i="1"/>
  <c r="AE120002" i="1"/>
  <c r="AE120003" i="1"/>
  <c r="AE120004" i="1"/>
  <c r="AE120005" i="1"/>
  <c r="AE120006" i="1"/>
  <c r="AE120007" i="1"/>
  <c r="AE120008" i="1"/>
  <c r="AE120009" i="1"/>
  <c r="AE120010" i="1"/>
  <c r="AE120011" i="1"/>
  <c r="AE120012" i="1"/>
  <c r="AE120013" i="1"/>
  <c r="AE120014" i="1"/>
  <c r="AE120015" i="1"/>
  <c r="AE120016" i="1"/>
  <c r="AE120017" i="1"/>
  <c r="AE120018" i="1"/>
  <c r="AE120019" i="1"/>
  <c r="AE120020" i="1"/>
  <c r="AE120021" i="1"/>
  <c r="AE120022" i="1"/>
  <c r="AE120023" i="1"/>
  <c r="AE120024" i="1"/>
  <c r="AE120025" i="1"/>
  <c r="AE120026" i="1"/>
  <c r="AE120027" i="1"/>
  <c r="AE120028" i="1"/>
  <c r="AE120029" i="1"/>
  <c r="AE120030" i="1"/>
  <c r="AE120031" i="1"/>
  <c r="AE120032" i="1"/>
  <c r="AE120033" i="1"/>
  <c r="AE120034" i="1"/>
  <c r="AE120035" i="1"/>
  <c r="AE120036" i="1"/>
  <c r="AE120037" i="1"/>
  <c r="AE120038" i="1"/>
  <c r="AE120039" i="1"/>
  <c r="AE120040" i="1"/>
  <c r="AE120041" i="1"/>
  <c r="AE120042" i="1"/>
  <c r="AE120043" i="1"/>
  <c r="AE120044" i="1"/>
  <c r="AE120045" i="1"/>
  <c r="AE120046" i="1"/>
  <c r="AE120047" i="1"/>
  <c r="AE120048" i="1"/>
  <c r="AE120049" i="1"/>
  <c r="AE120050" i="1"/>
  <c r="AE120051" i="1"/>
  <c r="AE120052" i="1"/>
  <c r="AE120053" i="1"/>
  <c r="AE120054" i="1"/>
  <c r="AE120055" i="1"/>
  <c r="AE120056" i="1"/>
  <c r="AE120057" i="1"/>
  <c r="AE120058" i="1"/>
  <c r="AE120059" i="1"/>
  <c r="AE120060" i="1"/>
  <c r="AE120061" i="1"/>
  <c r="AE120062" i="1"/>
  <c r="AE120063" i="1"/>
  <c r="AE120064" i="1"/>
  <c r="AE120065" i="1"/>
  <c r="AE120066" i="1"/>
  <c r="AE120067" i="1"/>
  <c r="AE120068" i="1"/>
  <c r="AE120069" i="1"/>
  <c r="AE120070" i="1"/>
  <c r="AE120071" i="1"/>
  <c r="AE120072" i="1"/>
  <c r="AE120073" i="1"/>
  <c r="AE120074" i="1"/>
  <c r="AE120075" i="1"/>
  <c r="AE120076" i="1"/>
  <c r="AE120077" i="1"/>
  <c r="AE120078" i="1"/>
  <c r="AE120079" i="1"/>
  <c r="AE120080" i="1"/>
  <c r="AE120081" i="1"/>
  <c r="AE120082" i="1"/>
  <c r="AE120083" i="1"/>
  <c r="AE120084" i="1"/>
  <c r="AE120085" i="1"/>
  <c r="AE120086" i="1"/>
  <c r="AE120087" i="1"/>
  <c r="AE120088" i="1"/>
  <c r="AE120089" i="1"/>
  <c r="AE120090" i="1"/>
  <c r="AE120091" i="1"/>
  <c r="AE120092" i="1"/>
  <c r="AE120093" i="1"/>
  <c r="AE120094" i="1"/>
  <c r="AE120095" i="1"/>
  <c r="AE120096" i="1"/>
  <c r="AE120097" i="1"/>
  <c r="AE120098" i="1"/>
  <c r="AE120099" i="1"/>
  <c r="AE120100" i="1"/>
  <c r="AE120101" i="1"/>
  <c r="AE120102" i="1"/>
  <c r="AE120103" i="1"/>
  <c r="AE120104" i="1"/>
  <c r="AE120105" i="1"/>
  <c r="AE120106" i="1"/>
  <c r="AE120107" i="1"/>
  <c r="AE120108" i="1"/>
  <c r="AE120109" i="1"/>
  <c r="AE120110" i="1"/>
  <c r="AE120111" i="1"/>
  <c r="AE120112" i="1"/>
  <c r="AE120113" i="1"/>
  <c r="AE120114" i="1"/>
  <c r="AE120115" i="1"/>
  <c r="AE120116" i="1"/>
  <c r="AE120117" i="1"/>
  <c r="AE120118" i="1"/>
  <c r="AE120119" i="1"/>
  <c r="AE120120" i="1"/>
  <c r="AE120121" i="1"/>
  <c r="AE120122" i="1"/>
  <c r="AE120123" i="1"/>
  <c r="AE120124" i="1"/>
  <c r="AE120125" i="1"/>
  <c r="AE120126" i="1"/>
  <c r="AE120127" i="1"/>
  <c r="AE120128" i="1"/>
  <c r="AE120129" i="1"/>
  <c r="AE120130" i="1"/>
  <c r="AE120131" i="1"/>
  <c r="AE120132" i="1"/>
  <c r="AE120133" i="1"/>
  <c r="AE120134" i="1"/>
  <c r="AE120135" i="1"/>
  <c r="AE120136" i="1"/>
  <c r="AE120137" i="1"/>
  <c r="AE120138" i="1"/>
  <c r="AE120139" i="1"/>
  <c r="AE120140" i="1"/>
  <c r="AE120141" i="1"/>
  <c r="AE120142" i="1"/>
  <c r="AE120143" i="1"/>
  <c r="AE120144" i="1"/>
  <c r="AE120145" i="1"/>
  <c r="AE120146" i="1"/>
  <c r="AE120147" i="1"/>
  <c r="AE120148" i="1"/>
  <c r="AE120149" i="1"/>
  <c r="AE120150" i="1"/>
  <c r="AE120151" i="1"/>
  <c r="AE120152" i="1"/>
  <c r="AE120153" i="1"/>
  <c r="AE120154" i="1"/>
  <c r="AE120155" i="1"/>
  <c r="AE120156" i="1"/>
  <c r="AE120157" i="1"/>
  <c r="AE120158" i="1"/>
  <c r="AE120159" i="1"/>
  <c r="AE120160" i="1"/>
  <c r="AE120161" i="1"/>
  <c r="AE120162" i="1"/>
  <c r="AE120163" i="1"/>
  <c r="AE120164" i="1"/>
  <c r="AE120165" i="1"/>
  <c r="AE120166" i="1"/>
  <c r="AE120167" i="1"/>
  <c r="AE120168" i="1"/>
  <c r="AE120169" i="1"/>
  <c r="AE120170" i="1"/>
  <c r="AE120171" i="1"/>
  <c r="AE120172" i="1"/>
  <c r="AE120173" i="1"/>
  <c r="AE120174" i="1"/>
  <c r="AE120175" i="1"/>
  <c r="AE120176" i="1"/>
  <c r="AE120177" i="1"/>
  <c r="AE120178" i="1"/>
  <c r="AE120179" i="1"/>
  <c r="AE120180" i="1"/>
  <c r="AE120181" i="1"/>
  <c r="AE120182" i="1"/>
  <c r="AE120183" i="1"/>
  <c r="AE120184" i="1"/>
  <c r="AE120185" i="1"/>
  <c r="AE120186" i="1"/>
  <c r="AE120187" i="1"/>
  <c r="AE120188" i="1"/>
  <c r="AE120189" i="1"/>
  <c r="AE120190" i="1"/>
  <c r="AE120191" i="1"/>
  <c r="AE120192" i="1"/>
  <c r="AE120193" i="1"/>
  <c r="AE120194" i="1"/>
  <c r="AE120195" i="1"/>
  <c r="AE120196" i="1"/>
  <c r="AE120197" i="1"/>
  <c r="AE120198" i="1"/>
  <c r="AE120199" i="1"/>
  <c r="AE120200" i="1"/>
  <c r="AE120201" i="1"/>
  <c r="AE120202" i="1"/>
  <c r="AE120203" i="1"/>
  <c r="AE120204" i="1"/>
  <c r="AE120205" i="1"/>
  <c r="AE120206" i="1"/>
  <c r="AE120207" i="1"/>
  <c r="AE120208" i="1"/>
  <c r="AE120209" i="1"/>
  <c r="AE120210" i="1"/>
  <c r="AE120211" i="1"/>
  <c r="AE120212" i="1"/>
  <c r="AE120213" i="1"/>
  <c r="AE120214" i="1"/>
  <c r="AE120215" i="1"/>
  <c r="AE120216" i="1"/>
  <c r="AE120217" i="1"/>
  <c r="AE120218" i="1"/>
  <c r="AE120219" i="1"/>
  <c r="AE120220" i="1"/>
  <c r="AE120221" i="1"/>
  <c r="AE120222" i="1"/>
  <c r="AE120223" i="1"/>
  <c r="AE120224" i="1"/>
  <c r="AE120225" i="1"/>
  <c r="AE120226" i="1"/>
  <c r="AE120227" i="1"/>
  <c r="AE120228" i="1"/>
  <c r="AE120229" i="1"/>
  <c r="AE120230" i="1"/>
  <c r="AE120231" i="1"/>
  <c r="AE120232" i="1"/>
  <c r="AE120233" i="1"/>
  <c r="AE120234" i="1"/>
  <c r="AE120235" i="1"/>
  <c r="AE120236" i="1"/>
  <c r="AE120237" i="1"/>
  <c r="AE120238" i="1"/>
  <c r="AE120239" i="1"/>
  <c r="AE120240" i="1"/>
  <c r="AE120241" i="1"/>
  <c r="AE120242" i="1"/>
  <c r="AE120243" i="1"/>
  <c r="AE120244" i="1"/>
  <c r="AE120245" i="1"/>
  <c r="AE120246" i="1"/>
  <c r="AE120247" i="1"/>
  <c r="AE120248" i="1"/>
  <c r="AE120249" i="1"/>
  <c r="AE120250" i="1"/>
  <c r="AE120251" i="1"/>
  <c r="AE120252" i="1"/>
  <c r="AE120253" i="1"/>
  <c r="AE120254" i="1"/>
  <c r="AE120255" i="1"/>
  <c r="AE120256" i="1"/>
  <c r="AE120257" i="1"/>
  <c r="AE120258" i="1"/>
  <c r="AE120259" i="1"/>
  <c r="AE120260" i="1"/>
  <c r="AE120261" i="1"/>
  <c r="AE120262" i="1"/>
  <c r="AE120263" i="1"/>
  <c r="AE120264" i="1"/>
  <c r="AE120265" i="1"/>
  <c r="AE120266" i="1"/>
  <c r="AE120267" i="1"/>
  <c r="AE120268" i="1"/>
  <c r="AE120269" i="1"/>
  <c r="AE120270" i="1"/>
  <c r="AE120271" i="1"/>
  <c r="AE120272" i="1"/>
  <c r="AE120273" i="1"/>
  <c r="AE120274" i="1"/>
  <c r="AE120275" i="1"/>
  <c r="AE120276" i="1"/>
  <c r="AE120277" i="1"/>
  <c r="AE120278" i="1"/>
  <c r="AE120279" i="1"/>
  <c r="AE120280" i="1"/>
  <c r="AE120281" i="1"/>
  <c r="AE120282" i="1"/>
  <c r="AE120283" i="1"/>
  <c r="AE120284" i="1"/>
  <c r="AE120285" i="1"/>
  <c r="AE120286" i="1"/>
  <c r="AE120287" i="1"/>
  <c r="AE120288" i="1"/>
  <c r="AE120289" i="1"/>
  <c r="AE120290" i="1"/>
  <c r="AE120291" i="1"/>
  <c r="AE120292" i="1"/>
  <c r="AE120293" i="1"/>
  <c r="AE120294" i="1"/>
  <c r="AE120295" i="1"/>
  <c r="AE120296" i="1"/>
  <c r="AE120297" i="1"/>
  <c r="AE120298" i="1"/>
  <c r="AE120299" i="1"/>
  <c r="AE120300" i="1"/>
  <c r="AE120301" i="1"/>
  <c r="AE120302" i="1"/>
  <c r="AE120303" i="1"/>
  <c r="AE120304" i="1"/>
  <c r="AE120305" i="1"/>
  <c r="AE120306" i="1"/>
  <c r="AE120307" i="1"/>
  <c r="AE120308" i="1"/>
  <c r="AE120309" i="1"/>
  <c r="AE120310" i="1"/>
  <c r="AE120311" i="1"/>
  <c r="AE120312" i="1"/>
  <c r="AE120313" i="1"/>
  <c r="AE120314" i="1"/>
  <c r="AE120315" i="1"/>
  <c r="AE120316" i="1"/>
  <c r="AE120317" i="1"/>
  <c r="AE120318" i="1"/>
  <c r="AE120319" i="1"/>
  <c r="AE120320" i="1"/>
  <c r="AE120321" i="1"/>
  <c r="AE120322" i="1"/>
  <c r="AE120323" i="1"/>
  <c r="AE120324" i="1"/>
  <c r="AE120325" i="1"/>
  <c r="AE120326" i="1"/>
  <c r="AE120327" i="1"/>
  <c r="AE120328" i="1"/>
  <c r="AE120329" i="1"/>
  <c r="AE120330" i="1"/>
  <c r="AE120331" i="1"/>
  <c r="AE120332" i="1"/>
  <c r="AE120333" i="1"/>
  <c r="AE120334" i="1"/>
  <c r="AE120335" i="1"/>
  <c r="AE120336" i="1"/>
  <c r="AE120337" i="1"/>
  <c r="AE120338" i="1"/>
  <c r="AE120339" i="1"/>
  <c r="AE120340" i="1"/>
  <c r="AE120341" i="1"/>
  <c r="AE120342" i="1"/>
  <c r="AE120343" i="1"/>
  <c r="AE120344" i="1"/>
  <c r="AE120345" i="1"/>
  <c r="AE120346" i="1"/>
  <c r="AE120347" i="1"/>
  <c r="AE120348" i="1"/>
  <c r="AE120349" i="1"/>
  <c r="AE120350" i="1"/>
  <c r="AE120351" i="1"/>
  <c r="AE120352" i="1"/>
  <c r="AE120353" i="1"/>
  <c r="AE120354" i="1"/>
  <c r="AE120355" i="1"/>
  <c r="AE120356" i="1"/>
  <c r="AE120357" i="1"/>
  <c r="AE120358" i="1"/>
  <c r="AE120359" i="1"/>
  <c r="AE120360" i="1"/>
  <c r="AE120361" i="1"/>
  <c r="AE120362" i="1"/>
  <c r="AE120363" i="1"/>
  <c r="AE120364" i="1"/>
  <c r="AE120365" i="1"/>
  <c r="AE120366" i="1"/>
  <c r="AE120367" i="1"/>
  <c r="AE120368" i="1"/>
  <c r="AE120369" i="1"/>
  <c r="AE120370" i="1"/>
  <c r="AE120371" i="1"/>
  <c r="AE120372" i="1"/>
  <c r="AE120373" i="1"/>
  <c r="AE120374" i="1"/>
  <c r="AE120375" i="1"/>
  <c r="AE120376" i="1"/>
  <c r="AE120377" i="1"/>
  <c r="AE120378" i="1"/>
  <c r="AE120379" i="1"/>
  <c r="AE120380" i="1"/>
  <c r="AE120381" i="1"/>
  <c r="AE120382" i="1"/>
  <c r="AE120383" i="1"/>
  <c r="AE120384" i="1"/>
  <c r="AE120385" i="1"/>
  <c r="AE120386" i="1"/>
  <c r="AE120387" i="1"/>
  <c r="AE120388" i="1"/>
  <c r="AE120389" i="1"/>
  <c r="AE120390" i="1"/>
  <c r="AE120391" i="1"/>
  <c r="AE120392" i="1"/>
  <c r="AE120393" i="1"/>
  <c r="AE120394" i="1"/>
  <c r="AE120395" i="1"/>
  <c r="AE120396" i="1"/>
  <c r="AE120397" i="1"/>
  <c r="AE120398" i="1"/>
  <c r="AE120399" i="1"/>
  <c r="AE120400" i="1"/>
  <c r="AE120401" i="1"/>
  <c r="AE120402" i="1"/>
  <c r="AE120403" i="1"/>
  <c r="AE120404" i="1"/>
  <c r="AE120405" i="1"/>
  <c r="AE120406" i="1"/>
  <c r="AE120407" i="1"/>
  <c r="AE120408" i="1"/>
  <c r="AE120409" i="1"/>
  <c r="AE120410" i="1"/>
  <c r="AE120411" i="1"/>
  <c r="AE120412" i="1"/>
  <c r="AE120413" i="1"/>
  <c r="AE120414" i="1"/>
  <c r="AE120415" i="1"/>
  <c r="AE120416" i="1"/>
  <c r="AE120417" i="1"/>
  <c r="AE120418" i="1"/>
  <c r="AE120419" i="1"/>
  <c r="AE120420" i="1"/>
  <c r="AE120421" i="1"/>
  <c r="AE120422" i="1"/>
  <c r="AE120423" i="1"/>
  <c r="AE120424" i="1"/>
  <c r="AE120425" i="1"/>
  <c r="AE120426" i="1"/>
  <c r="AE120427" i="1"/>
  <c r="AE120428" i="1"/>
  <c r="AE120429" i="1"/>
  <c r="AE120430" i="1"/>
  <c r="AE120431" i="1"/>
  <c r="AE120432" i="1"/>
  <c r="AE120433" i="1"/>
  <c r="AE120434" i="1"/>
  <c r="AE120435" i="1"/>
  <c r="AE120436" i="1"/>
  <c r="AE120437" i="1"/>
  <c r="AE120438" i="1"/>
  <c r="AE120439" i="1"/>
  <c r="AE120440" i="1"/>
  <c r="AE120441" i="1"/>
  <c r="AE120442" i="1"/>
  <c r="AE120443" i="1"/>
  <c r="AE120444" i="1"/>
  <c r="AE120445" i="1"/>
  <c r="AE120446" i="1"/>
  <c r="AE120447" i="1"/>
  <c r="AE120448" i="1"/>
  <c r="AE120449" i="1"/>
  <c r="AE120450" i="1"/>
  <c r="AE120451" i="1"/>
  <c r="AE120452" i="1"/>
  <c r="AE120453" i="1"/>
  <c r="AE120454" i="1"/>
  <c r="AE120455" i="1"/>
  <c r="AE120456" i="1"/>
  <c r="AE120457" i="1"/>
  <c r="AE120458" i="1"/>
  <c r="AE120459" i="1"/>
  <c r="AE120460" i="1"/>
  <c r="AE120461" i="1"/>
  <c r="AE120462" i="1"/>
  <c r="AE120463" i="1"/>
  <c r="AE120464" i="1"/>
  <c r="AE120465" i="1"/>
  <c r="AE120466" i="1"/>
  <c r="AE120467" i="1"/>
  <c r="AE120468" i="1"/>
  <c r="AE120469" i="1"/>
  <c r="AE120470" i="1"/>
  <c r="AE120471" i="1"/>
  <c r="AE120472" i="1"/>
  <c r="AE120473" i="1"/>
  <c r="AE120474" i="1"/>
  <c r="AE120475" i="1"/>
  <c r="AE120476" i="1"/>
  <c r="AE120477" i="1"/>
  <c r="AE120478" i="1"/>
  <c r="AE120479" i="1"/>
  <c r="AE120480" i="1"/>
  <c r="AE120481" i="1"/>
  <c r="AE120482" i="1"/>
  <c r="AE120483" i="1"/>
  <c r="AE120484" i="1"/>
  <c r="AE120485" i="1"/>
  <c r="AE120486" i="1"/>
  <c r="AE120487" i="1"/>
  <c r="AE120488" i="1"/>
  <c r="AE120489" i="1"/>
  <c r="AE120490" i="1"/>
  <c r="AE120491" i="1"/>
  <c r="AE120492" i="1"/>
  <c r="AE120493" i="1"/>
  <c r="AE120494" i="1"/>
  <c r="AE120495" i="1"/>
  <c r="AE120496" i="1"/>
  <c r="AE120497" i="1"/>
  <c r="AE120498" i="1"/>
  <c r="AE120499" i="1"/>
  <c r="AE120500" i="1"/>
  <c r="AE120501" i="1"/>
  <c r="AE120502" i="1"/>
  <c r="AE120503" i="1"/>
  <c r="AE120504" i="1"/>
  <c r="AE120505" i="1"/>
  <c r="AE120506" i="1"/>
  <c r="AE120507" i="1"/>
  <c r="AE120508" i="1"/>
  <c r="AE120509" i="1"/>
  <c r="AE120510" i="1"/>
  <c r="AE120511" i="1"/>
  <c r="AE120512" i="1"/>
  <c r="AE120513" i="1"/>
  <c r="AE120514" i="1"/>
  <c r="AE120515" i="1"/>
  <c r="AE120516" i="1"/>
  <c r="AE120517" i="1"/>
  <c r="AE120518" i="1"/>
  <c r="AE120519" i="1"/>
  <c r="AE120520" i="1"/>
  <c r="AE120521" i="1"/>
  <c r="AE120522" i="1"/>
  <c r="AE120523" i="1"/>
  <c r="AE120524" i="1"/>
  <c r="AE120525" i="1"/>
  <c r="AE120526" i="1"/>
  <c r="AE120527" i="1"/>
  <c r="AE120528" i="1"/>
  <c r="AE120529" i="1"/>
  <c r="AE120530" i="1"/>
  <c r="AE120531" i="1"/>
  <c r="AE120532" i="1"/>
  <c r="AE120533" i="1"/>
  <c r="AE120534" i="1"/>
  <c r="AE120535" i="1"/>
  <c r="AE120536" i="1"/>
  <c r="AE120537" i="1"/>
  <c r="AE120538" i="1"/>
  <c r="AE120539" i="1"/>
  <c r="AE120540" i="1"/>
  <c r="AE120541" i="1"/>
  <c r="AE120542" i="1"/>
  <c r="AE120543" i="1"/>
  <c r="AE120544" i="1"/>
  <c r="AE120545" i="1"/>
  <c r="AE120546" i="1"/>
  <c r="AE120547" i="1"/>
  <c r="AE120548" i="1"/>
  <c r="AE120549" i="1"/>
  <c r="AE120550" i="1"/>
  <c r="AE120551" i="1"/>
  <c r="AE120552" i="1"/>
  <c r="AE120553" i="1"/>
  <c r="AE120554" i="1"/>
  <c r="AE120555" i="1"/>
  <c r="AE120556" i="1"/>
  <c r="AE120557" i="1"/>
  <c r="AE120558" i="1"/>
  <c r="AE120559" i="1"/>
  <c r="AE120560" i="1"/>
  <c r="AE120561" i="1"/>
  <c r="AE120562" i="1"/>
  <c r="AE120563" i="1"/>
  <c r="AE120564" i="1"/>
  <c r="AE120565" i="1"/>
  <c r="AE120566" i="1"/>
  <c r="AE120567" i="1"/>
  <c r="AE120568" i="1"/>
  <c r="AE120569" i="1"/>
  <c r="AE120570" i="1"/>
  <c r="AE120571" i="1"/>
  <c r="AE120572" i="1"/>
  <c r="AE120573" i="1"/>
  <c r="AE120574" i="1"/>
  <c r="AE120575" i="1"/>
  <c r="AE120576" i="1"/>
  <c r="AE120577" i="1"/>
  <c r="AE120578" i="1"/>
  <c r="AE120579" i="1"/>
  <c r="AE120580" i="1"/>
  <c r="AE120581" i="1"/>
  <c r="AE120582" i="1"/>
  <c r="AE120583" i="1"/>
  <c r="AE120584" i="1"/>
  <c r="AE120585" i="1"/>
  <c r="AE120586" i="1"/>
  <c r="AE120587" i="1"/>
  <c r="AE120588" i="1"/>
  <c r="AE120589" i="1"/>
  <c r="AE120590" i="1"/>
  <c r="AE120591" i="1"/>
  <c r="AE120592" i="1"/>
  <c r="AE120593" i="1"/>
  <c r="AE120594" i="1"/>
  <c r="AE120595" i="1"/>
  <c r="AE120596" i="1"/>
  <c r="AE120597" i="1"/>
  <c r="AE120598" i="1"/>
  <c r="AE120599" i="1"/>
  <c r="AE120600" i="1"/>
  <c r="AE120601" i="1"/>
  <c r="AE120602" i="1"/>
  <c r="AE120603" i="1"/>
  <c r="AE120604" i="1"/>
  <c r="AE120605" i="1"/>
  <c r="AE120606" i="1"/>
  <c r="AE120607" i="1"/>
  <c r="AE120608" i="1"/>
  <c r="AE120609" i="1"/>
  <c r="AE120610" i="1"/>
  <c r="AE120611" i="1"/>
  <c r="AE120612" i="1"/>
  <c r="AE120613" i="1"/>
  <c r="AE120614" i="1"/>
  <c r="AE120615" i="1"/>
  <c r="AE120616" i="1"/>
  <c r="AE120617" i="1"/>
  <c r="AE120618" i="1"/>
  <c r="AE120619" i="1"/>
  <c r="AE120620" i="1"/>
  <c r="AE120621" i="1"/>
  <c r="AE120622" i="1"/>
  <c r="AE120623" i="1"/>
  <c r="AE120624" i="1"/>
  <c r="AE120625" i="1"/>
  <c r="AE120626" i="1"/>
  <c r="AE120627" i="1"/>
  <c r="AE120628" i="1"/>
  <c r="AE120629" i="1"/>
  <c r="AE120630" i="1"/>
  <c r="AE120631" i="1"/>
  <c r="AE120632" i="1"/>
  <c r="AE120633" i="1"/>
  <c r="AE120634" i="1"/>
  <c r="AE120635" i="1"/>
  <c r="AE120636" i="1"/>
  <c r="AE120637" i="1"/>
  <c r="AE120638" i="1"/>
  <c r="AE120639" i="1"/>
  <c r="AE120640" i="1"/>
  <c r="AE120641" i="1"/>
  <c r="AE120642" i="1"/>
  <c r="AE120643" i="1"/>
  <c r="AE120644" i="1"/>
  <c r="AE120645" i="1"/>
  <c r="AE120646" i="1"/>
  <c r="AE120647" i="1"/>
  <c r="AE120648" i="1"/>
  <c r="AE120649" i="1"/>
  <c r="AE120650" i="1"/>
  <c r="AE120651" i="1"/>
  <c r="AE120652" i="1"/>
  <c r="AE120653" i="1"/>
  <c r="AE120654" i="1"/>
  <c r="AE120655" i="1"/>
  <c r="AE120656" i="1"/>
  <c r="AE120657" i="1"/>
  <c r="AE120658" i="1"/>
  <c r="AE120659" i="1"/>
  <c r="AE120660" i="1"/>
  <c r="AE120661" i="1"/>
  <c r="AE120662" i="1"/>
  <c r="AE120663" i="1"/>
  <c r="AE120664" i="1"/>
  <c r="AE120665" i="1"/>
  <c r="AE120666" i="1"/>
  <c r="AE120667" i="1"/>
  <c r="AE120668" i="1"/>
  <c r="AE120669" i="1"/>
  <c r="AE120670" i="1"/>
  <c r="AE120671" i="1"/>
  <c r="AE120672" i="1"/>
  <c r="AE120673" i="1"/>
  <c r="AE120674" i="1"/>
  <c r="AE120675" i="1"/>
  <c r="AE120676" i="1"/>
  <c r="AE120677" i="1"/>
  <c r="AE120678" i="1"/>
  <c r="AE120679" i="1"/>
  <c r="AE120680" i="1"/>
  <c r="AE120681" i="1"/>
  <c r="AE120682" i="1"/>
  <c r="AE120683" i="1"/>
  <c r="AE120684" i="1"/>
  <c r="AE120685" i="1"/>
  <c r="AE120686" i="1"/>
  <c r="AE120687" i="1"/>
  <c r="AE120688" i="1"/>
  <c r="AE120689" i="1"/>
  <c r="AE120690" i="1"/>
  <c r="AE120691" i="1"/>
  <c r="AE120692" i="1"/>
  <c r="AE120693" i="1"/>
  <c r="AE120694" i="1"/>
  <c r="AE120695" i="1"/>
  <c r="AE120696" i="1"/>
  <c r="AE120697" i="1"/>
  <c r="AE120698" i="1"/>
  <c r="AE120699" i="1"/>
  <c r="AE120700" i="1"/>
  <c r="AE120701" i="1"/>
  <c r="AE120702" i="1"/>
  <c r="AE120703" i="1"/>
  <c r="AE120704" i="1"/>
  <c r="AE120705" i="1"/>
  <c r="AE120706" i="1"/>
  <c r="AE120707" i="1"/>
  <c r="AE120708" i="1"/>
  <c r="AE120709" i="1"/>
  <c r="AE120710" i="1"/>
  <c r="AE120711" i="1"/>
  <c r="AE120712" i="1"/>
  <c r="AE120713" i="1"/>
  <c r="AE120714" i="1"/>
  <c r="AE120715" i="1"/>
  <c r="AE120716" i="1"/>
  <c r="AE120717" i="1"/>
  <c r="AE120718" i="1"/>
  <c r="AE120719" i="1"/>
  <c r="AE120720" i="1"/>
  <c r="AE120721" i="1"/>
  <c r="AE120722" i="1"/>
  <c r="AE120723" i="1"/>
  <c r="AE120724" i="1"/>
  <c r="AE120725" i="1"/>
  <c r="AE120726" i="1"/>
  <c r="AE120727" i="1"/>
  <c r="AE120728" i="1"/>
  <c r="AE120729" i="1"/>
  <c r="AE120730" i="1"/>
  <c r="AE120731" i="1"/>
  <c r="AE120732" i="1"/>
  <c r="AE120733" i="1"/>
  <c r="AE120734" i="1"/>
  <c r="AE120735" i="1"/>
  <c r="AE120736" i="1"/>
  <c r="AE120737" i="1"/>
  <c r="AE120738" i="1"/>
  <c r="AE120739" i="1"/>
  <c r="AE120740" i="1"/>
  <c r="AE120741" i="1"/>
  <c r="AE120742" i="1"/>
  <c r="AE120743" i="1"/>
  <c r="AE120744" i="1"/>
  <c r="AE120745" i="1"/>
  <c r="AE120746" i="1"/>
  <c r="AE120747" i="1"/>
  <c r="AE120748" i="1"/>
  <c r="AE120749" i="1"/>
  <c r="AE120750" i="1"/>
  <c r="AE120751" i="1"/>
  <c r="AE120752" i="1"/>
  <c r="AE120753" i="1"/>
  <c r="AE120754" i="1"/>
  <c r="AE120755" i="1"/>
  <c r="AE120756" i="1"/>
  <c r="AE120757" i="1"/>
  <c r="AE120758" i="1"/>
  <c r="AE120759" i="1"/>
  <c r="AE120760" i="1"/>
  <c r="AE120761" i="1"/>
  <c r="AE120762" i="1"/>
  <c r="AE120763" i="1"/>
  <c r="AE120764" i="1"/>
  <c r="AE120765" i="1"/>
  <c r="AE120766" i="1"/>
  <c r="AE120767" i="1"/>
  <c r="AE120768" i="1"/>
  <c r="AE120769" i="1"/>
  <c r="AE120770" i="1"/>
  <c r="AE120771" i="1"/>
  <c r="AE120772" i="1"/>
  <c r="AE120773" i="1"/>
  <c r="AE120774" i="1"/>
  <c r="AE120775" i="1"/>
  <c r="AE120776" i="1"/>
  <c r="AE120777" i="1"/>
  <c r="AE120778" i="1"/>
  <c r="AE120779" i="1"/>
  <c r="AE120780" i="1"/>
  <c r="AE120781" i="1"/>
  <c r="AE120782" i="1"/>
  <c r="AE120783" i="1"/>
  <c r="AE120784" i="1"/>
  <c r="AE120785" i="1"/>
  <c r="AE120786" i="1"/>
  <c r="AE120787" i="1"/>
  <c r="AE120788" i="1"/>
  <c r="AE120789" i="1"/>
  <c r="AE120790" i="1"/>
  <c r="AE120791" i="1"/>
  <c r="AE120792" i="1"/>
  <c r="AE120793" i="1"/>
  <c r="AE120794" i="1"/>
  <c r="AE120795" i="1"/>
  <c r="AE120796" i="1"/>
  <c r="AE120797" i="1"/>
  <c r="AE120798" i="1"/>
  <c r="AE120799" i="1"/>
  <c r="AE120800" i="1"/>
  <c r="AE120801" i="1"/>
  <c r="AE120802" i="1"/>
  <c r="AE120803" i="1"/>
  <c r="AE120804" i="1"/>
  <c r="AE120805" i="1"/>
  <c r="AE120806" i="1"/>
  <c r="AE120807" i="1"/>
  <c r="AE120808" i="1"/>
  <c r="AE120809" i="1"/>
  <c r="AE120810" i="1"/>
  <c r="AE120811" i="1"/>
  <c r="AE120812" i="1"/>
  <c r="AE120813" i="1"/>
  <c r="AE120814" i="1"/>
  <c r="AE120815" i="1"/>
  <c r="AE120816" i="1"/>
  <c r="AE120817" i="1"/>
  <c r="AE120818" i="1"/>
  <c r="AE120819" i="1"/>
  <c r="AE120820" i="1"/>
  <c r="AE120821" i="1"/>
  <c r="AE120822" i="1"/>
  <c r="AE120823" i="1"/>
  <c r="AE120824" i="1"/>
  <c r="AE120825" i="1"/>
  <c r="AE120826" i="1"/>
  <c r="AE120827" i="1"/>
  <c r="AE120828" i="1"/>
  <c r="AE120829" i="1"/>
  <c r="AE120830" i="1"/>
  <c r="AE120831" i="1"/>
  <c r="AE120832" i="1"/>
  <c r="AE120833" i="1"/>
  <c r="AE120834" i="1"/>
  <c r="AE120835" i="1"/>
  <c r="AE120836" i="1"/>
  <c r="AE120837" i="1"/>
  <c r="AE120838" i="1"/>
  <c r="AE120839" i="1"/>
  <c r="AE120840" i="1"/>
  <c r="AE120841" i="1"/>
  <c r="AE120842" i="1"/>
  <c r="AE120843" i="1"/>
  <c r="AE120844" i="1"/>
  <c r="AE120845" i="1"/>
  <c r="AE120846" i="1"/>
  <c r="AE120847" i="1"/>
  <c r="AE120848" i="1"/>
  <c r="AE120849" i="1"/>
  <c r="AE120850" i="1"/>
  <c r="AE120851" i="1"/>
  <c r="AE120852" i="1"/>
  <c r="AE120853" i="1"/>
  <c r="AE120854" i="1"/>
  <c r="AE120855" i="1"/>
  <c r="AE120856" i="1"/>
  <c r="AE120857" i="1"/>
  <c r="AE120858" i="1"/>
  <c r="AE120859" i="1"/>
  <c r="AE120860" i="1"/>
  <c r="AE120861" i="1"/>
  <c r="AE120862" i="1"/>
  <c r="AE120863" i="1"/>
  <c r="AE120864" i="1"/>
  <c r="AE120865" i="1"/>
  <c r="AE120866" i="1"/>
  <c r="AE120867" i="1"/>
  <c r="AE120868" i="1"/>
  <c r="AE120869" i="1"/>
  <c r="AE120870" i="1"/>
  <c r="AE120871" i="1"/>
  <c r="AE120872" i="1"/>
  <c r="AE120873" i="1"/>
  <c r="AE120874" i="1"/>
  <c r="AE120875" i="1"/>
  <c r="AE120876" i="1"/>
  <c r="AE120877" i="1"/>
  <c r="AE120878" i="1"/>
  <c r="AE120879" i="1"/>
  <c r="AE120880" i="1"/>
  <c r="AE120881" i="1"/>
  <c r="AE120882" i="1"/>
  <c r="AE120883" i="1"/>
  <c r="AE120884" i="1"/>
  <c r="AE120885" i="1"/>
  <c r="AE120886" i="1"/>
  <c r="AE120887" i="1"/>
  <c r="AE120888" i="1"/>
  <c r="AE120889" i="1"/>
  <c r="AE120890" i="1"/>
  <c r="AE120891" i="1"/>
  <c r="AE120892" i="1"/>
  <c r="AE120893" i="1"/>
  <c r="AE120894" i="1"/>
  <c r="AE120895" i="1"/>
  <c r="AE120896" i="1"/>
  <c r="AE120897" i="1"/>
  <c r="AE120898" i="1"/>
  <c r="AE120899" i="1"/>
  <c r="AE120900" i="1"/>
  <c r="AE120901" i="1"/>
  <c r="AE120902" i="1"/>
  <c r="AE120903" i="1"/>
  <c r="AE120904" i="1"/>
  <c r="AE120905" i="1"/>
  <c r="AE120906" i="1"/>
  <c r="AE120907" i="1"/>
  <c r="AE120908" i="1"/>
  <c r="AE120909" i="1"/>
  <c r="AE120910" i="1"/>
  <c r="AE120911" i="1"/>
  <c r="AE120912" i="1"/>
  <c r="AE120913" i="1"/>
  <c r="AE120914" i="1"/>
  <c r="AE120915" i="1"/>
  <c r="AE120916" i="1"/>
  <c r="AE120917" i="1"/>
  <c r="AE120918" i="1"/>
  <c r="AE120919" i="1"/>
  <c r="AE120920" i="1"/>
  <c r="AE120921" i="1"/>
  <c r="AE120922" i="1"/>
  <c r="AE120923" i="1"/>
  <c r="AE120924" i="1"/>
  <c r="AE120925" i="1"/>
  <c r="AE120926" i="1"/>
  <c r="AE120927" i="1"/>
  <c r="AE120928" i="1"/>
  <c r="AE120929" i="1"/>
  <c r="AE120930" i="1"/>
  <c r="AE120931" i="1"/>
  <c r="AE120932" i="1"/>
  <c r="AE120933" i="1"/>
  <c r="AE120934" i="1"/>
  <c r="AE120935" i="1"/>
  <c r="AE120936" i="1"/>
  <c r="AE120937" i="1"/>
  <c r="AE120938" i="1"/>
  <c r="AE120939" i="1"/>
  <c r="AE120940" i="1"/>
  <c r="AE120941" i="1"/>
  <c r="AE120942" i="1"/>
  <c r="AE120943" i="1"/>
  <c r="AE120944" i="1"/>
  <c r="AE120945" i="1"/>
  <c r="AE120946" i="1"/>
  <c r="AE120947" i="1"/>
  <c r="AE120948" i="1"/>
  <c r="AE120949" i="1"/>
  <c r="AE120950" i="1"/>
  <c r="AE120951" i="1"/>
  <c r="AE120952" i="1"/>
  <c r="AE120953" i="1"/>
  <c r="AE120954" i="1"/>
  <c r="AE120955" i="1"/>
  <c r="AE120956" i="1"/>
  <c r="AE120957" i="1"/>
  <c r="AE120958" i="1"/>
  <c r="AE120959" i="1"/>
  <c r="AE120960" i="1"/>
  <c r="AE120961" i="1"/>
  <c r="AE120962" i="1"/>
  <c r="AE120963" i="1"/>
  <c r="AE120964" i="1"/>
  <c r="AE120965" i="1"/>
  <c r="AE120966" i="1"/>
  <c r="AE120967" i="1"/>
  <c r="AE120968" i="1"/>
  <c r="AE120969" i="1"/>
  <c r="AE120970" i="1"/>
  <c r="AE120971" i="1"/>
  <c r="AE120972" i="1"/>
  <c r="AE120973" i="1"/>
  <c r="AE120974" i="1"/>
  <c r="AE120975" i="1"/>
  <c r="AE120976" i="1"/>
  <c r="AE120977" i="1"/>
  <c r="AE120978" i="1"/>
  <c r="AE120979" i="1"/>
  <c r="AE120980" i="1"/>
  <c r="AE120981" i="1"/>
  <c r="AE120982" i="1"/>
  <c r="AE120983" i="1"/>
  <c r="AE120984" i="1"/>
  <c r="AE120985" i="1"/>
  <c r="AE120986" i="1"/>
  <c r="AE120987" i="1"/>
  <c r="AE120988" i="1"/>
  <c r="AE120989" i="1"/>
  <c r="AE120990" i="1"/>
  <c r="AE120991" i="1"/>
  <c r="AE120992" i="1"/>
  <c r="AE120993" i="1"/>
  <c r="AE120994" i="1"/>
  <c r="AE120995" i="1"/>
  <c r="AE120996" i="1"/>
  <c r="AE120997" i="1"/>
  <c r="AE120998" i="1"/>
  <c r="AE120999" i="1"/>
  <c r="AE121000" i="1"/>
  <c r="AE121001" i="1"/>
  <c r="AE121002" i="1"/>
  <c r="AE121003" i="1"/>
  <c r="AE121004" i="1"/>
  <c r="AE121005" i="1"/>
  <c r="AE121006" i="1"/>
  <c r="AE121007" i="1"/>
  <c r="AE121008" i="1"/>
  <c r="AE121009" i="1"/>
  <c r="AE121010" i="1"/>
  <c r="AE121011" i="1"/>
  <c r="AE121012" i="1"/>
  <c r="AE121013" i="1"/>
  <c r="AE121014" i="1"/>
  <c r="AE121015" i="1"/>
  <c r="AE121016" i="1"/>
  <c r="AE121017" i="1"/>
  <c r="AE121018" i="1"/>
  <c r="AE121019" i="1"/>
  <c r="AE121020" i="1"/>
  <c r="AE121021" i="1"/>
  <c r="AE121022" i="1"/>
  <c r="AE121023" i="1"/>
  <c r="AE121024" i="1"/>
  <c r="AE121025" i="1"/>
  <c r="AE121026" i="1"/>
  <c r="AE121027" i="1"/>
  <c r="AE121028" i="1"/>
  <c r="AE121029" i="1"/>
  <c r="AE121030" i="1"/>
  <c r="AE121031" i="1"/>
  <c r="AE121032" i="1"/>
  <c r="AE121033" i="1"/>
  <c r="AE121034" i="1"/>
  <c r="AE121035" i="1"/>
  <c r="AE121036" i="1"/>
  <c r="AE121037" i="1"/>
  <c r="AE121038" i="1"/>
  <c r="AE121039" i="1"/>
  <c r="AE121040" i="1"/>
  <c r="AE121041" i="1"/>
  <c r="AE121042" i="1"/>
  <c r="AE121043" i="1"/>
  <c r="AE121044" i="1"/>
  <c r="AE121045" i="1"/>
  <c r="AE121046" i="1"/>
  <c r="AE121047" i="1"/>
  <c r="AE121048" i="1"/>
  <c r="AE121049" i="1"/>
  <c r="AE121050" i="1"/>
  <c r="AE121051" i="1"/>
  <c r="AE121052" i="1"/>
  <c r="AE121053" i="1"/>
  <c r="AE121054" i="1"/>
  <c r="AE121055" i="1"/>
  <c r="AE121056" i="1"/>
  <c r="AE121057" i="1"/>
  <c r="AE121058" i="1"/>
  <c r="AE121059" i="1"/>
  <c r="AE121060" i="1"/>
  <c r="AE121061" i="1"/>
  <c r="AE121062" i="1"/>
  <c r="AE121063" i="1"/>
  <c r="AE121064" i="1"/>
  <c r="AE121065" i="1"/>
  <c r="AE121066" i="1"/>
  <c r="AE121067" i="1"/>
  <c r="AE121068" i="1"/>
  <c r="AE121069" i="1"/>
  <c r="AE121070" i="1"/>
  <c r="AE121071" i="1"/>
  <c r="AE121072" i="1"/>
  <c r="AE121073" i="1"/>
  <c r="AE121074" i="1"/>
  <c r="AE121075" i="1"/>
  <c r="AE121076" i="1"/>
  <c r="AE121077" i="1"/>
  <c r="AE121078" i="1"/>
  <c r="AE121079" i="1"/>
  <c r="AE121080" i="1"/>
  <c r="AE121081" i="1"/>
  <c r="AE121082" i="1"/>
  <c r="AE121083" i="1"/>
  <c r="AE121084" i="1"/>
  <c r="AE121085" i="1"/>
  <c r="AE121086" i="1"/>
  <c r="AE121087" i="1"/>
  <c r="AE121088" i="1"/>
  <c r="AE121089" i="1"/>
  <c r="AE121090" i="1"/>
  <c r="AE121091" i="1"/>
  <c r="AE121092" i="1"/>
  <c r="AE121093" i="1"/>
  <c r="AE121094" i="1"/>
  <c r="AE121095" i="1"/>
  <c r="AE121096" i="1"/>
  <c r="AE121097" i="1"/>
  <c r="AE121098" i="1"/>
  <c r="AE121099" i="1"/>
  <c r="AE121100" i="1"/>
  <c r="AE121101" i="1"/>
  <c r="AE121102" i="1"/>
  <c r="AE121103" i="1"/>
  <c r="AE121104" i="1"/>
  <c r="AE121105" i="1"/>
  <c r="AE121106" i="1"/>
  <c r="AE121107" i="1"/>
  <c r="AE121108" i="1"/>
  <c r="AE121109" i="1"/>
  <c r="AE121110" i="1"/>
  <c r="AE121111" i="1"/>
  <c r="AE121112" i="1"/>
  <c r="AE121113" i="1"/>
  <c r="AE121114" i="1"/>
  <c r="AE121115" i="1"/>
  <c r="AE121116" i="1"/>
  <c r="AE121117" i="1"/>
  <c r="AE121118" i="1"/>
  <c r="AE121119" i="1"/>
  <c r="AE121120" i="1"/>
  <c r="AE121121" i="1"/>
  <c r="AE121122" i="1"/>
  <c r="AE121123" i="1"/>
  <c r="AE121124" i="1"/>
  <c r="AE121125" i="1"/>
  <c r="AE121126" i="1"/>
  <c r="AE121127" i="1"/>
  <c r="AE121128" i="1"/>
  <c r="AE121129" i="1"/>
  <c r="AE121130" i="1"/>
  <c r="AE121131" i="1"/>
  <c r="AE121132" i="1"/>
  <c r="AE121133" i="1"/>
  <c r="AE121134" i="1"/>
  <c r="AE121135" i="1"/>
  <c r="AE121136" i="1"/>
  <c r="AE121137" i="1"/>
  <c r="AE121138" i="1"/>
  <c r="AE121139" i="1"/>
  <c r="AE121140" i="1"/>
  <c r="AE121141" i="1"/>
  <c r="AE121142" i="1"/>
  <c r="AE121143" i="1"/>
  <c r="AE121144" i="1"/>
  <c r="AE121145" i="1"/>
  <c r="AE121146" i="1"/>
  <c r="AE121147" i="1"/>
  <c r="AE121148" i="1"/>
  <c r="AE121149" i="1"/>
  <c r="AE121150" i="1"/>
  <c r="AE121151" i="1"/>
  <c r="AE121152" i="1"/>
  <c r="AE121153" i="1"/>
  <c r="AE121154" i="1"/>
  <c r="AE121155" i="1"/>
  <c r="AE121156" i="1"/>
  <c r="AE121157" i="1"/>
  <c r="AE121158" i="1"/>
  <c r="AE121159" i="1"/>
  <c r="AE121160" i="1"/>
  <c r="AE121161" i="1"/>
  <c r="AE121162" i="1"/>
  <c r="AE121163" i="1"/>
  <c r="AE121164" i="1"/>
  <c r="AE121165" i="1"/>
  <c r="AE121166" i="1"/>
  <c r="AE121167" i="1"/>
  <c r="AE121168" i="1"/>
  <c r="AE121169" i="1"/>
  <c r="AE121170" i="1"/>
  <c r="AE121171" i="1"/>
  <c r="AE121172" i="1"/>
  <c r="AE121173" i="1"/>
  <c r="AE121174" i="1"/>
  <c r="AE121175" i="1"/>
  <c r="AE121176" i="1"/>
  <c r="AE121177" i="1"/>
  <c r="AE121178" i="1"/>
  <c r="AE121179" i="1"/>
  <c r="AE121180" i="1"/>
  <c r="AE121181" i="1"/>
  <c r="AE121182" i="1"/>
  <c r="AE121183" i="1"/>
  <c r="AE121184" i="1"/>
  <c r="AE121185" i="1"/>
  <c r="AE121186" i="1"/>
  <c r="AE121187" i="1"/>
  <c r="AE121188" i="1"/>
  <c r="AE121189" i="1"/>
  <c r="AE121190" i="1"/>
  <c r="AE121191" i="1"/>
  <c r="AE121192" i="1"/>
  <c r="AE121193" i="1"/>
  <c r="AE121194" i="1"/>
  <c r="AE121195" i="1"/>
  <c r="AE121196" i="1"/>
  <c r="AE121197" i="1"/>
  <c r="AE121198" i="1"/>
  <c r="AE121199" i="1"/>
  <c r="AE121200" i="1"/>
  <c r="AE121201" i="1"/>
  <c r="AE121202" i="1"/>
  <c r="AE121203" i="1"/>
  <c r="AE121204" i="1"/>
  <c r="AE121205" i="1"/>
  <c r="AE121206" i="1"/>
  <c r="AE121207" i="1"/>
  <c r="AE121208" i="1"/>
  <c r="AE121209" i="1"/>
  <c r="AE121210" i="1"/>
  <c r="AE121211" i="1"/>
  <c r="AE121212" i="1"/>
  <c r="AE121213" i="1"/>
  <c r="AE121214" i="1"/>
  <c r="AE121215" i="1"/>
  <c r="AE121216" i="1"/>
  <c r="AE121217" i="1"/>
  <c r="AE121218" i="1"/>
  <c r="AE121219" i="1"/>
  <c r="AE121220" i="1"/>
  <c r="AE121221" i="1"/>
  <c r="AE121222" i="1"/>
  <c r="AE121223" i="1"/>
  <c r="AE121224" i="1"/>
  <c r="AE121225" i="1"/>
  <c r="AE121226" i="1"/>
  <c r="AE121227" i="1"/>
  <c r="AE121228" i="1"/>
  <c r="AE121229" i="1"/>
  <c r="AE121230" i="1"/>
  <c r="AE121231" i="1"/>
  <c r="AE121232" i="1"/>
  <c r="AE121233" i="1"/>
  <c r="AE121234" i="1"/>
  <c r="AE121235" i="1"/>
  <c r="AE121236" i="1"/>
  <c r="AE121237" i="1"/>
  <c r="AE121238" i="1"/>
  <c r="AE121239" i="1"/>
  <c r="AE121240" i="1"/>
  <c r="AE121241" i="1"/>
  <c r="AE121242" i="1"/>
  <c r="AE121243" i="1"/>
  <c r="AE121244" i="1"/>
  <c r="AE121245" i="1"/>
  <c r="AE121246" i="1"/>
  <c r="AE121247" i="1"/>
  <c r="AE121248" i="1"/>
  <c r="AE121249" i="1"/>
  <c r="AE121250" i="1"/>
  <c r="AE121251" i="1"/>
  <c r="AE121252" i="1"/>
  <c r="AE121253" i="1"/>
  <c r="AE121254" i="1"/>
  <c r="AE121255" i="1"/>
  <c r="AE121256" i="1"/>
  <c r="AE121257" i="1"/>
  <c r="AE121258" i="1"/>
  <c r="AE121259" i="1"/>
  <c r="AE121260" i="1"/>
  <c r="AE121261" i="1"/>
  <c r="AE121262" i="1"/>
  <c r="AE121263" i="1"/>
  <c r="AE121264" i="1"/>
  <c r="AE121265" i="1"/>
  <c r="AE121266" i="1"/>
  <c r="AE121267" i="1"/>
  <c r="AE121268" i="1"/>
  <c r="AE121269" i="1"/>
  <c r="AE121270" i="1"/>
  <c r="AE121271" i="1"/>
  <c r="AE121272" i="1"/>
  <c r="AE121273" i="1"/>
  <c r="AE121274" i="1"/>
  <c r="AE121275" i="1"/>
  <c r="AE121276" i="1"/>
  <c r="AE121277" i="1"/>
  <c r="AE121278" i="1"/>
  <c r="AE121279" i="1"/>
  <c r="AE121280" i="1"/>
  <c r="AE121281" i="1"/>
  <c r="AE121282" i="1"/>
  <c r="AE121283" i="1"/>
  <c r="AE121284" i="1"/>
  <c r="AE121285" i="1"/>
  <c r="AE121286" i="1"/>
  <c r="AE121287" i="1"/>
  <c r="AE121288" i="1"/>
  <c r="AE121289" i="1"/>
  <c r="AE121290" i="1"/>
  <c r="AE121291" i="1"/>
  <c r="AE121292" i="1"/>
  <c r="AE121293" i="1"/>
  <c r="AE121294" i="1"/>
  <c r="AE121295" i="1"/>
  <c r="AE121296" i="1"/>
  <c r="AE121297" i="1"/>
  <c r="AE121298" i="1"/>
  <c r="AE121299" i="1"/>
  <c r="AE121300" i="1"/>
  <c r="AE121301" i="1"/>
  <c r="AE121302" i="1"/>
  <c r="AE121303" i="1"/>
  <c r="AE121304" i="1"/>
  <c r="AE121305" i="1"/>
  <c r="AE121306" i="1"/>
  <c r="AE121307" i="1"/>
  <c r="AE121308" i="1"/>
  <c r="AE121309" i="1"/>
  <c r="AE121310" i="1"/>
  <c r="AE121311" i="1"/>
  <c r="AE121312" i="1"/>
  <c r="AE121313" i="1"/>
  <c r="AE121314" i="1"/>
  <c r="AE121315" i="1"/>
  <c r="AE121316" i="1"/>
  <c r="AE121317" i="1"/>
  <c r="AE121318" i="1"/>
  <c r="AE121319" i="1"/>
  <c r="AE121320" i="1"/>
  <c r="AE121321" i="1"/>
  <c r="AE121322" i="1"/>
  <c r="AE121323" i="1"/>
  <c r="AE121324" i="1"/>
  <c r="AE121325" i="1"/>
  <c r="AE121326" i="1"/>
  <c r="AE121327" i="1"/>
  <c r="AE121328" i="1"/>
  <c r="AE121329" i="1"/>
  <c r="AE121330" i="1"/>
  <c r="AE121331" i="1"/>
  <c r="AE121332" i="1"/>
  <c r="AE121333" i="1"/>
  <c r="AE121334" i="1"/>
  <c r="AE121335" i="1"/>
  <c r="AE121336" i="1"/>
  <c r="AE121337" i="1"/>
  <c r="AE121338" i="1"/>
  <c r="AE121339" i="1"/>
  <c r="AE121340" i="1"/>
  <c r="AE121341" i="1"/>
  <c r="AE121342" i="1"/>
  <c r="AE121343" i="1"/>
  <c r="AE121344" i="1"/>
  <c r="AE121345" i="1"/>
  <c r="AE121346" i="1"/>
  <c r="AE121347" i="1"/>
  <c r="AE121348" i="1"/>
  <c r="AE121349" i="1"/>
  <c r="AE121350" i="1"/>
  <c r="AE121351" i="1"/>
  <c r="AE121352" i="1"/>
  <c r="AE121353" i="1"/>
  <c r="AE121354" i="1"/>
  <c r="AE121355" i="1"/>
  <c r="AE121356" i="1"/>
  <c r="AE121357" i="1"/>
  <c r="AE121358" i="1"/>
  <c r="AE121359" i="1"/>
  <c r="AE121360" i="1"/>
  <c r="AE121361" i="1"/>
  <c r="AE121362" i="1"/>
  <c r="AE121363" i="1"/>
  <c r="AE121364" i="1"/>
  <c r="AE121365" i="1"/>
  <c r="AE121366" i="1"/>
  <c r="AE121367" i="1"/>
  <c r="AE121368" i="1"/>
  <c r="AE121369" i="1"/>
  <c r="AE121370" i="1"/>
  <c r="AE121371" i="1"/>
  <c r="AE121372" i="1"/>
  <c r="AE121373" i="1"/>
  <c r="AE121374" i="1"/>
  <c r="AE121375" i="1"/>
  <c r="AE121376" i="1"/>
  <c r="AE121377" i="1"/>
  <c r="AE121378" i="1"/>
  <c r="AE121379" i="1"/>
  <c r="AE121380" i="1"/>
  <c r="AE121381" i="1"/>
  <c r="AE121382" i="1"/>
  <c r="AE121383" i="1"/>
  <c r="AE121384" i="1"/>
  <c r="AE121385" i="1"/>
  <c r="AE121386" i="1"/>
  <c r="AE121387" i="1"/>
  <c r="AE121388" i="1"/>
  <c r="AE121389" i="1"/>
  <c r="AE121390" i="1"/>
  <c r="AE121391" i="1"/>
  <c r="AE121392" i="1"/>
  <c r="AE121393" i="1"/>
  <c r="AE121394" i="1"/>
  <c r="AE121395" i="1"/>
  <c r="AE121396" i="1"/>
  <c r="AE121397" i="1"/>
  <c r="AE121398" i="1"/>
  <c r="AE121399" i="1"/>
  <c r="AE121400" i="1"/>
  <c r="AE121401" i="1"/>
  <c r="AE121402" i="1"/>
  <c r="AE121403" i="1"/>
  <c r="AE121404" i="1"/>
  <c r="AE121405" i="1"/>
  <c r="AE121406" i="1"/>
  <c r="AE121407" i="1"/>
  <c r="AE121408" i="1"/>
  <c r="AE121409" i="1"/>
  <c r="AE121410" i="1"/>
  <c r="AE121411" i="1"/>
  <c r="AE121412" i="1"/>
  <c r="AE121413" i="1"/>
  <c r="AE121414" i="1"/>
  <c r="AE121415" i="1"/>
  <c r="AE121416" i="1"/>
  <c r="AE121417" i="1"/>
  <c r="AE121418" i="1"/>
  <c r="AE121419" i="1"/>
  <c r="AE121420" i="1"/>
  <c r="AE121421" i="1"/>
  <c r="AE121422" i="1"/>
  <c r="AE121423" i="1"/>
  <c r="AE121424" i="1"/>
  <c r="AE121425" i="1"/>
  <c r="AE121426" i="1"/>
  <c r="AE121427" i="1"/>
  <c r="AE121428" i="1"/>
  <c r="AE121429" i="1"/>
  <c r="AE121430" i="1"/>
  <c r="AE121431" i="1"/>
  <c r="AE121432" i="1"/>
  <c r="AE121433" i="1"/>
  <c r="AE121434" i="1"/>
  <c r="AE121435" i="1"/>
  <c r="AE121436" i="1"/>
  <c r="AE121437" i="1"/>
  <c r="AE121438" i="1"/>
  <c r="AE121439" i="1"/>
  <c r="AE121440" i="1"/>
  <c r="AE121441" i="1"/>
  <c r="AE121442" i="1"/>
  <c r="AE121443" i="1"/>
  <c r="AE121444" i="1"/>
  <c r="AE121445" i="1"/>
  <c r="AE121446" i="1"/>
  <c r="AE121447" i="1"/>
  <c r="AE121448" i="1"/>
  <c r="AE121449" i="1"/>
  <c r="AE121450" i="1"/>
  <c r="AE121451" i="1"/>
  <c r="AE121452" i="1"/>
  <c r="AE121453" i="1"/>
  <c r="AE121454" i="1"/>
  <c r="AE121455" i="1"/>
  <c r="AE121456" i="1"/>
  <c r="AE121457" i="1"/>
  <c r="AE121458" i="1"/>
  <c r="AE121459" i="1"/>
  <c r="AE121460" i="1"/>
  <c r="AE121461" i="1"/>
  <c r="AE121462" i="1"/>
  <c r="AE121463" i="1"/>
  <c r="AE121464" i="1"/>
  <c r="AE121465" i="1"/>
  <c r="AE121466" i="1"/>
  <c r="AE121467" i="1"/>
  <c r="AE121468" i="1"/>
  <c r="AE121469" i="1"/>
  <c r="AE121470" i="1"/>
  <c r="AE121471" i="1"/>
  <c r="AE121472" i="1"/>
  <c r="AE121473" i="1"/>
  <c r="AE121474" i="1"/>
  <c r="AE121475" i="1"/>
  <c r="AE121476" i="1"/>
  <c r="AE121477" i="1"/>
  <c r="AE121478" i="1"/>
  <c r="AE121479" i="1"/>
  <c r="AE121480" i="1"/>
  <c r="AE121481" i="1"/>
  <c r="AE121482" i="1"/>
  <c r="AE121483" i="1"/>
  <c r="AE121484" i="1"/>
  <c r="AE121485" i="1"/>
  <c r="AE121486" i="1"/>
  <c r="AE121487" i="1"/>
  <c r="AE121488" i="1"/>
  <c r="AE121489" i="1"/>
  <c r="AE121490" i="1"/>
  <c r="AE121491" i="1"/>
  <c r="AE121492" i="1"/>
  <c r="AE121493" i="1"/>
  <c r="AE121494" i="1"/>
  <c r="AE121495" i="1"/>
  <c r="AE121496" i="1"/>
  <c r="AE121497" i="1"/>
  <c r="AE121498" i="1"/>
  <c r="AE121499" i="1"/>
  <c r="AE121500" i="1"/>
  <c r="AE121501" i="1"/>
  <c r="AE121502" i="1"/>
  <c r="AE121503" i="1"/>
  <c r="AE121504" i="1"/>
  <c r="AE121505" i="1"/>
  <c r="AE121506" i="1"/>
  <c r="AE121507" i="1"/>
  <c r="AE121508" i="1"/>
  <c r="AE121509" i="1"/>
  <c r="AE121510" i="1"/>
  <c r="AE121511" i="1"/>
  <c r="AE121512" i="1"/>
  <c r="AE121513" i="1"/>
  <c r="AE121514" i="1"/>
  <c r="AE121515" i="1"/>
  <c r="AE121516" i="1"/>
  <c r="AE121517" i="1"/>
  <c r="AE121518" i="1"/>
  <c r="AE121519" i="1"/>
  <c r="AE121520" i="1"/>
  <c r="AE121521" i="1"/>
  <c r="AE121522" i="1"/>
  <c r="AE121523" i="1"/>
  <c r="AE121524" i="1"/>
  <c r="AE121525" i="1"/>
  <c r="AE121526" i="1"/>
  <c r="AE121527" i="1"/>
  <c r="AE121528" i="1"/>
  <c r="AE121529" i="1"/>
  <c r="AE121530" i="1"/>
  <c r="AE121531" i="1"/>
  <c r="AE121532" i="1"/>
  <c r="AE121533" i="1"/>
  <c r="AE121534" i="1"/>
  <c r="AE121535" i="1"/>
  <c r="AE121536" i="1"/>
  <c r="AE121537" i="1"/>
  <c r="AE121538" i="1"/>
  <c r="AE121539" i="1"/>
  <c r="AE121540" i="1"/>
  <c r="AE121541" i="1"/>
  <c r="AE121542" i="1"/>
  <c r="AE121543" i="1"/>
  <c r="AE121544" i="1"/>
  <c r="AE121545" i="1"/>
  <c r="AE121546" i="1"/>
  <c r="AE121547" i="1"/>
  <c r="AE121548" i="1"/>
  <c r="AE121549" i="1"/>
  <c r="AE121550" i="1"/>
  <c r="AE121551" i="1"/>
  <c r="AE121552" i="1"/>
  <c r="AE121553" i="1"/>
  <c r="AE121554" i="1"/>
  <c r="AE121555" i="1"/>
  <c r="AE121556" i="1"/>
  <c r="AE121557" i="1"/>
  <c r="AE121558" i="1"/>
  <c r="AE121559" i="1"/>
  <c r="AE121560" i="1"/>
  <c r="AE121561" i="1"/>
  <c r="AE121562" i="1"/>
  <c r="AE121563" i="1"/>
  <c r="AE121564" i="1"/>
  <c r="AE121565" i="1"/>
  <c r="AE121566" i="1"/>
  <c r="AE121567" i="1"/>
  <c r="AE121568" i="1"/>
  <c r="AE121569" i="1"/>
  <c r="AE121570" i="1"/>
  <c r="AE121571" i="1"/>
  <c r="AE121572" i="1"/>
  <c r="AE121573" i="1"/>
  <c r="AE121574" i="1"/>
  <c r="AE121575" i="1"/>
  <c r="AE121576" i="1"/>
  <c r="AE121577" i="1"/>
  <c r="AE121578" i="1"/>
  <c r="AE121579" i="1"/>
  <c r="AE121580" i="1"/>
  <c r="AE121581" i="1"/>
  <c r="AE121582" i="1"/>
  <c r="AE121583" i="1"/>
  <c r="AE121584" i="1"/>
  <c r="AE121585" i="1"/>
  <c r="AE121586" i="1"/>
  <c r="AE121587" i="1"/>
  <c r="AE121588" i="1"/>
  <c r="AE121589" i="1"/>
  <c r="AE121590" i="1"/>
  <c r="AE121591" i="1"/>
  <c r="AE121592" i="1"/>
  <c r="AE121593" i="1"/>
  <c r="AE121594" i="1"/>
  <c r="AE121595" i="1"/>
  <c r="AE121596" i="1"/>
  <c r="AE121597" i="1"/>
  <c r="AE121598" i="1"/>
  <c r="AE121599" i="1"/>
  <c r="AE121600" i="1"/>
  <c r="AE121601" i="1"/>
  <c r="AE121602" i="1"/>
  <c r="AE121603" i="1"/>
  <c r="AE121604" i="1"/>
  <c r="AE121605" i="1"/>
  <c r="AE121606" i="1"/>
  <c r="AE121607" i="1"/>
  <c r="AE121608" i="1"/>
  <c r="AE121609" i="1"/>
  <c r="AE121610" i="1"/>
  <c r="AE121611" i="1"/>
  <c r="AE121612" i="1"/>
  <c r="AE121613" i="1"/>
  <c r="AE121614" i="1"/>
  <c r="AE121615" i="1"/>
  <c r="AE121616" i="1"/>
  <c r="AE121617" i="1"/>
  <c r="AE121618" i="1"/>
  <c r="AE121619" i="1"/>
  <c r="AE121620" i="1"/>
  <c r="AE121621" i="1"/>
  <c r="AE121622" i="1"/>
  <c r="AE121623" i="1"/>
  <c r="AE121624" i="1"/>
  <c r="AE121625" i="1"/>
  <c r="AE121626" i="1"/>
  <c r="AE121627" i="1"/>
  <c r="AE121628" i="1"/>
  <c r="AE121629" i="1"/>
  <c r="AE121630" i="1"/>
  <c r="AE121631" i="1"/>
  <c r="AE121632" i="1"/>
  <c r="AE121633" i="1"/>
  <c r="AE121634" i="1"/>
  <c r="AE121635" i="1"/>
  <c r="AE121636" i="1"/>
  <c r="AE121637" i="1"/>
  <c r="AE121638" i="1"/>
  <c r="AE121639" i="1"/>
  <c r="AE121640" i="1"/>
  <c r="AE121641" i="1"/>
  <c r="AE121642" i="1"/>
  <c r="AE121643" i="1"/>
  <c r="AE121644" i="1"/>
  <c r="AE121645" i="1"/>
  <c r="AE121646" i="1"/>
  <c r="AE121647" i="1"/>
  <c r="AE121648" i="1"/>
  <c r="AE121649" i="1"/>
  <c r="AE121650" i="1"/>
  <c r="AE121651" i="1"/>
  <c r="AE121652" i="1"/>
  <c r="AE121653" i="1"/>
  <c r="AE121654" i="1"/>
  <c r="AE121655" i="1"/>
  <c r="AE121656" i="1"/>
  <c r="AE121657" i="1"/>
  <c r="AE121658" i="1"/>
  <c r="AE121659" i="1"/>
  <c r="AE121660" i="1"/>
  <c r="AE121661" i="1"/>
  <c r="AE121662" i="1"/>
  <c r="AE121663" i="1"/>
  <c r="AE121664" i="1"/>
  <c r="AE121665" i="1"/>
  <c r="AE121666" i="1"/>
  <c r="AE121667" i="1"/>
  <c r="AE121668" i="1"/>
  <c r="AE121669" i="1"/>
  <c r="AE121670" i="1"/>
  <c r="AE121671" i="1"/>
  <c r="AE121672" i="1"/>
  <c r="AE121673" i="1"/>
  <c r="AE121674" i="1"/>
  <c r="AE121675" i="1"/>
  <c r="AE121676" i="1"/>
  <c r="AE121677" i="1"/>
  <c r="AE121678" i="1"/>
  <c r="AE121679" i="1"/>
  <c r="AE121680" i="1"/>
  <c r="AE121681" i="1"/>
  <c r="AE121682" i="1"/>
  <c r="AE121683" i="1"/>
  <c r="AE121684" i="1"/>
  <c r="AE121685" i="1"/>
  <c r="AE121686" i="1"/>
  <c r="AE121687" i="1"/>
  <c r="AE121688" i="1"/>
  <c r="AE121689" i="1"/>
  <c r="AE121690" i="1"/>
  <c r="AE121691" i="1"/>
  <c r="AE121692" i="1"/>
  <c r="AE121693" i="1"/>
  <c r="AE121694" i="1"/>
  <c r="AE121695" i="1"/>
  <c r="AE121696" i="1"/>
  <c r="AE121697" i="1"/>
  <c r="AE121698" i="1"/>
  <c r="AE121699" i="1"/>
  <c r="AE121700" i="1"/>
  <c r="AE121701" i="1"/>
  <c r="AE121702" i="1"/>
  <c r="AE121703" i="1"/>
  <c r="AE121704" i="1"/>
  <c r="AE121705" i="1"/>
  <c r="AE121706" i="1"/>
  <c r="AE121707" i="1"/>
  <c r="AE121708" i="1"/>
  <c r="AE121709" i="1"/>
  <c r="AE121710" i="1"/>
  <c r="AE121711" i="1"/>
  <c r="AE121712" i="1"/>
  <c r="AE121713" i="1"/>
  <c r="AE121714" i="1"/>
  <c r="AE121715" i="1"/>
  <c r="AE121716" i="1"/>
  <c r="AE121717" i="1"/>
  <c r="AE121718" i="1"/>
  <c r="AE121719" i="1"/>
  <c r="AE121720" i="1"/>
  <c r="AE121721" i="1"/>
  <c r="AE121722" i="1"/>
  <c r="AE121723" i="1"/>
  <c r="AE121724" i="1"/>
  <c r="AE121725" i="1"/>
  <c r="AE121726" i="1"/>
  <c r="AE121727" i="1"/>
  <c r="AE121728" i="1"/>
  <c r="AE121729" i="1"/>
  <c r="AE121730" i="1"/>
  <c r="AE121731" i="1"/>
  <c r="AE121732" i="1"/>
  <c r="AE121733" i="1"/>
  <c r="AE121734" i="1"/>
  <c r="AE121735" i="1"/>
  <c r="AE121736" i="1"/>
  <c r="AE121737" i="1"/>
  <c r="AE121738" i="1"/>
  <c r="AE121739" i="1"/>
  <c r="AE121740" i="1"/>
  <c r="AE121741" i="1"/>
  <c r="AE121742" i="1"/>
  <c r="AE121743" i="1"/>
  <c r="AE121744" i="1"/>
  <c r="AE121745" i="1"/>
  <c r="AE121746" i="1"/>
  <c r="AE121747" i="1"/>
  <c r="AE121748" i="1"/>
  <c r="AE121749" i="1"/>
  <c r="AE121750" i="1"/>
  <c r="AE121751" i="1"/>
  <c r="AE121752" i="1"/>
  <c r="AE121753" i="1"/>
  <c r="AE121754" i="1"/>
  <c r="AE121755" i="1"/>
  <c r="AE121756" i="1"/>
  <c r="AE121757" i="1"/>
  <c r="AE121758" i="1"/>
  <c r="AE121759" i="1"/>
  <c r="AE121760" i="1"/>
  <c r="AE121761" i="1"/>
  <c r="AE121762" i="1"/>
  <c r="AE121763" i="1"/>
  <c r="AE121764" i="1"/>
  <c r="AE121765" i="1"/>
  <c r="AE121766" i="1"/>
  <c r="AE121767" i="1"/>
  <c r="AE121768" i="1"/>
  <c r="AE121769" i="1"/>
  <c r="AE121770" i="1"/>
  <c r="AE121771" i="1"/>
  <c r="AE121772" i="1"/>
  <c r="AE121773" i="1"/>
  <c r="AE121774" i="1"/>
  <c r="AE121775" i="1"/>
  <c r="AE121776" i="1"/>
  <c r="AE121777" i="1"/>
  <c r="AE121778" i="1"/>
  <c r="AE121779" i="1"/>
  <c r="AE121780" i="1"/>
  <c r="AE121781" i="1"/>
  <c r="AE121782" i="1"/>
  <c r="AE121783" i="1"/>
  <c r="AE121784" i="1"/>
  <c r="AE121785" i="1"/>
  <c r="AE121786" i="1"/>
  <c r="AE121787" i="1"/>
  <c r="AE121788" i="1"/>
  <c r="AE121789" i="1"/>
  <c r="AE121790" i="1"/>
  <c r="AE121791" i="1"/>
  <c r="AE121792" i="1"/>
  <c r="AE121793" i="1"/>
  <c r="AE121794" i="1"/>
  <c r="AE121795" i="1"/>
  <c r="AE121796" i="1"/>
  <c r="AE121797" i="1"/>
  <c r="AE121798" i="1"/>
  <c r="AE121799" i="1"/>
  <c r="AE121800" i="1"/>
  <c r="AE121801" i="1"/>
  <c r="AE121802" i="1"/>
  <c r="AE121803" i="1"/>
  <c r="AE121804" i="1"/>
  <c r="AE121805" i="1"/>
  <c r="AE121806" i="1"/>
  <c r="AE121807" i="1"/>
  <c r="AE121808" i="1"/>
  <c r="AE121809" i="1"/>
  <c r="AE121810" i="1"/>
  <c r="AE121811" i="1"/>
  <c r="AE121812" i="1"/>
  <c r="AE121813" i="1"/>
  <c r="AE121814" i="1"/>
  <c r="AE121815" i="1"/>
  <c r="AE121816" i="1"/>
  <c r="AE121817" i="1"/>
  <c r="AE121818" i="1"/>
  <c r="AE121819" i="1"/>
  <c r="AE121820" i="1"/>
  <c r="AE121821" i="1"/>
  <c r="AE121822" i="1"/>
  <c r="AE121823" i="1"/>
  <c r="AE121824" i="1"/>
  <c r="AE121825" i="1"/>
  <c r="AE121826" i="1"/>
  <c r="AE121827" i="1"/>
  <c r="AE121828" i="1"/>
  <c r="AE121829" i="1"/>
  <c r="AE121830" i="1"/>
  <c r="AE121831" i="1"/>
  <c r="AE121832" i="1"/>
  <c r="AE121833" i="1"/>
  <c r="AE121834" i="1"/>
  <c r="AE121835" i="1"/>
  <c r="AE121836" i="1"/>
  <c r="AE121837" i="1"/>
  <c r="AE121838" i="1"/>
  <c r="AE121839" i="1"/>
  <c r="AE121840" i="1"/>
  <c r="AE121841" i="1"/>
  <c r="AE121842" i="1"/>
  <c r="AE121843" i="1"/>
  <c r="AE121844" i="1"/>
  <c r="AE121845" i="1"/>
  <c r="AE121846" i="1"/>
  <c r="AE121847" i="1"/>
  <c r="AE121848" i="1"/>
  <c r="AE121849" i="1"/>
  <c r="AE121850" i="1"/>
  <c r="AE121851" i="1"/>
  <c r="AE121852" i="1"/>
  <c r="AE121853" i="1"/>
  <c r="AE121854" i="1"/>
  <c r="AE121855" i="1"/>
  <c r="AE121856" i="1"/>
  <c r="AE121857" i="1"/>
  <c r="AE121858" i="1"/>
  <c r="AE121859" i="1"/>
  <c r="AE121860" i="1"/>
  <c r="AE121861" i="1"/>
  <c r="AE121862" i="1"/>
  <c r="AE121863" i="1"/>
  <c r="AE121864" i="1"/>
  <c r="AE121865" i="1"/>
  <c r="AE121866" i="1"/>
  <c r="AE121867" i="1"/>
  <c r="AE121868" i="1"/>
  <c r="AE121869" i="1"/>
  <c r="AE121870" i="1"/>
  <c r="AE121871" i="1"/>
  <c r="AE121872" i="1"/>
  <c r="AE121873" i="1"/>
  <c r="AE121874" i="1"/>
  <c r="AE121875" i="1"/>
  <c r="AE121876" i="1"/>
  <c r="AE121877" i="1"/>
  <c r="AE121878" i="1"/>
  <c r="AE121879" i="1"/>
  <c r="AE121880" i="1"/>
  <c r="AE121881" i="1"/>
  <c r="AE121882" i="1"/>
  <c r="AE121883" i="1"/>
  <c r="AE121884" i="1"/>
  <c r="AE121885" i="1"/>
  <c r="AE121886" i="1"/>
  <c r="AE121887" i="1"/>
  <c r="AE121888" i="1"/>
  <c r="AE121889" i="1"/>
  <c r="AE121890" i="1"/>
  <c r="AE121891" i="1"/>
  <c r="AE121892" i="1"/>
  <c r="AE121893" i="1"/>
  <c r="AE121894" i="1"/>
  <c r="AE121895" i="1"/>
  <c r="AE121896" i="1"/>
  <c r="AE121897" i="1"/>
  <c r="AE121898" i="1"/>
  <c r="AE121899" i="1"/>
  <c r="AE121900" i="1"/>
  <c r="AE121901" i="1"/>
  <c r="AE121902" i="1"/>
  <c r="AE121903" i="1"/>
  <c r="AE121904" i="1"/>
  <c r="AE121905" i="1"/>
  <c r="AE121906" i="1"/>
  <c r="AE121907" i="1"/>
  <c r="AE121908" i="1"/>
  <c r="AE121909" i="1"/>
  <c r="AE121910" i="1"/>
  <c r="AE121911" i="1"/>
  <c r="AE121912" i="1"/>
  <c r="AE121913" i="1"/>
  <c r="AE121914" i="1"/>
  <c r="AE121915" i="1"/>
  <c r="AE121916" i="1"/>
  <c r="AE121917" i="1"/>
  <c r="AE121918" i="1"/>
  <c r="AE121919" i="1"/>
  <c r="AE121920" i="1"/>
  <c r="AE121921" i="1"/>
  <c r="AE121922" i="1"/>
  <c r="AE121923" i="1"/>
  <c r="AE121924" i="1"/>
  <c r="AE121925" i="1"/>
  <c r="AE121926" i="1"/>
  <c r="AE121927" i="1"/>
  <c r="AE121928" i="1"/>
  <c r="AE121929" i="1"/>
  <c r="AE121930" i="1"/>
  <c r="AE121931" i="1"/>
  <c r="AE121932" i="1"/>
  <c r="AE121933" i="1"/>
  <c r="AE121934" i="1"/>
  <c r="AE121935" i="1"/>
  <c r="AE121936" i="1"/>
  <c r="AE121937" i="1"/>
  <c r="AE121938" i="1"/>
  <c r="AE121939" i="1"/>
  <c r="AE121940" i="1"/>
  <c r="AE121941" i="1"/>
  <c r="AE121942" i="1"/>
  <c r="AE121943" i="1"/>
  <c r="AE121944" i="1"/>
  <c r="AE121945" i="1"/>
  <c r="AE121946" i="1"/>
  <c r="AE121947" i="1"/>
  <c r="AE121948" i="1"/>
  <c r="AE121949" i="1"/>
  <c r="AE121950" i="1"/>
  <c r="AE121951" i="1"/>
  <c r="AE121952" i="1"/>
  <c r="AE121953" i="1"/>
  <c r="AE121954" i="1"/>
  <c r="AE121955" i="1"/>
  <c r="AE121956" i="1"/>
  <c r="AE121957" i="1"/>
  <c r="AE121958" i="1"/>
  <c r="AE121959" i="1"/>
  <c r="AE121960" i="1"/>
  <c r="AE121961" i="1"/>
  <c r="AE121962" i="1"/>
  <c r="AE121963" i="1"/>
  <c r="AE121964" i="1"/>
  <c r="AE121965" i="1"/>
  <c r="AE121966" i="1"/>
  <c r="AE121967" i="1"/>
  <c r="AE121968" i="1"/>
  <c r="AE121969" i="1"/>
  <c r="AE121970" i="1"/>
  <c r="AE121971" i="1"/>
  <c r="AE121972" i="1"/>
  <c r="AE121973" i="1"/>
  <c r="AE121974" i="1"/>
  <c r="AE121975" i="1"/>
  <c r="AE121976" i="1"/>
  <c r="AE121977" i="1"/>
  <c r="AE121978" i="1"/>
  <c r="AE121979" i="1"/>
  <c r="AE121980" i="1"/>
  <c r="AE121981" i="1"/>
  <c r="AE121982" i="1"/>
  <c r="AE121983" i="1"/>
  <c r="AE121984" i="1"/>
  <c r="AE121985" i="1"/>
  <c r="AE121986" i="1"/>
  <c r="AE121987" i="1"/>
  <c r="AE121988" i="1"/>
  <c r="AE121989" i="1"/>
  <c r="AE121990" i="1"/>
  <c r="AE121991" i="1"/>
  <c r="AE121992" i="1"/>
  <c r="AE121993" i="1"/>
  <c r="AE121994" i="1"/>
  <c r="AE121995" i="1"/>
  <c r="AE121996" i="1"/>
  <c r="AE121997" i="1"/>
  <c r="AE121998" i="1"/>
  <c r="AE121999" i="1"/>
  <c r="AE122000" i="1"/>
  <c r="AE122001" i="1"/>
  <c r="AE122002" i="1"/>
  <c r="AE122003" i="1"/>
  <c r="AE122004" i="1"/>
  <c r="AE122005" i="1"/>
  <c r="AE122006" i="1"/>
  <c r="AE122007" i="1"/>
  <c r="AE122008" i="1"/>
  <c r="AE122009" i="1"/>
  <c r="AE122010" i="1"/>
  <c r="AE122011" i="1"/>
  <c r="AE122012" i="1"/>
  <c r="AE122013" i="1"/>
  <c r="AE122014" i="1"/>
  <c r="AE122015" i="1"/>
  <c r="AE122016" i="1"/>
  <c r="AE122017" i="1"/>
  <c r="AE122018" i="1"/>
  <c r="AE122019" i="1"/>
  <c r="AE122020" i="1"/>
  <c r="AE122021" i="1"/>
  <c r="AE122022" i="1"/>
  <c r="AE122023" i="1"/>
  <c r="AE122024" i="1"/>
  <c r="AE122025" i="1"/>
  <c r="AE122026" i="1"/>
  <c r="AE122027" i="1"/>
  <c r="AE122028" i="1"/>
  <c r="AE122029" i="1"/>
  <c r="AE122030" i="1"/>
  <c r="AE122031" i="1"/>
  <c r="AE122032" i="1"/>
  <c r="AE122033" i="1"/>
  <c r="AE122034" i="1"/>
  <c r="AE122035" i="1"/>
  <c r="AE122036" i="1"/>
  <c r="AE122037" i="1"/>
  <c r="AE122038" i="1"/>
  <c r="AE122039" i="1"/>
  <c r="AE122040" i="1"/>
  <c r="AE122041" i="1"/>
  <c r="AE122042" i="1"/>
  <c r="AE122043" i="1"/>
  <c r="AE122044" i="1"/>
  <c r="AE122045" i="1"/>
  <c r="AE122046" i="1"/>
  <c r="AE122047" i="1"/>
  <c r="AE122048" i="1"/>
  <c r="AE122049" i="1"/>
  <c r="AE122050" i="1"/>
  <c r="AE122051" i="1"/>
  <c r="AE122052" i="1"/>
  <c r="AE122053" i="1"/>
  <c r="AE122054" i="1"/>
  <c r="AE122055" i="1"/>
  <c r="AE122056" i="1"/>
  <c r="AE122057" i="1"/>
  <c r="AE122058" i="1"/>
  <c r="AE122059" i="1"/>
  <c r="AE122060" i="1"/>
  <c r="AE122061" i="1"/>
  <c r="AE122062" i="1"/>
  <c r="AE122063" i="1"/>
  <c r="AE122064" i="1"/>
  <c r="AE122065" i="1"/>
  <c r="AE122066" i="1"/>
  <c r="AE122067" i="1"/>
  <c r="AE122068" i="1"/>
  <c r="AE122069" i="1"/>
  <c r="AE122070" i="1"/>
  <c r="AE122071" i="1"/>
  <c r="AE122072" i="1"/>
  <c r="AE122073" i="1"/>
  <c r="AE122074" i="1"/>
  <c r="AE122075" i="1"/>
  <c r="AE122076" i="1"/>
  <c r="AE122077" i="1"/>
  <c r="AE122078" i="1"/>
  <c r="AE122079" i="1"/>
  <c r="AE122080" i="1"/>
  <c r="AE122081" i="1"/>
  <c r="AE122082" i="1"/>
  <c r="AE122083" i="1"/>
  <c r="AE122084" i="1"/>
  <c r="AE122085" i="1"/>
  <c r="AE122086" i="1"/>
  <c r="AE122087" i="1"/>
  <c r="AE122088" i="1"/>
  <c r="AE122089" i="1"/>
  <c r="AE122090" i="1"/>
  <c r="AE122091" i="1"/>
  <c r="AE122092" i="1"/>
  <c r="AE122093" i="1"/>
  <c r="AE122094" i="1"/>
  <c r="AE122095" i="1"/>
  <c r="AE122096" i="1"/>
  <c r="AE122097" i="1"/>
  <c r="AE122098" i="1"/>
  <c r="AE122099" i="1"/>
  <c r="AE122100" i="1"/>
  <c r="AE122101" i="1"/>
  <c r="AE122102" i="1"/>
  <c r="AE122103" i="1"/>
  <c r="AE122104" i="1"/>
  <c r="AE122105" i="1"/>
  <c r="AE122106" i="1"/>
  <c r="AE122107" i="1"/>
  <c r="AE122108" i="1"/>
  <c r="AE122109" i="1"/>
  <c r="AE122110" i="1"/>
  <c r="AE122111" i="1"/>
  <c r="AE122112" i="1"/>
  <c r="AE122113" i="1"/>
  <c r="AE122114" i="1"/>
  <c r="AE122115" i="1"/>
  <c r="AE122116" i="1"/>
  <c r="AE122117" i="1"/>
  <c r="AE122118" i="1"/>
  <c r="AE122119" i="1"/>
  <c r="AE122120" i="1"/>
  <c r="AE122121" i="1"/>
  <c r="AE122122" i="1"/>
  <c r="AE122123" i="1"/>
  <c r="AE122124" i="1"/>
  <c r="AE122125" i="1"/>
  <c r="AE122126" i="1"/>
  <c r="AE122127" i="1"/>
  <c r="AE122128" i="1"/>
  <c r="AE122129" i="1"/>
  <c r="AE122130" i="1"/>
  <c r="AE122131" i="1"/>
  <c r="AE122132" i="1"/>
  <c r="AE122133" i="1"/>
  <c r="AE122134" i="1"/>
  <c r="AE122135" i="1"/>
  <c r="AE122136" i="1"/>
  <c r="AE122137" i="1"/>
  <c r="AE122138" i="1"/>
  <c r="AE122139" i="1"/>
  <c r="AE122140" i="1"/>
  <c r="AE122141" i="1"/>
  <c r="AE122142" i="1"/>
  <c r="AE122143" i="1"/>
  <c r="AE122144" i="1"/>
  <c r="AE122145" i="1"/>
  <c r="AE122146" i="1"/>
  <c r="AE122147" i="1"/>
  <c r="AE122148" i="1"/>
  <c r="AE122149" i="1"/>
  <c r="AE122150" i="1"/>
  <c r="AE122151" i="1"/>
  <c r="AE122152" i="1"/>
  <c r="AE122153" i="1"/>
  <c r="AE122154" i="1"/>
  <c r="AE122155" i="1"/>
  <c r="AE122156" i="1"/>
  <c r="AE122157" i="1"/>
  <c r="AE122158" i="1"/>
  <c r="AE122159" i="1"/>
  <c r="AE122160" i="1"/>
  <c r="AE122161" i="1"/>
  <c r="AE122162" i="1"/>
  <c r="AE122163" i="1"/>
  <c r="AE122164" i="1"/>
  <c r="AE122165" i="1"/>
  <c r="AE122166" i="1"/>
  <c r="AE122167" i="1"/>
  <c r="AE122168" i="1"/>
  <c r="AE122169" i="1"/>
  <c r="AE122170" i="1"/>
  <c r="AE122171" i="1"/>
  <c r="AE122172" i="1"/>
  <c r="AE122173" i="1"/>
  <c r="AE122174" i="1"/>
  <c r="AE122175" i="1"/>
  <c r="AE122176" i="1"/>
  <c r="AE122177" i="1"/>
  <c r="AE122178" i="1"/>
  <c r="AE122179" i="1"/>
  <c r="AE122180" i="1"/>
  <c r="AE122181" i="1"/>
  <c r="AE122182" i="1"/>
  <c r="AE122183" i="1"/>
  <c r="AE122184" i="1"/>
  <c r="AE122185" i="1"/>
  <c r="AE122186" i="1"/>
  <c r="AE122187" i="1"/>
  <c r="AE122188" i="1"/>
  <c r="AE122189" i="1"/>
  <c r="AE122190" i="1"/>
  <c r="AE122191" i="1"/>
  <c r="AE122192" i="1"/>
  <c r="AE122193" i="1"/>
  <c r="AE122194" i="1"/>
  <c r="AE122195" i="1"/>
  <c r="AE122196" i="1"/>
  <c r="AE122197" i="1"/>
  <c r="AE122198" i="1"/>
  <c r="AE122199" i="1"/>
  <c r="AE122200" i="1"/>
  <c r="AE122201" i="1"/>
  <c r="AE122202" i="1"/>
  <c r="AE122203" i="1"/>
  <c r="AE122204" i="1"/>
  <c r="AE122205" i="1"/>
  <c r="AE122206" i="1"/>
  <c r="AE122207" i="1"/>
  <c r="AE122208" i="1"/>
  <c r="AE122209" i="1"/>
  <c r="AE122210" i="1"/>
  <c r="AE122211" i="1"/>
  <c r="AE122212" i="1"/>
  <c r="AE122213" i="1"/>
  <c r="AE122214" i="1"/>
  <c r="AE122215" i="1"/>
  <c r="AE122216" i="1"/>
  <c r="AE122217" i="1"/>
  <c r="AE122218" i="1"/>
  <c r="AE122219" i="1"/>
  <c r="AE122220" i="1"/>
  <c r="AE122221" i="1"/>
  <c r="AE122222" i="1"/>
  <c r="AE122223" i="1"/>
  <c r="AE122224" i="1"/>
  <c r="AE122225" i="1"/>
  <c r="AE122226" i="1"/>
  <c r="AE122227" i="1"/>
  <c r="AE122228" i="1"/>
  <c r="AE122229" i="1"/>
  <c r="AE122230" i="1"/>
  <c r="AE122231" i="1"/>
  <c r="AE122232" i="1"/>
  <c r="AE122233" i="1"/>
  <c r="AE122234" i="1"/>
  <c r="AE122235" i="1"/>
  <c r="AE122236" i="1"/>
  <c r="AE122237" i="1"/>
  <c r="AE122238" i="1"/>
  <c r="AE122239" i="1"/>
  <c r="AE122240" i="1"/>
  <c r="AE122241" i="1"/>
  <c r="AE122242" i="1"/>
  <c r="AE122243" i="1"/>
  <c r="AE122244" i="1"/>
  <c r="AE122245" i="1"/>
  <c r="AE122246" i="1"/>
  <c r="AE122247" i="1"/>
  <c r="AE122248" i="1"/>
  <c r="AE122249" i="1"/>
  <c r="AE122250" i="1"/>
  <c r="AE122251" i="1"/>
  <c r="AE122252" i="1"/>
  <c r="AE122253" i="1"/>
  <c r="AE122254" i="1"/>
  <c r="AE122255" i="1"/>
  <c r="AE122256" i="1"/>
  <c r="AE122257" i="1"/>
  <c r="AE122258" i="1"/>
  <c r="AE122259" i="1"/>
  <c r="AE122260" i="1"/>
  <c r="AE122261" i="1"/>
  <c r="AE122262" i="1"/>
  <c r="AE122263" i="1"/>
  <c r="AE122264" i="1"/>
  <c r="AE122265" i="1"/>
  <c r="AE122266" i="1"/>
  <c r="AE122267" i="1"/>
  <c r="AE122268" i="1"/>
  <c r="AE122269" i="1"/>
  <c r="AE122270" i="1"/>
  <c r="AE122271" i="1"/>
  <c r="AE122272" i="1"/>
  <c r="AE122273" i="1"/>
  <c r="AE122274" i="1"/>
  <c r="AE122275" i="1"/>
  <c r="AE122276" i="1"/>
  <c r="AE122277" i="1"/>
  <c r="AE122278" i="1"/>
  <c r="AE122279" i="1"/>
  <c r="AE122280" i="1"/>
  <c r="AE122281" i="1"/>
  <c r="AE122282" i="1"/>
  <c r="AE122283" i="1"/>
  <c r="AE122284" i="1"/>
  <c r="AE122285" i="1"/>
  <c r="AE122286" i="1"/>
  <c r="AE122287" i="1"/>
  <c r="AE122288" i="1"/>
  <c r="AE122289" i="1"/>
  <c r="AE122290" i="1"/>
  <c r="AE122291" i="1"/>
  <c r="AE122292" i="1"/>
  <c r="AE122293" i="1"/>
  <c r="AE122294" i="1"/>
  <c r="AE122295" i="1"/>
  <c r="AE122296" i="1"/>
  <c r="AE122297" i="1"/>
  <c r="AE122298" i="1"/>
  <c r="AE122299" i="1"/>
  <c r="AE122300" i="1"/>
  <c r="AE122301" i="1"/>
  <c r="AE122302" i="1"/>
  <c r="AE122303" i="1"/>
  <c r="AE122304" i="1"/>
  <c r="AE122305" i="1"/>
  <c r="AE122306" i="1"/>
  <c r="AE122307" i="1"/>
  <c r="AE122308" i="1"/>
  <c r="AE122309" i="1"/>
  <c r="AE122310" i="1"/>
  <c r="AE122311" i="1"/>
  <c r="AE122312" i="1"/>
  <c r="AE122313" i="1"/>
  <c r="AE122314" i="1"/>
  <c r="AE122315" i="1"/>
  <c r="AE122316" i="1"/>
  <c r="AE122317" i="1"/>
  <c r="AE122318" i="1"/>
  <c r="AE122319" i="1"/>
  <c r="AE122320" i="1"/>
  <c r="AE122321" i="1"/>
  <c r="AE122322" i="1"/>
  <c r="AE122323" i="1"/>
  <c r="AE122324" i="1"/>
  <c r="AE122325" i="1"/>
  <c r="AE122326" i="1"/>
  <c r="AE122327" i="1"/>
  <c r="AE122328" i="1"/>
  <c r="AE122329" i="1"/>
  <c r="AE122330" i="1"/>
  <c r="AE122331" i="1"/>
  <c r="AE122332" i="1"/>
  <c r="AE122333" i="1"/>
  <c r="AE122334" i="1"/>
  <c r="AE122335" i="1"/>
  <c r="AE122336" i="1"/>
  <c r="AE122337" i="1"/>
  <c r="AE122338" i="1"/>
  <c r="AE122339" i="1"/>
  <c r="AE122340" i="1"/>
  <c r="AE122341" i="1"/>
  <c r="AE122342" i="1"/>
  <c r="AE122343" i="1"/>
  <c r="AE122344" i="1"/>
  <c r="AE122345" i="1"/>
  <c r="AE122346" i="1"/>
  <c r="AE122347" i="1"/>
  <c r="AE122348" i="1"/>
  <c r="AE122349" i="1"/>
  <c r="AE122350" i="1"/>
  <c r="AE122351" i="1"/>
  <c r="AE122352" i="1"/>
  <c r="AE122353" i="1"/>
  <c r="AE122354" i="1"/>
  <c r="AE122355" i="1"/>
  <c r="AE122356" i="1"/>
  <c r="AE122357" i="1"/>
  <c r="AE122358" i="1"/>
  <c r="AE122359" i="1"/>
  <c r="AE122360" i="1"/>
  <c r="AE122361" i="1"/>
  <c r="AE122362" i="1"/>
  <c r="AE122363" i="1"/>
  <c r="AE122364" i="1"/>
  <c r="AE122365" i="1"/>
  <c r="AE122366" i="1"/>
  <c r="AE122367" i="1"/>
  <c r="AE122368" i="1"/>
  <c r="AE122369" i="1"/>
  <c r="AE122370" i="1"/>
  <c r="AE122371" i="1"/>
  <c r="AE122372" i="1"/>
  <c r="AE122373" i="1"/>
  <c r="AE122374" i="1"/>
  <c r="AE122375" i="1"/>
  <c r="AE122376" i="1"/>
  <c r="AE122377" i="1"/>
  <c r="AE122378" i="1"/>
  <c r="AE122379" i="1"/>
  <c r="AE122380" i="1"/>
  <c r="AE122381" i="1"/>
  <c r="AE122382" i="1"/>
  <c r="AE122383" i="1"/>
  <c r="AE122384" i="1"/>
  <c r="AE122385" i="1"/>
  <c r="AE122386" i="1"/>
  <c r="AE122387" i="1"/>
  <c r="AE122388" i="1"/>
  <c r="AE122389" i="1"/>
  <c r="AE122390" i="1"/>
  <c r="AE122391" i="1"/>
  <c r="AE122392" i="1"/>
  <c r="AE122393" i="1"/>
  <c r="AE122394" i="1"/>
  <c r="AE122395" i="1"/>
  <c r="AE122396" i="1"/>
  <c r="AE122397" i="1"/>
  <c r="AE122398" i="1"/>
  <c r="AE122399" i="1"/>
  <c r="AE122400" i="1"/>
  <c r="AE122401" i="1"/>
  <c r="AE122402" i="1"/>
  <c r="AE122403" i="1"/>
  <c r="AE122404" i="1"/>
  <c r="AE122405" i="1"/>
  <c r="AE122406" i="1"/>
  <c r="AE122407" i="1"/>
  <c r="AE122408" i="1"/>
  <c r="AE122409" i="1"/>
  <c r="AE122410" i="1"/>
  <c r="AE122411" i="1"/>
  <c r="AE122412" i="1"/>
  <c r="AE122413" i="1"/>
  <c r="AE122414" i="1"/>
  <c r="AE122415" i="1"/>
  <c r="AE122416" i="1"/>
  <c r="AE122417" i="1"/>
  <c r="AE122418" i="1"/>
  <c r="AE122419" i="1"/>
  <c r="AE122420" i="1"/>
  <c r="AE122421" i="1"/>
  <c r="AE122422" i="1"/>
  <c r="AE122423" i="1"/>
  <c r="AE122424" i="1"/>
  <c r="AE122425" i="1"/>
  <c r="AE122426" i="1"/>
  <c r="AE122427" i="1"/>
  <c r="AE122428" i="1"/>
  <c r="AE122429" i="1"/>
  <c r="AE122430" i="1"/>
  <c r="AE122431" i="1"/>
  <c r="AE122432" i="1"/>
  <c r="AE122433" i="1"/>
  <c r="AE122434" i="1"/>
  <c r="AE122435" i="1"/>
  <c r="AE122436" i="1"/>
  <c r="AE122437" i="1"/>
  <c r="AE122438" i="1"/>
  <c r="AE122439" i="1"/>
  <c r="AE122440" i="1"/>
  <c r="AE122441" i="1"/>
  <c r="AE122442" i="1"/>
  <c r="AE122443" i="1"/>
  <c r="AE122444" i="1"/>
  <c r="AE122445" i="1"/>
  <c r="AE122446" i="1"/>
  <c r="AE122447" i="1"/>
  <c r="AE122448" i="1"/>
  <c r="AE122449" i="1"/>
  <c r="AE122450" i="1"/>
  <c r="AE122451" i="1"/>
  <c r="AE122452" i="1"/>
  <c r="AE122453" i="1"/>
  <c r="AE122454" i="1"/>
  <c r="AE122455" i="1"/>
  <c r="AE122456" i="1"/>
  <c r="AE122457" i="1"/>
  <c r="AE122458" i="1"/>
  <c r="AE122459" i="1"/>
  <c r="AE122460" i="1"/>
  <c r="AE122461" i="1"/>
  <c r="AE122462" i="1"/>
  <c r="AE122463" i="1"/>
  <c r="AE122464" i="1"/>
  <c r="AE122465" i="1"/>
  <c r="AE122466" i="1"/>
  <c r="AE122467" i="1"/>
  <c r="AE122468" i="1"/>
  <c r="AE122469" i="1"/>
  <c r="AE122470" i="1"/>
  <c r="AE122471" i="1"/>
  <c r="AE122472" i="1"/>
  <c r="AE122473" i="1"/>
  <c r="AE122474" i="1"/>
  <c r="AE122475" i="1"/>
  <c r="AE122476" i="1"/>
  <c r="AE122477" i="1"/>
  <c r="AE122478" i="1"/>
  <c r="AE122479" i="1"/>
  <c r="AE122480" i="1"/>
  <c r="AE122481" i="1"/>
  <c r="AE122482" i="1"/>
  <c r="AE122483" i="1"/>
  <c r="AE122484" i="1"/>
  <c r="AE122485" i="1"/>
  <c r="AE122486" i="1"/>
  <c r="AE122487" i="1"/>
  <c r="AE122488" i="1"/>
  <c r="AE122489" i="1"/>
  <c r="AE122490" i="1"/>
  <c r="AE122491" i="1"/>
  <c r="AE122492" i="1"/>
  <c r="AE122493" i="1"/>
  <c r="AE122494" i="1"/>
  <c r="AE122495" i="1"/>
  <c r="AE122496" i="1"/>
  <c r="AE122497" i="1"/>
  <c r="AE122498" i="1"/>
  <c r="AE122499" i="1"/>
  <c r="AE122500" i="1"/>
  <c r="AE122501" i="1"/>
  <c r="AE122502" i="1"/>
  <c r="AE122503" i="1"/>
  <c r="AE122504" i="1"/>
  <c r="AE122505" i="1"/>
  <c r="AE122506" i="1"/>
  <c r="AE122507" i="1"/>
  <c r="AE122508" i="1"/>
  <c r="AE122509" i="1"/>
  <c r="AE122510" i="1"/>
  <c r="AE122511" i="1"/>
  <c r="AE122512" i="1"/>
  <c r="AE122513" i="1"/>
  <c r="AE122514" i="1"/>
  <c r="AE122515" i="1"/>
  <c r="AE122516" i="1"/>
  <c r="AE122517" i="1"/>
  <c r="AE122518" i="1"/>
  <c r="AE122519" i="1"/>
  <c r="AE122520" i="1"/>
  <c r="AE122521" i="1"/>
  <c r="AE122522" i="1"/>
  <c r="AE122523" i="1"/>
  <c r="AE122524" i="1"/>
  <c r="AE122525" i="1"/>
  <c r="AE122526" i="1"/>
  <c r="AE122527" i="1"/>
  <c r="AE122528" i="1"/>
  <c r="AE122529" i="1"/>
  <c r="AE122530" i="1"/>
  <c r="AE122531" i="1"/>
  <c r="AE122532" i="1"/>
  <c r="AE122533" i="1"/>
  <c r="AE122534" i="1"/>
  <c r="AE122535" i="1"/>
  <c r="AE122536" i="1"/>
  <c r="AE122537" i="1"/>
  <c r="AE122538" i="1"/>
  <c r="AE122539" i="1"/>
  <c r="AE122540" i="1"/>
  <c r="AE122541" i="1"/>
  <c r="AE122542" i="1"/>
  <c r="AE122543" i="1"/>
  <c r="AE122544" i="1"/>
  <c r="AE122545" i="1"/>
  <c r="AE122546" i="1"/>
  <c r="AE122547" i="1"/>
  <c r="AE122548" i="1"/>
  <c r="AE122549" i="1"/>
  <c r="AE122550" i="1"/>
  <c r="AE122551" i="1"/>
  <c r="AE122552" i="1"/>
  <c r="AE122553" i="1"/>
  <c r="AE122554" i="1"/>
  <c r="AE122555" i="1"/>
  <c r="AE122556" i="1"/>
  <c r="AE122557" i="1"/>
  <c r="AE122558" i="1"/>
  <c r="AE122559" i="1"/>
  <c r="AE122560" i="1"/>
  <c r="AE122561" i="1"/>
  <c r="AE122562" i="1"/>
  <c r="AE122563" i="1"/>
  <c r="AE122564" i="1"/>
  <c r="AE122565" i="1"/>
  <c r="AE122566" i="1"/>
  <c r="AE122567" i="1"/>
  <c r="AE122568" i="1"/>
  <c r="AE122569" i="1"/>
  <c r="AE122570" i="1"/>
  <c r="AE122571" i="1"/>
  <c r="AE122572" i="1"/>
  <c r="AE122573" i="1"/>
  <c r="AE122574" i="1"/>
  <c r="AE122575" i="1"/>
  <c r="AE122576" i="1"/>
  <c r="AE122577" i="1"/>
  <c r="AE122578" i="1"/>
  <c r="AE122579" i="1"/>
  <c r="AE122580" i="1"/>
  <c r="AE122581" i="1"/>
  <c r="AE122582" i="1"/>
  <c r="AE122583" i="1"/>
  <c r="AE122584" i="1"/>
  <c r="AE122585" i="1"/>
  <c r="AE122586" i="1"/>
  <c r="AE122587" i="1"/>
  <c r="AE122588" i="1"/>
  <c r="AE122589" i="1"/>
  <c r="AE122590" i="1"/>
  <c r="AE122591" i="1"/>
  <c r="AE122592" i="1"/>
  <c r="AE122593" i="1"/>
  <c r="AE122594" i="1"/>
  <c r="AE122595" i="1"/>
  <c r="AE122596" i="1"/>
  <c r="AE122597" i="1"/>
  <c r="AE122598" i="1"/>
  <c r="AE122599" i="1"/>
  <c r="AE122600" i="1"/>
  <c r="AE122601" i="1"/>
  <c r="AE122602" i="1"/>
  <c r="AE122603" i="1"/>
  <c r="AE122604" i="1"/>
  <c r="AE122605" i="1"/>
  <c r="AE122606" i="1"/>
  <c r="AE122607" i="1"/>
  <c r="AE122608" i="1"/>
  <c r="AE122609" i="1"/>
  <c r="AE122610" i="1"/>
  <c r="AE122611" i="1"/>
  <c r="AE122612" i="1"/>
  <c r="AE122613" i="1"/>
  <c r="AE122614" i="1"/>
  <c r="AE122615" i="1"/>
  <c r="AE122616" i="1"/>
  <c r="AE122617" i="1"/>
  <c r="AE122618" i="1"/>
  <c r="AE122619" i="1"/>
  <c r="AE122620" i="1"/>
  <c r="AE122621" i="1"/>
  <c r="AE122622" i="1"/>
  <c r="AE122623" i="1"/>
  <c r="AE122624" i="1"/>
  <c r="AE122625" i="1"/>
  <c r="AE122626" i="1"/>
  <c r="AE122627" i="1"/>
  <c r="AE122628" i="1"/>
  <c r="AE122629" i="1"/>
  <c r="AE122630" i="1"/>
  <c r="AE122631" i="1"/>
  <c r="AE122632" i="1"/>
  <c r="AE122633" i="1"/>
  <c r="AE122634" i="1"/>
  <c r="AE122635" i="1"/>
  <c r="AE122636" i="1"/>
  <c r="AE122637" i="1"/>
  <c r="AE122638" i="1"/>
  <c r="AE122639" i="1"/>
  <c r="AE122640" i="1"/>
  <c r="AE122641" i="1"/>
  <c r="AE122642" i="1"/>
  <c r="AE122643" i="1"/>
  <c r="AE122644" i="1"/>
  <c r="AE122645" i="1"/>
  <c r="AE122646" i="1"/>
  <c r="AE122647" i="1"/>
  <c r="AE122648" i="1"/>
  <c r="AE122649" i="1"/>
  <c r="AE122650" i="1"/>
  <c r="AE122651" i="1"/>
  <c r="AE122652" i="1"/>
  <c r="AE122653" i="1"/>
  <c r="AE122654" i="1"/>
  <c r="AE122655" i="1"/>
  <c r="AE122656" i="1"/>
  <c r="AE122657" i="1"/>
  <c r="AE122658" i="1"/>
  <c r="AE122659" i="1"/>
  <c r="AE122660" i="1"/>
  <c r="AE122661" i="1"/>
  <c r="AE122662" i="1"/>
  <c r="AE122663" i="1"/>
  <c r="AE122664" i="1"/>
  <c r="AE122665" i="1"/>
  <c r="AE122666" i="1"/>
  <c r="AE122667" i="1"/>
  <c r="AE122668" i="1"/>
  <c r="AE122669" i="1"/>
  <c r="AE122670" i="1"/>
  <c r="AE122671" i="1"/>
  <c r="AE122672" i="1"/>
  <c r="AE122673" i="1"/>
  <c r="AE122674" i="1"/>
  <c r="AE122675" i="1"/>
  <c r="AE122676" i="1"/>
  <c r="AE122677" i="1"/>
  <c r="AE122678" i="1"/>
  <c r="AE122679" i="1"/>
  <c r="AE122680" i="1"/>
  <c r="AE122681" i="1"/>
  <c r="AE122682" i="1"/>
  <c r="AE122683" i="1"/>
  <c r="AE122684" i="1"/>
  <c r="AE122685" i="1"/>
  <c r="AE122686" i="1"/>
  <c r="AE122687" i="1"/>
  <c r="AE122688" i="1"/>
  <c r="AE122689" i="1"/>
  <c r="AE122690" i="1"/>
  <c r="AE122691" i="1"/>
  <c r="AE122692" i="1"/>
  <c r="AE122693" i="1"/>
  <c r="AE122694" i="1"/>
  <c r="AE122695" i="1"/>
  <c r="AE122696" i="1"/>
  <c r="AE122697" i="1"/>
  <c r="AE122698" i="1"/>
  <c r="AE122699" i="1"/>
  <c r="AE122700" i="1"/>
  <c r="AE122701" i="1"/>
  <c r="AE122702" i="1"/>
  <c r="AE122703" i="1"/>
  <c r="AE122704" i="1"/>
  <c r="AE122705" i="1"/>
  <c r="AE122706" i="1"/>
  <c r="AE122707" i="1"/>
  <c r="AE122708" i="1"/>
  <c r="AE122709" i="1"/>
  <c r="AE122710" i="1"/>
  <c r="AE122711" i="1"/>
  <c r="AE122712" i="1"/>
  <c r="AE122713" i="1"/>
  <c r="AE122714" i="1"/>
  <c r="AE122715" i="1"/>
  <c r="AE122716" i="1"/>
  <c r="AE122717" i="1"/>
  <c r="AE122718" i="1"/>
  <c r="AE122719" i="1"/>
  <c r="AE122720" i="1"/>
  <c r="AE122721" i="1"/>
  <c r="AE122722" i="1"/>
  <c r="AE122723" i="1"/>
  <c r="AE122724" i="1"/>
  <c r="AE122725" i="1"/>
  <c r="AE122726" i="1"/>
  <c r="AE122727" i="1"/>
  <c r="AE122728" i="1"/>
  <c r="AE122729" i="1"/>
  <c r="AE122730" i="1"/>
  <c r="AE122731" i="1"/>
  <c r="AE122732" i="1"/>
  <c r="AE122733" i="1"/>
  <c r="AE122734" i="1"/>
  <c r="AE122735" i="1"/>
  <c r="AE122736" i="1"/>
  <c r="AE122737" i="1"/>
  <c r="AE122738" i="1"/>
  <c r="AE122739" i="1"/>
  <c r="AE122740" i="1"/>
  <c r="AE122741" i="1"/>
  <c r="AE122742" i="1"/>
  <c r="AE122743" i="1"/>
  <c r="AE122744" i="1"/>
  <c r="AE122745" i="1"/>
  <c r="AE122746" i="1"/>
  <c r="AE122747" i="1"/>
  <c r="AE122748" i="1"/>
  <c r="AE122749" i="1"/>
  <c r="AE122750" i="1"/>
  <c r="AE122751" i="1"/>
  <c r="AE122752" i="1"/>
  <c r="AE122753" i="1"/>
  <c r="AE122754" i="1"/>
  <c r="AE122755" i="1"/>
  <c r="AE122756" i="1"/>
  <c r="AE122757" i="1"/>
  <c r="AE122758" i="1"/>
  <c r="AE122759" i="1"/>
  <c r="AE122760" i="1"/>
  <c r="AE122761" i="1"/>
  <c r="AE122762" i="1"/>
  <c r="AE122763" i="1"/>
  <c r="AE122764" i="1"/>
  <c r="AE122765" i="1"/>
  <c r="AE122766" i="1"/>
  <c r="AE122767" i="1"/>
  <c r="AE122768" i="1"/>
  <c r="AE122769" i="1"/>
  <c r="AE122770" i="1"/>
  <c r="AE122771" i="1"/>
  <c r="AE122772" i="1"/>
  <c r="AE122773" i="1"/>
  <c r="AE122774" i="1"/>
  <c r="AE122775" i="1"/>
  <c r="AE122776" i="1"/>
  <c r="AE122777" i="1"/>
  <c r="AE122778" i="1"/>
  <c r="AE122779" i="1"/>
  <c r="AE122780" i="1"/>
  <c r="AE122781" i="1"/>
  <c r="AE122782" i="1"/>
  <c r="AE122783" i="1"/>
  <c r="AE122784" i="1"/>
  <c r="AE122785" i="1"/>
  <c r="AE122786" i="1"/>
  <c r="AE122787" i="1"/>
  <c r="AE122788" i="1"/>
  <c r="AE122789" i="1"/>
  <c r="AE122790" i="1"/>
  <c r="AE122791" i="1"/>
  <c r="AE122792" i="1"/>
  <c r="AE122793" i="1"/>
  <c r="AE122794" i="1"/>
  <c r="AE122795" i="1"/>
  <c r="AE122796" i="1"/>
  <c r="AE122797" i="1"/>
  <c r="AE122798" i="1"/>
  <c r="AE122799" i="1"/>
  <c r="AE122800" i="1"/>
  <c r="AE122801" i="1"/>
  <c r="AE122802" i="1"/>
  <c r="AE122803" i="1"/>
  <c r="AE122804" i="1"/>
  <c r="AE122805" i="1"/>
  <c r="AE122806" i="1"/>
  <c r="AE122807" i="1"/>
  <c r="AE122808" i="1"/>
  <c r="AE122809" i="1"/>
  <c r="AE122810" i="1"/>
  <c r="AE122811" i="1"/>
  <c r="AE122812" i="1"/>
  <c r="AE122813" i="1"/>
  <c r="AE122814" i="1"/>
  <c r="AE122815" i="1"/>
  <c r="AE122816" i="1"/>
  <c r="AE122817" i="1"/>
  <c r="AE122818" i="1"/>
  <c r="AE122819" i="1"/>
  <c r="AE122820" i="1"/>
  <c r="AE122821" i="1"/>
  <c r="AE122822" i="1"/>
  <c r="AE122823" i="1"/>
  <c r="AE122824" i="1"/>
  <c r="AE122825" i="1"/>
  <c r="AE122826" i="1"/>
  <c r="AE122827" i="1"/>
  <c r="AE122828" i="1"/>
  <c r="AE122829" i="1"/>
  <c r="AE122830" i="1"/>
  <c r="AE122831" i="1"/>
  <c r="AE122832" i="1"/>
  <c r="AE122833" i="1"/>
  <c r="AE122834" i="1"/>
  <c r="AE122835" i="1"/>
  <c r="AE122836" i="1"/>
  <c r="AE122837" i="1"/>
  <c r="AE122838" i="1"/>
  <c r="AE122839" i="1"/>
  <c r="AE122840" i="1"/>
  <c r="AE122841" i="1"/>
  <c r="AE122842" i="1"/>
  <c r="AE122843" i="1"/>
  <c r="AE122844" i="1"/>
  <c r="AE122845" i="1"/>
  <c r="AE122846" i="1"/>
  <c r="AE122847" i="1"/>
  <c r="AE122848" i="1"/>
  <c r="AE122849" i="1"/>
  <c r="AE122850" i="1"/>
  <c r="AE122851" i="1"/>
  <c r="AE122852" i="1"/>
  <c r="AE122853" i="1"/>
  <c r="AE122854" i="1"/>
  <c r="AE122855" i="1"/>
  <c r="AE122856" i="1"/>
  <c r="AE122857" i="1"/>
  <c r="AE122858" i="1"/>
  <c r="AE122859" i="1"/>
  <c r="AE122860" i="1"/>
  <c r="AE122861" i="1"/>
  <c r="AE122862" i="1"/>
  <c r="AE122863" i="1"/>
  <c r="AE122864" i="1"/>
  <c r="AE122865" i="1"/>
  <c r="AE122866" i="1"/>
  <c r="AE122867" i="1"/>
  <c r="AE122868" i="1"/>
  <c r="AE122869" i="1"/>
  <c r="AE122870" i="1"/>
  <c r="AE122871" i="1"/>
  <c r="AE122872" i="1"/>
  <c r="AE122873" i="1"/>
  <c r="AE122874" i="1"/>
  <c r="AE122875" i="1"/>
  <c r="AE122876" i="1"/>
  <c r="AE122877" i="1"/>
  <c r="AE122878" i="1"/>
  <c r="AE122879" i="1"/>
  <c r="AE122880" i="1"/>
  <c r="AE122881" i="1"/>
  <c r="AE122882" i="1"/>
  <c r="AE122883" i="1"/>
  <c r="AE122884" i="1"/>
  <c r="AE122885" i="1"/>
  <c r="AE122886" i="1"/>
  <c r="AE122887" i="1"/>
  <c r="AE122888" i="1"/>
  <c r="AE122889" i="1"/>
  <c r="AE122890" i="1"/>
  <c r="AE122891" i="1"/>
  <c r="AE122892" i="1"/>
  <c r="AE122893" i="1"/>
  <c r="AE122894" i="1"/>
  <c r="AE122895" i="1"/>
  <c r="AE122896" i="1"/>
  <c r="AE122897" i="1"/>
  <c r="AE122898" i="1"/>
  <c r="AE122899" i="1"/>
  <c r="AE122900" i="1"/>
  <c r="AE122901" i="1"/>
  <c r="AE122902" i="1"/>
  <c r="AE122903" i="1"/>
  <c r="AE122904" i="1"/>
  <c r="AE122905" i="1"/>
  <c r="AE122906" i="1"/>
  <c r="AE122907" i="1"/>
  <c r="AE122908" i="1"/>
  <c r="AE122909" i="1"/>
  <c r="AE122910" i="1"/>
  <c r="AE122911" i="1"/>
  <c r="AE122912" i="1"/>
  <c r="AE122913" i="1"/>
  <c r="AE122914" i="1"/>
  <c r="AE122915" i="1"/>
  <c r="AE122916" i="1"/>
  <c r="AE122917" i="1"/>
  <c r="AE122918" i="1"/>
  <c r="AE122919" i="1"/>
  <c r="AE122920" i="1"/>
  <c r="AE122921" i="1"/>
  <c r="AE122922" i="1"/>
  <c r="AE122923" i="1"/>
  <c r="AE122924" i="1"/>
  <c r="AE122925" i="1"/>
  <c r="AE122926" i="1"/>
  <c r="AE122927" i="1"/>
  <c r="AE122928" i="1"/>
  <c r="AE122929" i="1"/>
  <c r="AE122930" i="1"/>
  <c r="AE122931" i="1"/>
  <c r="AE122932" i="1"/>
  <c r="AE122933" i="1"/>
  <c r="AE122934" i="1"/>
  <c r="AE122935" i="1"/>
  <c r="AE122936" i="1"/>
  <c r="AE122937" i="1"/>
  <c r="AE122938" i="1"/>
  <c r="AE122939" i="1"/>
  <c r="AE122940" i="1"/>
  <c r="AE122941" i="1"/>
  <c r="AE122942" i="1"/>
  <c r="AE122943" i="1"/>
  <c r="AE122944" i="1"/>
  <c r="AE122945" i="1"/>
  <c r="AE122946" i="1"/>
  <c r="AE122947" i="1"/>
  <c r="AE122948" i="1"/>
  <c r="AE122949" i="1"/>
  <c r="AE122950" i="1"/>
  <c r="AE122951" i="1"/>
  <c r="AE122952" i="1"/>
  <c r="AE122953" i="1"/>
  <c r="AE122954" i="1"/>
  <c r="AE122955" i="1"/>
  <c r="AE122956" i="1"/>
  <c r="AE122957" i="1"/>
  <c r="AE122958" i="1"/>
  <c r="AE122959" i="1"/>
  <c r="AE122960" i="1"/>
  <c r="AE122961" i="1"/>
  <c r="AE122962" i="1"/>
  <c r="AE122963" i="1"/>
  <c r="AE122964" i="1"/>
  <c r="AE122965" i="1"/>
  <c r="AE122966" i="1"/>
  <c r="AE122967" i="1"/>
  <c r="AE122968" i="1"/>
  <c r="AE122969" i="1"/>
  <c r="AE122970" i="1"/>
  <c r="AE122971" i="1"/>
  <c r="AE122972" i="1"/>
  <c r="AE122973" i="1"/>
  <c r="AE122974" i="1"/>
  <c r="AE122975" i="1"/>
  <c r="AE122976" i="1"/>
  <c r="AE122977" i="1"/>
  <c r="AE122978" i="1"/>
  <c r="AE122979" i="1"/>
  <c r="AE122980" i="1"/>
  <c r="AE122981" i="1"/>
  <c r="AE122982" i="1"/>
  <c r="AE122983" i="1"/>
  <c r="AE122984" i="1"/>
  <c r="AE122985" i="1"/>
  <c r="AE122986" i="1"/>
  <c r="AE122987" i="1"/>
  <c r="AE122988" i="1"/>
  <c r="AE122989" i="1"/>
  <c r="AE122990" i="1"/>
  <c r="AE122991" i="1"/>
  <c r="AE122992" i="1"/>
  <c r="AE122993" i="1"/>
  <c r="AE122994" i="1"/>
  <c r="AE122995" i="1"/>
  <c r="AE122996" i="1"/>
  <c r="AE122997" i="1"/>
  <c r="AE122998" i="1"/>
  <c r="AE122999" i="1"/>
  <c r="AE123000" i="1"/>
  <c r="AE123001" i="1"/>
  <c r="AE123002" i="1"/>
  <c r="AE123003" i="1"/>
  <c r="AE123004" i="1"/>
  <c r="AE123005" i="1"/>
  <c r="AE123006" i="1"/>
  <c r="AE123007" i="1"/>
  <c r="AE123008" i="1"/>
  <c r="AE123009" i="1"/>
  <c r="AE123010" i="1"/>
  <c r="AE123011" i="1"/>
  <c r="AE123012" i="1"/>
  <c r="AE123013" i="1"/>
  <c r="AE123014" i="1"/>
  <c r="AE123015" i="1"/>
  <c r="AE123016" i="1"/>
  <c r="AE123017" i="1"/>
  <c r="AE123018" i="1"/>
  <c r="AE123019" i="1"/>
  <c r="AE123020" i="1"/>
  <c r="AE123021" i="1"/>
  <c r="AE123022" i="1"/>
  <c r="AE123023" i="1"/>
  <c r="AE123024" i="1"/>
  <c r="AE123025" i="1"/>
  <c r="AE123026" i="1"/>
  <c r="AE123027" i="1"/>
  <c r="AE123028" i="1"/>
  <c r="AE123029" i="1"/>
  <c r="AE123030" i="1"/>
  <c r="AE123031" i="1"/>
  <c r="AE123032" i="1"/>
  <c r="AE123033" i="1"/>
  <c r="AE123034" i="1"/>
  <c r="AE123035" i="1"/>
  <c r="AE123036" i="1"/>
  <c r="AE123037" i="1"/>
  <c r="AE123038" i="1"/>
  <c r="AE123039" i="1"/>
  <c r="AE123040" i="1"/>
  <c r="AE123041" i="1"/>
  <c r="AE123042" i="1"/>
  <c r="AE123043" i="1"/>
  <c r="AE123044" i="1"/>
  <c r="AE123045" i="1"/>
  <c r="AE123046" i="1"/>
  <c r="AE123047" i="1"/>
  <c r="AE123048" i="1"/>
  <c r="AE123049" i="1"/>
  <c r="AE123050" i="1"/>
  <c r="AE123051" i="1"/>
  <c r="AE123052" i="1"/>
  <c r="AE123053" i="1"/>
  <c r="AE123054" i="1"/>
  <c r="AE123055" i="1"/>
  <c r="AE123056" i="1"/>
  <c r="AE123057" i="1"/>
  <c r="AE123058" i="1"/>
  <c r="AE123059" i="1"/>
  <c r="AE123060" i="1"/>
  <c r="AE123061" i="1"/>
  <c r="AE123062" i="1"/>
  <c r="AE123063" i="1"/>
  <c r="AE123064" i="1"/>
  <c r="AE123065" i="1"/>
  <c r="AE123066" i="1"/>
  <c r="AE123067" i="1"/>
  <c r="AE123068" i="1"/>
  <c r="AE123069" i="1"/>
  <c r="AE123070" i="1"/>
  <c r="AE123071" i="1"/>
  <c r="AE123072" i="1"/>
  <c r="AE123073" i="1"/>
  <c r="AE123074" i="1"/>
  <c r="AE123075" i="1"/>
  <c r="AE123076" i="1"/>
  <c r="AE123077" i="1"/>
  <c r="AE123078" i="1"/>
  <c r="AE123079" i="1"/>
  <c r="AE123080" i="1"/>
  <c r="AE123081" i="1"/>
  <c r="AE123082" i="1"/>
  <c r="AE123083" i="1"/>
  <c r="AE123084" i="1"/>
  <c r="AE123085" i="1"/>
  <c r="AE123086" i="1"/>
  <c r="AE123087" i="1"/>
  <c r="AE123088" i="1"/>
  <c r="AE123089" i="1"/>
  <c r="AE123090" i="1"/>
  <c r="AE123091" i="1"/>
  <c r="AE123092" i="1"/>
  <c r="AE123093" i="1"/>
  <c r="AE123094" i="1"/>
  <c r="AE123095" i="1"/>
  <c r="AE123096" i="1"/>
  <c r="AE123097" i="1"/>
  <c r="AE123098" i="1"/>
  <c r="AE123099" i="1"/>
  <c r="AE123100" i="1"/>
  <c r="AE123101" i="1"/>
  <c r="AE123102" i="1"/>
  <c r="AE123103" i="1"/>
  <c r="AE123104" i="1"/>
  <c r="AE123105" i="1"/>
  <c r="AE123106" i="1"/>
  <c r="AE123107" i="1"/>
  <c r="AE123108" i="1"/>
  <c r="AE123109" i="1"/>
  <c r="AE123110" i="1"/>
  <c r="AE123111" i="1"/>
  <c r="AE123112" i="1"/>
  <c r="AE123113" i="1"/>
  <c r="AE123114" i="1"/>
  <c r="AE123115" i="1"/>
  <c r="AE123116" i="1"/>
  <c r="AE123117" i="1"/>
  <c r="AE123118" i="1"/>
  <c r="AE123119" i="1"/>
  <c r="AE123120" i="1"/>
  <c r="AE123121" i="1"/>
  <c r="AE123122" i="1"/>
  <c r="AE123123" i="1"/>
  <c r="AE123124" i="1"/>
  <c r="AE123125" i="1"/>
  <c r="AE123126" i="1"/>
  <c r="AE123127" i="1"/>
  <c r="AE123128" i="1"/>
  <c r="AE123129" i="1"/>
  <c r="AE123130" i="1"/>
  <c r="AE123131" i="1"/>
  <c r="AE123132" i="1"/>
  <c r="AE123133" i="1"/>
  <c r="AE123134" i="1"/>
  <c r="AE123135" i="1"/>
  <c r="AE123136" i="1"/>
  <c r="AE123137" i="1"/>
  <c r="AE123138" i="1"/>
  <c r="AE123139" i="1"/>
  <c r="AE123140" i="1"/>
  <c r="AE123141" i="1"/>
  <c r="AE123142" i="1"/>
  <c r="AE123143" i="1"/>
  <c r="AE123144" i="1"/>
  <c r="AE123145" i="1"/>
  <c r="AE123146" i="1"/>
  <c r="AE123147" i="1"/>
  <c r="AE123148" i="1"/>
  <c r="AE123149" i="1"/>
  <c r="AE123150" i="1"/>
  <c r="AE123151" i="1"/>
  <c r="AE123152" i="1"/>
  <c r="AE123153" i="1"/>
  <c r="AE123154" i="1"/>
  <c r="AE123155" i="1"/>
  <c r="AE123156" i="1"/>
  <c r="AE123157" i="1"/>
  <c r="AE123158" i="1"/>
  <c r="AE123159" i="1"/>
  <c r="AE123160" i="1"/>
  <c r="AE123161" i="1"/>
  <c r="AE123162" i="1"/>
  <c r="AE123163" i="1"/>
  <c r="AE123164" i="1"/>
  <c r="AE123165" i="1"/>
  <c r="AE123166" i="1"/>
  <c r="AE123167" i="1"/>
  <c r="AE123168" i="1"/>
  <c r="AE123169" i="1"/>
  <c r="AE123170" i="1"/>
  <c r="AE123171" i="1"/>
  <c r="AE123172" i="1"/>
  <c r="AE123173" i="1"/>
  <c r="AE123174" i="1"/>
  <c r="AE123175" i="1"/>
  <c r="AE123176" i="1"/>
  <c r="AE123177" i="1"/>
  <c r="AE123178" i="1"/>
  <c r="AE123179" i="1"/>
  <c r="AE123180" i="1"/>
  <c r="AE123181" i="1"/>
  <c r="AE123182" i="1"/>
  <c r="AE123183" i="1"/>
  <c r="AE123184" i="1"/>
  <c r="AE123185" i="1"/>
  <c r="AE123186" i="1"/>
  <c r="AE123187" i="1"/>
  <c r="AE123188" i="1"/>
  <c r="AE123189" i="1"/>
  <c r="AE123190" i="1"/>
  <c r="AE123191" i="1"/>
  <c r="AE123192" i="1"/>
  <c r="AE123193" i="1"/>
  <c r="AE123194" i="1"/>
  <c r="AE123195" i="1"/>
  <c r="AE123196" i="1"/>
  <c r="AE123197" i="1"/>
  <c r="AE123198" i="1"/>
  <c r="AE123199" i="1"/>
  <c r="AE123200" i="1"/>
  <c r="AE123201" i="1"/>
  <c r="AE123202" i="1"/>
  <c r="AE123203" i="1"/>
  <c r="AE123204" i="1"/>
  <c r="AE123205" i="1"/>
  <c r="AE123206" i="1"/>
  <c r="AE123207" i="1"/>
  <c r="AE123208" i="1"/>
  <c r="AE123209" i="1"/>
  <c r="AE123210" i="1"/>
  <c r="AE123211" i="1"/>
  <c r="AE123212" i="1"/>
  <c r="AE123213" i="1"/>
  <c r="AE123214" i="1"/>
  <c r="AE123215" i="1"/>
  <c r="AE123216" i="1"/>
  <c r="AE123217" i="1"/>
  <c r="AE123218" i="1"/>
  <c r="AE123219" i="1"/>
  <c r="AE123220" i="1"/>
  <c r="AE123221" i="1"/>
  <c r="AE123222" i="1"/>
  <c r="AE123223" i="1"/>
  <c r="AE123224" i="1"/>
  <c r="AE123225" i="1"/>
  <c r="AE123226" i="1"/>
  <c r="AE123227" i="1"/>
  <c r="AE123228" i="1"/>
  <c r="AE123229" i="1"/>
  <c r="AE123230" i="1"/>
  <c r="AE123231" i="1"/>
  <c r="AE123232" i="1"/>
  <c r="AE123233" i="1"/>
  <c r="AE123234" i="1"/>
  <c r="AE123235" i="1"/>
  <c r="AE123236" i="1"/>
  <c r="AE123237" i="1"/>
  <c r="AE123238" i="1"/>
  <c r="AE123239" i="1"/>
  <c r="AE123240" i="1"/>
  <c r="AE123241" i="1"/>
  <c r="AE123242" i="1"/>
  <c r="AE123243" i="1"/>
  <c r="AE123244" i="1"/>
  <c r="AE123245" i="1"/>
  <c r="AE123246" i="1"/>
  <c r="AE123247" i="1"/>
  <c r="AE123248" i="1"/>
  <c r="AE123249" i="1"/>
  <c r="AE123250" i="1"/>
  <c r="AE123251" i="1"/>
  <c r="AE123252" i="1"/>
  <c r="AE123253" i="1"/>
  <c r="AE123254" i="1"/>
  <c r="AE123255" i="1"/>
  <c r="AE123256" i="1"/>
  <c r="AE123257" i="1"/>
  <c r="AE123258" i="1"/>
  <c r="AE123259" i="1"/>
  <c r="AE123260" i="1"/>
  <c r="AE123261" i="1"/>
  <c r="AE123262" i="1"/>
  <c r="AE123263" i="1"/>
  <c r="AE123264" i="1"/>
  <c r="AE123265" i="1"/>
  <c r="AE123266" i="1"/>
  <c r="AE123267" i="1"/>
  <c r="AE123268" i="1"/>
  <c r="AE123269" i="1"/>
  <c r="AE123270" i="1"/>
  <c r="AE123271" i="1"/>
  <c r="AE123272" i="1"/>
  <c r="AE123273" i="1"/>
  <c r="AE123274" i="1"/>
  <c r="AE123275" i="1"/>
  <c r="AE123276" i="1"/>
  <c r="AE123277" i="1"/>
  <c r="AE123278" i="1"/>
  <c r="AE123279" i="1"/>
  <c r="AE123280" i="1"/>
  <c r="AE123281" i="1"/>
  <c r="AE123282" i="1"/>
  <c r="AE123283" i="1"/>
  <c r="AE123284" i="1"/>
  <c r="AE123285" i="1"/>
  <c r="AE123286" i="1"/>
  <c r="AE123287" i="1"/>
  <c r="AE123288" i="1"/>
  <c r="AE123289" i="1"/>
  <c r="AE123290" i="1"/>
  <c r="AE123291" i="1"/>
  <c r="AE123292" i="1"/>
  <c r="AE123293" i="1"/>
  <c r="AE123294" i="1"/>
  <c r="AE123295" i="1"/>
  <c r="AE123296" i="1"/>
  <c r="AE123297" i="1"/>
  <c r="AE123298" i="1"/>
  <c r="AE123299" i="1"/>
  <c r="AE123300" i="1"/>
  <c r="AE123301" i="1"/>
  <c r="AE123302" i="1"/>
  <c r="AE123303" i="1"/>
  <c r="AE123304" i="1"/>
  <c r="AE123305" i="1"/>
  <c r="AE123306" i="1"/>
  <c r="AE123307" i="1"/>
  <c r="AE123308" i="1"/>
  <c r="AE123309" i="1"/>
  <c r="AE123310" i="1"/>
  <c r="AE123311" i="1"/>
  <c r="AE123312" i="1"/>
  <c r="AE123313" i="1"/>
  <c r="AE123314" i="1"/>
  <c r="AE123315" i="1"/>
  <c r="AE123316" i="1"/>
  <c r="AE123317" i="1"/>
  <c r="AE123318" i="1"/>
  <c r="AE123319" i="1"/>
  <c r="AE123320" i="1"/>
  <c r="AE123321" i="1"/>
  <c r="AE123322" i="1"/>
  <c r="AE123323" i="1"/>
  <c r="AE123324" i="1"/>
  <c r="AE123325" i="1"/>
  <c r="AE123326" i="1"/>
  <c r="AE123327" i="1"/>
  <c r="AE123328" i="1"/>
  <c r="AE123329" i="1"/>
  <c r="AE123330" i="1"/>
  <c r="AE123331" i="1"/>
  <c r="AE123332" i="1"/>
  <c r="AE123333" i="1"/>
  <c r="AE123334" i="1"/>
  <c r="AE123335" i="1"/>
  <c r="AE123336" i="1"/>
  <c r="AE123337" i="1"/>
  <c r="AE123338" i="1"/>
  <c r="AE123339" i="1"/>
  <c r="AE123340" i="1"/>
  <c r="AE123341" i="1"/>
  <c r="AE123342" i="1"/>
  <c r="AE123343" i="1"/>
  <c r="AE123344" i="1"/>
  <c r="AE123345" i="1"/>
  <c r="AE123346" i="1"/>
  <c r="AE123347" i="1"/>
  <c r="AE123348" i="1"/>
  <c r="AE123349" i="1"/>
  <c r="AE123350" i="1"/>
  <c r="AE123351" i="1"/>
  <c r="AE123352" i="1"/>
  <c r="AE123353" i="1"/>
  <c r="AE123354" i="1"/>
  <c r="AE123355" i="1"/>
  <c r="AE123356" i="1"/>
  <c r="AE123357" i="1"/>
  <c r="AE123358" i="1"/>
  <c r="AE123359" i="1"/>
  <c r="AE123360" i="1"/>
  <c r="AE123361" i="1"/>
  <c r="AE123362" i="1"/>
  <c r="AE123363" i="1"/>
  <c r="AE123364" i="1"/>
  <c r="AE123365" i="1"/>
  <c r="AE123366" i="1"/>
  <c r="AE123367" i="1"/>
  <c r="AE123368" i="1"/>
  <c r="AE123369" i="1"/>
  <c r="AE123370" i="1"/>
  <c r="AE123371" i="1"/>
  <c r="AE123372" i="1"/>
  <c r="AE123373" i="1"/>
  <c r="AE123374" i="1"/>
  <c r="AE123375" i="1"/>
  <c r="AE123376" i="1"/>
  <c r="AE123377" i="1"/>
  <c r="AE123378" i="1"/>
  <c r="AE123379" i="1"/>
  <c r="AE123380" i="1"/>
  <c r="AE123381" i="1"/>
  <c r="AE123382" i="1"/>
  <c r="AE123383" i="1"/>
  <c r="AE123384" i="1"/>
  <c r="AE123385" i="1"/>
  <c r="AE123386" i="1"/>
  <c r="AE123387" i="1"/>
  <c r="AE123388" i="1"/>
  <c r="AE123389" i="1"/>
  <c r="AE123390" i="1"/>
  <c r="AE123391" i="1"/>
  <c r="AE123392" i="1"/>
  <c r="AE123393" i="1"/>
  <c r="AE123394" i="1"/>
  <c r="AE123395" i="1"/>
  <c r="AE123396" i="1"/>
  <c r="AE123397" i="1"/>
  <c r="AE123398" i="1"/>
  <c r="AE123399" i="1"/>
  <c r="AE123400" i="1"/>
  <c r="AE123401" i="1"/>
  <c r="AE123402" i="1"/>
  <c r="AE123403" i="1"/>
  <c r="AE123404" i="1"/>
  <c r="AE123405" i="1"/>
  <c r="AE123406" i="1"/>
  <c r="AE123407" i="1"/>
  <c r="AE123408" i="1"/>
  <c r="AE123409" i="1"/>
  <c r="AE123410" i="1"/>
  <c r="AE123411" i="1"/>
  <c r="AE123412" i="1"/>
  <c r="AE123413" i="1"/>
  <c r="AE123414" i="1"/>
  <c r="AE123415" i="1"/>
  <c r="AE123416" i="1"/>
  <c r="AE123417" i="1"/>
  <c r="AE123418" i="1"/>
  <c r="AE123419" i="1"/>
  <c r="AE123420" i="1"/>
  <c r="AE123421" i="1"/>
  <c r="AE123422" i="1"/>
  <c r="AE123423" i="1"/>
  <c r="AE123424" i="1"/>
  <c r="AE123425" i="1"/>
  <c r="AE123426" i="1"/>
  <c r="AE123427" i="1"/>
  <c r="AE123428" i="1"/>
  <c r="AE123429" i="1"/>
  <c r="AE123430" i="1"/>
  <c r="AE123431" i="1"/>
  <c r="AE123432" i="1"/>
  <c r="AE123433" i="1"/>
  <c r="AE123434" i="1"/>
  <c r="AE123435" i="1"/>
  <c r="AE123436" i="1"/>
  <c r="AE123437" i="1"/>
  <c r="AE123438" i="1"/>
  <c r="AE123439" i="1"/>
  <c r="AE123440" i="1"/>
  <c r="AE123441" i="1"/>
  <c r="AE123442" i="1"/>
  <c r="AE123443" i="1"/>
  <c r="AE123444" i="1"/>
  <c r="AE123445" i="1"/>
  <c r="AE123446" i="1"/>
  <c r="AE123447" i="1"/>
  <c r="AE123448" i="1"/>
  <c r="AE123449" i="1"/>
  <c r="AE123450" i="1"/>
  <c r="AE123451" i="1"/>
  <c r="AE123452" i="1"/>
  <c r="AE123453" i="1"/>
  <c r="AE123454" i="1"/>
  <c r="AE123455" i="1"/>
  <c r="AE123456" i="1"/>
  <c r="AE123457" i="1"/>
  <c r="AE123458" i="1"/>
  <c r="AE123459" i="1"/>
  <c r="AE123460" i="1"/>
  <c r="AE123461" i="1"/>
  <c r="AE123462" i="1"/>
  <c r="AE123463" i="1"/>
  <c r="AE123464" i="1"/>
  <c r="AE123465" i="1"/>
  <c r="AE123466" i="1"/>
  <c r="AE123467" i="1"/>
  <c r="AE123468" i="1"/>
  <c r="AE123469" i="1"/>
  <c r="AE123470" i="1"/>
  <c r="AE123471" i="1"/>
  <c r="AE123472" i="1"/>
  <c r="AE123473" i="1"/>
  <c r="AE123474" i="1"/>
  <c r="AE123475" i="1"/>
  <c r="AE123476" i="1"/>
  <c r="AE123477" i="1"/>
  <c r="AE123478" i="1"/>
  <c r="AE123479" i="1"/>
  <c r="AE123480" i="1"/>
  <c r="AE123481" i="1"/>
  <c r="AE123482" i="1"/>
  <c r="AE123483" i="1"/>
  <c r="AE123484" i="1"/>
  <c r="AE123485" i="1"/>
  <c r="AE123486" i="1"/>
  <c r="AE123487" i="1"/>
  <c r="AE123488" i="1"/>
  <c r="AE123489" i="1"/>
  <c r="AE123490" i="1"/>
  <c r="AE123491" i="1"/>
  <c r="AE123492" i="1"/>
  <c r="AE123493" i="1"/>
  <c r="AE123494" i="1"/>
  <c r="AE123495" i="1"/>
  <c r="AE123496" i="1"/>
  <c r="AE123497" i="1"/>
  <c r="AE123498" i="1"/>
  <c r="AE123499" i="1"/>
  <c r="AE123500" i="1"/>
  <c r="AE123501" i="1"/>
  <c r="AE123502" i="1"/>
  <c r="AE123503" i="1"/>
  <c r="AE123504" i="1"/>
  <c r="AE123505" i="1"/>
  <c r="AE123506" i="1"/>
  <c r="AE123507" i="1"/>
  <c r="AE123508" i="1"/>
  <c r="AE123509" i="1"/>
  <c r="AE123510" i="1"/>
  <c r="AE123511" i="1"/>
  <c r="AE123512" i="1"/>
  <c r="AE123513" i="1"/>
  <c r="AE123514" i="1"/>
  <c r="AE123515" i="1"/>
  <c r="AE123516" i="1"/>
  <c r="AE123517" i="1"/>
  <c r="AE123518" i="1"/>
  <c r="AE123519" i="1"/>
  <c r="AE123520" i="1"/>
  <c r="AE123521" i="1"/>
  <c r="AE123522" i="1"/>
  <c r="AE123523" i="1"/>
  <c r="AE123524" i="1"/>
  <c r="AE123525" i="1"/>
  <c r="AE123526" i="1"/>
  <c r="AE123527" i="1"/>
  <c r="AE123528" i="1"/>
  <c r="AE123529" i="1"/>
  <c r="AE123530" i="1"/>
  <c r="AE123531" i="1"/>
  <c r="AE123532" i="1"/>
  <c r="AE123533" i="1"/>
  <c r="AE123534" i="1"/>
  <c r="AE123535" i="1"/>
  <c r="AE123536" i="1"/>
  <c r="AE123537" i="1"/>
  <c r="AE123538" i="1"/>
  <c r="AE123539" i="1"/>
  <c r="AE123540" i="1"/>
  <c r="AE123541" i="1"/>
  <c r="AE123542" i="1"/>
  <c r="AE123543" i="1"/>
  <c r="AE123544" i="1"/>
  <c r="AE123545" i="1"/>
  <c r="AE123546" i="1"/>
  <c r="AE123547" i="1"/>
  <c r="AE123548" i="1"/>
  <c r="AE123549" i="1"/>
  <c r="AE123550" i="1"/>
  <c r="AE123551" i="1"/>
  <c r="AE123552" i="1"/>
  <c r="AE123553" i="1"/>
  <c r="AE123554" i="1"/>
  <c r="AE123555" i="1"/>
  <c r="AE123556" i="1"/>
  <c r="AE123557" i="1"/>
  <c r="AE123558" i="1"/>
  <c r="AE123559" i="1"/>
  <c r="AE123560" i="1"/>
  <c r="AE123561" i="1"/>
  <c r="AE123562" i="1"/>
  <c r="AE123563" i="1"/>
  <c r="AE123564" i="1"/>
  <c r="AE123565" i="1"/>
  <c r="AE123566" i="1"/>
  <c r="AE123567" i="1"/>
  <c r="AE123568" i="1"/>
  <c r="AE123569" i="1"/>
  <c r="AE123570" i="1"/>
  <c r="AE123571" i="1"/>
  <c r="AE123572" i="1"/>
  <c r="AE123573" i="1"/>
  <c r="AE123574" i="1"/>
  <c r="AE123575" i="1"/>
  <c r="AE123576" i="1"/>
  <c r="AE123577" i="1"/>
  <c r="AE123578" i="1"/>
  <c r="AE123579" i="1"/>
  <c r="AE123580" i="1"/>
  <c r="AE123581" i="1"/>
  <c r="AE123582" i="1"/>
  <c r="AE123583" i="1"/>
  <c r="AE123584" i="1"/>
  <c r="AE123585" i="1"/>
  <c r="AE123586" i="1"/>
  <c r="AE123587" i="1"/>
  <c r="AE123588" i="1"/>
  <c r="AE123589" i="1"/>
  <c r="AE123590" i="1"/>
  <c r="AE123591" i="1"/>
  <c r="AE123592" i="1"/>
  <c r="AE123593" i="1"/>
  <c r="AE123594" i="1"/>
  <c r="AE123595" i="1"/>
  <c r="AE123596" i="1"/>
  <c r="AE123597" i="1"/>
  <c r="AE123598" i="1"/>
  <c r="AE123599" i="1"/>
  <c r="AE123600" i="1"/>
  <c r="AE123601" i="1"/>
  <c r="AE123602" i="1"/>
  <c r="AE123603" i="1"/>
  <c r="AE123604" i="1"/>
  <c r="AE123605" i="1"/>
  <c r="AE123606" i="1"/>
  <c r="AE123607" i="1"/>
  <c r="AE123608" i="1"/>
  <c r="AE123609" i="1"/>
  <c r="AE123610" i="1"/>
  <c r="AE123611" i="1"/>
  <c r="AE123612" i="1"/>
  <c r="AE123613" i="1"/>
  <c r="AE123614" i="1"/>
  <c r="AE123615" i="1"/>
  <c r="AE123616" i="1"/>
  <c r="AE123617" i="1"/>
  <c r="AE123618" i="1"/>
  <c r="AE123619" i="1"/>
  <c r="AE123620" i="1"/>
  <c r="AE123621" i="1"/>
  <c r="AE123622" i="1"/>
  <c r="AE123623" i="1"/>
  <c r="AE123624" i="1"/>
  <c r="AE123625" i="1"/>
  <c r="AE123626" i="1"/>
  <c r="AE123627" i="1"/>
  <c r="AE123628" i="1"/>
  <c r="AE123629" i="1"/>
  <c r="AE123630" i="1"/>
  <c r="AE123631" i="1"/>
  <c r="AE123632" i="1"/>
  <c r="AE123633" i="1"/>
  <c r="AE123634" i="1"/>
  <c r="AE123635" i="1"/>
  <c r="AE123636" i="1"/>
  <c r="AE123637" i="1"/>
  <c r="AE123638" i="1"/>
  <c r="AE123639" i="1"/>
  <c r="AE123640" i="1"/>
  <c r="AE123641" i="1"/>
  <c r="AE123642" i="1"/>
  <c r="AE123643" i="1"/>
  <c r="AE123644" i="1"/>
  <c r="AE123645" i="1"/>
  <c r="AE123646" i="1"/>
  <c r="AE123647" i="1"/>
  <c r="AE123648" i="1"/>
  <c r="AE123649" i="1"/>
  <c r="AE123650" i="1"/>
  <c r="AE123651" i="1"/>
  <c r="AE123652" i="1"/>
  <c r="AE123653" i="1"/>
  <c r="AE123654" i="1"/>
  <c r="AE123655" i="1"/>
  <c r="AE123656" i="1"/>
  <c r="AE123657" i="1"/>
  <c r="AE123658" i="1"/>
  <c r="AE123659" i="1"/>
  <c r="AE123660" i="1"/>
  <c r="AE123661" i="1"/>
  <c r="AE123662" i="1"/>
  <c r="AE123663" i="1"/>
  <c r="AE123664" i="1"/>
  <c r="AE123665" i="1"/>
  <c r="AE123666" i="1"/>
  <c r="AE123667" i="1"/>
  <c r="AE123668" i="1"/>
  <c r="AE123669" i="1"/>
  <c r="AE123670" i="1"/>
  <c r="AE123671" i="1"/>
  <c r="AE123672" i="1"/>
  <c r="AE123673" i="1"/>
  <c r="AE123674" i="1"/>
  <c r="AE123675" i="1"/>
  <c r="AE123676" i="1"/>
  <c r="AE123677" i="1"/>
  <c r="AE123678" i="1"/>
  <c r="AE123679" i="1"/>
  <c r="AE123680" i="1"/>
  <c r="AE123681" i="1"/>
  <c r="AE123682" i="1"/>
  <c r="AE123683" i="1"/>
  <c r="AE123684" i="1"/>
  <c r="AE123685" i="1"/>
  <c r="AE123686" i="1"/>
  <c r="AE123687" i="1"/>
  <c r="AE123688" i="1"/>
  <c r="AE123689" i="1"/>
  <c r="AE123690" i="1"/>
  <c r="AE123691" i="1"/>
  <c r="AE123692" i="1"/>
  <c r="AE123693" i="1"/>
  <c r="AE123694" i="1"/>
  <c r="AE123695" i="1"/>
  <c r="AE123696" i="1"/>
  <c r="AE123697" i="1"/>
  <c r="AE123698" i="1"/>
  <c r="AE123699" i="1"/>
  <c r="AE123700" i="1"/>
  <c r="AE123701" i="1"/>
  <c r="AE123702" i="1"/>
  <c r="AE123703" i="1"/>
  <c r="AE123704" i="1"/>
  <c r="AE123705" i="1"/>
  <c r="AE123706" i="1"/>
  <c r="AE123707" i="1"/>
  <c r="AE123708" i="1"/>
  <c r="AE123709" i="1"/>
  <c r="AE123710" i="1"/>
  <c r="AE123711" i="1"/>
  <c r="AE123712" i="1"/>
  <c r="AE123713" i="1"/>
  <c r="AE123714" i="1"/>
  <c r="AE123715" i="1"/>
  <c r="AE123716" i="1"/>
  <c r="AE123717" i="1"/>
  <c r="AE123718" i="1"/>
  <c r="AE123719" i="1"/>
  <c r="AE123720" i="1"/>
  <c r="AE123721" i="1"/>
  <c r="AE123722" i="1"/>
  <c r="AE123723" i="1"/>
  <c r="AE123724" i="1"/>
  <c r="AE123725" i="1"/>
  <c r="AE123726" i="1"/>
  <c r="AE123727" i="1"/>
  <c r="AE123728" i="1"/>
  <c r="AE123729" i="1"/>
  <c r="AE123730" i="1"/>
  <c r="AE123731" i="1"/>
  <c r="AE123732" i="1"/>
  <c r="AE123733" i="1"/>
  <c r="AE123734" i="1"/>
  <c r="AE123735" i="1"/>
  <c r="AE123736" i="1"/>
  <c r="AE123737" i="1"/>
  <c r="AE123738" i="1"/>
  <c r="AE123739" i="1"/>
  <c r="AE123740" i="1"/>
  <c r="AE123741" i="1"/>
  <c r="AE123742" i="1"/>
  <c r="AE123743" i="1"/>
  <c r="AE123744" i="1"/>
  <c r="AE123745" i="1"/>
  <c r="AE123746" i="1"/>
  <c r="AE123747" i="1"/>
  <c r="AE123748" i="1"/>
  <c r="AE123749" i="1"/>
  <c r="AE123750" i="1"/>
  <c r="AE123751" i="1"/>
  <c r="AE123752" i="1"/>
  <c r="AE123753" i="1"/>
  <c r="AE123754" i="1"/>
  <c r="AE123755" i="1"/>
  <c r="AE123756" i="1"/>
  <c r="AE123757" i="1"/>
  <c r="AE123758" i="1"/>
  <c r="AE123759" i="1"/>
  <c r="AE123760" i="1"/>
  <c r="AE123761" i="1"/>
  <c r="AE123762" i="1"/>
  <c r="AE123763" i="1"/>
  <c r="AE123764" i="1"/>
  <c r="AE123765" i="1"/>
  <c r="AE123766" i="1"/>
  <c r="AE123767" i="1"/>
  <c r="AE123768" i="1"/>
  <c r="AE123769" i="1"/>
  <c r="AE123770" i="1"/>
  <c r="AE123771" i="1"/>
  <c r="AE123772" i="1"/>
  <c r="AE123773" i="1"/>
  <c r="AE123774" i="1"/>
  <c r="AE123775" i="1"/>
  <c r="AE123776" i="1"/>
  <c r="AE123777" i="1"/>
  <c r="AE123778" i="1"/>
  <c r="AE123779" i="1"/>
  <c r="AE123780" i="1"/>
  <c r="AE123781" i="1"/>
  <c r="AE123782" i="1"/>
  <c r="AE123783" i="1"/>
  <c r="AE123784" i="1"/>
  <c r="AE123785" i="1"/>
  <c r="AE123786" i="1"/>
  <c r="AE123787" i="1"/>
  <c r="AE123788" i="1"/>
  <c r="AE123789" i="1"/>
  <c r="AE123790" i="1"/>
  <c r="AE123791" i="1"/>
  <c r="AE123792" i="1"/>
  <c r="AE123793" i="1"/>
  <c r="AE123794" i="1"/>
  <c r="AE123795" i="1"/>
  <c r="AE123796" i="1"/>
  <c r="AE123797" i="1"/>
  <c r="AE123798" i="1"/>
  <c r="AE123799" i="1"/>
  <c r="AE123800" i="1"/>
  <c r="AE123801" i="1"/>
  <c r="AE123802" i="1"/>
  <c r="AE123803" i="1"/>
  <c r="AE123804" i="1"/>
  <c r="AE123805" i="1"/>
  <c r="AE123806" i="1"/>
  <c r="AE123807" i="1"/>
  <c r="AE123808" i="1"/>
  <c r="AE123809" i="1"/>
  <c r="AE123810" i="1"/>
  <c r="AE123811" i="1"/>
  <c r="AE123812" i="1"/>
  <c r="AE123813" i="1"/>
  <c r="AE123814" i="1"/>
  <c r="AE123815" i="1"/>
  <c r="AE123816" i="1"/>
  <c r="AE123817" i="1"/>
  <c r="AE123818" i="1"/>
  <c r="AE123819" i="1"/>
  <c r="AE123820" i="1"/>
  <c r="AE123821" i="1"/>
  <c r="AE123822" i="1"/>
  <c r="AE123823" i="1"/>
  <c r="AE123824" i="1"/>
  <c r="AE123825" i="1"/>
  <c r="AE123826" i="1"/>
  <c r="AE123827" i="1"/>
  <c r="AE123828" i="1"/>
  <c r="AE123829" i="1"/>
  <c r="AE123830" i="1"/>
  <c r="AE123831" i="1"/>
  <c r="AE123832" i="1"/>
  <c r="AE123833" i="1"/>
  <c r="AE123834" i="1"/>
  <c r="AE123835" i="1"/>
  <c r="AE123836" i="1"/>
  <c r="AE123837" i="1"/>
  <c r="AE123838" i="1"/>
  <c r="AE123839" i="1"/>
  <c r="AE123840" i="1"/>
  <c r="AE123841" i="1"/>
  <c r="AE123842" i="1"/>
  <c r="AE123843" i="1"/>
  <c r="AE123844" i="1"/>
  <c r="AE123845" i="1"/>
  <c r="AE123846" i="1"/>
  <c r="AE123847" i="1"/>
  <c r="AE123848" i="1"/>
  <c r="AE123849" i="1"/>
  <c r="AE123850" i="1"/>
  <c r="AE123851" i="1"/>
  <c r="AE123852" i="1"/>
  <c r="AE123853" i="1"/>
  <c r="AE123854" i="1"/>
  <c r="AE123855" i="1"/>
  <c r="AE123856" i="1"/>
  <c r="AE123857" i="1"/>
  <c r="AE123858" i="1"/>
  <c r="AE123859" i="1"/>
  <c r="AE123860" i="1"/>
  <c r="AE123861" i="1"/>
  <c r="AE123862" i="1"/>
  <c r="AE123863" i="1"/>
  <c r="AE123864" i="1"/>
  <c r="AE123865" i="1"/>
  <c r="AE123866" i="1"/>
  <c r="AE123867" i="1"/>
  <c r="AE123868" i="1"/>
  <c r="AE123869" i="1"/>
  <c r="AE123870" i="1"/>
  <c r="AE123871" i="1"/>
  <c r="AE123872" i="1"/>
  <c r="AE123873" i="1"/>
  <c r="AE123874" i="1"/>
  <c r="AE123875" i="1"/>
  <c r="AE123876" i="1"/>
  <c r="AE123877" i="1"/>
  <c r="AE123878" i="1"/>
  <c r="AE123879" i="1"/>
  <c r="AE123880" i="1"/>
  <c r="AE123881" i="1"/>
  <c r="AE123882" i="1"/>
  <c r="AE123883" i="1"/>
  <c r="AE123884" i="1"/>
  <c r="AE123885" i="1"/>
  <c r="AE123886" i="1"/>
  <c r="AE123887" i="1"/>
  <c r="AE123888" i="1"/>
  <c r="AE123889" i="1"/>
  <c r="AE123890" i="1"/>
  <c r="AE123891" i="1"/>
  <c r="AE123892" i="1"/>
  <c r="AE123893" i="1"/>
  <c r="AE123894" i="1"/>
  <c r="AE123895" i="1"/>
  <c r="AE123896" i="1"/>
  <c r="AE123897" i="1"/>
  <c r="AE123898" i="1"/>
  <c r="AE123899" i="1"/>
  <c r="AE123900" i="1"/>
  <c r="AE123901" i="1"/>
  <c r="AE123902" i="1"/>
  <c r="AE123903" i="1"/>
  <c r="AE123904" i="1"/>
  <c r="AE123905" i="1"/>
  <c r="AE123906" i="1"/>
  <c r="AE123907" i="1"/>
  <c r="AE123908" i="1"/>
  <c r="AE123909" i="1"/>
  <c r="AE123910" i="1"/>
  <c r="AE123911" i="1"/>
  <c r="AE123912" i="1"/>
  <c r="AE123913" i="1"/>
  <c r="AE123914" i="1"/>
  <c r="AE123915" i="1"/>
  <c r="AE123916" i="1"/>
  <c r="AE123917" i="1"/>
  <c r="AE123918" i="1"/>
  <c r="AE123919" i="1"/>
  <c r="AE123920" i="1"/>
  <c r="AE123921" i="1"/>
  <c r="AE123922" i="1"/>
  <c r="AE123923" i="1"/>
  <c r="AE123924" i="1"/>
  <c r="AE123925" i="1"/>
  <c r="AE123926" i="1"/>
  <c r="AE123927" i="1"/>
  <c r="AE123928" i="1"/>
  <c r="AE123929" i="1"/>
  <c r="AE123930" i="1"/>
  <c r="AE123931" i="1"/>
  <c r="AE123932" i="1"/>
  <c r="AE123933" i="1"/>
  <c r="AE123934" i="1"/>
  <c r="AE123935" i="1"/>
  <c r="AE123936" i="1"/>
  <c r="AE123937" i="1"/>
  <c r="AE123938" i="1"/>
  <c r="AE123939" i="1"/>
  <c r="AE123940" i="1"/>
  <c r="AE123941" i="1"/>
  <c r="AE123942" i="1"/>
  <c r="AE123943" i="1"/>
  <c r="AE123944" i="1"/>
  <c r="AE123945" i="1"/>
  <c r="AE123946" i="1"/>
  <c r="AE123947" i="1"/>
  <c r="AE123948" i="1"/>
  <c r="AE123949" i="1"/>
  <c r="AE123950" i="1"/>
  <c r="AE123951" i="1"/>
  <c r="AE123952" i="1"/>
  <c r="AE123953" i="1"/>
  <c r="AE123954" i="1"/>
  <c r="AE123955" i="1"/>
  <c r="AE123956" i="1"/>
  <c r="AE123957" i="1"/>
  <c r="AE123958" i="1"/>
  <c r="AE123959" i="1"/>
  <c r="AE123960" i="1"/>
  <c r="AE123961" i="1"/>
  <c r="AE123962" i="1"/>
  <c r="AE123963" i="1"/>
  <c r="AE123964" i="1"/>
  <c r="AE123965" i="1"/>
  <c r="AE123966" i="1"/>
  <c r="AE123967" i="1"/>
  <c r="AE123968" i="1"/>
  <c r="AE123969" i="1"/>
  <c r="AE123970" i="1"/>
  <c r="AE123971" i="1"/>
  <c r="AE123972" i="1"/>
  <c r="AE123973" i="1"/>
  <c r="AE123974" i="1"/>
  <c r="AE123975" i="1"/>
  <c r="AE123976" i="1"/>
  <c r="AE123977" i="1"/>
  <c r="AE123978" i="1"/>
  <c r="AE123979" i="1"/>
  <c r="AE123980" i="1"/>
  <c r="AE123981" i="1"/>
  <c r="AE123982" i="1"/>
  <c r="AE123983" i="1"/>
  <c r="AE123984" i="1"/>
  <c r="AE123985" i="1"/>
  <c r="AE123986" i="1"/>
  <c r="AE123987" i="1"/>
  <c r="AE123988" i="1"/>
  <c r="AE123989" i="1"/>
  <c r="AE123990" i="1"/>
  <c r="AE123991" i="1"/>
  <c r="AE123992" i="1"/>
  <c r="AE123993" i="1"/>
  <c r="AE123994" i="1"/>
  <c r="AE123995" i="1"/>
  <c r="AE123996" i="1"/>
  <c r="AE123997" i="1"/>
  <c r="AE123998" i="1"/>
  <c r="AE123999" i="1"/>
  <c r="AE124000" i="1"/>
  <c r="AE124001" i="1"/>
  <c r="AE124002" i="1"/>
  <c r="AE124003" i="1"/>
  <c r="AE124004" i="1"/>
  <c r="AE124005" i="1"/>
  <c r="AE124006" i="1"/>
  <c r="AE124007" i="1"/>
  <c r="AE124008" i="1"/>
  <c r="AE124009" i="1"/>
  <c r="AE124010" i="1"/>
  <c r="AE124011" i="1"/>
  <c r="AE124012" i="1"/>
  <c r="AE124013" i="1"/>
  <c r="AE124014" i="1"/>
  <c r="AE124015" i="1"/>
  <c r="AE124016" i="1"/>
  <c r="AE124017" i="1"/>
  <c r="AE124018" i="1"/>
  <c r="AE124019" i="1"/>
  <c r="AE124020" i="1"/>
  <c r="AE124021" i="1"/>
  <c r="AE124022" i="1"/>
  <c r="AE124023" i="1"/>
  <c r="AE124024" i="1"/>
  <c r="AE124025" i="1"/>
  <c r="AE124026" i="1"/>
  <c r="AE124027" i="1"/>
  <c r="AE124028" i="1"/>
  <c r="AE124029" i="1"/>
  <c r="AE124030" i="1"/>
  <c r="AE124031" i="1"/>
  <c r="AE124032" i="1"/>
  <c r="AE124033" i="1"/>
  <c r="AE124034" i="1"/>
  <c r="AE124035" i="1"/>
  <c r="AE124036" i="1"/>
  <c r="AE124037" i="1"/>
  <c r="AE124038" i="1"/>
  <c r="AE124039" i="1"/>
  <c r="AE124040" i="1"/>
  <c r="AE124041" i="1"/>
  <c r="AE124042" i="1"/>
  <c r="AE124043" i="1"/>
  <c r="AE124044" i="1"/>
  <c r="AE124045" i="1"/>
  <c r="AE124046" i="1"/>
  <c r="AE124047" i="1"/>
  <c r="AE124048" i="1"/>
  <c r="AE124049" i="1"/>
  <c r="AE124050" i="1"/>
  <c r="AE124051" i="1"/>
  <c r="AE124052" i="1"/>
  <c r="AE124053" i="1"/>
  <c r="AE124054" i="1"/>
  <c r="AE124055" i="1"/>
  <c r="AE124056" i="1"/>
  <c r="AE124057" i="1"/>
  <c r="AE124058" i="1"/>
  <c r="AE124059" i="1"/>
  <c r="AE124060" i="1"/>
  <c r="AE124061" i="1"/>
  <c r="AE124062" i="1"/>
  <c r="AE124063" i="1"/>
  <c r="AE124064" i="1"/>
  <c r="AE124065" i="1"/>
  <c r="AE124066" i="1"/>
  <c r="AE124067" i="1"/>
  <c r="AE124068" i="1"/>
  <c r="AE124069" i="1"/>
  <c r="AE124070" i="1"/>
  <c r="AE124071" i="1"/>
  <c r="AE124072" i="1"/>
  <c r="AE124073" i="1"/>
  <c r="AE124074" i="1"/>
  <c r="AE124075" i="1"/>
  <c r="AE124076" i="1"/>
  <c r="AE124077" i="1"/>
  <c r="AE124078" i="1"/>
  <c r="AE124079" i="1"/>
  <c r="AE124080" i="1"/>
  <c r="AE124081" i="1"/>
  <c r="AE124082" i="1"/>
  <c r="AE124083" i="1"/>
  <c r="AE124084" i="1"/>
  <c r="AE124085" i="1"/>
  <c r="AE124086" i="1"/>
  <c r="AE124087" i="1"/>
  <c r="AE124088" i="1"/>
  <c r="AE124089" i="1"/>
  <c r="AE124090" i="1"/>
  <c r="AE124091" i="1"/>
  <c r="AE124092" i="1"/>
  <c r="AE124093" i="1"/>
  <c r="AE124094" i="1"/>
  <c r="AE124095" i="1"/>
  <c r="AE124096" i="1"/>
  <c r="AE124097" i="1"/>
  <c r="AE124098" i="1"/>
  <c r="AE124099" i="1"/>
  <c r="AE124100" i="1"/>
  <c r="AE124101" i="1"/>
  <c r="AE124102" i="1"/>
  <c r="AE124103" i="1"/>
  <c r="AE124104" i="1"/>
  <c r="AE124105" i="1"/>
  <c r="AE124106" i="1"/>
  <c r="AE124107" i="1"/>
  <c r="AE124108" i="1"/>
  <c r="AE124109" i="1"/>
  <c r="AE124110" i="1"/>
  <c r="AE124111" i="1"/>
  <c r="AE124112" i="1"/>
  <c r="AE124113" i="1"/>
  <c r="AE124114" i="1"/>
  <c r="AE124115" i="1"/>
  <c r="AE124116" i="1"/>
  <c r="AE124117" i="1"/>
  <c r="AE124118" i="1"/>
  <c r="AE124119" i="1"/>
  <c r="AE124120" i="1"/>
  <c r="AE124121" i="1"/>
  <c r="AE124122" i="1"/>
  <c r="AE124123" i="1"/>
  <c r="AE124124" i="1"/>
  <c r="AE124125" i="1"/>
  <c r="AE124126" i="1"/>
  <c r="AE124127" i="1"/>
  <c r="AE124128" i="1"/>
  <c r="AE124129" i="1"/>
  <c r="AE124130" i="1"/>
  <c r="AE124131" i="1"/>
  <c r="AE124132" i="1"/>
  <c r="AE124133" i="1"/>
  <c r="AE124134" i="1"/>
  <c r="AE124135" i="1"/>
  <c r="AE124136" i="1"/>
  <c r="AE124137" i="1"/>
  <c r="AE124138" i="1"/>
  <c r="AE124139" i="1"/>
  <c r="AE124140" i="1"/>
  <c r="AE124141" i="1"/>
  <c r="AE124142" i="1"/>
  <c r="AE124143" i="1"/>
  <c r="AE124144" i="1"/>
  <c r="AE124145" i="1"/>
  <c r="AE124146" i="1"/>
  <c r="AE124147" i="1"/>
  <c r="AE124148" i="1"/>
  <c r="AE124149" i="1"/>
  <c r="AE124150" i="1"/>
  <c r="AE124151" i="1"/>
  <c r="AE124152" i="1"/>
  <c r="AE124153" i="1"/>
  <c r="AE124154" i="1"/>
  <c r="AE124155" i="1"/>
  <c r="AE124156" i="1"/>
  <c r="AE124157" i="1"/>
  <c r="AE124158" i="1"/>
  <c r="AE124159" i="1"/>
  <c r="AE124160" i="1"/>
  <c r="AE124161" i="1"/>
  <c r="AE124162" i="1"/>
  <c r="AE124163" i="1"/>
  <c r="AE124164" i="1"/>
  <c r="AE124165" i="1"/>
  <c r="AE124166" i="1"/>
  <c r="AE124167" i="1"/>
  <c r="AE124168" i="1"/>
  <c r="AE124169" i="1"/>
  <c r="AE124170" i="1"/>
  <c r="AE124171" i="1"/>
  <c r="AE124172" i="1"/>
  <c r="AE124173" i="1"/>
  <c r="AE124174" i="1"/>
  <c r="AE124175" i="1"/>
  <c r="AE124176" i="1"/>
  <c r="AE124177" i="1"/>
  <c r="AE124178" i="1"/>
  <c r="AE124179" i="1"/>
  <c r="AE124180" i="1"/>
  <c r="AE124181" i="1"/>
  <c r="AE124182" i="1"/>
  <c r="AE124183" i="1"/>
  <c r="AE124184" i="1"/>
  <c r="AE124185" i="1"/>
  <c r="AE124186" i="1"/>
  <c r="AE124187" i="1"/>
  <c r="AE124188" i="1"/>
  <c r="AE124189" i="1"/>
  <c r="AE124190" i="1"/>
  <c r="AE124191" i="1"/>
  <c r="AE124192" i="1"/>
  <c r="AE124193" i="1"/>
  <c r="AE124194" i="1"/>
  <c r="AE124195" i="1"/>
  <c r="AE124196" i="1"/>
  <c r="AE124197" i="1"/>
  <c r="AE124198" i="1"/>
  <c r="AE124199" i="1"/>
  <c r="AE124200" i="1"/>
  <c r="AE124201" i="1"/>
  <c r="AE124202" i="1"/>
  <c r="AE124203" i="1"/>
  <c r="AE124204" i="1"/>
  <c r="AE124205" i="1"/>
  <c r="AE124206" i="1"/>
  <c r="AE124207" i="1"/>
  <c r="AE124208" i="1"/>
  <c r="AE124209" i="1"/>
  <c r="AE124210" i="1"/>
  <c r="AE124211" i="1"/>
  <c r="AE124212" i="1"/>
  <c r="AE124213" i="1"/>
  <c r="AE124214" i="1"/>
  <c r="AE124215" i="1"/>
  <c r="AE124216" i="1"/>
  <c r="AE124217" i="1"/>
  <c r="AE124218" i="1"/>
  <c r="AE124219" i="1"/>
  <c r="AE124220" i="1"/>
  <c r="AE124221" i="1"/>
  <c r="AE124222" i="1"/>
  <c r="AE124223" i="1"/>
  <c r="AE124224" i="1"/>
  <c r="AE124225" i="1"/>
  <c r="AE124226" i="1"/>
  <c r="AE124227" i="1"/>
  <c r="AE124228" i="1"/>
  <c r="AE124229" i="1"/>
  <c r="AE124230" i="1"/>
  <c r="AE124231" i="1"/>
  <c r="AE124232" i="1"/>
  <c r="AE124233" i="1"/>
  <c r="AE124234" i="1"/>
  <c r="AE124235" i="1"/>
  <c r="AE124236" i="1"/>
  <c r="AE124237" i="1"/>
  <c r="AE124238" i="1"/>
  <c r="AE124239" i="1"/>
  <c r="AE124240" i="1"/>
  <c r="AE124241" i="1"/>
  <c r="AE124242" i="1"/>
  <c r="AE124243" i="1"/>
  <c r="AE124244" i="1"/>
  <c r="AE124245" i="1"/>
  <c r="AE124246" i="1"/>
  <c r="AE124247" i="1"/>
  <c r="AE124248" i="1"/>
  <c r="AE124249" i="1"/>
  <c r="AE124250" i="1"/>
  <c r="AE124251" i="1"/>
  <c r="AE124252" i="1"/>
  <c r="AE124253" i="1"/>
  <c r="AE124254" i="1"/>
  <c r="AE124255" i="1"/>
  <c r="AE124256" i="1"/>
  <c r="AE124257" i="1"/>
  <c r="AE124258" i="1"/>
  <c r="AE124259" i="1"/>
  <c r="AE124260" i="1"/>
  <c r="AE124261" i="1"/>
  <c r="AE124262" i="1"/>
  <c r="AE124263" i="1"/>
  <c r="AE124264" i="1"/>
  <c r="AE124265" i="1"/>
  <c r="AE124266" i="1"/>
  <c r="AE124267" i="1"/>
  <c r="AE124268" i="1"/>
  <c r="AE124269" i="1"/>
  <c r="AE124270" i="1"/>
  <c r="AE124271" i="1"/>
  <c r="AE124272" i="1"/>
  <c r="AE124273" i="1"/>
  <c r="AE124274" i="1"/>
  <c r="AE124275" i="1"/>
  <c r="AE124276" i="1"/>
  <c r="AE124277" i="1"/>
  <c r="AE124278" i="1"/>
  <c r="AE124279" i="1"/>
  <c r="AE124280" i="1"/>
  <c r="AE124281" i="1"/>
  <c r="AE124282" i="1"/>
  <c r="AE124283" i="1"/>
  <c r="AE124284" i="1"/>
  <c r="AE124285" i="1"/>
  <c r="AE124286" i="1"/>
  <c r="AE124287" i="1"/>
  <c r="AE124288" i="1"/>
  <c r="AE124289" i="1"/>
  <c r="AE124290" i="1"/>
  <c r="AE124291" i="1"/>
  <c r="AE124292" i="1"/>
  <c r="AE124293" i="1"/>
  <c r="AE124294" i="1"/>
  <c r="AE124295" i="1"/>
  <c r="AE124296" i="1"/>
  <c r="AE124297" i="1"/>
  <c r="AE124298" i="1"/>
  <c r="AE124299" i="1"/>
  <c r="AE124300" i="1"/>
  <c r="AE124301" i="1"/>
  <c r="AE124302" i="1"/>
  <c r="AE124303" i="1"/>
  <c r="AE124304" i="1"/>
  <c r="AE124305" i="1"/>
  <c r="AE124306" i="1"/>
  <c r="AE124307" i="1"/>
  <c r="AE124308" i="1"/>
  <c r="AE124309" i="1"/>
  <c r="AE124310" i="1"/>
  <c r="AE124311" i="1"/>
  <c r="AE124312" i="1"/>
  <c r="AE124313" i="1"/>
  <c r="AE124314" i="1"/>
  <c r="AE124315" i="1"/>
  <c r="AE124316" i="1"/>
  <c r="AE124317" i="1"/>
  <c r="AE124318" i="1"/>
  <c r="AE124319" i="1"/>
  <c r="AE124320" i="1"/>
  <c r="AE124321" i="1"/>
  <c r="AE124322" i="1"/>
  <c r="AE124323" i="1"/>
  <c r="AE124324" i="1"/>
  <c r="AE124325" i="1"/>
  <c r="AE124326" i="1"/>
  <c r="AE124327" i="1"/>
  <c r="AE124328" i="1"/>
  <c r="AE124329" i="1"/>
  <c r="AE124330" i="1"/>
  <c r="AE124331" i="1"/>
  <c r="AE124332" i="1"/>
  <c r="AE124333" i="1"/>
  <c r="AE124334" i="1"/>
  <c r="AE124335" i="1"/>
  <c r="AE124336" i="1"/>
  <c r="AE124337" i="1"/>
  <c r="AE124338" i="1"/>
  <c r="AE124339" i="1"/>
  <c r="AE124340" i="1"/>
  <c r="AE124341" i="1"/>
  <c r="AE124342" i="1"/>
  <c r="AE124343" i="1"/>
  <c r="AE124344" i="1"/>
  <c r="AE124345" i="1"/>
  <c r="AE124346" i="1"/>
  <c r="AE124347" i="1"/>
  <c r="AE124348" i="1"/>
  <c r="AE124349" i="1"/>
  <c r="AE124350" i="1"/>
  <c r="AE124351" i="1"/>
  <c r="AE124352" i="1"/>
  <c r="AE124353" i="1"/>
  <c r="AE124354" i="1"/>
  <c r="AE124355" i="1"/>
  <c r="AE124356" i="1"/>
  <c r="AE124357" i="1"/>
  <c r="AE124358" i="1"/>
  <c r="AE124359" i="1"/>
  <c r="AE124360" i="1"/>
  <c r="AE124361" i="1"/>
  <c r="AE124362" i="1"/>
  <c r="AE124363" i="1"/>
  <c r="AE124364" i="1"/>
  <c r="AE124365" i="1"/>
  <c r="AE124366" i="1"/>
  <c r="AE124367" i="1"/>
  <c r="AE124368" i="1"/>
  <c r="AE124369" i="1"/>
  <c r="AE124370" i="1"/>
  <c r="AE124371" i="1"/>
  <c r="AE124372" i="1"/>
  <c r="AE124373" i="1"/>
  <c r="AE124374" i="1"/>
  <c r="AE124375" i="1"/>
  <c r="AE124376" i="1"/>
  <c r="AE124377" i="1"/>
  <c r="AE124378" i="1"/>
  <c r="AE124379" i="1"/>
  <c r="AE124380" i="1"/>
  <c r="AE124381" i="1"/>
  <c r="AE124382" i="1"/>
  <c r="AE124383" i="1"/>
  <c r="AE124384" i="1"/>
  <c r="AE124385" i="1"/>
  <c r="AE124386" i="1"/>
  <c r="AE124387" i="1"/>
  <c r="AE124388" i="1"/>
  <c r="AE124389" i="1"/>
  <c r="AE124390" i="1"/>
  <c r="AE124391" i="1"/>
  <c r="AE124392" i="1"/>
  <c r="AE124393" i="1"/>
  <c r="AE124394" i="1"/>
  <c r="AE124395" i="1"/>
  <c r="AE124396" i="1"/>
  <c r="AE124397" i="1"/>
  <c r="AE124398" i="1"/>
  <c r="AE124399" i="1"/>
  <c r="AE124400" i="1"/>
  <c r="AE124401" i="1"/>
  <c r="AE124402" i="1"/>
  <c r="AE124403" i="1"/>
  <c r="AE124404" i="1"/>
  <c r="AE124405" i="1"/>
  <c r="AE124406" i="1"/>
  <c r="AE124407" i="1"/>
  <c r="AE124408" i="1"/>
  <c r="AE124409" i="1"/>
  <c r="AE124410" i="1"/>
  <c r="AE124411" i="1"/>
  <c r="AE124412" i="1"/>
  <c r="AE124413" i="1"/>
  <c r="AE124414" i="1"/>
  <c r="AE124415" i="1"/>
  <c r="AE124416" i="1"/>
  <c r="AE124417" i="1"/>
  <c r="AE124418" i="1"/>
  <c r="AE124419" i="1"/>
  <c r="AE124420" i="1"/>
  <c r="AE124421" i="1"/>
  <c r="AE124422" i="1"/>
  <c r="AE124423" i="1"/>
  <c r="AE124424" i="1"/>
  <c r="AE124425" i="1"/>
  <c r="AE124426" i="1"/>
  <c r="AE124427" i="1"/>
  <c r="AE124428" i="1"/>
  <c r="AE124429" i="1"/>
  <c r="AE124430" i="1"/>
  <c r="AE124431" i="1"/>
  <c r="AE124432" i="1"/>
  <c r="AE124433" i="1"/>
  <c r="AE124434" i="1"/>
  <c r="AE124435" i="1"/>
  <c r="AE124436" i="1"/>
  <c r="AE124437" i="1"/>
  <c r="AE124438" i="1"/>
  <c r="AE124439" i="1"/>
  <c r="AE124440" i="1"/>
  <c r="AE124441" i="1"/>
  <c r="AE124442" i="1"/>
  <c r="AE124443" i="1"/>
  <c r="AE124444" i="1"/>
  <c r="AE124445" i="1"/>
  <c r="AE124446" i="1"/>
  <c r="AE124447" i="1"/>
  <c r="AE124448" i="1"/>
  <c r="AE124449" i="1"/>
  <c r="AE124450" i="1"/>
  <c r="AE124451" i="1"/>
  <c r="AE124452" i="1"/>
  <c r="AE124453" i="1"/>
  <c r="AE124454" i="1"/>
  <c r="AE124455" i="1"/>
  <c r="AE124456" i="1"/>
  <c r="AE124457" i="1"/>
  <c r="AE124458" i="1"/>
  <c r="AE124459" i="1"/>
  <c r="AE124460" i="1"/>
  <c r="AE124461" i="1"/>
  <c r="AE124462" i="1"/>
  <c r="AE124463" i="1"/>
  <c r="AE124464" i="1"/>
  <c r="AE124465" i="1"/>
  <c r="AE124466" i="1"/>
  <c r="AE124467" i="1"/>
  <c r="AE124468" i="1"/>
  <c r="AE124469" i="1"/>
  <c r="AE124470" i="1"/>
  <c r="AE124471" i="1"/>
  <c r="AE124472" i="1"/>
  <c r="AE124473" i="1"/>
  <c r="AE124474" i="1"/>
  <c r="AE124475" i="1"/>
  <c r="AE124476" i="1"/>
  <c r="AE124477" i="1"/>
  <c r="AE124478" i="1"/>
  <c r="AE124479" i="1"/>
  <c r="AE124480" i="1"/>
  <c r="AE124481" i="1"/>
  <c r="AE124482" i="1"/>
  <c r="AE124483" i="1"/>
  <c r="AE124484" i="1"/>
  <c r="AE124485" i="1"/>
  <c r="AE124486" i="1"/>
  <c r="AE124487" i="1"/>
  <c r="AE124488" i="1"/>
  <c r="AE124489" i="1"/>
  <c r="AE124490" i="1"/>
  <c r="AE124491" i="1"/>
  <c r="AE124492" i="1"/>
  <c r="AE124493" i="1"/>
  <c r="AE124494" i="1"/>
  <c r="AE124495" i="1"/>
  <c r="AE124496" i="1"/>
  <c r="AE124497" i="1"/>
  <c r="AE124498" i="1"/>
  <c r="AE124499" i="1"/>
  <c r="AE124500" i="1"/>
  <c r="AE124501" i="1"/>
  <c r="AE124502" i="1"/>
  <c r="AE124503" i="1"/>
  <c r="AE124504" i="1"/>
  <c r="AE124505" i="1"/>
  <c r="AE124506" i="1"/>
  <c r="AE124507" i="1"/>
  <c r="AE124508" i="1"/>
  <c r="AE124509" i="1"/>
  <c r="AE124510" i="1"/>
  <c r="AE124511" i="1"/>
  <c r="AE124512" i="1"/>
  <c r="AE124513" i="1"/>
  <c r="AE124514" i="1"/>
  <c r="AE124515" i="1"/>
  <c r="AE124516" i="1"/>
  <c r="AE124517" i="1"/>
  <c r="AE124518" i="1"/>
  <c r="AE124519" i="1"/>
  <c r="AE124520" i="1"/>
  <c r="AE124521" i="1"/>
  <c r="AE124522" i="1"/>
  <c r="AE124523" i="1"/>
  <c r="AE124524" i="1"/>
  <c r="AE124525" i="1"/>
  <c r="AE124526" i="1"/>
  <c r="AE124527" i="1"/>
  <c r="AE124528" i="1"/>
  <c r="AE124529" i="1"/>
  <c r="AE124530" i="1"/>
  <c r="AE124531" i="1"/>
  <c r="AE124532" i="1"/>
  <c r="AE124533" i="1"/>
  <c r="AE124534" i="1"/>
  <c r="AE124535" i="1"/>
  <c r="AE124536" i="1"/>
  <c r="AE124537" i="1"/>
  <c r="AE124538" i="1"/>
  <c r="AE124539" i="1"/>
  <c r="AE124540" i="1"/>
  <c r="AE124541" i="1"/>
  <c r="AE124542" i="1"/>
  <c r="AE124543" i="1"/>
  <c r="AE124544" i="1"/>
  <c r="AE124545" i="1"/>
  <c r="AE124546" i="1"/>
  <c r="AE124547" i="1"/>
  <c r="AE124548" i="1"/>
  <c r="AE124549" i="1"/>
  <c r="AE124550" i="1"/>
  <c r="AE124551" i="1"/>
  <c r="AE124552" i="1"/>
  <c r="AE124553" i="1"/>
  <c r="AE124554" i="1"/>
  <c r="AE124555" i="1"/>
  <c r="AE124556" i="1"/>
  <c r="AE124557" i="1"/>
  <c r="AE124558" i="1"/>
  <c r="AE124559" i="1"/>
  <c r="AE124560" i="1"/>
  <c r="AE124561" i="1"/>
  <c r="AE124562" i="1"/>
  <c r="AE124563" i="1"/>
  <c r="AE124564" i="1"/>
  <c r="AE124565" i="1"/>
  <c r="AE124566" i="1"/>
  <c r="AE124567" i="1"/>
  <c r="AE124568" i="1"/>
  <c r="AE124569" i="1"/>
  <c r="AE124570" i="1"/>
  <c r="AE124571" i="1"/>
  <c r="AE124572" i="1"/>
  <c r="AE124573" i="1"/>
  <c r="AE124574" i="1"/>
  <c r="AE124575" i="1"/>
  <c r="AE124576" i="1"/>
  <c r="AE124577" i="1"/>
  <c r="AE124578" i="1"/>
  <c r="AE124579" i="1"/>
  <c r="AE124580" i="1"/>
  <c r="AE124581" i="1"/>
  <c r="AE124582" i="1"/>
  <c r="AE124583" i="1"/>
  <c r="AE124584" i="1"/>
  <c r="AE124585" i="1"/>
  <c r="AE124586" i="1"/>
  <c r="AE124587" i="1"/>
  <c r="AE124588" i="1"/>
  <c r="AE124589" i="1"/>
  <c r="AE124590" i="1"/>
  <c r="AE124591" i="1"/>
  <c r="AE124592" i="1"/>
  <c r="AE124593" i="1"/>
  <c r="AE124594" i="1"/>
  <c r="AE124595" i="1"/>
  <c r="AE124596" i="1"/>
  <c r="AE124597" i="1"/>
  <c r="AE124598" i="1"/>
  <c r="AE124599" i="1"/>
  <c r="AE124600" i="1"/>
  <c r="AE124601" i="1"/>
  <c r="AE124602" i="1"/>
  <c r="AE124603" i="1"/>
  <c r="AE124604" i="1"/>
  <c r="AE124605" i="1"/>
  <c r="AE124606" i="1"/>
  <c r="AE124607" i="1"/>
  <c r="AE124608" i="1"/>
  <c r="AE124609" i="1"/>
  <c r="AE124610" i="1"/>
  <c r="AE124611" i="1"/>
  <c r="AE124612" i="1"/>
  <c r="AE124613" i="1"/>
  <c r="AE124614" i="1"/>
  <c r="AE124615" i="1"/>
  <c r="AE124616" i="1"/>
  <c r="AE124617" i="1"/>
  <c r="AE124618" i="1"/>
  <c r="AE124619" i="1"/>
  <c r="AE124620" i="1"/>
  <c r="AE124621" i="1"/>
  <c r="AE124622" i="1"/>
  <c r="AE124623" i="1"/>
  <c r="AE124624" i="1"/>
  <c r="AE124625" i="1"/>
  <c r="AE124626" i="1"/>
  <c r="AE124627" i="1"/>
  <c r="AE124628" i="1"/>
  <c r="AE124629" i="1"/>
  <c r="AE124630" i="1"/>
  <c r="AE124631" i="1"/>
  <c r="AE124632" i="1"/>
  <c r="AE124633" i="1"/>
  <c r="AE124634" i="1"/>
  <c r="AE124635" i="1"/>
  <c r="AE124636" i="1"/>
  <c r="AE124637" i="1"/>
  <c r="AE124638" i="1"/>
  <c r="AE124639" i="1"/>
  <c r="AE124640" i="1"/>
  <c r="AE124641" i="1"/>
  <c r="AE124642" i="1"/>
  <c r="AE124643" i="1"/>
  <c r="AE124644" i="1"/>
  <c r="AE124645" i="1"/>
  <c r="AE124646" i="1"/>
  <c r="AE124647" i="1"/>
  <c r="AE124648" i="1"/>
  <c r="AE124649" i="1"/>
  <c r="AE124650" i="1"/>
  <c r="AE124651" i="1"/>
  <c r="AE124652" i="1"/>
  <c r="AE124653" i="1"/>
  <c r="AE124654" i="1"/>
  <c r="AE124655" i="1"/>
  <c r="AE124656" i="1"/>
  <c r="AE124657" i="1"/>
  <c r="AE124658" i="1"/>
  <c r="AE124659" i="1"/>
  <c r="AE124660" i="1"/>
  <c r="AE124661" i="1"/>
  <c r="AE124662" i="1"/>
  <c r="AE124663" i="1"/>
  <c r="AE124664" i="1"/>
  <c r="AE124665" i="1"/>
  <c r="AE124666" i="1"/>
  <c r="AE124667" i="1"/>
  <c r="AE124668" i="1"/>
  <c r="AE124669" i="1"/>
  <c r="AE124670" i="1"/>
  <c r="AE124671" i="1"/>
  <c r="AE124672" i="1"/>
  <c r="AE124673" i="1"/>
  <c r="AE124674" i="1"/>
  <c r="AE124675" i="1"/>
  <c r="AE124676" i="1"/>
  <c r="AE124677" i="1"/>
  <c r="AE124678" i="1"/>
  <c r="AE124679" i="1"/>
  <c r="AE124680" i="1"/>
  <c r="AE124681" i="1"/>
  <c r="AE124682" i="1"/>
  <c r="AE124683" i="1"/>
  <c r="AE124684" i="1"/>
  <c r="AE124685" i="1"/>
  <c r="AE124686" i="1"/>
  <c r="AE124687" i="1"/>
  <c r="AE124688" i="1"/>
  <c r="AE124689" i="1"/>
  <c r="AE124690" i="1"/>
  <c r="AE124691" i="1"/>
  <c r="AE124692" i="1"/>
  <c r="AE124693" i="1"/>
  <c r="AE124694" i="1"/>
  <c r="AE124695" i="1"/>
  <c r="AE124696" i="1"/>
  <c r="AE124697" i="1"/>
  <c r="AE124698" i="1"/>
  <c r="AE124699" i="1"/>
  <c r="AE124700" i="1"/>
  <c r="AE124701" i="1"/>
  <c r="AE124702" i="1"/>
  <c r="AE124703" i="1"/>
  <c r="AE124704" i="1"/>
  <c r="AE124705" i="1"/>
  <c r="AE124706" i="1"/>
  <c r="AE124707" i="1"/>
  <c r="AE124708" i="1"/>
  <c r="AE124709" i="1"/>
  <c r="AE124710" i="1"/>
  <c r="AE124711" i="1"/>
  <c r="AE124712" i="1"/>
  <c r="AE124713" i="1"/>
  <c r="AE124714" i="1"/>
  <c r="AE124715" i="1"/>
  <c r="AE124716" i="1"/>
  <c r="AE124717" i="1"/>
  <c r="AE124718" i="1"/>
  <c r="AE124719" i="1"/>
  <c r="AE124720" i="1"/>
  <c r="AE124721" i="1"/>
  <c r="AE124722" i="1"/>
  <c r="AE124723" i="1"/>
  <c r="AE124724" i="1"/>
  <c r="AE124725" i="1"/>
  <c r="AE124726" i="1"/>
  <c r="AE124727" i="1"/>
  <c r="AE124728" i="1"/>
  <c r="AE124729" i="1"/>
  <c r="AE124730" i="1"/>
  <c r="AE124731" i="1"/>
  <c r="AE124732" i="1"/>
  <c r="AE124733" i="1"/>
  <c r="AE124734" i="1"/>
  <c r="AE124735" i="1"/>
  <c r="AE124736" i="1"/>
  <c r="AE124737" i="1"/>
  <c r="AE124738" i="1"/>
  <c r="AE124739" i="1"/>
  <c r="AE124740" i="1"/>
  <c r="AE124741" i="1"/>
  <c r="AE124742" i="1"/>
  <c r="AE124743" i="1"/>
  <c r="AE124744" i="1"/>
  <c r="AE124745" i="1"/>
  <c r="AE124746" i="1"/>
  <c r="AE124747" i="1"/>
  <c r="AE124748" i="1"/>
  <c r="AE124749" i="1"/>
  <c r="AE124750" i="1"/>
  <c r="AE124751" i="1"/>
  <c r="AE124752" i="1"/>
  <c r="AE124753" i="1"/>
  <c r="AE124754" i="1"/>
  <c r="AE124755" i="1"/>
  <c r="AE124756" i="1"/>
  <c r="AE124757" i="1"/>
  <c r="AE124758" i="1"/>
  <c r="AE124759" i="1"/>
  <c r="AE124760" i="1"/>
  <c r="AE124761" i="1"/>
  <c r="AE124762" i="1"/>
  <c r="AE124763" i="1"/>
  <c r="AE124764" i="1"/>
  <c r="AE124765" i="1"/>
  <c r="AE124766" i="1"/>
  <c r="AE124767" i="1"/>
  <c r="AE124768" i="1"/>
  <c r="AE124769" i="1"/>
  <c r="AE124770" i="1"/>
  <c r="AE124771" i="1"/>
  <c r="AE124772" i="1"/>
  <c r="AE124773" i="1"/>
  <c r="AE124774" i="1"/>
  <c r="AE124775" i="1"/>
  <c r="AE124776" i="1"/>
  <c r="AE124777" i="1"/>
  <c r="AE124778" i="1"/>
  <c r="AE124779" i="1"/>
  <c r="AE124780" i="1"/>
  <c r="AE124781" i="1"/>
  <c r="AE124782" i="1"/>
  <c r="AE124783" i="1"/>
  <c r="AE124784" i="1"/>
  <c r="AE124785" i="1"/>
  <c r="AE124786" i="1"/>
  <c r="AE124787" i="1"/>
  <c r="AE124788" i="1"/>
  <c r="AE124789" i="1"/>
  <c r="AE124790" i="1"/>
  <c r="AE124791" i="1"/>
  <c r="AE124792" i="1"/>
  <c r="AE124793" i="1"/>
  <c r="AE124794" i="1"/>
  <c r="AE124795" i="1"/>
  <c r="AE124796" i="1"/>
  <c r="AE124797" i="1"/>
  <c r="AE124798" i="1"/>
  <c r="AE124799" i="1"/>
  <c r="AE124800" i="1"/>
  <c r="AE124801" i="1"/>
  <c r="AE124802" i="1"/>
  <c r="AE124803" i="1"/>
  <c r="AE124804" i="1"/>
  <c r="AE124805" i="1"/>
  <c r="AE124806" i="1"/>
  <c r="AE124807" i="1"/>
  <c r="AE124808" i="1"/>
  <c r="AE124809" i="1"/>
  <c r="AE124810" i="1"/>
  <c r="AE124811" i="1"/>
  <c r="AE124812" i="1"/>
  <c r="AE124813" i="1"/>
  <c r="AE124814" i="1"/>
  <c r="AE124815" i="1"/>
  <c r="AE124816" i="1"/>
  <c r="AE124817" i="1"/>
  <c r="AE124818" i="1"/>
  <c r="AE124819" i="1"/>
  <c r="AE124820" i="1"/>
  <c r="AE124821" i="1"/>
  <c r="AE124822" i="1"/>
  <c r="AE124823" i="1"/>
  <c r="AE124824" i="1"/>
  <c r="AE124825" i="1"/>
  <c r="AE124826" i="1"/>
  <c r="AE124827" i="1"/>
  <c r="AE124828" i="1"/>
  <c r="AE124829" i="1"/>
  <c r="AE124830" i="1"/>
  <c r="AE124831" i="1"/>
  <c r="AE124832" i="1"/>
  <c r="AE124833" i="1"/>
  <c r="AE124834" i="1"/>
  <c r="AE124835" i="1"/>
  <c r="AE124836" i="1"/>
  <c r="AE124837" i="1"/>
  <c r="AE124838" i="1"/>
  <c r="AE124839" i="1"/>
  <c r="AE124840" i="1"/>
  <c r="AE124841" i="1"/>
  <c r="AE124842" i="1"/>
  <c r="AE124843" i="1"/>
  <c r="AE124844" i="1"/>
  <c r="AE124845" i="1"/>
  <c r="AE124846" i="1"/>
  <c r="AE124847" i="1"/>
  <c r="AE124848" i="1"/>
  <c r="AE124849" i="1"/>
  <c r="AE124850" i="1"/>
  <c r="AE124851" i="1"/>
  <c r="AE124852" i="1"/>
  <c r="AE124853" i="1"/>
  <c r="AE124854" i="1"/>
  <c r="AE124855" i="1"/>
  <c r="AE124856" i="1"/>
  <c r="AE124857" i="1"/>
  <c r="AE124858" i="1"/>
  <c r="AE124859" i="1"/>
  <c r="AE124860" i="1"/>
  <c r="AE124861" i="1"/>
  <c r="AE124862" i="1"/>
  <c r="AE124863" i="1"/>
  <c r="AE124864" i="1"/>
  <c r="AE124865" i="1"/>
  <c r="AE124866" i="1"/>
  <c r="AE124867" i="1"/>
  <c r="AE124868" i="1"/>
  <c r="AE124869" i="1"/>
  <c r="AE124870" i="1"/>
  <c r="AE124871" i="1"/>
  <c r="AE124872" i="1"/>
  <c r="AE124873" i="1"/>
  <c r="AE124874" i="1"/>
  <c r="AE124875" i="1"/>
  <c r="AE124876" i="1"/>
  <c r="AE124877" i="1"/>
  <c r="AE124878" i="1"/>
  <c r="AE124879" i="1"/>
  <c r="AE124880" i="1"/>
  <c r="AE124881" i="1"/>
  <c r="AE124882" i="1"/>
  <c r="AE124883" i="1"/>
  <c r="AE124884" i="1"/>
  <c r="AE124885" i="1"/>
  <c r="AE124886" i="1"/>
  <c r="AE124887" i="1"/>
  <c r="AE124888" i="1"/>
  <c r="AE124889" i="1"/>
  <c r="AE124890" i="1"/>
  <c r="AE124891" i="1"/>
  <c r="AE124892" i="1"/>
  <c r="AE124893" i="1"/>
  <c r="AE124894" i="1"/>
  <c r="AE124895" i="1"/>
  <c r="AE124896" i="1"/>
  <c r="AE124897" i="1"/>
  <c r="AE124898" i="1"/>
  <c r="AE124899" i="1"/>
  <c r="AE124900" i="1"/>
  <c r="AE124901" i="1"/>
  <c r="AE124902" i="1"/>
  <c r="AE124903" i="1"/>
  <c r="AE124904" i="1"/>
  <c r="AE124905" i="1"/>
  <c r="AE124906" i="1"/>
  <c r="AE124907" i="1"/>
  <c r="AE124908" i="1"/>
  <c r="AE124909" i="1"/>
  <c r="AE124910" i="1"/>
  <c r="AE124911" i="1"/>
  <c r="AE124912" i="1"/>
  <c r="AE124913" i="1"/>
  <c r="AE124914" i="1"/>
  <c r="AE124915" i="1"/>
  <c r="AE124916" i="1"/>
  <c r="AE124917" i="1"/>
  <c r="AE124918" i="1"/>
  <c r="AE124919" i="1"/>
  <c r="AE124920" i="1"/>
  <c r="AE124921" i="1"/>
  <c r="AE124922" i="1"/>
  <c r="AE124923" i="1"/>
  <c r="AE124924" i="1"/>
  <c r="AE124925" i="1"/>
  <c r="AE124926" i="1"/>
  <c r="AE124927" i="1"/>
  <c r="AE124928" i="1"/>
  <c r="AE124929" i="1"/>
  <c r="AE124930" i="1"/>
  <c r="AE124931" i="1"/>
  <c r="AE124932" i="1"/>
  <c r="AE124933" i="1"/>
  <c r="AE124934" i="1"/>
  <c r="AE124935" i="1"/>
  <c r="AE124936" i="1"/>
  <c r="AE124937" i="1"/>
  <c r="AE124938" i="1"/>
  <c r="AE124939" i="1"/>
  <c r="AE124940" i="1"/>
  <c r="AE124941" i="1"/>
  <c r="AE124942" i="1"/>
  <c r="AE124943" i="1"/>
  <c r="AE124944" i="1"/>
  <c r="AE124945" i="1"/>
  <c r="AE124946" i="1"/>
  <c r="AE124947" i="1"/>
  <c r="AE124948" i="1"/>
  <c r="AE124949" i="1"/>
  <c r="AE124950" i="1"/>
  <c r="AE124951" i="1"/>
  <c r="AE124952" i="1"/>
  <c r="AE124953" i="1"/>
  <c r="AE124954" i="1"/>
  <c r="AE124955" i="1"/>
  <c r="AE124956" i="1"/>
  <c r="AE124957" i="1"/>
  <c r="AE124958" i="1"/>
  <c r="AE124959" i="1"/>
  <c r="AE124960" i="1"/>
  <c r="AE124961" i="1"/>
  <c r="AE124962" i="1"/>
  <c r="AE124963" i="1"/>
  <c r="AE124964" i="1"/>
  <c r="AE124965" i="1"/>
  <c r="AE124966" i="1"/>
  <c r="AE124967" i="1"/>
  <c r="AE124968" i="1"/>
  <c r="AE124969" i="1"/>
  <c r="AE124970" i="1"/>
  <c r="AE124971" i="1"/>
  <c r="AE124972" i="1"/>
  <c r="AE124973" i="1"/>
  <c r="AE124974" i="1"/>
  <c r="AE124975" i="1"/>
  <c r="AE124976" i="1"/>
  <c r="AE124977" i="1"/>
  <c r="AE124978" i="1"/>
  <c r="AE124979" i="1"/>
  <c r="AE124980" i="1"/>
  <c r="AE124981" i="1"/>
  <c r="AE124982" i="1"/>
  <c r="AE124983" i="1"/>
  <c r="AE124984" i="1"/>
  <c r="AE124985" i="1"/>
  <c r="AE124986" i="1"/>
  <c r="AE124987" i="1"/>
  <c r="AE124988" i="1"/>
  <c r="AE124989" i="1"/>
  <c r="AE124990" i="1"/>
  <c r="AE124991" i="1"/>
  <c r="AE124992" i="1"/>
  <c r="AE124993" i="1"/>
  <c r="AE124994" i="1"/>
  <c r="AE124995" i="1"/>
  <c r="AE124996" i="1"/>
  <c r="AE124997" i="1"/>
  <c r="AE124998" i="1"/>
  <c r="AE124999" i="1"/>
  <c r="AE125000" i="1"/>
  <c r="AE125001" i="1"/>
  <c r="AE125002" i="1"/>
  <c r="AE125003" i="1"/>
  <c r="AE125004" i="1"/>
  <c r="AE125005" i="1"/>
  <c r="AE125006" i="1"/>
  <c r="AE125007" i="1"/>
  <c r="AE125008" i="1"/>
  <c r="AE125009" i="1"/>
  <c r="AE125010" i="1"/>
  <c r="AE125011" i="1"/>
  <c r="AE125012" i="1"/>
  <c r="AE125013" i="1"/>
  <c r="AE125014" i="1"/>
  <c r="AE125015" i="1"/>
  <c r="AE125016" i="1"/>
  <c r="AE125017" i="1"/>
  <c r="AE125018" i="1"/>
  <c r="AE125019" i="1"/>
  <c r="AE125020" i="1"/>
  <c r="AE125021" i="1"/>
  <c r="AE125022" i="1"/>
  <c r="AE125023" i="1"/>
  <c r="AE125024" i="1"/>
  <c r="AE125025" i="1"/>
  <c r="AE125026" i="1"/>
  <c r="AE125027" i="1"/>
  <c r="AE125028" i="1"/>
  <c r="AE125029" i="1"/>
  <c r="AE125030" i="1"/>
  <c r="AE125031" i="1"/>
  <c r="AE125032" i="1"/>
  <c r="AE125033" i="1"/>
  <c r="AE125034" i="1"/>
  <c r="AE125035" i="1"/>
  <c r="AE125036" i="1"/>
  <c r="AE125037" i="1"/>
  <c r="AE125038" i="1"/>
  <c r="AE125039" i="1"/>
  <c r="AE125040" i="1"/>
  <c r="AE125041" i="1"/>
  <c r="AE125042" i="1"/>
  <c r="AE125043" i="1"/>
  <c r="AE125044" i="1"/>
  <c r="AE125045" i="1"/>
  <c r="AE125046" i="1"/>
  <c r="AE125047" i="1"/>
  <c r="AE125048" i="1"/>
  <c r="AE125049" i="1"/>
  <c r="AE125050" i="1"/>
  <c r="AE125051" i="1"/>
  <c r="AE125052" i="1"/>
  <c r="AE125053" i="1"/>
  <c r="AE125054" i="1"/>
  <c r="AE125055" i="1"/>
  <c r="AE125056" i="1"/>
  <c r="AE125057" i="1"/>
  <c r="AE125058" i="1"/>
  <c r="AE125059" i="1"/>
  <c r="AE125060" i="1"/>
  <c r="AE125061" i="1"/>
  <c r="AE125062" i="1"/>
  <c r="AE125063" i="1"/>
  <c r="AE125064" i="1"/>
  <c r="AE125065" i="1"/>
  <c r="AE125066" i="1"/>
  <c r="AE125067" i="1"/>
  <c r="AE125068" i="1"/>
  <c r="AE125069" i="1"/>
  <c r="AE125070" i="1"/>
  <c r="AE125071" i="1"/>
  <c r="AE125072" i="1"/>
  <c r="AE125073" i="1"/>
  <c r="AE125074" i="1"/>
  <c r="AE125075" i="1"/>
  <c r="AE125076" i="1"/>
  <c r="AE125077" i="1"/>
  <c r="AE125078" i="1"/>
  <c r="AE125079" i="1"/>
  <c r="AE125080" i="1"/>
  <c r="AE125081" i="1"/>
  <c r="AE125082" i="1"/>
  <c r="AE125083" i="1"/>
  <c r="AE125084" i="1"/>
  <c r="AE125085" i="1"/>
  <c r="AE125086" i="1"/>
  <c r="AE125087" i="1"/>
  <c r="AE125088" i="1"/>
  <c r="AE125089" i="1"/>
  <c r="AE125090" i="1"/>
  <c r="AE125091" i="1"/>
  <c r="AE125092" i="1"/>
  <c r="AE125093" i="1"/>
  <c r="AE125094" i="1"/>
  <c r="AE125095" i="1"/>
  <c r="AE125096" i="1"/>
  <c r="AE125097" i="1"/>
  <c r="AE125098" i="1"/>
  <c r="AE125099" i="1"/>
  <c r="AE125100" i="1"/>
  <c r="AE125101" i="1"/>
  <c r="AE125102" i="1"/>
  <c r="AE125103" i="1"/>
  <c r="AE125104" i="1"/>
  <c r="AE125105" i="1"/>
  <c r="AE125106" i="1"/>
  <c r="AE125107" i="1"/>
  <c r="AE125108" i="1"/>
  <c r="AE125109" i="1"/>
  <c r="AE125110" i="1"/>
  <c r="AE125111" i="1"/>
  <c r="AE125112" i="1"/>
  <c r="AE125113" i="1"/>
  <c r="AE125114" i="1"/>
  <c r="AE125115" i="1"/>
  <c r="AE125116" i="1"/>
  <c r="AE125117" i="1"/>
  <c r="AE125118" i="1"/>
  <c r="AE125119" i="1"/>
  <c r="AE125120" i="1"/>
  <c r="AE125121" i="1"/>
  <c r="AE125122" i="1"/>
  <c r="AE125123" i="1"/>
  <c r="AE125124" i="1"/>
  <c r="AE125125" i="1"/>
  <c r="AE125126" i="1"/>
  <c r="AE125127" i="1"/>
  <c r="AE125128" i="1"/>
  <c r="AE125129" i="1"/>
  <c r="AE125130" i="1"/>
  <c r="AE125131" i="1"/>
  <c r="AE125132" i="1"/>
  <c r="AE125133" i="1"/>
  <c r="AE125134" i="1"/>
  <c r="AE125135" i="1"/>
  <c r="AE125136" i="1"/>
  <c r="AE125137" i="1"/>
  <c r="AE125138" i="1"/>
  <c r="AE125139" i="1"/>
  <c r="AE125140" i="1"/>
  <c r="AE125141" i="1"/>
  <c r="AE125142" i="1"/>
  <c r="AE125143" i="1"/>
  <c r="AE125144" i="1"/>
  <c r="AE125145" i="1"/>
  <c r="AE125146" i="1"/>
  <c r="AE125147" i="1"/>
  <c r="AE125148" i="1"/>
  <c r="AE125149" i="1"/>
  <c r="AE125150" i="1"/>
  <c r="AE125151" i="1"/>
  <c r="AE125152" i="1"/>
  <c r="AE125153" i="1"/>
  <c r="AE125154" i="1"/>
  <c r="AE125155" i="1"/>
  <c r="AE125156" i="1"/>
  <c r="AE125157" i="1"/>
  <c r="AE125158" i="1"/>
  <c r="AE125159" i="1"/>
  <c r="AE125160" i="1"/>
  <c r="AE125161" i="1"/>
  <c r="AE125162" i="1"/>
  <c r="AE125163" i="1"/>
  <c r="AE125164" i="1"/>
  <c r="AE125165" i="1"/>
  <c r="AE125166" i="1"/>
  <c r="AE125167" i="1"/>
  <c r="AE125168" i="1"/>
  <c r="AE125169" i="1"/>
  <c r="AE125170" i="1"/>
  <c r="AE125171" i="1"/>
  <c r="AE125172" i="1"/>
  <c r="AE125173" i="1"/>
  <c r="AE125174" i="1"/>
  <c r="AE125175" i="1"/>
  <c r="AE125176" i="1"/>
  <c r="AE125177" i="1"/>
  <c r="AE125178" i="1"/>
  <c r="AE125179" i="1"/>
  <c r="AE125180" i="1"/>
  <c r="AE125181" i="1"/>
  <c r="AE125182" i="1"/>
  <c r="AE125183" i="1"/>
  <c r="AE125184" i="1"/>
  <c r="AE125185" i="1"/>
  <c r="AE125186" i="1"/>
  <c r="AE125187" i="1"/>
  <c r="AE125188" i="1"/>
  <c r="AE125189" i="1"/>
  <c r="AE125190" i="1"/>
  <c r="AE125191" i="1"/>
  <c r="AE125192" i="1"/>
  <c r="AE125193" i="1"/>
  <c r="AE125194" i="1"/>
  <c r="AE125195" i="1"/>
  <c r="AE125196" i="1"/>
  <c r="AE125197" i="1"/>
  <c r="AE125198" i="1"/>
  <c r="AE125199" i="1"/>
  <c r="AE125200" i="1"/>
  <c r="AE125201" i="1"/>
  <c r="AE125202" i="1"/>
  <c r="AE125203" i="1"/>
  <c r="AE125204" i="1"/>
  <c r="AE125205" i="1"/>
  <c r="AE125206" i="1"/>
  <c r="AE125207" i="1"/>
  <c r="AE125208" i="1"/>
  <c r="AE125209" i="1"/>
  <c r="AE125210" i="1"/>
  <c r="AE125211" i="1"/>
  <c r="AE125212" i="1"/>
  <c r="AE125213" i="1"/>
  <c r="AE125214" i="1"/>
  <c r="AE125215" i="1"/>
  <c r="AE125216" i="1"/>
  <c r="AE125217" i="1"/>
  <c r="AE125218" i="1"/>
  <c r="AE125219" i="1"/>
  <c r="AE125220" i="1"/>
  <c r="AE125221" i="1"/>
  <c r="AE125222" i="1"/>
  <c r="AE125223" i="1"/>
  <c r="AE125224" i="1"/>
  <c r="AE125225" i="1"/>
  <c r="AE125226" i="1"/>
  <c r="AE125227" i="1"/>
  <c r="AE125228" i="1"/>
  <c r="AE125229" i="1"/>
  <c r="AE125230" i="1"/>
  <c r="AE125231" i="1"/>
  <c r="AE125232" i="1"/>
  <c r="AE125233" i="1"/>
  <c r="AE125234" i="1"/>
  <c r="AE125235" i="1"/>
  <c r="AE125236" i="1"/>
  <c r="AE125237" i="1"/>
  <c r="AE125238" i="1"/>
  <c r="AE125239" i="1"/>
  <c r="AE125240" i="1"/>
  <c r="AE125241" i="1"/>
  <c r="AE125242" i="1"/>
  <c r="AE125243" i="1"/>
  <c r="AE125244" i="1"/>
  <c r="AE125245" i="1"/>
  <c r="AE125246" i="1"/>
  <c r="AE125247" i="1"/>
  <c r="AE125248" i="1"/>
  <c r="AE125249" i="1"/>
  <c r="AE125250" i="1"/>
  <c r="AE125251" i="1"/>
  <c r="AE125252" i="1"/>
  <c r="AE125253" i="1"/>
  <c r="AE125254" i="1"/>
  <c r="AE125255" i="1"/>
  <c r="AE125256" i="1"/>
  <c r="AE125257" i="1"/>
  <c r="AE125258" i="1"/>
  <c r="AE125259" i="1"/>
  <c r="AE125260" i="1"/>
  <c r="AE125261" i="1"/>
  <c r="AE125262" i="1"/>
  <c r="AE125263" i="1"/>
  <c r="AE125264" i="1"/>
  <c r="AE125265" i="1"/>
  <c r="AE125266" i="1"/>
  <c r="AE125267" i="1"/>
  <c r="AE125268" i="1"/>
  <c r="AE125269" i="1"/>
  <c r="AE125270" i="1"/>
  <c r="AE125271" i="1"/>
  <c r="AE125272" i="1"/>
  <c r="AE125273" i="1"/>
  <c r="AE125274" i="1"/>
  <c r="AE125275" i="1"/>
  <c r="AE125276" i="1"/>
  <c r="AE125277" i="1"/>
  <c r="AE125278" i="1"/>
  <c r="AE125279" i="1"/>
  <c r="AE125280" i="1"/>
  <c r="AE125281" i="1"/>
  <c r="AE125282" i="1"/>
  <c r="AE125283" i="1"/>
  <c r="AE125284" i="1"/>
  <c r="AE125285" i="1"/>
  <c r="AE125286" i="1"/>
  <c r="AE125287" i="1"/>
  <c r="AE125288" i="1"/>
  <c r="AE125289" i="1"/>
  <c r="AE125290" i="1"/>
  <c r="AE125291" i="1"/>
  <c r="AE125292" i="1"/>
  <c r="AE125293" i="1"/>
  <c r="AE125294" i="1"/>
  <c r="AE125295" i="1"/>
  <c r="AE125296" i="1"/>
  <c r="AE125297" i="1"/>
  <c r="AE125298" i="1"/>
  <c r="AE125299" i="1"/>
  <c r="AE125300" i="1"/>
  <c r="AE125301" i="1"/>
  <c r="AE125302" i="1"/>
  <c r="AE125303" i="1"/>
  <c r="AE125304" i="1"/>
  <c r="AE125305" i="1"/>
  <c r="AE125306" i="1"/>
  <c r="AE125307" i="1"/>
  <c r="AE125308" i="1"/>
  <c r="AE125309" i="1"/>
  <c r="AE125310" i="1"/>
  <c r="AE125311" i="1"/>
  <c r="AE125312" i="1"/>
  <c r="AE125313" i="1"/>
  <c r="AE125314" i="1"/>
  <c r="AE125315" i="1"/>
  <c r="AE125316" i="1"/>
  <c r="AE125317" i="1"/>
  <c r="AE125318" i="1"/>
  <c r="AE125319" i="1"/>
  <c r="AE125320" i="1"/>
  <c r="AE125321" i="1"/>
  <c r="AE125322" i="1"/>
  <c r="AE125323" i="1"/>
  <c r="AE125324" i="1"/>
  <c r="AE125325" i="1"/>
  <c r="AE125326" i="1"/>
  <c r="AE125327" i="1"/>
  <c r="AE125328" i="1"/>
  <c r="AE125329" i="1"/>
  <c r="AE125330" i="1"/>
  <c r="AE125331" i="1"/>
  <c r="AE125332" i="1"/>
  <c r="AE125333" i="1"/>
  <c r="AE125334" i="1"/>
  <c r="AE125335" i="1"/>
  <c r="AE125336" i="1"/>
  <c r="AE125337" i="1"/>
  <c r="AE125338" i="1"/>
  <c r="AE125339" i="1"/>
  <c r="AE125340" i="1"/>
  <c r="AE125341" i="1"/>
  <c r="AE125342" i="1"/>
  <c r="AE125343" i="1"/>
  <c r="AE125344" i="1"/>
  <c r="AE125345" i="1"/>
  <c r="AE125346" i="1"/>
  <c r="AE125347" i="1"/>
  <c r="AE125348" i="1"/>
  <c r="AE125349" i="1"/>
  <c r="AE125350" i="1"/>
  <c r="AE125351" i="1"/>
  <c r="AE125352" i="1"/>
  <c r="AE125353" i="1"/>
  <c r="AE125354" i="1"/>
  <c r="AE125355" i="1"/>
  <c r="AE125356" i="1"/>
  <c r="AE125357" i="1"/>
  <c r="AE125358" i="1"/>
  <c r="AE125359" i="1"/>
  <c r="AE125360" i="1"/>
  <c r="AE125361" i="1"/>
  <c r="AE125362" i="1"/>
  <c r="AE125363" i="1"/>
  <c r="AE125364" i="1"/>
  <c r="AE125365" i="1"/>
  <c r="AE125366" i="1"/>
  <c r="AE125367" i="1"/>
  <c r="AE125368" i="1"/>
  <c r="AE125369" i="1"/>
  <c r="AE125370" i="1"/>
  <c r="AE125371" i="1"/>
  <c r="AE125372" i="1"/>
  <c r="AE125373" i="1"/>
  <c r="AE125374" i="1"/>
  <c r="AE125375" i="1"/>
  <c r="AE125376" i="1"/>
  <c r="AE125377" i="1"/>
  <c r="AE125378" i="1"/>
  <c r="AE125379" i="1"/>
  <c r="AE125380" i="1"/>
  <c r="AE125381" i="1"/>
  <c r="AE125382" i="1"/>
  <c r="AE125383" i="1"/>
  <c r="AE125384" i="1"/>
  <c r="AE125385" i="1"/>
  <c r="AE125386" i="1"/>
  <c r="AE125387" i="1"/>
  <c r="AE125388" i="1"/>
  <c r="AE125389" i="1"/>
  <c r="AE125390" i="1"/>
  <c r="AE125391" i="1"/>
  <c r="AE125392" i="1"/>
  <c r="AE125393" i="1"/>
  <c r="AE125394" i="1"/>
  <c r="AE125395" i="1"/>
  <c r="AE125396" i="1"/>
  <c r="AE125397" i="1"/>
  <c r="AE125398" i="1"/>
  <c r="AE125399" i="1"/>
  <c r="AE125400" i="1"/>
  <c r="AE125401" i="1"/>
  <c r="AE125402" i="1"/>
  <c r="AE125403" i="1"/>
  <c r="AE125404" i="1"/>
  <c r="AE125405" i="1"/>
  <c r="AE125406" i="1"/>
  <c r="AE125407" i="1"/>
  <c r="AE125408" i="1"/>
  <c r="AE125409" i="1"/>
  <c r="AE125410" i="1"/>
  <c r="AE125411" i="1"/>
  <c r="AE125412" i="1"/>
  <c r="AE125413" i="1"/>
  <c r="AE125414" i="1"/>
  <c r="AE125415" i="1"/>
  <c r="AE125416" i="1"/>
  <c r="AE125417" i="1"/>
  <c r="AE125418" i="1"/>
  <c r="AE125419" i="1"/>
  <c r="AE125420" i="1"/>
  <c r="AE125421" i="1"/>
  <c r="AE125422" i="1"/>
  <c r="AE125423" i="1"/>
  <c r="AE125424" i="1"/>
  <c r="AE125425" i="1"/>
  <c r="AE125426" i="1"/>
  <c r="AE125427" i="1"/>
  <c r="AE125428" i="1"/>
  <c r="AE125429" i="1"/>
  <c r="AE125430" i="1"/>
  <c r="AE125431" i="1"/>
  <c r="AE125432" i="1"/>
  <c r="AE125433" i="1"/>
  <c r="AE125434" i="1"/>
  <c r="AE125435" i="1"/>
  <c r="AE125436" i="1"/>
  <c r="AE125437" i="1"/>
  <c r="AE125438" i="1"/>
  <c r="AE125439" i="1"/>
  <c r="AE125440" i="1"/>
  <c r="AE125441" i="1"/>
  <c r="AE125442" i="1"/>
  <c r="AE125443" i="1"/>
  <c r="AE125444" i="1"/>
  <c r="AE125445" i="1"/>
  <c r="AE125446" i="1"/>
  <c r="AE125447" i="1"/>
  <c r="AE125448" i="1"/>
  <c r="AE125449" i="1"/>
  <c r="AE125450" i="1"/>
  <c r="AE125451" i="1"/>
  <c r="AE125452" i="1"/>
  <c r="AE125453" i="1"/>
  <c r="AE125454" i="1"/>
  <c r="AE125455" i="1"/>
  <c r="AE125456" i="1"/>
  <c r="AE125457" i="1"/>
  <c r="AE125458" i="1"/>
  <c r="AE125459" i="1"/>
  <c r="AE125460" i="1"/>
  <c r="AE125461" i="1"/>
  <c r="AE125462" i="1"/>
  <c r="AE125463" i="1"/>
  <c r="AE125464" i="1"/>
  <c r="AE125465" i="1"/>
  <c r="AE125466" i="1"/>
  <c r="AE125467" i="1"/>
  <c r="AE125468" i="1"/>
  <c r="AE125469" i="1"/>
  <c r="AE125470" i="1"/>
  <c r="AE125471" i="1"/>
  <c r="AE125472" i="1"/>
  <c r="AE125473" i="1"/>
  <c r="AE125474" i="1"/>
  <c r="AE125475" i="1"/>
  <c r="AE125476" i="1"/>
  <c r="AE125477" i="1"/>
  <c r="AE125478" i="1"/>
  <c r="AE125479" i="1"/>
  <c r="AE125480" i="1"/>
  <c r="AE125481" i="1"/>
  <c r="AE125482" i="1"/>
  <c r="AE125483" i="1"/>
  <c r="AE125484" i="1"/>
  <c r="AE125485" i="1"/>
  <c r="AE125486" i="1"/>
  <c r="AE125487" i="1"/>
  <c r="AE125488" i="1"/>
  <c r="AE125489" i="1"/>
  <c r="AE125490" i="1"/>
  <c r="AE125491" i="1"/>
  <c r="AE125492" i="1"/>
  <c r="AE125493" i="1"/>
  <c r="AE125494" i="1"/>
  <c r="AE125495" i="1"/>
  <c r="AE125496" i="1"/>
  <c r="AE125497" i="1"/>
  <c r="AE125498" i="1"/>
  <c r="AE125499" i="1"/>
  <c r="AE125500" i="1"/>
  <c r="AE125501" i="1"/>
  <c r="AE125502" i="1"/>
  <c r="AE125503" i="1"/>
  <c r="AE125504" i="1"/>
  <c r="AE125505" i="1"/>
  <c r="AE125506" i="1"/>
  <c r="AE125507" i="1"/>
  <c r="AE125508" i="1"/>
  <c r="AE125509" i="1"/>
  <c r="AE125510" i="1"/>
  <c r="AE125511" i="1"/>
  <c r="AE125512" i="1"/>
  <c r="AE125513" i="1"/>
  <c r="AE125514" i="1"/>
  <c r="AE125515" i="1"/>
  <c r="AE125516" i="1"/>
  <c r="AE125517" i="1"/>
  <c r="AE125518" i="1"/>
  <c r="AE125519" i="1"/>
  <c r="AE125520" i="1"/>
  <c r="AE125521" i="1"/>
  <c r="AE125522" i="1"/>
  <c r="AE125523" i="1"/>
  <c r="AE125524" i="1"/>
  <c r="AE125525" i="1"/>
  <c r="AE125526" i="1"/>
  <c r="AE125527" i="1"/>
  <c r="AE125528" i="1"/>
  <c r="AE125529" i="1"/>
  <c r="AE125530" i="1"/>
  <c r="AE125531" i="1"/>
  <c r="AE125532" i="1"/>
  <c r="AE125533" i="1"/>
  <c r="AE125534" i="1"/>
  <c r="AE125535" i="1"/>
  <c r="AE125536" i="1"/>
  <c r="AE125537" i="1"/>
  <c r="AE125538" i="1"/>
  <c r="AE125539" i="1"/>
  <c r="AE125540" i="1"/>
  <c r="AE125541" i="1"/>
  <c r="AE125542" i="1"/>
  <c r="AE125543" i="1"/>
  <c r="AE125544" i="1"/>
  <c r="AE125545" i="1"/>
  <c r="AE125546" i="1"/>
  <c r="AE125547" i="1"/>
  <c r="AE125548" i="1"/>
  <c r="AE125549" i="1"/>
  <c r="AE125550" i="1"/>
  <c r="AE125551" i="1"/>
  <c r="AE125552" i="1"/>
  <c r="AE125553" i="1"/>
  <c r="AE125554" i="1"/>
  <c r="AE125555" i="1"/>
  <c r="AE125556" i="1"/>
  <c r="AE125557" i="1"/>
  <c r="AE125558" i="1"/>
  <c r="AE125559" i="1"/>
  <c r="AE125560" i="1"/>
  <c r="AE125561" i="1"/>
  <c r="AE125562" i="1"/>
  <c r="AE125563" i="1"/>
  <c r="AE125564" i="1"/>
  <c r="AE125565" i="1"/>
  <c r="AE125566" i="1"/>
  <c r="AE125567" i="1"/>
  <c r="AE125568" i="1"/>
  <c r="AE125569" i="1"/>
  <c r="AE125570" i="1"/>
  <c r="AE125571" i="1"/>
  <c r="AE125572" i="1"/>
  <c r="AE125573" i="1"/>
  <c r="AE125574" i="1"/>
  <c r="AE125575" i="1"/>
  <c r="AE125576" i="1"/>
  <c r="AE125577" i="1"/>
  <c r="AE125578" i="1"/>
  <c r="AE125579" i="1"/>
  <c r="AE125580" i="1"/>
  <c r="AE125581" i="1"/>
  <c r="AE125582" i="1"/>
  <c r="AE125583" i="1"/>
  <c r="AE125584" i="1"/>
  <c r="AE125585" i="1"/>
  <c r="AE125586" i="1"/>
  <c r="AE125587" i="1"/>
  <c r="AE125588" i="1"/>
  <c r="AE125589" i="1"/>
  <c r="AE125590" i="1"/>
  <c r="AE125591" i="1"/>
  <c r="AE125592" i="1"/>
  <c r="AE125593" i="1"/>
  <c r="AE125594" i="1"/>
  <c r="AE125595" i="1"/>
  <c r="AE125596" i="1"/>
  <c r="AE125597" i="1"/>
  <c r="AE125598" i="1"/>
  <c r="AE125599" i="1"/>
  <c r="AE125600" i="1"/>
  <c r="AE125601" i="1"/>
  <c r="AE125602" i="1"/>
  <c r="AE125603" i="1"/>
  <c r="AE125604" i="1"/>
  <c r="AE125605" i="1"/>
  <c r="AE125606" i="1"/>
  <c r="AE125607" i="1"/>
  <c r="AE125608" i="1"/>
  <c r="AE125609" i="1"/>
  <c r="AE125610" i="1"/>
  <c r="AE125611" i="1"/>
  <c r="AE125612" i="1"/>
  <c r="AE125613" i="1"/>
  <c r="AE125614" i="1"/>
  <c r="AE125615" i="1"/>
  <c r="AE125616" i="1"/>
  <c r="AE125617" i="1"/>
  <c r="AE125618" i="1"/>
  <c r="AE125619" i="1"/>
  <c r="AE125620" i="1"/>
  <c r="AE125621" i="1"/>
  <c r="AE125622" i="1"/>
  <c r="AE125623" i="1"/>
  <c r="AE125624" i="1"/>
  <c r="AE125625" i="1"/>
  <c r="AE125626" i="1"/>
  <c r="AE125627" i="1"/>
  <c r="AE125628" i="1"/>
  <c r="AE125629" i="1"/>
  <c r="AE125630" i="1"/>
  <c r="AE125631" i="1"/>
  <c r="AE125632" i="1"/>
  <c r="AE125633" i="1"/>
  <c r="AE125634" i="1"/>
  <c r="AE125635" i="1"/>
  <c r="AE125636" i="1"/>
  <c r="AE125637" i="1"/>
  <c r="AE125638" i="1"/>
  <c r="AE125639" i="1"/>
  <c r="AE125640" i="1"/>
  <c r="AE125641" i="1"/>
  <c r="AE125642" i="1"/>
  <c r="AE125643" i="1"/>
  <c r="AE125644" i="1"/>
  <c r="AE125645" i="1"/>
  <c r="AE125646" i="1"/>
  <c r="AE125647" i="1"/>
  <c r="AE125648" i="1"/>
  <c r="AE125649" i="1"/>
  <c r="AE125650" i="1"/>
  <c r="AE125651" i="1"/>
  <c r="AE125652" i="1"/>
  <c r="AE125653" i="1"/>
  <c r="AE125654" i="1"/>
  <c r="AE125655" i="1"/>
  <c r="AE125656" i="1"/>
  <c r="AE125657" i="1"/>
  <c r="AE125658" i="1"/>
  <c r="AE125659" i="1"/>
  <c r="AE125660" i="1"/>
  <c r="AE125661" i="1"/>
  <c r="AE125662" i="1"/>
  <c r="AE125663" i="1"/>
  <c r="AE125664" i="1"/>
  <c r="AE125665" i="1"/>
  <c r="AE125666" i="1"/>
  <c r="AE125667" i="1"/>
  <c r="AE125668" i="1"/>
  <c r="AE125669" i="1"/>
  <c r="AE125670" i="1"/>
  <c r="AE125671" i="1"/>
  <c r="AE125672" i="1"/>
  <c r="AE125673" i="1"/>
  <c r="AE125674" i="1"/>
  <c r="AE125675" i="1"/>
  <c r="AE125676" i="1"/>
  <c r="AE125677" i="1"/>
  <c r="AE125678" i="1"/>
  <c r="AE125679" i="1"/>
  <c r="AE125680" i="1"/>
  <c r="AE125681" i="1"/>
  <c r="AE125682" i="1"/>
  <c r="AE125683" i="1"/>
  <c r="AE125684" i="1"/>
  <c r="AE125685" i="1"/>
  <c r="AE125686" i="1"/>
  <c r="AE125687" i="1"/>
  <c r="AE125688" i="1"/>
  <c r="AE125689" i="1"/>
  <c r="AE125690" i="1"/>
  <c r="AE125691" i="1"/>
  <c r="AE125692" i="1"/>
  <c r="AE125693" i="1"/>
  <c r="AE125694" i="1"/>
  <c r="AE125695" i="1"/>
  <c r="AE125696" i="1"/>
  <c r="AE125697" i="1"/>
  <c r="AE125698" i="1"/>
  <c r="AE125699" i="1"/>
  <c r="AE125700" i="1"/>
  <c r="AE125701" i="1"/>
  <c r="AE125702" i="1"/>
  <c r="AE125703" i="1"/>
  <c r="AE125704" i="1"/>
  <c r="AE125705" i="1"/>
  <c r="AE125706" i="1"/>
  <c r="AE125707" i="1"/>
  <c r="AE125708" i="1"/>
  <c r="AE125709" i="1"/>
  <c r="AE125710" i="1"/>
  <c r="AE125711" i="1"/>
  <c r="AE125712" i="1"/>
  <c r="AE125713" i="1"/>
  <c r="AE125714" i="1"/>
  <c r="AE125715" i="1"/>
  <c r="AE125716" i="1"/>
  <c r="AE125717" i="1"/>
  <c r="AE125718" i="1"/>
  <c r="AE125719" i="1"/>
  <c r="AE125720" i="1"/>
  <c r="AE125721" i="1"/>
  <c r="AE125722" i="1"/>
  <c r="AE125723" i="1"/>
  <c r="AE125724" i="1"/>
  <c r="AE125725" i="1"/>
  <c r="AE125726" i="1"/>
  <c r="AE125727" i="1"/>
  <c r="AE125728" i="1"/>
  <c r="AE125729" i="1"/>
  <c r="AE125730" i="1"/>
  <c r="AE125731" i="1"/>
  <c r="AE125732" i="1"/>
  <c r="AE125733" i="1"/>
  <c r="AE125734" i="1"/>
  <c r="AE125735" i="1"/>
  <c r="AE125736" i="1"/>
  <c r="AE125737" i="1"/>
  <c r="AE125738" i="1"/>
  <c r="AE125739" i="1"/>
  <c r="AE125740" i="1"/>
  <c r="AE125741" i="1"/>
  <c r="AE125742" i="1"/>
  <c r="AE125743" i="1"/>
  <c r="AE125744" i="1"/>
  <c r="AE125745" i="1"/>
  <c r="AE125746" i="1"/>
  <c r="AE125747" i="1"/>
  <c r="AE125748" i="1"/>
  <c r="AE125749" i="1"/>
  <c r="AE125750" i="1"/>
  <c r="AE125751" i="1"/>
  <c r="AE125752" i="1"/>
  <c r="AE125753" i="1"/>
  <c r="AE125754" i="1"/>
  <c r="AE125755" i="1"/>
  <c r="AE125756" i="1"/>
  <c r="AE125757" i="1"/>
  <c r="AE125758" i="1"/>
  <c r="AE125759" i="1"/>
  <c r="AE125760" i="1"/>
  <c r="AE125761" i="1"/>
  <c r="AE125762" i="1"/>
  <c r="AE125763" i="1"/>
  <c r="AE125764" i="1"/>
  <c r="AE125765" i="1"/>
  <c r="AE125766" i="1"/>
  <c r="AE125767" i="1"/>
  <c r="AE125768" i="1"/>
  <c r="AE125769" i="1"/>
  <c r="AE125770" i="1"/>
  <c r="AE125771" i="1"/>
  <c r="AE125772" i="1"/>
  <c r="AE125773" i="1"/>
  <c r="AE125774" i="1"/>
  <c r="AE125775" i="1"/>
  <c r="AE125776" i="1"/>
  <c r="AE125777" i="1"/>
  <c r="AE125778" i="1"/>
  <c r="AE125779" i="1"/>
  <c r="AE125780" i="1"/>
  <c r="AE125781" i="1"/>
  <c r="AE125782" i="1"/>
  <c r="AE125783" i="1"/>
  <c r="AE125784" i="1"/>
  <c r="AE125785" i="1"/>
  <c r="AE125786" i="1"/>
  <c r="AE125787" i="1"/>
  <c r="AE125788" i="1"/>
  <c r="AE125789" i="1"/>
  <c r="AE125790" i="1"/>
  <c r="AE125791" i="1"/>
  <c r="AE125792" i="1"/>
  <c r="AE125793" i="1"/>
  <c r="AE125794" i="1"/>
  <c r="AE125795" i="1"/>
  <c r="AE125796" i="1"/>
  <c r="AE125797" i="1"/>
  <c r="AE125798" i="1"/>
  <c r="AE125799" i="1"/>
  <c r="AE125800" i="1"/>
  <c r="AE125801" i="1"/>
  <c r="AE125802" i="1"/>
  <c r="AE125803" i="1"/>
  <c r="AE125804" i="1"/>
  <c r="AE125805" i="1"/>
  <c r="AE125806" i="1"/>
  <c r="AE125807" i="1"/>
  <c r="AE125808" i="1"/>
  <c r="AE125809" i="1"/>
  <c r="AE125810" i="1"/>
  <c r="AE125811" i="1"/>
  <c r="AE125812" i="1"/>
  <c r="AE125813" i="1"/>
  <c r="AE125814" i="1"/>
  <c r="AE125815" i="1"/>
  <c r="AE125816" i="1"/>
  <c r="AE125817" i="1"/>
  <c r="AE125818" i="1"/>
  <c r="AE125819" i="1"/>
  <c r="AE125820" i="1"/>
  <c r="AE125821" i="1"/>
  <c r="AE125822" i="1"/>
  <c r="AE125823" i="1"/>
  <c r="AE125824" i="1"/>
  <c r="AE125825" i="1"/>
  <c r="AE125826" i="1"/>
  <c r="AE125827" i="1"/>
  <c r="AE125828" i="1"/>
  <c r="AE125829" i="1"/>
  <c r="AE125830" i="1"/>
  <c r="AE125831" i="1"/>
  <c r="AE125832" i="1"/>
  <c r="AE125833" i="1"/>
  <c r="AE125834" i="1"/>
  <c r="AE125835" i="1"/>
  <c r="AE125836" i="1"/>
  <c r="AE125837" i="1"/>
  <c r="AE125838" i="1"/>
  <c r="AE125839" i="1"/>
  <c r="AE125840" i="1"/>
  <c r="AE125841" i="1"/>
  <c r="AE125842" i="1"/>
  <c r="AE125843" i="1"/>
  <c r="AE125844" i="1"/>
  <c r="AE125845" i="1"/>
  <c r="AE125846" i="1"/>
  <c r="AE125847" i="1"/>
  <c r="AE125848" i="1"/>
  <c r="AE125849" i="1"/>
  <c r="AE125850" i="1"/>
  <c r="AE125851" i="1"/>
  <c r="AE125852" i="1"/>
  <c r="AE125853" i="1"/>
  <c r="AE125854" i="1"/>
  <c r="AE125855" i="1"/>
  <c r="AE125856" i="1"/>
  <c r="AE125857" i="1"/>
  <c r="AE125858" i="1"/>
  <c r="AE125859" i="1"/>
  <c r="AE125860" i="1"/>
  <c r="AE125861" i="1"/>
  <c r="AE125862" i="1"/>
  <c r="AE125863" i="1"/>
  <c r="AE125864" i="1"/>
  <c r="AE125865" i="1"/>
  <c r="AE125866" i="1"/>
  <c r="AE125867" i="1"/>
  <c r="AE125868" i="1"/>
  <c r="AE125869" i="1"/>
  <c r="AE125870" i="1"/>
  <c r="AE125871" i="1"/>
  <c r="AE125872" i="1"/>
  <c r="AE125873" i="1"/>
  <c r="AE125874" i="1"/>
  <c r="AE125875" i="1"/>
  <c r="AE125876" i="1"/>
  <c r="AE125877" i="1"/>
  <c r="AE125878" i="1"/>
  <c r="AE125879" i="1"/>
  <c r="AE125880" i="1"/>
  <c r="AE125881" i="1"/>
  <c r="AE125882" i="1"/>
  <c r="AE125883" i="1"/>
  <c r="AE125884" i="1"/>
  <c r="AE125885" i="1"/>
  <c r="AE125886" i="1"/>
  <c r="AE125887" i="1"/>
  <c r="AE125888" i="1"/>
  <c r="AE125889" i="1"/>
  <c r="AE125890" i="1"/>
  <c r="AE125891" i="1"/>
  <c r="AE125892" i="1"/>
  <c r="AE125893" i="1"/>
  <c r="AE125894" i="1"/>
  <c r="AE125895" i="1"/>
  <c r="AE125896" i="1"/>
  <c r="AE125897" i="1"/>
  <c r="AE125898" i="1"/>
  <c r="AE125899" i="1"/>
  <c r="AE125900" i="1"/>
  <c r="AE125901" i="1"/>
  <c r="AE125902" i="1"/>
  <c r="AE125903" i="1"/>
  <c r="AE125904" i="1"/>
  <c r="AE125905" i="1"/>
  <c r="AE125906" i="1"/>
  <c r="AE125907" i="1"/>
  <c r="AE125908" i="1"/>
  <c r="AE125909" i="1"/>
  <c r="AE125910" i="1"/>
  <c r="AE125911" i="1"/>
  <c r="AE125912" i="1"/>
  <c r="AE125913" i="1"/>
  <c r="AE125914" i="1"/>
  <c r="AE125915" i="1"/>
  <c r="AE125916" i="1"/>
  <c r="AE125917" i="1"/>
  <c r="AE125918" i="1"/>
  <c r="AE125919" i="1"/>
  <c r="AE125920" i="1"/>
  <c r="AE125921" i="1"/>
  <c r="AE125922" i="1"/>
  <c r="AE125923" i="1"/>
  <c r="AE125924" i="1"/>
  <c r="AE125925" i="1"/>
  <c r="AE125926" i="1"/>
  <c r="AE125927" i="1"/>
  <c r="AE125928" i="1"/>
  <c r="AE125929" i="1"/>
  <c r="AE125930" i="1"/>
  <c r="AE125931" i="1"/>
  <c r="AE125932" i="1"/>
  <c r="AE125933" i="1"/>
  <c r="AE125934" i="1"/>
  <c r="AE125935" i="1"/>
  <c r="AE125936" i="1"/>
  <c r="AE125937" i="1"/>
  <c r="AE125938" i="1"/>
  <c r="AE125939" i="1"/>
  <c r="AE125940" i="1"/>
  <c r="AE125941" i="1"/>
  <c r="AE125942" i="1"/>
  <c r="AE125943" i="1"/>
  <c r="AE125944" i="1"/>
  <c r="AE125945" i="1"/>
  <c r="AE125946" i="1"/>
  <c r="AE125947" i="1"/>
  <c r="AE125948" i="1"/>
  <c r="AE125949" i="1"/>
  <c r="AE125950" i="1"/>
  <c r="AE125951" i="1"/>
  <c r="AE125952" i="1"/>
  <c r="AE125953" i="1"/>
  <c r="AE125954" i="1"/>
  <c r="AE125955" i="1"/>
  <c r="AE125956" i="1"/>
  <c r="AE125957" i="1"/>
  <c r="AE125958" i="1"/>
  <c r="AE125959" i="1"/>
  <c r="AE125960" i="1"/>
  <c r="AE125961" i="1"/>
  <c r="AE125962" i="1"/>
  <c r="AE125963" i="1"/>
  <c r="AE125964" i="1"/>
  <c r="AE125965" i="1"/>
  <c r="AE125966" i="1"/>
  <c r="AE125967" i="1"/>
  <c r="AE125968" i="1"/>
  <c r="AE125969" i="1"/>
  <c r="AE125970" i="1"/>
  <c r="AE125971" i="1"/>
  <c r="AE125972" i="1"/>
  <c r="AE125973" i="1"/>
  <c r="AE125974" i="1"/>
  <c r="AE125975" i="1"/>
  <c r="AE125976" i="1"/>
  <c r="AE125977" i="1"/>
  <c r="AE125978" i="1"/>
  <c r="AE125979" i="1"/>
  <c r="AE125980" i="1"/>
  <c r="AE125981" i="1"/>
  <c r="AE125982" i="1"/>
  <c r="AE125983" i="1"/>
  <c r="AE125984" i="1"/>
  <c r="AE125985" i="1"/>
  <c r="AE125986" i="1"/>
  <c r="AE125987" i="1"/>
  <c r="AE125988" i="1"/>
  <c r="AE125989" i="1"/>
  <c r="AE125990" i="1"/>
  <c r="AE125991" i="1"/>
  <c r="AE125992" i="1"/>
  <c r="AE125993" i="1"/>
  <c r="AE125994" i="1"/>
  <c r="AE125995" i="1"/>
  <c r="AE125996" i="1"/>
  <c r="AE125997" i="1"/>
  <c r="AE125998" i="1"/>
  <c r="AE125999" i="1"/>
  <c r="AE126000" i="1"/>
  <c r="AE126001" i="1"/>
  <c r="AE126002" i="1"/>
  <c r="AE126003" i="1"/>
  <c r="AE126004" i="1"/>
  <c r="AE126005" i="1"/>
  <c r="AE126006" i="1"/>
  <c r="AE126007" i="1"/>
  <c r="AE126008" i="1"/>
  <c r="AE126009" i="1"/>
  <c r="AE126010" i="1"/>
  <c r="AE126011" i="1"/>
  <c r="AE126012" i="1"/>
  <c r="AE126013" i="1"/>
  <c r="AE126014" i="1"/>
  <c r="AE126015" i="1"/>
  <c r="AE126016" i="1"/>
  <c r="AE126017" i="1"/>
  <c r="AE126018" i="1"/>
  <c r="AE126019" i="1"/>
  <c r="AE126020" i="1"/>
  <c r="AE126021" i="1"/>
  <c r="AE126022" i="1"/>
  <c r="AE126023" i="1"/>
  <c r="AE126024" i="1"/>
  <c r="AE126025" i="1"/>
  <c r="AE126026" i="1"/>
  <c r="AE126027" i="1"/>
  <c r="AE126028" i="1"/>
  <c r="AE126029" i="1"/>
  <c r="AE126030" i="1"/>
  <c r="AE126031" i="1"/>
  <c r="AE126032" i="1"/>
  <c r="AE126033" i="1"/>
  <c r="AE126034" i="1"/>
  <c r="AE126035" i="1"/>
  <c r="AE126036" i="1"/>
  <c r="AE126037" i="1"/>
  <c r="AE126038" i="1"/>
  <c r="AE126039" i="1"/>
  <c r="AE126040" i="1"/>
  <c r="AE126041" i="1"/>
  <c r="AE126042" i="1"/>
  <c r="AE126043" i="1"/>
  <c r="AE126044" i="1"/>
  <c r="AE126045" i="1"/>
  <c r="AE126046" i="1"/>
  <c r="AE126047" i="1"/>
  <c r="AE126048" i="1"/>
  <c r="AE126049" i="1"/>
  <c r="AE126050" i="1"/>
  <c r="AE126051" i="1"/>
  <c r="AE126052" i="1"/>
  <c r="AE126053" i="1"/>
  <c r="AE126054" i="1"/>
  <c r="AE126055" i="1"/>
  <c r="AE126056" i="1"/>
  <c r="AE126057" i="1"/>
  <c r="AE126058" i="1"/>
  <c r="AE126059" i="1"/>
  <c r="AE126060" i="1"/>
  <c r="AE126061" i="1"/>
  <c r="AE126062" i="1"/>
  <c r="AE126063" i="1"/>
  <c r="AE126064" i="1"/>
  <c r="AE126065" i="1"/>
  <c r="AE126066" i="1"/>
  <c r="AE126067" i="1"/>
  <c r="AE126068" i="1"/>
  <c r="AE126069" i="1"/>
  <c r="AE126070" i="1"/>
  <c r="AE126071" i="1"/>
  <c r="AE126072" i="1"/>
  <c r="AE126073" i="1"/>
  <c r="AE126074" i="1"/>
  <c r="AE126075" i="1"/>
  <c r="AE126076" i="1"/>
  <c r="AE126077" i="1"/>
  <c r="AE126078" i="1"/>
  <c r="AE126079" i="1"/>
  <c r="AE126080" i="1"/>
  <c r="AE126081" i="1"/>
  <c r="AE126082" i="1"/>
  <c r="AE126083" i="1"/>
  <c r="AE126084" i="1"/>
  <c r="AE126085" i="1"/>
  <c r="AE126086" i="1"/>
  <c r="AE126087" i="1"/>
  <c r="AE126088" i="1"/>
  <c r="AE126089" i="1"/>
  <c r="AE126090" i="1"/>
  <c r="AE126091" i="1"/>
  <c r="AE126092" i="1"/>
  <c r="AE126093" i="1"/>
  <c r="AE126094" i="1"/>
  <c r="AE126095" i="1"/>
  <c r="AE126096" i="1"/>
  <c r="AE126097" i="1"/>
  <c r="AE126098" i="1"/>
  <c r="AE126099" i="1"/>
  <c r="AE126100" i="1"/>
  <c r="AE126101" i="1"/>
  <c r="AE126102" i="1"/>
  <c r="AE126103" i="1"/>
  <c r="AE126104" i="1"/>
  <c r="AE126105" i="1"/>
  <c r="AE126106" i="1"/>
  <c r="AE126107" i="1"/>
  <c r="AE126108" i="1"/>
  <c r="AE126109" i="1"/>
  <c r="AE126110" i="1"/>
  <c r="AE126111" i="1"/>
  <c r="AE126112" i="1"/>
  <c r="AE126113" i="1"/>
  <c r="AE126114" i="1"/>
  <c r="AE126115" i="1"/>
  <c r="AE126116" i="1"/>
  <c r="AE126117" i="1"/>
  <c r="AE126118" i="1"/>
  <c r="AE126119" i="1"/>
  <c r="AE126120" i="1"/>
  <c r="AE126121" i="1"/>
  <c r="AE126122" i="1"/>
  <c r="AE126123" i="1"/>
  <c r="AE126124" i="1"/>
  <c r="AE126125" i="1"/>
  <c r="AE126126" i="1"/>
  <c r="AE126127" i="1"/>
  <c r="AE126128" i="1"/>
  <c r="AE126129" i="1"/>
  <c r="AE126130" i="1"/>
  <c r="AE126131" i="1"/>
  <c r="AE126132" i="1"/>
  <c r="AE126133" i="1"/>
  <c r="AE126134" i="1"/>
  <c r="AE126135" i="1"/>
  <c r="AE126136" i="1"/>
  <c r="AE126137" i="1"/>
  <c r="AE126138" i="1"/>
  <c r="AE126139" i="1"/>
  <c r="AE126140" i="1"/>
  <c r="AE126141" i="1"/>
  <c r="AE126142" i="1"/>
  <c r="AE126143" i="1"/>
  <c r="AE126144" i="1"/>
  <c r="AE126145" i="1"/>
  <c r="AE126146" i="1"/>
  <c r="AE126147" i="1"/>
  <c r="AE126148" i="1"/>
  <c r="AE126149" i="1"/>
  <c r="AE126150" i="1"/>
  <c r="AE126151" i="1"/>
  <c r="AE126152" i="1"/>
  <c r="AE126153" i="1"/>
  <c r="AE126154" i="1"/>
  <c r="AE126155" i="1"/>
  <c r="AE126156" i="1"/>
  <c r="AE126157" i="1"/>
  <c r="AE126158" i="1"/>
  <c r="AE126159" i="1"/>
  <c r="AE126160" i="1"/>
  <c r="AE126161" i="1"/>
  <c r="AE126162" i="1"/>
  <c r="AE126163" i="1"/>
  <c r="AE126164" i="1"/>
  <c r="AE126165" i="1"/>
  <c r="AE126166" i="1"/>
  <c r="AE126167" i="1"/>
  <c r="AE126168" i="1"/>
  <c r="AE126169" i="1"/>
  <c r="AE126170" i="1"/>
  <c r="AE126171" i="1"/>
  <c r="AE126172" i="1"/>
  <c r="AE126173" i="1"/>
  <c r="AE126174" i="1"/>
  <c r="AE126175" i="1"/>
  <c r="AE126176" i="1"/>
  <c r="AE126177" i="1"/>
  <c r="AE126178" i="1"/>
  <c r="AE126179" i="1"/>
  <c r="AE126180" i="1"/>
  <c r="AE126181" i="1"/>
  <c r="AE126182" i="1"/>
  <c r="AE126183" i="1"/>
  <c r="AE126184" i="1"/>
  <c r="AE126185" i="1"/>
  <c r="AE126186" i="1"/>
  <c r="AE126187" i="1"/>
  <c r="AE126188" i="1"/>
  <c r="AE126189" i="1"/>
  <c r="AE126190" i="1"/>
  <c r="AE126191" i="1"/>
  <c r="AE126192" i="1"/>
  <c r="AE126193" i="1"/>
  <c r="AE126194" i="1"/>
  <c r="AE126195" i="1"/>
  <c r="AE126196" i="1"/>
  <c r="AE126197" i="1"/>
  <c r="AE126198" i="1"/>
  <c r="AE126199" i="1"/>
  <c r="AE126200" i="1"/>
  <c r="AE126201" i="1"/>
  <c r="AE126202" i="1"/>
  <c r="AE126203" i="1"/>
  <c r="AE126204" i="1"/>
  <c r="AE126205" i="1"/>
  <c r="AE126206" i="1"/>
  <c r="AE126207" i="1"/>
  <c r="AE126208" i="1"/>
  <c r="AE126209" i="1"/>
  <c r="AE126210" i="1"/>
  <c r="AE126211" i="1"/>
  <c r="AE126212" i="1"/>
  <c r="AE126213" i="1"/>
  <c r="AE126214" i="1"/>
  <c r="AE126215" i="1"/>
  <c r="AE126216" i="1"/>
  <c r="AE126217" i="1"/>
  <c r="AE126218" i="1"/>
  <c r="AE126219" i="1"/>
  <c r="AE126220" i="1"/>
  <c r="AE126221" i="1"/>
  <c r="AE126222" i="1"/>
  <c r="AE126223" i="1"/>
  <c r="AE126224" i="1"/>
  <c r="AE126225" i="1"/>
  <c r="AE126226" i="1"/>
  <c r="AE126227" i="1"/>
  <c r="AE126228" i="1"/>
  <c r="AE126229" i="1"/>
  <c r="AE126230" i="1"/>
  <c r="AE126231" i="1"/>
  <c r="AE126232" i="1"/>
  <c r="AE126233" i="1"/>
  <c r="AE126234" i="1"/>
  <c r="AE126235" i="1"/>
  <c r="AE126236" i="1"/>
  <c r="AE126237" i="1"/>
  <c r="AE126238" i="1"/>
  <c r="AE126239" i="1"/>
  <c r="AE126240" i="1"/>
  <c r="AE126241" i="1"/>
  <c r="AE126242" i="1"/>
  <c r="AE126243" i="1"/>
  <c r="AE126244" i="1"/>
  <c r="AE126245" i="1"/>
  <c r="AE126246" i="1"/>
  <c r="AE126247" i="1"/>
  <c r="AE126248" i="1"/>
  <c r="AE126249" i="1"/>
  <c r="AE126250" i="1"/>
  <c r="AE126251" i="1"/>
  <c r="AE126252" i="1"/>
  <c r="AE126253" i="1"/>
  <c r="AE126254" i="1"/>
  <c r="AE126255" i="1"/>
  <c r="AE126256" i="1"/>
  <c r="AE126257" i="1"/>
  <c r="AE126258" i="1"/>
  <c r="AE126259" i="1"/>
  <c r="AE126260" i="1"/>
  <c r="AE126261" i="1"/>
  <c r="AE126262" i="1"/>
  <c r="AE126263" i="1"/>
  <c r="AE126264" i="1"/>
  <c r="AE126265" i="1"/>
  <c r="AE126266" i="1"/>
  <c r="AE126267" i="1"/>
  <c r="AE126268" i="1"/>
  <c r="AE126269" i="1"/>
  <c r="AE126270" i="1"/>
  <c r="AE126271" i="1"/>
  <c r="AE126272" i="1"/>
  <c r="AE126273" i="1"/>
  <c r="AE126274" i="1"/>
  <c r="AE126275" i="1"/>
  <c r="AE126276" i="1"/>
  <c r="AE126277" i="1"/>
  <c r="AE126278" i="1"/>
  <c r="AE126279" i="1"/>
  <c r="AE126280" i="1"/>
  <c r="AE126281" i="1"/>
  <c r="AE126282" i="1"/>
  <c r="AE126283" i="1"/>
  <c r="AE126284" i="1"/>
  <c r="AE126285" i="1"/>
  <c r="AE126286" i="1"/>
  <c r="AE126287" i="1"/>
  <c r="AE126288" i="1"/>
  <c r="AE126289" i="1"/>
  <c r="AE126290" i="1"/>
  <c r="AE126291" i="1"/>
  <c r="AE126292" i="1"/>
  <c r="AE126293" i="1"/>
  <c r="AE126294" i="1"/>
  <c r="AE126295" i="1"/>
  <c r="AE126296" i="1"/>
  <c r="AE126297" i="1"/>
  <c r="AE126298" i="1"/>
  <c r="AE126299" i="1"/>
  <c r="AE126300" i="1"/>
  <c r="AE126301" i="1"/>
  <c r="AE126302" i="1"/>
  <c r="AE126303" i="1"/>
  <c r="AE126304" i="1"/>
  <c r="AE126305" i="1"/>
  <c r="AE126306" i="1"/>
  <c r="AE126307" i="1"/>
  <c r="AE126308" i="1"/>
  <c r="AE126309" i="1"/>
  <c r="AE126310" i="1"/>
  <c r="AE126311" i="1"/>
  <c r="AE126312" i="1"/>
  <c r="AE126313" i="1"/>
  <c r="AE126314" i="1"/>
  <c r="AE126315" i="1"/>
  <c r="AE126316" i="1"/>
  <c r="AE126317" i="1"/>
  <c r="AE126318" i="1"/>
  <c r="AE126319" i="1"/>
  <c r="AE126320" i="1"/>
  <c r="AE126321" i="1"/>
  <c r="AE126322" i="1"/>
  <c r="AE126323" i="1"/>
  <c r="AE126324" i="1"/>
  <c r="AE126325" i="1"/>
  <c r="AE126326" i="1"/>
  <c r="AE126327" i="1"/>
  <c r="AE126328" i="1"/>
  <c r="AE126329" i="1"/>
  <c r="AE126330" i="1"/>
  <c r="AE126331" i="1"/>
  <c r="AE126332" i="1"/>
  <c r="AE126333" i="1"/>
  <c r="AE126334" i="1"/>
  <c r="AE126335" i="1"/>
  <c r="AE126336" i="1"/>
  <c r="AE126337" i="1"/>
  <c r="AE126338" i="1"/>
  <c r="AE126339" i="1"/>
  <c r="AE126340" i="1"/>
  <c r="AE126341" i="1"/>
  <c r="AE126342" i="1"/>
  <c r="AE126343" i="1"/>
  <c r="AE126344" i="1"/>
  <c r="AE126345" i="1"/>
  <c r="AE126346" i="1"/>
  <c r="AE126347" i="1"/>
  <c r="AE126348" i="1"/>
  <c r="AE126349" i="1"/>
  <c r="AE126350" i="1"/>
  <c r="AE126351" i="1"/>
  <c r="AE126352" i="1"/>
  <c r="AE126353" i="1"/>
  <c r="AE126354" i="1"/>
  <c r="AE126355" i="1"/>
  <c r="AE126356" i="1"/>
  <c r="AE126357" i="1"/>
  <c r="AE126358" i="1"/>
  <c r="AE126359" i="1"/>
  <c r="AE126360" i="1"/>
  <c r="AE126361" i="1"/>
  <c r="AE126362" i="1"/>
  <c r="AE126363" i="1"/>
  <c r="AE126364" i="1"/>
  <c r="AE126365" i="1"/>
  <c r="AE126366" i="1"/>
  <c r="AE126367" i="1"/>
  <c r="AE126368" i="1"/>
  <c r="AE126369" i="1"/>
  <c r="AE126370" i="1"/>
  <c r="AE126371" i="1"/>
  <c r="AE126372" i="1"/>
  <c r="AE126373" i="1"/>
  <c r="AE126374" i="1"/>
  <c r="AE126375" i="1"/>
  <c r="AE126376" i="1"/>
  <c r="AE126377" i="1"/>
  <c r="AE126378" i="1"/>
  <c r="AE126379" i="1"/>
  <c r="AE126380" i="1"/>
  <c r="AE126381" i="1"/>
  <c r="AE126382" i="1"/>
  <c r="AE126383" i="1"/>
  <c r="AE126384" i="1"/>
  <c r="AE126385" i="1"/>
  <c r="AE126386" i="1"/>
  <c r="AE126387" i="1"/>
  <c r="AE126388" i="1"/>
  <c r="AE126389" i="1"/>
  <c r="AE126390" i="1"/>
  <c r="AE126391" i="1"/>
  <c r="AE126392" i="1"/>
  <c r="AE126393" i="1"/>
  <c r="AE126394" i="1"/>
  <c r="AE126395" i="1"/>
  <c r="AE126396" i="1"/>
  <c r="AE126397" i="1"/>
  <c r="AE126398" i="1"/>
  <c r="AE126399" i="1"/>
  <c r="AE126400" i="1"/>
  <c r="AE126401" i="1"/>
  <c r="AE126402" i="1"/>
  <c r="AE126403" i="1"/>
  <c r="AE126404" i="1"/>
  <c r="AE126405" i="1"/>
  <c r="AE126406" i="1"/>
  <c r="AE126407" i="1"/>
  <c r="AE126408" i="1"/>
  <c r="AE126409" i="1"/>
  <c r="AE126410" i="1"/>
  <c r="AE126411" i="1"/>
  <c r="AE126412" i="1"/>
  <c r="AE126413" i="1"/>
  <c r="AE126414" i="1"/>
  <c r="AE126415" i="1"/>
  <c r="AE126416" i="1"/>
  <c r="AE126417" i="1"/>
  <c r="AE126418" i="1"/>
  <c r="AE126419" i="1"/>
  <c r="AE126420" i="1"/>
  <c r="AE126421" i="1"/>
  <c r="AE126422" i="1"/>
  <c r="AE126423" i="1"/>
  <c r="AE126424" i="1"/>
  <c r="AE126425" i="1"/>
  <c r="AE126426" i="1"/>
  <c r="AE126427" i="1"/>
  <c r="AE126428" i="1"/>
  <c r="AE126429" i="1"/>
  <c r="AE126430" i="1"/>
  <c r="AE126431" i="1"/>
  <c r="AE126432" i="1"/>
  <c r="AE126433" i="1"/>
  <c r="AE126434" i="1"/>
  <c r="AE126435" i="1"/>
  <c r="AE126436" i="1"/>
  <c r="AE126437" i="1"/>
  <c r="AE126438" i="1"/>
  <c r="AE126439" i="1"/>
  <c r="AE126440" i="1"/>
  <c r="AE126441" i="1"/>
  <c r="AE126442" i="1"/>
  <c r="AE126443" i="1"/>
  <c r="AE126444" i="1"/>
  <c r="AE126445" i="1"/>
  <c r="AE126446" i="1"/>
  <c r="AE126447" i="1"/>
  <c r="AE126448" i="1"/>
  <c r="AE126449" i="1"/>
  <c r="AE126450" i="1"/>
  <c r="AE126451" i="1"/>
  <c r="AE126452" i="1"/>
  <c r="AE126453" i="1"/>
  <c r="AE126454" i="1"/>
  <c r="AE126455" i="1"/>
  <c r="AE126456" i="1"/>
  <c r="AE126457" i="1"/>
  <c r="AE126458" i="1"/>
  <c r="AE126459" i="1"/>
  <c r="AE126460" i="1"/>
  <c r="AE126461" i="1"/>
  <c r="AE126462" i="1"/>
  <c r="AE126463" i="1"/>
  <c r="AE126464" i="1"/>
  <c r="AE126465" i="1"/>
  <c r="AE126466" i="1"/>
  <c r="AE126467" i="1"/>
  <c r="AE126468" i="1"/>
  <c r="AE126469" i="1"/>
  <c r="AE126470" i="1"/>
  <c r="AE126471" i="1"/>
  <c r="AE126472" i="1"/>
  <c r="AE126473" i="1"/>
  <c r="AE126474" i="1"/>
  <c r="AE126475" i="1"/>
  <c r="AE126476" i="1"/>
  <c r="AE126477" i="1"/>
  <c r="AE126478" i="1"/>
  <c r="AE126479" i="1"/>
  <c r="AE126480" i="1"/>
  <c r="AE126481" i="1"/>
  <c r="AE126482" i="1"/>
  <c r="AE126483" i="1"/>
  <c r="AE126484" i="1"/>
  <c r="AE126485" i="1"/>
  <c r="AE126486" i="1"/>
  <c r="AE126487" i="1"/>
  <c r="AE126488" i="1"/>
  <c r="AE126489" i="1"/>
  <c r="AE126490" i="1"/>
  <c r="AE126491" i="1"/>
  <c r="AE126492" i="1"/>
  <c r="AE126493" i="1"/>
  <c r="AE126494" i="1"/>
  <c r="AE126495" i="1"/>
  <c r="AE126496" i="1"/>
  <c r="AE126497" i="1"/>
  <c r="AE126498" i="1"/>
  <c r="AE126499" i="1"/>
  <c r="AE126500" i="1"/>
  <c r="AE126501" i="1"/>
  <c r="AE126502" i="1"/>
  <c r="AE126503" i="1"/>
  <c r="AE126504" i="1"/>
  <c r="AE126505" i="1"/>
  <c r="AE126506" i="1"/>
  <c r="AE126507" i="1"/>
  <c r="AE126508" i="1"/>
  <c r="AE126509" i="1"/>
  <c r="AE126510" i="1"/>
  <c r="AE126511" i="1"/>
  <c r="AE126512" i="1"/>
  <c r="AE126513" i="1"/>
  <c r="AE126514" i="1"/>
  <c r="AE126515" i="1"/>
  <c r="AE126516" i="1"/>
  <c r="AE126517" i="1"/>
  <c r="AE126518" i="1"/>
  <c r="AE126519" i="1"/>
  <c r="AE126520" i="1"/>
  <c r="AE126521" i="1"/>
  <c r="AE126522" i="1"/>
  <c r="AE126523" i="1"/>
  <c r="AE126524" i="1"/>
  <c r="AE126525" i="1"/>
  <c r="AE126526" i="1"/>
  <c r="AE126527" i="1"/>
  <c r="AE126528" i="1"/>
  <c r="AE126529" i="1"/>
  <c r="AE126530" i="1"/>
  <c r="AE126531" i="1"/>
  <c r="AE126532" i="1"/>
  <c r="AE126533" i="1"/>
  <c r="AE126534" i="1"/>
  <c r="AE126535" i="1"/>
  <c r="AE126536" i="1"/>
  <c r="AE126537" i="1"/>
  <c r="AE126538" i="1"/>
  <c r="AE126539" i="1"/>
  <c r="AE126540" i="1"/>
  <c r="AE126541" i="1"/>
  <c r="AE126542" i="1"/>
  <c r="AE126543" i="1"/>
  <c r="AE126544" i="1"/>
  <c r="AE126545" i="1"/>
  <c r="AE126546" i="1"/>
  <c r="AE126547" i="1"/>
  <c r="AE126548" i="1"/>
  <c r="AE126549" i="1"/>
  <c r="AE126550" i="1"/>
  <c r="AE126551" i="1"/>
  <c r="AE126552" i="1"/>
  <c r="AE126553" i="1"/>
  <c r="AE126554" i="1"/>
  <c r="AE126555" i="1"/>
  <c r="AE126556" i="1"/>
  <c r="AE126557" i="1"/>
  <c r="AE126558" i="1"/>
  <c r="AE126559" i="1"/>
  <c r="AE126560" i="1"/>
  <c r="AE126561" i="1"/>
  <c r="AE126562" i="1"/>
  <c r="AE126563" i="1"/>
  <c r="AE126564" i="1"/>
  <c r="AE126565" i="1"/>
  <c r="AE126566" i="1"/>
  <c r="AE126567" i="1"/>
  <c r="AE126568" i="1"/>
  <c r="AE126569" i="1"/>
  <c r="AE126570" i="1"/>
  <c r="AE126571" i="1"/>
  <c r="AE126572" i="1"/>
  <c r="AE126573" i="1"/>
  <c r="AE126574" i="1"/>
  <c r="AE126575" i="1"/>
  <c r="AE126576" i="1"/>
  <c r="AE126577" i="1"/>
  <c r="AE126578" i="1"/>
  <c r="AE126579" i="1"/>
  <c r="AE126580" i="1"/>
  <c r="AE126581" i="1"/>
  <c r="AE126582" i="1"/>
  <c r="AE126583" i="1"/>
  <c r="AE126584" i="1"/>
  <c r="AE126585" i="1"/>
  <c r="AE126586" i="1"/>
  <c r="AE126587" i="1"/>
  <c r="AE126588" i="1"/>
  <c r="AE126589" i="1"/>
  <c r="AE126590" i="1"/>
  <c r="AE126591" i="1"/>
  <c r="AE126592" i="1"/>
  <c r="AE126593" i="1"/>
  <c r="AE126594" i="1"/>
  <c r="AE126595" i="1"/>
  <c r="AE126596" i="1"/>
  <c r="AE126597" i="1"/>
  <c r="AE126598" i="1"/>
  <c r="AE126599" i="1"/>
  <c r="AE126600" i="1"/>
  <c r="AE126601" i="1"/>
  <c r="AE126602" i="1"/>
  <c r="AE126603" i="1"/>
  <c r="AE126604" i="1"/>
  <c r="AE126605" i="1"/>
  <c r="AE126606" i="1"/>
  <c r="AE126607" i="1"/>
  <c r="AE126608" i="1"/>
  <c r="AE126609" i="1"/>
  <c r="AE126610" i="1"/>
  <c r="AE126611" i="1"/>
  <c r="AE126612" i="1"/>
  <c r="AE126613" i="1"/>
  <c r="AE126614" i="1"/>
  <c r="AE126615" i="1"/>
  <c r="AE126616" i="1"/>
  <c r="AE126617" i="1"/>
  <c r="AE126618" i="1"/>
  <c r="AE126619" i="1"/>
  <c r="AE126620" i="1"/>
  <c r="AE126621" i="1"/>
  <c r="AE126622" i="1"/>
  <c r="AE126623" i="1"/>
  <c r="AE126624" i="1"/>
  <c r="AE126625" i="1"/>
  <c r="AE126626" i="1"/>
  <c r="AE126627" i="1"/>
  <c r="AE126628" i="1"/>
  <c r="AE126629" i="1"/>
  <c r="AE126630" i="1"/>
  <c r="AE126631" i="1"/>
  <c r="AE126632" i="1"/>
  <c r="AE126633" i="1"/>
  <c r="AE126634" i="1"/>
  <c r="AE126635" i="1"/>
  <c r="AE126636" i="1"/>
  <c r="AE126637" i="1"/>
  <c r="AE126638" i="1"/>
  <c r="AE126639" i="1"/>
  <c r="AE126640" i="1"/>
  <c r="AE126641" i="1"/>
  <c r="AE126642" i="1"/>
  <c r="AE126643" i="1"/>
  <c r="AE126644" i="1"/>
  <c r="AE126645" i="1"/>
  <c r="AE126646" i="1"/>
  <c r="AE126647" i="1"/>
  <c r="AE126648" i="1"/>
  <c r="AE126649" i="1"/>
  <c r="AE126650" i="1"/>
  <c r="AE126651" i="1"/>
  <c r="AE126652" i="1"/>
  <c r="AE126653" i="1"/>
  <c r="AE126654" i="1"/>
  <c r="AE126655" i="1"/>
  <c r="AE126656" i="1"/>
  <c r="AE126657" i="1"/>
  <c r="AE126658" i="1"/>
  <c r="AE126659" i="1"/>
  <c r="AE126660" i="1"/>
  <c r="AE126661" i="1"/>
  <c r="AE126662" i="1"/>
  <c r="AE126663" i="1"/>
  <c r="AE126664" i="1"/>
  <c r="AE126665" i="1"/>
  <c r="AE126666" i="1"/>
  <c r="AE126667" i="1"/>
  <c r="AE126668" i="1"/>
  <c r="AE126669" i="1"/>
  <c r="AE126670" i="1"/>
  <c r="AE126671" i="1"/>
  <c r="AE126672" i="1"/>
  <c r="AE126673" i="1"/>
  <c r="AE126674" i="1"/>
  <c r="AE126675" i="1"/>
  <c r="AE126676" i="1"/>
  <c r="AE126677" i="1"/>
  <c r="AE126678" i="1"/>
  <c r="AE126679" i="1"/>
  <c r="AE126680" i="1"/>
  <c r="AE126681" i="1"/>
  <c r="AE126682" i="1"/>
  <c r="AE126683" i="1"/>
  <c r="AE126684" i="1"/>
  <c r="AE126685" i="1"/>
  <c r="AE126686" i="1"/>
  <c r="AE126687" i="1"/>
  <c r="AE126688" i="1"/>
  <c r="AE126689" i="1"/>
  <c r="AE126690" i="1"/>
  <c r="AE126691" i="1"/>
  <c r="AE126692" i="1"/>
  <c r="AE126693" i="1"/>
  <c r="AE126694" i="1"/>
  <c r="AE126695" i="1"/>
  <c r="AE126696" i="1"/>
  <c r="AE126697" i="1"/>
  <c r="AE126698" i="1"/>
  <c r="AE126699" i="1"/>
  <c r="AE126700" i="1"/>
  <c r="AE126701" i="1"/>
  <c r="AE126702" i="1"/>
  <c r="AE126703" i="1"/>
  <c r="AE126704" i="1"/>
  <c r="AE126705" i="1"/>
  <c r="AE126706" i="1"/>
  <c r="AE126707" i="1"/>
  <c r="AE126708" i="1"/>
  <c r="AE126709" i="1"/>
  <c r="AE126710" i="1"/>
  <c r="AE126711" i="1"/>
  <c r="AE126712" i="1"/>
  <c r="AE126713" i="1"/>
  <c r="AE126714" i="1"/>
  <c r="AE126715" i="1"/>
  <c r="AE126716" i="1"/>
  <c r="AE126717" i="1"/>
  <c r="AE126718" i="1"/>
  <c r="AE126719" i="1"/>
  <c r="AE126720" i="1"/>
  <c r="AE126721" i="1"/>
  <c r="AE126722" i="1"/>
  <c r="AE126723" i="1"/>
  <c r="AE126724" i="1"/>
  <c r="AE126725" i="1"/>
  <c r="AE126726" i="1"/>
  <c r="AE126727" i="1"/>
  <c r="AE126728" i="1"/>
  <c r="AE126729" i="1"/>
  <c r="AE126730" i="1"/>
  <c r="AE126731" i="1"/>
  <c r="AE126732" i="1"/>
  <c r="AE126733" i="1"/>
  <c r="AE126734" i="1"/>
  <c r="AE126735" i="1"/>
  <c r="AE126736" i="1"/>
  <c r="AE126737" i="1"/>
  <c r="AE126738" i="1"/>
  <c r="AE126739" i="1"/>
  <c r="AE126740" i="1"/>
  <c r="AE126741" i="1"/>
  <c r="AE126742" i="1"/>
  <c r="AE126743" i="1"/>
  <c r="AE126744" i="1"/>
  <c r="AE126745" i="1"/>
  <c r="AE126746" i="1"/>
  <c r="AE126747" i="1"/>
  <c r="AE126748" i="1"/>
  <c r="AE126749" i="1"/>
  <c r="AE126750" i="1"/>
  <c r="AE126751" i="1"/>
  <c r="AE126752" i="1"/>
  <c r="AE126753" i="1"/>
  <c r="AE126754" i="1"/>
  <c r="AE126755" i="1"/>
  <c r="AE126756" i="1"/>
  <c r="AE126757" i="1"/>
  <c r="AE126758" i="1"/>
  <c r="AE126759" i="1"/>
  <c r="AE126760" i="1"/>
  <c r="AE126761" i="1"/>
  <c r="AE126762" i="1"/>
  <c r="AE126763" i="1"/>
  <c r="AE126764" i="1"/>
  <c r="AE126765" i="1"/>
  <c r="AE126766" i="1"/>
  <c r="AE126767" i="1"/>
  <c r="AE126768" i="1"/>
  <c r="AE126769" i="1"/>
  <c r="AE126770" i="1"/>
  <c r="AE126771" i="1"/>
  <c r="AE126772" i="1"/>
  <c r="AE126773" i="1"/>
  <c r="AE126774" i="1"/>
  <c r="AE126775" i="1"/>
  <c r="AE126776" i="1"/>
  <c r="AE126777" i="1"/>
  <c r="AE126778" i="1"/>
  <c r="AE126779" i="1"/>
  <c r="AE126780" i="1"/>
  <c r="AE126781" i="1"/>
  <c r="AE126782" i="1"/>
  <c r="AE126783" i="1"/>
  <c r="AE126784" i="1"/>
  <c r="AE126785" i="1"/>
  <c r="AE126786" i="1"/>
  <c r="AE126787" i="1"/>
  <c r="AE126788" i="1"/>
  <c r="AE126789" i="1"/>
  <c r="AE126790" i="1"/>
  <c r="AE126791" i="1"/>
  <c r="AE126792" i="1"/>
  <c r="AE126793" i="1"/>
  <c r="AE126794" i="1"/>
  <c r="AE126795" i="1"/>
  <c r="AE126796" i="1"/>
  <c r="AE126797" i="1"/>
  <c r="AE126798" i="1"/>
  <c r="AE126799" i="1"/>
  <c r="AE126800" i="1"/>
  <c r="AE126801" i="1"/>
  <c r="AE126802" i="1"/>
  <c r="AE126803" i="1"/>
  <c r="AE126804" i="1"/>
  <c r="AE126805" i="1"/>
  <c r="AE126806" i="1"/>
  <c r="AE126807" i="1"/>
  <c r="AE126808" i="1"/>
  <c r="AE126809" i="1"/>
  <c r="AE126810" i="1"/>
  <c r="AE126811" i="1"/>
  <c r="AE126812" i="1"/>
  <c r="AE126813" i="1"/>
  <c r="AE126814" i="1"/>
  <c r="AE126815" i="1"/>
  <c r="AE126816" i="1"/>
  <c r="AE126817" i="1"/>
  <c r="AE126818" i="1"/>
  <c r="AE126819" i="1"/>
  <c r="AE126820" i="1"/>
  <c r="AE126821" i="1"/>
  <c r="AE126822" i="1"/>
  <c r="AE126823" i="1"/>
  <c r="AE126824" i="1"/>
  <c r="AE126825" i="1"/>
  <c r="AE126826" i="1"/>
  <c r="AE126827" i="1"/>
  <c r="AE126828" i="1"/>
  <c r="AE126829" i="1"/>
  <c r="AE126830" i="1"/>
  <c r="AE126831" i="1"/>
  <c r="AE126832" i="1"/>
  <c r="AE126833" i="1"/>
  <c r="AE126834" i="1"/>
  <c r="AE126835" i="1"/>
  <c r="AE126836" i="1"/>
  <c r="AE126837" i="1"/>
  <c r="AE126838" i="1"/>
  <c r="AE126839" i="1"/>
  <c r="AE126840" i="1"/>
  <c r="AE126841" i="1"/>
  <c r="AE126842" i="1"/>
  <c r="AE126843" i="1"/>
  <c r="AE126844" i="1"/>
  <c r="AE126845" i="1"/>
  <c r="AE126846" i="1"/>
  <c r="AE126847" i="1"/>
  <c r="AE126848" i="1"/>
  <c r="AE126849" i="1"/>
  <c r="AE126850" i="1"/>
  <c r="AE126851" i="1"/>
  <c r="AE126852" i="1"/>
  <c r="AE126853" i="1"/>
  <c r="AE126854" i="1"/>
  <c r="AE126855" i="1"/>
  <c r="AE126856" i="1"/>
  <c r="AE126857" i="1"/>
  <c r="AE126858" i="1"/>
  <c r="AE126859" i="1"/>
  <c r="AE126860" i="1"/>
  <c r="AE126861" i="1"/>
  <c r="AE126862" i="1"/>
  <c r="AE126863" i="1"/>
  <c r="AE126864" i="1"/>
  <c r="AE126865" i="1"/>
  <c r="AE126866" i="1"/>
  <c r="AE126867" i="1"/>
  <c r="AE126868" i="1"/>
  <c r="AE126869" i="1"/>
  <c r="AE126870" i="1"/>
  <c r="AE126871" i="1"/>
  <c r="AE126872" i="1"/>
  <c r="AE126873" i="1"/>
  <c r="AE126874" i="1"/>
  <c r="AE126875" i="1"/>
  <c r="AE126876" i="1"/>
  <c r="AE126877" i="1"/>
  <c r="AE126878" i="1"/>
  <c r="AE126879" i="1"/>
  <c r="AE126880" i="1"/>
  <c r="AE126881" i="1"/>
  <c r="AE126882" i="1"/>
  <c r="AE126883" i="1"/>
  <c r="AE126884" i="1"/>
  <c r="AE126885" i="1"/>
  <c r="AE126886" i="1"/>
  <c r="AE126887" i="1"/>
  <c r="AE126888" i="1"/>
  <c r="AE126889" i="1"/>
  <c r="AE126890" i="1"/>
  <c r="AE126891" i="1"/>
  <c r="AE126892" i="1"/>
  <c r="AE126893" i="1"/>
  <c r="AE126894" i="1"/>
  <c r="AE126895" i="1"/>
  <c r="AE126896" i="1"/>
  <c r="AE126897" i="1"/>
  <c r="AE126898" i="1"/>
  <c r="AE126899" i="1"/>
  <c r="AE126900" i="1"/>
  <c r="AE126901" i="1"/>
  <c r="AE126902" i="1"/>
  <c r="AE126903" i="1"/>
  <c r="AE126904" i="1"/>
  <c r="AE126905" i="1"/>
  <c r="AE126906" i="1"/>
  <c r="AE126907" i="1"/>
  <c r="AE126908" i="1"/>
  <c r="AE126909" i="1"/>
  <c r="AE126910" i="1"/>
  <c r="AE126911" i="1"/>
  <c r="AE126912" i="1"/>
  <c r="AE126913" i="1"/>
  <c r="AE126914" i="1"/>
  <c r="AE126915" i="1"/>
  <c r="AE126916" i="1"/>
  <c r="AE126917" i="1"/>
  <c r="AE126918" i="1"/>
  <c r="AE126919" i="1"/>
  <c r="AE126920" i="1"/>
  <c r="AE126921" i="1"/>
  <c r="AE126922" i="1"/>
  <c r="AE126923" i="1"/>
  <c r="AE126924" i="1"/>
  <c r="AE126925" i="1"/>
  <c r="AE126926" i="1"/>
  <c r="AE126927" i="1"/>
  <c r="AE126928" i="1"/>
  <c r="AE126929" i="1"/>
  <c r="AE126930" i="1"/>
  <c r="AE126931" i="1"/>
  <c r="AE126932" i="1"/>
  <c r="AE126933" i="1"/>
  <c r="AE126934" i="1"/>
  <c r="AE126935" i="1"/>
  <c r="AE126936" i="1"/>
  <c r="AE126937" i="1"/>
  <c r="AE126938" i="1"/>
  <c r="AE126939" i="1"/>
  <c r="AE126940" i="1"/>
  <c r="AE126941" i="1"/>
  <c r="AE126942" i="1"/>
  <c r="AE126943" i="1"/>
  <c r="AE126944" i="1"/>
  <c r="AE126945" i="1"/>
  <c r="AE126946" i="1"/>
  <c r="AE126947" i="1"/>
  <c r="AE126948" i="1"/>
  <c r="AE126949" i="1"/>
  <c r="AE126950" i="1"/>
  <c r="AE126951" i="1"/>
  <c r="AE126952" i="1"/>
  <c r="AE126953" i="1"/>
  <c r="AE126954" i="1"/>
  <c r="AE126955" i="1"/>
  <c r="AE126956" i="1"/>
  <c r="AE126957" i="1"/>
  <c r="AE126958" i="1"/>
  <c r="AE126959" i="1"/>
  <c r="AE126960" i="1"/>
  <c r="AE126961" i="1"/>
  <c r="AE126962" i="1"/>
  <c r="AE126963" i="1"/>
  <c r="AE126964" i="1"/>
  <c r="AE126965" i="1"/>
  <c r="AE126966" i="1"/>
  <c r="AE126967" i="1"/>
  <c r="AE126968" i="1"/>
  <c r="AE126969" i="1"/>
  <c r="AE126970" i="1"/>
  <c r="AE126971" i="1"/>
  <c r="AE126972" i="1"/>
  <c r="AE126973" i="1"/>
  <c r="AE126974" i="1"/>
  <c r="AE126975" i="1"/>
  <c r="AE126976" i="1"/>
  <c r="AE126977" i="1"/>
  <c r="AE126978" i="1"/>
  <c r="AE126979" i="1"/>
  <c r="AE126980" i="1"/>
  <c r="AE126981" i="1"/>
  <c r="AE126982" i="1"/>
  <c r="AE126983" i="1"/>
  <c r="AE126984" i="1"/>
  <c r="AE126985" i="1"/>
  <c r="AE126986" i="1"/>
  <c r="AE126987" i="1"/>
  <c r="AE126988" i="1"/>
  <c r="AE126989" i="1"/>
  <c r="AE126990" i="1"/>
  <c r="AE126991" i="1"/>
  <c r="AE126992" i="1"/>
  <c r="AE126993" i="1"/>
  <c r="AE126994" i="1"/>
  <c r="AE126995" i="1"/>
  <c r="AE126996" i="1"/>
  <c r="AE126997" i="1"/>
  <c r="AE126998" i="1"/>
  <c r="AE126999" i="1"/>
  <c r="AE127000" i="1"/>
  <c r="AE127001" i="1"/>
  <c r="AE127002" i="1"/>
  <c r="AE127003" i="1"/>
  <c r="AE127004" i="1"/>
  <c r="AE127005" i="1"/>
  <c r="AE127006" i="1"/>
  <c r="AE127007" i="1"/>
  <c r="AE127008" i="1"/>
  <c r="AE127009" i="1"/>
  <c r="AE127010" i="1"/>
  <c r="AE127011" i="1"/>
  <c r="AE127012" i="1"/>
  <c r="AE127013" i="1"/>
  <c r="AE127014" i="1"/>
  <c r="AE127015" i="1"/>
  <c r="AE127016" i="1"/>
  <c r="AE127017" i="1"/>
  <c r="AE127018" i="1"/>
  <c r="AE127019" i="1"/>
  <c r="AE127020" i="1"/>
  <c r="AE127021" i="1"/>
  <c r="AE127022" i="1"/>
  <c r="AE127023" i="1"/>
  <c r="AE127024" i="1"/>
  <c r="AE127025" i="1"/>
  <c r="AE127026" i="1"/>
  <c r="AE127027" i="1"/>
  <c r="AE127028" i="1"/>
  <c r="AE127029" i="1"/>
  <c r="AE127030" i="1"/>
  <c r="AE127031" i="1"/>
  <c r="AE127032" i="1"/>
  <c r="AE127033" i="1"/>
  <c r="AE127034" i="1"/>
  <c r="AE127035" i="1"/>
  <c r="AE127036" i="1"/>
  <c r="AE127037" i="1"/>
  <c r="AE127038" i="1"/>
  <c r="AE127039" i="1"/>
  <c r="AE127040" i="1"/>
  <c r="AE127041" i="1"/>
  <c r="AE127042" i="1"/>
  <c r="AE127043" i="1"/>
  <c r="AE127044" i="1"/>
  <c r="AE127045" i="1"/>
  <c r="AE127046" i="1"/>
  <c r="AE127047" i="1"/>
  <c r="AE127048" i="1"/>
  <c r="AE127049" i="1"/>
  <c r="AE127050" i="1"/>
  <c r="AE127051" i="1"/>
  <c r="AE127052" i="1"/>
  <c r="AE127053" i="1"/>
  <c r="AE127054" i="1"/>
  <c r="AE127055" i="1"/>
  <c r="AE127056" i="1"/>
  <c r="AE127057" i="1"/>
  <c r="AE127058" i="1"/>
  <c r="AE127059" i="1"/>
  <c r="AE127060" i="1"/>
  <c r="AE127061" i="1"/>
  <c r="AE127062" i="1"/>
  <c r="AE127063" i="1"/>
  <c r="AE127064" i="1"/>
  <c r="AE127065" i="1"/>
  <c r="AE127066" i="1"/>
  <c r="AE127067" i="1"/>
  <c r="AE127068" i="1"/>
  <c r="AE127069" i="1"/>
  <c r="AE127070" i="1"/>
  <c r="AE127071" i="1"/>
  <c r="AE127072" i="1"/>
  <c r="AE127073" i="1"/>
  <c r="AE127074" i="1"/>
  <c r="AE127075" i="1"/>
  <c r="AE127076" i="1"/>
  <c r="AE127077" i="1"/>
  <c r="AE127078" i="1"/>
  <c r="AE127079" i="1"/>
  <c r="AE127080" i="1"/>
  <c r="AE127081" i="1"/>
  <c r="AE127082" i="1"/>
  <c r="AE127083" i="1"/>
  <c r="AE127084" i="1"/>
  <c r="AE127085" i="1"/>
  <c r="AE127086" i="1"/>
  <c r="AE127087" i="1"/>
  <c r="AE127088" i="1"/>
  <c r="AE127089" i="1"/>
  <c r="AE127090" i="1"/>
  <c r="AE127091" i="1"/>
  <c r="AE127092" i="1"/>
  <c r="AE127093" i="1"/>
  <c r="AE127094" i="1"/>
  <c r="AE127095" i="1"/>
  <c r="AE127096" i="1"/>
  <c r="AE127097" i="1"/>
  <c r="AE127098" i="1"/>
  <c r="AE127099" i="1"/>
  <c r="AE127100" i="1"/>
  <c r="AE127101" i="1"/>
  <c r="AE127102" i="1"/>
  <c r="AE127103" i="1"/>
  <c r="AE127104" i="1"/>
  <c r="AE127105" i="1"/>
  <c r="AE127106" i="1"/>
  <c r="AE127107" i="1"/>
  <c r="AE127108" i="1"/>
  <c r="AE127109" i="1"/>
  <c r="AE127110" i="1"/>
  <c r="AE127111" i="1"/>
  <c r="AE127112" i="1"/>
  <c r="AE127113" i="1"/>
  <c r="AE127114" i="1"/>
  <c r="AE127115" i="1"/>
  <c r="AE127116" i="1"/>
  <c r="AE127117" i="1"/>
  <c r="AE127118" i="1"/>
  <c r="AE127119" i="1"/>
  <c r="AE127120" i="1"/>
  <c r="AE127121" i="1"/>
  <c r="AE127122" i="1"/>
  <c r="AE127123" i="1"/>
  <c r="AE127124" i="1"/>
  <c r="AE127125" i="1"/>
  <c r="AE127126" i="1"/>
  <c r="AE127127" i="1"/>
  <c r="AE127128" i="1"/>
  <c r="AE127129" i="1"/>
  <c r="AE127130" i="1"/>
  <c r="AE127131" i="1"/>
  <c r="AE127132" i="1"/>
  <c r="AE127133" i="1"/>
  <c r="AE127134" i="1"/>
  <c r="AE127135" i="1"/>
  <c r="AE127136" i="1"/>
  <c r="AE127137" i="1"/>
  <c r="AE127138" i="1"/>
  <c r="AE127139" i="1"/>
  <c r="AE127140" i="1"/>
  <c r="AE127141" i="1"/>
  <c r="AE127142" i="1"/>
  <c r="AE127143" i="1"/>
  <c r="AE127144" i="1"/>
  <c r="AE127145" i="1"/>
  <c r="AE127146" i="1"/>
  <c r="AE127147" i="1"/>
  <c r="AE127148" i="1"/>
  <c r="AE127149" i="1"/>
  <c r="AE127150" i="1"/>
  <c r="AE127151" i="1"/>
  <c r="AE127152" i="1"/>
  <c r="AE127153" i="1"/>
  <c r="AE127154" i="1"/>
  <c r="AE127155" i="1"/>
  <c r="AE127156" i="1"/>
  <c r="AE127157" i="1"/>
  <c r="AE127158" i="1"/>
  <c r="AE127159" i="1"/>
  <c r="AE127160" i="1"/>
  <c r="AE127161" i="1"/>
  <c r="AE127162" i="1"/>
  <c r="AE127163" i="1"/>
  <c r="AE127164" i="1"/>
  <c r="AE127165" i="1"/>
  <c r="AE127166" i="1"/>
  <c r="AE127167" i="1"/>
  <c r="AE127168" i="1"/>
  <c r="AE127169" i="1"/>
  <c r="AE127170" i="1"/>
  <c r="AE127171" i="1"/>
  <c r="AE127172" i="1"/>
  <c r="AE127173" i="1"/>
  <c r="AE127174" i="1"/>
  <c r="AE127175" i="1"/>
  <c r="AE127176" i="1"/>
  <c r="AE127177" i="1"/>
  <c r="AE127178" i="1"/>
  <c r="AE127179" i="1"/>
  <c r="AE127180" i="1"/>
  <c r="AE127181" i="1"/>
  <c r="AE127182" i="1"/>
  <c r="AE127183" i="1"/>
  <c r="AE127184" i="1"/>
  <c r="AE127185" i="1"/>
  <c r="AE127186" i="1"/>
  <c r="AE127187" i="1"/>
  <c r="AE127188" i="1"/>
  <c r="AE127189" i="1"/>
  <c r="AE127190" i="1"/>
  <c r="AE127191" i="1"/>
  <c r="AE127192" i="1"/>
  <c r="AE127193" i="1"/>
  <c r="AE127194" i="1"/>
  <c r="AE127195" i="1"/>
  <c r="AE127196" i="1"/>
  <c r="AE127197" i="1"/>
  <c r="AE127198" i="1"/>
  <c r="AE127199" i="1"/>
  <c r="AE127200" i="1"/>
  <c r="AE127201" i="1"/>
  <c r="AE127202" i="1"/>
  <c r="AE127203" i="1"/>
  <c r="AE127204" i="1"/>
  <c r="AE127205" i="1"/>
  <c r="AE127206" i="1"/>
  <c r="AE127207" i="1"/>
  <c r="AE127208" i="1"/>
  <c r="AE127209" i="1"/>
  <c r="AE127210" i="1"/>
  <c r="AE127211" i="1"/>
  <c r="AE127212" i="1"/>
  <c r="AE127213" i="1"/>
  <c r="AE127214" i="1"/>
  <c r="AE127215" i="1"/>
  <c r="AE127216" i="1"/>
  <c r="AE127217" i="1"/>
  <c r="AE127218" i="1"/>
  <c r="AE127219" i="1"/>
  <c r="AE127220" i="1"/>
  <c r="AE127221" i="1"/>
  <c r="AE127222" i="1"/>
  <c r="AE127223" i="1"/>
  <c r="AE127224" i="1"/>
  <c r="AE127225" i="1"/>
  <c r="AE127226" i="1"/>
  <c r="AE127227" i="1"/>
  <c r="AE127228" i="1"/>
  <c r="AE127229" i="1"/>
  <c r="AE127230" i="1"/>
  <c r="AE127231" i="1"/>
  <c r="AE127232" i="1"/>
  <c r="AE127233" i="1"/>
  <c r="AE127234" i="1"/>
  <c r="AE127235" i="1"/>
  <c r="AE127236" i="1"/>
  <c r="AE127237" i="1"/>
  <c r="AE127238" i="1"/>
  <c r="AE127239" i="1"/>
  <c r="AE127240" i="1"/>
  <c r="AE127241" i="1"/>
  <c r="AE127242" i="1"/>
  <c r="AE127243" i="1"/>
  <c r="AE127244" i="1"/>
  <c r="AE127245" i="1"/>
  <c r="AE127246" i="1"/>
  <c r="AE127247" i="1"/>
  <c r="AE127248" i="1"/>
  <c r="AE127249" i="1"/>
  <c r="AE127250" i="1"/>
  <c r="AE127251" i="1"/>
  <c r="AE127252" i="1"/>
  <c r="AE127253" i="1"/>
  <c r="AE127254" i="1"/>
  <c r="AE127255" i="1"/>
  <c r="AE127256" i="1"/>
  <c r="AE127257" i="1"/>
  <c r="AE127258" i="1"/>
  <c r="AE127259" i="1"/>
  <c r="AE127260" i="1"/>
  <c r="AE127261" i="1"/>
  <c r="AE127262" i="1"/>
  <c r="AE127263" i="1"/>
  <c r="AE127264" i="1"/>
  <c r="AE127265" i="1"/>
  <c r="AE127266" i="1"/>
  <c r="AE127267" i="1"/>
  <c r="AE127268" i="1"/>
  <c r="AE127269" i="1"/>
  <c r="AE127270" i="1"/>
  <c r="AE127271" i="1"/>
  <c r="AE127272" i="1"/>
  <c r="AE127273" i="1"/>
  <c r="AE127274" i="1"/>
  <c r="AE127275" i="1"/>
  <c r="AE127276" i="1"/>
  <c r="AE127277" i="1"/>
  <c r="AE127278" i="1"/>
  <c r="AE127279" i="1"/>
  <c r="AE127280" i="1"/>
  <c r="AE127281" i="1"/>
  <c r="AE127282" i="1"/>
  <c r="AE127283" i="1"/>
  <c r="AE127284" i="1"/>
  <c r="AE127285" i="1"/>
  <c r="AE127286" i="1"/>
  <c r="AE127287" i="1"/>
  <c r="AE127288" i="1"/>
  <c r="AE127289" i="1"/>
  <c r="AE127290" i="1"/>
  <c r="AE127291" i="1"/>
  <c r="AE127292" i="1"/>
  <c r="AE127293" i="1"/>
  <c r="AE127294" i="1"/>
  <c r="AE127295" i="1"/>
  <c r="AE127296" i="1"/>
  <c r="AE127297" i="1"/>
  <c r="AE127298" i="1"/>
  <c r="AE127299" i="1"/>
  <c r="AE127300" i="1"/>
  <c r="AE127301" i="1"/>
  <c r="AE127302" i="1"/>
  <c r="AE127303" i="1"/>
  <c r="AE127304" i="1"/>
  <c r="AE127305" i="1"/>
  <c r="AE127306" i="1"/>
  <c r="AE127307" i="1"/>
  <c r="AE127308" i="1"/>
  <c r="AE127309" i="1"/>
  <c r="AE127310" i="1"/>
  <c r="AE127311" i="1"/>
  <c r="AE127312" i="1"/>
  <c r="AE127313" i="1"/>
  <c r="AE127314" i="1"/>
  <c r="AE127315" i="1"/>
  <c r="AE127316" i="1"/>
  <c r="AE127317" i="1"/>
  <c r="AE127318" i="1"/>
  <c r="AE127319" i="1"/>
  <c r="AE127320" i="1"/>
  <c r="AE127321" i="1"/>
  <c r="AE127322" i="1"/>
  <c r="AE127323" i="1"/>
  <c r="AE127324" i="1"/>
  <c r="AE127325" i="1"/>
  <c r="AE127326" i="1"/>
  <c r="AE127327" i="1"/>
  <c r="AE127328" i="1"/>
  <c r="AE127329" i="1"/>
  <c r="AE127330" i="1"/>
  <c r="AE127331" i="1"/>
  <c r="AE127332" i="1"/>
  <c r="AE127333" i="1"/>
  <c r="AE127334" i="1"/>
  <c r="AE127335" i="1"/>
  <c r="AE127336" i="1"/>
  <c r="AE127337" i="1"/>
  <c r="AE127338" i="1"/>
  <c r="AE127339" i="1"/>
  <c r="AE127340" i="1"/>
  <c r="AE127341" i="1"/>
  <c r="AE127342" i="1"/>
  <c r="AE127343" i="1"/>
  <c r="AE127344" i="1"/>
  <c r="AE127345" i="1"/>
  <c r="AE127346" i="1"/>
  <c r="AE127347" i="1"/>
  <c r="AE127348" i="1"/>
  <c r="AE127349" i="1"/>
  <c r="AE127350" i="1"/>
  <c r="AE127351" i="1"/>
  <c r="AE127352" i="1"/>
  <c r="AE127353" i="1"/>
  <c r="AE127354" i="1"/>
  <c r="AE127355" i="1"/>
  <c r="AE127356" i="1"/>
  <c r="AE127357" i="1"/>
  <c r="AE127358" i="1"/>
  <c r="AE127359" i="1"/>
  <c r="AE127360" i="1"/>
  <c r="AE127361" i="1"/>
  <c r="AE127362" i="1"/>
  <c r="AE127363" i="1"/>
  <c r="AE127364" i="1"/>
  <c r="AE127365" i="1"/>
  <c r="AE127366" i="1"/>
  <c r="AE127367" i="1"/>
  <c r="AE127368" i="1"/>
  <c r="AE127369" i="1"/>
  <c r="AE127370" i="1"/>
  <c r="AE127371" i="1"/>
  <c r="AE127372" i="1"/>
  <c r="AE127373" i="1"/>
  <c r="AE127374" i="1"/>
  <c r="AE127375" i="1"/>
  <c r="AE127376" i="1"/>
  <c r="AE127377" i="1"/>
  <c r="AE127378" i="1"/>
  <c r="AE127379" i="1"/>
  <c r="AE127380" i="1"/>
  <c r="AE127381" i="1"/>
  <c r="AE127382" i="1"/>
  <c r="AE127383" i="1"/>
  <c r="AE127384" i="1"/>
  <c r="AE127385" i="1"/>
  <c r="AE127386" i="1"/>
  <c r="AE127387" i="1"/>
  <c r="AE127388" i="1"/>
  <c r="AE127389" i="1"/>
  <c r="AE127390" i="1"/>
  <c r="AE127391" i="1"/>
  <c r="AE127392" i="1"/>
  <c r="AE127393" i="1"/>
  <c r="AE127394" i="1"/>
  <c r="AE127395" i="1"/>
  <c r="AE127396" i="1"/>
  <c r="AE127397" i="1"/>
  <c r="AE127398" i="1"/>
  <c r="AE127399" i="1"/>
  <c r="AE127400" i="1"/>
  <c r="AE127401" i="1"/>
  <c r="AE127402" i="1"/>
  <c r="AE127403" i="1"/>
  <c r="AE127404" i="1"/>
  <c r="AE127405" i="1"/>
  <c r="AE127406" i="1"/>
  <c r="AE127407" i="1"/>
  <c r="AE127408" i="1"/>
  <c r="AE127409" i="1"/>
  <c r="AE127410" i="1"/>
  <c r="AE127411" i="1"/>
  <c r="AE127412" i="1"/>
  <c r="AE127413" i="1"/>
  <c r="AE127414" i="1"/>
  <c r="AE127415" i="1"/>
  <c r="AE127416" i="1"/>
  <c r="AE127417" i="1"/>
  <c r="AE127418" i="1"/>
  <c r="AE127419" i="1"/>
  <c r="AE127420" i="1"/>
  <c r="AE127421" i="1"/>
  <c r="AE127422" i="1"/>
  <c r="AE127423" i="1"/>
  <c r="AE127424" i="1"/>
  <c r="AE127425" i="1"/>
  <c r="AE127426" i="1"/>
  <c r="AE127427" i="1"/>
  <c r="AE127428" i="1"/>
  <c r="AE127429" i="1"/>
  <c r="AE127430" i="1"/>
  <c r="AE127431" i="1"/>
  <c r="AE127432" i="1"/>
  <c r="AE127433" i="1"/>
  <c r="AE127434" i="1"/>
  <c r="AE127435" i="1"/>
  <c r="AE127436" i="1"/>
  <c r="AE127437" i="1"/>
  <c r="AE127438" i="1"/>
  <c r="AE127439" i="1"/>
  <c r="AE127440" i="1"/>
  <c r="AE127441" i="1"/>
  <c r="AE127442" i="1"/>
  <c r="AE127443" i="1"/>
  <c r="AE127444" i="1"/>
  <c r="AE127445" i="1"/>
  <c r="AE127446" i="1"/>
  <c r="AE127447" i="1"/>
  <c r="AE127448" i="1"/>
  <c r="AE127449" i="1"/>
  <c r="AE127450" i="1"/>
  <c r="AE127451" i="1"/>
  <c r="AE127452" i="1"/>
  <c r="AE127453" i="1"/>
  <c r="AE127454" i="1"/>
  <c r="AE127455" i="1"/>
  <c r="AE127456" i="1"/>
  <c r="AE127457" i="1"/>
  <c r="AE127458" i="1"/>
  <c r="AE127459" i="1"/>
  <c r="AE127460" i="1"/>
  <c r="AE127461" i="1"/>
  <c r="AE127462" i="1"/>
  <c r="AE127463" i="1"/>
  <c r="AE127464" i="1"/>
  <c r="AE127465" i="1"/>
  <c r="AE127466" i="1"/>
  <c r="AE127467" i="1"/>
  <c r="AE127468" i="1"/>
  <c r="AE127469" i="1"/>
  <c r="AE127470" i="1"/>
  <c r="AE127471" i="1"/>
  <c r="AE127472" i="1"/>
  <c r="AE127473" i="1"/>
  <c r="AE127474" i="1"/>
  <c r="AE127475" i="1"/>
  <c r="AE127476" i="1"/>
  <c r="AE127477" i="1"/>
  <c r="AE127478" i="1"/>
  <c r="AE127479" i="1"/>
  <c r="AE127480" i="1"/>
  <c r="AE127481" i="1"/>
  <c r="AE127482" i="1"/>
  <c r="AE127483" i="1"/>
  <c r="AE127484" i="1"/>
  <c r="AE127485" i="1"/>
  <c r="AE127486" i="1"/>
  <c r="AE127487" i="1"/>
  <c r="AE127488" i="1"/>
  <c r="AE127489" i="1"/>
  <c r="AE127490" i="1"/>
  <c r="AE127491" i="1"/>
  <c r="AE127492" i="1"/>
  <c r="AE127493" i="1"/>
  <c r="AE127494" i="1"/>
  <c r="AE127495" i="1"/>
  <c r="AE127496" i="1"/>
  <c r="AE127497" i="1"/>
  <c r="AE127498" i="1"/>
  <c r="AE127499" i="1"/>
  <c r="AE127500" i="1"/>
  <c r="AE127501" i="1"/>
  <c r="AE127502" i="1"/>
  <c r="AE127503" i="1"/>
  <c r="AE127504" i="1"/>
  <c r="AE127505" i="1"/>
  <c r="AE127506" i="1"/>
  <c r="AE127507" i="1"/>
  <c r="AE127508" i="1"/>
  <c r="AE127509" i="1"/>
  <c r="AE127510" i="1"/>
  <c r="AE127511" i="1"/>
  <c r="AE127512" i="1"/>
  <c r="AE127513" i="1"/>
  <c r="AE127514" i="1"/>
  <c r="AE127515" i="1"/>
  <c r="AE127516" i="1"/>
  <c r="AE127517" i="1"/>
  <c r="AE127518" i="1"/>
  <c r="AE127519" i="1"/>
  <c r="AE127520" i="1"/>
  <c r="AE127521" i="1"/>
  <c r="AE127522" i="1"/>
  <c r="AE127523" i="1"/>
  <c r="AE127524" i="1"/>
  <c r="AE127525" i="1"/>
  <c r="AE127526" i="1"/>
  <c r="AE127527" i="1"/>
  <c r="AE127528" i="1"/>
  <c r="AE127529" i="1"/>
  <c r="AE127530" i="1"/>
  <c r="AE127531" i="1"/>
  <c r="AE127532" i="1"/>
  <c r="AE127533" i="1"/>
  <c r="AE127534" i="1"/>
  <c r="AE127535" i="1"/>
  <c r="AE127536" i="1"/>
  <c r="AE127537" i="1"/>
  <c r="AE127538" i="1"/>
  <c r="AE127539" i="1"/>
  <c r="AE127540" i="1"/>
  <c r="AE127541" i="1"/>
  <c r="AE127542" i="1"/>
  <c r="AE127543" i="1"/>
  <c r="AE127544" i="1"/>
  <c r="AE127545" i="1"/>
  <c r="AE127546" i="1"/>
  <c r="AE127547" i="1"/>
  <c r="AE127548" i="1"/>
  <c r="AE127549" i="1"/>
  <c r="AE127550" i="1"/>
  <c r="AE127551" i="1"/>
  <c r="AE127552" i="1"/>
  <c r="AE127553" i="1"/>
  <c r="AE127554" i="1"/>
  <c r="AE127555" i="1"/>
  <c r="AE127556" i="1"/>
  <c r="AE127557" i="1"/>
  <c r="AE127558" i="1"/>
  <c r="AE127559" i="1"/>
  <c r="AE127560" i="1"/>
  <c r="AE127561" i="1"/>
  <c r="AE127562" i="1"/>
  <c r="AE127563" i="1"/>
  <c r="AE127564" i="1"/>
  <c r="AE127565" i="1"/>
  <c r="AE127566" i="1"/>
  <c r="AE127567" i="1"/>
  <c r="AE127568" i="1"/>
  <c r="AE127569" i="1"/>
  <c r="AE127570" i="1"/>
  <c r="AE127571" i="1"/>
  <c r="AE127572" i="1"/>
  <c r="AE127573" i="1"/>
  <c r="AE127574" i="1"/>
  <c r="AE127575" i="1"/>
  <c r="AE127576" i="1"/>
  <c r="AE127577" i="1"/>
  <c r="AE127578" i="1"/>
  <c r="AE127579" i="1"/>
  <c r="AE127580" i="1"/>
  <c r="AE127581" i="1"/>
  <c r="AE127582" i="1"/>
  <c r="AE127583" i="1"/>
  <c r="AE127584" i="1"/>
  <c r="AE127585" i="1"/>
  <c r="AE127586" i="1"/>
  <c r="AE127587" i="1"/>
  <c r="AE127588" i="1"/>
  <c r="AE127589" i="1"/>
  <c r="AE127590" i="1"/>
  <c r="AE127591" i="1"/>
  <c r="AE127592" i="1"/>
  <c r="AE127593" i="1"/>
  <c r="AE127594" i="1"/>
  <c r="AE127595" i="1"/>
  <c r="AE127596" i="1"/>
  <c r="AE127597" i="1"/>
  <c r="AE127598" i="1"/>
  <c r="AE127599" i="1"/>
  <c r="AE127600" i="1"/>
  <c r="AE127601" i="1"/>
  <c r="AE127602" i="1"/>
  <c r="AE127603" i="1"/>
  <c r="AE127604" i="1"/>
  <c r="AE127605" i="1"/>
  <c r="AE127606" i="1"/>
  <c r="AE127607" i="1"/>
  <c r="AE127608" i="1"/>
  <c r="AE127609" i="1"/>
  <c r="AE127610" i="1"/>
  <c r="AE127611" i="1"/>
  <c r="AE127612" i="1"/>
  <c r="AE127613" i="1"/>
  <c r="AE127614" i="1"/>
  <c r="AE127615" i="1"/>
  <c r="AE127616" i="1"/>
  <c r="AE127617" i="1"/>
  <c r="AE127618" i="1"/>
  <c r="AE127619" i="1"/>
  <c r="AE127620" i="1"/>
  <c r="AE127621" i="1"/>
  <c r="AE127622" i="1"/>
  <c r="AE127623" i="1"/>
  <c r="AE127624" i="1"/>
  <c r="AE127625" i="1"/>
  <c r="AE127626" i="1"/>
  <c r="AE127627" i="1"/>
  <c r="AE127628" i="1"/>
  <c r="AE127629" i="1"/>
  <c r="AE127630" i="1"/>
  <c r="AE127631" i="1"/>
  <c r="AE127632" i="1"/>
  <c r="AE127633" i="1"/>
  <c r="AE127634" i="1"/>
  <c r="AE127635" i="1"/>
  <c r="AE127636" i="1"/>
  <c r="AE127637" i="1"/>
  <c r="AE127638" i="1"/>
  <c r="AE127639" i="1"/>
  <c r="AE127640" i="1"/>
  <c r="AE127641" i="1"/>
  <c r="AE127642" i="1"/>
  <c r="AE127643" i="1"/>
  <c r="AE127644" i="1"/>
  <c r="AE127645" i="1"/>
  <c r="AE127646" i="1"/>
  <c r="AE127647" i="1"/>
  <c r="AE127648" i="1"/>
  <c r="AE127649" i="1"/>
  <c r="AE127650" i="1"/>
  <c r="AE127651" i="1"/>
  <c r="AE127652" i="1"/>
  <c r="AE127653" i="1"/>
  <c r="AE127654" i="1"/>
  <c r="AE127655" i="1"/>
  <c r="AE127656" i="1"/>
  <c r="AE127657" i="1"/>
  <c r="AE127658" i="1"/>
  <c r="AE127659" i="1"/>
  <c r="AE127660" i="1"/>
  <c r="AE127661" i="1"/>
  <c r="AE127662" i="1"/>
  <c r="AE127663" i="1"/>
  <c r="AE127664" i="1"/>
  <c r="AE127665" i="1"/>
  <c r="AE127666" i="1"/>
  <c r="AE127667" i="1"/>
  <c r="AE127668" i="1"/>
  <c r="AE127669" i="1"/>
  <c r="AE127670" i="1"/>
  <c r="AE127671" i="1"/>
  <c r="AE127672" i="1"/>
  <c r="AE127673" i="1"/>
  <c r="AE127674" i="1"/>
  <c r="AE127675" i="1"/>
  <c r="AE127676" i="1"/>
  <c r="AE127677" i="1"/>
  <c r="AE127678" i="1"/>
  <c r="AE127679" i="1"/>
  <c r="AE127680" i="1"/>
  <c r="AE127681" i="1"/>
  <c r="AE127682" i="1"/>
  <c r="AE127683" i="1"/>
  <c r="AE127684" i="1"/>
  <c r="AE127685" i="1"/>
  <c r="AE127686" i="1"/>
  <c r="AE127687" i="1"/>
  <c r="AE127688" i="1"/>
  <c r="AE127689" i="1"/>
  <c r="AE127690" i="1"/>
  <c r="AE127691" i="1"/>
  <c r="AE127692" i="1"/>
  <c r="AE127693" i="1"/>
  <c r="AE127694" i="1"/>
  <c r="AE127695" i="1"/>
  <c r="AE127696" i="1"/>
  <c r="AE127697" i="1"/>
  <c r="AE127698" i="1"/>
  <c r="AE127699" i="1"/>
  <c r="AE127700" i="1"/>
  <c r="AE127701" i="1"/>
  <c r="AE127702" i="1"/>
  <c r="AE127703" i="1"/>
  <c r="AE127704" i="1"/>
  <c r="AE127705" i="1"/>
  <c r="AE127706" i="1"/>
  <c r="AE127707" i="1"/>
  <c r="AE127708" i="1"/>
  <c r="AE127709" i="1"/>
  <c r="AE127710" i="1"/>
  <c r="AE127711" i="1"/>
  <c r="AE127712" i="1"/>
  <c r="AE127713" i="1"/>
  <c r="AE127714" i="1"/>
  <c r="AE127715" i="1"/>
  <c r="AE127716" i="1"/>
  <c r="AE127717" i="1"/>
  <c r="AE127718" i="1"/>
  <c r="AE127719" i="1"/>
  <c r="AE127720" i="1"/>
  <c r="AE127721" i="1"/>
  <c r="AE127722" i="1"/>
  <c r="AE127723" i="1"/>
  <c r="AE127724" i="1"/>
  <c r="AE127725" i="1"/>
  <c r="AE127726" i="1"/>
  <c r="AE127727" i="1"/>
  <c r="AE127728" i="1"/>
  <c r="AE127729" i="1"/>
  <c r="AE127730" i="1"/>
  <c r="AE127731" i="1"/>
  <c r="AE127732" i="1"/>
  <c r="AE127733" i="1"/>
  <c r="AE127734" i="1"/>
  <c r="AE127735" i="1"/>
  <c r="AE127736" i="1"/>
  <c r="AE127737" i="1"/>
  <c r="AE127738" i="1"/>
  <c r="AE127739" i="1"/>
  <c r="AE127740" i="1"/>
  <c r="AE127741" i="1"/>
  <c r="AE127742" i="1"/>
  <c r="AE127743" i="1"/>
  <c r="AE127744" i="1"/>
  <c r="AE127745" i="1"/>
  <c r="AE127746" i="1"/>
  <c r="AE127747" i="1"/>
  <c r="AE127748" i="1"/>
  <c r="AE127749" i="1"/>
  <c r="AE127750" i="1"/>
  <c r="AE127751" i="1"/>
  <c r="AE127752" i="1"/>
  <c r="AE127753" i="1"/>
  <c r="AE127754" i="1"/>
  <c r="AE127755" i="1"/>
  <c r="AE127756" i="1"/>
  <c r="AE127757" i="1"/>
  <c r="AE127758" i="1"/>
  <c r="AE127759" i="1"/>
  <c r="AE127760" i="1"/>
  <c r="AE127761" i="1"/>
  <c r="AE127762" i="1"/>
  <c r="AE127763" i="1"/>
  <c r="AE127764" i="1"/>
  <c r="AE127765" i="1"/>
  <c r="AE127766" i="1"/>
  <c r="AE127767" i="1"/>
  <c r="AE127768" i="1"/>
  <c r="AE127769" i="1"/>
  <c r="AE127770" i="1"/>
  <c r="AE127771" i="1"/>
  <c r="AE127772" i="1"/>
  <c r="AE127773" i="1"/>
  <c r="AE127774" i="1"/>
  <c r="AE127775" i="1"/>
  <c r="AE127776" i="1"/>
  <c r="AE127777" i="1"/>
  <c r="AE127778" i="1"/>
  <c r="AE127779" i="1"/>
  <c r="AE127780" i="1"/>
  <c r="AE127781" i="1"/>
  <c r="AE127782" i="1"/>
  <c r="AE127783" i="1"/>
  <c r="AE127784" i="1"/>
  <c r="AE127785" i="1"/>
  <c r="AE127786" i="1"/>
  <c r="AE127787" i="1"/>
  <c r="AE127788" i="1"/>
  <c r="AE127789" i="1"/>
  <c r="AE127790" i="1"/>
  <c r="AE127791" i="1"/>
  <c r="AE127792" i="1"/>
  <c r="AE127793" i="1"/>
  <c r="AE127794" i="1"/>
  <c r="AE127795" i="1"/>
  <c r="AE127796" i="1"/>
  <c r="AE127797" i="1"/>
  <c r="AE127798" i="1"/>
  <c r="AE127799" i="1"/>
  <c r="AE127800" i="1"/>
  <c r="AE127801" i="1"/>
  <c r="AE127802" i="1"/>
  <c r="AE127803" i="1"/>
  <c r="AE127804" i="1"/>
  <c r="AE127805" i="1"/>
  <c r="AE127806" i="1"/>
  <c r="AE127807" i="1"/>
  <c r="AE127808" i="1"/>
  <c r="AE127809" i="1"/>
  <c r="AE127810" i="1"/>
  <c r="AE127811" i="1"/>
  <c r="AE127812" i="1"/>
  <c r="AE127813" i="1"/>
  <c r="AE127814" i="1"/>
  <c r="AE127815" i="1"/>
  <c r="AE127816" i="1"/>
  <c r="AE127817" i="1"/>
  <c r="AE127818" i="1"/>
  <c r="AE127819" i="1"/>
  <c r="AE127820" i="1"/>
  <c r="AE127821" i="1"/>
  <c r="AE127822" i="1"/>
  <c r="AE127823" i="1"/>
  <c r="AE127824" i="1"/>
  <c r="AE127825" i="1"/>
  <c r="AE127826" i="1"/>
  <c r="AE127827" i="1"/>
  <c r="AE127828" i="1"/>
  <c r="AE127829" i="1"/>
  <c r="AE127830" i="1"/>
  <c r="AE127831" i="1"/>
  <c r="AE127832" i="1"/>
  <c r="AE127833" i="1"/>
  <c r="AE127834" i="1"/>
  <c r="AE127835" i="1"/>
  <c r="AE127836" i="1"/>
  <c r="AE127837" i="1"/>
  <c r="AE127838" i="1"/>
  <c r="AE127839" i="1"/>
  <c r="AE127840" i="1"/>
  <c r="AE127841" i="1"/>
  <c r="AE127842" i="1"/>
  <c r="AE127843" i="1"/>
  <c r="AE127844" i="1"/>
  <c r="AE127845" i="1"/>
  <c r="AE127846" i="1"/>
  <c r="AE127847" i="1"/>
  <c r="AE127848" i="1"/>
  <c r="AE127849" i="1"/>
  <c r="AE127850" i="1"/>
  <c r="AE127851" i="1"/>
  <c r="AE127852" i="1"/>
  <c r="AE127853" i="1"/>
  <c r="AE127854" i="1"/>
  <c r="AE127855" i="1"/>
  <c r="AE127856" i="1"/>
  <c r="AE127857" i="1"/>
  <c r="AE127858" i="1"/>
  <c r="AE127859" i="1"/>
  <c r="AE127860" i="1"/>
  <c r="AE127861" i="1"/>
  <c r="AE127862" i="1"/>
  <c r="AE127863" i="1"/>
  <c r="AE127864" i="1"/>
  <c r="AE127865" i="1"/>
  <c r="AE127866" i="1"/>
  <c r="AE127867" i="1"/>
  <c r="AE127868" i="1"/>
  <c r="AE127869" i="1"/>
  <c r="AE127870" i="1"/>
  <c r="AE127871" i="1"/>
  <c r="AE127872" i="1"/>
  <c r="AE127873" i="1"/>
  <c r="AE127874" i="1"/>
  <c r="AE127875" i="1"/>
  <c r="AE127876" i="1"/>
  <c r="AE127877" i="1"/>
  <c r="AE127878" i="1"/>
  <c r="AE127879" i="1"/>
  <c r="AE127880" i="1"/>
  <c r="AE127881" i="1"/>
  <c r="AE127882" i="1"/>
  <c r="AE127883" i="1"/>
  <c r="AE127884" i="1"/>
  <c r="AE127885" i="1"/>
  <c r="AE127886" i="1"/>
  <c r="AE127887" i="1"/>
  <c r="AE127888" i="1"/>
  <c r="AE127889" i="1"/>
  <c r="AE127890" i="1"/>
  <c r="AE127891" i="1"/>
  <c r="AE127892" i="1"/>
  <c r="AE127893" i="1"/>
  <c r="AE127894" i="1"/>
  <c r="AE127895" i="1"/>
  <c r="AE127896" i="1"/>
  <c r="AE127897" i="1"/>
  <c r="AE127898" i="1"/>
  <c r="AE127899" i="1"/>
  <c r="AE127900" i="1"/>
  <c r="AE127901" i="1"/>
  <c r="AE127902" i="1"/>
  <c r="AE127903" i="1"/>
  <c r="AE127904" i="1"/>
  <c r="AE127905" i="1"/>
  <c r="AE127906" i="1"/>
  <c r="AE127907" i="1"/>
  <c r="AE127908" i="1"/>
  <c r="AE127909" i="1"/>
  <c r="AE127910" i="1"/>
  <c r="AE127911" i="1"/>
  <c r="AE127912" i="1"/>
  <c r="AE127913" i="1"/>
  <c r="AE127914" i="1"/>
  <c r="AE127915" i="1"/>
  <c r="AE127916" i="1"/>
  <c r="AE127917" i="1"/>
  <c r="AE127918" i="1"/>
  <c r="AE127919" i="1"/>
  <c r="AE127920" i="1"/>
  <c r="AE127921" i="1"/>
  <c r="AE127922" i="1"/>
  <c r="AE127923" i="1"/>
  <c r="AE127924" i="1"/>
  <c r="AE127925" i="1"/>
  <c r="AE127926" i="1"/>
  <c r="AE127927" i="1"/>
  <c r="AE127928" i="1"/>
  <c r="AE127929" i="1"/>
  <c r="AE127930" i="1"/>
  <c r="AE127931" i="1"/>
  <c r="AE127932" i="1"/>
  <c r="AE127933" i="1"/>
  <c r="AE127934" i="1"/>
  <c r="AE127935" i="1"/>
  <c r="AE127936" i="1"/>
  <c r="AE127937" i="1"/>
  <c r="AE127938" i="1"/>
  <c r="AE127939" i="1"/>
  <c r="AE127940" i="1"/>
  <c r="AE127941" i="1"/>
  <c r="AE127942" i="1"/>
  <c r="AE127943" i="1"/>
  <c r="AE127944" i="1"/>
  <c r="AE127945" i="1"/>
  <c r="AE127946" i="1"/>
  <c r="AE127947" i="1"/>
  <c r="AE127948" i="1"/>
  <c r="AE127949" i="1"/>
  <c r="AE127950" i="1"/>
  <c r="AE127951" i="1"/>
  <c r="AE127952" i="1"/>
  <c r="AE127953" i="1"/>
  <c r="AE127954" i="1"/>
  <c r="AE127955" i="1"/>
  <c r="AE127956" i="1"/>
  <c r="AE127957" i="1"/>
  <c r="AE127958" i="1"/>
  <c r="AE127959" i="1"/>
  <c r="AE127960" i="1"/>
  <c r="AE127961" i="1"/>
  <c r="AE127962" i="1"/>
  <c r="AE127963" i="1"/>
  <c r="AE127964" i="1"/>
  <c r="AE127965" i="1"/>
  <c r="AE127966" i="1"/>
  <c r="AE127967" i="1"/>
  <c r="AE127968" i="1"/>
  <c r="AE127969" i="1"/>
  <c r="AE127970" i="1"/>
  <c r="AE127971" i="1"/>
  <c r="AE127972" i="1"/>
  <c r="AE127973" i="1"/>
  <c r="AE127974" i="1"/>
  <c r="AE127975" i="1"/>
  <c r="AE127976" i="1"/>
  <c r="AE127977" i="1"/>
  <c r="AE127978" i="1"/>
  <c r="AE127979" i="1"/>
  <c r="AE127980" i="1"/>
  <c r="AE127981" i="1"/>
  <c r="AE127982" i="1"/>
  <c r="AE127983" i="1"/>
  <c r="AE127984" i="1"/>
  <c r="AE127985" i="1"/>
  <c r="AE127986" i="1"/>
  <c r="AE127987" i="1"/>
  <c r="AE127988" i="1"/>
  <c r="AE127989" i="1"/>
  <c r="AE127990" i="1"/>
  <c r="AE127991" i="1"/>
  <c r="AE127992" i="1"/>
  <c r="AE127993" i="1"/>
  <c r="AE127994" i="1"/>
  <c r="AE127995" i="1"/>
  <c r="AE127996" i="1"/>
  <c r="AE127997" i="1"/>
  <c r="AE127998" i="1"/>
  <c r="AE127999" i="1"/>
  <c r="AE128000" i="1"/>
  <c r="AE128001" i="1"/>
  <c r="AE128002" i="1"/>
  <c r="AE128003" i="1"/>
  <c r="AE128004" i="1"/>
  <c r="AE128005" i="1"/>
  <c r="AE128006" i="1"/>
  <c r="AE128007" i="1"/>
  <c r="AE128008" i="1"/>
  <c r="AE128009" i="1"/>
  <c r="AE128010" i="1"/>
  <c r="AE128011" i="1"/>
  <c r="AE128012" i="1"/>
  <c r="AE128013" i="1"/>
  <c r="AE128014" i="1"/>
  <c r="AE128015" i="1"/>
  <c r="AE128016" i="1"/>
  <c r="AE128017" i="1"/>
  <c r="AE128018" i="1"/>
  <c r="AE128019" i="1"/>
  <c r="AE128020" i="1"/>
  <c r="AE128021" i="1"/>
  <c r="AE128022" i="1"/>
  <c r="AE128023" i="1"/>
  <c r="AE128024" i="1"/>
  <c r="AE128025" i="1"/>
  <c r="AE128026" i="1"/>
  <c r="AE128027" i="1"/>
  <c r="AE128028" i="1"/>
  <c r="AE128029" i="1"/>
  <c r="AE128030" i="1"/>
  <c r="AE128031" i="1"/>
  <c r="AE128032" i="1"/>
  <c r="AE128033" i="1"/>
  <c r="AE128034" i="1"/>
  <c r="AE128035" i="1"/>
  <c r="AE128036" i="1"/>
  <c r="AE128037" i="1"/>
  <c r="AE128038" i="1"/>
  <c r="AE128039" i="1"/>
  <c r="AE128040" i="1"/>
  <c r="AE128041" i="1"/>
  <c r="AE128042" i="1"/>
  <c r="AE128043" i="1"/>
  <c r="AE128044" i="1"/>
  <c r="AE128045" i="1"/>
  <c r="AE128046" i="1"/>
  <c r="AE128047" i="1"/>
  <c r="AE128048" i="1"/>
  <c r="AE128049" i="1"/>
  <c r="AE128050" i="1"/>
  <c r="AE128051" i="1"/>
  <c r="AE128052" i="1"/>
  <c r="AE128053" i="1"/>
  <c r="AE128054" i="1"/>
  <c r="AE128055" i="1"/>
  <c r="AE128056" i="1"/>
  <c r="AE128057" i="1"/>
  <c r="AE128058" i="1"/>
  <c r="AE128059" i="1"/>
  <c r="AE128060" i="1"/>
  <c r="AE128061" i="1"/>
  <c r="AE128062" i="1"/>
  <c r="AE128063" i="1"/>
  <c r="AE128064" i="1"/>
  <c r="AE128065" i="1"/>
  <c r="AE128066" i="1"/>
  <c r="AE128067" i="1"/>
  <c r="AE128068" i="1"/>
  <c r="AE128069" i="1"/>
  <c r="AE128070" i="1"/>
  <c r="AE128071" i="1"/>
  <c r="AE128072" i="1"/>
  <c r="AE128073" i="1"/>
  <c r="AE128074" i="1"/>
  <c r="AE128075" i="1"/>
  <c r="AE128076" i="1"/>
  <c r="AE128077" i="1"/>
  <c r="AE128078" i="1"/>
  <c r="AE128079" i="1"/>
  <c r="AE128080" i="1"/>
  <c r="AE128081" i="1"/>
  <c r="AE128082" i="1"/>
  <c r="AE128083" i="1"/>
  <c r="AE128084" i="1"/>
  <c r="AE128085" i="1"/>
  <c r="AE128086" i="1"/>
  <c r="AE128087" i="1"/>
  <c r="AE128088" i="1"/>
  <c r="AE128089" i="1"/>
  <c r="AE128090" i="1"/>
  <c r="AE128091" i="1"/>
  <c r="AE128092" i="1"/>
  <c r="AE128093" i="1"/>
  <c r="AE128094" i="1"/>
  <c r="AE128095" i="1"/>
  <c r="AE128096" i="1"/>
  <c r="AE128097" i="1"/>
  <c r="AE128098" i="1"/>
  <c r="AE128099" i="1"/>
  <c r="AE128100" i="1"/>
  <c r="AE128101" i="1"/>
  <c r="AE128102" i="1"/>
  <c r="AE128103" i="1"/>
  <c r="AE128104" i="1"/>
  <c r="AE128105" i="1"/>
  <c r="AE128106" i="1"/>
  <c r="AE128107" i="1"/>
  <c r="AE128108" i="1"/>
  <c r="AE128109" i="1"/>
  <c r="AE128110" i="1"/>
  <c r="AE128111" i="1"/>
  <c r="AE128112" i="1"/>
  <c r="AE128113" i="1"/>
  <c r="AE128114" i="1"/>
  <c r="AE128115" i="1"/>
  <c r="AE128116" i="1"/>
  <c r="AE128117" i="1"/>
  <c r="AE128118" i="1"/>
  <c r="AE128119" i="1"/>
  <c r="AE128120" i="1"/>
  <c r="AE128121" i="1"/>
  <c r="AE128122" i="1"/>
  <c r="AE128123" i="1"/>
  <c r="AE128124" i="1"/>
  <c r="AE128125" i="1"/>
  <c r="AE128126" i="1"/>
  <c r="AE128127" i="1"/>
  <c r="AE128128" i="1"/>
  <c r="AE128129" i="1"/>
  <c r="AE128130" i="1"/>
  <c r="AE128131" i="1"/>
  <c r="AE128132" i="1"/>
  <c r="AE128133" i="1"/>
  <c r="AE128134" i="1"/>
  <c r="AE128135" i="1"/>
  <c r="AE128136" i="1"/>
  <c r="AE128137" i="1"/>
  <c r="AE128138" i="1"/>
  <c r="AE128139" i="1"/>
  <c r="AE128140" i="1"/>
  <c r="AE128141" i="1"/>
  <c r="AE128142" i="1"/>
  <c r="AE128143" i="1"/>
  <c r="AE128144" i="1"/>
  <c r="AE128145" i="1"/>
  <c r="AE128146" i="1"/>
  <c r="AE128147" i="1"/>
  <c r="AE128148" i="1"/>
  <c r="AE128149" i="1"/>
  <c r="AE128150" i="1"/>
  <c r="AE128151" i="1"/>
  <c r="AE128152" i="1"/>
  <c r="AE128153" i="1"/>
  <c r="AE128154" i="1"/>
  <c r="AE128155" i="1"/>
  <c r="AE128156" i="1"/>
  <c r="AE128157" i="1"/>
  <c r="AE128158" i="1"/>
  <c r="AE128159" i="1"/>
  <c r="AE128160" i="1"/>
  <c r="AE128161" i="1"/>
  <c r="AE128162" i="1"/>
  <c r="AE128163" i="1"/>
  <c r="AE128164" i="1"/>
  <c r="AE128165" i="1"/>
  <c r="AE128166" i="1"/>
  <c r="AE128167" i="1"/>
  <c r="AE128168" i="1"/>
  <c r="AE128169" i="1"/>
  <c r="AE128170" i="1"/>
  <c r="AE128171" i="1"/>
  <c r="AE128172" i="1"/>
  <c r="AE128173" i="1"/>
  <c r="AE128174" i="1"/>
  <c r="AE128175" i="1"/>
  <c r="AE128176" i="1"/>
  <c r="AE128177" i="1"/>
  <c r="AE128178" i="1"/>
  <c r="AE128179" i="1"/>
  <c r="AE128180" i="1"/>
  <c r="AE128181" i="1"/>
  <c r="AE128182" i="1"/>
  <c r="AE128183" i="1"/>
  <c r="AE128184" i="1"/>
  <c r="AE128185" i="1"/>
  <c r="AE128186" i="1"/>
  <c r="AE128187" i="1"/>
  <c r="AE128188" i="1"/>
  <c r="AE128189" i="1"/>
  <c r="AE128190" i="1"/>
  <c r="AE128191" i="1"/>
  <c r="AE128192" i="1"/>
  <c r="AE128193" i="1"/>
  <c r="AE128194" i="1"/>
  <c r="AE128195" i="1"/>
  <c r="AE128196" i="1"/>
  <c r="AE128197" i="1"/>
  <c r="AE128198" i="1"/>
  <c r="AE128199" i="1"/>
  <c r="AE128200" i="1"/>
  <c r="AE128201" i="1"/>
  <c r="AE128202" i="1"/>
  <c r="AE128203" i="1"/>
  <c r="AE128204" i="1"/>
  <c r="AE128205" i="1"/>
  <c r="AE128206" i="1"/>
  <c r="AE128207" i="1"/>
  <c r="AE128208" i="1"/>
  <c r="AE128209" i="1"/>
  <c r="AE128210" i="1"/>
  <c r="AE128211" i="1"/>
  <c r="AE128212" i="1"/>
  <c r="AE128213" i="1"/>
  <c r="AE128214" i="1"/>
  <c r="AE128215" i="1"/>
  <c r="AE128216" i="1"/>
  <c r="AE128217" i="1"/>
  <c r="AE128218" i="1"/>
  <c r="AE128219" i="1"/>
  <c r="AE128220" i="1"/>
  <c r="AE128221" i="1"/>
  <c r="AE128222" i="1"/>
  <c r="AE128223" i="1"/>
  <c r="AE128224" i="1"/>
  <c r="AE128225" i="1"/>
  <c r="AE128226" i="1"/>
  <c r="AE128227" i="1"/>
  <c r="AE128228" i="1"/>
  <c r="AE128229" i="1"/>
  <c r="AE128230" i="1"/>
  <c r="AE128231" i="1"/>
  <c r="AE128232" i="1"/>
  <c r="AE128233" i="1"/>
  <c r="AE128234" i="1"/>
  <c r="AE128235" i="1"/>
  <c r="AE128236" i="1"/>
  <c r="AE128237" i="1"/>
  <c r="AE128238" i="1"/>
  <c r="AE128239" i="1"/>
  <c r="AE128240" i="1"/>
  <c r="AE128241" i="1"/>
  <c r="AE128242" i="1"/>
  <c r="AE128243" i="1"/>
  <c r="AE128244" i="1"/>
  <c r="AE128245" i="1"/>
  <c r="AE128246" i="1"/>
  <c r="AE128247" i="1"/>
  <c r="AE128248" i="1"/>
  <c r="AE128249" i="1"/>
  <c r="AE128250" i="1"/>
  <c r="AE128251" i="1"/>
  <c r="AE128252" i="1"/>
  <c r="AE128253" i="1"/>
  <c r="AE128254" i="1"/>
  <c r="AE128255" i="1"/>
  <c r="AE128256" i="1"/>
  <c r="AE128257" i="1"/>
  <c r="AE128258" i="1"/>
  <c r="AE128259" i="1"/>
  <c r="AE128260" i="1"/>
  <c r="AE128261" i="1"/>
  <c r="AE128262" i="1"/>
  <c r="AE128263" i="1"/>
  <c r="AE128264" i="1"/>
  <c r="AE128265" i="1"/>
  <c r="AE128266" i="1"/>
  <c r="AE128267" i="1"/>
  <c r="AE128268" i="1"/>
  <c r="AE128269" i="1"/>
  <c r="AE128270" i="1"/>
  <c r="AE128271" i="1"/>
  <c r="AE128272" i="1"/>
  <c r="AE128273" i="1"/>
  <c r="AE128274" i="1"/>
  <c r="AE128275" i="1"/>
  <c r="AE128276" i="1"/>
  <c r="AE128277" i="1"/>
  <c r="AE128278" i="1"/>
  <c r="AE128279" i="1"/>
  <c r="AE128280" i="1"/>
  <c r="AE128281" i="1"/>
  <c r="AE128282" i="1"/>
  <c r="AE128283" i="1"/>
  <c r="AE128284" i="1"/>
  <c r="AE128285" i="1"/>
  <c r="AE128286" i="1"/>
  <c r="AE128287" i="1"/>
  <c r="AE128288" i="1"/>
  <c r="AE128289" i="1"/>
  <c r="AE128290" i="1"/>
  <c r="AE128291" i="1"/>
  <c r="AE128292" i="1"/>
  <c r="AE128293" i="1"/>
  <c r="AE128294" i="1"/>
  <c r="AE128295" i="1"/>
  <c r="AE128296" i="1"/>
  <c r="AE128297" i="1"/>
  <c r="AE128298" i="1"/>
  <c r="AE128299" i="1"/>
  <c r="AE128300" i="1"/>
  <c r="AE128301" i="1"/>
  <c r="AE128302" i="1"/>
  <c r="AE128303" i="1"/>
  <c r="AE128304" i="1"/>
  <c r="AE128305" i="1"/>
  <c r="AE128306" i="1"/>
  <c r="AE128307" i="1"/>
  <c r="AE128308" i="1"/>
  <c r="AE128309" i="1"/>
  <c r="AE128310" i="1"/>
  <c r="AE128311" i="1"/>
  <c r="AE128312" i="1"/>
  <c r="AE128313" i="1"/>
  <c r="AE128314" i="1"/>
  <c r="AE128315" i="1"/>
  <c r="AE128316" i="1"/>
  <c r="AE128317" i="1"/>
  <c r="AE128318" i="1"/>
  <c r="AE128319" i="1"/>
  <c r="AE128320" i="1"/>
  <c r="AE128321" i="1"/>
  <c r="AE128322" i="1"/>
  <c r="AE128323" i="1"/>
  <c r="AE128324" i="1"/>
  <c r="AE128325" i="1"/>
  <c r="AE128326" i="1"/>
  <c r="AE128327" i="1"/>
  <c r="AE128328" i="1"/>
  <c r="AE128329" i="1"/>
  <c r="AE128330" i="1"/>
  <c r="AE128331" i="1"/>
  <c r="AE128332" i="1"/>
  <c r="AE128333" i="1"/>
  <c r="AE128334" i="1"/>
  <c r="AE128335" i="1"/>
  <c r="AE128336" i="1"/>
  <c r="AE128337" i="1"/>
  <c r="AE128338" i="1"/>
  <c r="AE128339" i="1"/>
  <c r="AE128340" i="1"/>
  <c r="AE128341" i="1"/>
  <c r="AE128342" i="1"/>
  <c r="AE128343" i="1"/>
  <c r="AE128344" i="1"/>
  <c r="AE128345" i="1"/>
  <c r="AE128346" i="1"/>
  <c r="AE128347" i="1"/>
  <c r="AE128348" i="1"/>
  <c r="AE128349" i="1"/>
  <c r="AE128350" i="1"/>
  <c r="AE128351" i="1"/>
  <c r="AE128352" i="1"/>
  <c r="AE128353" i="1"/>
  <c r="AE128354" i="1"/>
  <c r="AE128355" i="1"/>
  <c r="AE128356" i="1"/>
  <c r="AE128357" i="1"/>
  <c r="AE128358" i="1"/>
  <c r="AE128359" i="1"/>
  <c r="AE128360" i="1"/>
  <c r="AE128361" i="1"/>
  <c r="AE128362" i="1"/>
  <c r="AE128363" i="1"/>
  <c r="AE128364" i="1"/>
  <c r="AE128365" i="1"/>
  <c r="AE128366" i="1"/>
  <c r="AE128367" i="1"/>
  <c r="AE128368" i="1"/>
  <c r="AE128369" i="1"/>
  <c r="AE128370" i="1"/>
  <c r="AE128371" i="1"/>
  <c r="AE128372" i="1"/>
  <c r="AE128373" i="1"/>
  <c r="AE128374" i="1"/>
  <c r="AE128375" i="1"/>
  <c r="AE128376" i="1"/>
  <c r="AE128377" i="1"/>
  <c r="AE128378" i="1"/>
  <c r="AE128379" i="1"/>
  <c r="AE128380" i="1"/>
  <c r="AE128381" i="1"/>
  <c r="AE128382" i="1"/>
  <c r="AE128383" i="1"/>
  <c r="AE128384" i="1"/>
  <c r="AE128385" i="1"/>
  <c r="AE128386" i="1"/>
  <c r="AE128387" i="1"/>
  <c r="AE128388" i="1"/>
  <c r="AE128389" i="1"/>
  <c r="AE128390" i="1"/>
  <c r="AE128391" i="1"/>
  <c r="AE128392" i="1"/>
  <c r="AE128393" i="1"/>
  <c r="AE128394" i="1"/>
  <c r="AE128395" i="1"/>
  <c r="AE128396" i="1"/>
  <c r="AE128397" i="1"/>
  <c r="AE128398" i="1"/>
  <c r="AE128399" i="1"/>
  <c r="AE128400" i="1"/>
  <c r="AE128401" i="1"/>
  <c r="AE128402" i="1"/>
  <c r="AE128403" i="1"/>
  <c r="AE128404" i="1"/>
  <c r="AE128405" i="1"/>
  <c r="AE128406" i="1"/>
  <c r="AE128407" i="1"/>
  <c r="AE128408" i="1"/>
  <c r="AE128409" i="1"/>
  <c r="AE128410" i="1"/>
  <c r="AE128411" i="1"/>
  <c r="AE128412" i="1"/>
  <c r="AE128413" i="1"/>
  <c r="AE128414" i="1"/>
  <c r="AE128415" i="1"/>
  <c r="AE128416" i="1"/>
  <c r="AE128417" i="1"/>
  <c r="AE128418" i="1"/>
  <c r="AE128419" i="1"/>
  <c r="AE128420" i="1"/>
  <c r="AE128421" i="1"/>
  <c r="AE128422" i="1"/>
  <c r="AE128423" i="1"/>
  <c r="AE128424" i="1"/>
  <c r="AE128425" i="1"/>
  <c r="AE128426" i="1"/>
  <c r="AE128427" i="1"/>
  <c r="AE128428" i="1"/>
  <c r="AE128429" i="1"/>
  <c r="AE128430" i="1"/>
  <c r="AE128431" i="1"/>
  <c r="AE128432" i="1"/>
  <c r="AE128433" i="1"/>
  <c r="AE128434" i="1"/>
  <c r="AE128435" i="1"/>
  <c r="AE128436" i="1"/>
  <c r="AE128437" i="1"/>
  <c r="AE128438" i="1"/>
  <c r="AE128439" i="1"/>
  <c r="AE128440" i="1"/>
  <c r="AE128441" i="1"/>
  <c r="AE128442" i="1"/>
  <c r="AE128443" i="1"/>
  <c r="AE128444" i="1"/>
  <c r="AE128445" i="1"/>
  <c r="AE128446" i="1"/>
  <c r="AE128447" i="1"/>
  <c r="AE128448" i="1"/>
  <c r="AE128449" i="1"/>
  <c r="AE128450" i="1"/>
  <c r="AE128451" i="1"/>
  <c r="AE128452" i="1"/>
  <c r="AE128453" i="1"/>
  <c r="AE128454" i="1"/>
  <c r="AE128455" i="1"/>
  <c r="AE128456" i="1"/>
  <c r="AE128457" i="1"/>
  <c r="AE128458" i="1"/>
  <c r="AE128459" i="1"/>
  <c r="AE128460" i="1"/>
  <c r="AE128461" i="1"/>
  <c r="AE128462" i="1"/>
  <c r="AE128463" i="1"/>
  <c r="AE128464" i="1"/>
  <c r="AE128465" i="1"/>
  <c r="AE128466" i="1"/>
  <c r="AE128467" i="1"/>
  <c r="AE128468" i="1"/>
  <c r="AE128469" i="1"/>
  <c r="AE128470" i="1"/>
  <c r="AE128471" i="1"/>
  <c r="AE128472" i="1"/>
  <c r="AE128473" i="1"/>
  <c r="AE128474" i="1"/>
  <c r="AE128475" i="1"/>
  <c r="AE128476" i="1"/>
  <c r="AE128477" i="1"/>
  <c r="AE128478" i="1"/>
  <c r="AE128479" i="1"/>
  <c r="AE128480" i="1"/>
  <c r="AE128481" i="1"/>
  <c r="AE128482" i="1"/>
  <c r="AE128483" i="1"/>
  <c r="AE128484" i="1"/>
  <c r="AE128485" i="1"/>
  <c r="AE128486" i="1"/>
  <c r="AE128487" i="1"/>
  <c r="AE128488" i="1"/>
  <c r="AE128489" i="1"/>
  <c r="AE128490" i="1"/>
  <c r="AE128491" i="1"/>
  <c r="AE128492" i="1"/>
  <c r="AE128493" i="1"/>
  <c r="AE128494" i="1"/>
  <c r="AE128495" i="1"/>
  <c r="AE128496" i="1"/>
  <c r="AE128497" i="1"/>
  <c r="AE128498" i="1"/>
  <c r="AE128499" i="1"/>
  <c r="AE128500" i="1"/>
  <c r="AE128501" i="1"/>
  <c r="AE128502" i="1"/>
  <c r="AE128503" i="1"/>
  <c r="AE128504" i="1"/>
  <c r="AE128505" i="1"/>
  <c r="AE128506" i="1"/>
  <c r="AE128507" i="1"/>
  <c r="AE128508" i="1"/>
  <c r="AE128509" i="1"/>
  <c r="AE128510" i="1"/>
  <c r="AE128511" i="1"/>
  <c r="AE128512" i="1"/>
  <c r="AE128513" i="1"/>
  <c r="AE128514" i="1"/>
  <c r="AE128515" i="1"/>
  <c r="AE128516" i="1"/>
  <c r="AE128517" i="1"/>
  <c r="AE128518" i="1"/>
  <c r="AE128519" i="1"/>
  <c r="AE128520" i="1"/>
  <c r="AE128521" i="1"/>
  <c r="AE128522" i="1"/>
  <c r="AE128523" i="1"/>
  <c r="AE128524" i="1"/>
  <c r="AE128525" i="1"/>
  <c r="AE128526" i="1"/>
  <c r="AE128527" i="1"/>
  <c r="AE128528" i="1"/>
  <c r="AE128529" i="1"/>
  <c r="AE128530" i="1"/>
  <c r="AE128531" i="1"/>
  <c r="AE128532" i="1"/>
  <c r="AE128533" i="1"/>
  <c r="AE128534" i="1"/>
  <c r="AE128535" i="1"/>
  <c r="AE128536" i="1"/>
  <c r="AE128537" i="1"/>
  <c r="AE128538" i="1"/>
  <c r="AE128539" i="1"/>
  <c r="AE128540" i="1"/>
  <c r="AE128541" i="1"/>
  <c r="AE128542" i="1"/>
  <c r="AE128543" i="1"/>
  <c r="AE128544" i="1"/>
  <c r="AE128545" i="1"/>
  <c r="AE128546" i="1"/>
  <c r="AE128547" i="1"/>
  <c r="AE128548" i="1"/>
  <c r="AE128549" i="1"/>
  <c r="AE128550" i="1"/>
  <c r="AE128551" i="1"/>
  <c r="AE128552" i="1"/>
  <c r="AE128553" i="1"/>
  <c r="AE128554" i="1"/>
  <c r="AE128555" i="1"/>
  <c r="AE128556" i="1"/>
  <c r="AE128557" i="1"/>
  <c r="AE128558" i="1"/>
  <c r="AE128559" i="1"/>
  <c r="AE128560" i="1"/>
  <c r="AE128561" i="1"/>
  <c r="AE128562" i="1"/>
  <c r="AE128563" i="1"/>
  <c r="AE128564" i="1"/>
  <c r="AE128565" i="1"/>
  <c r="AE128566" i="1"/>
  <c r="AE128567" i="1"/>
  <c r="AE128568" i="1"/>
  <c r="AE128569" i="1"/>
  <c r="AE128570" i="1"/>
  <c r="AE128571" i="1"/>
  <c r="AE128572" i="1"/>
  <c r="AE128573" i="1"/>
  <c r="AE128574" i="1"/>
  <c r="AE128575" i="1"/>
  <c r="AE128576" i="1"/>
  <c r="AE128577" i="1"/>
  <c r="AE128578" i="1"/>
  <c r="AE128579" i="1"/>
  <c r="AE128580" i="1"/>
  <c r="AE128581" i="1"/>
  <c r="AE128582" i="1"/>
  <c r="AE128583" i="1"/>
  <c r="AE128584" i="1"/>
  <c r="AE128585" i="1"/>
  <c r="AE128586" i="1"/>
  <c r="AE128587" i="1"/>
  <c r="AE128588" i="1"/>
  <c r="AE128589" i="1"/>
  <c r="AE128590" i="1"/>
  <c r="AE128591" i="1"/>
  <c r="AE128592" i="1"/>
  <c r="AE128593" i="1"/>
  <c r="AE128594" i="1"/>
  <c r="AE128595" i="1"/>
  <c r="AE128596" i="1"/>
  <c r="AE128597" i="1"/>
  <c r="AE128598" i="1"/>
  <c r="AE128599" i="1"/>
  <c r="AE128600" i="1"/>
  <c r="AE128601" i="1"/>
  <c r="AE128602" i="1"/>
  <c r="AE128603" i="1"/>
  <c r="AE128604" i="1"/>
  <c r="AE128605" i="1"/>
  <c r="AE128606" i="1"/>
  <c r="AE128607" i="1"/>
  <c r="AE128608" i="1"/>
  <c r="AE128609" i="1"/>
  <c r="AE128610" i="1"/>
  <c r="AE128611" i="1"/>
  <c r="AE128612" i="1"/>
  <c r="AE128613" i="1"/>
  <c r="AE128614" i="1"/>
  <c r="AE128615" i="1"/>
  <c r="AE128616" i="1"/>
  <c r="AE128617" i="1"/>
  <c r="AE128618" i="1"/>
  <c r="AE128619" i="1"/>
  <c r="AE128620" i="1"/>
  <c r="AE128621" i="1"/>
  <c r="AE128622" i="1"/>
  <c r="AE128623" i="1"/>
  <c r="AE128624" i="1"/>
  <c r="AE128625" i="1"/>
  <c r="AE128626" i="1"/>
  <c r="AE128627" i="1"/>
  <c r="AE128628" i="1"/>
  <c r="AE128629" i="1"/>
  <c r="AE128630" i="1"/>
  <c r="AE128631" i="1"/>
  <c r="AE128632" i="1"/>
  <c r="AE128633" i="1"/>
  <c r="AE128634" i="1"/>
  <c r="AE128635" i="1"/>
  <c r="AE128636" i="1"/>
  <c r="AE128637" i="1"/>
  <c r="AE128638" i="1"/>
  <c r="AE128639" i="1"/>
  <c r="AE128640" i="1"/>
  <c r="AE128641" i="1"/>
  <c r="AE128642" i="1"/>
  <c r="AE128643" i="1"/>
  <c r="AE128644" i="1"/>
  <c r="AE128645" i="1"/>
  <c r="AE128646" i="1"/>
  <c r="AE128647" i="1"/>
  <c r="AE128648" i="1"/>
  <c r="AE128649" i="1"/>
  <c r="AE128650" i="1"/>
  <c r="AE128651" i="1"/>
  <c r="AE128652" i="1"/>
  <c r="AE128653" i="1"/>
  <c r="AE128654" i="1"/>
  <c r="AE128655" i="1"/>
  <c r="AE128656" i="1"/>
  <c r="AE128657" i="1"/>
  <c r="AE128658" i="1"/>
  <c r="AE128659" i="1"/>
  <c r="AE128660" i="1"/>
  <c r="AE128661" i="1"/>
  <c r="AE128662" i="1"/>
  <c r="AE128663" i="1"/>
  <c r="AE128664" i="1"/>
  <c r="AE128665" i="1"/>
  <c r="AE128666" i="1"/>
  <c r="AE128667" i="1"/>
  <c r="AE128668" i="1"/>
  <c r="AE128669" i="1"/>
  <c r="AE128670" i="1"/>
  <c r="AE128671" i="1"/>
  <c r="AE128672" i="1"/>
  <c r="AE128673" i="1"/>
  <c r="AE128674" i="1"/>
  <c r="AE128675" i="1"/>
  <c r="AE128676" i="1"/>
  <c r="AE128677" i="1"/>
  <c r="AE128678" i="1"/>
  <c r="AE128679" i="1"/>
  <c r="AE128680" i="1"/>
  <c r="AE128681" i="1"/>
  <c r="AE128682" i="1"/>
  <c r="AE128683" i="1"/>
  <c r="AE128684" i="1"/>
  <c r="AE128685" i="1"/>
  <c r="AE128686" i="1"/>
  <c r="AE128687" i="1"/>
  <c r="AE128688" i="1"/>
  <c r="AE128689" i="1"/>
  <c r="AE128690" i="1"/>
  <c r="AE128691" i="1"/>
  <c r="AE128692" i="1"/>
  <c r="AE128693" i="1"/>
  <c r="AE128694" i="1"/>
  <c r="AE128695" i="1"/>
  <c r="AE128696" i="1"/>
  <c r="AE128697" i="1"/>
  <c r="AE128698" i="1"/>
  <c r="AE128699" i="1"/>
  <c r="AE128700" i="1"/>
  <c r="AE128701" i="1"/>
  <c r="AE128702" i="1"/>
  <c r="AE128703" i="1"/>
  <c r="AE128704" i="1"/>
  <c r="AE128705" i="1"/>
  <c r="AE128706" i="1"/>
  <c r="AE128707" i="1"/>
  <c r="AE128708" i="1"/>
  <c r="AE128709" i="1"/>
  <c r="AE128710" i="1"/>
  <c r="AE128711" i="1"/>
  <c r="AE128712" i="1"/>
  <c r="AE128713" i="1"/>
  <c r="AE128714" i="1"/>
  <c r="AE128715" i="1"/>
  <c r="AE128716" i="1"/>
  <c r="AE128717" i="1"/>
  <c r="AE128718" i="1"/>
  <c r="AE128719" i="1"/>
  <c r="AE128720" i="1"/>
  <c r="AE128721" i="1"/>
  <c r="AE128722" i="1"/>
  <c r="AE128723" i="1"/>
  <c r="AE128724" i="1"/>
  <c r="AE128725" i="1"/>
  <c r="AE128726" i="1"/>
  <c r="AE128727" i="1"/>
  <c r="AE128728" i="1"/>
  <c r="AE128729" i="1"/>
  <c r="AE128730" i="1"/>
  <c r="AE128731" i="1"/>
  <c r="AE128732" i="1"/>
  <c r="AE128733" i="1"/>
  <c r="AE128734" i="1"/>
  <c r="AE128735" i="1"/>
  <c r="AE128736" i="1"/>
  <c r="AE128737" i="1"/>
  <c r="AE128738" i="1"/>
  <c r="AE128739" i="1"/>
  <c r="AE128740" i="1"/>
  <c r="AE128741" i="1"/>
  <c r="AE128742" i="1"/>
  <c r="AE128743" i="1"/>
  <c r="AE128744" i="1"/>
  <c r="AE128745" i="1"/>
  <c r="AE128746" i="1"/>
  <c r="AE128747" i="1"/>
  <c r="AE128748" i="1"/>
  <c r="AE128749" i="1"/>
  <c r="AE128750" i="1"/>
  <c r="AE128751" i="1"/>
  <c r="AE128752" i="1"/>
  <c r="AE128753" i="1"/>
  <c r="AE128754" i="1"/>
  <c r="AE128755" i="1"/>
  <c r="AE128756" i="1"/>
  <c r="AE128757" i="1"/>
  <c r="AE128758" i="1"/>
  <c r="AE128759" i="1"/>
  <c r="AE128760" i="1"/>
  <c r="AE128761" i="1"/>
  <c r="AE128762" i="1"/>
  <c r="AE128763" i="1"/>
  <c r="AE128764" i="1"/>
  <c r="AE128765" i="1"/>
  <c r="AE128766" i="1"/>
  <c r="AE128767" i="1"/>
  <c r="AE128768" i="1"/>
  <c r="AE128769" i="1"/>
  <c r="AE128770" i="1"/>
  <c r="AE128771" i="1"/>
  <c r="AE128772" i="1"/>
  <c r="AE128773" i="1"/>
  <c r="AE128774" i="1"/>
  <c r="AE128775" i="1"/>
  <c r="AE128776" i="1"/>
  <c r="AE128777" i="1"/>
  <c r="AE128778" i="1"/>
  <c r="AE128779" i="1"/>
  <c r="AE128780" i="1"/>
  <c r="AE128781" i="1"/>
  <c r="AE128782" i="1"/>
  <c r="AE128783" i="1"/>
  <c r="AE128784" i="1"/>
  <c r="AE128785" i="1"/>
  <c r="AE128786" i="1"/>
  <c r="AE128787" i="1"/>
  <c r="AE128788" i="1"/>
  <c r="AE128789" i="1"/>
  <c r="AE128790" i="1"/>
  <c r="AE128791" i="1"/>
  <c r="AE128792" i="1"/>
  <c r="AE128793" i="1"/>
  <c r="AE128794" i="1"/>
  <c r="AE128795" i="1"/>
  <c r="AE128796" i="1"/>
  <c r="AE128797" i="1"/>
  <c r="AE128798" i="1"/>
  <c r="AE128799" i="1"/>
  <c r="AE128800" i="1"/>
  <c r="AE128801" i="1"/>
  <c r="AE128802" i="1"/>
  <c r="AE128803" i="1"/>
  <c r="AE128804" i="1"/>
  <c r="AE128805" i="1"/>
  <c r="AE128806" i="1"/>
  <c r="AE128807" i="1"/>
  <c r="AE128808" i="1"/>
  <c r="AE128809" i="1"/>
  <c r="AE128810" i="1"/>
  <c r="AE128811" i="1"/>
  <c r="AE128812" i="1"/>
  <c r="AE128813" i="1"/>
  <c r="AE128814" i="1"/>
  <c r="AE128815" i="1"/>
  <c r="AE128816" i="1"/>
  <c r="AE128817" i="1"/>
  <c r="AE128818" i="1"/>
  <c r="AE128819" i="1"/>
  <c r="AE128820" i="1"/>
  <c r="AE128821" i="1"/>
  <c r="AE128822" i="1"/>
  <c r="AE128823" i="1"/>
  <c r="AE128824" i="1"/>
  <c r="AE128825" i="1"/>
  <c r="AE128826" i="1"/>
  <c r="AE128827" i="1"/>
  <c r="AE128828" i="1"/>
  <c r="AE128829" i="1"/>
  <c r="AE128830" i="1"/>
  <c r="AE128831" i="1"/>
  <c r="AE128832" i="1"/>
  <c r="AE128833" i="1"/>
  <c r="AE128834" i="1"/>
  <c r="AE128835" i="1"/>
  <c r="AE128836" i="1"/>
  <c r="AE128837" i="1"/>
  <c r="AE128838" i="1"/>
  <c r="AE128839" i="1"/>
  <c r="AE128840" i="1"/>
  <c r="AE128841" i="1"/>
  <c r="AE128842" i="1"/>
  <c r="AE128843" i="1"/>
  <c r="AE128844" i="1"/>
  <c r="AE128845" i="1"/>
  <c r="AE128846" i="1"/>
  <c r="AE128847" i="1"/>
  <c r="AE128848" i="1"/>
  <c r="AE128849" i="1"/>
  <c r="AE128850" i="1"/>
  <c r="AE128851" i="1"/>
  <c r="AE128852" i="1"/>
  <c r="AE128853" i="1"/>
  <c r="AE128854" i="1"/>
  <c r="AE128855" i="1"/>
  <c r="AE128856" i="1"/>
  <c r="AE128857" i="1"/>
  <c r="AE128858" i="1"/>
  <c r="AE128859" i="1"/>
  <c r="AE128860" i="1"/>
  <c r="AE128861" i="1"/>
  <c r="AE128862" i="1"/>
  <c r="AE128863" i="1"/>
  <c r="AE128864" i="1"/>
  <c r="AE128865" i="1"/>
  <c r="AE128866" i="1"/>
  <c r="AE128867" i="1"/>
  <c r="AE128868" i="1"/>
  <c r="AE128869" i="1"/>
  <c r="AE128870" i="1"/>
  <c r="AE128871" i="1"/>
  <c r="AE128872" i="1"/>
  <c r="AE128873" i="1"/>
  <c r="AE128874" i="1"/>
  <c r="AE128875" i="1"/>
  <c r="AE128876" i="1"/>
  <c r="AE128877" i="1"/>
  <c r="AE128878" i="1"/>
  <c r="AE128879" i="1"/>
  <c r="AE128880" i="1"/>
  <c r="AE128881" i="1"/>
  <c r="AE128882" i="1"/>
  <c r="AE128883" i="1"/>
  <c r="AE128884" i="1"/>
  <c r="AE128885" i="1"/>
  <c r="AE128886" i="1"/>
  <c r="AE128887" i="1"/>
  <c r="AE128888" i="1"/>
  <c r="AE128889" i="1"/>
  <c r="AE128890" i="1"/>
  <c r="AE128891" i="1"/>
  <c r="AE128892" i="1"/>
  <c r="AE128893" i="1"/>
  <c r="AE128894" i="1"/>
  <c r="AE128895" i="1"/>
  <c r="AE128896" i="1"/>
  <c r="AE128897" i="1"/>
  <c r="AE128898" i="1"/>
  <c r="AE128899" i="1"/>
  <c r="AE128900" i="1"/>
  <c r="AE128901" i="1"/>
  <c r="AE128902" i="1"/>
  <c r="AE128903" i="1"/>
  <c r="AE128904" i="1"/>
  <c r="AE128905" i="1"/>
  <c r="AE128906" i="1"/>
  <c r="AE128907" i="1"/>
  <c r="AE128908" i="1"/>
  <c r="AE128909" i="1"/>
  <c r="AE128910" i="1"/>
  <c r="AE128911" i="1"/>
  <c r="AE128912" i="1"/>
  <c r="AE128913" i="1"/>
  <c r="AE128914" i="1"/>
  <c r="AE128915" i="1"/>
  <c r="AE128916" i="1"/>
  <c r="AE128917" i="1"/>
  <c r="AE128918" i="1"/>
  <c r="AE128919" i="1"/>
  <c r="AE128920" i="1"/>
  <c r="AE128921" i="1"/>
  <c r="AE128922" i="1"/>
  <c r="AE128923" i="1"/>
  <c r="AE128924" i="1"/>
  <c r="AE128925" i="1"/>
  <c r="AE128926" i="1"/>
  <c r="AE128927" i="1"/>
  <c r="AE128928" i="1"/>
  <c r="AE128929" i="1"/>
  <c r="AE128930" i="1"/>
  <c r="AE128931" i="1"/>
  <c r="AE128932" i="1"/>
  <c r="AE128933" i="1"/>
  <c r="AE128934" i="1"/>
  <c r="AE128935" i="1"/>
  <c r="AE128936" i="1"/>
  <c r="AE128937" i="1"/>
  <c r="AE128938" i="1"/>
  <c r="AE128939" i="1"/>
  <c r="AE128940" i="1"/>
  <c r="AE128941" i="1"/>
  <c r="AE128942" i="1"/>
  <c r="AE128943" i="1"/>
  <c r="AE128944" i="1"/>
  <c r="AE128945" i="1"/>
  <c r="AE128946" i="1"/>
  <c r="AE128947" i="1"/>
  <c r="AE128948" i="1"/>
  <c r="AE128949" i="1"/>
  <c r="AE128950" i="1"/>
  <c r="AE128951" i="1"/>
  <c r="AE128952" i="1"/>
  <c r="AE128953" i="1"/>
  <c r="AE128954" i="1"/>
  <c r="AE128955" i="1"/>
  <c r="AE128956" i="1"/>
  <c r="AE128957" i="1"/>
  <c r="AE128958" i="1"/>
  <c r="AE128959" i="1"/>
  <c r="AE128960" i="1"/>
  <c r="AE128961" i="1"/>
  <c r="AE128962" i="1"/>
  <c r="AE128963" i="1"/>
  <c r="AE128964" i="1"/>
  <c r="AE128965" i="1"/>
  <c r="AE128966" i="1"/>
  <c r="AE128967" i="1"/>
  <c r="AE128968" i="1"/>
  <c r="AE128969" i="1"/>
  <c r="AE128970" i="1"/>
  <c r="AE128971" i="1"/>
  <c r="AE128972" i="1"/>
  <c r="AE128973" i="1"/>
  <c r="AE128974" i="1"/>
  <c r="AE128975" i="1"/>
  <c r="AE128976" i="1"/>
  <c r="AE128977" i="1"/>
  <c r="AE128978" i="1"/>
  <c r="AE128979" i="1"/>
  <c r="AE128980" i="1"/>
  <c r="AE128981" i="1"/>
  <c r="AE128982" i="1"/>
  <c r="AE128983" i="1"/>
  <c r="AE128984" i="1"/>
  <c r="AE128985" i="1"/>
  <c r="AE128986" i="1"/>
  <c r="AE128987" i="1"/>
  <c r="AE128988" i="1"/>
  <c r="AE128989" i="1"/>
  <c r="AE128990" i="1"/>
  <c r="AE128991" i="1"/>
  <c r="AE128992" i="1"/>
  <c r="AE128993" i="1"/>
  <c r="AE128994" i="1"/>
  <c r="AE128995" i="1"/>
  <c r="AE128996" i="1"/>
  <c r="AE128997" i="1"/>
  <c r="AE128998" i="1"/>
  <c r="AE128999" i="1"/>
  <c r="AE129000" i="1"/>
  <c r="AE129001" i="1"/>
  <c r="AE129002" i="1"/>
  <c r="AE129003" i="1"/>
  <c r="AE129004" i="1"/>
  <c r="AE129005" i="1"/>
  <c r="AE129006" i="1"/>
  <c r="AE129007" i="1"/>
  <c r="AE129008" i="1"/>
  <c r="AE129009" i="1"/>
  <c r="AE129010" i="1"/>
  <c r="AE129011" i="1"/>
  <c r="AE129012" i="1"/>
  <c r="AE129013" i="1"/>
  <c r="AE129014" i="1"/>
  <c r="AE129015" i="1"/>
  <c r="AE129016" i="1"/>
  <c r="AE129017" i="1"/>
  <c r="AE129018" i="1"/>
  <c r="AE129019" i="1"/>
  <c r="AE129020" i="1"/>
  <c r="AE129021" i="1"/>
  <c r="AE129022" i="1"/>
  <c r="AE129023" i="1"/>
  <c r="AE129024" i="1"/>
  <c r="AE129025" i="1"/>
  <c r="AE129026" i="1"/>
  <c r="AE129027" i="1"/>
  <c r="AE129028" i="1"/>
  <c r="AE129029" i="1"/>
  <c r="AE129030" i="1"/>
  <c r="AE129031" i="1"/>
  <c r="AE129032" i="1"/>
  <c r="AE129033" i="1"/>
  <c r="AE129034" i="1"/>
  <c r="AE129035" i="1"/>
  <c r="AE129036" i="1"/>
  <c r="AE129037" i="1"/>
  <c r="AE129038" i="1"/>
  <c r="AE129039" i="1"/>
  <c r="AE129040" i="1"/>
  <c r="AE129041" i="1"/>
  <c r="AE129042" i="1"/>
  <c r="AE129043" i="1"/>
  <c r="AE129044" i="1"/>
  <c r="AE129045" i="1"/>
  <c r="AE129046" i="1"/>
  <c r="AE129047" i="1"/>
  <c r="AE129048" i="1"/>
  <c r="AE129049" i="1"/>
  <c r="AE129050" i="1"/>
  <c r="AE129051" i="1"/>
  <c r="AE129052" i="1"/>
  <c r="AE129053" i="1"/>
  <c r="AE129054" i="1"/>
  <c r="AE129055" i="1"/>
  <c r="AE129056" i="1"/>
  <c r="AE129057" i="1"/>
  <c r="AE129058" i="1"/>
  <c r="AE129059" i="1"/>
  <c r="AE129060" i="1"/>
  <c r="AE129061" i="1"/>
  <c r="AE129062" i="1"/>
  <c r="AE129063" i="1"/>
  <c r="AE129064" i="1"/>
  <c r="AE129065" i="1"/>
  <c r="AE129066" i="1"/>
  <c r="AE129067" i="1"/>
  <c r="AE129068" i="1"/>
  <c r="AE129069" i="1"/>
  <c r="AE129070" i="1"/>
  <c r="AE129071" i="1"/>
  <c r="AE129072" i="1"/>
  <c r="AE129073" i="1"/>
  <c r="AE129074" i="1"/>
  <c r="AE129075" i="1"/>
  <c r="AE129076" i="1"/>
  <c r="AE129077" i="1"/>
  <c r="AE129078" i="1"/>
  <c r="AE129079" i="1"/>
  <c r="AE129080" i="1"/>
  <c r="AE129081" i="1"/>
  <c r="AE129082" i="1"/>
  <c r="AE129083" i="1"/>
  <c r="AE129084" i="1"/>
  <c r="AE129085" i="1"/>
  <c r="AE129086" i="1"/>
  <c r="AE129087" i="1"/>
  <c r="AE129088" i="1"/>
  <c r="AE129089" i="1"/>
  <c r="AE129090" i="1"/>
  <c r="AE129091" i="1"/>
  <c r="AE129092" i="1"/>
  <c r="AE129093" i="1"/>
  <c r="AE129094" i="1"/>
  <c r="AE129095" i="1"/>
  <c r="AE129096" i="1"/>
  <c r="AE129097" i="1"/>
  <c r="AE129098" i="1"/>
  <c r="AE129099" i="1"/>
  <c r="AE129100" i="1"/>
  <c r="AE129101" i="1"/>
  <c r="AE129102" i="1"/>
  <c r="AE129103" i="1"/>
  <c r="AE129104" i="1"/>
  <c r="AE129105" i="1"/>
  <c r="AE129106" i="1"/>
  <c r="AE129107" i="1"/>
  <c r="AE129108" i="1"/>
  <c r="AE129109" i="1"/>
  <c r="AE129110" i="1"/>
  <c r="AE129111" i="1"/>
  <c r="AE129112" i="1"/>
  <c r="AE129113" i="1"/>
  <c r="AE129114" i="1"/>
  <c r="AE129115" i="1"/>
  <c r="AE129116" i="1"/>
  <c r="AE129117" i="1"/>
  <c r="AE129118" i="1"/>
  <c r="AE129119" i="1"/>
  <c r="AE129120" i="1"/>
  <c r="AE129121" i="1"/>
  <c r="AE129122" i="1"/>
  <c r="AE129123" i="1"/>
  <c r="AE129124" i="1"/>
  <c r="AE129125" i="1"/>
  <c r="AE129126" i="1"/>
  <c r="AE129127" i="1"/>
  <c r="AE129128" i="1"/>
  <c r="AE129129" i="1"/>
  <c r="AE129130" i="1"/>
  <c r="AE129131" i="1"/>
  <c r="AE129132" i="1"/>
  <c r="AE129133" i="1"/>
  <c r="AE129134" i="1"/>
  <c r="AE129135" i="1"/>
  <c r="AE129136" i="1"/>
  <c r="AE129137" i="1"/>
  <c r="AE129138" i="1"/>
  <c r="AE129139" i="1"/>
  <c r="AE129140" i="1"/>
  <c r="AE129141" i="1"/>
  <c r="AE129142" i="1"/>
  <c r="AE129143" i="1"/>
  <c r="AE129144" i="1"/>
  <c r="AE129145" i="1"/>
  <c r="AE129146" i="1"/>
  <c r="AE129147" i="1"/>
  <c r="AE129148" i="1"/>
  <c r="AE129149" i="1"/>
  <c r="AE129150" i="1"/>
  <c r="AE129151" i="1"/>
  <c r="AE129152" i="1"/>
  <c r="AE129153" i="1"/>
  <c r="AE129154" i="1"/>
  <c r="AE129155" i="1"/>
  <c r="AE129156" i="1"/>
  <c r="AE129157" i="1"/>
  <c r="AE129158" i="1"/>
  <c r="AE129159" i="1"/>
  <c r="AE129160" i="1"/>
  <c r="AE129161" i="1"/>
  <c r="AE129162" i="1"/>
  <c r="AE129163" i="1"/>
  <c r="AE129164" i="1"/>
  <c r="AE129165" i="1"/>
  <c r="AE129166" i="1"/>
  <c r="AE129167" i="1"/>
  <c r="AE129168" i="1"/>
  <c r="AE129169" i="1"/>
  <c r="AE129170" i="1"/>
  <c r="AE129171" i="1"/>
  <c r="AE129172" i="1"/>
  <c r="AE129173" i="1"/>
  <c r="AE129174" i="1"/>
  <c r="AE129175" i="1"/>
  <c r="AE129176" i="1"/>
  <c r="AE129177" i="1"/>
  <c r="AE129178" i="1"/>
  <c r="AE129179" i="1"/>
  <c r="AE129180" i="1"/>
  <c r="AE129181" i="1"/>
  <c r="AE129182" i="1"/>
  <c r="AE129183" i="1"/>
  <c r="AE129184" i="1"/>
  <c r="AE129185" i="1"/>
  <c r="AE129186" i="1"/>
  <c r="AE129187" i="1"/>
  <c r="AE129188" i="1"/>
  <c r="AE129189" i="1"/>
  <c r="AE129190" i="1"/>
  <c r="AE129191" i="1"/>
  <c r="AE129192" i="1"/>
  <c r="AE129193" i="1"/>
  <c r="AE129194" i="1"/>
  <c r="AE129195" i="1"/>
  <c r="AE129196" i="1"/>
  <c r="AE129197" i="1"/>
  <c r="AE129198" i="1"/>
  <c r="AE129199" i="1"/>
  <c r="AE129200" i="1"/>
  <c r="AE129201" i="1"/>
  <c r="AE129202" i="1"/>
  <c r="AE129203" i="1"/>
  <c r="AE129204" i="1"/>
  <c r="AE129205" i="1"/>
  <c r="AE129206" i="1"/>
  <c r="AE129207" i="1"/>
  <c r="AE129208" i="1"/>
  <c r="AE129209" i="1"/>
  <c r="AE129210" i="1"/>
  <c r="AE129211" i="1"/>
  <c r="AE129212" i="1"/>
  <c r="AE129213" i="1"/>
  <c r="AE129214" i="1"/>
  <c r="AE129215" i="1"/>
  <c r="AE129216" i="1"/>
  <c r="AE129217" i="1"/>
  <c r="AE129218" i="1"/>
  <c r="AE129219" i="1"/>
  <c r="AE129220" i="1"/>
  <c r="AE129221" i="1"/>
  <c r="AE129222" i="1"/>
  <c r="AE129223" i="1"/>
  <c r="AE129224" i="1"/>
  <c r="AE129225" i="1"/>
  <c r="AE129226" i="1"/>
  <c r="AE129227" i="1"/>
  <c r="AE129228" i="1"/>
  <c r="AE129229" i="1"/>
  <c r="AE129230" i="1"/>
  <c r="AE129231" i="1"/>
  <c r="AE129232" i="1"/>
  <c r="AE129233" i="1"/>
  <c r="AE129234" i="1"/>
  <c r="AE129235" i="1"/>
  <c r="AE129236" i="1"/>
  <c r="AE129237" i="1"/>
  <c r="AE129238" i="1"/>
  <c r="AE129239" i="1"/>
  <c r="AE129240" i="1"/>
  <c r="AE129241" i="1"/>
  <c r="AE129242" i="1"/>
  <c r="AE129243" i="1"/>
  <c r="AE129244" i="1"/>
  <c r="AE129245" i="1"/>
  <c r="AE129246" i="1"/>
  <c r="AE129247" i="1"/>
  <c r="AE129248" i="1"/>
  <c r="AE129249" i="1"/>
  <c r="AE129250" i="1"/>
  <c r="AE129251" i="1"/>
  <c r="AE129252" i="1"/>
  <c r="AE129253" i="1"/>
  <c r="AE129254" i="1"/>
  <c r="AE129255" i="1"/>
  <c r="AE129256" i="1"/>
  <c r="AE129257" i="1"/>
  <c r="AE129258" i="1"/>
  <c r="AE129259" i="1"/>
  <c r="AE129260" i="1"/>
  <c r="AE129261" i="1"/>
  <c r="AE129262" i="1"/>
  <c r="AE129263" i="1"/>
  <c r="AE129264" i="1"/>
  <c r="AE129265" i="1"/>
  <c r="AE129266" i="1"/>
  <c r="AE129267" i="1"/>
  <c r="AE129268" i="1"/>
  <c r="AE129269" i="1"/>
  <c r="AE129270" i="1"/>
  <c r="AE129271" i="1"/>
  <c r="AE129272" i="1"/>
  <c r="AE129273" i="1"/>
  <c r="AE129274" i="1"/>
  <c r="AE129275" i="1"/>
  <c r="AE129276" i="1"/>
  <c r="AE129277" i="1"/>
  <c r="AE129278" i="1"/>
  <c r="AE129279" i="1"/>
  <c r="AE129280" i="1"/>
  <c r="AE129281" i="1"/>
  <c r="AE129282" i="1"/>
  <c r="AE129283" i="1"/>
  <c r="AE129284" i="1"/>
  <c r="AE129285" i="1"/>
  <c r="AE129286" i="1"/>
  <c r="AE129287" i="1"/>
  <c r="AE129288" i="1"/>
  <c r="AE129289" i="1"/>
  <c r="AE129290" i="1"/>
  <c r="AE129291" i="1"/>
  <c r="AE129292" i="1"/>
  <c r="AE129293" i="1"/>
  <c r="AE129294" i="1"/>
  <c r="AE129295" i="1"/>
  <c r="AE129296" i="1"/>
  <c r="AE129297" i="1"/>
  <c r="AE129298" i="1"/>
  <c r="AE129299" i="1"/>
  <c r="AE129300" i="1"/>
  <c r="AE129301" i="1"/>
  <c r="AE129302" i="1"/>
  <c r="AE129303" i="1"/>
  <c r="AE129304" i="1"/>
  <c r="AE129305" i="1"/>
  <c r="AE129306" i="1"/>
  <c r="AE129307" i="1"/>
  <c r="AE129308" i="1"/>
  <c r="AE129309" i="1"/>
  <c r="AE129310" i="1"/>
  <c r="AE129311" i="1"/>
  <c r="AE129312" i="1"/>
  <c r="AE129313" i="1"/>
  <c r="AE129314" i="1"/>
  <c r="AE129315" i="1"/>
  <c r="AE129316" i="1"/>
  <c r="AE129317" i="1"/>
  <c r="AE129318" i="1"/>
  <c r="AE129319" i="1"/>
  <c r="AE129320" i="1"/>
  <c r="AE129321" i="1"/>
  <c r="AE129322" i="1"/>
  <c r="AE129323" i="1"/>
  <c r="AE129324" i="1"/>
  <c r="AE129325" i="1"/>
  <c r="AE129326" i="1"/>
  <c r="AE129327" i="1"/>
  <c r="AE129328" i="1"/>
  <c r="AE129329" i="1"/>
  <c r="AE129330" i="1"/>
  <c r="AE129331" i="1"/>
  <c r="AE129332" i="1"/>
  <c r="AE129333" i="1"/>
  <c r="AE129334" i="1"/>
  <c r="AE129335" i="1"/>
  <c r="AE129336" i="1"/>
  <c r="AE129337" i="1"/>
  <c r="AE129338" i="1"/>
  <c r="AE129339" i="1"/>
  <c r="AE129340" i="1"/>
  <c r="AE129341" i="1"/>
  <c r="AE129342" i="1"/>
  <c r="AE129343" i="1"/>
  <c r="AE129344" i="1"/>
  <c r="AE129345" i="1"/>
  <c r="AE129346" i="1"/>
  <c r="AE129347" i="1"/>
  <c r="AE129348" i="1"/>
  <c r="AE129349" i="1"/>
  <c r="AE129350" i="1"/>
  <c r="AE129351" i="1"/>
  <c r="AE129352" i="1"/>
  <c r="AE129353" i="1"/>
  <c r="AE129354" i="1"/>
  <c r="AE129355" i="1"/>
  <c r="AE129356" i="1"/>
  <c r="AE129357" i="1"/>
  <c r="AE129358" i="1"/>
  <c r="AE129359" i="1"/>
  <c r="AE129360" i="1"/>
  <c r="AE129361" i="1"/>
  <c r="AE129362" i="1"/>
  <c r="AE129363" i="1"/>
  <c r="AE129364" i="1"/>
  <c r="AE129365" i="1"/>
  <c r="AE129366" i="1"/>
  <c r="AE129367" i="1"/>
  <c r="AE129368" i="1"/>
  <c r="AE129369" i="1"/>
  <c r="AE129370" i="1"/>
  <c r="AE129371" i="1"/>
  <c r="AE129372" i="1"/>
  <c r="AE129373" i="1"/>
  <c r="AE129374" i="1"/>
  <c r="AE129375" i="1"/>
  <c r="AE129376" i="1"/>
  <c r="AE129377" i="1"/>
  <c r="AE129378" i="1"/>
  <c r="AE129379" i="1"/>
  <c r="AE129380" i="1"/>
  <c r="AE129381" i="1"/>
  <c r="AE129382" i="1"/>
  <c r="AE129383" i="1"/>
  <c r="AE129384" i="1"/>
  <c r="AE129385" i="1"/>
  <c r="AE129386" i="1"/>
  <c r="AE129387" i="1"/>
  <c r="AE129388" i="1"/>
  <c r="AE129389" i="1"/>
  <c r="AE129390" i="1"/>
  <c r="AE129391" i="1"/>
  <c r="AE129392" i="1"/>
  <c r="AE129393" i="1"/>
  <c r="AE129394" i="1"/>
  <c r="AE129395" i="1"/>
  <c r="AE129396" i="1"/>
  <c r="AE129397" i="1"/>
  <c r="AE129398" i="1"/>
  <c r="AE129399" i="1"/>
  <c r="AE129400" i="1"/>
  <c r="AE129401" i="1"/>
  <c r="AE129402" i="1"/>
  <c r="AE129403" i="1"/>
  <c r="AE129404" i="1"/>
  <c r="AE129405" i="1"/>
  <c r="AE129406" i="1"/>
  <c r="AE129407" i="1"/>
  <c r="AE129408" i="1"/>
  <c r="AE129409" i="1"/>
  <c r="AE129410" i="1"/>
  <c r="AE129411" i="1"/>
  <c r="AE129412" i="1"/>
  <c r="AE129413" i="1"/>
  <c r="AE129414" i="1"/>
  <c r="AE129415" i="1"/>
  <c r="AE129416" i="1"/>
  <c r="AE129417" i="1"/>
  <c r="AE129418" i="1"/>
  <c r="AE129419" i="1"/>
  <c r="AE129420" i="1"/>
  <c r="AE129421" i="1"/>
  <c r="AE129422" i="1"/>
  <c r="AE129423" i="1"/>
  <c r="AE129424" i="1"/>
  <c r="AE129425" i="1"/>
  <c r="AE129426" i="1"/>
  <c r="AE129427" i="1"/>
  <c r="AE129428" i="1"/>
  <c r="AE129429" i="1"/>
  <c r="AE129430" i="1"/>
  <c r="AE129431" i="1"/>
  <c r="AE129432" i="1"/>
  <c r="AE129433" i="1"/>
  <c r="AE129434" i="1"/>
  <c r="AE129435" i="1"/>
  <c r="AE129436" i="1"/>
  <c r="AE129437" i="1"/>
  <c r="AE129438" i="1"/>
  <c r="AE129439" i="1"/>
  <c r="AE129440" i="1"/>
  <c r="AE129441" i="1"/>
  <c r="AE129442" i="1"/>
  <c r="AE129443" i="1"/>
  <c r="AE129444" i="1"/>
  <c r="AE129445" i="1"/>
  <c r="AE129446" i="1"/>
  <c r="AE129447" i="1"/>
  <c r="AE129448" i="1"/>
  <c r="AE129449" i="1"/>
  <c r="AE129450" i="1"/>
  <c r="AE129451" i="1"/>
  <c r="AE129452" i="1"/>
  <c r="AE129453" i="1"/>
  <c r="AE129454" i="1"/>
  <c r="AE129455" i="1"/>
  <c r="AE129456" i="1"/>
  <c r="AE129457" i="1"/>
  <c r="AE129458" i="1"/>
  <c r="AE129459" i="1"/>
  <c r="AE129460" i="1"/>
  <c r="AE129461" i="1"/>
  <c r="AE129462" i="1"/>
  <c r="AE129463" i="1"/>
  <c r="AE129464" i="1"/>
  <c r="AE129465" i="1"/>
  <c r="AE129466" i="1"/>
  <c r="AE129467" i="1"/>
  <c r="AE129468" i="1"/>
  <c r="AE129469" i="1"/>
  <c r="AE129470" i="1"/>
  <c r="AE129471" i="1"/>
  <c r="AE129472" i="1"/>
  <c r="AE129473" i="1"/>
  <c r="AE129474" i="1"/>
  <c r="AE129475" i="1"/>
  <c r="AE129476" i="1"/>
  <c r="AE129477" i="1"/>
  <c r="AE129478" i="1"/>
  <c r="AE129479" i="1"/>
  <c r="AE129480" i="1"/>
  <c r="AE129481" i="1"/>
  <c r="AE129482" i="1"/>
  <c r="AE129483" i="1"/>
  <c r="AE129484" i="1"/>
  <c r="AE129485" i="1"/>
  <c r="AE129486" i="1"/>
  <c r="AE129487" i="1"/>
  <c r="AE129488" i="1"/>
  <c r="AE129489" i="1"/>
  <c r="AE129490" i="1"/>
  <c r="AE129491" i="1"/>
  <c r="AE129492" i="1"/>
  <c r="AE129493" i="1"/>
  <c r="AE129494" i="1"/>
  <c r="AE129495" i="1"/>
  <c r="AE129496" i="1"/>
  <c r="AE129497" i="1"/>
  <c r="AE129498" i="1"/>
  <c r="AE129499" i="1"/>
  <c r="AE129500" i="1"/>
  <c r="AE129501" i="1"/>
  <c r="AE129502" i="1"/>
  <c r="AE129503" i="1"/>
  <c r="AE129504" i="1"/>
  <c r="AE129505" i="1"/>
  <c r="AE129506" i="1"/>
  <c r="AE129507" i="1"/>
  <c r="AE129508" i="1"/>
  <c r="AE129509" i="1"/>
  <c r="AE129510" i="1"/>
  <c r="AE129511" i="1"/>
  <c r="AE129512" i="1"/>
  <c r="AE129513" i="1"/>
  <c r="AE129514" i="1"/>
  <c r="AE129515" i="1"/>
  <c r="AE129516" i="1"/>
  <c r="AE129517" i="1"/>
  <c r="AE129518" i="1"/>
  <c r="AE129519" i="1"/>
  <c r="AE129520" i="1"/>
  <c r="AE129521" i="1"/>
  <c r="AE129522" i="1"/>
  <c r="AE129523" i="1"/>
  <c r="AE129524" i="1"/>
  <c r="AE129525" i="1"/>
  <c r="AE129526" i="1"/>
  <c r="AE129527" i="1"/>
  <c r="AE129528" i="1"/>
  <c r="AE129529" i="1"/>
  <c r="AE129530" i="1"/>
  <c r="AE129531" i="1"/>
  <c r="AE129532" i="1"/>
  <c r="AE129533" i="1"/>
  <c r="AE129534" i="1"/>
  <c r="AE129535" i="1"/>
  <c r="AE129536" i="1"/>
  <c r="AE129537" i="1"/>
  <c r="AE129538" i="1"/>
  <c r="AE129539" i="1"/>
  <c r="AE129540" i="1"/>
  <c r="AE129541" i="1"/>
  <c r="AE129542" i="1"/>
  <c r="AE129543" i="1"/>
  <c r="AE129544" i="1"/>
  <c r="AE129545" i="1"/>
  <c r="AE129546" i="1"/>
  <c r="AE129547" i="1"/>
  <c r="AE129548" i="1"/>
  <c r="AE129549" i="1"/>
  <c r="AE129550" i="1"/>
  <c r="AE129551" i="1"/>
  <c r="AE129552" i="1"/>
  <c r="AE129553" i="1"/>
  <c r="AE129554" i="1"/>
  <c r="AE129555" i="1"/>
  <c r="AE129556" i="1"/>
  <c r="AE129557" i="1"/>
  <c r="AE129558" i="1"/>
  <c r="AE129559" i="1"/>
  <c r="AE129560" i="1"/>
  <c r="AE129561" i="1"/>
  <c r="AE129562" i="1"/>
  <c r="AE129563" i="1"/>
  <c r="AE129564" i="1"/>
  <c r="AE129565" i="1"/>
  <c r="AE129566" i="1"/>
  <c r="AE129567" i="1"/>
  <c r="AE129568" i="1"/>
  <c r="AE129569" i="1"/>
  <c r="AE129570" i="1"/>
  <c r="AE129571" i="1"/>
  <c r="AE129572" i="1"/>
  <c r="AE129573" i="1"/>
  <c r="AE129574" i="1"/>
  <c r="AE129575" i="1"/>
  <c r="AE129576" i="1"/>
  <c r="AE129577" i="1"/>
  <c r="AE129578" i="1"/>
  <c r="AE129579" i="1"/>
  <c r="AE129580" i="1"/>
  <c r="AE129581" i="1"/>
  <c r="AE129582" i="1"/>
  <c r="AE129583" i="1"/>
  <c r="AE129584" i="1"/>
  <c r="AE129585" i="1"/>
  <c r="AE129586" i="1"/>
  <c r="AE129587" i="1"/>
  <c r="AE129588" i="1"/>
  <c r="AE129589" i="1"/>
  <c r="AE129590" i="1"/>
  <c r="AE129591" i="1"/>
  <c r="AE129592" i="1"/>
  <c r="AE129593" i="1"/>
  <c r="AE129594" i="1"/>
  <c r="AE129595" i="1"/>
  <c r="AE129596" i="1"/>
  <c r="AE129597" i="1"/>
  <c r="AE129598" i="1"/>
  <c r="AE129599" i="1"/>
  <c r="AE129600" i="1"/>
  <c r="AE129601" i="1"/>
  <c r="AE129602" i="1"/>
  <c r="AE129603" i="1"/>
  <c r="AE129604" i="1"/>
  <c r="AE129605" i="1"/>
  <c r="AE129606" i="1"/>
  <c r="AE129607" i="1"/>
  <c r="AE129608" i="1"/>
  <c r="AE129609" i="1"/>
  <c r="AE129610" i="1"/>
  <c r="AE129611" i="1"/>
  <c r="AE129612" i="1"/>
  <c r="AE129613" i="1"/>
  <c r="AE129614" i="1"/>
  <c r="AE129615" i="1"/>
  <c r="AE129616" i="1"/>
  <c r="AE129617" i="1"/>
  <c r="AE129618" i="1"/>
  <c r="AE129619" i="1"/>
  <c r="AE129620" i="1"/>
  <c r="AE129621" i="1"/>
  <c r="AE129622" i="1"/>
  <c r="AE129623" i="1"/>
  <c r="AE129624" i="1"/>
  <c r="AE129625" i="1"/>
  <c r="AE129626" i="1"/>
  <c r="AE129627" i="1"/>
  <c r="AE129628" i="1"/>
  <c r="AE129629" i="1"/>
  <c r="AE129630" i="1"/>
  <c r="AE129631" i="1"/>
  <c r="AE129632" i="1"/>
  <c r="AE129633" i="1"/>
  <c r="AE129634" i="1"/>
  <c r="AE129635" i="1"/>
  <c r="AE129636" i="1"/>
  <c r="AE129637" i="1"/>
  <c r="AE129638" i="1"/>
  <c r="AE129639" i="1"/>
  <c r="AE129640" i="1"/>
  <c r="AE129641" i="1"/>
  <c r="AE129642" i="1"/>
  <c r="AE129643" i="1"/>
  <c r="AE129644" i="1"/>
  <c r="AE129645" i="1"/>
  <c r="AE129646" i="1"/>
  <c r="AE129647" i="1"/>
  <c r="AE129648" i="1"/>
  <c r="AE129649" i="1"/>
  <c r="AE129650" i="1"/>
  <c r="AE129651" i="1"/>
  <c r="AE129652" i="1"/>
  <c r="AE129653" i="1"/>
  <c r="AE129654" i="1"/>
  <c r="AE129655" i="1"/>
  <c r="AE129656" i="1"/>
  <c r="AE129657" i="1"/>
  <c r="AE129658" i="1"/>
  <c r="AE129659" i="1"/>
  <c r="AE129660" i="1"/>
  <c r="AE129661" i="1"/>
  <c r="AE129662" i="1"/>
  <c r="AE129663" i="1"/>
  <c r="AE129664" i="1"/>
  <c r="AE129665" i="1"/>
  <c r="AE129666" i="1"/>
  <c r="AE129667" i="1"/>
  <c r="AE129668" i="1"/>
  <c r="AE129669" i="1"/>
  <c r="AE129670" i="1"/>
  <c r="AE129671" i="1"/>
  <c r="AE129672" i="1"/>
  <c r="AE129673" i="1"/>
  <c r="AE129674" i="1"/>
  <c r="AE129675" i="1"/>
  <c r="AE129676" i="1"/>
  <c r="AE129677" i="1"/>
  <c r="AE129678" i="1"/>
  <c r="AE129679" i="1"/>
  <c r="AE129680" i="1"/>
  <c r="AE129681" i="1"/>
  <c r="AE129682" i="1"/>
  <c r="AE129683" i="1"/>
  <c r="AE129684" i="1"/>
  <c r="AE129685" i="1"/>
  <c r="AE129686" i="1"/>
  <c r="AE129687" i="1"/>
  <c r="AE129688" i="1"/>
  <c r="AE129689" i="1"/>
  <c r="AE129690" i="1"/>
  <c r="AE129691" i="1"/>
  <c r="AE129692" i="1"/>
  <c r="AE129693" i="1"/>
  <c r="AE129694" i="1"/>
  <c r="AE129695" i="1"/>
  <c r="AE129696" i="1"/>
  <c r="AE129697" i="1"/>
  <c r="AE129698" i="1"/>
  <c r="AE129699" i="1"/>
  <c r="AE129700" i="1"/>
  <c r="AE129701" i="1"/>
  <c r="AE129702" i="1"/>
  <c r="AE129703" i="1"/>
  <c r="AE129704" i="1"/>
  <c r="AE129705" i="1"/>
  <c r="AE129706" i="1"/>
  <c r="AE129707" i="1"/>
  <c r="AE129708" i="1"/>
  <c r="AE129709" i="1"/>
  <c r="AE129710" i="1"/>
  <c r="AE129711" i="1"/>
  <c r="AE129712" i="1"/>
  <c r="AE129713" i="1"/>
  <c r="AE129714" i="1"/>
  <c r="AE129715" i="1"/>
  <c r="AE129716" i="1"/>
  <c r="AE129717" i="1"/>
  <c r="AE129718" i="1"/>
  <c r="AE129719" i="1"/>
  <c r="AE129720" i="1"/>
  <c r="AE129721" i="1"/>
  <c r="AE129722" i="1"/>
  <c r="AE129723" i="1"/>
  <c r="AE129724" i="1"/>
  <c r="AE129725" i="1"/>
  <c r="AE129726" i="1"/>
  <c r="AE129727" i="1"/>
  <c r="AE129728" i="1"/>
  <c r="AE129729" i="1"/>
  <c r="AE129730" i="1"/>
  <c r="AE129731" i="1"/>
  <c r="AE129732" i="1"/>
  <c r="AE129733" i="1"/>
  <c r="AE129734" i="1"/>
  <c r="AE129735" i="1"/>
  <c r="AE129736" i="1"/>
  <c r="AE129737" i="1"/>
  <c r="AE129738" i="1"/>
  <c r="AE129739" i="1"/>
  <c r="AE129740" i="1"/>
  <c r="AE129741" i="1"/>
  <c r="AE129742" i="1"/>
  <c r="AE129743" i="1"/>
  <c r="AE129744" i="1"/>
  <c r="AE129745" i="1"/>
  <c r="AE129746" i="1"/>
  <c r="AE129747" i="1"/>
  <c r="AE129748" i="1"/>
  <c r="AE129749" i="1"/>
  <c r="AE129750" i="1"/>
  <c r="AE129751" i="1"/>
  <c r="AE129752" i="1"/>
  <c r="AE129753" i="1"/>
  <c r="AE129754" i="1"/>
  <c r="AE129755" i="1"/>
  <c r="AE129756" i="1"/>
  <c r="AE129757" i="1"/>
  <c r="AE129758" i="1"/>
  <c r="AE129759" i="1"/>
  <c r="AE129760" i="1"/>
  <c r="AE129761" i="1"/>
  <c r="AE129762" i="1"/>
  <c r="AE129763" i="1"/>
  <c r="AE129764" i="1"/>
  <c r="AE129765" i="1"/>
  <c r="AE129766" i="1"/>
  <c r="AE129767" i="1"/>
  <c r="AE129768" i="1"/>
  <c r="AE129769" i="1"/>
  <c r="AE129770" i="1"/>
  <c r="AE129771" i="1"/>
  <c r="AE129772" i="1"/>
  <c r="AE129773" i="1"/>
  <c r="AE129774" i="1"/>
  <c r="AE129775" i="1"/>
  <c r="AE129776" i="1"/>
  <c r="AE129777" i="1"/>
  <c r="AE129778" i="1"/>
  <c r="AE129779" i="1"/>
  <c r="AE129780" i="1"/>
  <c r="AE129781" i="1"/>
  <c r="AE129782" i="1"/>
  <c r="AE129783" i="1"/>
  <c r="AE129784" i="1"/>
  <c r="AE129785" i="1"/>
  <c r="AE129786" i="1"/>
  <c r="AE129787" i="1"/>
  <c r="AE129788" i="1"/>
  <c r="AE129789" i="1"/>
  <c r="AE129790" i="1"/>
  <c r="AE129791" i="1"/>
  <c r="AE129792" i="1"/>
  <c r="AE129793" i="1"/>
  <c r="AE129794" i="1"/>
  <c r="AE129795" i="1"/>
  <c r="AE129796" i="1"/>
  <c r="AE129797" i="1"/>
  <c r="AE129798" i="1"/>
  <c r="AE129799" i="1"/>
  <c r="AE129800" i="1"/>
  <c r="AE129801" i="1"/>
  <c r="AE129802" i="1"/>
  <c r="AE129803" i="1"/>
  <c r="AE129804" i="1"/>
  <c r="AE129805" i="1"/>
  <c r="AE129806" i="1"/>
  <c r="AE129807" i="1"/>
  <c r="AE129808" i="1"/>
  <c r="AE129809" i="1"/>
  <c r="AE129810" i="1"/>
  <c r="AE129811" i="1"/>
  <c r="AE129812" i="1"/>
  <c r="AE129813" i="1"/>
  <c r="AE129814" i="1"/>
  <c r="AE129815" i="1"/>
  <c r="AE129816" i="1"/>
  <c r="AE129817" i="1"/>
  <c r="AE129818" i="1"/>
  <c r="AE129819" i="1"/>
  <c r="AE129820" i="1"/>
  <c r="AE129821" i="1"/>
  <c r="AE129822" i="1"/>
  <c r="AE129823" i="1"/>
  <c r="AE129824" i="1"/>
  <c r="AE129825" i="1"/>
  <c r="AE129826" i="1"/>
  <c r="AE129827" i="1"/>
  <c r="AE129828" i="1"/>
  <c r="AE129829" i="1"/>
  <c r="AE129830" i="1"/>
  <c r="AE129831" i="1"/>
  <c r="AE129832" i="1"/>
  <c r="AE129833" i="1"/>
  <c r="AE129834" i="1"/>
  <c r="AE129835" i="1"/>
  <c r="AE129836" i="1"/>
  <c r="AE129837" i="1"/>
  <c r="AE129838" i="1"/>
  <c r="AE129839" i="1"/>
  <c r="AE129840" i="1"/>
  <c r="AE129841" i="1"/>
  <c r="AE129842" i="1"/>
  <c r="AE129843" i="1"/>
  <c r="AE129844" i="1"/>
  <c r="AE129845" i="1"/>
  <c r="AE129846" i="1"/>
  <c r="AE129847" i="1"/>
  <c r="AE129848" i="1"/>
  <c r="AE129849" i="1"/>
  <c r="AE129850" i="1"/>
  <c r="AE129851" i="1"/>
  <c r="AE129852" i="1"/>
  <c r="AE129853" i="1"/>
  <c r="AE129854" i="1"/>
  <c r="AE129855" i="1"/>
  <c r="AE129856" i="1"/>
  <c r="AE129857" i="1"/>
  <c r="AE129858" i="1"/>
  <c r="AE129859" i="1"/>
  <c r="AE129860" i="1"/>
  <c r="AE129861" i="1"/>
  <c r="AE129862" i="1"/>
  <c r="AE129863" i="1"/>
  <c r="AE129864" i="1"/>
  <c r="AE129865" i="1"/>
  <c r="AE129866" i="1"/>
  <c r="AE129867" i="1"/>
  <c r="AE129868" i="1"/>
  <c r="AE129869" i="1"/>
  <c r="AE129870" i="1"/>
  <c r="AE129871" i="1"/>
  <c r="AE129872" i="1"/>
  <c r="AE129873" i="1"/>
  <c r="AE129874" i="1"/>
  <c r="AE129875" i="1"/>
  <c r="AE129876" i="1"/>
  <c r="AE129877" i="1"/>
  <c r="AE129878" i="1"/>
  <c r="AE129879" i="1"/>
  <c r="AE129880" i="1"/>
  <c r="AE129881" i="1"/>
  <c r="AE129882" i="1"/>
  <c r="AE129883" i="1"/>
  <c r="AE129884" i="1"/>
  <c r="AE129885" i="1"/>
  <c r="AE129886" i="1"/>
  <c r="AE129887" i="1"/>
  <c r="AE129888" i="1"/>
  <c r="AE129889" i="1"/>
  <c r="AE129890" i="1"/>
  <c r="AE129891" i="1"/>
  <c r="AE129892" i="1"/>
  <c r="AE129893" i="1"/>
  <c r="AE129894" i="1"/>
  <c r="AE129895" i="1"/>
  <c r="AE129896" i="1"/>
  <c r="AE129897" i="1"/>
  <c r="AE129898" i="1"/>
  <c r="AE129899" i="1"/>
  <c r="AE129900" i="1"/>
  <c r="AE129901" i="1"/>
  <c r="AE129902" i="1"/>
  <c r="AE129903" i="1"/>
  <c r="AE129904" i="1"/>
  <c r="AE129905" i="1"/>
  <c r="AE129906" i="1"/>
  <c r="AE129907" i="1"/>
  <c r="AE129908" i="1"/>
  <c r="AE129909" i="1"/>
  <c r="AE129910" i="1"/>
  <c r="AE129911" i="1"/>
  <c r="AE129912" i="1"/>
  <c r="AE129913" i="1"/>
  <c r="AE129914" i="1"/>
  <c r="AE129915" i="1"/>
  <c r="AE129916" i="1"/>
  <c r="AE129917" i="1"/>
  <c r="AE129918" i="1"/>
  <c r="AE129919" i="1"/>
  <c r="AE129920" i="1"/>
  <c r="AE129921" i="1"/>
  <c r="AE129922" i="1"/>
  <c r="AE129923" i="1"/>
  <c r="AE129924" i="1"/>
  <c r="AE129925" i="1"/>
  <c r="AE129926" i="1"/>
  <c r="AE129927" i="1"/>
  <c r="AE129928" i="1"/>
  <c r="AE129929" i="1"/>
  <c r="AE129930" i="1"/>
  <c r="AE129931" i="1"/>
  <c r="AE129932" i="1"/>
  <c r="AE129933" i="1"/>
  <c r="AE129934" i="1"/>
  <c r="AE129935" i="1"/>
  <c r="AE129936" i="1"/>
  <c r="AE129937" i="1"/>
  <c r="AE129938" i="1"/>
  <c r="AE129939" i="1"/>
  <c r="AE129940" i="1"/>
  <c r="AE129941" i="1"/>
  <c r="AE129942" i="1"/>
  <c r="AE129943" i="1"/>
  <c r="AE129944" i="1"/>
  <c r="AE129945" i="1"/>
  <c r="AE129946" i="1"/>
  <c r="AE129947" i="1"/>
  <c r="AE129948" i="1"/>
  <c r="AE129949" i="1"/>
  <c r="AE129950" i="1"/>
  <c r="AE129951" i="1"/>
  <c r="AE129952" i="1"/>
  <c r="AE129953" i="1"/>
  <c r="AE129954" i="1"/>
  <c r="AE129955" i="1"/>
  <c r="AE129956" i="1"/>
  <c r="AE129957" i="1"/>
  <c r="AE129958" i="1"/>
  <c r="AE129959" i="1"/>
  <c r="AE129960" i="1"/>
  <c r="AE129961" i="1"/>
  <c r="AE129962" i="1"/>
  <c r="AE129963" i="1"/>
  <c r="AE129964" i="1"/>
  <c r="AE129965" i="1"/>
  <c r="AE129966" i="1"/>
  <c r="AE129967" i="1"/>
  <c r="AE129968" i="1"/>
  <c r="AE129969" i="1"/>
  <c r="AE129970" i="1"/>
  <c r="AE129971" i="1"/>
  <c r="AE129972" i="1"/>
  <c r="AE129973" i="1"/>
  <c r="AE129974" i="1"/>
  <c r="AE129975" i="1"/>
  <c r="AE129976" i="1"/>
  <c r="AE129977" i="1"/>
  <c r="AE129978" i="1"/>
  <c r="AE129979" i="1"/>
  <c r="AE129980" i="1"/>
  <c r="AE129981" i="1"/>
  <c r="AE129982" i="1"/>
  <c r="AE129983" i="1"/>
  <c r="AE129984" i="1"/>
  <c r="AE129985" i="1"/>
  <c r="AE129986" i="1"/>
  <c r="AE129987" i="1"/>
  <c r="AE129988" i="1"/>
  <c r="AE129989" i="1"/>
  <c r="AE129990" i="1"/>
  <c r="AE129991" i="1"/>
  <c r="AE129992" i="1"/>
  <c r="AE129993" i="1"/>
  <c r="AE129994" i="1"/>
  <c r="AE129995" i="1"/>
  <c r="AE129996" i="1"/>
  <c r="AE129997" i="1"/>
  <c r="AE129998" i="1"/>
  <c r="AE129999" i="1"/>
  <c r="AE130000" i="1"/>
  <c r="AE130001" i="1"/>
  <c r="AE130002" i="1"/>
  <c r="AE130003" i="1"/>
  <c r="AE130004" i="1"/>
  <c r="AE130005" i="1"/>
  <c r="AE130006" i="1"/>
  <c r="AE130007" i="1"/>
  <c r="AE130008" i="1"/>
  <c r="AE130009" i="1"/>
  <c r="AE130010" i="1"/>
  <c r="AE130011" i="1"/>
  <c r="AE130012" i="1"/>
  <c r="AE130013" i="1"/>
  <c r="AE130014" i="1"/>
  <c r="AE130015" i="1"/>
  <c r="AE130016" i="1"/>
  <c r="AE130017" i="1"/>
  <c r="AE130018" i="1"/>
  <c r="AE130019" i="1"/>
  <c r="AE130020" i="1"/>
  <c r="AE130021" i="1"/>
  <c r="AE130022" i="1"/>
  <c r="AE130023" i="1"/>
  <c r="AE130024" i="1"/>
  <c r="AE130025" i="1"/>
  <c r="AE130026" i="1"/>
  <c r="AE130027" i="1"/>
  <c r="AE130028" i="1"/>
  <c r="AE130029" i="1"/>
  <c r="AE130030" i="1"/>
  <c r="AE130031" i="1"/>
  <c r="AE130032" i="1"/>
  <c r="AE130033" i="1"/>
  <c r="AE130034" i="1"/>
  <c r="AE130035" i="1"/>
  <c r="AE130036" i="1"/>
  <c r="AE130037" i="1"/>
  <c r="AE130038" i="1"/>
  <c r="AE130039" i="1"/>
  <c r="AE130040" i="1"/>
  <c r="AE130041" i="1"/>
  <c r="AE130042" i="1"/>
  <c r="AE130043" i="1"/>
  <c r="AE130044" i="1"/>
  <c r="AE130045" i="1"/>
  <c r="AE130046" i="1"/>
  <c r="AE130047" i="1"/>
  <c r="AE130048" i="1"/>
  <c r="AE130049" i="1"/>
  <c r="AE130050" i="1"/>
  <c r="AE130051" i="1"/>
  <c r="AE130052" i="1"/>
  <c r="AE130053" i="1"/>
  <c r="AE130054" i="1"/>
  <c r="AE130055" i="1"/>
  <c r="AE130056" i="1"/>
  <c r="AE130057" i="1"/>
  <c r="AE130058" i="1"/>
  <c r="AE130059" i="1"/>
  <c r="AE130060" i="1"/>
  <c r="AE130061" i="1"/>
  <c r="AE130062" i="1"/>
  <c r="AE130063" i="1"/>
  <c r="AE130064" i="1"/>
  <c r="AE130065" i="1"/>
  <c r="AE130066" i="1"/>
  <c r="AE130067" i="1"/>
  <c r="AE130068" i="1"/>
  <c r="AE130069" i="1"/>
  <c r="AE130070" i="1"/>
  <c r="AE130071" i="1"/>
  <c r="AE130072" i="1"/>
  <c r="AE130073" i="1"/>
  <c r="AE130074" i="1"/>
  <c r="AE130075" i="1"/>
  <c r="AE130076" i="1"/>
  <c r="AE130077" i="1"/>
  <c r="AE130078" i="1"/>
  <c r="AE130079" i="1"/>
  <c r="AE130080" i="1"/>
  <c r="AE130081" i="1"/>
  <c r="AE130082" i="1"/>
  <c r="AE130083" i="1"/>
  <c r="AE130084" i="1"/>
  <c r="AE130085" i="1"/>
  <c r="AE130086" i="1"/>
  <c r="AE130087" i="1"/>
  <c r="AE130088" i="1"/>
  <c r="AE130089" i="1"/>
  <c r="AE130090" i="1"/>
  <c r="AE130091" i="1"/>
  <c r="AE130092" i="1"/>
  <c r="AE130093" i="1"/>
  <c r="AE130094" i="1"/>
  <c r="AE130095" i="1"/>
  <c r="AE130096" i="1"/>
  <c r="AE130097" i="1"/>
  <c r="AE130098" i="1"/>
  <c r="AE130099" i="1"/>
  <c r="AE130100" i="1"/>
  <c r="AE130101" i="1"/>
  <c r="AE130102" i="1"/>
  <c r="AE130103" i="1"/>
  <c r="AE130104" i="1"/>
  <c r="AE130105" i="1"/>
  <c r="AE130106" i="1"/>
  <c r="AE130107" i="1"/>
  <c r="AE130108" i="1"/>
  <c r="AE130109" i="1"/>
  <c r="AE130110" i="1"/>
  <c r="AE130111" i="1"/>
  <c r="AE130112" i="1"/>
  <c r="AE130113" i="1"/>
  <c r="AE130114" i="1"/>
  <c r="AE130115" i="1"/>
  <c r="AE130116" i="1"/>
  <c r="AE130117" i="1"/>
  <c r="AE130118" i="1"/>
  <c r="AE130119" i="1"/>
  <c r="AE130120" i="1"/>
  <c r="AE130121" i="1"/>
  <c r="AE130122" i="1"/>
  <c r="AE130123" i="1"/>
  <c r="AE130124" i="1"/>
  <c r="AE130125" i="1"/>
  <c r="AE130126" i="1"/>
  <c r="AE130127" i="1"/>
  <c r="AE130128" i="1"/>
  <c r="AE130129" i="1"/>
  <c r="AE130130" i="1"/>
  <c r="AE130131" i="1"/>
  <c r="AE130132" i="1"/>
  <c r="AE130133" i="1"/>
  <c r="AE130134" i="1"/>
  <c r="AE130135" i="1"/>
  <c r="AE130136" i="1"/>
  <c r="AE130137" i="1"/>
  <c r="AE130138" i="1"/>
  <c r="AE130139" i="1"/>
  <c r="AE130140" i="1"/>
  <c r="AE130141" i="1"/>
  <c r="AE130142" i="1"/>
  <c r="AE130143" i="1"/>
  <c r="AE130144" i="1"/>
  <c r="AE130145" i="1"/>
  <c r="AE130146" i="1"/>
  <c r="AE130147" i="1"/>
  <c r="AE130148" i="1"/>
  <c r="AE130149" i="1"/>
  <c r="AE130150" i="1"/>
  <c r="AE130151" i="1"/>
  <c r="AE130152" i="1"/>
  <c r="AE130153" i="1"/>
  <c r="AE130154" i="1"/>
  <c r="AE130155" i="1"/>
  <c r="AE130156" i="1"/>
  <c r="AE130157" i="1"/>
  <c r="AE130158" i="1"/>
  <c r="AE130159" i="1"/>
  <c r="AE130160" i="1"/>
  <c r="AE130161" i="1"/>
  <c r="AE130162" i="1"/>
  <c r="AE130163" i="1"/>
  <c r="AE130164" i="1"/>
  <c r="AE130165" i="1"/>
  <c r="AE130166" i="1"/>
  <c r="AE130167" i="1"/>
  <c r="AE130168" i="1"/>
  <c r="AE130169" i="1"/>
  <c r="AE130170" i="1"/>
  <c r="AE130171" i="1"/>
  <c r="AE130172" i="1"/>
  <c r="AE130173" i="1"/>
  <c r="AE130174" i="1"/>
  <c r="AE130175" i="1"/>
  <c r="AE130176" i="1"/>
  <c r="AE130177" i="1"/>
  <c r="AE130178" i="1"/>
  <c r="AE130179" i="1"/>
  <c r="AE130180" i="1"/>
  <c r="AE130181" i="1"/>
  <c r="AE130182" i="1"/>
  <c r="AE130183" i="1"/>
  <c r="AE130184" i="1"/>
  <c r="AE130185" i="1"/>
  <c r="AE130186" i="1"/>
  <c r="AE130187" i="1"/>
  <c r="AE130188" i="1"/>
  <c r="AE130189" i="1"/>
  <c r="AE130190" i="1"/>
  <c r="AE130191" i="1"/>
  <c r="AE130192" i="1"/>
  <c r="AE130193" i="1"/>
  <c r="AE130194" i="1"/>
  <c r="AE130195" i="1"/>
  <c r="AE130196" i="1"/>
  <c r="AE130197" i="1"/>
  <c r="AE130198" i="1"/>
  <c r="AE130199" i="1"/>
  <c r="AE130200" i="1"/>
  <c r="AE130201" i="1"/>
  <c r="AE130202" i="1"/>
  <c r="AE130203" i="1"/>
  <c r="AE130204" i="1"/>
  <c r="AE130205" i="1"/>
  <c r="AE130206" i="1"/>
  <c r="AE130207" i="1"/>
  <c r="AE130208" i="1"/>
  <c r="AE130209" i="1"/>
  <c r="AE130210" i="1"/>
  <c r="AE130211" i="1"/>
  <c r="AE130212" i="1"/>
  <c r="AE130213" i="1"/>
  <c r="AE130214" i="1"/>
  <c r="AE130215" i="1"/>
  <c r="AE130216" i="1"/>
  <c r="AE130217" i="1"/>
  <c r="AE130218" i="1"/>
  <c r="AE130219" i="1"/>
  <c r="AE130220" i="1"/>
  <c r="AE130221" i="1"/>
  <c r="AE130222" i="1"/>
  <c r="AE130223" i="1"/>
  <c r="AE130224" i="1"/>
  <c r="AE130225" i="1"/>
  <c r="AE130226" i="1"/>
  <c r="AE130227" i="1"/>
  <c r="AE130228" i="1"/>
  <c r="AE130229" i="1"/>
  <c r="AE130230" i="1"/>
  <c r="AE130231" i="1"/>
  <c r="AE130232" i="1"/>
  <c r="AE130233" i="1"/>
  <c r="AE130234" i="1"/>
  <c r="AE130235" i="1"/>
  <c r="AE130236" i="1"/>
  <c r="AE130237" i="1"/>
  <c r="AE130238" i="1"/>
  <c r="AE130239" i="1"/>
  <c r="AE130240" i="1"/>
  <c r="AE130241" i="1"/>
  <c r="AE130242" i="1"/>
  <c r="AE130243" i="1"/>
  <c r="AE130244" i="1"/>
  <c r="AE130245" i="1"/>
  <c r="AE130246" i="1"/>
  <c r="AE130247" i="1"/>
  <c r="AE130248" i="1"/>
  <c r="AE130249" i="1"/>
  <c r="AE130250" i="1"/>
  <c r="AE130251" i="1"/>
  <c r="AE130252" i="1"/>
  <c r="AE130253" i="1"/>
  <c r="AE130254" i="1"/>
  <c r="AE130255" i="1"/>
  <c r="AE130256" i="1"/>
  <c r="AE130257" i="1"/>
  <c r="AE130258" i="1"/>
  <c r="AE130259" i="1"/>
  <c r="AE130260" i="1"/>
  <c r="AE130261" i="1"/>
  <c r="AE130262" i="1"/>
  <c r="AE130263" i="1"/>
  <c r="AE130264" i="1"/>
  <c r="AE130265" i="1"/>
  <c r="AE130266" i="1"/>
  <c r="AE130267" i="1"/>
  <c r="AE130268" i="1"/>
  <c r="AE130269" i="1"/>
  <c r="AE130270" i="1"/>
  <c r="AE130271" i="1"/>
  <c r="AE130272" i="1"/>
  <c r="AE130273" i="1"/>
  <c r="AE130274" i="1"/>
  <c r="AE130275" i="1"/>
  <c r="AE130276" i="1"/>
  <c r="AE130277" i="1"/>
  <c r="AE130278" i="1"/>
  <c r="AE130279" i="1"/>
  <c r="AE130280" i="1"/>
  <c r="AE130281" i="1"/>
  <c r="AE130282" i="1"/>
  <c r="AE130283" i="1"/>
  <c r="AE130284" i="1"/>
  <c r="AE130285" i="1"/>
  <c r="AE130286" i="1"/>
  <c r="AE130287" i="1"/>
  <c r="AE130288" i="1"/>
  <c r="AE130289" i="1"/>
  <c r="AE130290" i="1"/>
  <c r="AE130291" i="1"/>
  <c r="AE130292" i="1"/>
  <c r="AE130293" i="1"/>
  <c r="AE130294" i="1"/>
  <c r="AE130295" i="1"/>
  <c r="AE130296" i="1"/>
  <c r="AE130297" i="1"/>
  <c r="AE130298" i="1"/>
  <c r="AE130299" i="1"/>
  <c r="AE130300" i="1"/>
  <c r="AE130301" i="1"/>
  <c r="AE130302" i="1"/>
  <c r="AE130303" i="1"/>
  <c r="AE130304" i="1"/>
  <c r="AE130305" i="1"/>
  <c r="AE130306" i="1"/>
  <c r="AE130307" i="1"/>
  <c r="AE130308" i="1"/>
  <c r="AE130309" i="1"/>
  <c r="AE130310" i="1"/>
  <c r="AE130311" i="1"/>
  <c r="AE130312" i="1"/>
  <c r="AE130313" i="1"/>
  <c r="AE130314" i="1"/>
  <c r="AE130315" i="1"/>
  <c r="AE130316" i="1"/>
  <c r="AE130317" i="1"/>
  <c r="AE130318" i="1"/>
  <c r="AE130319" i="1"/>
  <c r="AE130320" i="1"/>
  <c r="AE130321" i="1"/>
  <c r="AE130322" i="1"/>
  <c r="AE130323" i="1"/>
  <c r="AE130324" i="1"/>
  <c r="AE130325" i="1"/>
  <c r="AE130326" i="1"/>
  <c r="AE130327" i="1"/>
  <c r="AE130328" i="1"/>
  <c r="AE130329" i="1"/>
  <c r="AE130330" i="1"/>
  <c r="AE130331" i="1"/>
  <c r="AE130332" i="1"/>
  <c r="AE130333" i="1"/>
  <c r="AE130334" i="1"/>
  <c r="AE130335" i="1"/>
  <c r="AE130336" i="1"/>
  <c r="AE130337" i="1"/>
  <c r="AE130338" i="1"/>
  <c r="AE130339" i="1"/>
  <c r="AE130340" i="1"/>
  <c r="AE130341" i="1"/>
  <c r="AE130342" i="1"/>
  <c r="AE130343" i="1"/>
  <c r="AE130344" i="1"/>
  <c r="AE130345" i="1"/>
  <c r="AE130346" i="1"/>
  <c r="AE130347" i="1"/>
  <c r="AE130348" i="1"/>
  <c r="AE130349" i="1"/>
  <c r="AE130350" i="1"/>
  <c r="AE130351" i="1"/>
  <c r="AE130352" i="1"/>
  <c r="AE130353" i="1"/>
  <c r="AE130354" i="1"/>
  <c r="AE130355" i="1"/>
  <c r="AE130356" i="1"/>
  <c r="AE130357" i="1"/>
  <c r="AE130358" i="1"/>
  <c r="AE130359" i="1"/>
  <c r="AE130360" i="1"/>
  <c r="AE130361" i="1"/>
  <c r="AE130362" i="1"/>
  <c r="AE130363" i="1"/>
  <c r="AE130364" i="1"/>
  <c r="AE130365" i="1"/>
  <c r="AE130366" i="1"/>
  <c r="AE130367" i="1"/>
  <c r="AE130368" i="1"/>
  <c r="AE130369" i="1"/>
  <c r="AE130370" i="1"/>
  <c r="AE130371" i="1"/>
  <c r="AE130372" i="1"/>
  <c r="AE130373" i="1"/>
  <c r="AE130374" i="1"/>
  <c r="AE130375" i="1"/>
  <c r="AE130376" i="1"/>
  <c r="AE130377" i="1"/>
  <c r="AE130378" i="1"/>
  <c r="AE130379" i="1"/>
  <c r="AE130380" i="1"/>
  <c r="AE130381" i="1"/>
  <c r="AE130382" i="1"/>
  <c r="AE130383" i="1"/>
  <c r="AE130384" i="1"/>
  <c r="AE130385" i="1"/>
  <c r="AE130386" i="1"/>
  <c r="AE130387" i="1"/>
  <c r="AE130388" i="1"/>
  <c r="AE130389" i="1"/>
  <c r="AE130390" i="1"/>
  <c r="AE130391" i="1"/>
  <c r="AE130392" i="1"/>
  <c r="AE130393" i="1"/>
  <c r="AE130394" i="1"/>
  <c r="AE130395" i="1"/>
  <c r="AE130396" i="1"/>
  <c r="AE130397" i="1"/>
  <c r="AE130398" i="1"/>
  <c r="AE130399" i="1"/>
  <c r="AE130400" i="1"/>
  <c r="AE130401" i="1"/>
  <c r="AE130402" i="1"/>
  <c r="AE130403" i="1"/>
  <c r="AE130404" i="1"/>
  <c r="AE130405" i="1"/>
  <c r="AE130406" i="1"/>
  <c r="AE130407" i="1"/>
  <c r="AE130408" i="1"/>
  <c r="AE130409" i="1"/>
  <c r="AE130410" i="1"/>
  <c r="AE130411" i="1"/>
  <c r="AE130412" i="1"/>
  <c r="AE130413" i="1"/>
  <c r="AE130414" i="1"/>
  <c r="AE130415" i="1"/>
  <c r="AE130416" i="1"/>
  <c r="AE130417" i="1"/>
  <c r="AE130418" i="1"/>
  <c r="AE130419" i="1"/>
  <c r="AE130420" i="1"/>
  <c r="AE130421" i="1"/>
  <c r="AE130422" i="1"/>
  <c r="AE130423" i="1"/>
  <c r="AE130424" i="1"/>
  <c r="AE130425" i="1"/>
  <c r="AE130426" i="1"/>
  <c r="AE130427" i="1"/>
  <c r="AE130428" i="1"/>
  <c r="AE130429" i="1"/>
  <c r="AE130430" i="1"/>
  <c r="AE130431" i="1"/>
  <c r="AE130432" i="1"/>
  <c r="AE130433" i="1"/>
  <c r="AE130434" i="1"/>
  <c r="AE130435" i="1"/>
  <c r="AE130436" i="1"/>
  <c r="AE130437" i="1"/>
  <c r="AE130438" i="1"/>
  <c r="AE130439" i="1"/>
  <c r="AE130440" i="1"/>
  <c r="AE130441" i="1"/>
  <c r="AE130442" i="1"/>
  <c r="AE130443" i="1"/>
  <c r="AE130444" i="1"/>
  <c r="AE130445" i="1"/>
  <c r="AE130446" i="1"/>
  <c r="AE130447" i="1"/>
  <c r="AE130448" i="1"/>
  <c r="AE130449" i="1"/>
  <c r="AE130450" i="1"/>
  <c r="AE130451" i="1"/>
  <c r="AE130452" i="1"/>
  <c r="AE130453" i="1"/>
  <c r="AE130454" i="1"/>
  <c r="AE130455" i="1"/>
  <c r="AE130456" i="1"/>
  <c r="AE130457" i="1"/>
  <c r="AE130458" i="1"/>
  <c r="AE130459" i="1"/>
  <c r="AE130460" i="1"/>
  <c r="AE130461" i="1"/>
  <c r="AE130462" i="1"/>
  <c r="AE130463" i="1"/>
  <c r="AE130464" i="1"/>
  <c r="AE130465" i="1"/>
  <c r="AE130466" i="1"/>
  <c r="AE130467" i="1"/>
  <c r="AE130468" i="1"/>
  <c r="AE130469" i="1"/>
  <c r="AE130470" i="1"/>
  <c r="AE130471" i="1"/>
  <c r="AE130472" i="1"/>
  <c r="AE130473" i="1"/>
  <c r="AE130474" i="1"/>
  <c r="AE130475" i="1"/>
  <c r="AE130476" i="1"/>
  <c r="AE130477" i="1"/>
  <c r="AE130478" i="1"/>
  <c r="AE130479" i="1"/>
  <c r="AE130480" i="1"/>
  <c r="AE130481" i="1"/>
  <c r="AE130482" i="1"/>
  <c r="AE130483" i="1"/>
  <c r="AE130484" i="1"/>
  <c r="AE130485" i="1"/>
  <c r="AE130486" i="1"/>
  <c r="AE130487" i="1"/>
  <c r="AE130488" i="1"/>
  <c r="AE130489" i="1"/>
  <c r="AE130490" i="1"/>
  <c r="AE130491" i="1"/>
  <c r="AE130492" i="1"/>
  <c r="AE130493" i="1"/>
  <c r="AE130494" i="1"/>
  <c r="AE130495" i="1"/>
  <c r="AE130496" i="1"/>
  <c r="AE130497" i="1"/>
  <c r="AE130498" i="1"/>
  <c r="AE130499" i="1"/>
  <c r="AE130500" i="1"/>
  <c r="AE130501" i="1"/>
  <c r="AE130502" i="1"/>
  <c r="AE130503" i="1"/>
  <c r="AE130504" i="1"/>
  <c r="AE130505" i="1"/>
  <c r="AE130506" i="1"/>
  <c r="AE130507" i="1"/>
  <c r="AE130508" i="1"/>
  <c r="AE130509" i="1"/>
  <c r="AE130510" i="1"/>
  <c r="AE130511" i="1"/>
  <c r="AE130512" i="1"/>
  <c r="AE130513" i="1"/>
  <c r="AE130514" i="1"/>
  <c r="AE130515" i="1"/>
  <c r="AE130516" i="1"/>
  <c r="AE130517" i="1"/>
  <c r="AE130518" i="1"/>
  <c r="AE130519" i="1"/>
  <c r="AE130520" i="1"/>
  <c r="AE130521" i="1"/>
  <c r="AE130522" i="1"/>
  <c r="AE130523" i="1"/>
  <c r="AE130524" i="1"/>
  <c r="AE130525" i="1"/>
  <c r="AE130526" i="1"/>
  <c r="AE130527" i="1"/>
  <c r="AE130528" i="1"/>
  <c r="AE130529" i="1"/>
  <c r="AE130530" i="1"/>
  <c r="AE130531" i="1"/>
  <c r="AE130532" i="1"/>
  <c r="AE130533" i="1"/>
  <c r="AE130534" i="1"/>
  <c r="AE130535" i="1"/>
  <c r="AE130536" i="1"/>
  <c r="AE130537" i="1"/>
  <c r="AE130538" i="1"/>
  <c r="AE130539" i="1"/>
  <c r="AE130540" i="1"/>
  <c r="AE130541" i="1"/>
  <c r="AE130542" i="1"/>
  <c r="AE130543" i="1"/>
  <c r="AE130544" i="1"/>
  <c r="AE130545" i="1"/>
  <c r="AE130546" i="1"/>
  <c r="AE130547" i="1"/>
  <c r="AE130548" i="1"/>
  <c r="AE130549" i="1"/>
  <c r="AE130550" i="1"/>
  <c r="AE130551" i="1"/>
  <c r="AE130552" i="1"/>
  <c r="AE130553" i="1"/>
  <c r="AE130554" i="1"/>
  <c r="AE130555" i="1"/>
  <c r="AE130556" i="1"/>
  <c r="AE130557" i="1"/>
  <c r="AE130558" i="1"/>
  <c r="AE130559" i="1"/>
  <c r="AE130560" i="1"/>
  <c r="AE130561" i="1"/>
  <c r="AE130562" i="1"/>
  <c r="AE130563" i="1"/>
  <c r="AE130564" i="1"/>
  <c r="AE130565" i="1"/>
  <c r="AE130566" i="1"/>
  <c r="AE130567" i="1"/>
  <c r="AE130568" i="1"/>
  <c r="AE130569" i="1"/>
  <c r="AE130570" i="1"/>
  <c r="AE130571" i="1"/>
  <c r="AE130572" i="1"/>
  <c r="AE130573" i="1"/>
  <c r="AE130574" i="1"/>
  <c r="AE130575" i="1"/>
  <c r="AE130576" i="1"/>
  <c r="AE130577" i="1"/>
  <c r="AE130578" i="1"/>
  <c r="AE130579" i="1"/>
  <c r="AE130580" i="1"/>
  <c r="AE130581" i="1"/>
  <c r="AE130582" i="1"/>
  <c r="AE130583" i="1"/>
  <c r="AE130584" i="1"/>
  <c r="AE130585" i="1"/>
  <c r="AE130586" i="1"/>
  <c r="AE130587" i="1"/>
  <c r="AE130588" i="1"/>
  <c r="AE130589" i="1"/>
  <c r="AE130590" i="1"/>
  <c r="AE130591" i="1"/>
  <c r="AE130592" i="1"/>
  <c r="AE130593" i="1"/>
  <c r="AE130594" i="1"/>
  <c r="AE130595" i="1"/>
  <c r="AE130596" i="1"/>
  <c r="AE130597" i="1"/>
  <c r="AE130598" i="1"/>
  <c r="AE130599" i="1"/>
  <c r="AE130600" i="1"/>
  <c r="AE130601" i="1"/>
  <c r="AE130602" i="1"/>
  <c r="AE130603" i="1"/>
  <c r="AE130604" i="1"/>
  <c r="AE130605" i="1"/>
  <c r="AE130606" i="1"/>
  <c r="AE130607" i="1"/>
  <c r="AE130608" i="1"/>
  <c r="AE130609" i="1"/>
  <c r="AE130610" i="1"/>
  <c r="AE130611" i="1"/>
  <c r="AE130612" i="1"/>
  <c r="AE130613" i="1"/>
  <c r="AE130614" i="1"/>
  <c r="AE130615" i="1"/>
  <c r="AE130616" i="1"/>
  <c r="AE130617" i="1"/>
  <c r="AE130618" i="1"/>
  <c r="AE130619" i="1"/>
  <c r="AE130620" i="1"/>
  <c r="AE130621" i="1"/>
  <c r="AE130622" i="1"/>
  <c r="AE130623" i="1"/>
  <c r="AE130624" i="1"/>
  <c r="AE130625" i="1"/>
  <c r="AE130626" i="1"/>
  <c r="AE130627" i="1"/>
  <c r="AE130628" i="1"/>
  <c r="AE130629" i="1"/>
  <c r="AE130630" i="1"/>
  <c r="AE130631" i="1"/>
  <c r="AE130632" i="1"/>
  <c r="AE130633" i="1"/>
  <c r="AE130634" i="1"/>
  <c r="AE130635" i="1"/>
  <c r="AE130636" i="1"/>
  <c r="AE130637" i="1"/>
  <c r="AE130638" i="1"/>
  <c r="AE130639" i="1"/>
  <c r="AE130640" i="1"/>
  <c r="AE130641" i="1"/>
  <c r="AE130642" i="1"/>
  <c r="AE130643" i="1"/>
  <c r="AE130644" i="1"/>
  <c r="AE130645" i="1"/>
  <c r="AE130646" i="1"/>
  <c r="AE130647" i="1"/>
  <c r="AE130648" i="1"/>
  <c r="AE130649" i="1"/>
  <c r="AE130650" i="1"/>
  <c r="AE130651" i="1"/>
  <c r="AE130652" i="1"/>
  <c r="AE130653" i="1"/>
  <c r="AE130654" i="1"/>
  <c r="AE130655" i="1"/>
  <c r="AE130656" i="1"/>
  <c r="AE130657" i="1"/>
  <c r="AE130658" i="1"/>
  <c r="AE130659" i="1"/>
  <c r="AE130660" i="1"/>
  <c r="AE130661" i="1"/>
  <c r="AE130662" i="1"/>
  <c r="AE130663" i="1"/>
  <c r="AE130664" i="1"/>
  <c r="AE130665" i="1"/>
  <c r="AE130666" i="1"/>
  <c r="AE130667" i="1"/>
  <c r="AE130668" i="1"/>
  <c r="AE130669" i="1"/>
  <c r="AE130670" i="1"/>
  <c r="AE130671" i="1"/>
  <c r="AE130672" i="1"/>
  <c r="AE130673" i="1"/>
  <c r="AE130674" i="1"/>
  <c r="AE130675" i="1"/>
  <c r="AE130676" i="1"/>
  <c r="AE130677" i="1"/>
  <c r="AE130678" i="1"/>
  <c r="AE130679" i="1"/>
  <c r="AE130680" i="1"/>
  <c r="AE130681" i="1"/>
  <c r="AE130682" i="1"/>
  <c r="AE130683" i="1"/>
  <c r="AE130684" i="1"/>
  <c r="AE130685" i="1"/>
  <c r="AE130686" i="1"/>
  <c r="AE130687" i="1"/>
  <c r="AE130688" i="1"/>
  <c r="AE130689" i="1"/>
  <c r="AE130690" i="1"/>
  <c r="AE130691" i="1"/>
  <c r="AE130692" i="1"/>
  <c r="AE130693" i="1"/>
  <c r="AE130694" i="1"/>
  <c r="AE130695" i="1"/>
  <c r="AE130696" i="1"/>
  <c r="AE130697" i="1"/>
  <c r="AE130698" i="1"/>
  <c r="AE130699" i="1"/>
  <c r="AE130700" i="1"/>
  <c r="AE130701" i="1"/>
  <c r="AE130702" i="1"/>
  <c r="AE130703" i="1"/>
  <c r="AE130704" i="1"/>
  <c r="AE130705" i="1"/>
  <c r="AE130706" i="1"/>
  <c r="AE130707" i="1"/>
  <c r="AE130708" i="1"/>
  <c r="AE130709" i="1"/>
  <c r="AE130710" i="1"/>
  <c r="AE130711" i="1"/>
  <c r="AE130712" i="1"/>
  <c r="AE130713" i="1"/>
  <c r="AE130714" i="1"/>
  <c r="AE130715" i="1"/>
  <c r="AE130716" i="1"/>
  <c r="AE130717" i="1"/>
  <c r="AE130718" i="1"/>
  <c r="AE130719" i="1"/>
  <c r="AE130720" i="1"/>
  <c r="AE130721" i="1"/>
  <c r="AE130722" i="1"/>
  <c r="AE130723" i="1"/>
  <c r="AE130724" i="1"/>
  <c r="AE130725" i="1"/>
  <c r="AE130726" i="1"/>
  <c r="AE130727" i="1"/>
  <c r="AE130728" i="1"/>
  <c r="AE130729" i="1"/>
  <c r="AE130730" i="1"/>
  <c r="AE130731" i="1"/>
  <c r="AE130732" i="1"/>
  <c r="AE130733" i="1"/>
  <c r="AE130734" i="1"/>
  <c r="AE130735" i="1"/>
  <c r="AE130736" i="1"/>
  <c r="AE130737" i="1"/>
  <c r="AE130738" i="1"/>
  <c r="AE130739" i="1"/>
  <c r="AE130740" i="1"/>
  <c r="AE130741" i="1"/>
  <c r="AE130742" i="1"/>
  <c r="AE130743" i="1"/>
  <c r="AE130744" i="1"/>
  <c r="AE130745" i="1"/>
  <c r="AE130746" i="1"/>
  <c r="AE130747" i="1"/>
  <c r="AE130748" i="1"/>
  <c r="AE130749" i="1"/>
  <c r="AE130750" i="1"/>
  <c r="AE130751" i="1"/>
  <c r="AE130752" i="1"/>
  <c r="AE130753" i="1"/>
  <c r="AE130754" i="1"/>
  <c r="AE130755" i="1"/>
  <c r="AE130756" i="1"/>
  <c r="AE130757" i="1"/>
  <c r="AE130758" i="1"/>
  <c r="AE130759" i="1"/>
  <c r="AE130760" i="1"/>
  <c r="AE130761" i="1"/>
  <c r="AE130762" i="1"/>
  <c r="AE130763" i="1"/>
  <c r="AE130764" i="1"/>
  <c r="AE130765" i="1"/>
  <c r="AE130766" i="1"/>
  <c r="AE130767" i="1"/>
  <c r="AE130768" i="1"/>
  <c r="AE130769" i="1"/>
  <c r="AE130770" i="1"/>
  <c r="AE130771" i="1"/>
  <c r="AE130772" i="1"/>
  <c r="AE130773" i="1"/>
  <c r="AE130774" i="1"/>
  <c r="AE130775" i="1"/>
  <c r="AE130776" i="1"/>
  <c r="AE130777" i="1"/>
  <c r="AE130778" i="1"/>
  <c r="AE130779" i="1"/>
  <c r="AE130780" i="1"/>
  <c r="AE130781" i="1"/>
  <c r="AE130782" i="1"/>
  <c r="AE130783" i="1"/>
  <c r="AE130784" i="1"/>
  <c r="AE130785" i="1"/>
  <c r="AE130786" i="1"/>
  <c r="AE130787" i="1"/>
  <c r="AE130788" i="1"/>
  <c r="AE130789" i="1"/>
  <c r="AE130790" i="1"/>
  <c r="AE130791" i="1"/>
  <c r="AE130792" i="1"/>
  <c r="AE130793" i="1"/>
  <c r="AE130794" i="1"/>
  <c r="AE130795" i="1"/>
  <c r="AE130796" i="1"/>
  <c r="AE130797" i="1"/>
  <c r="AE130798" i="1"/>
  <c r="AE130799" i="1"/>
  <c r="AE130800" i="1"/>
  <c r="AE130801" i="1"/>
  <c r="AE130802" i="1"/>
  <c r="AE130803" i="1"/>
  <c r="AE130804" i="1"/>
  <c r="AE130805" i="1"/>
  <c r="AE130806" i="1"/>
  <c r="AE130807" i="1"/>
  <c r="AE130808" i="1"/>
  <c r="AE130809" i="1"/>
  <c r="AE130810" i="1"/>
  <c r="AE130811" i="1"/>
  <c r="AE130812" i="1"/>
  <c r="AE130813" i="1"/>
  <c r="AE130814" i="1"/>
  <c r="AE130815" i="1"/>
  <c r="AE130816" i="1"/>
  <c r="AE130817" i="1"/>
  <c r="AE130818" i="1"/>
  <c r="AE130819" i="1"/>
  <c r="AE130820" i="1"/>
  <c r="AE130821" i="1"/>
  <c r="AE130822" i="1"/>
  <c r="AE130823" i="1"/>
  <c r="AE130824" i="1"/>
  <c r="AE130825" i="1"/>
  <c r="AE130826" i="1"/>
  <c r="AE130827" i="1"/>
  <c r="AE130828" i="1"/>
  <c r="AE130829" i="1"/>
  <c r="AE130830" i="1"/>
  <c r="AE130831" i="1"/>
  <c r="AE130832" i="1"/>
  <c r="AE130833" i="1"/>
  <c r="AE130834" i="1"/>
  <c r="AE130835" i="1"/>
  <c r="AE130836" i="1"/>
  <c r="AE130837" i="1"/>
  <c r="AE130838" i="1"/>
  <c r="AE130839" i="1"/>
  <c r="AE130840" i="1"/>
  <c r="AE130841" i="1"/>
  <c r="AE130842" i="1"/>
  <c r="AE130843" i="1"/>
  <c r="AE130844" i="1"/>
  <c r="AE130845" i="1"/>
  <c r="AE130846" i="1"/>
  <c r="AE130847" i="1"/>
  <c r="AE130848" i="1"/>
  <c r="AE130849" i="1"/>
  <c r="AE130850" i="1"/>
  <c r="AE130851" i="1"/>
  <c r="AE130852" i="1"/>
  <c r="AE130853" i="1"/>
  <c r="AE130854" i="1"/>
  <c r="AE130855" i="1"/>
  <c r="AE130856" i="1"/>
  <c r="AE130857" i="1"/>
  <c r="AE130858" i="1"/>
  <c r="AE130859" i="1"/>
  <c r="AE130860" i="1"/>
  <c r="AE130861" i="1"/>
  <c r="AE130862" i="1"/>
  <c r="AE130863" i="1"/>
  <c r="AE130864" i="1"/>
  <c r="AE130865" i="1"/>
  <c r="AE130866" i="1"/>
  <c r="AE130867" i="1"/>
  <c r="AE130868" i="1"/>
  <c r="AE130869" i="1"/>
  <c r="AE130870" i="1"/>
  <c r="AE130871" i="1"/>
  <c r="AE130872" i="1"/>
  <c r="AE130873" i="1"/>
  <c r="AE130874" i="1"/>
  <c r="AE130875" i="1"/>
  <c r="AE130876" i="1"/>
  <c r="AE130877" i="1"/>
  <c r="AE130878" i="1"/>
  <c r="AE130879" i="1"/>
  <c r="AE130880" i="1"/>
  <c r="AE130881" i="1"/>
  <c r="AE130882" i="1"/>
  <c r="AE130883" i="1"/>
  <c r="AE130884" i="1"/>
  <c r="AE130885" i="1"/>
  <c r="AE130886" i="1"/>
  <c r="AE130887" i="1"/>
  <c r="AE130888" i="1"/>
  <c r="AE130889" i="1"/>
  <c r="AE130890" i="1"/>
  <c r="AE130891" i="1"/>
  <c r="AE130892" i="1"/>
  <c r="AE130893" i="1"/>
  <c r="AE130894" i="1"/>
  <c r="AE130895" i="1"/>
  <c r="AE130896" i="1"/>
  <c r="AE130897" i="1"/>
  <c r="AE130898" i="1"/>
  <c r="AE130899" i="1"/>
  <c r="AE130900" i="1"/>
  <c r="AE130901" i="1"/>
  <c r="AE130902" i="1"/>
  <c r="AE130903" i="1"/>
  <c r="AE130904" i="1"/>
  <c r="AE130905" i="1"/>
  <c r="AE130906" i="1"/>
  <c r="AE130907" i="1"/>
  <c r="AE130908" i="1"/>
  <c r="AE130909" i="1"/>
  <c r="AE130910" i="1"/>
  <c r="AE130911" i="1"/>
  <c r="AE130912" i="1"/>
  <c r="AE130913" i="1"/>
  <c r="AE130914" i="1"/>
  <c r="AE130915" i="1"/>
  <c r="AE130916" i="1"/>
  <c r="AE130917" i="1"/>
  <c r="AE130918" i="1"/>
  <c r="AE130919" i="1"/>
  <c r="AE130920" i="1"/>
  <c r="AE130921" i="1"/>
  <c r="AE130922" i="1"/>
  <c r="AE130923" i="1"/>
  <c r="AE130924" i="1"/>
  <c r="AE130925" i="1"/>
  <c r="AE130926" i="1"/>
  <c r="AE130927" i="1"/>
  <c r="AE130928" i="1"/>
  <c r="AE130929" i="1"/>
  <c r="AE130930" i="1"/>
  <c r="AE130931" i="1"/>
  <c r="AE130932" i="1"/>
  <c r="AE130933" i="1"/>
  <c r="AE130934" i="1"/>
  <c r="AE130935" i="1"/>
  <c r="AE130936" i="1"/>
  <c r="AE130937" i="1"/>
  <c r="AE130938" i="1"/>
  <c r="AE130939" i="1"/>
  <c r="AE130940" i="1"/>
  <c r="AE130941" i="1"/>
  <c r="AE130942" i="1"/>
  <c r="AE130943" i="1"/>
  <c r="AE130944" i="1"/>
  <c r="AE130945" i="1"/>
  <c r="AE130946" i="1"/>
  <c r="AE130947" i="1"/>
  <c r="AE130948" i="1"/>
  <c r="AE130949" i="1"/>
  <c r="AE130950" i="1"/>
  <c r="AE130951" i="1"/>
  <c r="AE130952" i="1"/>
  <c r="AE130953" i="1"/>
  <c r="AE130954" i="1"/>
  <c r="AE130955" i="1"/>
  <c r="AE130956" i="1"/>
  <c r="AE130957" i="1"/>
  <c r="AE130958" i="1"/>
  <c r="AE130959" i="1"/>
  <c r="AE130960" i="1"/>
  <c r="AE130961" i="1"/>
  <c r="AE130962" i="1"/>
  <c r="AE130963" i="1"/>
  <c r="AE130964" i="1"/>
  <c r="AE130965" i="1"/>
  <c r="AE130966" i="1"/>
  <c r="AE130967" i="1"/>
  <c r="AE130968" i="1"/>
  <c r="AE130969" i="1"/>
  <c r="AE130970" i="1"/>
  <c r="AE130971" i="1"/>
  <c r="AE130972" i="1"/>
  <c r="AE130973" i="1"/>
  <c r="AE130974" i="1"/>
  <c r="AE130975" i="1"/>
  <c r="AE130976" i="1"/>
  <c r="AE130977" i="1"/>
  <c r="AE130978" i="1"/>
  <c r="AE130979" i="1"/>
  <c r="AE130980" i="1"/>
  <c r="AE130981" i="1"/>
  <c r="AE130982" i="1"/>
  <c r="AE130983" i="1"/>
  <c r="AE130984" i="1"/>
  <c r="AE130985" i="1"/>
  <c r="AE130986" i="1"/>
  <c r="AE130987" i="1"/>
  <c r="AE130988" i="1"/>
  <c r="AE130989" i="1"/>
  <c r="AE130990" i="1"/>
  <c r="AE130991" i="1"/>
  <c r="AE130992" i="1"/>
  <c r="AE130993" i="1"/>
  <c r="AE130994" i="1"/>
  <c r="AE130995" i="1"/>
  <c r="AE130996" i="1"/>
  <c r="AE130997" i="1"/>
  <c r="AE130998" i="1"/>
  <c r="AE130999" i="1"/>
  <c r="AE131000" i="1"/>
  <c r="AE131001" i="1"/>
  <c r="AE131002" i="1"/>
  <c r="AE131003" i="1"/>
  <c r="AE131004" i="1"/>
  <c r="AE131005" i="1"/>
  <c r="AE131006" i="1"/>
  <c r="AE131007" i="1"/>
  <c r="AE131008" i="1"/>
  <c r="AE131009" i="1"/>
  <c r="AE131010" i="1"/>
  <c r="AE131011" i="1"/>
  <c r="AE131012" i="1"/>
  <c r="AE131013" i="1"/>
  <c r="AE131014" i="1"/>
  <c r="AE131015" i="1"/>
  <c r="AE131016" i="1"/>
  <c r="AE131017" i="1"/>
  <c r="AE131018" i="1"/>
  <c r="AE131019" i="1"/>
  <c r="AE131020" i="1"/>
  <c r="AE131021" i="1"/>
  <c r="AE131022" i="1"/>
  <c r="AE131023" i="1"/>
  <c r="AE131024" i="1"/>
  <c r="AE131025" i="1"/>
  <c r="AE131026" i="1"/>
  <c r="AE131027" i="1"/>
  <c r="AE131028" i="1"/>
  <c r="AE131029" i="1"/>
  <c r="AE131030" i="1"/>
  <c r="AE131031" i="1"/>
  <c r="AE131032" i="1"/>
  <c r="AE131033" i="1"/>
  <c r="AE131034" i="1"/>
  <c r="AE131035" i="1"/>
  <c r="AE131036" i="1"/>
  <c r="AE131037" i="1"/>
  <c r="AE131038" i="1"/>
  <c r="AE131039" i="1"/>
  <c r="AE131040" i="1"/>
  <c r="AE131041" i="1"/>
  <c r="AE131042" i="1"/>
  <c r="AE131043" i="1"/>
  <c r="AE131044" i="1"/>
  <c r="AE131045" i="1"/>
  <c r="AE131046" i="1"/>
  <c r="AE131047" i="1"/>
  <c r="AE131048" i="1"/>
  <c r="AE131049" i="1"/>
  <c r="AE131050" i="1"/>
  <c r="AE131051" i="1"/>
  <c r="AE131052" i="1"/>
  <c r="AE131053" i="1"/>
  <c r="AE131054" i="1"/>
  <c r="AE131055" i="1"/>
  <c r="AE131056" i="1"/>
  <c r="AE131057" i="1"/>
  <c r="AE131058" i="1"/>
  <c r="AE131059" i="1"/>
  <c r="AE131060" i="1"/>
  <c r="AE131061" i="1"/>
  <c r="AE131062" i="1"/>
  <c r="AE131063" i="1"/>
  <c r="AE131064" i="1"/>
  <c r="AE131065" i="1"/>
  <c r="AE131066" i="1"/>
  <c r="AE131067" i="1"/>
  <c r="AE131068" i="1"/>
  <c r="AE131069" i="1"/>
  <c r="AE131070" i="1"/>
  <c r="AE131071" i="1"/>
  <c r="AE131072" i="1"/>
  <c r="AE131073" i="1"/>
  <c r="AE131074" i="1"/>
  <c r="AE131075" i="1"/>
  <c r="AE131076" i="1"/>
  <c r="AE131077" i="1"/>
  <c r="AE131078" i="1"/>
  <c r="AE131079" i="1"/>
  <c r="AE131080" i="1"/>
  <c r="AE131081" i="1"/>
  <c r="AE131082" i="1"/>
  <c r="AE131083" i="1"/>
  <c r="AE131084" i="1"/>
  <c r="AE131085" i="1"/>
  <c r="AE131086" i="1"/>
  <c r="AE131087" i="1"/>
  <c r="AE131088" i="1"/>
  <c r="AE131089" i="1"/>
  <c r="AE131090" i="1"/>
  <c r="AE131091" i="1"/>
  <c r="AE131092" i="1"/>
  <c r="AE131093" i="1"/>
  <c r="AE131094" i="1"/>
  <c r="AE131095" i="1"/>
  <c r="AE131096" i="1"/>
  <c r="AE131097" i="1"/>
  <c r="AE131098" i="1"/>
  <c r="AE131099" i="1"/>
  <c r="AE131100" i="1"/>
  <c r="AE131101" i="1"/>
  <c r="AE131102" i="1"/>
  <c r="AE131103" i="1"/>
  <c r="AE131104" i="1"/>
  <c r="AE131105" i="1"/>
  <c r="AE131106" i="1"/>
  <c r="AE131107" i="1"/>
  <c r="AE131108" i="1"/>
  <c r="AE131109" i="1"/>
  <c r="AE131110" i="1"/>
  <c r="AE131111" i="1"/>
  <c r="AE131112" i="1"/>
  <c r="AE131113" i="1"/>
  <c r="AE131114" i="1"/>
  <c r="AE131115" i="1"/>
  <c r="AE131116" i="1"/>
  <c r="AE131117" i="1"/>
  <c r="AE131118" i="1"/>
  <c r="AE131119" i="1"/>
  <c r="AE131120" i="1"/>
  <c r="AE131121" i="1"/>
  <c r="AE131122" i="1"/>
  <c r="AE131123" i="1"/>
  <c r="AE131124" i="1"/>
  <c r="AE131125" i="1"/>
  <c r="AE131126" i="1"/>
  <c r="AE131127" i="1"/>
  <c r="AE131128" i="1"/>
  <c r="AE131129" i="1"/>
  <c r="AE131130" i="1"/>
  <c r="AE131131" i="1"/>
  <c r="AE131132" i="1"/>
  <c r="AE131133" i="1"/>
  <c r="AE131134" i="1"/>
  <c r="AE131135" i="1"/>
  <c r="AE131136" i="1"/>
  <c r="AE131137" i="1"/>
  <c r="AE131138" i="1"/>
  <c r="AE131139" i="1"/>
  <c r="AE131140" i="1"/>
  <c r="AE131141" i="1"/>
  <c r="AE131142" i="1"/>
  <c r="AE131143" i="1"/>
  <c r="AE131144" i="1"/>
  <c r="AE131145" i="1"/>
  <c r="AE131146" i="1"/>
  <c r="AE131147" i="1"/>
  <c r="AE131148" i="1"/>
  <c r="AE131149" i="1"/>
  <c r="AE131150" i="1"/>
  <c r="AE131151" i="1"/>
  <c r="AE131152" i="1"/>
  <c r="AE131153" i="1"/>
  <c r="AE131154" i="1"/>
  <c r="AE131155" i="1"/>
  <c r="AE131156" i="1"/>
  <c r="AE131157" i="1"/>
  <c r="AE131158" i="1"/>
  <c r="AE131159" i="1"/>
  <c r="AE131160" i="1"/>
  <c r="AE131161" i="1"/>
  <c r="AE131162" i="1"/>
  <c r="AE131163" i="1"/>
  <c r="AE131164" i="1"/>
  <c r="AE131165" i="1"/>
  <c r="AE131166" i="1"/>
  <c r="AE131167" i="1"/>
  <c r="AE131168" i="1"/>
  <c r="AE131169" i="1"/>
  <c r="AE131170" i="1"/>
  <c r="AE131171" i="1"/>
  <c r="AE131172" i="1"/>
  <c r="AE131173" i="1"/>
  <c r="AE131174" i="1"/>
  <c r="AE131175" i="1"/>
  <c r="AE131176" i="1"/>
  <c r="AE131177" i="1"/>
  <c r="AE131178" i="1"/>
  <c r="AE131179" i="1"/>
  <c r="AE131180" i="1"/>
  <c r="AE131181" i="1"/>
  <c r="AE131182" i="1"/>
  <c r="AE131183" i="1"/>
  <c r="AE131184" i="1"/>
  <c r="AE131185" i="1"/>
  <c r="AE131186" i="1"/>
  <c r="AE131187" i="1"/>
  <c r="AE131188" i="1"/>
  <c r="AE131189" i="1"/>
  <c r="AE131190" i="1"/>
  <c r="AE131191" i="1"/>
  <c r="AE131192" i="1"/>
  <c r="AE131193" i="1"/>
  <c r="AE131194" i="1"/>
  <c r="AE131195" i="1"/>
  <c r="AE131196" i="1"/>
  <c r="AE131197" i="1"/>
  <c r="AE131198" i="1"/>
  <c r="AE131199" i="1"/>
  <c r="AE131200" i="1"/>
  <c r="AE131201" i="1"/>
  <c r="AE131202" i="1"/>
  <c r="AE131203" i="1"/>
  <c r="AE131204" i="1"/>
  <c r="AE131205" i="1"/>
  <c r="AE131206" i="1"/>
  <c r="AE131207" i="1"/>
  <c r="AE131208" i="1"/>
  <c r="AE131209" i="1"/>
  <c r="AE131210" i="1"/>
  <c r="AE131211" i="1"/>
  <c r="AE131212" i="1"/>
  <c r="AE131213" i="1"/>
  <c r="AE131214" i="1"/>
  <c r="AE131215" i="1"/>
  <c r="AE131216" i="1"/>
  <c r="AE131217" i="1"/>
  <c r="AE131218" i="1"/>
  <c r="AE131219" i="1"/>
  <c r="AE131220" i="1"/>
  <c r="AE131221" i="1"/>
  <c r="AE131222" i="1"/>
  <c r="AE131223" i="1"/>
  <c r="AE131224" i="1"/>
  <c r="AE131225" i="1"/>
  <c r="AE131226" i="1"/>
  <c r="AE131227" i="1"/>
  <c r="AE131228" i="1"/>
  <c r="AE131229" i="1"/>
  <c r="AE131230" i="1"/>
  <c r="AE131231" i="1"/>
  <c r="AE131232" i="1"/>
  <c r="AE131233" i="1"/>
  <c r="AE131234" i="1"/>
  <c r="AE131235" i="1"/>
  <c r="AE131236" i="1"/>
  <c r="AE131237" i="1"/>
  <c r="AE131238" i="1"/>
  <c r="AE131239" i="1"/>
  <c r="AE131240" i="1"/>
  <c r="AE131241" i="1"/>
  <c r="AE131242" i="1"/>
  <c r="AE131243" i="1"/>
  <c r="AE131244" i="1"/>
  <c r="AE131245" i="1"/>
  <c r="AE131246" i="1"/>
  <c r="AE131247" i="1"/>
  <c r="AE131248" i="1"/>
  <c r="AE131249" i="1"/>
  <c r="AE131250" i="1"/>
  <c r="AE131251" i="1"/>
  <c r="AE131252" i="1"/>
  <c r="AE131253" i="1"/>
  <c r="AE131254" i="1"/>
  <c r="AE131255" i="1"/>
  <c r="AE131256" i="1"/>
  <c r="AE131257" i="1"/>
  <c r="AE131258" i="1"/>
  <c r="AE131259" i="1"/>
  <c r="AE131260" i="1"/>
  <c r="AE131261" i="1"/>
  <c r="AE131262" i="1"/>
  <c r="AE131263" i="1"/>
  <c r="AE131264" i="1"/>
  <c r="AE131265" i="1"/>
  <c r="AE131266" i="1"/>
  <c r="AE131267" i="1"/>
  <c r="AE131268" i="1"/>
  <c r="AE131269" i="1"/>
  <c r="AE131270" i="1"/>
  <c r="AE131271" i="1"/>
  <c r="AE131272" i="1"/>
  <c r="AE131273" i="1"/>
  <c r="AE131274" i="1"/>
  <c r="AE131275" i="1"/>
  <c r="AE131276" i="1"/>
  <c r="AE131277" i="1"/>
  <c r="AE131278" i="1"/>
  <c r="AE131279" i="1"/>
  <c r="AE131280" i="1"/>
  <c r="AE131281" i="1"/>
  <c r="AE131282" i="1"/>
  <c r="AE131283" i="1"/>
  <c r="AE131284" i="1"/>
  <c r="AE131285" i="1"/>
  <c r="AE131286" i="1"/>
  <c r="AE131287" i="1"/>
  <c r="AE131288" i="1"/>
  <c r="AE131289" i="1"/>
  <c r="AE131290" i="1"/>
  <c r="AE131291" i="1"/>
  <c r="AE131292" i="1"/>
  <c r="AE131293" i="1"/>
  <c r="AE131294" i="1"/>
  <c r="AE131295" i="1"/>
  <c r="AE131296" i="1"/>
  <c r="AE131297" i="1"/>
  <c r="AE131298" i="1"/>
  <c r="AE131299" i="1"/>
  <c r="AE131300" i="1"/>
  <c r="AE131301" i="1"/>
  <c r="AE131302" i="1"/>
  <c r="AE131303" i="1"/>
  <c r="AE131304" i="1"/>
  <c r="AE131305" i="1"/>
  <c r="AE131306" i="1"/>
  <c r="AE131307" i="1"/>
  <c r="AE131308" i="1"/>
  <c r="AE131309" i="1"/>
  <c r="AE131310" i="1"/>
  <c r="AE131311" i="1"/>
  <c r="AE131312" i="1"/>
  <c r="AE131313" i="1"/>
  <c r="AE131314" i="1"/>
  <c r="AE131315" i="1"/>
  <c r="AE131316" i="1"/>
  <c r="AE131317" i="1"/>
  <c r="AE131318" i="1"/>
  <c r="AE131319" i="1"/>
  <c r="AE131320" i="1"/>
  <c r="AE131321" i="1"/>
  <c r="AE131322" i="1"/>
  <c r="AE131323" i="1"/>
  <c r="AE131324" i="1"/>
  <c r="AE131325" i="1"/>
  <c r="AE131326" i="1"/>
  <c r="AE131327" i="1"/>
  <c r="AE131328" i="1"/>
  <c r="AE131329" i="1"/>
  <c r="AE131330" i="1"/>
  <c r="AE131331" i="1"/>
  <c r="AE131332" i="1"/>
  <c r="AE131333" i="1"/>
  <c r="AE131334" i="1"/>
  <c r="AE131335" i="1"/>
  <c r="AE131336" i="1"/>
  <c r="AE131337" i="1"/>
  <c r="AE131338" i="1"/>
  <c r="AE131339" i="1"/>
  <c r="AE131340" i="1"/>
  <c r="AE131341" i="1"/>
  <c r="AE131342" i="1"/>
  <c r="AE131343" i="1"/>
  <c r="AE131344" i="1"/>
  <c r="AE131345" i="1"/>
  <c r="AE131346" i="1"/>
  <c r="AE131347" i="1"/>
  <c r="AE131348" i="1"/>
  <c r="AE131349" i="1"/>
  <c r="AE131350" i="1"/>
  <c r="AE131351" i="1"/>
  <c r="AE131352" i="1"/>
  <c r="AE131353" i="1"/>
  <c r="AE131354" i="1"/>
  <c r="AE131355" i="1"/>
  <c r="AE131356" i="1"/>
  <c r="AE131357" i="1"/>
  <c r="AE131358" i="1"/>
  <c r="AE131359" i="1"/>
  <c r="AE131360" i="1"/>
  <c r="AE131361" i="1"/>
  <c r="AE131362" i="1"/>
  <c r="AE131363" i="1"/>
  <c r="AE131364" i="1"/>
  <c r="AE131365" i="1"/>
  <c r="AE131366" i="1"/>
  <c r="AE131367" i="1"/>
  <c r="AE131368" i="1"/>
  <c r="AE131369" i="1"/>
  <c r="AE131370" i="1"/>
  <c r="AE131371" i="1"/>
  <c r="AE131372" i="1"/>
  <c r="AE131373" i="1"/>
  <c r="AE131374" i="1"/>
  <c r="AE131375" i="1"/>
  <c r="AE131376" i="1"/>
  <c r="AE131377" i="1"/>
  <c r="AE131378" i="1"/>
  <c r="AE131379" i="1"/>
  <c r="AE131380" i="1"/>
  <c r="AE131381" i="1"/>
  <c r="AE131382" i="1"/>
  <c r="AE131383" i="1"/>
  <c r="AE131384" i="1"/>
  <c r="AE131385" i="1"/>
  <c r="AE131386" i="1"/>
  <c r="AE131387" i="1"/>
  <c r="AE131388" i="1"/>
  <c r="AE131389" i="1"/>
  <c r="AE131390" i="1"/>
  <c r="AE131391" i="1"/>
  <c r="AE131392" i="1"/>
  <c r="AE131393" i="1"/>
  <c r="AE131394" i="1"/>
  <c r="AE131395" i="1"/>
  <c r="AE131396" i="1"/>
  <c r="AE131397" i="1"/>
  <c r="AE131398" i="1"/>
  <c r="AE131399" i="1"/>
  <c r="AE131400" i="1"/>
  <c r="AE131401" i="1"/>
  <c r="AE131402" i="1"/>
  <c r="AE131403" i="1"/>
  <c r="AE131404" i="1"/>
  <c r="AE131405" i="1"/>
  <c r="AE131406" i="1"/>
  <c r="AE131407" i="1"/>
  <c r="AE131408" i="1"/>
  <c r="AE131409" i="1"/>
  <c r="AE131410" i="1"/>
  <c r="AE131411" i="1"/>
  <c r="AE131412" i="1"/>
  <c r="AE131413" i="1"/>
  <c r="AE131414" i="1"/>
  <c r="AE131415" i="1"/>
  <c r="AE131416" i="1"/>
  <c r="AE131417" i="1"/>
  <c r="AE131418" i="1"/>
  <c r="AE131419" i="1"/>
  <c r="AE131420" i="1"/>
  <c r="AE131421" i="1"/>
  <c r="AE131422" i="1"/>
  <c r="AE131423" i="1"/>
  <c r="AE131424" i="1"/>
  <c r="AE131425" i="1"/>
  <c r="AE131426" i="1"/>
  <c r="AE131427" i="1"/>
  <c r="AE131428" i="1"/>
  <c r="AE131429" i="1"/>
  <c r="AE131430" i="1"/>
  <c r="AE131431" i="1"/>
  <c r="AE131432" i="1"/>
  <c r="AE131433" i="1"/>
  <c r="AE131434" i="1"/>
  <c r="AE131435" i="1"/>
  <c r="AE131436" i="1"/>
  <c r="AE131437" i="1"/>
  <c r="AE131438" i="1"/>
  <c r="AE131439" i="1"/>
  <c r="AE131440" i="1"/>
  <c r="AE131441" i="1"/>
  <c r="AE131442" i="1"/>
  <c r="AE131443" i="1"/>
  <c r="AE131444" i="1"/>
  <c r="AE131445" i="1"/>
  <c r="AE131446" i="1"/>
  <c r="AE131447" i="1"/>
  <c r="AE131448" i="1"/>
  <c r="AE131449" i="1"/>
  <c r="AE131450" i="1"/>
  <c r="AE131451" i="1"/>
  <c r="AE131452" i="1"/>
  <c r="AE131453" i="1"/>
  <c r="AE131454" i="1"/>
  <c r="AE131455" i="1"/>
  <c r="AE131456" i="1"/>
  <c r="AE131457" i="1"/>
  <c r="AE131458" i="1"/>
  <c r="AE131459" i="1"/>
  <c r="AE131460" i="1"/>
  <c r="AE131461" i="1"/>
  <c r="AE131462" i="1"/>
  <c r="AE131463" i="1"/>
  <c r="AE131464" i="1"/>
  <c r="AE131465" i="1"/>
  <c r="AE131466" i="1"/>
  <c r="AE131467" i="1"/>
  <c r="AE131468" i="1"/>
  <c r="AE131469" i="1"/>
  <c r="AE131470" i="1"/>
  <c r="AE131471" i="1"/>
  <c r="AE131472" i="1"/>
  <c r="AE131473" i="1"/>
  <c r="AE131474" i="1"/>
  <c r="AE131475" i="1"/>
  <c r="AE131476" i="1"/>
  <c r="AE131477" i="1"/>
  <c r="AE131478" i="1"/>
  <c r="AE131479" i="1"/>
  <c r="AE131480" i="1"/>
  <c r="AE131481" i="1"/>
  <c r="AE131482" i="1"/>
  <c r="AE131483" i="1"/>
  <c r="AE131484" i="1"/>
  <c r="AE131485" i="1"/>
  <c r="AE131486" i="1"/>
  <c r="AE131487" i="1"/>
  <c r="AE131488" i="1"/>
  <c r="AE131489" i="1"/>
  <c r="AE131490" i="1"/>
  <c r="AE131491" i="1"/>
  <c r="AE131492" i="1"/>
  <c r="AE131493" i="1"/>
  <c r="AE131494" i="1"/>
  <c r="AE131495" i="1"/>
  <c r="AE131496" i="1"/>
  <c r="AE131497" i="1"/>
  <c r="AE131498" i="1"/>
  <c r="AE131499" i="1"/>
  <c r="AE131500" i="1"/>
  <c r="AE131501" i="1"/>
  <c r="AE131502" i="1"/>
  <c r="AE131503" i="1"/>
  <c r="AE131504" i="1"/>
  <c r="AE131505" i="1"/>
  <c r="AE131506" i="1"/>
  <c r="AE131507" i="1"/>
  <c r="AE131508" i="1"/>
  <c r="AE131509" i="1"/>
  <c r="AE131510" i="1"/>
  <c r="AE131511" i="1"/>
  <c r="AE131512" i="1"/>
  <c r="AE131513" i="1"/>
  <c r="AE131514" i="1"/>
  <c r="AE131515" i="1"/>
  <c r="AE131516" i="1"/>
  <c r="AE131517" i="1"/>
  <c r="AE131518" i="1"/>
  <c r="AE131519" i="1"/>
  <c r="AE131520" i="1"/>
  <c r="AE131521" i="1"/>
  <c r="AE131522" i="1"/>
  <c r="AE131523" i="1"/>
  <c r="AE131524" i="1"/>
  <c r="AE131525" i="1"/>
  <c r="AE131526" i="1"/>
  <c r="AE131527" i="1"/>
  <c r="AE131528" i="1"/>
  <c r="AE131529" i="1"/>
  <c r="AE131530" i="1"/>
  <c r="AE131531" i="1"/>
  <c r="AE131532" i="1"/>
  <c r="AE131533" i="1"/>
  <c r="AE131534" i="1"/>
  <c r="AE131535" i="1"/>
  <c r="AE131536" i="1"/>
  <c r="AE131537" i="1"/>
  <c r="AE131538" i="1"/>
  <c r="AE131539" i="1"/>
  <c r="AE131540" i="1"/>
  <c r="AE131541" i="1"/>
  <c r="AE131542" i="1"/>
  <c r="AE131543" i="1"/>
  <c r="AE131544" i="1"/>
  <c r="AE131545" i="1"/>
  <c r="AE131546" i="1"/>
  <c r="AE131547" i="1"/>
  <c r="AE131548" i="1"/>
  <c r="AE131549" i="1"/>
  <c r="AE131550" i="1"/>
  <c r="AE131551" i="1"/>
  <c r="AE131552" i="1"/>
  <c r="AE131553" i="1"/>
  <c r="AE131554" i="1"/>
  <c r="AE131555" i="1"/>
  <c r="AE131556" i="1"/>
  <c r="AE131557" i="1"/>
  <c r="AE131558" i="1"/>
  <c r="AE131559" i="1"/>
  <c r="AE131560" i="1"/>
  <c r="AE131561" i="1"/>
  <c r="AE131562" i="1"/>
  <c r="AE131563" i="1"/>
  <c r="AE131564" i="1"/>
  <c r="AE131565" i="1"/>
  <c r="AE131566" i="1"/>
  <c r="AE131567" i="1"/>
  <c r="AE131568" i="1"/>
  <c r="AE131569" i="1"/>
  <c r="AE131570" i="1"/>
  <c r="AE131571" i="1"/>
  <c r="AE131572" i="1"/>
  <c r="AE131573" i="1"/>
  <c r="AE131574" i="1"/>
  <c r="AE131575" i="1"/>
  <c r="AE131576" i="1"/>
  <c r="AE131577" i="1"/>
  <c r="AE131578" i="1"/>
  <c r="AE131579" i="1"/>
  <c r="AE131580" i="1"/>
  <c r="AE131581" i="1"/>
  <c r="AE131582" i="1"/>
  <c r="AE131583" i="1"/>
  <c r="AE131584" i="1"/>
  <c r="AE131585" i="1"/>
  <c r="AE131586" i="1"/>
  <c r="AE131587" i="1"/>
  <c r="AE131588" i="1"/>
  <c r="AE131589" i="1"/>
  <c r="AE131590" i="1"/>
  <c r="AE131591" i="1"/>
  <c r="AE131592" i="1"/>
  <c r="AE131593" i="1"/>
  <c r="AE131594" i="1"/>
  <c r="AE131595" i="1"/>
  <c r="AE131596" i="1"/>
  <c r="AE131597" i="1"/>
  <c r="AE131598" i="1"/>
  <c r="AE131599" i="1"/>
  <c r="AE131600" i="1"/>
  <c r="AE131601" i="1"/>
  <c r="AE131602" i="1"/>
  <c r="AE131603" i="1"/>
  <c r="AE131604" i="1"/>
  <c r="AE131605" i="1"/>
  <c r="AE131606" i="1"/>
  <c r="AE131607" i="1"/>
  <c r="AE131608" i="1"/>
  <c r="AE131609" i="1"/>
  <c r="AE131610" i="1"/>
  <c r="AE131611" i="1"/>
  <c r="AE131612" i="1"/>
  <c r="AE131613" i="1"/>
  <c r="AE131614" i="1"/>
  <c r="AE131615" i="1"/>
  <c r="AE131616" i="1"/>
  <c r="AE131617" i="1"/>
  <c r="AE131618" i="1"/>
  <c r="AE131619" i="1"/>
  <c r="AE131620" i="1"/>
  <c r="AE131621" i="1"/>
  <c r="AE131622" i="1"/>
  <c r="AE131623" i="1"/>
  <c r="AE131624" i="1"/>
  <c r="AE131625" i="1"/>
  <c r="AE131626" i="1"/>
  <c r="AE131627" i="1"/>
  <c r="AE131628" i="1"/>
  <c r="AE131629" i="1"/>
  <c r="AE131630" i="1"/>
  <c r="AE131631" i="1"/>
  <c r="AE131632" i="1"/>
  <c r="AE131633" i="1"/>
  <c r="AE131634" i="1"/>
  <c r="AE131635" i="1"/>
  <c r="AE131636" i="1"/>
  <c r="AE131637" i="1"/>
  <c r="AE131638" i="1"/>
  <c r="AE131639" i="1"/>
  <c r="AE131640" i="1"/>
  <c r="AE131641" i="1"/>
  <c r="AE131642" i="1"/>
  <c r="AE131643" i="1"/>
  <c r="AE131644" i="1"/>
  <c r="AE131645" i="1"/>
  <c r="AE131646" i="1"/>
  <c r="AE131647" i="1"/>
  <c r="AE131648" i="1"/>
  <c r="AE131649" i="1"/>
  <c r="AE131650" i="1"/>
  <c r="AE131651" i="1"/>
  <c r="AE131652" i="1"/>
  <c r="AE131653" i="1"/>
  <c r="AE131654" i="1"/>
  <c r="AE131655" i="1"/>
  <c r="AE131656" i="1"/>
  <c r="AE131657" i="1"/>
  <c r="AE131658" i="1"/>
  <c r="AE131659" i="1"/>
  <c r="AE131660" i="1"/>
  <c r="AE131661" i="1"/>
  <c r="AE131662" i="1"/>
  <c r="AE131663" i="1"/>
  <c r="AE131664" i="1"/>
  <c r="AE131665" i="1"/>
  <c r="AE131666" i="1"/>
  <c r="AE131667" i="1"/>
  <c r="AE131668" i="1"/>
  <c r="AE131669" i="1"/>
  <c r="AE131670" i="1"/>
  <c r="AE131671" i="1"/>
  <c r="AE131672" i="1"/>
  <c r="AE131673" i="1"/>
  <c r="AE131674" i="1"/>
  <c r="AE131675" i="1"/>
  <c r="AE131676" i="1"/>
  <c r="AE131677" i="1"/>
  <c r="AE131678" i="1"/>
  <c r="AE131679" i="1"/>
  <c r="AE131680" i="1"/>
  <c r="AE131681" i="1"/>
  <c r="AE131682" i="1"/>
  <c r="AE131683" i="1"/>
  <c r="AE131684" i="1"/>
  <c r="AE131685" i="1"/>
  <c r="AE131686" i="1"/>
  <c r="AE131687" i="1"/>
  <c r="AE131688" i="1"/>
  <c r="AE131689" i="1"/>
  <c r="AE131690" i="1"/>
  <c r="AE131691" i="1"/>
  <c r="AE131692" i="1"/>
  <c r="AE131693" i="1"/>
  <c r="AE131694" i="1"/>
  <c r="AE131695" i="1"/>
  <c r="AE131696" i="1"/>
  <c r="AE131697" i="1"/>
  <c r="AE131698" i="1"/>
  <c r="AE131699" i="1"/>
  <c r="AE131700" i="1"/>
  <c r="AE131701" i="1"/>
  <c r="AE131702" i="1"/>
  <c r="AE131703" i="1"/>
  <c r="AE131704" i="1"/>
  <c r="AE131705" i="1"/>
  <c r="AE131706" i="1"/>
  <c r="AE131707" i="1"/>
  <c r="AE131708" i="1"/>
  <c r="AE131709" i="1"/>
  <c r="AE131710" i="1"/>
  <c r="AE131711" i="1"/>
  <c r="AE131712" i="1"/>
  <c r="AE131713" i="1"/>
  <c r="AE131714" i="1"/>
  <c r="AE131715" i="1"/>
  <c r="AE131716" i="1"/>
  <c r="AE131717" i="1"/>
  <c r="AE131718" i="1"/>
  <c r="AE131719" i="1"/>
  <c r="AE131720" i="1"/>
  <c r="AE131721" i="1"/>
  <c r="AE131722" i="1"/>
  <c r="AE131723" i="1"/>
  <c r="AE131724" i="1"/>
  <c r="AE131725" i="1"/>
  <c r="AE131726" i="1"/>
  <c r="AE131727" i="1"/>
  <c r="AE131728" i="1"/>
  <c r="AE131729" i="1"/>
  <c r="AE131730" i="1"/>
  <c r="AE131731" i="1"/>
  <c r="AE131732" i="1"/>
  <c r="AE131733" i="1"/>
  <c r="AE131734" i="1"/>
  <c r="AE131735" i="1"/>
  <c r="AE131736" i="1"/>
  <c r="AE131737" i="1"/>
  <c r="AE131738" i="1"/>
  <c r="AE131739" i="1"/>
  <c r="AE131740" i="1"/>
  <c r="AE131741" i="1"/>
  <c r="AE131742" i="1"/>
  <c r="AE131743" i="1"/>
  <c r="AE131744" i="1"/>
  <c r="AE131745" i="1"/>
  <c r="AE131746" i="1"/>
  <c r="AE131747" i="1"/>
  <c r="AE131748" i="1"/>
  <c r="AE131749" i="1"/>
  <c r="AE131750" i="1"/>
  <c r="AE131751" i="1"/>
  <c r="AE131752" i="1"/>
  <c r="AE131753" i="1"/>
  <c r="AE131754" i="1"/>
  <c r="AE131755" i="1"/>
  <c r="AE131756" i="1"/>
  <c r="AE131757" i="1"/>
  <c r="AE131758" i="1"/>
  <c r="AE131759" i="1"/>
  <c r="AE131760" i="1"/>
  <c r="AE131761" i="1"/>
  <c r="AE131762" i="1"/>
  <c r="AE131763" i="1"/>
  <c r="AE131764" i="1"/>
  <c r="AE131765" i="1"/>
  <c r="AE131766" i="1"/>
  <c r="AE131767" i="1"/>
  <c r="AE131768" i="1"/>
  <c r="AE131769" i="1"/>
  <c r="AE131770" i="1"/>
  <c r="AE131771" i="1"/>
  <c r="AE131772" i="1"/>
  <c r="AE131773" i="1"/>
  <c r="AE131774" i="1"/>
  <c r="AE131775" i="1"/>
  <c r="AE131776" i="1"/>
  <c r="AE131777" i="1"/>
  <c r="AE131778" i="1"/>
  <c r="AE131779" i="1"/>
  <c r="AE131780" i="1"/>
  <c r="AE131781" i="1"/>
  <c r="AE131782" i="1"/>
  <c r="AE131783" i="1"/>
  <c r="AE131784" i="1"/>
  <c r="AE131785" i="1"/>
  <c r="AE131786" i="1"/>
  <c r="AE131787" i="1"/>
  <c r="AE131788" i="1"/>
  <c r="AE131789" i="1"/>
  <c r="AE131790" i="1"/>
  <c r="AE131791" i="1"/>
  <c r="AE131792" i="1"/>
  <c r="AE131793" i="1"/>
  <c r="AE131794" i="1"/>
  <c r="AE131795" i="1"/>
  <c r="AE131796" i="1"/>
  <c r="AE131797" i="1"/>
  <c r="AE131798" i="1"/>
  <c r="AE131799" i="1"/>
  <c r="AE131800" i="1"/>
  <c r="AE131801" i="1"/>
  <c r="AE131802" i="1"/>
  <c r="AE131803" i="1"/>
  <c r="AE131804" i="1"/>
  <c r="AE131805" i="1"/>
  <c r="AE131806" i="1"/>
  <c r="AE131807" i="1"/>
  <c r="AE131808" i="1"/>
  <c r="AE131809" i="1"/>
  <c r="AE131810" i="1"/>
  <c r="AE131811" i="1"/>
  <c r="AE131812" i="1"/>
  <c r="AE131813" i="1"/>
  <c r="AE131814" i="1"/>
  <c r="AE131815" i="1"/>
  <c r="AE131816" i="1"/>
  <c r="AE131817" i="1"/>
  <c r="AE131818" i="1"/>
  <c r="AE131819" i="1"/>
  <c r="AE131820" i="1"/>
  <c r="AE131821" i="1"/>
  <c r="AE131822" i="1"/>
  <c r="AE131823" i="1"/>
  <c r="AE131824" i="1"/>
  <c r="AE131825" i="1"/>
  <c r="AE131826" i="1"/>
  <c r="AE131827" i="1"/>
  <c r="AE131828" i="1"/>
  <c r="AE131829" i="1"/>
  <c r="AE131830" i="1"/>
  <c r="AE131831" i="1"/>
  <c r="AE131832" i="1"/>
  <c r="AE131833" i="1"/>
  <c r="AE131834" i="1"/>
  <c r="AE131835" i="1"/>
  <c r="AE131836" i="1"/>
  <c r="AE131837" i="1"/>
  <c r="AE131838" i="1"/>
  <c r="AE131839" i="1"/>
  <c r="AE131840" i="1"/>
  <c r="AE131841" i="1"/>
  <c r="AE131842" i="1"/>
  <c r="AE131843" i="1"/>
  <c r="AE131844" i="1"/>
  <c r="AE131845" i="1"/>
  <c r="AE131846" i="1"/>
  <c r="AE131847" i="1"/>
  <c r="AE131848" i="1"/>
  <c r="AE131849" i="1"/>
  <c r="AE131850" i="1"/>
  <c r="AE131851" i="1"/>
  <c r="AE131852" i="1"/>
  <c r="AE131853" i="1"/>
  <c r="AE131854" i="1"/>
  <c r="AE131855" i="1"/>
  <c r="AE131856" i="1"/>
  <c r="AE131857" i="1"/>
  <c r="AE131858" i="1"/>
  <c r="AE131859" i="1"/>
  <c r="AE131860" i="1"/>
  <c r="AE131861" i="1"/>
  <c r="AE131862" i="1"/>
  <c r="AE131863" i="1"/>
  <c r="AE131864" i="1"/>
  <c r="AE131865" i="1"/>
  <c r="AE131866" i="1"/>
  <c r="AE131867" i="1"/>
  <c r="AE131868" i="1"/>
  <c r="AE131869" i="1"/>
  <c r="AE131870" i="1"/>
  <c r="AE131871" i="1"/>
  <c r="AE131872" i="1"/>
  <c r="AE131873" i="1"/>
  <c r="AE131874" i="1"/>
  <c r="AE131875" i="1"/>
  <c r="AE131876" i="1"/>
  <c r="AE131877" i="1"/>
  <c r="AE131878" i="1"/>
  <c r="AE131879" i="1"/>
  <c r="AE131880" i="1"/>
  <c r="AE131881" i="1"/>
  <c r="AE131882" i="1"/>
  <c r="AE131883" i="1"/>
  <c r="AE131884" i="1"/>
  <c r="AE131885" i="1"/>
  <c r="AE131886" i="1"/>
  <c r="AE131887" i="1"/>
  <c r="AE131888" i="1"/>
  <c r="AE131889" i="1"/>
  <c r="AE131890" i="1"/>
  <c r="AE131891" i="1"/>
  <c r="AE131892" i="1"/>
  <c r="AE131893" i="1"/>
  <c r="AE131894" i="1"/>
  <c r="AE131895" i="1"/>
  <c r="AE131896" i="1"/>
  <c r="AE131897" i="1"/>
  <c r="AE131898" i="1"/>
  <c r="AE131899" i="1"/>
  <c r="AE131900" i="1"/>
  <c r="AE131901" i="1"/>
  <c r="AE131902" i="1"/>
  <c r="AE131903" i="1"/>
  <c r="AE131904" i="1"/>
  <c r="AE131905" i="1"/>
  <c r="AE131906" i="1"/>
  <c r="AE131907" i="1"/>
  <c r="AE131908" i="1"/>
  <c r="AE131909" i="1"/>
  <c r="AE131910" i="1"/>
  <c r="AE131911" i="1"/>
  <c r="AE131912" i="1"/>
  <c r="AE131913" i="1"/>
  <c r="AE131914" i="1"/>
  <c r="AE131915" i="1"/>
  <c r="AE131916" i="1"/>
  <c r="AE131917" i="1"/>
  <c r="AE131918" i="1"/>
  <c r="AE131919" i="1"/>
  <c r="AE131920" i="1"/>
  <c r="AE131921" i="1"/>
  <c r="AE131922" i="1"/>
  <c r="AE131923" i="1"/>
  <c r="AE131924" i="1"/>
  <c r="AE131925" i="1"/>
  <c r="AE131926" i="1"/>
  <c r="AE131927" i="1"/>
  <c r="AE131928" i="1"/>
  <c r="AE131929" i="1"/>
  <c r="AE131930" i="1"/>
  <c r="AE131931" i="1"/>
  <c r="AE131932" i="1"/>
  <c r="AE131933" i="1"/>
  <c r="AE131934" i="1"/>
  <c r="AE131935" i="1"/>
  <c r="AE131936" i="1"/>
  <c r="AE131937" i="1"/>
  <c r="AE131938" i="1"/>
  <c r="AE131939" i="1"/>
  <c r="AE131940" i="1"/>
  <c r="AE131941" i="1"/>
  <c r="AE131942" i="1"/>
  <c r="AE131943" i="1"/>
  <c r="AE131944" i="1"/>
  <c r="AE131945" i="1"/>
  <c r="AE131946" i="1"/>
  <c r="AE131947" i="1"/>
  <c r="AE131948" i="1"/>
  <c r="AE131949" i="1"/>
  <c r="AE131950" i="1"/>
  <c r="AE131951" i="1"/>
  <c r="AE131952" i="1"/>
  <c r="AE131953" i="1"/>
  <c r="AE131954" i="1"/>
  <c r="AE131955" i="1"/>
  <c r="AE131956" i="1"/>
  <c r="AE131957" i="1"/>
  <c r="AE131958" i="1"/>
  <c r="AE131959" i="1"/>
  <c r="AE131960" i="1"/>
  <c r="AE131961" i="1"/>
  <c r="AE131962" i="1"/>
  <c r="AE131963" i="1"/>
  <c r="AE131964" i="1"/>
  <c r="AE131965" i="1"/>
  <c r="AE131966" i="1"/>
  <c r="AE131967" i="1"/>
  <c r="AE131968" i="1"/>
  <c r="AE131969" i="1"/>
  <c r="AE131970" i="1"/>
  <c r="AE131971" i="1"/>
  <c r="AE131972" i="1"/>
  <c r="AE131973" i="1"/>
  <c r="AE131974" i="1"/>
  <c r="AE131975" i="1"/>
  <c r="AE131976" i="1"/>
  <c r="AE131977" i="1"/>
  <c r="AE131978" i="1"/>
  <c r="AE131979" i="1"/>
  <c r="AE131980" i="1"/>
  <c r="AE131981" i="1"/>
  <c r="AE131982" i="1"/>
  <c r="AE131983" i="1"/>
  <c r="AE131984" i="1"/>
  <c r="AE131985" i="1"/>
  <c r="AE131986" i="1"/>
  <c r="AE131987" i="1"/>
  <c r="AE131988" i="1"/>
  <c r="AE131989" i="1"/>
  <c r="AE131990" i="1"/>
  <c r="AE131991" i="1"/>
  <c r="AE131992" i="1"/>
  <c r="AE131993" i="1"/>
  <c r="AE131994" i="1"/>
  <c r="AE131995" i="1"/>
  <c r="AE131996" i="1"/>
  <c r="AE131997" i="1"/>
  <c r="AE131998" i="1"/>
  <c r="AE131999" i="1"/>
  <c r="AE132000" i="1"/>
  <c r="AE132001" i="1"/>
  <c r="AE132002" i="1"/>
  <c r="AE132003" i="1"/>
  <c r="AE132004" i="1"/>
  <c r="AE132005" i="1"/>
  <c r="AE132006" i="1"/>
  <c r="AE132007" i="1"/>
  <c r="AE132008" i="1"/>
  <c r="AE132009" i="1"/>
  <c r="AE132010" i="1"/>
  <c r="AE132011" i="1"/>
  <c r="AE132012" i="1"/>
  <c r="AE132013" i="1"/>
  <c r="AE132014" i="1"/>
  <c r="AE132015" i="1"/>
  <c r="AE132016" i="1"/>
  <c r="AE132017" i="1"/>
  <c r="AE132018" i="1"/>
  <c r="AE132019" i="1"/>
  <c r="AE132020" i="1"/>
  <c r="AE132021" i="1"/>
  <c r="AE132022" i="1"/>
  <c r="AE132023" i="1"/>
  <c r="AE132024" i="1"/>
  <c r="AE132025" i="1"/>
  <c r="AE132026" i="1"/>
  <c r="AE132027" i="1"/>
  <c r="AE132028" i="1"/>
  <c r="AE132029" i="1"/>
  <c r="AE132030" i="1"/>
  <c r="AE132031" i="1"/>
  <c r="AE132032" i="1"/>
  <c r="AE132033" i="1"/>
  <c r="AE132034" i="1"/>
  <c r="AE132035" i="1"/>
  <c r="AE132036" i="1"/>
  <c r="AE132037" i="1"/>
  <c r="AE132038" i="1"/>
  <c r="AE132039" i="1"/>
  <c r="AE132040" i="1"/>
  <c r="AE132041" i="1"/>
  <c r="AE132042" i="1"/>
  <c r="AE132043" i="1"/>
  <c r="AE132044" i="1"/>
  <c r="AE132045" i="1"/>
  <c r="AE132046" i="1"/>
  <c r="AE132047" i="1"/>
  <c r="AE132048" i="1"/>
  <c r="AE132049" i="1"/>
  <c r="AE132050" i="1"/>
  <c r="AE132051" i="1"/>
  <c r="AE132052" i="1"/>
  <c r="AE132053" i="1"/>
  <c r="AE132054" i="1"/>
  <c r="AE132055" i="1"/>
  <c r="AE132056" i="1"/>
  <c r="AE132057" i="1"/>
  <c r="AE132058" i="1"/>
  <c r="AE132059" i="1"/>
  <c r="AE132060" i="1"/>
  <c r="AE132061" i="1"/>
  <c r="AE132062" i="1"/>
  <c r="AE132063" i="1"/>
  <c r="AE132064" i="1"/>
  <c r="AE132065" i="1"/>
  <c r="AE132066" i="1"/>
  <c r="AE132067" i="1"/>
  <c r="AE132068" i="1"/>
  <c r="AE132069" i="1"/>
  <c r="AE132070" i="1"/>
  <c r="AE132071" i="1"/>
  <c r="AE132072" i="1"/>
  <c r="AE132073" i="1"/>
  <c r="AE132074" i="1"/>
  <c r="AE132075" i="1"/>
  <c r="AE132076" i="1"/>
  <c r="AE132077" i="1"/>
  <c r="AE132078" i="1"/>
  <c r="AE132079" i="1"/>
  <c r="AE132080" i="1"/>
  <c r="AE132081" i="1"/>
  <c r="AE132082" i="1"/>
  <c r="AE132083" i="1"/>
  <c r="AE132084" i="1"/>
  <c r="AE132085" i="1"/>
  <c r="AE132086" i="1"/>
  <c r="AE132087" i="1"/>
  <c r="AE132088" i="1"/>
  <c r="AE132089" i="1"/>
  <c r="AE132090" i="1"/>
  <c r="AE132091" i="1"/>
  <c r="AE132092" i="1"/>
  <c r="AE132093" i="1"/>
  <c r="AE132094" i="1"/>
  <c r="AE132095" i="1"/>
  <c r="AE132096" i="1"/>
  <c r="AE132097" i="1"/>
  <c r="AE132098" i="1"/>
  <c r="AE132099" i="1"/>
  <c r="AE132100" i="1"/>
  <c r="AE132101" i="1"/>
  <c r="AE132102" i="1"/>
  <c r="AE132103" i="1"/>
  <c r="AE132104" i="1"/>
  <c r="AE132105" i="1"/>
  <c r="AE132106" i="1"/>
  <c r="AE132107" i="1"/>
  <c r="AE132108" i="1"/>
  <c r="AE132109" i="1"/>
  <c r="AE132110" i="1"/>
  <c r="AE132111" i="1"/>
  <c r="AE132112" i="1"/>
  <c r="AE132113" i="1"/>
  <c r="AE132114" i="1"/>
  <c r="AE132115" i="1"/>
  <c r="AE132116" i="1"/>
  <c r="AE132117" i="1"/>
  <c r="AE132118" i="1"/>
  <c r="AE132119" i="1"/>
  <c r="AE132120" i="1"/>
  <c r="AE132121" i="1"/>
  <c r="AE132122" i="1"/>
  <c r="AE132123" i="1"/>
  <c r="AE132124" i="1"/>
  <c r="AE132125" i="1"/>
  <c r="AE132126" i="1"/>
  <c r="AE132127" i="1"/>
  <c r="AE132128" i="1"/>
  <c r="AE132129" i="1"/>
  <c r="AE132130" i="1"/>
  <c r="AE132131" i="1"/>
  <c r="AE132132" i="1"/>
  <c r="AE132133" i="1"/>
  <c r="AE132134" i="1"/>
  <c r="AE132135" i="1"/>
  <c r="AE132136" i="1"/>
  <c r="AE132137" i="1"/>
  <c r="AE132138" i="1"/>
  <c r="AE132139" i="1"/>
  <c r="AE132140" i="1"/>
  <c r="AE132141" i="1"/>
  <c r="AE132142" i="1"/>
  <c r="AE132143" i="1"/>
  <c r="AE132144" i="1"/>
  <c r="AE132145" i="1"/>
  <c r="AE132146" i="1"/>
  <c r="AE132147" i="1"/>
  <c r="AE132148" i="1"/>
  <c r="AE132149" i="1"/>
  <c r="AE132150" i="1"/>
  <c r="AE132151" i="1"/>
  <c r="AE132152" i="1"/>
  <c r="AE132153" i="1"/>
  <c r="AE132154" i="1"/>
  <c r="AE132155" i="1"/>
  <c r="AE132156" i="1"/>
  <c r="AE132157" i="1"/>
  <c r="AE132158" i="1"/>
  <c r="AE132159" i="1"/>
  <c r="AE132160" i="1"/>
  <c r="AE132161" i="1"/>
  <c r="AE132162" i="1"/>
  <c r="AE132163" i="1"/>
  <c r="AE132164" i="1"/>
  <c r="AE132165" i="1"/>
  <c r="AE132166" i="1"/>
  <c r="AE132167" i="1"/>
  <c r="AE132168" i="1"/>
  <c r="AE132169" i="1"/>
  <c r="AE132170" i="1"/>
  <c r="AE132171" i="1"/>
  <c r="AE132172" i="1"/>
  <c r="AE132173" i="1"/>
  <c r="AE132174" i="1"/>
  <c r="AE132175" i="1"/>
  <c r="AE132176" i="1"/>
  <c r="AE132177" i="1"/>
  <c r="AE132178" i="1"/>
  <c r="AE132179" i="1"/>
  <c r="AE132180" i="1"/>
  <c r="AE132181" i="1"/>
  <c r="AE132182" i="1"/>
  <c r="AE132183" i="1"/>
  <c r="AE132184" i="1"/>
  <c r="AE132185" i="1"/>
  <c r="AE132186" i="1"/>
  <c r="AE132187" i="1"/>
  <c r="AE132188" i="1"/>
  <c r="AE132189" i="1"/>
  <c r="AE132190" i="1"/>
  <c r="AE132191" i="1"/>
  <c r="AE132192" i="1"/>
  <c r="AE132193" i="1"/>
  <c r="AE132194" i="1"/>
  <c r="AE132195" i="1"/>
  <c r="AE132196" i="1"/>
  <c r="AE132197" i="1"/>
  <c r="AE132198" i="1"/>
  <c r="AE132199" i="1"/>
  <c r="AE132200" i="1"/>
  <c r="AE132201" i="1"/>
  <c r="AE132202" i="1"/>
  <c r="AE132203" i="1"/>
  <c r="AE132204" i="1"/>
  <c r="AE132205" i="1"/>
  <c r="AE132206" i="1"/>
  <c r="AE132207" i="1"/>
  <c r="AE132208" i="1"/>
  <c r="AE132209" i="1"/>
  <c r="AE132210" i="1"/>
  <c r="AE132211" i="1"/>
  <c r="AE132212" i="1"/>
  <c r="AE132213" i="1"/>
  <c r="AE132214" i="1"/>
  <c r="AE132215" i="1"/>
  <c r="AE132216" i="1"/>
  <c r="AE132217" i="1"/>
  <c r="AE132218" i="1"/>
  <c r="AE132219" i="1"/>
  <c r="AE132220" i="1"/>
  <c r="AE132221" i="1"/>
  <c r="AE132222" i="1"/>
  <c r="AE132223" i="1"/>
  <c r="AE132224" i="1"/>
  <c r="AE132225" i="1"/>
  <c r="AE132226" i="1"/>
  <c r="AE132227" i="1"/>
  <c r="AE132228" i="1"/>
  <c r="AE132229" i="1"/>
  <c r="AE132230" i="1"/>
  <c r="AE132231" i="1"/>
  <c r="AE132232" i="1"/>
  <c r="AE132233" i="1"/>
  <c r="AE132234" i="1"/>
  <c r="AE132235" i="1"/>
  <c r="AE132236" i="1"/>
  <c r="AE132237" i="1"/>
  <c r="AE132238" i="1"/>
  <c r="AE132239" i="1"/>
  <c r="AE132240" i="1"/>
  <c r="AE132241" i="1"/>
  <c r="AE132242" i="1"/>
  <c r="AE132243" i="1"/>
  <c r="AE132244" i="1"/>
  <c r="AE132245" i="1"/>
  <c r="AE132246" i="1"/>
  <c r="AE132247" i="1"/>
  <c r="AE132248" i="1"/>
  <c r="AE132249" i="1"/>
  <c r="AE132250" i="1"/>
  <c r="AE132251" i="1"/>
  <c r="AE132252" i="1"/>
  <c r="AE132253" i="1"/>
  <c r="AE132254" i="1"/>
  <c r="AE132255" i="1"/>
  <c r="AE132256" i="1"/>
  <c r="AE132257" i="1"/>
  <c r="AE132258" i="1"/>
  <c r="AE132259" i="1"/>
  <c r="AE132260" i="1"/>
  <c r="AE132261" i="1"/>
  <c r="AE132262" i="1"/>
  <c r="AE132263" i="1"/>
  <c r="AE132264" i="1"/>
  <c r="AE132265" i="1"/>
  <c r="AE132266" i="1"/>
  <c r="AE132267" i="1"/>
  <c r="AE132268" i="1"/>
  <c r="AE132269" i="1"/>
  <c r="AE132270" i="1"/>
  <c r="AE132271" i="1"/>
  <c r="AE132272" i="1"/>
  <c r="AE132273" i="1"/>
  <c r="AE132274" i="1"/>
  <c r="AE132275" i="1"/>
  <c r="AE132276" i="1"/>
  <c r="AE132277" i="1"/>
  <c r="AE132278" i="1"/>
  <c r="AE132279" i="1"/>
  <c r="AE132280" i="1"/>
  <c r="AE132281" i="1"/>
  <c r="AE132282" i="1"/>
  <c r="AE132283" i="1"/>
  <c r="AE132284" i="1"/>
  <c r="AE132285" i="1"/>
  <c r="AE132286" i="1"/>
  <c r="AE132287" i="1"/>
  <c r="AE132288" i="1"/>
  <c r="AE132289" i="1"/>
  <c r="AE132290" i="1"/>
  <c r="AE132291" i="1"/>
  <c r="AE132292" i="1"/>
  <c r="AE132293" i="1"/>
  <c r="AE132294" i="1"/>
  <c r="AE132295" i="1"/>
  <c r="AE132296" i="1"/>
  <c r="AE132297" i="1"/>
  <c r="AE132298" i="1"/>
  <c r="AE132299" i="1"/>
  <c r="AE132300" i="1"/>
  <c r="AE132301" i="1"/>
  <c r="AE132302" i="1"/>
  <c r="AE132303" i="1"/>
  <c r="AE132304" i="1"/>
  <c r="AE132305" i="1"/>
  <c r="AE132306" i="1"/>
  <c r="AE132307" i="1"/>
  <c r="AE132308" i="1"/>
  <c r="AE132309" i="1"/>
  <c r="AE132310" i="1"/>
  <c r="AE132311" i="1"/>
  <c r="AE132312" i="1"/>
  <c r="AE132313" i="1"/>
  <c r="AE132314" i="1"/>
  <c r="AE132315" i="1"/>
  <c r="AE132316" i="1"/>
  <c r="AE132317" i="1"/>
  <c r="AE132318" i="1"/>
  <c r="AE132319" i="1"/>
  <c r="AE132320" i="1"/>
  <c r="AE132321" i="1"/>
  <c r="AE132322" i="1"/>
  <c r="AE132323" i="1"/>
  <c r="AE132324" i="1"/>
  <c r="AE132325" i="1"/>
  <c r="AE132326" i="1"/>
  <c r="AE132327" i="1"/>
  <c r="AE132328" i="1"/>
  <c r="AE132329" i="1"/>
  <c r="AE132330" i="1"/>
  <c r="AE132331" i="1"/>
  <c r="AE132332" i="1"/>
  <c r="AE132333" i="1"/>
  <c r="AE132334" i="1"/>
  <c r="AE132335" i="1"/>
  <c r="AE132336" i="1"/>
  <c r="AE132337" i="1"/>
  <c r="AE132338" i="1"/>
  <c r="AE132339" i="1"/>
  <c r="AE132340" i="1"/>
  <c r="AE132341" i="1"/>
  <c r="AE132342" i="1"/>
  <c r="AE132343" i="1"/>
  <c r="AE132344" i="1"/>
  <c r="AE132345" i="1"/>
  <c r="AE132346" i="1"/>
  <c r="AE132347" i="1"/>
  <c r="AE132348" i="1"/>
  <c r="AE132349" i="1"/>
  <c r="AE132350" i="1"/>
  <c r="AE132351" i="1"/>
  <c r="AE132352" i="1"/>
  <c r="AE132353" i="1"/>
  <c r="AE132354" i="1"/>
  <c r="AE132355" i="1"/>
  <c r="AE132356" i="1"/>
  <c r="AE132357" i="1"/>
  <c r="AE132358" i="1"/>
  <c r="AE132359" i="1"/>
  <c r="AE132360" i="1"/>
  <c r="AE132361" i="1"/>
  <c r="AE132362" i="1"/>
  <c r="AE132363" i="1"/>
  <c r="AE132364" i="1"/>
  <c r="AE132365" i="1"/>
  <c r="AE132366" i="1"/>
  <c r="AE132367" i="1"/>
  <c r="AE132368" i="1"/>
  <c r="AE132369" i="1"/>
  <c r="AE132370" i="1"/>
  <c r="AE132371" i="1"/>
  <c r="AE132372" i="1"/>
  <c r="AE132373" i="1"/>
  <c r="AE132374" i="1"/>
  <c r="AE132375" i="1"/>
  <c r="AE132376" i="1"/>
  <c r="AE132377" i="1"/>
  <c r="AE132378" i="1"/>
  <c r="AE132379" i="1"/>
  <c r="AE132380" i="1"/>
  <c r="AE132381" i="1"/>
  <c r="AE132382" i="1"/>
  <c r="AE132383" i="1"/>
  <c r="AE132384" i="1"/>
  <c r="AE132385" i="1"/>
  <c r="AE132386" i="1"/>
  <c r="AE132387" i="1"/>
  <c r="AE132388" i="1"/>
  <c r="AE132389" i="1"/>
  <c r="AE132390" i="1"/>
  <c r="AE132391" i="1"/>
  <c r="AE132392" i="1"/>
  <c r="AE132393" i="1"/>
  <c r="AE132394" i="1"/>
  <c r="AE132395" i="1"/>
  <c r="AE132396" i="1"/>
  <c r="AE132397" i="1"/>
  <c r="AE132398" i="1"/>
  <c r="AE132399" i="1"/>
  <c r="AE132400" i="1"/>
  <c r="AE132401" i="1"/>
  <c r="AE132402" i="1"/>
  <c r="AE132403" i="1"/>
  <c r="AE132404" i="1"/>
  <c r="AE132405" i="1"/>
  <c r="AE132406" i="1"/>
  <c r="AE132407" i="1"/>
  <c r="AE132408" i="1"/>
  <c r="AE132409" i="1"/>
  <c r="AE132410" i="1"/>
  <c r="AE132411" i="1"/>
  <c r="AE132412" i="1"/>
  <c r="AE132413" i="1"/>
  <c r="AE132414" i="1"/>
  <c r="AE132415" i="1"/>
  <c r="AE132416" i="1"/>
  <c r="AE132417" i="1"/>
  <c r="AE132418" i="1"/>
  <c r="AE132419" i="1"/>
  <c r="AE132420" i="1"/>
  <c r="AE132421" i="1"/>
  <c r="AE132422" i="1"/>
  <c r="AE132423" i="1"/>
  <c r="AE132424" i="1"/>
  <c r="AE132425" i="1"/>
  <c r="AE132426" i="1"/>
  <c r="AE132427" i="1"/>
  <c r="AE132428" i="1"/>
  <c r="AE132429" i="1"/>
  <c r="AE132430" i="1"/>
  <c r="AE132431" i="1"/>
  <c r="AE132432" i="1"/>
  <c r="AE132433" i="1"/>
  <c r="AE132434" i="1"/>
  <c r="AE132435" i="1"/>
  <c r="AE132436" i="1"/>
  <c r="AE132437" i="1"/>
  <c r="AE132438" i="1"/>
  <c r="AE132439" i="1"/>
  <c r="AE132440" i="1"/>
  <c r="AE132441" i="1"/>
  <c r="AE132442" i="1"/>
  <c r="AE132443" i="1"/>
  <c r="AE132444" i="1"/>
  <c r="AE132445" i="1"/>
  <c r="AE132446" i="1"/>
  <c r="AE132447" i="1"/>
  <c r="AE132448" i="1"/>
  <c r="AE132449" i="1"/>
  <c r="AE132450" i="1"/>
  <c r="AE132451" i="1"/>
  <c r="AE132452" i="1"/>
  <c r="AE132453" i="1"/>
  <c r="AE132454" i="1"/>
  <c r="AE132455" i="1"/>
  <c r="AE132456" i="1"/>
  <c r="AE132457" i="1"/>
  <c r="AE132458" i="1"/>
  <c r="AE132459" i="1"/>
  <c r="AE132460" i="1"/>
  <c r="AE132461" i="1"/>
  <c r="AE132462" i="1"/>
  <c r="AE132463" i="1"/>
  <c r="AE132464" i="1"/>
  <c r="AE132465" i="1"/>
  <c r="AE132466" i="1"/>
  <c r="AE132467" i="1"/>
  <c r="AE132468" i="1"/>
  <c r="AE132469" i="1"/>
  <c r="AE132470" i="1"/>
  <c r="AE132471" i="1"/>
  <c r="AE132472" i="1"/>
  <c r="AE132473" i="1"/>
  <c r="AE132474" i="1"/>
  <c r="AE132475" i="1"/>
  <c r="AE132476" i="1"/>
  <c r="AE132477" i="1"/>
  <c r="AE132478" i="1"/>
  <c r="AE132479" i="1"/>
  <c r="AE132480" i="1"/>
  <c r="AE132481" i="1"/>
  <c r="AE132482" i="1"/>
  <c r="AE132483" i="1"/>
  <c r="AE132484" i="1"/>
  <c r="AE132485" i="1"/>
  <c r="AE132486" i="1"/>
  <c r="AE132487" i="1"/>
  <c r="AE132488" i="1"/>
  <c r="AE132489" i="1"/>
  <c r="AE132490" i="1"/>
  <c r="AE132491" i="1"/>
  <c r="AE132492" i="1"/>
  <c r="AE132493" i="1"/>
  <c r="AE132494" i="1"/>
  <c r="AE132495" i="1"/>
  <c r="AE132496" i="1"/>
  <c r="AE132497" i="1"/>
  <c r="AE132498" i="1"/>
  <c r="AE132499" i="1"/>
  <c r="AE132500" i="1"/>
  <c r="AE132501" i="1"/>
  <c r="AE132502" i="1"/>
  <c r="AE132503" i="1"/>
  <c r="AE132504" i="1"/>
  <c r="AE132505" i="1"/>
  <c r="AE132506" i="1"/>
  <c r="AE132507" i="1"/>
  <c r="AE132508" i="1"/>
  <c r="AE132509" i="1"/>
  <c r="AE132510" i="1"/>
  <c r="AE132511" i="1"/>
  <c r="AE132512" i="1"/>
  <c r="AE132513" i="1"/>
  <c r="AE132514" i="1"/>
  <c r="AE132515" i="1"/>
  <c r="AE132516" i="1"/>
  <c r="AE132517" i="1"/>
  <c r="AE132518" i="1"/>
  <c r="AE132519" i="1"/>
  <c r="AE132520" i="1"/>
  <c r="AE132521" i="1"/>
  <c r="AE132522" i="1"/>
  <c r="AE132523" i="1"/>
  <c r="AE132524" i="1"/>
  <c r="AE132525" i="1"/>
  <c r="AE132526" i="1"/>
  <c r="AE132527" i="1"/>
  <c r="AE132528" i="1"/>
  <c r="AE132529" i="1"/>
  <c r="AE132530" i="1"/>
  <c r="AE132531" i="1"/>
  <c r="AE132532" i="1"/>
  <c r="AE132533" i="1"/>
  <c r="AE132534" i="1"/>
  <c r="AE132535" i="1"/>
  <c r="AE132536" i="1"/>
  <c r="AE132537" i="1"/>
  <c r="AE132538" i="1"/>
  <c r="AE132539" i="1"/>
  <c r="AE132540" i="1"/>
  <c r="AE132541" i="1"/>
  <c r="AE132542" i="1"/>
  <c r="AE132543" i="1"/>
  <c r="AE132544" i="1"/>
  <c r="AE132545" i="1"/>
  <c r="AE132546" i="1"/>
  <c r="AE132547" i="1"/>
  <c r="AE132548" i="1"/>
  <c r="AE132549" i="1"/>
  <c r="AE132550" i="1"/>
  <c r="AE132551" i="1"/>
  <c r="AE132552" i="1"/>
  <c r="AE132553" i="1"/>
  <c r="AE132554" i="1"/>
  <c r="AE132555" i="1"/>
  <c r="AE132556" i="1"/>
  <c r="AE132557" i="1"/>
  <c r="AE132558" i="1"/>
  <c r="AE132559" i="1"/>
  <c r="AE132560" i="1"/>
  <c r="AE132561" i="1"/>
  <c r="AE132562" i="1"/>
  <c r="AE132563" i="1"/>
  <c r="AE132564" i="1"/>
  <c r="AE132565" i="1"/>
  <c r="AE132566" i="1"/>
  <c r="AE132567" i="1"/>
  <c r="AE132568" i="1"/>
  <c r="AE132569" i="1"/>
  <c r="AE132570" i="1"/>
  <c r="AE132571" i="1"/>
  <c r="AE132572" i="1"/>
  <c r="AE132573" i="1"/>
  <c r="AE132574" i="1"/>
  <c r="AE132575" i="1"/>
  <c r="AE132576" i="1"/>
  <c r="AE132577" i="1"/>
  <c r="AE132578" i="1"/>
  <c r="AE132579" i="1"/>
  <c r="AE132580" i="1"/>
  <c r="AE132581" i="1"/>
  <c r="AE132582" i="1"/>
  <c r="AE132583" i="1"/>
  <c r="AE132584" i="1"/>
  <c r="AE132585" i="1"/>
  <c r="AE132586" i="1"/>
  <c r="AE132587" i="1"/>
  <c r="AE132588" i="1"/>
  <c r="AE132589" i="1"/>
  <c r="AE132590" i="1"/>
  <c r="AE132591" i="1"/>
  <c r="AE132592" i="1"/>
  <c r="AE132593" i="1"/>
  <c r="AE132594" i="1"/>
  <c r="AE132595" i="1"/>
  <c r="AE132596" i="1"/>
  <c r="AE132597" i="1"/>
  <c r="AE132598" i="1"/>
  <c r="AE132599" i="1"/>
  <c r="AE132600" i="1"/>
  <c r="AE132601" i="1"/>
  <c r="AE132602" i="1"/>
  <c r="AE132603" i="1"/>
  <c r="AE132604" i="1"/>
  <c r="AE132605" i="1"/>
  <c r="AE132606" i="1"/>
  <c r="AE132607" i="1"/>
  <c r="AE132608" i="1"/>
  <c r="AE132609" i="1"/>
  <c r="AE132610" i="1"/>
  <c r="AE132611" i="1"/>
  <c r="AE132612" i="1"/>
  <c r="AE132613" i="1"/>
  <c r="AE132614" i="1"/>
  <c r="AE132615" i="1"/>
  <c r="AE132616" i="1"/>
  <c r="AE132617" i="1"/>
  <c r="AE132618" i="1"/>
  <c r="AE132619" i="1"/>
  <c r="AE132620" i="1"/>
  <c r="AE132621" i="1"/>
  <c r="AE132622" i="1"/>
  <c r="AE132623" i="1"/>
  <c r="AE132624" i="1"/>
  <c r="AE132625" i="1"/>
  <c r="AE132626" i="1"/>
  <c r="AE132627" i="1"/>
  <c r="AE132628" i="1"/>
  <c r="AE132629" i="1"/>
  <c r="AE132630" i="1"/>
  <c r="AE132631" i="1"/>
  <c r="AE132632" i="1"/>
  <c r="AE132633" i="1"/>
  <c r="AE132634" i="1"/>
  <c r="AE132635" i="1"/>
  <c r="AE132636" i="1"/>
  <c r="AE132637" i="1"/>
  <c r="AE132638" i="1"/>
  <c r="AE132639" i="1"/>
  <c r="AE132640" i="1"/>
  <c r="AE132641" i="1"/>
  <c r="AE132642" i="1"/>
  <c r="AE132643" i="1"/>
  <c r="AE132644" i="1"/>
  <c r="AE132645" i="1"/>
  <c r="AE132646" i="1"/>
  <c r="AE132647" i="1"/>
  <c r="AE132648" i="1"/>
  <c r="AE132649" i="1"/>
  <c r="AE132650" i="1"/>
  <c r="AE132651" i="1"/>
  <c r="AE132652" i="1"/>
  <c r="AE132653" i="1"/>
  <c r="AE132654" i="1"/>
  <c r="AE132655" i="1"/>
  <c r="AE132656" i="1"/>
  <c r="AE132657" i="1"/>
  <c r="AE132658" i="1"/>
  <c r="AE132659" i="1"/>
  <c r="AE132660" i="1"/>
  <c r="AE132661" i="1"/>
  <c r="AE132662" i="1"/>
  <c r="AE132663" i="1"/>
  <c r="AE132664" i="1"/>
  <c r="AE132665" i="1"/>
  <c r="AE132666" i="1"/>
  <c r="AE132667" i="1"/>
  <c r="AE132668" i="1"/>
  <c r="AE132669" i="1"/>
  <c r="AE132670" i="1"/>
  <c r="AE132671" i="1"/>
  <c r="AE132672" i="1"/>
  <c r="AE132673" i="1"/>
  <c r="AE132674" i="1"/>
  <c r="AE132675" i="1"/>
  <c r="AE132676" i="1"/>
  <c r="AE132677" i="1"/>
  <c r="AE132678" i="1"/>
  <c r="AE132679" i="1"/>
  <c r="AE132680" i="1"/>
  <c r="AE132681" i="1"/>
  <c r="AE132682" i="1"/>
  <c r="AE132683" i="1"/>
  <c r="AE132684" i="1"/>
  <c r="AE132685" i="1"/>
  <c r="AE132686" i="1"/>
  <c r="AE132687" i="1"/>
  <c r="AE132688" i="1"/>
  <c r="AE132689" i="1"/>
  <c r="AE132690" i="1"/>
  <c r="AE132691" i="1"/>
  <c r="AE132692" i="1"/>
  <c r="AE132693" i="1"/>
  <c r="AE132694" i="1"/>
  <c r="AE132695" i="1"/>
  <c r="AE132696" i="1"/>
  <c r="AE132697" i="1"/>
  <c r="AE132698" i="1"/>
  <c r="AE132699" i="1"/>
  <c r="AE132700" i="1"/>
  <c r="AE132701" i="1"/>
  <c r="AE132702" i="1"/>
  <c r="AE132703" i="1"/>
  <c r="AE132704" i="1"/>
  <c r="AE132705" i="1"/>
  <c r="AE132706" i="1"/>
  <c r="AE132707" i="1"/>
  <c r="AE132708" i="1"/>
  <c r="AE132709" i="1"/>
  <c r="AE132710" i="1"/>
  <c r="AE132711" i="1"/>
  <c r="AE132712" i="1"/>
  <c r="AE132713" i="1"/>
  <c r="AE132714" i="1"/>
  <c r="AE132715" i="1"/>
  <c r="AE132716" i="1"/>
  <c r="AE132717" i="1"/>
  <c r="AE132718" i="1"/>
  <c r="AE132719" i="1"/>
  <c r="AE132720" i="1"/>
  <c r="AE132721" i="1"/>
  <c r="AE132722" i="1"/>
  <c r="AE132723" i="1"/>
  <c r="AE132724" i="1"/>
  <c r="AE132725" i="1"/>
  <c r="AE132726" i="1"/>
  <c r="AE132727" i="1"/>
  <c r="AE132728" i="1"/>
  <c r="AE132729" i="1"/>
  <c r="AE132730" i="1"/>
  <c r="AE132731" i="1"/>
  <c r="AE132732" i="1"/>
  <c r="AE132733" i="1"/>
  <c r="AE132734" i="1"/>
  <c r="AE132735" i="1"/>
  <c r="AE132736" i="1"/>
  <c r="AE132737" i="1"/>
  <c r="AE132738" i="1"/>
  <c r="AE132739" i="1"/>
  <c r="AE132740" i="1"/>
  <c r="AE132741" i="1"/>
  <c r="AE132742" i="1"/>
  <c r="AE132743" i="1"/>
  <c r="AE132744" i="1"/>
  <c r="AE132745" i="1"/>
  <c r="AE132746" i="1"/>
  <c r="AE132747" i="1"/>
  <c r="AE132748" i="1"/>
  <c r="AE132749" i="1"/>
  <c r="AE132750" i="1"/>
  <c r="AE132751" i="1"/>
  <c r="AE132752" i="1"/>
  <c r="AE132753" i="1"/>
  <c r="AE132754" i="1"/>
  <c r="AE132755" i="1"/>
  <c r="AE132756" i="1"/>
  <c r="AE132757" i="1"/>
  <c r="AE132758" i="1"/>
  <c r="AE132759" i="1"/>
  <c r="AE132760" i="1"/>
  <c r="AE132761" i="1"/>
  <c r="AE132762" i="1"/>
  <c r="AE132763" i="1"/>
  <c r="AE132764" i="1"/>
  <c r="AE132765" i="1"/>
  <c r="AE132766" i="1"/>
  <c r="AE132767" i="1"/>
  <c r="AE132768" i="1"/>
  <c r="AE132769" i="1"/>
  <c r="AE132770" i="1"/>
  <c r="AE132771" i="1"/>
  <c r="AE132772" i="1"/>
  <c r="AE132773" i="1"/>
  <c r="AE132774" i="1"/>
  <c r="AE132775" i="1"/>
  <c r="AE132776" i="1"/>
  <c r="AE132777" i="1"/>
  <c r="AE132778" i="1"/>
  <c r="AE132779" i="1"/>
  <c r="AE132780" i="1"/>
  <c r="AE132781" i="1"/>
  <c r="AE132782" i="1"/>
  <c r="AE132783" i="1"/>
  <c r="AE132784" i="1"/>
  <c r="AE132785" i="1"/>
  <c r="AE132786" i="1"/>
  <c r="AE132787" i="1"/>
  <c r="AE132788" i="1"/>
  <c r="AE132789" i="1"/>
  <c r="AE132790" i="1"/>
  <c r="AE132791" i="1"/>
  <c r="AE132792" i="1"/>
  <c r="AE132793" i="1"/>
  <c r="AE132794" i="1"/>
  <c r="AE132795" i="1"/>
  <c r="AE132796" i="1"/>
  <c r="AE132797" i="1"/>
  <c r="AE132798" i="1"/>
  <c r="AE132799" i="1"/>
  <c r="AE132800" i="1"/>
  <c r="AE132801" i="1"/>
  <c r="AE132802" i="1"/>
  <c r="AE132803" i="1"/>
  <c r="AE132804" i="1"/>
  <c r="AE132805" i="1"/>
  <c r="AE132806" i="1"/>
  <c r="AE132807" i="1"/>
  <c r="AE132808" i="1"/>
  <c r="AE132809" i="1"/>
  <c r="AE132810" i="1"/>
  <c r="AE132811" i="1"/>
  <c r="AE132812" i="1"/>
  <c r="AE132813" i="1"/>
  <c r="AE132814" i="1"/>
  <c r="AE132815" i="1"/>
  <c r="AE132816" i="1"/>
  <c r="AE132817" i="1"/>
  <c r="AE132818" i="1"/>
  <c r="AE132819" i="1"/>
  <c r="AE132820" i="1"/>
  <c r="AE132821" i="1"/>
  <c r="AE132822" i="1"/>
  <c r="AE132823" i="1"/>
  <c r="AE132824" i="1"/>
  <c r="AE132825" i="1"/>
  <c r="AE132826" i="1"/>
  <c r="AE132827" i="1"/>
  <c r="AE132828" i="1"/>
  <c r="AE132829" i="1"/>
  <c r="AE132830" i="1"/>
  <c r="AE132831" i="1"/>
  <c r="AE132832" i="1"/>
  <c r="AE132833" i="1"/>
  <c r="AE132834" i="1"/>
  <c r="AE132835" i="1"/>
  <c r="AE132836" i="1"/>
  <c r="AE132837" i="1"/>
  <c r="AE132838" i="1"/>
  <c r="AE132839" i="1"/>
  <c r="AE132840" i="1"/>
  <c r="AE132841" i="1"/>
  <c r="AE132842" i="1"/>
  <c r="AE132843" i="1"/>
  <c r="AE132844" i="1"/>
  <c r="AE132845" i="1"/>
  <c r="AE132846" i="1"/>
  <c r="AE132847" i="1"/>
  <c r="AE132848" i="1"/>
  <c r="AE132849" i="1"/>
  <c r="AE132850" i="1"/>
  <c r="AE132851" i="1"/>
  <c r="AE132852" i="1"/>
  <c r="AE132853" i="1"/>
  <c r="AE132854" i="1"/>
  <c r="AE132855" i="1"/>
  <c r="AE132856" i="1"/>
  <c r="AE132857" i="1"/>
  <c r="AE132858" i="1"/>
  <c r="AE132859" i="1"/>
  <c r="AE132860" i="1"/>
  <c r="AE132861" i="1"/>
  <c r="AE132862" i="1"/>
  <c r="AE132863" i="1"/>
  <c r="AE132864" i="1"/>
  <c r="AE132865" i="1"/>
  <c r="AE132866" i="1"/>
  <c r="AE132867" i="1"/>
  <c r="AE132868" i="1"/>
  <c r="AE132869" i="1"/>
  <c r="AE132870" i="1"/>
  <c r="AE132871" i="1"/>
  <c r="AE132872" i="1"/>
  <c r="AE132873" i="1"/>
  <c r="AE132874" i="1"/>
  <c r="AE132875" i="1"/>
  <c r="AE132876" i="1"/>
  <c r="AE132877" i="1"/>
  <c r="AE132878" i="1"/>
  <c r="AE132879" i="1"/>
  <c r="AE132880" i="1"/>
  <c r="AE132881" i="1"/>
  <c r="AE132882" i="1"/>
  <c r="AE132883" i="1"/>
  <c r="AE132884" i="1"/>
  <c r="AE132885" i="1"/>
  <c r="AE132886" i="1"/>
  <c r="AE132887" i="1"/>
  <c r="AE132888" i="1"/>
  <c r="AE132889" i="1"/>
  <c r="AE132890" i="1"/>
  <c r="AE132891" i="1"/>
  <c r="AE132892" i="1"/>
  <c r="AE132893" i="1"/>
  <c r="AE132894" i="1"/>
  <c r="AE132895" i="1"/>
  <c r="AE132896" i="1"/>
  <c r="AE132897" i="1"/>
  <c r="AE132898" i="1"/>
  <c r="AE132899" i="1"/>
  <c r="AE132900" i="1"/>
  <c r="AE132901" i="1"/>
  <c r="AE132902" i="1"/>
  <c r="AE132903" i="1"/>
  <c r="AE132904" i="1"/>
  <c r="AE132905" i="1"/>
  <c r="AE132906" i="1"/>
  <c r="AE132907" i="1"/>
  <c r="AE132908" i="1"/>
  <c r="AE132909" i="1"/>
  <c r="AE132910" i="1"/>
  <c r="AE132911" i="1"/>
  <c r="AE132912" i="1"/>
  <c r="AE132913" i="1"/>
  <c r="AE132914" i="1"/>
  <c r="AE132915" i="1"/>
  <c r="AE132916" i="1"/>
  <c r="AE132917" i="1"/>
  <c r="AE132918" i="1"/>
  <c r="AE132919" i="1"/>
  <c r="AE132920" i="1"/>
  <c r="AE132921" i="1"/>
  <c r="AE132922" i="1"/>
  <c r="AE132923" i="1"/>
  <c r="AE132924" i="1"/>
  <c r="AE132925" i="1"/>
  <c r="AE132926" i="1"/>
  <c r="AE132927" i="1"/>
  <c r="AE132928" i="1"/>
  <c r="AE132929" i="1"/>
  <c r="AE132930" i="1"/>
  <c r="AE132931" i="1"/>
  <c r="AE132932" i="1"/>
  <c r="AE132933" i="1"/>
  <c r="AE132934" i="1"/>
  <c r="AE132935" i="1"/>
  <c r="AE132936" i="1"/>
  <c r="AE132937" i="1"/>
  <c r="AE132938" i="1"/>
  <c r="AE132939" i="1"/>
  <c r="AE132940" i="1"/>
  <c r="AE132941" i="1"/>
  <c r="AE132942" i="1"/>
  <c r="AE132943" i="1"/>
  <c r="AE132944" i="1"/>
  <c r="AE132945" i="1"/>
  <c r="AE132946" i="1"/>
  <c r="AE132947" i="1"/>
  <c r="AE132948" i="1"/>
  <c r="AE132949" i="1"/>
  <c r="AE132950" i="1"/>
  <c r="AE132951" i="1"/>
  <c r="AE132952" i="1"/>
  <c r="AE132953" i="1"/>
  <c r="AE132954" i="1"/>
  <c r="AE132955" i="1"/>
  <c r="AE132956" i="1"/>
  <c r="AE132957" i="1"/>
  <c r="AE132958" i="1"/>
  <c r="AE132959" i="1"/>
  <c r="AE132960" i="1"/>
  <c r="AE132961" i="1"/>
  <c r="AE132962" i="1"/>
  <c r="AE132963" i="1"/>
  <c r="AE132964" i="1"/>
  <c r="AE132965" i="1"/>
  <c r="AE132966" i="1"/>
  <c r="AE132967" i="1"/>
  <c r="AE132968" i="1"/>
  <c r="AE132969" i="1"/>
  <c r="AE132970" i="1"/>
  <c r="AE132971" i="1"/>
  <c r="AE132972" i="1"/>
  <c r="AE132973" i="1"/>
  <c r="AE132974" i="1"/>
  <c r="AE132975" i="1"/>
  <c r="AE132976" i="1"/>
  <c r="AE132977" i="1"/>
  <c r="AE132978" i="1"/>
  <c r="AE132979" i="1"/>
  <c r="AE132980" i="1"/>
  <c r="AE132981" i="1"/>
  <c r="AE132982" i="1"/>
  <c r="AE132983" i="1"/>
  <c r="AE132984" i="1"/>
  <c r="AE132985" i="1"/>
  <c r="AE132986" i="1"/>
  <c r="AE132987" i="1"/>
  <c r="AE132988" i="1"/>
  <c r="AE132989" i="1"/>
  <c r="AE132990" i="1"/>
  <c r="AE132991" i="1"/>
  <c r="AE132992" i="1"/>
  <c r="AE132993" i="1"/>
  <c r="AE132994" i="1"/>
  <c r="AE132995" i="1"/>
  <c r="AE132996" i="1"/>
  <c r="AE132997" i="1"/>
  <c r="AE132998" i="1"/>
  <c r="AE132999" i="1"/>
  <c r="AE133000" i="1"/>
  <c r="AE133001" i="1"/>
  <c r="AE133002" i="1"/>
  <c r="AE133003" i="1"/>
  <c r="AE133004" i="1"/>
  <c r="AE133005" i="1"/>
  <c r="AE133006" i="1"/>
  <c r="AE133007" i="1"/>
  <c r="AE133008" i="1"/>
  <c r="AE133009" i="1"/>
  <c r="AE133010" i="1"/>
  <c r="AE133011" i="1"/>
  <c r="AE133012" i="1"/>
  <c r="AE133013" i="1"/>
  <c r="AE133014" i="1"/>
  <c r="AE133015" i="1"/>
  <c r="AE133016" i="1"/>
  <c r="AE133017" i="1"/>
  <c r="AE133018" i="1"/>
  <c r="AE133019" i="1"/>
  <c r="AE133020" i="1"/>
  <c r="AE133021" i="1"/>
  <c r="AE133022" i="1"/>
  <c r="AE133023" i="1"/>
  <c r="AE133024" i="1"/>
  <c r="AE133025" i="1"/>
  <c r="AE133026" i="1"/>
  <c r="AE133027" i="1"/>
  <c r="AE133028" i="1"/>
  <c r="AE133029" i="1"/>
  <c r="AE133030" i="1"/>
  <c r="AE133031" i="1"/>
  <c r="AE133032" i="1"/>
  <c r="AE133033" i="1"/>
  <c r="AE133034" i="1"/>
  <c r="AE133035" i="1"/>
  <c r="AE133036" i="1"/>
  <c r="AE133037" i="1"/>
  <c r="AE133038" i="1"/>
  <c r="AE133039" i="1"/>
  <c r="AE133040" i="1"/>
  <c r="AE133041" i="1"/>
  <c r="AE133042" i="1"/>
  <c r="AE133043" i="1"/>
  <c r="AE133044" i="1"/>
  <c r="AE133045" i="1"/>
  <c r="AE133046" i="1"/>
  <c r="AE133047" i="1"/>
  <c r="AE133048" i="1"/>
  <c r="AE133049" i="1"/>
  <c r="AE133050" i="1"/>
  <c r="AE133051" i="1"/>
  <c r="AE133052" i="1"/>
  <c r="AE133053" i="1"/>
  <c r="AE133054" i="1"/>
  <c r="AE133055" i="1"/>
  <c r="AE133056" i="1"/>
  <c r="AE133057" i="1"/>
  <c r="AE133058" i="1"/>
  <c r="AE133059" i="1"/>
  <c r="AE133060" i="1"/>
  <c r="AE133061" i="1"/>
  <c r="AE133062" i="1"/>
  <c r="AE133063" i="1"/>
  <c r="AE133064" i="1"/>
  <c r="AE133065" i="1"/>
  <c r="AE133066" i="1"/>
  <c r="AE133067" i="1"/>
  <c r="AE133068" i="1"/>
  <c r="AE133069" i="1"/>
  <c r="AE133070" i="1"/>
  <c r="AE133071" i="1"/>
  <c r="AE133072" i="1"/>
  <c r="AE133073" i="1"/>
  <c r="AE133074" i="1"/>
  <c r="AE133075" i="1"/>
  <c r="AE133076" i="1"/>
  <c r="AE133077" i="1"/>
  <c r="AE133078" i="1"/>
  <c r="AE133079" i="1"/>
  <c r="AE133080" i="1"/>
  <c r="AE133081" i="1"/>
  <c r="AE133082" i="1"/>
  <c r="AE133083" i="1"/>
  <c r="AE133084" i="1"/>
  <c r="AE133085" i="1"/>
  <c r="AE133086" i="1"/>
  <c r="AE133087" i="1"/>
  <c r="AE133088" i="1"/>
  <c r="AE133089" i="1"/>
  <c r="AE133090" i="1"/>
  <c r="AE133091" i="1"/>
  <c r="AE133092" i="1"/>
  <c r="AE133093" i="1"/>
  <c r="AE133094" i="1"/>
  <c r="AE133095" i="1"/>
  <c r="AE133096" i="1"/>
  <c r="AE133097" i="1"/>
  <c r="AE133098" i="1"/>
  <c r="AE133099" i="1"/>
  <c r="AE133100" i="1"/>
  <c r="AE133101" i="1"/>
  <c r="AE133102" i="1"/>
  <c r="AE133103" i="1"/>
  <c r="AE133104" i="1"/>
  <c r="AE133105" i="1"/>
  <c r="AE133106" i="1"/>
  <c r="AE133107" i="1"/>
  <c r="AE133108" i="1"/>
  <c r="AE133109" i="1"/>
  <c r="AE133110" i="1"/>
  <c r="AE133111" i="1"/>
  <c r="AE133112" i="1"/>
  <c r="AE133113" i="1"/>
  <c r="AE133114" i="1"/>
  <c r="AE133115" i="1"/>
  <c r="AE133116" i="1"/>
  <c r="AE133117" i="1"/>
  <c r="AE133118" i="1"/>
  <c r="AE133119" i="1"/>
  <c r="AE133120" i="1"/>
  <c r="AE133121" i="1"/>
  <c r="AE133122" i="1"/>
  <c r="AE133123" i="1"/>
  <c r="AE133124" i="1"/>
  <c r="AE133125" i="1"/>
  <c r="AE133126" i="1"/>
  <c r="AE133127" i="1"/>
  <c r="AE133128" i="1"/>
  <c r="AE133129" i="1"/>
  <c r="AE133130" i="1"/>
  <c r="AE133131" i="1"/>
  <c r="AE133132" i="1"/>
  <c r="AE133133" i="1"/>
  <c r="AE133134" i="1"/>
  <c r="AE133135" i="1"/>
  <c r="AE133136" i="1"/>
  <c r="AE133137" i="1"/>
  <c r="AE133138" i="1"/>
  <c r="AE133139" i="1"/>
  <c r="AE133140" i="1"/>
  <c r="AE133141" i="1"/>
  <c r="AE133142" i="1"/>
  <c r="AE133143" i="1"/>
  <c r="AE133144" i="1"/>
  <c r="AE133145" i="1"/>
  <c r="AE133146" i="1"/>
  <c r="AE133147" i="1"/>
  <c r="AE133148" i="1"/>
  <c r="AE133149" i="1"/>
  <c r="AE133150" i="1"/>
  <c r="AE133151" i="1"/>
  <c r="AE133152" i="1"/>
  <c r="AE133153" i="1"/>
  <c r="AE133154" i="1"/>
  <c r="AE133155" i="1"/>
  <c r="AE133156" i="1"/>
  <c r="AE133157" i="1"/>
  <c r="AE133158" i="1"/>
  <c r="AE133159" i="1"/>
  <c r="AE133160" i="1"/>
  <c r="AE133161" i="1"/>
  <c r="AE133162" i="1"/>
  <c r="AE133163" i="1"/>
  <c r="AE133164" i="1"/>
  <c r="AE133165" i="1"/>
  <c r="AE133166" i="1"/>
  <c r="AE133167" i="1"/>
  <c r="AE133168" i="1"/>
  <c r="AE133169" i="1"/>
  <c r="AE133170" i="1"/>
  <c r="AE133171" i="1"/>
  <c r="AE133172" i="1"/>
  <c r="AE133173" i="1"/>
  <c r="AE133174" i="1"/>
  <c r="AE133175" i="1"/>
  <c r="AE133176" i="1"/>
  <c r="AE133177" i="1"/>
  <c r="AE133178" i="1"/>
  <c r="AE133179" i="1"/>
  <c r="AE133180" i="1"/>
  <c r="AE133181" i="1"/>
  <c r="AE133182" i="1"/>
  <c r="AE133183" i="1"/>
  <c r="AE133184" i="1"/>
  <c r="AE133185" i="1"/>
  <c r="AE133186" i="1"/>
  <c r="AE133187" i="1"/>
  <c r="AE133188" i="1"/>
  <c r="AE133189" i="1"/>
  <c r="AE133190" i="1"/>
  <c r="AE133191" i="1"/>
  <c r="AE133192" i="1"/>
  <c r="AE133193" i="1"/>
  <c r="AE133194" i="1"/>
  <c r="AE133195" i="1"/>
  <c r="AE133196" i="1"/>
  <c r="AE133197" i="1"/>
  <c r="AE133198" i="1"/>
  <c r="AE133199" i="1"/>
  <c r="AE133200" i="1"/>
  <c r="AE133201" i="1"/>
  <c r="AE133202" i="1"/>
  <c r="AE133203" i="1"/>
  <c r="AE133204" i="1"/>
  <c r="AE133205" i="1"/>
  <c r="AE133206" i="1"/>
  <c r="AE133207" i="1"/>
  <c r="AE133208" i="1"/>
  <c r="AE133209" i="1"/>
  <c r="AE133210" i="1"/>
  <c r="AE133211" i="1"/>
  <c r="AE133212" i="1"/>
  <c r="AE133213" i="1"/>
  <c r="AE133214" i="1"/>
  <c r="AE133215" i="1"/>
  <c r="AE133216" i="1"/>
  <c r="AE133217" i="1"/>
  <c r="AE133218" i="1"/>
  <c r="AE133219" i="1"/>
  <c r="AE133220" i="1"/>
  <c r="AE133221" i="1"/>
  <c r="AE133222" i="1"/>
  <c r="AE133223" i="1"/>
  <c r="AE133224" i="1"/>
  <c r="AE133225" i="1"/>
  <c r="AE133226" i="1"/>
  <c r="AE133227" i="1"/>
  <c r="AE133228" i="1"/>
  <c r="AE133229" i="1"/>
  <c r="AE133230" i="1"/>
  <c r="AE133231" i="1"/>
  <c r="AE133232" i="1"/>
  <c r="AE133233" i="1"/>
  <c r="AE133234" i="1"/>
  <c r="AE133235" i="1"/>
  <c r="AE133236" i="1"/>
  <c r="AE133237" i="1"/>
  <c r="AE133238" i="1"/>
  <c r="AE133239" i="1"/>
  <c r="AE133240" i="1"/>
  <c r="AE133241" i="1"/>
  <c r="AE133242" i="1"/>
  <c r="AE133243" i="1"/>
  <c r="AE133244" i="1"/>
  <c r="AE133245" i="1"/>
  <c r="AE133246" i="1"/>
  <c r="AE133247" i="1"/>
  <c r="AE133248" i="1"/>
  <c r="AE133249" i="1"/>
  <c r="AE133250" i="1"/>
  <c r="AE133251" i="1"/>
  <c r="AE133252" i="1"/>
  <c r="AE133253" i="1"/>
  <c r="AE133254" i="1"/>
  <c r="AE133255" i="1"/>
  <c r="AE133256" i="1"/>
  <c r="AE133257" i="1"/>
  <c r="AE133258" i="1"/>
  <c r="AE133259" i="1"/>
  <c r="AE133260" i="1"/>
  <c r="AE133261" i="1"/>
  <c r="AE133262" i="1"/>
  <c r="AE133263" i="1"/>
  <c r="AE133264" i="1"/>
  <c r="AE133265" i="1"/>
  <c r="AE133266" i="1"/>
  <c r="AE133267" i="1"/>
  <c r="AE133268" i="1"/>
  <c r="AE133269" i="1"/>
  <c r="AE133270" i="1"/>
  <c r="AE133271" i="1"/>
  <c r="AE133272" i="1"/>
  <c r="AE133273" i="1"/>
  <c r="AE133274" i="1"/>
  <c r="AE133275" i="1"/>
  <c r="AE133276" i="1"/>
  <c r="AE133277" i="1"/>
  <c r="AE133278" i="1"/>
  <c r="AE133279" i="1"/>
  <c r="AE133280" i="1"/>
  <c r="AE133281" i="1"/>
  <c r="AE133282" i="1"/>
  <c r="AE133283" i="1"/>
  <c r="AE133284" i="1"/>
  <c r="AE133285" i="1"/>
  <c r="AE133286" i="1"/>
  <c r="AE133287" i="1"/>
  <c r="AE133288" i="1"/>
  <c r="AE133289" i="1"/>
  <c r="AE133290" i="1"/>
  <c r="AE133291" i="1"/>
  <c r="AE133292" i="1"/>
  <c r="AE133293" i="1"/>
  <c r="AE133294" i="1"/>
  <c r="AE133295" i="1"/>
  <c r="AE133296" i="1"/>
  <c r="AE133297" i="1"/>
  <c r="AE133298" i="1"/>
  <c r="AE133299" i="1"/>
  <c r="AE133300" i="1"/>
  <c r="AE133301" i="1"/>
  <c r="AE133302" i="1"/>
  <c r="AE133303" i="1"/>
  <c r="AE133304" i="1"/>
  <c r="AE133305" i="1"/>
  <c r="AE133306" i="1"/>
  <c r="AE133307" i="1"/>
  <c r="AE133308" i="1"/>
  <c r="AE133309" i="1"/>
  <c r="AE133310" i="1"/>
  <c r="AE133311" i="1"/>
  <c r="AE133312" i="1"/>
  <c r="AE133313" i="1"/>
  <c r="AE133314" i="1"/>
  <c r="AE133315" i="1"/>
  <c r="AE133316" i="1"/>
  <c r="AE133317" i="1"/>
  <c r="AE133318" i="1"/>
  <c r="AE133319" i="1"/>
  <c r="AE133320" i="1"/>
  <c r="AE133321" i="1"/>
  <c r="AE133322" i="1"/>
  <c r="AE133323" i="1"/>
  <c r="AE133324" i="1"/>
  <c r="AE133325" i="1"/>
  <c r="AE133326" i="1"/>
  <c r="AE133327" i="1"/>
  <c r="AE133328" i="1"/>
  <c r="AE133329" i="1"/>
  <c r="AE133330" i="1"/>
  <c r="AE133331" i="1"/>
  <c r="AE133332" i="1"/>
  <c r="AE133333" i="1"/>
  <c r="AE133334" i="1"/>
  <c r="AE133335" i="1"/>
  <c r="AE133336" i="1"/>
  <c r="AE133337" i="1"/>
  <c r="AE133338" i="1"/>
  <c r="AE133339" i="1"/>
  <c r="AE133340" i="1"/>
  <c r="AE133341" i="1"/>
  <c r="AE133342" i="1"/>
  <c r="AE133343" i="1"/>
  <c r="AE133344" i="1"/>
  <c r="AE133345" i="1"/>
  <c r="AE133346" i="1"/>
  <c r="AE133347" i="1"/>
  <c r="AE133348" i="1"/>
  <c r="AE133349" i="1"/>
  <c r="AE133350" i="1"/>
  <c r="AE133351" i="1"/>
  <c r="AE133352" i="1"/>
  <c r="AE133353" i="1"/>
  <c r="AE133354" i="1"/>
  <c r="AE133355" i="1"/>
  <c r="AE133356" i="1"/>
  <c r="AE133357" i="1"/>
  <c r="AE133358" i="1"/>
  <c r="AE133359" i="1"/>
  <c r="AE133360" i="1"/>
  <c r="AE133361" i="1"/>
  <c r="AE133362" i="1"/>
  <c r="AE133363" i="1"/>
  <c r="AE133364" i="1"/>
  <c r="AE133365" i="1"/>
  <c r="AE133366" i="1"/>
  <c r="AE133367" i="1"/>
  <c r="AE133368" i="1"/>
  <c r="AE133369" i="1"/>
  <c r="AE133370" i="1"/>
  <c r="AE133371" i="1"/>
  <c r="AE133372" i="1"/>
  <c r="AE133373" i="1"/>
  <c r="AE133374" i="1"/>
  <c r="AE133375" i="1"/>
  <c r="AE133376" i="1"/>
  <c r="AE133377" i="1"/>
  <c r="AE133378" i="1"/>
  <c r="AE133379" i="1"/>
  <c r="AE133380" i="1"/>
  <c r="AE133381" i="1"/>
  <c r="AE133382" i="1"/>
  <c r="AE133383" i="1"/>
  <c r="AE133384" i="1"/>
  <c r="AE133385" i="1"/>
  <c r="AE133386" i="1"/>
  <c r="AE133387" i="1"/>
  <c r="AE133388" i="1"/>
  <c r="AE133389" i="1"/>
  <c r="AE133390" i="1"/>
  <c r="AE133391" i="1"/>
  <c r="AE133392" i="1"/>
  <c r="AE133393" i="1"/>
  <c r="AE133394" i="1"/>
  <c r="AE133395" i="1"/>
  <c r="AE133396" i="1"/>
  <c r="AE133397" i="1"/>
  <c r="AE133398" i="1"/>
  <c r="AE133399" i="1"/>
  <c r="AE133400" i="1"/>
  <c r="AE133401" i="1"/>
  <c r="AE133402" i="1"/>
  <c r="AE133403" i="1"/>
  <c r="AE133404" i="1"/>
  <c r="AE133405" i="1"/>
  <c r="AE133406" i="1"/>
  <c r="AE133407" i="1"/>
  <c r="AE133408" i="1"/>
  <c r="AE133409" i="1"/>
  <c r="AE133410" i="1"/>
  <c r="AE133411" i="1"/>
  <c r="AE133412" i="1"/>
  <c r="AE133413" i="1"/>
  <c r="AE133414" i="1"/>
  <c r="AE133415" i="1"/>
  <c r="AE133416" i="1"/>
  <c r="AE133417" i="1"/>
  <c r="AE133418" i="1"/>
  <c r="AE133419" i="1"/>
  <c r="AE133420" i="1"/>
  <c r="AE133421" i="1"/>
  <c r="AE133422" i="1"/>
  <c r="AE133423" i="1"/>
  <c r="AE133424" i="1"/>
  <c r="AE133425" i="1"/>
  <c r="AE133426" i="1"/>
  <c r="AE133427" i="1"/>
  <c r="AE133428" i="1"/>
  <c r="AE133429" i="1"/>
  <c r="AE133430" i="1"/>
  <c r="AE133431" i="1"/>
  <c r="AE133432" i="1"/>
  <c r="AE133433" i="1"/>
  <c r="AE133434" i="1"/>
  <c r="AE133435" i="1"/>
  <c r="AE133436" i="1"/>
  <c r="AE133437" i="1"/>
  <c r="AE133438" i="1"/>
  <c r="AE133439" i="1"/>
  <c r="AE133440" i="1"/>
  <c r="AE133441" i="1"/>
  <c r="AE133442" i="1"/>
  <c r="AE133443" i="1"/>
  <c r="AE133444" i="1"/>
  <c r="AE133445" i="1"/>
  <c r="AE133446" i="1"/>
  <c r="AE133447" i="1"/>
  <c r="AE133448" i="1"/>
  <c r="AE133449" i="1"/>
  <c r="AE133450" i="1"/>
  <c r="AE133451" i="1"/>
  <c r="AE133452" i="1"/>
  <c r="AE133453" i="1"/>
  <c r="AE133454" i="1"/>
  <c r="AE133455" i="1"/>
  <c r="AE133456" i="1"/>
  <c r="AE133457" i="1"/>
  <c r="AE133458" i="1"/>
  <c r="AE133459" i="1"/>
  <c r="AE133460" i="1"/>
  <c r="AE133461" i="1"/>
  <c r="AE133462" i="1"/>
  <c r="AE133463" i="1"/>
  <c r="AE133464" i="1"/>
  <c r="AE133465" i="1"/>
  <c r="AE133466" i="1"/>
  <c r="AE133467" i="1"/>
  <c r="AE133468" i="1"/>
  <c r="AE133469" i="1"/>
  <c r="AE133470" i="1"/>
  <c r="AE133471" i="1"/>
  <c r="AE133472" i="1"/>
  <c r="AE133473" i="1"/>
  <c r="AE133474" i="1"/>
  <c r="AE133475" i="1"/>
  <c r="AE133476" i="1"/>
  <c r="AE133477" i="1"/>
  <c r="AE133478" i="1"/>
  <c r="AE133479" i="1"/>
  <c r="AE133480" i="1"/>
  <c r="AE133481" i="1"/>
  <c r="AE133482" i="1"/>
  <c r="AE133483" i="1"/>
  <c r="AE133484" i="1"/>
  <c r="AE133485" i="1"/>
  <c r="AE133486" i="1"/>
  <c r="AE133487" i="1"/>
  <c r="AE133488" i="1"/>
  <c r="AE133489" i="1"/>
  <c r="AE133490" i="1"/>
  <c r="AE133491" i="1"/>
  <c r="AE133492" i="1"/>
  <c r="AE133493" i="1"/>
  <c r="AE133494" i="1"/>
  <c r="AE133495" i="1"/>
  <c r="AE133496" i="1"/>
  <c r="AE133497" i="1"/>
  <c r="AE133498" i="1"/>
  <c r="AE133499" i="1"/>
  <c r="AE133500" i="1"/>
  <c r="AE133501" i="1"/>
  <c r="AE133502" i="1"/>
  <c r="AE133503" i="1"/>
  <c r="AE133504" i="1"/>
  <c r="AE133505" i="1"/>
  <c r="AE133506" i="1"/>
  <c r="AE133507" i="1"/>
  <c r="AE133508" i="1"/>
  <c r="AE133509" i="1"/>
  <c r="AE133510" i="1"/>
  <c r="AE133511" i="1"/>
  <c r="AE133512" i="1"/>
  <c r="AE133513" i="1"/>
  <c r="AE133514" i="1"/>
  <c r="AE133515" i="1"/>
  <c r="AE133516" i="1"/>
  <c r="AE133517" i="1"/>
  <c r="AE133518" i="1"/>
  <c r="AE133519" i="1"/>
  <c r="AE133520" i="1"/>
  <c r="AE133521" i="1"/>
  <c r="AE133522" i="1"/>
  <c r="AE133523" i="1"/>
  <c r="AE133524" i="1"/>
  <c r="AE133525" i="1"/>
  <c r="AE133526" i="1"/>
  <c r="AE133527" i="1"/>
  <c r="AE133528" i="1"/>
  <c r="AE133529" i="1"/>
  <c r="AE133530" i="1"/>
  <c r="AE133531" i="1"/>
  <c r="AE133532" i="1"/>
  <c r="AE133533" i="1"/>
  <c r="AE133534" i="1"/>
  <c r="AE133535" i="1"/>
  <c r="AE133536" i="1"/>
  <c r="AE133537" i="1"/>
  <c r="AE133538" i="1"/>
  <c r="AE133539" i="1"/>
  <c r="AE133540" i="1"/>
  <c r="AE133541" i="1"/>
  <c r="AE133542" i="1"/>
  <c r="AE133543" i="1"/>
  <c r="AE133544" i="1"/>
  <c r="AE133545" i="1"/>
  <c r="AE133546" i="1"/>
  <c r="AE133547" i="1"/>
  <c r="AE133548" i="1"/>
  <c r="AE133549" i="1"/>
  <c r="AE133550" i="1"/>
  <c r="AE133551" i="1"/>
  <c r="AE133552" i="1"/>
  <c r="AE133553" i="1"/>
  <c r="AE133554" i="1"/>
  <c r="AE133555" i="1"/>
  <c r="AE133556" i="1"/>
  <c r="AE133557" i="1"/>
  <c r="AE133558" i="1"/>
  <c r="AE133559" i="1"/>
  <c r="AE133560" i="1"/>
  <c r="AE133561" i="1"/>
  <c r="AE133562" i="1"/>
  <c r="AE133563" i="1"/>
  <c r="AE133564" i="1"/>
  <c r="AE133565" i="1"/>
  <c r="AE133566" i="1"/>
  <c r="AE133567" i="1"/>
  <c r="AE133568" i="1"/>
  <c r="AE133569" i="1"/>
  <c r="AE133570" i="1"/>
  <c r="AE133571" i="1"/>
  <c r="AE133572" i="1"/>
  <c r="AE133573" i="1"/>
  <c r="AE133574" i="1"/>
  <c r="AE133575" i="1"/>
  <c r="AE133576" i="1"/>
  <c r="AE133577" i="1"/>
  <c r="AE133578" i="1"/>
  <c r="AE133579" i="1"/>
  <c r="AE133580" i="1"/>
  <c r="AE133581" i="1"/>
  <c r="AE133582" i="1"/>
  <c r="AE133583" i="1"/>
  <c r="AE133584" i="1"/>
  <c r="AE133585" i="1"/>
  <c r="AE133586" i="1"/>
  <c r="AE133587" i="1"/>
  <c r="AE133588" i="1"/>
  <c r="AE133589" i="1"/>
  <c r="AE133590" i="1"/>
  <c r="AE133591" i="1"/>
  <c r="AE133592" i="1"/>
  <c r="AE133593" i="1"/>
  <c r="AE133594" i="1"/>
  <c r="AE133595" i="1"/>
  <c r="AE133596" i="1"/>
  <c r="AE133597" i="1"/>
  <c r="AE133598" i="1"/>
  <c r="AE133599" i="1"/>
  <c r="AE133600" i="1"/>
  <c r="AE133601" i="1"/>
  <c r="AE133602" i="1"/>
  <c r="AE133603" i="1"/>
  <c r="AE133604" i="1"/>
  <c r="AE133605" i="1"/>
  <c r="AE133606" i="1"/>
  <c r="AE133607" i="1"/>
  <c r="AE133608" i="1"/>
  <c r="AE133609" i="1"/>
  <c r="AE133610" i="1"/>
  <c r="AE133611" i="1"/>
  <c r="AE133612" i="1"/>
  <c r="AE133613" i="1"/>
  <c r="AE133614" i="1"/>
  <c r="AE133615" i="1"/>
  <c r="AE133616" i="1"/>
  <c r="AE133617" i="1"/>
  <c r="AE133618" i="1"/>
  <c r="AE133619" i="1"/>
  <c r="AE133620" i="1"/>
  <c r="AE133621" i="1"/>
  <c r="AE133622" i="1"/>
  <c r="AE133623" i="1"/>
  <c r="AE133624" i="1"/>
  <c r="AE133625" i="1"/>
  <c r="AE133626" i="1"/>
  <c r="AE133627" i="1"/>
  <c r="AE133628" i="1"/>
  <c r="AE133629" i="1"/>
  <c r="AE133630" i="1"/>
  <c r="AE133631" i="1"/>
  <c r="AE133632" i="1"/>
  <c r="AE133633" i="1"/>
  <c r="AE133634" i="1"/>
  <c r="AE133635" i="1"/>
  <c r="AE133636" i="1"/>
  <c r="AE133637" i="1"/>
  <c r="AE133638" i="1"/>
  <c r="AE133639" i="1"/>
  <c r="AE133640" i="1"/>
  <c r="AE133641" i="1"/>
  <c r="AE133642" i="1"/>
  <c r="AE133643" i="1"/>
  <c r="AE133644" i="1"/>
  <c r="AE133645" i="1"/>
  <c r="AE133646" i="1"/>
  <c r="AE133647" i="1"/>
  <c r="AE133648" i="1"/>
  <c r="AE133649" i="1"/>
  <c r="AE133650" i="1"/>
  <c r="AE133651" i="1"/>
  <c r="AE133652" i="1"/>
  <c r="AE133653" i="1"/>
  <c r="AE133654" i="1"/>
  <c r="AE133655" i="1"/>
  <c r="AE133656" i="1"/>
  <c r="AE133657" i="1"/>
  <c r="AE133658" i="1"/>
  <c r="AE133659" i="1"/>
  <c r="AE133660" i="1"/>
  <c r="AE133661" i="1"/>
  <c r="AE133662" i="1"/>
  <c r="AE133663" i="1"/>
  <c r="AE133664" i="1"/>
  <c r="AE133665" i="1"/>
  <c r="AE133666" i="1"/>
  <c r="AE133667" i="1"/>
  <c r="AE133668" i="1"/>
  <c r="AE133669" i="1"/>
  <c r="AE133670" i="1"/>
  <c r="AE133671" i="1"/>
  <c r="AE133672" i="1"/>
  <c r="AE133673" i="1"/>
  <c r="AE133674" i="1"/>
  <c r="AE133675" i="1"/>
  <c r="AE133676" i="1"/>
  <c r="AE133677" i="1"/>
  <c r="AE133678" i="1"/>
  <c r="AE133679" i="1"/>
  <c r="AE133680" i="1"/>
  <c r="AE133681" i="1"/>
  <c r="AE133682" i="1"/>
  <c r="AE133683" i="1"/>
  <c r="AE133684" i="1"/>
  <c r="AE133685" i="1"/>
  <c r="AE133686" i="1"/>
  <c r="AE133687" i="1"/>
  <c r="AE133688" i="1"/>
  <c r="AE133689" i="1"/>
  <c r="AE133690" i="1"/>
  <c r="AE133691" i="1"/>
  <c r="AE133692" i="1"/>
  <c r="AE133693" i="1"/>
  <c r="AE133694" i="1"/>
  <c r="AE133695" i="1"/>
  <c r="AE133696" i="1"/>
  <c r="AE133697" i="1"/>
  <c r="AE133698" i="1"/>
  <c r="AE133699" i="1"/>
  <c r="AE133700" i="1"/>
  <c r="AE133701" i="1"/>
  <c r="AE133702" i="1"/>
  <c r="AE133703" i="1"/>
  <c r="AE133704" i="1"/>
  <c r="AE133705" i="1"/>
  <c r="AE133706" i="1"/>
  <c r="AE133707" i="1"/>
  <c r="AE133708" i="1"/>
  <c r="AE133709" i="1"/>
  <c r="AE133710" i="1"/>
  <c r="AE133711" i="1"/>
  <c r="AE133712" i="1"/>
  <c r="AE133713" i="1"/>
  <c r="AE133714" i="1"/>
  <c r="AE133715" i="1"/>
  <c r="AE133716" i="1"/>
  <c r="AE133717" i="1"/>
  <c r="AE133718" i="1"/>
  <c r="AE133719" i="1"/>
  <c r="AE133720" i="1"/>
  <c r="AE133721" i="1"/>
  <c r="AE133722" i="1"/>
  <c r="AE133723" i="1"/>
  <c r="AE133724" i="1"/>
  <c r="AE133725" i="1"/>
  <c r="AE133726" i="1"/>
  <c r="AE133727" i="1"/>
  <c r="AE133728" i="1"/>
  <c r="AE133729" i="1"/>
  <c r="AE133730" i="1"/>
  <c r="AE133731" i="1"/>
  <c r="AE133732" i="1"/>
  <c r="AE133733" i="1"/>
  <c r="AE133734" i="1"/>
  <c r="AE133735" i="1"/>
  <c r="AE133736" i="1"/>
  <c r="AE133737" i="1"/>
  <c r="AE133738" i="1"/>
  <c r="AE133739" i="1"/>
  <c r="AE133740" i="1"/>
  <c r="AE133741" i="1"/>
  <c r="AE133742" i="1"/>
  <c r="AE133743" i="1"/>
  <c r="AE133744" i="1"/>
  <c r="AE133745" i="1"/>
  <c r="AE133746" i="1"/>
  <c r="AE133747" i="1"/>
  <c r="AE133748" i="1"/>
  <c r="AE133749" i="1"/>
  <c r="AE133750" i="1"/>
  <c r="AE133751" i="1"/>
  <c r="AE133752" i="1"/>
  <c r="AE133753" i="1"/>
  <c r="AE133754" i="1"/>
  <c r="AE133755" i="1"/>
  <c r="AE133756" i="1"/>
  <c r="AE133757" i="1"/>
  <c r="AE133758" i="1"/>
  <c r="AE133759" i="1"/>
  <c r="AE133760" i="1"/>
  <c r="AE133761" i="1"/>
  <c r="AE133762" i="1"/>
  <c r="AE133763" i="1"/>
  <c r="AE133764" i="1"/>
  <c r="AE133765" i="1"/>
  <c r="AE133766" i="1"/>
  <c r="AE133767" i="1"/>
  <c r="AE133768" i="1"/>
  <c r="AE133769" i="1"/>
  <c r="AE133770" i="1"/>
  <c r="AE133771" i="1"/>
  <c r="AE133772" i="1"/>
  <c r="AE133773" i="1"/>
  <c r="AE133774" i="1"/>
  <c r="AE133775" i="1"/>
  <c r="AE133776" i="1"/>
  <c r="AE133777" i="1"/>
  <c r="AE133778" i="1"/>
  <c r="AE133779" i="1"/>
  <c r="AE133780" i="1"/>
  <c r="AE133781" i="1"/>
  <c r="AE133782" i="1"/>
  <c r="AE133783" i="1"/>
  <c r="AE133784" i="1"/>
  <c r="AE133785" i="1"/>
  <c r="AE133786" i="1"/>
  <c r="AE133787" i="1"/>
  <c r="AE133788" i="1"/>
  <c r="AE133789" i="1"/>
  <c r="AE133790" i="1"/>
  <c r="AE133791" i="1"/>
  <c r="AE133792" i="1"/>
  <c r="AE133793" i="1"/>
  <c r="AE133794" i="1"/>
  <c r="AE133795" i="1"/>
  <c r="AE133796" i="1"/>
  <c r="AE133797" i="1"/>
  <c r="AE133798" i="1"/>
  <c r="AE133799" i="1"/>
  <c r="AE133800" i="1"/>
  <c r="AE133801" i="1"/>
  <c r="AE133802" i="1"/>
  <c r="AE133803" i="1"/>
  <c r="AE133804" i="1"/>
  <c r="AE133805" i="1"/>
  <c r="AE133806" i="1"/>
  <c r="AE133807" i="1"/>
  <c r="AE133808" i="1"/>
  <c r="AE133809" i="1"/>
  <c r="AE133810" i="1"/>
  <c r="AE133811" i="1"/>
  <c r="AE133812" i="1"/>
  <c r="AE133813" i="1"/>
  <c r="AE133814" i="1"/>
  <c r="AE133815" i="1"/>
  <c r="AE133816" i="1"/>
  <c r="AE133817" i="1"/>
  <c r="AE133818" i="1"/>
  <c r="AE133819" i="1"/>
  <c r="AE133820" i="1"/>
  <c r="AE133821" i="1"/>
  <c r="AE133822" i="1"/>
  <c r="AE133823" i="1"/>
  <c r="AE133824" i="1"/>
  <c r="AE133825" i="1"/>
  <c r="AE133826" i="1"/>
  <c r="AE133827" i="1"/>
  <c r="AE133828" i="1"/>
  <c r="AE133829" i="1"/>
  <c r="AE133830" i="1"/>
  <c r="AE133831" i="1"/>
  <c r="AE133832" i="1"/>
  <c r="AE133833" i="1"/>
  <c r="AE133834" i="1"/>
  <c r="AE133835" i="1"/>
  <c r="AE133836" i="1"/>
  <c r="AE133837" i="1"/>
  <c r="AE133838" i="1"/>
  <c r="AE133839" i="1"/>
  <c r="AE133840" i="1"/>
  <c r="AE133841" i="1"/>
  <c r="AE133842" i="1"/>
  <c r="AE133843" i="1"/>
  <c r="AE133844" i="1"/>
  <c r="AE133845" i="1"/>
  <c r="AE133846" i="1"/>
  <c r="AE133847" i="1"/>
  <c r="AE133848" i="1"/>
  <c r="AE133849" i="1"/>
  <c r="AE133850" i="1"/>
  <c r="AE133851" i="1"/>
  <c r="AE133852" i="1"/>
  <c r="AE133853" i="1"/>
  <c r="AE133854" i="1"/>
  <c r="AE133855" i="1"/>
  <c r="AE133856" i="1"/>
  <c r="AE133857" i="1"/>
  <c r="AE133858" i="1"/>
  <c r="AE133859" i="1"/>
  <c r="AE133860" i="1"/>
  <c r="AE133861" i="1"/>
  <c r="AE133862" i="1"/>
  <c r="AE133863" i="1"/>
  <c r="AE133864" i="1"/>
  <c r="AE133865" i="1"/>
  <c r="AE133866" i="1"/>
  <c r="AE133867" i="1"/>
  <c r="AE133868" i="1"/>
  <c r="AE133869" i="1"/>
  <c r="AE133870" i="1"/>
  <c r="AE133871" i="1"/>
  <c r="AE133872" i="1"/>
  <c r="AE133873" i="1"/>
  <c r="AE133874" i="1"/>
  <c r="AE133875" i="1"/>
  <c r="AE133876" i="1"/>
  <c r="AE133877" i="1"/>
  <c r="AE133878" i="1"/>
  <c r="AE133879" i="1"/>
  <c r="AE133880" i="1"/>
  <c r="AE133881" i="1"/>
  <c r="AE133882" i="1"/>
  <c r="AE133883" i="1"/>
  <c r="AE133884" i="1"/>
  <c r="AE133885" i="1"/>
  <c r="AE133886" i="1"/>
  <c r="AE133887" i="1"/>
  <c r="AE133888" i="1"/>
  <c r="AE133889" i="1"/>
  <c r="AE133890" i="1"/>
  <c r="AE133891" i="1"/>
  <c r="AE133892" i="1"/>
  <c r="AE133893" i="1"/>
  <c r="AE133894" i="1"/>
  <c r="AE133895" i="1"/>
  <c r="AE133896" i="1"/>
  <c r="AE133897" i="1"/>
  <c r="AE133898" i="1"/>
  <c r="AE133899" i="1"/>
  <c r="AE133900" i="1"/>
  <c r="AE133901" i="1"/>
  <c r="AE133902" i="1"/>
  <c r="AE133903" i="1"/>
  <c r="AE133904" i="1"/>
  <c r="AE133905" i="1"/>
  <c r="AE133906" i="1"/>
  <c r="AE133907" i="1"/>
  <c r="AE133908" i="1"/>
  <c r="AE133909" i="1"/>
  <c r="AE133910" i="1"/>
  <c r="AE133911" i="1"/>
  <c r="AE133912" i="1"/>
  <c r="AE133913" i="1"/>
  <c r="AE133914" i="1"/>
  <c r="AE133915" i="1"/>
  <c r="AE133916" i="1"/>
  <c r="AE133917" i="1"/>
  <c r="AE133918" i="1"/>
  <c r="AE133919" i="1"/>
  <c r="AE133920" i="1"/>
  <c r="AE133921" i="1"/>
  <c r="AE133922" i="1"/>
  <c r="AE133923" i="1"/>
  <c r="AE133924" i="1"/>
  <c r="AE133925" i="1"/>
  <c r="AE133926" i="1"/>
  <c r="AE133927" i="1"/>
  <c r="AE133928" i="1"/>
  <c r="AE133929" i="1"/>
  <c r="AE133930" i="1"/>
  <c r="AE133931" i="1"/>
  <c r="AE133932" i="1"/>
  <c r="AE133933" i="1"/>
  <c r="AE133934" i="1"/>
  <c r="AE133935" i="1"/>
  <c r="AE133936" i="1"/>
  <c r="AE133937" i="1"/>
  <c r="AE133938" i="1"/>
  <c r="AE133939" i="1"/>
  <c r="AE133940" i="1"/>
  <c r="AE133941" i="1"/>
  <c r="AE133942" i="1"/>
  <c r="AE133943" i="1"/>
  <c r="AE133944" i="1"/>
  <c r="AE133945" i="1"/>
  <c r="AE133946" i="1"/>
  <c r="AE133947" i="1"/>
  <c r="AE133948" i="1"/>
  <c r="AE133949" i="1"/>
  <c r="AE133950" i="1"/>
  <c r="AE133951" i="1"/>
  <c r="AE133952" i="1"/>
  <c r="AE133953" i="1"/>
  <c r="AE133954" i="1"/>
  <c r="AE133955" i="1"/>
  <c r="AE133956" i="1"/>
  <c r="AE133957" i="1"/>
  <c r="AE133958" i="1"/>
  <c r="AE133959" i="1"/>
  <c r="AE133960" i="1"/>
  <c r="AE133961" i="1"/>
  <c r="AE133962" i="1"/>
  <c r="AE133963" i="1"/>
  <c r="AE133964" i="1"/>
  <c r="AE133965" i="1"/>
  <c r="AE133966" i="1"/>
  <c r="AE133967" i="1"/>
  <c r="AE133968" i="1"/>
  <c r="AE133969" i="1"/>
  <c r="AE133970" i="1"/>
  <c r="AE133971" i="1"/>
  <c r="AE133972" i="1"/>
  <c r="AE133973" i="1"/>
  <c r="AE133974" i="1"/>
  <c r="AE133975" i="1"/>
  <c r="AE133976" i="1"/>
  <c r="AE133977" i="1"/>
  <c r="AE133978" i="1"/>
  <c r="AE133979" i="1"/>
  <c r="AE133980" i="1"/>
  <c r="AE133981" i="1"/>
  <c r="AE133982" i="1"/>
  <c r="AE133983" i="1"/>
  <c r="AE133984" i="1"/>
  <c r="AE133985" i="1"/>
  <c r="AE133986" i="1"/>
  <c r="AE133987" i="1"/>
  <c r="AE133988" i="1"/>
  <c r="AE133989" i="1"/>
  <c r="AE133990" i="1"/>
  <c r="AE133991" i="1"/>
  <c r="AE133992" i="1"/>
  <c r="AE133993" i="1"/>
  <c r="AE133994" i="1"/>
  <c r="AE133995" i="1"/>
  <c r="AE133996" i="1"/>
  <c r="AE133997" i="1"/>
  <c r="AE133998" i="1"/>
  <c r="AE133999" i="1"/>
  <c r="AE134000" i="1"/>
  <c r="AE134001" i="1"/>
  <c r="AE134002" i="1"/>
  <c r="AE134003" i="1"/>
  <c r="AE134004" i="1"/>
  <c r="AE134005" i="1"/>
  <c r="AE134006" i="1"/>
  <c r="AE134007" i="1"/>
  <c r="AE134008" i="1"/>
  <c r="AE134009" i="1"/>
  <c r="AE134010" i="1"/>
  <c r="AE134011" i="1"/>
  <c r="AE134012" i="1"/>
  <c r="AE134013" i="1"/>
  <c r="AE134014" i="1"/>
  <c r="AE134015" i="1"/>
  <c r="AE134016" i="1"/>
  <c r="AE134017" i="1"/>
  <c r="AE134018" i="1"/>
  <c r="AE134019" i="1"/>
  <c r="AE134020" i="1"/>
  <c r="AE134021" i="1"/>
  <c r="AE134022" i="1"/>
  <c r="AE134023" i="1"/>
  <c r="AE134024" i="1"/>
  <c r="AE134025" i="1"/>
  <c r="AE134026" i="1"/>
  <c r="AE134027" i="1"/>
  <c r="AE134028" i="1"/>
  <c r="AE134029" i="1"/>
  <c r="AE134030" i="1"/>
  <c r="AE134031" i="1"/>
  <c r="AE134032" i="1"/>
  <c r="AE134033" i="1"/>
  <c r="AE134034" i="1"/>
  <c r="AE134035" i="1"/>
  <c r="AE134036" i="1"/>
  <c r="AE134037" i="1"/>
  <c r="AE134038" i="1"/>
  <c r="AE134039" i="1"/>
  <c r="AE134040" i="1"/>
  <c r="AE134041" i="1"/>
  <c r="AE134042" i="1"/>
  <c r="AE134043" i="1"/>
  <c r="AE134044" i="1"/>
  <c r="AE134045" i="1"/>
  <c r="AE134046" i="1"/>
  <c r="AE134047" i="1"/>
  <c r="AE134048" i="1"/>
  <c r="AE134049" i="1"/>
  <c r="AE134050" i="1"/>
  <c r="AE134051" i="1"/>
  <c r="AE134052" i="1"/>
  <c r="AE134053" i="1"/>
  <c r="AE134054" i="1"/>
  <c r="AE134055" i="1"/>
  <c r="AE134056" i="1"/>
  <c r="AE134057" i="1"/>
  <c r="AE134058" i="1"/>
  <c r="AE134059" i="1"/>
  <c r="AE134060" i="1"/>
  <c r="AE134061" i="1"/>
  <c r="AE134062" i="1"/>
  <c r="AE134063" i="1"/>
  <c r="AE134064" i="1"/>
  <c r="AE134065" i="1"/>
  <c r="AE134066" i="1"/>
  <c r="AE134067" i="1"/>
  <c r="AE134068" i="1"/>
  <c r="AE134069" i="1"/>
  <c r="AE134070" i="1"/>
  <c r="AE134071" i="1"/>
  <c r="AE134072" i="1"/>
  <c r="AE134073" i="1"/>
  <c r="AE134074" i="1"/>
  <c r="AE134075" i="1"/>
  <c r="AE134076" i="1"/>
  <c r="AE134077" i="1"/>
  <c r="AE134078" i="1"/>
  <c r="AE134079" i="1"/>
  <c r="AE134080" i="1"/>
  <c r="AE134081" i="1"/>
  <c r="AE134082" i="1"/>
  <c r="AE134083" i="1"/>
  <c r="AE134084" i="1"/>
  <c r="AE134085" i="1"/>
  <c r="AE134086" i="1"/>
  <c r="AE134087" i="1"/>
  <c r="AE134088" i="1"/>
  <c r="AE134089" i="1"/>
  <c r="AE134090" i="1"/>
  <c r="AE134091" i="1"/>
  <c r="AE134092" i="1"/>
  <c r="AE134093" i="1"/>
  <c r="AE134094" i="1"/>
  <c r="AE134095" i="1"/>
  <c r="AE134096" i="1"/>
  <c r="AE134097" i="1"/>
  <c r="AE134098" i="1"/>
  <c r="AE134099" i="1"/>
  <c r="AE134100" i="1"/>
  <c r="AE134101" i="1"/>
  <c r="AE134102" i="1"/>
  <c r="AE134103" i="1"/>
  <c r="AE134104" i="1"/>
  <c r="AE134105" i="1"/>
  <c r="AE134106" i="1"/>
  <c r="AE134107" i="1"/>
  <c r="AE134108" i="1"/>
  <c r="AE134109" i="1"/>
  <c r="AE134110" i="1"/>
  <c r="AE134111" i="1"/>
  <c r="AE134112" i="1"/>
  <c r="AE134113" i="1"/>
  <c r="AE134114" i="1"/>
  <c r="AE134115" i="1"/>
  <c r="AE134116" i="1"/>
  <c r="AE134117" i="1"/>
  <c r="AE134118" i="1"/>
  <c r="AE134119" i="1"/>
  <c r="AE134120" i="1"/>
  <c r="AE134121" i="1"/>
  <c r="AE134122" i="1"/>
  <c r="AE134123" i="1"/>
  <c r="AE134124" i="1"/>
  <c r="AE134125" i="1"/>
  <c r="AE134126" i="1"/>
  <c r="AE134127" i="1"/>
  <c r="AE134128" i="1"/>
  <c r="AE134129" i="1"/>
  <c r="AE134130" i="1"/>
  <c r="AE134131" i="1"/>
  <c r="AE134132" i="1"/>
  <c r="AE134133" i="1"/>
  <c r="AE134134" i="1"/>
  <c r="AE134135" i="1"/>
  <c r="AE134136" i="1"/>
  <c r="AE134137" i="1"/>
  <c r="AE134138" i="1"/>
  <c r="AE134139" i="1"/>
  <c r="AE134140" i="1"/>
  <c r="AE134141" i="1"/>
  <c r="AE134142" i="1"/>
  <c r="AE134143" i="1"/>
  <c r="AE134144" i="1"/>
  <c r="AE134145" i="1"/>
  <c r="AE134146" i="1"/>
  <c r="AE134147" i="1"/>
  <c r="AE134148" i="1"/>
  <c r="AE134149" i="1"/>
  <c r="AE134150" i="1"/>
  <c r="AE134151" i="1"/>
  <c r="AE134152" i="1"/>
  <c r="AE134153" i="1"/>
  <c r="AE134154" i="1"/>
  <c r="AE134155" i="1"/>
  <c r="AE134156" i="1"/>
  <c r="AE134157" i="1"/>
  <c r="AE134158" i="1"/>
  <c r="AE134159" i="1"/>
  <c r="AE134160" i="1"/>
  <c r="AE134161" i="1"/>
  <c r="AE134162" i="1"/>
  <c r="AE134163" i="1"/>
  <c r="AE134164" i="1"/>
  <c r="AE134165" i="1"/>
  <c r="AE134166" i="1"/>
  <c r="AE134167" i="1"/>
  <c r="AE134168" i="1"/>
  <c r="AE134169" i="1"/>
  <c r="AE134170" i="1"/>
  <c r="AE134171" i="1"/>
  <c r="AE134172" i="1"/>
  <c r="AE134173" i="1"/>
  <c r="AE134174" i="1"/>
  <c r="AE134175" i="1"/>
  <c r="AE134176" i="1"/>
  <c r="AE134177" i="1"/>
  <c r="AE134178" i="1"/>
  <c r="AE134179" i="1"/>
  <c r="AE134180" i="1"/>
  <c r="AE134181" i="1"/>
  <c r="AE134182" i="1"/>
  <c r="AE134183" i="1"/>
  <c r="AE134184" i="1"/>
  <c r="AE134185" i="1"/>
  <c r="AE134186" i="1"/>
  <c r="AE134187" i="1"/>
  <c r="AE134188" i="1"/>
  <c r="AE134189" i="1"/>
  <c r="AE134190" i="1"/>
  <c r="AE134191" i="1"/>
  <c r="AE134192" i="1"/>
  <c r="AE134193" i="1"/>
  <c r="AE134194" i="1"/>
  <c r="AE134195" i="1"/>
  <c r="AE134196" i="1"/>
  <c r="AE134197" i="1"/>
  <c r="AE134198" i="1"/>
  <c r="AE134199" i="1"/>
  <c r="AE134200" i="1"/>
  <c r="AE134201" i="1"/>
  <c r="AE134202" i="1"/>
  <c r="AE134203" i="1"/>
  <c r="AE134204" i="1"/>
  <c r="AE134205" i="1"/>
  <c r="AE134206" i="1"/>
  <c r="AE134207" i="1"/>
  <c r="AE134208" i="1"/>
  <c r="AE134209" i="1"/>
  <c r="AE134210" i="1"/>
  <c r="AE134211" i="1"/>
  <c r="AE134212" i="1"/>
  <c r="AE134213" i="1"/>
  <c r="AE134214" i="1"/>
  <c r="AE134215" i="1"/>
  <c r="AE134216" i="1"/>
  <c r="AE134217" i="1"/>
  <c r="AE134218" i="1"/>
  <c r="AE134219" i="1"/>
  <c r="AE134220" i="1"/>
  <c r="AE134221" i="1"/>
  <c r="AE134222" i="1"/>
  <c r="AE134223" i="1"/>
  <c r="AE134224" i="1"/>
  <c r="AE134225" i="1"/>
  <c r="AE134226" i="1"/>
  <c r="AE134227" i="1"/>
  <c r="AE134228" i="1"/>
  <c r="AE134229" i="1"/>
  <c r="AE134230" i="1"/>
  <c r="AE134231" i="1"/>
  <c r="AE134232" i="1"/>
  <c r="AE134233" i="1"/>
  <c r="AE134234" i="1"/>
  <c r="AE134235" i="1"/>
  <c r="AE134236" i="1"/>
  <c r="AE134237" i="1"/>
  <c r="AE134238" i="1"/>
  <c r="AE134239" i="1"/>
  <c r="AE134240" i="1"/>
  <c r="AE134241" i="1"/>
  <c r="AE134242" i="1"/>
  <c r="AE134243" i="1"/>
  <c r="AE134244" i="1"/>
  <c r="AE134245" i="1"/>
  <c r="AE134246" i="1"/>
  <c r="AE134247" i="1"/>
  <c r="AE134248" i="1"/>
  <c r="AE134249" i="1"/>
  <c r="AE134250" i="1"/>
  <c r="AE134251" i="1"/>
  <c r="AE134252" i="1"/>
  <c r="AE134253" i="1"/>
  <c r="AE134254" i="1"/>
  <c r="AE134255" i="1"/>
  <c r="AE134256" i="1"/>
  <c r="AE134257" i="1"/>
  <c r="AE134258" i="1"/>
  <c r="AE134259" i="1"/>
  <c r="AE134260" i="1"/>
  <c r="AE134261" i="1"/>
  <c r="AE134262" i="1"/>
  <c r="AE134263" i="1"/>
  <c r="AE134264" i="1"/>
  <c r="AE134265" i="1"/>
  <c r="AE134266" i="1"/>
  <c r="AE134267" i="1"/>
  <c r="AE134268" i="1"/>
  <c r="AE134269" i="1"/>
  <c r="AE134270" i="1"/>
  <c r="AE134271" i="1"/>
  <c r="AE134272" i="1"/>
  <c r="AE134273" i="1"/>
  <c r="AE134274" i="1"/>
  <c r="AE134275" i="1"/>
  <c r="AE134276" i="1"/>
  <c r="AE134277" i="1"/>
  <c r="AE134278" i="1"/>
  <c r="AE134279" i="1"/>
  <c r="AE134280" i="1"/>
  <c r="AE134281" i="1"/>
  <c r="AE134282" i="1"/>
  <c r="AE134283" i="1"/>
  <c r="AE134284" i="1"/>
  <c r="AE134285" i="1"/>
  <c r="AE134286" i="1"/>
  <c r="AE134287" i="1"/>
  <c r="AE134288" i="1"/>
  <c r="AE134289" i="1"/>
  <c r="AE134290" i="1"/>
  <c r="AE134291" i="1"/>
  <c r="AE134292" i="1"/>
  <c r="AE134293" i="1"/>
  <c r="AE134294" i="1"/>
  <c r="AE134295" i="1"/>
  <c r="AE134296" i="1"/>
  <c r="AE134297" i="1"/>
  <c r="AE134298" i="1"/>
  <c r="AE134299" i="1"/>
  <c r="AE134300" i="1"/>
  <c r="AE134301" i="1"/>
  <c r="AE134302" i="1"/>
  <c r="AE134303" i="1"/>
  <c r="AE134304" i="1"/>
  <c r="AE134305" i="1"/>
  <c r="AE134306" i="1"/>
  <c r="AE134307" i="1"/>
  <c r="AE134308" i="1"/>
  <c r="AE134309" i="1"/>
  <c r="AE134310" i="1"/>
  <c r="AE134311" i="1"/>
  <c r="AE134312" i="1"/>
  <c r="AE134313" i="1"/>
  <c r="AE134314" i="1"/>
  <c r="AE134315" i="1"/>
  <c r="AE134316" i="1"/>
  <c r="AE134317" i="1"/>
  <c r="AE134318" i="1"/>
  <c r="AE134319" i="1"/>
  <c r="AE134320" i="1"/>
  <c r="AE134321" i="1"/>
  <c r="AE134322" i="1"/>
  <c r="AE134323" i="1"/>
  <c r="AE134324" i="1"/>
  <c r="AE134325" i="1"/>
  <c r="AE134326" i="1"/>
  <c r="AE134327" i="1"/>
  <c r="AE134328" i="1"/>
  <c r="AE134329" i="1"/>
  <c r="AE134330" i="1"/>
  <c r="AE134331" i="1"/>
  <c r="AE134332" i="1"/>
  <c r="AE134333" i="1"/>
  <c r="AE134334" i="1"/>
  <c r="AE134335" i="1"/>
  <c r="AE134336" i="1"/>
  <c r="AE134337" i="1"/>
  <c r="AE134338" i="1"/>
  <c r="AE134339" i="1"/>
  <c r="AE134340" i="1"/>
  <c r="AE134341" i="1"/>
  <c r="AE134342" i="1"/>
  <c r="AE134343" i="1"/>
  <c r="AE134344" i="1"/>
  <c r="AE134345" i="1"/>
  <c r="AE134346" i="1"/>
  <c r="AE134347" i="1"/>
  <c r="AE134348" i="1"/>
  <c r="AE134349" i="1"/>
  <c r="AE134350" i="1"/>
  <c r="AE134351" i="1"/>
  <c r="AE134352" i="1"/>
  <c r="AE134353" i="1"/>
  <c r="AE134354" i="1"/>
  <c r="AE134355" i="1"/>
  <c r="AE134356" i="1"/>
  <c r="AE134357" i="1"/>
  <c r="AE134358" i="1"/>
  <c r="AE134359" i="1"/>
  <c r="AE134360" i="1"/>
  <c r="AE134361" i="1"/>
  <c r="AE134362" i="1"/>
  <c r="AE134363" i="1"/>
  <c r="AE134364" i="1"/>
  <c r="AE134365" i="1"/>
  <c r="AE134366" i="1"/>
  <c r="AE134367" i="1"/>
  <c r="AE134368" i="1"/>
  <c r="AE134369" i="1"/>
  <c r="AE134370" i="1"/>
  <c r="AE134371" i="1"/>
  <c r="AE134372" i="1"/>
  <c r="AE134373" i="1"/>
  <c r="AE134374" i="1"/>
  <c r="AE134375" i="1"/>
  <c r="AE134376" i="1"/>
  <c r="AE134377" i="1"/>
  <c r="AE134378" i="1"/>
  <c r="AE134379" i="1"/>
  <c r="AE134380" i="1"/>
  <c r="AE134381" i="1"/>
  <c r="AE134382" i="1"/>
  <c r="AE134383" i="1"/>
  <c r="AE134384" i="1"/>
  <c r="AE134385" i="1"/>
  <c r="AE134386" i="1"/>
  <c r="AE134387" i="1"/>
  <c r="AE134388" i="1"/>
  <c r="AE134389" i="1"/>
  <c r="AE134390" i="1"/>
  <c r="AE134391" i="1"/>
  <c r="AE134392" i="1"/>
  <c r="AE134393" i="1"/>
  <c r="AE134394" i="1"/>
  <c r="AE134395" i="1"/>
  <c r="AE134396" i="1"/>
  <c r="AE134397" i="1"/>
  <c r="AE134398" i="1"/>
  <c r="AE134399" i="1"/>
  <c r="AE134400" i="1"/>
  <c r="AE134401" i="1"/>
  <c r="AE134402" i="1"/>
  <c r="AE134403" i="1"/>
  <c r="AE134404" i="1"/>
  <c r="AE134405" i="1"/>
  <c r="AE134406" i="1"/>
  <c r="AE134407" i="1"/>
  <c r="AE134408" i="1"/>
  <c r="AE134409" i="1"/>
  <c r="AE134410" i="1"/>
  <c r="AE134411" i="1"/>
  <c r="AE134412" i="1"/>
  <c r="AE134413" i="1"/>
  <c r="AE134414" i="1"/>
  <c r="AE134415" i="1"/>
  <c r="AE134416" i="1"/>
  <c r="AE134417" i="1"/>
  <c r="AE134418" i="1"/>
  <c r="AE134419" i="1"/>
  <c r="AE134420" i="1"/>
  <c r="AE134421" i="1"/>
  <c r="AE134422" i="1"/>
  <c r="AE134423" i="1"/>
  <c r="AE134424" i="1"/>
  <c r="AE134425" i="1"/>
  <c r="AE134426" i="1"/>
  <c r="AE134427" i="1"/>
  <c r="AE134428" i="1"/>
  <c r="AE134429" i="1"/>
  <c r="AE134430" i="1"/>
  <c r="AE134431" i="1"/>
  <c r="AE134432" i="1"/>
  <c r="AE134433" i="1"/>
  <c r="AE134434" i="1"/>
  <c r="AE134435" i="1"/>
  <c r="AE134436" i="1"/>
  <c r="AE134437" i="1"/>
  <c r="AE134438" i="1"/>
  <c r="AE134439" i="1"/>
  <c r="AE134440" i="1"/>
  <c r="AE134441" i="1"/>
  <c r="AE134442" i="1"/>
  <c r="AE134443" i="1"/>
  <c r="AE134444" i="1"/>
  <c r="AE134445" i="1"/>
  <c r="AE134446" i="1"/>
  <c r="AE134447" i="1"/>
  <c r="AE134448" i="1"/>
  <c r="AE134449" i="1"/>
  <c r="AE134450" i="1"/>
  <c r="AE134451" i="1"/>
  <c r="AE134452" i="1"/>
  <c r="AE134453" i="1"/>
  <c r="AE134454" i="1"/>
  <c r="AE134455" i="1"/>
  <c r="AE134456" i="1"/>
  <c r="AE134457" i="1"/>
  <c r="AE134458" i="1"/>
  <c r="AE134459" i="1"/>
  <c r="AE134460" i="1"/>
  <c r="AE134461" i="1"/>
  <c r="AE134462" i="1"/>
  <c r="AE134463" i="1"/>
  <c r="AE134464" i="1"/>
  <c r="AE134465" i="1"/>
  <c r="AE134466" i="1"/>
  <c r="AE134467" i="1"/>
  <c r="AE134468" i="1"/>
  <c r="AE134469" i="1"/>
  <c r="AE134470" i="1"/>
  <c r="AE134471" i="1"/>
  <c r="AE134472" i="1"/>
  <c r="AE134473" i="1"/>
  <c r="AE134474" i="1"/>
  <c r="AE134475" i="1"/>
  <c r="AE134476" i="1"/>
  <c r="AE134477" i="1"/>
  <c r="AE134478" i="1"/>
  <c r="AE134479" i="1"/>
  <c r="AE134480" i="1"/>
  <c r="AE134481" i="1"/>
  <c r="AE134482" i="1"/>
  <c r="AE134483" i="1"/>
  <c r="AE134484" i="1"/>
  <c r="AE134485" i="1"/>
  <c r="AE134486" i="1"/>
  <c r="AE134487" i="1"/>
  <c r="AE134488" i="1"/>
  <c r="AE134489" i="1"/>
  <c r="AE134490" i="1"/>
  <c r="AE134491" i="1"/>
  <c r="AE134492" i="1"/>
  <c r="AE134493" i="1"/>
  <c r="AE134494" i="1"/>
  <c r="AE134495" i="1"/>
  <c r="AE134496" i="1"/>
  <c r="AE134497" i="1"/>
  <c r="AE134498" i="1"/>
  <c r="AE134499" i="1"/>
  <c r="AE134500" i="1"/>
  <c r="AE134501" i="1"/>
  <c r="AE134502" i="1"/>
  <c r="AE134503" i="1"/>
  <c r="AE134504" i="1"/>
  <c r="AE134505" i="1"/>
  <c r="AE134506" i="1"/>
  <c r="AE134507" i="1"/>
  <c r="AE134508" i="1"/>
  <c r="AE134509" i="1"/>
  <c r="AE134510" i="1"/>
  <c r="AE134511" i="1"/>
  <c r="AE134512" i="1"/>
  <c r="AE134513" i="1"/>
  <c r="AE134514" i="1"/>
  <c r="AE134515" i="1"/>
  <c r="AE134516" i="1"/>
  <c r="AE134517" i="1"/>
  <c r="AE134518" i="1"/>
  <c r="AE134519" i="1"/>
  <c r="AE134520" i="1"/>
  <c r="AE134521" i="1"/>
  <c r="AE134522" i="1"/>
  <c r="AE134523" i="1"/>
  <c r="AE134524" i="1"/>
  <c r="AE134525" i="1"/>
  <c r="AE134526" i="1"/>
  <c r="AE134527" i="1"/>
  <c r="AE134528" i="1"/>
  <c r="AE134529" i="1"/>
  <c r="AE134530" i="1"/>
  <c r="AE134531" i="1"/>
  <c r="AE134532" i="1"/>
  <c r="AE134533" i="1"/>
  <c r="AE134534" i="1"/>
  <c r="AE134535" i="1"/>
  <c r="AE134536" i="1"/>
  <c r="AE134537" i="1"/>
  <c r="AE134538" i="1"/>
  <c r="AE134539" i="1"/>
  <c r="AE134540" i="1"/>
  <c r="AE134541" i="1"/>
  <c r="AE134542" i="1"/>
  <c r="AE134543" i="1"/>
  <c r="AE134544" i="1"/>
  <c r="AE134545" i="1"/>
  <c r="AE134546" i="1"/>
  <c r="AE134547" i="1"/>
  <c r="AE134548" i="1"/>
  <c r="AE134549" i="1"/>
  <c r="AE134550" i="1"/>
  <c r="AE134551" i="1"/>
  <c r="AE134552" i="1"/>
  <c r="AE134553" i="1"/>
  <c r="AE134554" i="1"/>
  <c r="AE134555" i="1"/>
  <c r="AE134556" i="1"/>
  <c r="AE134557" i="1"/>
  <c r="AE134558" i="1"/>
  <c r="AE134559" i="1"/>
  <c r="AE134560" i="1"/>
  <c r="AE134561" i="1"/>
  <c r="AE134562" i="1"/>
  <c r="AE134563" i="1"/>
  <c r="AE134564" i="1"/>
  <c r="AE134565" i="1"/>
  <c r="AE134566" i="1"/>
  <c r="AE134567" i="1"/>
  <c r="AE134568" i="1"/>
  <c r="AE134569" i="1"/>
  <c r="AE134570" i="1"/>
  <c r="AE134571" i="1"/>
  <c r="AE134572" i="1"/>
  <c r="AE134573" i="1"/>
  <c r="AE134574" i="1"/>
  <c r="AE134575" i="1"/>
  <c r="AE134576" i="1"/>
  <c r="AE134577" i="1"/>
  <c r="AE134578" i="1"/>
  <c r="AE134579" i="1"/>
  <c r="AE134580" i="1"/>
  <c r="AE134581" i="1"/>
  <c r="AE134582" i="1"/>
  <c r="AE134583" i="1"/>
  <c r="AE134584" i="1"/>
  <c r="AE134585" i="1"/>
  <c r="AE134586" i="1"/>
  <c r="AE134587" i="1"/>
  <c r="AE134588" i="1"/>
  <c r="AE134589" i="1"/>
  <c r="AE134590" i="1"/>
  <c r="AE134591" i="1"/>
  <c r="AE134592" i="1"/>
  <c r="AE134593" i="1"/>
  <c r="AE134594" i="1"/>
  <c r="AE134595" i="1"/>
  <c r="AE134596" i="1"/>
  <c r="AE134597" i="1"/>
  <c r="AE134598" i="1"/>
  <c r="AE134599" i="1"/>
  <c r="AE134600" i="1"/>
  <c r="AE134601" i="1"/>
  <c r="AE134602" i="1"/>
  <c r="AE134603" i="1"/>
  <c r="AE134604" i="1"/>
  <c r="AE134605" i="1"/>
  <c r="AE134606" i="1"/>
  <c r="AE134607" i="1"/>
  <c r="AE134608" i="1"/>
  <c r="AE134609" i="1"/>
  <c r="AE134610" i="1"/>
  <c r="AE134611" i="1"/>
  <c r="AE134612" i="1"/>
  <c r="AE134613" i="1"/>
  <c r="AE134614" i="1"/>
  <c r="AE134615" i="1"/>
  <c r="AE134616" i="1"/>
  <c r="AE134617" i="1"/>
  <c r="AE134618" i="1"/>
  <c r="AE134619" i="1"/>
  <c r="AE134620" i="1"/>
  <c r="AE134621" i="1"/>
  <c r="AE134622" i="1"/>
  <c r="AE134623" i="1"/>
  <c r="AE134624" i="1"/>
  <c r="AE134625" i="1"/>
  <c r="AE134626" i="1"/>
  <c r="AE134627" i="1"/>
  <c r="AE134628" i="1"/>
  <c r="AE134629" i="1"/>
  <c r="AE134630" i="1"/>
  <c r="AE134631" i="1"/>
  <c r="AE134632" i="1"/>
  <c r="AE134633" i="1"/>
  <c r="AE134634" i="1"/>
  <c r="AE134635" i="1"/>
  <c r="AE134636" i="1"/>
  <c r="AE134637" i="1"/>
  <c r="AE134638" i="1"/>
  <c r="AE134639" i="1"/>
  <c r="AE134640" i="1"/>
  <c r="AE134641" i="1"/>
  <c r="AE134642" i="1"/>
  <c r="AE134643" i="1"/>
  <c r="AE134644" i="1"/>
  <c r="AE134645" i="1"/>
  <c r="AE134646" i="1"/>
  <c r="AE134647" i="1"/>
  <c r="AE134648" i="1"/>
  <c r="AE134649" i="1"/>
  <c r="AE134650" i="1"/>
  <c r="AE134651" i="1"/>
  <c r="AE134652" i="1"/>
  <c r="AE134653" i="1"/>
  <c r="AE134654" i="1"/>
  <c r="AE134655" i="1"/>
  <c r="AE134656" i="1"/>
  <c r="AE134657" i="1"/>
  <c r="AE134658" i="1"/>
  <c r="AE134659" i="1"/>
  <c r="AE134660" i="1"/>
  <c r="AE134661" i="1"/>
  <c r="AE134662" i="1"/>
  <c r="AE134663" i="1"/>
  <c r="AE134664" i="1"/>
  <c r="AE134665" i="1"/>
  <c r="AE134666" i="1"/>
  <c r="AE134667" i="1"/>
  <c r="AE134668" i="1"/>
  <c r="AE134669" i="1"/>
  <c r="AE134670" i="1"/>
  <c r="AE134671" i="1"/>
  <c r="AE134672" i="1"/>
  <c r="AE134673" i="1"/>
  <c r="AE134674" i="1"/>
  <c r="AE134675" i="1"/>
  <c r="AE134676" i="1"/>
  <c r="AE134677" i="1"/>
  <c r="AE134678" i="1"/>
  <c r="AE134679" i="1"/>
  <c r="AE134680" i="1"/>
  <c r="AE134681" i="1"/>
  <c r="AE134682" i="1"/>
  <c r="AE134683" i="1"/>
  <c r="AE134684" i="1"/>
  <c r="AE134685" i="1"/>
  <c r="AE134686" i="1"/>
  <c r="AE134687" i="1"/>
  <c r="AE134688" i="1"/>
  <c r="AE134689" i="1"/>
  <c r="AE134690" i="1"/>
  <c r="AE134691" i="1"/>
  <c r="AE134692" i="1"/>
  <c r="AE134693" i="1"/>
  <c r="AE134694" i="1"/>
  <c r="AE134695" i="1"/>
  <c r="AE134696" i="1"/>
  <c r="AE134697" i="1"/>
  <c r="AE134698" i="1"/>
  <c r="AE134699" i="1"/>
  <c r="AE134700" i="1"/>
  <c r="AE134701" i="1"/>
  <c r="AE134702" i="1"/>
  <c r="AE134703" i="1"/>
  <c r="AE134704" i="1"/>
  <c r="AE134705" i="1"/>
  <c r="AE134706" i="1"/>
  <c r="AE134707" i="1"/>
  <c r="AE134708" i="1"/>
  <c r="AE134709" i="1"/>
  <c r="AE134710" i="1"/>
  <c r="AE134711" i="1"/>
  <c r="AE134712" i="1"/>
  <c r="AE134713" i="1"/>
  <c r="AE134714" i="1"/>
  <c r="AE134715" i="1"/>
  <c r="AE134716" i="1"/>
  <c r="AE134717" i="1"/>
  <c r="AE134718" i="1"/>
  <c r="AE134719" i="1"/>
  <c r="AE134720" i="1"/>
  <c r="AE134721" i="1"/>
  <c r="AE134722" i="1"/>
  <c r="AE134723" i="1"/>
  <c r="AE134724" i="1"/>
  <c r="AE134725" i="1"/>
  <c r="AE134726" i="1"/>
  <c r="AE134727" i="1"/>
  <c r="AE134728" i="1"/>
  <c r="AE134729" i="1"/>
  <c r="AE134730" i="1"/>
  <c r="AE134731" i="1"/>
  <c r="AE134732" i="1"/>
  <c r="AE134733" i="1"/>
  <c r="AE134734" i="1"/>
  <c r="AE134735" i="1"/>
  <c r="AE134736" i="1"/>
  <c r="AE134737" i="1"/>
  <c r="AE134738" i="1"/>
  <c r="AE134739" i="1"/>
  <c r="AE134740" i="1"/>
  <c r="AE134741" i="1"/>
  <c r="AE134742" i="1"/>
  <c r="AE134743" i="1"/>
  <c r="AE134744" i="1"/>
  <c r="AE134745" i="1"/>
  <c r="AE134746" i="1"/>
  <c r="AE134747" i="1"/>
  <c r="AE134748" i="1"/>
  <c r="AE134749" i="1"/>
  <c r="AE134750" i="1"/>
  <c r="AE134751" i="1"/>
  <c r="AE134752" i="1"/>
  <c r="AE134753" i="1"/>
  <c r="AE134754" i="1"/>
  <c r="AE134755" i="1"/>
  <c r="AE134756" i="1"/>
  <c r="AE134757" i="1"/>
  <c r="AE134758" i="1"/>
  <c r="AE134759" i="1"/>
  <c r="AE134760" i="1"/>
  <c r="AE134761" i="1"/>
  <c r="AE134762" i="1"/>
  <c r="AE134763" i="1"/>
  <c r="AE134764" i="1"/>
  <c r="AE134765" i="1"/>
  <c r="AE134766" i="1"/>
  <c r="AE134767" i="1"/>
  <c r="AE134768" i="1"/>
  <c r="AE134769" i="1"/>
  <c r="AE134770" i="1"/>
  <c r="AE134771" i="1"/>
  <c r="AE134772" i="1"/>
  <c r="AE134773" i="1"/>
  <c r="AE134774" i="1"/>
  <c r="AE134775" i="1"/>
  <c r="AE134776" i="1"/>
  <c r="AE134777" i="1"/>
  <c r="AE134778" i="1"/>
  <c r="AE134779" i="1"/>
  <c r="AE134780" i="1"/>
  <c r="AE134781" i="1"/>
  <c r="AE134782" i="1"/>
  <c r="AE134783" i="1"/>
  <c r="AE134784" i="1"/>
  <c r="AE134785" i="1"/>
  <c r="AE134786" i="1"/>
  <c r="AE134787" i="1"/>
  <c r="AE134788" i="1"/>
  <c r="AE134789" i="1"/>
  <c r="AE134790" i="1"/>
  <c r="AE134791" i="1"/>
  <c r="AE134792" i="1"/>
  <c r="AE134793" i="1"/>
  <c r="AE134794" i="1"/>
  <c r="AE134795" i="1"/>
  <c r="AE134796" i="1"/>
  <c r="AE134797" i="1"/>
  <c r="AE134798" i="1"/>
  <c r="AE134799" i="1"/>
  <c r="AE134800" i="1"/>
  <c r="AE134801" i="1"/>
  <c r="AE134802" i="1"/>
  <c r="AE134803" i="1"/>
  <c r="AE134804" i="1"/>
  <c r="AE134805" i="1"/>
  <c r="AE134806" i="1"/>
  <c r="AE134807" i="1"/>
  <c r="AE134808" i="1"/>
  <c r="AE134809" i="1"/>
  <c r="AE134810" i="1"/>
  <c r="AE134811" i="1"/>
  <c r="AE134812" i="1"/>
  <c r="AE134813" i="1"/>
  <c r="AE134814" i="1"/>
  <c r="AE134815" i="1"/>
  <c r="AE134816" i="1"/>
  <c r="AE134817" i="1"/>
  <c r="AE134818" i="1"/>
  <c r="AE134819" i="1"/>
  <c r="AE134820" i="1"/>
  <c r="AE134821" i="1"/>
  <c r="AE134822" i="1"/>
  <c r="AE134823" i="1"/>
  <c r="AE134824" i="1"/>
  <c r="AE134825" i="1"/>
  <c r="AE134826" i="1"/>
  <c r="AE134827" i="1"/>
  <c r="AE134828" i="1"/>
  <c r="AE134829" i="1"/>
  <c r="AE134830" i="1"/>
  <c r="AE134831" i="1"/>
  <c r="AE134832" i="1"/>
  <c r="AE134833" i="1"/>
  <c r="AE134834" i="1"/>
  <c r="AE134835" i="1"/>
  <c r="AE134836" i="1"/>
  <c r="AE134837" i="1"/>
  <c r="AE134838" i="1"/>
  <c r="AE134839" i="1"/>
  <c r="AE134840" i="1"/>
  <c r="AE134841" i="1"/>
  <c r="AE134842" i="1"/>
  <c r="AE134843" i="1"/>
  <c r="AE134844" i="1"/>
  <c r="AE134845" i="1"/>
  <c r="AE134846" i="1"/>
  <c r="AE134847" i="1"/>
  <c r="AE134848" i="1"/>
  <c r="AE134849" i="1"/>
  <c r="AE134850" i="1"/>
  <c r="AE134851" i="1"/>
  <c r="AE134852" i="1"/>
  <c r="AE134853" i="1"/>
  <c r="AE134854" i="1"/>
  <c r="AE134855" i="1"/>
  <c r="AE134856" i="1"/>
  <c r="AE134857" i="1"/>
  <c r="AE134858" i="1"/>
  <c r="AE134859" i="1"/>
  <c r="AE134860" i="1"/>
  <c r="AE134861" i="1"/>
  <c r="AE134862" i="1"/>
  <c r="AE134863" i="1"/>
  <c r="AE134864" i="1"/>
  <c r="AE134865" i="1"/>
  <c r="AE134866" i="1"/>
  <c r="AE134867" i="1"/>
  <c r="AE134868" i="1"/>
  <c r="AE134869" i="1"/>
  <c r="AE134870" i="1"/>
  <c r="AE134871" i="1"/>
  <c r="AE134872" i="1"/>
  <c r="AE134873" i="1"/>
  <c r="AE134874" i="1"/>
  <c r="AE134875" i="1"/>
  <c r="AE134876" i="1"/>
  <c r="AE134877" i="1"/>
  <c r="AE134878" i="1"/>
  <c r="AE134879" i="1"/>
  <c r="AE134880" i="1"/>
  <c r="AE134881" i="1"/>
  <c r="AE134882" i="1"/>
  <c r="AE134883" i="1"/>
  <c r="AE134884" i="1"/>
  <c r="AE134885" i="1"/>
  <c r="AE134886" i="1"/>
  <c r="AE134887" i="1"/>
  <c r="AE134888" i="1"/>
  <c r="AE134889" i="1"/>
  <c r="AE134890" i="1"/>
  <c r="AE134891" i="1"/>
  <c r="AE134892" i="1"/>
  <c r="AE134893" i="1"/>
  <c r="AE134894" i="1"/>
  <c r="AE134895" i="1"/>
  <c r="AE134896" i="1"/>
  <c r="AE134897" i="1"/>
  <c r="AE134898" i="1"/>
  <c r="AE134899" i="1"/>
  <c r="AE134900" i="1"/>
  <c r="AE134901" i="1"/>
  <c r="AE134902" i="1"/>
  <c r="AE134903" i="1"/>
  <c r="AE134904" i="1"/>
  <c r="AE134905" i="1"/>
  <c r="AE134906" i="1"/>
  <c r="AE134907" i="1"/>
  <c r="AE134908" i="1"/>
  <c r="AE134909" i="1"/>
  <c r="AE134910" i="1"/>
  <c r="AE134911" i="1"/>
  <c r="AE134912" i="1"/>
  <c r="AE134913" i="1"/>
  <c r="AE134914" i="1"/>
  <c r="AE134915" i="1"/>
  <c r="AE134916" i="1"/>
  <c r="AE134917" i="1"/>
  <c r="AE134918" i="1"/>
  <c r="AE134919" i="1"/>
  <c r="AE134920" i="1"/>
  <c r="AE134921" i="1"/>
  <c r="AE134922" i="1"/>
  <c r="AE134923" i="1"/>
  <c r="AE134924" i="1"/>
  <c r="AE134925" i="1"/>
  <c r="AE134926" i="1"/>
  <c r="AE134927" i="1"/>
  <c r="AE134928" i="1"/>
  <c r="AE134929" i="1"/>
  <c r="AE134930" i="1"/>
  <c r="AE134931" i="1"/>
  <c r="AE134932" i="1"/>
  <c r="AE134933" i="1"/>
  <c r="AE134934" i="1"/>
  <c r="AE134935" i="1"/>
  <c r="AE134936" i="1"/>
  <c r="AE134937" i="1"/>
  <c r="AE134938" i="1"/>
  <c r="AE134939" i="1"/>
  <c r="AE134940" i="1"/>
  <c r="AE134941" i="1"/>
  <c r="AE134942" i="1"/>
  <c r="AE134943" i="1"/>
  <c r="AE134944" i="1"/>
  <c r="AE134945" i="1"/>
  <c r="AE134946" i="1"/>
  <c r="AE134947" i="1"/>
  <c r="AE134948" i="1"/>
  <c r="AE134949" i="1"/>
  <c r="AE134950" i="1"/>
  <c r="AE134951" i="1"/>
  <c r="AE134952" i="1"/>
  <c r="AE134953" i="1"/>
  <c r="AE134954" i="1"/>
  <c r="AE134955" i="1"/>
  <c r="AE134956" i="1"/>
  <c r="AE134957" i="1"/>
  <c r="AE134958" i="1"/>
  <c r="AE134959" i="1"/>
  <c r="AE134960" i="1"/>
  <c r="AE134961" i="1"/>
  <c r="AE134962" i="1"/>
  <c r="AE134963" i="1"/>
  <c r="AE134964" i="1"/>
  <c r="AE134965" i="1"/>
  <c r="AE134966" i="1"/>
  <c r="AE134967" i="1"/>
  <c r="AE134968" i="1"/>
  <c r="AE134969" i="1"/>
  <c r="AE134970" i="1"/>
  <c r="AE134971" i="1"/>
  <c r="AE134972" i="1"/>
  <c r="AE134973" i="1"/>
  <c r="AE134974" i="1"/>
  <c r="AE134975" i="1"/>
  <c r="AE134976" i="1"/>
  <c r="AE134977" i="1"/>
  <c r="AE134978" i="1"/>
  <c r="AE134979" i="1"/>
  <c r="AE134980" i="1"/>
  <c r="AE134981" i="1"/>
  <c r="AE134982" i="1"/>
  <c r="AE134983" i="1"/>
  <c r="AE134984" i="1"/>
  <c r="AE134985" i="1"/>
  <c r="AE134986" i="1"/>
  <c r="AE134987" i="1"/>
  <c r="AE134988" i="1"/>
  <c r="AE134989" i="1"/>
  <c r="AE134990" i="1"/>
  <c r="AE134991" i="1"/>
  <c r="AE134992" i="1"/>
  <c r="AE134993" i="1"/>
  <c r="AE134994" i="1"/>
  <c r="AE134995" i="1"/>
  <c r="AE134996" i="1"/>
  <c r="AE134997" i="1"/>
  <c r="AE134998" i="1"/>
  <c r="AE134999" i="1"/>
  <c r="AE135000" i="1"/>
  <c r="AE135001" i="1"/>
  <c r="AE135002" i="1"/>
  <c r="AE135003" i="1"/>
  <c r="AE135004" i="1"/>
  <c r="AE135005" i="1"/>
  <c r="AE135006" i="1"/>
  <c r="AE135007" i="1"/>
  <c r="AE135008" i="1"/>
  <c r="AE135009" i="1"/>
  <c r="AE135010" i="1"/>
  <c r="AE135011" i="1"/>
  <c r="AE135012" i="1"/>
  <c r="AE135013" i="1"/>
  <c r="AE135014" i="1"/>
  <c r="AE135015" i="1"/>
  <c r="AE135016" i="1"/>
  <c r="AE135017" i="1"/>
  <c r="AE135018" i="1"/>
  <c r="AE135019" i="1"/>
  <c r="AE135020" i="1"/>
  <c r="AE135021" i="1"/>
  <c r="AE135022" i="1"/>
  <c r="AE135023" i="1"/>
  <c r="AE135024" i="1"/>
  <c r="AE135025" i="1"/>
  <c r="AE135026" i="1"/>
  <c r="AE135027" i="1"/>
  <c r="AE135028" i="1"/>
  <c r="AE135029" i="1"/>
  <c r="AE135030" i="1"/>
  <c r="AE135031" i="1"/>
  <c r="AE135032" i="1"/>
  <c r="AE135033" i="1"/>
  <c r="AE135034" i="1"/>
  <c r="AE135035" i="1"/>
  <c r="AE135036" i="1"/>
  <c r="AE135037" i="1"/>
  <c r="AE135038" i="1"/>
  <c r="AE135039" i="1"/>
  <c r="AE135040" i="1"/>
  <c r="AE135041" i="1"/>
  <c r="AE135042" i="1"/>
  <c r="AE135043" i="1"/>
  <c r="AE135044" i="1"/>
  <c r="AE135045" i="1"/>
  <c r="AE135046" i="1"/>
  <c r="AE135047" i="1"/>
  <c r="AE135048" i="1"/>
  <c r="AE135049" i="1"/>
  <c r="AE135050" i="1"/>
  <c r="AE135051" i="1"/>
  <c r="AE135052" i="1"/>
  <c r="AE135053" i="1"/>
  <c r="AE135054" i="1"/>
  <c r="AE135055" i="1"/>
  <c r="AE135056" i="1"/>
  <c r="AE135057" i="1"/>
  <c r="AE135058" i="1"/>
  <c r="AE135059" i="1"/>
  <c r="AE135060" i="1"/>
  <c r="AE135061" i="1"/>
  <c r="AE135062" i="1"/>
  <c r="AE135063" i="1"/>
  <c r="AE135064" i="1"/>
  <c r="AE135065" i="1"/>
  <c r="AE135066" i="1"/>
  <c r="AE135067" i="1"/>
  <c r="AE135068" i="1"/>
  <c r="AE135069" i="1"/>
  <c r="AE135070" i="1"/>
  <c r="AE135071" i="1"/>
  <c r="AE135072" i="1"/>
  <c r="AE135073" i="1"/>
  <c r="AE135074" i="1"/>
  <c r="AE135075" i="1"/>
  <c r="AE135076" i="1"/>
  <c r="AE135077" i="1"/>
  <c r="AE135078" i="1"/>
  <c r="AE135079" i="1"/>
  <c r="AE135080" i="1"/>
  <c r="AE135081" i="1"/>
  <c r="AE135082" i="1"/>
  <c r="AE135083" i="1"/>
  <c r="AE135084" i="1"/>
  <c r="AE135085" i="1"/>
  <c r="AE135086" i="1"/>
  <c r="AE135087" i="1"/>
  <c r="AE135088" i="1"/>
  <c r="AE135089" i="1"/>
  <c r="AE135090" i="1"/>
  <c r="AE135091" i="1"/>
  <c r="AE135092" i="1"/>
  <c r="AE135093" i="1"/>
  <c r="AE135094" i="1"/>
  <c r="AE135095" i="1"/>
  <c r="AE135096" i="1"/>
  <c r="AE135097" i="1"/>
  <c r="AE135098" i="1"/>
  <c r="AE135099" i="1"/>
  <c r="AE135100" i="1"/>
  <c r="AE135101" i="1"/>
  <c r="AE135102" i="1"/>
  <c r="AE135103" i="1"/>
  <c r="AE135104" i="1"/>
  <c r="AE135105" i="1"/>
  <c r="AE135106" i="1"/>
  <c r="AE135107" i="1"/>
  <c r="AE135108" i="1"/>
  <c r="AE135109" i="1"/>
  <c r="AE135110" i="1"/>
  <c r="AE135111" i="1"/>
  <c r="AE135112" i="1"/>
  <c r="AE135113" i="1"/>
  <c r="AE135114" i="1"/>
  <c r="AE135115" i="1"/>
  <c r="AE135116" i="1"/>
  <c r="AE135117" i="1"/>
  <c r="AE135118" i="1"/>
  <c r="AE135119" i="1"/>
  <c r="AE135120" i="1"/>
  <c r="AE135121" i="1"/>
  <c r="AE135122" i="1"/>
  <c r="AE135123" i="1"/>
  <c r="AE135124" i="1"/>
  <c r="AE135125" i="1"/>
  <c r="AE135126" i="1"/>
  <c r="AE135127" i="1"/>
  <c r="AE135128" i="1"/>
  <c r="AE135129" i="1"/>
  <c r="AE135130" i="1"/>
  <c r="AE135131" i="1"/>
  <c r="AE135132" i="1"/>
  <c r="AE135133" i="1"/>
  <c r="AE135134" i="1"/>
  <c r="AE135135" i="1"/>
  <c r="AE135136" i="1"/>
  <c r="AE135137" i="1"/>
  <c r="AE135138" i="1"/>
  <c r="AE135139" i="1"/>
  <c r="AE135140" i="1"/>
  <c r="AE135141" i="1"/>
  <c r="AE135142" i="1"/>
  <c r="AE135143" i="1"/>
  <c r="AE135144" i="1"/>
  <c r="AE135145" i="1"/>
  <c r="AE135146" i="1"/>
  <c r="AE135147" i="1"/>
  <c r="AE135148" i="1"/>
  <c r="AE135149" i="1"/>
  <c r="AE135150" i="1"/>
  <c r="AE135151" i="1"/>
  <c r="AE135152" i="1"/>
  <c r="AE135153" i="1"/>
  <c r="AE135154" i="1"/>
  <c r="AE135155" i="1"/>
  <c r="AE135156" i="1"/>
  <c r="AE135157" i="1"/>
  <c r="AE135158" i="1"/>
  <c r="AE135159" i="1"/>
  <c r="AE135160" i="1"/>
  <c r="AE135161" i="1"/>
  <c r="AE135162" i="1"/>
  <c r="AE135163" i="1"/>
  <c r="AE135164" i="1"/>
  <c r="AE135165" i="1"/>
  <c r="AE135166" i="1"/>
  <c r="AE135167" i="1"/>
  <c r="AE135168" i="1"/>
  <c r="AE135169" i="1"/>
  <c r="AE135170" i="1"/>
  <c r="AE135171" i="1"/>
  <c r="AE135172" i="1"/>
  <c r="AE135173" i="1"/>
  <c r="AE135174" i="1"/>
  <c r="AE135175" i="1"/>
  <c r="AE135176" i="1"/>
  <c r="AE135177" i="1"/>
  <c r="AE135178" i="1"/>
  <c r="AE135179" i="1"/>
  <c r="AE135180" i="1"/>
  <c r="AE135181" i="1"/>
  <c r="AE135182" i="1"/>
  <c r="AE135183" i="1"/>
  <c r="AE135184" i="1"/>
  <c r="AE135185" i="1"/>
  <c r="AE135186" i="1"/>
  <c r="AE135187" i="1"/>
  <c r="AE135188" i="1"/>
  <c r="AE135189" i="1"/>
  <c r="AE135190" i="1"/>
  <c r="AE135191" i="1"/>
  <c r="AE135192" i="1"/>
  <c r="AE135193" i="1"/>
  <c r="AE135194" i="1"/>
  <c r="AE135195" i="1"/>
  <c r="AE135196" i="1"/>
  <c r="AE135197" i="1"/>
  <c r="AE135198" i="1"/>
  <c r="AE135199" i="1"/>
  <c r="AE135200" i="1"/>
  <c r="AE135201" i="1"/>
  <c r="AE135202" i="1"/>
  <c r="AE135203" i="1"/>
  <c r="AE135204" i="1"/>
  <c r="AE135205" i="1"/>
  <c r="AE135206" i="1"/>
  <c r="AE135207" i="1"/>
  <c r="AE135208" i="1"/>
  <c r="AE135209" i="1"/>
  <c r="AE135210" i="1"/>
  <c r="AE135211" i="1"/>
  <c r="AE135212" i="1"/>
  <c r="AE135213" i="1"/>
  <c r="AE135214" i="1"/>
  <c r="AE135215" i="1"/>
  <c r="AE135216" i="1"/>
  <c r="AE135217" i="1"/>
  <c r="AE135218" i="1"/>
  <c r="AE135219" i="1"/>
  <c r="AE135220" i="1"/>
  <c r="AE135221" i="1"/>
  <c r="AE135222" i="1"/>
  <c r="AE135223" i="1"/>
  <c r="AE135224" i="1"/>
  <c r="AE135225" i="1"/>
  <c r="AE135226" i="1"/>
  <c r="AE135227" i="1"/>
  <c r="AE135228" i="1"/>
  <c r="AE135229" i="1"/>
  <c r="AE135230" i="1"/>
  <c r="AE135231" i="1"/>
  <c r="AE135232" i="1"/>
  <c r="AE135233" i="1"/>
  <c r="AE135234" i="1"/>
  <c r="AE135235" i="1"/>
  <c r="AE135236" i="1"/>
  <c r="AE135237" i="1"/>
  <c r="AE135238" i="1"/>
  <c r="AE135239" i="1"/>
  <c r="AE135240" i="1"/>
  <c r="AE135241" i="1"/>
  <c r="AE135242" i="1"/>
  <c r="AE135243" i="1"/>
  <c r="AE135244" i="1"/>
  <c r="AE135245" i="1"/>
  <c r="AE135246" i="1"/>
  <c r="AE135247" i="1"/>
  <c r="AE135248" i="1"/>
  <c r="AE135249" i="1"/>
  <c r="AE135250" i="1"/>
  <c r="AE135251" i="1"/>
  <c r="AE135252" i="1"/>
  <c r="AE135253" i="1"/>
  <c r="AE135254" i="1"/>
  <c r="AE135255" i="1"/>
  <c r="AE135256" i="1"/>
  <c r="AE135257" i="1"/>
  <c r="AE135258" i="1"/>
  <c r="AE135259" i="1"/>
  <c r="AE135260" i="1"/>
  <c r="AE135261" i="1"/>
  <c r="AE135262" i="1"/>
  <c r="AE135263" i="1"/>
  <c r="AE135264" i="1"/>
  <c r="AE135265" i="1"/>
  <c r="AE135266" i="1"/>
  <c r="AE135267" i="1"/>
  <c r="AE135268" i="1"/>
  <c r="AE135269" i="1"/>
  <c r="AE135270" i="1"/>
  <c r="AE135271" i="1"/>
  <c r="AE135272" i="1"/>
  <c r="AE135273" i="1"/>
  <c r="AE135274" i="1"/>
  <c r="AE135275" i="1"/>
  <c r="AE135276" i="1"/>
  <c r="AE135277" i="1"/>
  <c r="AE135278" i="1"/>
  <c r="AE135279" i="1"/>
  <c r="AE135280" i="1"/>
  <c r="AE135281" i="1"/>
  <c r="AE135282" i="1"/>
  <c r="AE135283" i="1"/>
  <c r="AE135284" i="1"/>
  <c r="AE135285" i="1"/>
  <c r="AE135286" i="1"/>
  <c r="AE135287" i="1"/>
  <c r="AE135288" i="1"/>
  <c r="AE135289" i="1"/>
  <c r="AE135290" i="1"/>
  <c r="AE135291" i="1"/>
  <c r="AE135292" i="1"/>
  <c r="AE135293" i="1"/>
  <c r="AE135294" i="1"/>
  <c r="AE135295" i="1"/>
  <c r="AE135296" i="1"/>
  <c r="AE135297" i="1"/>
  <c r="AE135298" i="1"/>
  <c r="AE135299" i="1"/>
  <c r="AE135300" i="1"/>
  <c r="AE135301" i="1"/>
  <c r="AE135302" i="1"/>
  <c r="AE135303" i="1"/>
  <c r="AE135304" i="1"/>
  <c r="AE135305" i="1"/>
  <c r="AE135306" i="1"/>
  <c r="AE135307" i="1"/>
  <c r="AE135308" i="1"/>
  <c r="AE135309" i="1"/>
  <c r="AE135310" i="1"/>
  <c r="AE135311" i="1"/>
  <c r="AE135312" i="1"/>
  <c r="AE135313" i="1"/>
  <c r="AE135314" i="1"/>
  <c r="AE135315" i="1"/>
  <c r="AE135316" i="1"/>
  <c r="AE135317" i="1"/>
  <c r="AE135318" i="1"/>
  <c r="AE135319" i="1"/>
  <c r="AE135320" i="1"/>
  <c r="AE135321" i="1"/>
  <c r="AE135322" i="1"/>
  <c r="AE135323" i="1"/>
  <c r="AE135324" i="1"/>
  <c r="AE135325" i="1"/>
  <c r="AE135326" i="1"/>
  <c r="AE135327" i="1"/>
  <c r="AE135328" i="1"/>
  <c r="AE135329" i="1"/>
  <c r="AE135330" i="1"/>
  <c r="AE135331" i="1"/>
  <c r="AE135332" i="1"/>
  <c r="AE135333" i="1"/>
  <c r="AE135334" i="1"/>
  <c r="AE135335" i="1"/>
  <c r="AE135336" i="1"/>
  <c r="AE135337" i="1"/>
  <c r="AE135338" i="1"/>
  <c r="AE135339" i="1"/>
  <c r="AE135340" i="1"/>
  <c r="AE135341" i="1"/>
  <c r="AE135342" i="1"/>
  <c r="AE135343" i="1"/>
  <c r="AE135344" i="1"/>
  <c r="AE135345" i="1"/>
  <c r="AE135346" i="1"/>
  <c r="AE135347" i="1"/>
  <c r="AE135348" i="1"/>
  <c r="AE135349" i="1"/>
  <c r="AE135350" i="1"/>
  <c r="AE135351" i="1"/>
  <c r="AE135352" i="1"/>
  <c r="AE135353" i="1"/>
  <c r="AE135354" i="1"/>
  <c r="AE135355" i="1"/>
  <c r="AE135356" i="1"/>
  <c r="AE135357" i="1"/>
  <c r="AE135358" i="1"/>
  <c r="AE135359" i="1"/>
  <c r="AE135360" i="1"/>
  <c r="AE135361" i="1"/>
  <c r="AE135362" i="1"/>
  <c r="AE135363" i="1"/>
  <c r="AE135364" i="1"/>
  <c r="AE135365" i="1"/>
  <c r="AE135366" i="1"/>
  <c r="AE135367" i="1"/>
  <c r="AE135368" i="1"/>
  <c r="AE135369" i="1"/>
  <c r="AE135370" i="1"/>
  <c r="AE135371" i="1"/>
  <c r="AE135372" i="1"/>
  <c r="AE135373" i="1"/>
  <c r="AE135374" i="1"/>
  <c r="AE135375" i="1"/>
  <c r="AE135376" i="1"/>
  <c r="AE135377" i="1"/>
  <c r="AE135378" i="1"/>
  <c r="AE135379" i="1"/>
  <c r="AE135380" i="1"/>
  <c r="AE135381" i="1"/>
  <c r="AE135382" i="1"/>
  <c r="AE135383" i="1"/>
  <c r="AE135384" i="1"/>
  <c r="AE135385" i="1"/>
  <c r="AE135386" i="1"/>
  <c r="AE135387" i="1"/>
  <c r="AE135388" i="1"/>
  <c r="AE135389" i="1"/>
  <c r="AE135390" i="1"/>
  <c r="AE135391" i="1"/>
  <c r="AE135392" i="1"/>
  <c r="AE135393" i="1"/>
  <c r="AE135394" i="1"/>
  <c r="AE135395" i="1"/>
  <c r="AE135396" i="1"/>
  <c r="AE135397" i="1"/>
  <c r="AE135398" i="1"/>
  <c r="AE135399" i="1"/>
  <c r="AE135400" i="1"/>
  <c r="AE135401" i="1"/>
  <c r="AE135402" i="1"/>
  <c r="AE135403" i="1"/>
  <c r="AE135404" i="1"/>
  <c r="AE135405" i="1"/>
  <c r="AE135406" i="1"/>
  <c r="AE135407" i="1"/>
  <c r="AE135408" i="1"/>
  <c r="AE135409" i="1"/>
  <c r="AE135410" i="1"/>
  <c r="AE135411" i="1"/>
  <c r="AE135412" i="1"/>
  <c r="AE135413" i="1"/>
  <c r="AE135414" i="1"/>
  <c r="AE135415" i="1"/>
  <c r="AE135416" i="1"/>
  <c r="AE135417" i="1"/>
  <c r="AE135418" i="1"/>
  <c r="AE135419" i="1"/>
  <c r="AE135420" i="1"/>
  <c r="AE135421" i="1"/>
  <c r="AE135422" i="1"/>
  <c r="AE135423" i="1"/>
  <c r="AE135424" i="1"/>
  <c r="AE135425" i="1"/>
  <c r="AE135426" i="1"/>
  <c r="AE135427" i="1"/>
  <c r="AE135428" i="1"/>
  <c r="AE135429" i="1"/>
  <c r="AE135430" i="1"/>
  <c r="AE135431" i="1"/>
  <c r="AE135432" i="1"/>
  <c r="AE135433" i="1"/>
  <c r="AE135434" i="1"/>
  <c r="AE135435" i="1"/>
  <c r="AE135436" i="1"/>
  <c r="AE135437" i="1"/>
  <c r="AE135438" i="1"/>
  <c r="AE135439" i="1"/>
  <c r="AE135440" i="1"/>
  <c r="AE135441" i="1"/>
  <c r="AE135442" i="1"/>
  <c r="AE135443" i="1"/>
  <c r="AE135444" i="1"/>
  <c r="AE135445" i="1"/>
  <c r="AE135446" i="1"/>
  <c r="AE135447" i="1"/>
  <c r="AE135448" i="1"/>
  <c r="AE135449" i="1"/>
  <c r="AE135450" i="1"/>
  <c r="AE135451" i="1"/>
  <c r="AE135452" i="1"/>
  <c r="AE135453" i="1"/>
  <c r="AE135454" i="1"/>
  <c r="AE135455" i="1"/>
  <c r="AE135456" i="1"/>
  <c r="AE135457" i="1"/>
  <c r="AE135458" i="1"/>
  <c r="AE135459" i="1"/>
  <c r="AE135460" i="1"/>
  <c r="AE135461" i="1"/>
  <c r="AE135462" i="1"/>
  <c r="AE135463" i="1"/>
  <c r="AE135464" i="1"/>
  <c r="AE135465" i="1"/>
  <c r="AE135466" i="1"/>
  <c r="AE135467" i="1"/>
  <c r="AE135468" i="1"/>
  <c r="AE135469" i="1"/>
  <c r="AE135470" i="1"/>
  <c r="AE135471" i="1"/>
  <c r="AE135472" i="1"/>
  <c r="AE135473" i="1"/>
  <c r="AE135474" i="1"/>
  <c r="AE135475" i="1"/>
  <c r="AE135476" i="1"/>
  <c r="AE135477" i="1"/>
  <c r="AE135478" i="1"/>
  <c r="AE135479" i="1"/>
  <c r="AE135480" i="1"/>
  <c r="AE135481" i="1"/>
  <c r="AE135482" i="1"/>
  <c r="AE135483" i="1"/>
  <c r="AE135484" i="1"/>
  <c r="AE135485" i="1"/>
  <c r="AE135486" i="1"/>
  <c r="AE135487" i="1"/>
  <c r="AE135488" i="1"/>
  <c r="AE135489" i="1"/>
  <c r="AE135490" i="1"/>
  <c r="AE135491" i="1"/>
  <c r="AE135492" i="1"/>
  <c r="AE135493" i="1"/>
  <c r="AE135494" i="1"/>
  <c r="AE135495" i="1"/>
  <c r="AE135496" i="1"/>
  <c r="AE135497" i="1"/>
  <c r="AE135498" i="1"/>
  <c r="AE135499" i="1"/>
  <c r="AE135500" i="1"/>
  <c r="AE135501" i="1"/>
  <c r="AE135502" i="1"/>
  <c r="AE135503" i="1"/>
  <c r="AE135504" i="1"/>
  <c r="AE135505" i="1"/>
  <c r="AE135506" i="1"/>
  <c r="AE135507" i="1"/>
  <c r="AE135508" i="1"/>
  <c r="AE135509" i="1"/>
  <c r="AE135510" i="1"/>
  <c r="AE135511" i="1"/>
  <c r="AE135512" i="1"/>
  <c r="AE135513" i="1"/>
  <c r="AE135514" i="1"/>
  <c r="AE135515" i="1"/>
  <c r="AE135516" i="1"/>
  <c r="AE135517" i="1"/>
  <c r="AE135518" i="1"/>
  <c r="AE135519" i="1"/>
  <c r="AE135520" i="1"/>
  <c r="AE135521" i="1"/>
  <c r="AE135522" i="1"/>
  <c r="AE135523" i="1"/>
  <c r="AE135524" i="1"/>
  <c r="AE135525" i="1"/>
  <c r="AE135526" i="1"/>
  <c r="AE135527" i="1"/>
  <c r="AE135528" i="1"/>
  <c r="AE135529" i="1"/>
  <c r="AE135530" i="1"/>
  <c r="AE135531" i="1"/>
  <c r="AE135532" i="1"/>
  <c r="AE135533" i="1"/>
  <c r="AE135534" i="1"/>
  <c r="AE135535" i="1"/>
  <c r="AE135536" i="1"/>
  <c r="AE135537" i="1"/>
  <c r="AE135538" i="1"/>
  <c r="AE135539" i="1"/>
  <c r="AE135540" i="1"/>
  <c r="AE135541" i="1"/>
  <c r="AE135542" i="1"/>
  <c r="AE135543" i="1"/>
  <c r="AE135544" i="1"/>
  <c r="AE135545" i="1"/>
  <c r="AE135546" i="1"/>
  <c r="AE135547" i="1"/>
  <c r="AE135548" i="1"/>
  <c r="AE135549" i="1"/>
  <c r="AE135550" i="1"/>
  <c r="AE135551" i="1"/>
  <c r="AE135552" i="1"/>
  <c r="AE135553" i="1"/>
  <c r="AE135554" i="1"/>
  <c r="AE135555" i="1"/>
  <c r="AE135556" i="1"/>
  <c r="AE135557" i="1"/>
  <c r="AE135558" i="1"/>
  <c r="AE135559" i="1"/>
  <c r="AE135560" i="1"/>
  <c r="AE135561" i="1"/>
  <c r="AE135562" i="1"/>
  <c r="AE135563" i="1"/>
  <c r="AE135564" i="1"/>
  <c r="AE135565" i="1"/>
  <c r="AE135566" i="1"/>
  <c r="AE135567" i="1"/>
  <c r="AE135568" i="1"/>
  <c r="AE135569" i="1"/>
  <c r="AE135570" i="1"/>
  <c r="AE135571" i="1"/>
  <c r="AE135572" i="1"/>
  <c r="AE135573" i="1"/>
  <c r="AE135574" i="1"/>
  <c r="AE135575" i="1"/>
  <c r="AE135576" i="1"/>
  <c r="AE135577" i="1"/>
  <c r="AE135578" i="1"/>
  <c r="AE135579" i="1"/>
  <c r="AE135580" i="1"/>
  <c r="AE135581" i="1"/>
  <c r="AE135582" i="1"/>
  <c r="AE135583" i="1"/>
  <c r="AE135584" i="1"/>
  <c r="AE135585" i="1"/>
  <c r="AE135586" i="1"/>
  <c r="AE135587" i="1"/>
  <c r="AE135588" i="1"/>
  <c r="AE135589" i="1"/>
  <c r="AE135590" i="1"/>
  <c r="AE135591" i="1"/>
  <c r="AE135592" i="1"/>
  <c r="AE135593" i="1"/>
  <c r="AE135594" i="1"/>
  <c r="AE135595" i="1"/>
  <c r="AE135596" i="1"/>
  <c r="AE135597" i="1"/>
  <c r="AE135598" i="1"/>
  <c r="AE135599" i="1"/>
  <c r="AE135600" i="1"/>
  <c r="AE135601" i="1"/>
  <c r="AE135602" i="1"/>
  <c r="AE135603" i="1"/>
  <c r="AE135604" i="1"/>
  <c r="AE135605" i="1"/>
  <c r="AE135606" i="1"/>
  <c r="AE135607" i="1"/>
  <c r="AE135608" i="1"/>
  <c r="AE135609" i="1"/>
  <c r="AE135610" i="1"/>
  <c r="AE135611" i="1"/>
  <c r="AE135612" i="1"/>
  <c r="AE135613" i="1"/>
  <c r="AE135614" i="1"/>
  <c r="AE135615" i="1"/>
  <c r="AE135616" i="1"/>
  <c r="AE135617" i="1"/>
  <c r="AE135618" i="1"/>
  <c r="AE135619" i="1"/>
  <c r="AE135620" i="1"/>
  <c r="AE135621" i="1"/>
  <c r="AE135622" i="1"/>
  <c r="AE135623" i="1"/>
  <c r="AE135624" i="1"/>
  <c r="AE135625" i="1"/>
  <c r="AE135626" i="1"/>
  <c r="AE135627" i="1"/>
  <c r="AE135628" i="1"/>
  <c r="AE135629" i="1"/>
  <c r="AE135630" i="1"/>
  <c r="AE135631" i="1"/>
  <c r="AE135632" i="1"/>
  <c r="AE135633" i="1"/>
  <c r="AE135634" i="1"/>
  <c r="AE135635" i="1"/>
  <c r="AE135636" i="1"/>
  <c r="AE135637" i="1"/>
  <c r="AE135638" i="1"/>
  <c r="AE135639" i="1"/>
  <c r="AE135640" i="1"/>
  <c r="AE135641" i="1"/>
  <c r="AE135642" i="1"/>
  <c r="AE135643" i="1"/>
  <c r="AE135644" i="1"/>
  <c r="AE135645" i="1"/>
  <c r="AE135646" i="1"/>
  <c r="AE135647" i="1"/>
  <c r="AE135648" i="1"/>
  <c r="AE135649" i="1"/>
  <c r="AE135650" i="1"/>
  <c r="AE135651" i="1"/>
  <c r="AE135652" i="1"/>
  <c r="AE135653" i="1"/>
  <c r="AE135654" i="1"/>
  <c r="AE135655" i="1"/>
  <c r="AE135656" i="1"/>
  <c r="AE135657" i="1"/>
  <c r="AE135658" i="1"/>
  <c r="AE135659" i="1"/>
  <c r="AE135660" i="1"/>
  <c r="AE135661" i="1"/>
  <c r="AE135662" i="1"/>
  <c r="AE135663" i="1"/>
  <c r="AE135664" i="1"/>
  <c r="AE135665" i="1"/>
  <c r="AE135666" i="1"/>
  <c r="AE135667" i="1"/>
  <c r="AE135668" i="1"/>
  <c r="AE135669" i="1"/>
  <c r="AE135670" i="1"/>
  <c r="AE135671" i="1"/>
  <c r="AE135672" i="1"/>
  <c r="AE135673" i="1"/>
  <c r="AE135674" i="1"/>
  <c r="AE135675" i="1"/>
  <c r="AE135676" i="1"/>
  <c r="AE135677" i="1"/>
  <c r="AE135678" i="1"/>
  <c r="AE135679" i="1"/>
  <c r="AE135680" i="1"/>
  <c r="AE135681" i="1"/>
  <c r="AE135682" i="1"/>
  <c r="AE135683" i="1"/>
  <c r="AE135684" i="1"/>
  <c r="AE135685" i="1"/>
  <c r="AE135686" i="1"/>
  <c r="AE135687" i="1"/>
  <c r="AE135688" i="1"/>
  <c r="AE135689" i="1"/>
  <c r="AE135690" i="1"/>
  <c r="AE135691" i="1"/>
  <c r="AE135692" i="1"/>
  <c r="AE135693" i="1"/>
  <c r="AE135694" i="1"/>
  <c r="AE135695" i="1"/>
  <c r="AE135696" i="1"/>
  <c r="AE135697" i="1"/>
  <c r="AE135698" i="1"/>
  <c r="AE135699" i="1"/>
  <c r="AE135700" i="1"/>
  <c r="AE135701" i="1"/>
  <c r="AE135702" i="1"/>
  <c r="AE135703" i="1"/>
  <c r="AE135704" i="1"/>
  <c r="AE135705" i="1"/>
  <c r="AE135706" i="1"/>
  <c r="AE135707" i="1"/>
  <c r="AE135708" i="1"/>
  <c r="AE135709" i="1"/>
  <c r="AE135710" i="1"/>
  <c r="AE135711" i="1"/>
  <c r="AE135712" i="1"/>
  <c r="AE135713" i="1"/>
  <c r="AE135714" i="1"/>
  <c r="AE135715" i="1"/>
  <c r="AE135716" i="1"/>
  <c r="AE135717" i="1"/>
  <c r="AE135718" i="1"/>
  <c r="AE135719" i="1"/>
  <c r="AE135720" i="1"/>
  <c r="AE135721" i="1"/>
  <c r="AE135722" i="1"/>
  <c r="AE135723" i="1"/>
  <c r="AE135724" i="1"/>
  <c r="AE135725" i="1"/>
  <c r="AE135726" i="1"/>
  <c r="AE135727" i="1"/>
  <c r="AE135728" i="1"/>
  <c r="AE135729" i="1"/>
  <c r="AE135730" i="1"/>
  <c r="AE135731" i="1"/>
  <c r="AE135732" i="1"/>
  <c r="AE135733" i="1"/>
  <c r="AE135734" i="1"/>
  <c r="AE135735" i="1"/>
  <c r="AE135736" i="1"/>
  <c r="AE135737" i="1"/>
  <c r="AE135738" i="1"/>
  <c r="AE135739" i="1"/>
  <c r="AE135740" i="1"/>
  <c r="AE135741" i="1"/>
  <c r="AE135742" i="1"/>
  <c r="AE135743" i="1"/>
  <c r="AE135744" i="1"/>
  <c r="AE135745" i="1"/>
  <c r="AE135746" i="1"/>
  <c r="AE135747" i="1"/>
  <c r="AE135748" i="1"/>
  <c r="AE135749" i="1"/>
  <c r="AE135750" i="1"/>
  <c r="AE135751" i="1"/>
  <c r="AE135752" i="1"/>
  <c r="AE135753" i="1"/>
  <c r="AE135754" i="1"/>
  <c r="AE135755" i="1"/>
  <c r="AE135756" i="1"/>
  <c r="AE135757" i="1"/>
  <c r="AE135758" i="1"/>
  <c r="AE135759" i="1"/>
  <c r="AE135760" i="1"/>
  <c r="AE135761" i="1"/>
  <c r="AE135762" i="1"/>
  <c r="AE135763" i="1"/>
  <c r="AE135764" i="1"/>
  <c r="AE135765" i="1"/>
  <c r="AE135766" i="1"/>
  <c r="AE135767" i="1"/>
  <c r="AE135768" i="1"/>
  <c r="AE135769" i="1"/>
  <c r="AE135770" i="1"/>
  <c r="AE135771" i="1"/>
  <c r="AE135772" i="1"/>
  <c r="AE135773" i="1"/>
  <c r="AE135774" i="1"/>
  <c r="AE135775" i="1"/>
  <c r="AE135776" i="1"/>
  <c r="AE135777" i="1"/>
  <c r="AE135778" i="1"/>
  <c r="AE135779" i="1"/>
  <c r="AE135780" i="1"/>
  <c r="AE135781" i="1"/>
  <c r="AE135782" i="1"/>
  <c r="AE135783" i="1"/>
  <c r="AE135784" i="1"/>
  <c r="AE135785" i="1"/>
  <c r="AE135786" i="1"/>
  <c r="AE135787" i="1"/>
  <c r="AE135788" i="1"/>
  <c r="AE135789" i="1"/>
  <c r="AE135790" i="1"/>
  <c r="AE135791" i="1"/>
  <c r="AE135792" i="1"/>
  <c r="AE135793" i="1"/>
  <c r="AE135794" i="1"/>
  <c r="AE135795" i="1"/>
  <c r="AE135796" i="1"/>
  <c r="AE135797" i="1"/>
  <c r="AE135798" i="1"/>
  <c r="AE135799" i="1"/>
  <c r="AE135800" i="1"/>
  <c r="AE135801" i="1"/>
  <c r="AE135802" i="1"/>
  <c r="AE135803" i="1"/>
  <c r="AE135804" i="1"/>
  <c r="AE135805" i="1"/>
  <c r="AE135806" i="1"/>
  <c r="AE135807" i="1"/>
  <c r="AE135808" i="1"/>
  <c r="AE135809" i="1"/>
  <c r="AE135810" i="1"/>
  <c r="AE135811" i="1"/>
  <c r="AE135812" i="1"/>
  <c r="AE135813" i="1"/>
  <c r="AE135814" i="1"/>
  <c r="AE135815" i="1"/>
  <c r="AE135816" i="1"/>
  <c r="AE135817" i="1"/>
  <c r="AE135818" i="1"/>
  <c r="AE135819" i="1"/>
  <c r="AE135820" i="1"/>
  <c r="AE135821" i="1"/>
  <c r="AE135822" i="1"/>
  <c r="AE135823" i="1"/>
  <c r="AE135824" i="1"/>
  <c r="AE135825" i="1"/>
  <c r="AE135826" i="1"/>
  <c r="AE135827" i="1"/>
  <c r="AE135828" i="1"/>
  <c r="AE135829" i="1"/>
  <c r="AE135830" i="1"/>
  <c r="AE135831" i="1"/>
  <c r="AE135832" i="1"/>
  <c r="AE135833" i="1"/>
  <c r="AE135834" i="1"/>
  <c r="AE135835" i="1"/>
  <c r="AE135836" i="1"/>
  <c r="AE135837" i="1"/>
  <c r="AE135838" i="1"/>
  <c r="AE135839" i="1"/>
  <c r="AE135840" i="1"/>
  <c r="AE135841" i="1"/>
  <c r="AE135842" i="1"/>
  <c r="AE135843" i="1"/>
  <c r="AE135844" i="1"/>
  <c r="AE135845" i="1"/>
  <c r="AE135846" i="1"/>
  <c r="AE135847" i="1"/>
  <c r="AE135848" i="1"/>
  <c r="AE135849" i="1"/>
  <c r="AE135850" i="1"/>
  <c r="AE135851" i="1"/>
  <c r="AE135852" i="1"/>
  <c r="AE135853" i="1"/>
  <c r="AE135854" i="1"/>
  <c r="AE135855" i="1"/>
  <c r="AE135856" i="1"/>
  <c r="AE135857" i="1"/>
  <c r="AE135858" i="1"/>
  <c r="AE135859" i="1"/>
  <c r="AE135860" i="1"/>
  <c r="AE135861" i="1"/>
  <c r="AE135862" i="1"/>
  <c r="AE135863" i="1"/>
  <c r="AE135864" i="1"/>
  <c r="AE135865" i="1"/>
  <c r="AE135866" i="1"/>
  <c r="AE135867" i="1"/>
  <c r="AE135868" i="1"/>
  <c r="AE135869" i="1"/>
  <c r="AE135870" i="1"/>
  <c r="AE135871" i="1"/>
  <c r="AE135872" i="1"/>
  <c r="AE135873" i="1"/>
  <c r="AE135874" i="1"/>
  <c r="AE135875" i="1"/>
  <c r="AE135876" i="1"/>
  <c r="AE135877" i="1"/>
  <c r="AE135878" i="1"/>
  <c r="AE135879" i="1"/>
  <c r="AE135880" i="1"/>
  <c r="AE135881" i="1"/>
  <c r="AE135882" i="1"/>
  <c r="AE135883" i="1"/>
  <c r="AE135884" i="1"/>
  <c r="AE135885" i="1"/>
  <c r="AE135886" i="1"/>
  <c r="AE135887" i="1"/>
  <c r="AE135888" i="1"/>
  <c r="AE135889" i="1"/>
  <c r="AE135890" i="1"/>
  <c r="AE135891" i="1"/>
  <c r="AE135892" i="1"/>
  <c r="AE135893" i="1"/>
  <c r="AE135894" i="1"/>
  <c r="AE135895" i="1"/>
  <c r="AE135896" i="1"/>
  <c r="AE135897" i="1"/>
  <c r="AE135898" i="1"/>
  <c r="AE135899" i="1"/>
  <c r="AE135900" i="1"/>
  <c r="AE135901" i="1"/>
  <c r="AE135902" i="1"/>
  <c r="AE135903" i="1"/>
  <c r="AE135904" i="1"/>
  <c r="AE135905" i="1"/>
  <c r="AE135906" i="1"/>
  <c r="AE135907" i="1"/>
  <c r="AE135908" i="1"/>
  <c r="AE135909" i="1"/>
  <c r="AE135910" i="1"/>
  <c r="AE135911" i="1"/>
  <c r="AE135912" i="1"/>
  <c r="AE135913" i="1"/>
  <c r="AE135914" i="1"/>
  <c r="AE135915" i="1"/>
  <c r="AE135916" i="1"/>
  <c r="AE135917" i="1"/>
  <c r="AE135918" i="1"/>
  <c r="AE135919" i="1"/>
  <c r="AE135920" i="1"/>
  <c r="AE135921" i="1"/>
  <c r="AE135922" i="1"/>
  <c r="AE135923" i="1"/>
  <c r="AE135924" i="1"/>
  <c r="AE135925" i="1"/>
  <c r="AE135926" i="1"/>
  <c r="AE135927" i="1"/>
  <c r="AE135928" i="1"/>
  <c r="AE135929" i="1"/>
  <c r="AE135930" i="1"/>
  <c r="AE135931" i="1"/>
  <c r="AE135932" i="1"/>
  <c r="AE135933" i="1"/>
  <c r="AE135934" i="1"/>
  <c r="AE135935" i="1"/>
  <c r="AE135936" i="1"/>
  <c r="AE135937" i="1"/>
  <c r="AE135938" i="1"/>
  <c r="AE135939" i="1"/>
  <c r="AE135940" i="1"/>
  <c r="AE135941" i="1"/>
  <c r="AE135942" i="1"/>
  <c r="AE135943" i="1"/>
  <c r="AE135944" i="1"/>
  <c r="AE135945" i="1"/>
  <c r="AE135946" i="1"/>
  <c r="AE135947" i="1"/>
  <c r="AE135948" i="1"/>
  <c r="AE135949" i="1"/>
  <c r="AE135950" i="1"/>
  <c r="AE135951" i="1"/>
  <c r="AE135952" i="1"/>
  <c r="AE135953" i="1"/>
  <c r="AE135954" i="1"/>
  <c r="AE135955" i="1"/>
  <c r="AE135956" i="1"/>
  <c r="AE135957" i="1"/>
  <c r="AE135958" i="1"/>
  <c r="AE135959" i="1"/>
  <c r="AE135960" i="1"/>
  <c r="AE135961" i="1"/>
  <c r="AE135962" i="1"/>
  <c r="AE135963" i="1"/>
  <c r="AE135964" i="1"/>
  <c r="AE135965" i="1"/>
  <c r="AE135966" i="1"/>
  <c r="AE135967" i="1"/>
  <c r="AE135968" i="1"/>
  <c r="AE135969" i="1"/>
  <c r="AE135970" i="1"/>
  <c r="AE135971" i="1"/>
  <c r="AE135972" i="1"/>
  <c r="AE135973" i="1"/>
  <c r="AE135974" i="1"/>
  <c r="AE135975" i="1"/>
  <c r="AE135976" i="1"/>
  <c r="AE135977" i="1"/>
  <c r="AE135978" i="1"/>
  <c r="AE135979" i="1"/>
  <c r="AE135980" i="1"/>
  <c r="AE135981" i="1"/>
  <c r="AE135982" i="1"/>
  <c r="AE135983" i="1"/>
  <c r="AE135984" i="1"/>
  <c r="AE135985" i="1"/>
  <c r="AE135986" i="1"/>
  <c r="AE135987" i="1"/>
  <c r="AE135988" i="1"/>
  <c r="AE135989" i="1"/>
  <c r="AE135990" i="1"/>
  <c r="AE135991" i="1"/>
  <c r="AE135992" i="1"/>
  <c r="AE135993" i="1"/>
  <c r="AE135994" i="1"/>
  <c r="AE135995" i="1"/>
  <c r="AE135996" i="1"/>
  <c r="AE135997" i="1"/>
  <c r="AE135998" i="1"/>
  <c r="AE135999" i="1"/>
  <c r="AE136000" i="1"/>
  <c r="AE136001" i="1"/>
  <c r="AE136002" i="1"/>
  <c r="AE136003" i="1"/>
  <c r="AE136004" i="1"/>
  <c r="AE136005" i="1"/>
  <c r="AE136006" i="1"/>
  <c r="AE136007" i="1"/>
  <c r="AE136008" i="1"/>
  <c r="AE136009" i="1"/>
  <c r="AE136010" i="1"/>
  <c r="AE136011" i="1"/>
  <c r="AE136012" i="1"/>
  <c r="AE136013" i="1"/>
  <c r="AE136014" i="1"/>
  <c r="AE136015" i="1"/>
  <c r="AE136016" i="1"/>
  <c r="AE136017" i="1"/>
  <c r="AE136018" i="1"/>
  <c r="AE136019" i="1"/>
  <c r="AE136020" i="1"/>
  <c r="AE136021" i="1"/>
  <c r="AE136022" i="1"/>
  <c r="AE136023" i="1"/>
  <c r="AE136024" i="1"/>
  <c r="AE136025" i="1"/>
  <c r="AE136026" i="1"/>
  <c r="AE136027" i="1"/>
  <c r="AE136028" i="1"/>
  <c r="AE136029" i="1"/>
  <c r="AE136030" i="1"/>
  <c r="AE136031" i="1"/>
  <c r="AE136032" i="1"/>
  <c r="AE136033" i="1"/>
  <c r="AE136034" i="1"/>
  <c r="AE136035" i="1"/>
  <c r="AE136036" i="1"/>
  <c r="AE136037" i="1"/>
  <c r="AE136038" i="1"/>
  <c r="AE136039" i="1"/>
  <c r="AE136040" i="1"/>
  <c r="AE136041" i="1"/>
  <c r="AE136042" i="1"/>
  <c r="AE136043" i="1"/>
  <c r="AE136044" i="1"/>
  <c r="AE136045" i="1"/>
  <c r="AE136046" i="1"/>
  <c r="AE136047" i="1"/>
  <c r="AE136048" i="1"/>
  <c r="AE136049" i="1"/>
  <c r="AE136050" i="1"/>
  <c r="AE136051" i="1"/>
  <c r="AE136052" i="1"/>
  <c r="AE136053" i="1"/>
  <c r="AE136054" i="1"/>
  <c r="AE136055" i="1"/>
  <c r="AE136056" i="1"/>
  <c r="AE136057" i="1"/>
  <c r="AE136058" i="1"/>
  <c r="AE136059" i="1"/>
  <c r="AE136060" i="1"/>
  <c r="AE136061" i="1"/>
  <c r="AE136062" i="1"/>
  <c r="AE136063" i="1"/>
  <c r="AE136064" i="1"/>
  <c r="AE136065" i="1"/>
  <c r="AE136066" i="1"/>
  <c r="AE136067" i="1"/>
  <c r="AE136068" i="1"/>
  <c r="AE136069" i="1"/>
  <c r="AE136070" i="1"/>
  <c r="AE136071" i="1"/>
  <c r="AE136072" i="1"/>
  <c r="AE136073" i="1"/>
  <c r="AE136074" i="1"/>
  <c r="AE136075" i="1"/>
  <c r="AE136076" i="1"/>
  <c r="AE136077" i="1"/>
  <c r="AE136078" i="1"/>
  <c r="AE136079" i="1"/>
  <c r="AE136080" i="1"/>
  <c r="AE136081" i="1"/>
  <c r="AE136082" i="1"/>
  <c r="AE136083" i="1"/>
  <c r="AE136084" i="1"/>
  <c r="AE136085" i="1"/>
  <c r="AE136086" i="1"/>
  <c r="AE136087" i="1"/>
  <c r="AE136088" i="1"/>
  <c r="AE136089" i="1"/>
  <c r="AE136090" i="1"/>
  <c r="AE136091" i="1"/>
  <c r="AE136092" i="1"/>
  <c r="AE136093" i="1"/>
  <c r="AE136094" i="1"/>
  <c r="AE136095" i="1"/>
  <c r="AE136096" i="1"/>
  <c r="AE136097" i="1"/>
  <c r="AE136098" i="1"/>
  <c r="AE136099" i="1"/>
  <c r="AE136100" i="1"/>
  <c r="AE136101" i="1"/>
  <c r="AE136102" i="1"/>
  <c r="AE136103" i="1"/>
  <c r="AE136104" i="1"/>
  <c r="AE136105" i="1"/>
  <c r="AE136106" i="1"/>
  <c r="AE136107" i="1"/>
  <c r="AE136108" i="1"/>
  <c r="AE136109" i="1"/>
  <c r="AE136110" i="1"/>
  <c r="AE136111" i="1"/>
  <c r="AE136112" i="1"/>
  <c r="AE136113" i="1"/>
  <c r="AE136114" i="1"/>
  <c r="AE136115" i="1"/>
  <c r="AE136116" i="1"/>
  <c r="AE136117" i="1"/>
  <c r="AE136118" i="1"/>
  <c r="AE136119" i="1"/>
  <c r="AE136120" i="1"/>
  <c r="AE136121" i="1"/>
  <c r="AE136122" i="1"/>
  <c r="AE136123" i="1"/>
  <c r="AE136124" i="1"/>
  <c r="AE136125" i="1"/>
  <c r="AE136126" i="1"/>
  <c r="AE136127" i="1"/>
  <c r="AE136128" i="1"/>
  <c r="AE136129" i="1"/>
  <c r="AE136130" i="1"/>
  <c r="AE136131" i="1"/>
  <c r="AE136132" i="1"/>
  <c r="AE136133" i="1"/>
  <c r="AE136134" i="1"/>
  <c r="AE136135" i="1"/>
  <c r="AE136136" i="1"/>
  <c r="AE136137" i="1"/>
  <c r="AE136138" i="1"/>
  <c r="AE136139" i="1"/>
  <c r="AE136140" i="1"/>
  <c r="AE136141" i="1"/>
  <c r="AE136142" i="1"/>
  <c r="AE136143" i="1"/>
  <c r="AE136144" i="1"/>
  <c r="AE136145" i="1"/>
  <c r="AE136146" i="1"/>
  <c r="AE136147" i="1"/>
  <c r="AE136148" i="1"/>
  <c r="AE136149" i="1"/>
  <c r="AE136150" i="1"/>
  <c r="AE136151" i="1"/>
  <c r="AE136152" i="1"/>
  <c r="AE136153" i="1"/>
  <c r="AE136154" i="1"/>
  <c r="AE136155" i="1"/>
  <c r="AE136156" i="1"/>
  <c r="AE136157" i="1"/>
  <c r="AE136158" i="1"/>
  <c r="AE136159" i="1"/>
  <c r="AE136160" i="1"/>
  <c r="AE136161" i="1"/>
  <c r="AE136162" i="1"/>
  <c r="AE136163" i="1"/>
  <c r="AE136164" i="1"/>
  <c r="AE136165" i="1"/>
  <c r="AE136166" i="1"/>
  <c r="AE136167" i="1"/>
  <c r="AE136168" i="1"/>
  <c r="AE136169" i="1"/>
  <c r="AE136170" i="1"/>
  <c r="AE136171" i="1"/>
  <c r="AE136172" i="1"/>
  <c r="AE136173" i="1"/>
  <c r="AE136174" i="1"/>
  <c r="AE136175" i="1"/>
  <c r="AE136176" i="1"/>
  <c r="AE136177" i="1"/>
  <c r="AE136178" i="1"/>
  <c r="AE136179" i="1"/>
  <c r="AE136180" i="1"/>
  <c r="AE136181" i="1"/>
  <c r="AE136182" i="1"/>
  <c r="AE136183" i="1"/>
  <c r="AE136184" i="1"/>
  <c r="AE136185" i="1"/>
  <c r="AE136186" i="1"/>
  <c r="AE136187" i="1"/>
  <c r="AE136188" i="1"/>
  <c r="AE136189" i="1"/>
  <c r="AE136190" i="1"/>
  <c r="AE136191" i="1"/>
  <c r="AE136192" i="1"/>
  <c r="AE136193" i="1"/>
  <c r="AE136194" i="1"/>
  <c r="AE136195" i="1"/>
  <c r="AE136196" i="1"/>
  <c r="AE136197" i="1"/>
  <c r="AE136198" i="1"/>
  <c r="AE136199" i="1"/>
  <c r="AE136200" i="1"/>
  <c r="AE136201" i="1"/>
  <c r="AE136202" i="1"/>
  <c r="AE136203" i="1"/>
  <c r="AE136204" i="1"/>
  <c r="AE136205" i="1"/>
  <c r="AE136206" i="1"/>
  <c r="AE136207" i="1"/>
  <c r="AE136208" i="1"/>
  <c r="AE136209" i="1"/>
  <c r="AE136210" i="1"/>
  <c r="AE136211" i="1"/>
  <c r="AE136212" i="1"/>
  <c r="AE136213" i="1"/>
  <c r="AE136214" i="1"/>
  <c r="AE136215" i="1"/>
  <c r="AE136216" i="1"/>
  <c r="AE136217" i="1"/>
  <c r="AE136218" i="1"/>
  <c r="AE136219" i="1"/>
  <c r="AE136220" i="1"/>
  <c r="AE136221" i="1"/>
  <c r="AE136222" i="1"/>
  <c r="AE136223" i="1"/>
  <c r="AE136224" i="1"/>
  <c r="AE136225" i="1"/>
  <c r="AE136226" i="1"/>
  <c r="AE136227" i="1"/>
  <c r="AE136228" i="1"/>
  <c r="AE136229" i="1"/>
  <c r="AE136230" i="1"/>
  <c r="AE136231" i="1"/>
  <c r="AE136232" i="1"/>
  <c r="AE136233" i="1"/>
  <c r="AE136234" i="1"/>
  <c r="AE136235" i="1"/>
  <c r="AE136236" i="1"/>
  <c r="AE136237" i="1"/>
  <c r="AE136238" i="1"/>
  <c r="AE136239" i="1"/>
  <c r="AE136240" i="1"/>
  <c r="AE136241" i="1"/>
  <c r="AE136242" i="1"/>
  <c r="AE136243" i="1"/>
  <c r="AE136244" i="1"/>
  <c r="AE136245" i="1"/>
  <c r="AE136246" i="1"/>
  <c r="AE136247" i="1"/>
  <c r="AE136248" i="1"/>
  <c r="AE136249" i="1"/>
  <c r="AE136250" i="1"/>
  <c r="AE136251" i="1"/>
  <c r="AE136252" i="1"/>
  <c r="AE136253" i="1"/>
  <c r="AE136254" i="1"/>
  <c r="AE136255" i="1"/>
  <c r="AE136256" i="1"/>
  <c r="AE136257" i="1"/>
  <c r="AE136258" i="1"/>
  <c r="AE136259" i="1"/>
  <c r="AE136260" i="1"/>
  <c r="AE136261" i="1"/>
  <c r="AE136262" i="1"/>
  <c r="AE136263" i="1"/>
  <c r="AE136264" i="1"/>
  <c r="AE136265" i="1"/>
  <c r="AE136266" i="1"/>
  <c r="AE136267" i="1"/>
  <c r="AE136268" i="1"/>
  <c r="AE136269" i="1"/>
  <c r="AE136270" i="1"/>
  <c r="AE136271" i="1"/>
  <c r="AE136272" i="1"/>
  <c r="AE136273" i="1"/>
  <c r="AE136274" i="1"/>
  <c r="AE136275" i="1"/>
  <c r="AE136276" i="1"/>
  <c r="AE136277" i="1"/>
  <c r="AE136278" i="1"/>
  <c r="AE136279" i="1"/>
  <c r="AE136280" i="1"/>
  <c r="AE136281" i="1"/>
  <c r="AE136282" i="1"/>
  <c r="AE136283" i="1"/>
  <c r="AE136284" i="1"/>
  <c r="AE136285" i="1"/>
  <c r="AE136286" i="1"/>
  <c r="AE136287" i="1"/>
  <c r="AE136288" i="1"/>
  <c r="AE136289" i="1"/>
  <c r="AE136290" i="1"/>
  <c r="AE136291" i="1"/>
  <c r="AE136292" i="1"/>
  <c r="AE136293" i="1"/>
  <c r="AE136294" i="1"/>
  <c r="AE136295" i="1"/>
  <c r="AE136296" i="1"/>
  <c r="AE136297" i="1"/>
  <c r="AE136298" i="1"/>
  <c r="AE136299" i="1"/>
  <c r="AE136300" i="1"/>
  <c r="AE136301" i="1"/>
  <c r="AE136302" i="1"/>
  <c r="AE136303" i="1"/>
  <c r="AE136304" i="1"/>
  <c r="AE136305" i="1"/>
  <c r="AE136306" i="1"/>
  <c r="AE136307" i="1"/>
  <c r="AE136308" i="1"/>
  <c r="AE136309" i="1"/>
  <c r="AE136310" i="1"/>
  <c r="AE136311" i="1"/>
  <c r="AE136312" i="1"/>
  <c r="AE136313" i="1"/>
  <c r="AE136314" i="1"/>
  <c r="AE136315" i="1"/>
  <c r="AE136316" i="1"/>
  <c r="AE136317" i="1"/>
  <c r="AE136318" i="1"/>
  <c r="AE136319" i="1"/>
  <c r="AE136320" i="1"/>
  <c r="AE136321" i="1"/>
  <c r="AE136322" i="1"/>
  <c r="AE136323" i="1"/>
  <c r="AE136324" i="1"/>
  <c r="AE136325" i="1"/>
  <c r="AE136326" i="1"/>
  <c r="AE136327" i="1"/>
  <c r="AE136328" i="1"/>
  <c r="AE136329" i="1"/>
  <c r="AE136330" i="1"/>
  <c r="AE136331" i="1"/>
  <c r="AE136332" i="1"/>
  <c r="AE136333" i="1"/>
  <c r="AE136334" i="1"/>
  <c r="AE136335" i="1"/>
  <c r="AE136336" i="1"/>
  <c r="AE136337" i="1"/>
  <c r="AE136338" i="1"/>
  <c r="AE136339" i="1"/>
  <c r="AE136340" i="1"/>
  <c r="AE136341" i="1"/>
  <c r="AE136342" i="1"/>
  <c r="AE136343" i="1"/>
  <c r="AE136344" i="1"/>
  <c r="AE136345" i="1"/>
  <c r="AE136346" i="1"/>
  <c r="AE136347" i="1"/>
  <c r="AE136348" i="1"/>
  <c r="AE136349" i="1"/>
  <c r="AE136350" i="1"/>
  <c r="AE136351" i="1"/>
  <c r="AE136352" i="1"/>
  <c r="AE136353" i="1"/>
  <c r="AE136354" i="1"/>
  <c r="AE136355" i="1"/>
  <c r="AE136356" i="1"/>
  <c r="AE136357" i="1"/>
  <c r="AE136358" i="1"/>
  <c r="AE136359" i="1"/>
  <c r="AE136360" i="1"/>
  <c r="AE136361" i="1"/>
  <c r="AE136362" i="1"/>
  <c r="AE136363" i="1"/>
  <c r="AE136364" i="1"/>
  <c r="AE136365" i="1"/>
  <c r="AE136366" i="1"/>
  <c r="AE136367" i="1"/>
  <c r="AE136368" i="1"/>
  <c r="AE136369" i="1"/>
  <c r="AE136370" i="1"/>
  <c r="AE136371" i="1"/>
  <c r="AE136372" i="1"/>
  <c r="AE136373" i="1"/>
  <c r="AE136374" i="1"/>
  <c r="AE136375" i="1"/>
  <c r="AE136376" i="1"/>
  <c r="AE136377" i="1"/>
  <c r="AE136378" i="1"/>
  <c r="AE136379" i="1"/>
  <c r="AE136380" i="1"/>
  <c r="AE136381" i="1"/>
  <c r="AE136382" i="1"/>
  <c r="AE136383" i="1"/>
  <c r="AE136384" i="1"/>
  <c r="AE136385" i="1"/>
  <c r="AE136386" i="1"/>
  <c r="AE136387" i="1"/>
  <c r="AE136388" i="1"/>
  <c r="AE136389" i="1"/>
  <c r="AE136390" i="1"/>
  <c r="AE136391" i="1"/>
  <c r="AE136392" i="1"/>
  <c r="AE136393" i="1"/>
  <c r="AE136394" i="1"/>
  <c r="AE136395" i="1"/>
  <c r="AE136396" i="1"/>
  <c r="AE136397" i="1"/>
  <c r="AE136398" i="1"/>
  <c r="AE136399" i="1"/>
  <c r="AE136400" i="1"/>
  <c r="AE136401" i="1"/>
  <c r="AE136402" i="1"/>
  <c r="AE136403" i="1"/>
  <c r="AE136404" i="1"/>
  <c r="AE136405" i="1"/>
  <c r="AE136406" i="1"/>
  <c r="AE136407" i="1"/>
  <c r="AE136408" i="1"/>
  <c r="AE136409" i="1"/>
  <c r="AE136410" i="1"/>
  <c r="AE136411" i="1"/>
  <c r="AE136412" i="1"/>
  <c r="AE136413" i="1"/>
  <c r="AE136414" i="1"/>
  <c r="AE136415" i="1"/>
  <c r="AE136416" i="1"/>
  <c r="AE136417" i="1"/>
  <c r="AE136418" i="1"/>
  <c r="AE136419" i="1"/>
  <c r="AE136420" i="1"/>
  <c r="AE136421" i="1"/>
  <c r="AE136422" i="1"/>
  <c r="AE136423" i="1"/>
  <c r="AE136424" i="1"/>
  <c r="AE136425" i="1"/>
  <c r="AE136426" i="1"/>
  <c r="AE136427" i="1"/>
  <c r="AE136428" i="1"/>
  <c r="AE136429" i="1"/>
  <c r="AE136430" i="1"/>
  <c r="AE136431" i="1"/>
  <c r="AE136432" i="1"/>
  <c r="AE136433" i="1"/>
  <c r="AE136434" i="1"/>
  <c r="AE136435" i="1"/>
  <c r="AE136436" i="1"/>
  <c r="AE136437" i="1"/>
  <c r="AE136438" i="1"/>
  <c r="AE136439" i="1"/>
  <c r="AE136440" i="1"/>
  <c r="AE136441" i="1"/>
  <c r="AE136442" i="1"/>
  <c r="AE136443" i="1"/>
  <c r="AE136444" i="1"/>
  <c r="AE136445" i="1"/>
  <c r="AE136446" i="1"/>
  <c r="AE136447" i="1"/>
  <c r="AE136448" i="1"/>
  <c r="AE136449" i="1"/>
  <c r="AE136450" i="1"/>
  <c r="AE136451" i="1"/>
  <c r="AE136452" i="1"/>
  <c r="AE136453" i="1"/>
  <c r="AE136454" i="1"/>
  <c r="AE136455" i="1"/>
  <c r="AE136456" i="1"/>
  <c r="AE136457" i="1"/>
  <c r="AE136458" i="1"/>
  <c r="AE136459" i="1"/>
  <c r="AE136460" i="1"/>
  <c r="AE136461" i="1"/>
  <c r="AE136462" i="1"/>
  <c r="AE136463" i="1"/>
  <c r="AE136464" i="1"/>
  <c r="AE136465" i="1"/>
  <c r="AE136466" i="1"/>
  <c r="AE136467" i="1"/>
  <c r="AE136468" i="1"/>
  <c r="AE136469" i="1"/>
  <c r="AE136470" i="1"/>
  <c r="AE136471" i="1"/>
  <c r="AE136472" i="1"/>
  <c r="AE136473" i="1"/>
  <c r="AE136474" i="1"/>
  <c r="AE136475" i="1"/>
  <c r="AE136476" i="1"/>
  <c r="AE136477" i="1"/>
  <c r="AE136478" i="1"/>
  <c r="AE136479" i="1"/>
  <c r="AE136480" i="1"/>
  <c r="AE136481" i="1"/>
  <c r="AE136482" i="1"/>
  <c r="AE136483" i="1"/>
  <c r="AE136484" i="1"/>
  <c r="AE136485" i="1"/>
  <c r="AE136486" i="1"/>
  <c r="AE136487" i="1"/>
  <c r="AE136488" i="1"/>
  <c r="AE136489" i="1"/>
  <c r="AE136490" i="1"/>
  <c r="AE136491" i="1"/>
  <c r="AE136492" i="1"/>
  <c r="AE136493" i="1"/>
  <c r="AE136494" i="1"/>
  <c r="AE136495" i="1"/>
  <c r="AE136496" i="1"/>
  <c r="AE136497" i="1"/>
  <c r="AE136498" i="1"/>
  <c r="AE136499" i="1"/>
  <c r="AE136500" i="1"/>
  <c r="AE136501" i="1"/>
  <c r="AE136502" i="1"/>
  <c r="AE136503" i="1"/>
  <c r="AE136504" i="1"/>
  <c r="AE136505" i="1"/>
  <c r="AE136506" i="1"/>
  <c r="AE136507" i="1"/>
  <c r="AE136508" i="1"/>
  <c r="AE136509" i="1"/>
  <c r="AE136510" i="1"/>
  <c r="AE136511" i="1"/>
  <c r="AE136512" i="1"/>
  <c r="AE136513" i="1"/>
  <c r="AE136514" i="1"/>
  <c r="AE136515" i="1"/>
  <c r="AE136516" i="1"/>
  <c r="AE136517" i="1"/>
  <c r="AE136518" i="1"/>
  <c r="AE136519" i="1"/>
  <c r="AE136520" i="1"/>
  <c r="AE136521" i="1"/>
  <c r="AE136522" i="1"/>
  <c r="AE136523" i="1"/>
  <c r="AE136524" i="1"/>
  <c r="AE136525" i="1"/>
  <c r="AE136526" i="1"/>
  <c r="AE136527" i="1"/>
  <c r="AE136528" i="1"/>
  <c r="AE136529" i="1"/>
  <c r="AE136530" i="1"/>
  <c r="AE136531" i="1"/>
  <c r="AE136532" i="1"/>
  <c r="AE136533" i="1"/>
  <c r="AE136534" i="1"/>
  <c r="AE136535" i="1"/>
  <c r="AE136536" i="1"/>
  <c r="AE136537" i="1"/>
  <c r="AE136538" i="1"/>
  <c r="AE136539" i="1"/>
  <c r="AE136540" i="1"/>
  <c r="AE136541" i="1"/>
  <c r="AE136542" i="1"/>
  <c r="AE136543" i="1"/>
  <c r="AE136544" i="1"/>
  <c r="AE136545" i="1"/>
  <c r="AE136546" i="1"/>
  <c r="AE136547" i="1"/>
  <c r="AE136548" i="1"/>
  <c r="AE136549" i="1"/>
  <c r="AE136550" i="1"/>
  <c r="AE136551" i="1"/>
  <c r="AE136552" i="1"/>
  <c r="AE136553" i="1"/>
  <c r="AE136554" i="1"/>
  <c r="AE136555" i="1"/>
  <c r="AE136556" i="1"/>
  <c r="AE136557" i="1"/>
  <c r="AE136558" i="1"/>
  <c r="AE136559" i="1"/>
  <c r="AE136560" i="1"/>
  <c r="AE136561" i="1"/>
  <c r="AE136562" i="1"/>
  <c r="AE136563" i="1"/>
  <c r="AE136564" i="1"/>
  <c r="AE136565" i="1"/>
  <c r="AE136566" i="1"/>
  <c r="AE136567" i="1"/>
  <c r="AE136568" i="1"/>
  <c r="AE136569" i="1"/>
  <c r="AE136570" i="1"/>
  <c r="AE136571" i="1"/>
  <c r="AE136572" i="1"/>
  <c r="AE136573" i="1"/>
  <c r="AE136574" i="1"/>
  <c r="AE136575" i="1"/>
  <c r="AE136576" i="1"/>
  <c r="AE136577" i="1"/>
  <c r="AE136578" i="1"/>
  <c r="AE136579" i="1"/>
  <c r="AE136580" i="1"/>
  <c r="AE136581" i="1"/>
  <c r="AE136582" i="1"/>
  <c r="AE136583" i="1"/>
  <c r="AE136584" i="1"/>
  <c r="AE136585" i="1"/>
  <c r="AE136586" i="1"/>
  <c r="AE136587" i="1"/>
  <c r="AE136588" i="1"/>
  <c r="AE136589" i="1"/>
  <c r="AE136590" i="1"/>
  <c r="AE136591" i="1"/>
  <c r="AE136592" i="1"/>
  <c r="AE136593" i="1"/>
  <c r="AE136594" i="1"/>
  <c r="AE136595" i="1"/>
  <c r="AE136596" i="1"/>
  <c r="AE136597" i="1"/>
  <c r="AE136598" i="1"/>
  <c r="AE136599" i="1"/>
  <c r="AE136600" i="1"/>
  <c r="AE136601" i="1"/>
  <c r="AE136602" i="1"/>
  <c r="AE136603" i="1"/>
  <c r="AE136604" i="1"/>
  <c r="AE136605" i="1"/>
  <c r="AE136606" i="1"/>
  <c r="AE136607" i="1"/>
  <c r="AE136608" i="1"/>
  <c r="AE136609" i="1"/>
  <c r="AE136610" i="1"/>
  <c r="AE136611" i="1"/>
  <c r="AE136612" i="1"/>
  <c r="AE136613" i="1"/>
  <c r="AE136614" i="1"/>
  <c r="AE136615" i="1"/>
  <c r="AE136616" i="1"/>
  <c r="AE136617" i="1"/>
  <c r="AE136618" i="1"/>
  <c r="AE136619" i="1"/>
  <c r="AE136620" i="1"/>
  <c r="AE136621" i="1"/>
  <c r="AE136622" i="1"/>
  <c r="AE136623" i="1"/>
  <c r="AE136624" i="1"/>
  <c r="AE136625" i="1"/>
  <c r="AE136626" i="1"/>
  <c r="AE136627" i="1"/>
  <c r="AE136628" i="1"/>
  <c r="AE136629" i="1"/>
  <c r="AE136630" i="1"/>
  <c r="AE136631" i="1"/>
  <c r="AE136632" i="1"/>
  <c r="AE136633" i="1"/>
  <c r="AE136634" i="1"/>
  <c r="AE136635" i="1"/>
  <c r="AE136636" i="1"/>
  <c r="AE136637" i="1"/>
  <c r="AE136638" i="1"/>
  <c r="AE136639" i="1"/>
  <c r="AE136640" i="1"/>
  <c r="AE136641" i="1"/>
  <c r="AE136642" i="1"/>
  <c r="AE136643" i="1"/>
  <c r="AE136644" i="1"/>
  <c r="AE136645" i="1"/>
  <c r="AE136646" i="1"/>
  <c r="AE136647" i="1"/>
  <c r="AE136648" i="1"/>
  <c r="AE136649" i="1"/>
  <c r="AE136650" i="1"/>
  <c r="AE136651" i="1"/>
  <c r="AE136652" i="1"/>
  <c r="AE136653" i="1"/>
  <c r="AE136654" i="1"/>
  <c r="AE136655" i="1"/>
  <c r="AE136656" i="1"/>
  <c r="AE136657" i="1"/>
  <c r="AE136658" i="1"/>
  <c r="AE136659" i="1"/>
  <c r="AE136660" i="1"/>
  <c r="AE136661" i="1"/>
  <c r="AE136662" i="1"/>
  <c r="AE136663" i="1"/>
  <c r="AE136664" i="1"/>
  <c r="AE136665" i="1"/>
  <c r="AE136666" i="1"/>
  <c r="AE136667" i="1"/>
  <c r="AE136668" i="1"/>
  <c r="AE136669" i="1"/>
  <c r="AE136670" i="1"/>
  <c r="AE136671" i="1"/>
  <c r="AE136672" i="1"/>
  <c r="AE136673" i="1"/>
  <c r="AE136674" i="1"/>
  <c r="AE136675" i="1"/>
  <c r="AE136676" i="1"/>
  <c r="AE136677" i="1"/>
  <c r="AE136678" i="1"/>
  <c r="AE136679" i="1"/>
  <c r="AE136680" i="1"/>
  <c r="AE136681" i="1"/>
  <c r="AE136682" i="1"/>
  <c r="AE136683" i="1"/>
  <c r="AE136684" i="1"/>
  <c r="AE136685" i="1"/>
  <c r="AE136686" i="1"/>
  <c r="AE136687" i="1"/>
  <c r="AE136688" i="1"/>
  <c r="AE136689" i="1"/>
  <c r="AE136690" i="1"/>
  <c r="AE136691" i="1"/>
  <c r="AE136692" i="1"/>
  <c r="AE136693" i="1"/>
  <c r="AE136694" i="1"/>
  <c r="AE136695" i="1"/>
  <c r="AE136696" i="1"/>
  <c r="AE136697" i="1"/>
  <c r="AE136698" i="1"/>
  <c r="AE136699" i="1"/>
  <c r="AE136700" i="1"/>
  <c r="AE136701" i="1"/>
  <c r="AE136702" i="1"/>
  <c r="AE136703" i="1"/>
  <c r="AE136704" i="1"/>
  <c r="AE136705" i="1"/>
  <c r="AE136706" i="1"/>
  <c r="AE136707" i="1"/>
  <c r="AE136708" i="1"/>
  <c r="AE136709" i="1"/>
  <c r="AE136710" i="1"/>
  <c r="AE136711" i="1"/>
  <c r="AE136712" i="1"/>
  <c r="AE136713" i="1"/>
  <c r="AE136714" i="1"/>
  <c r="AE136715" i="1"/>
  <c r="AE136716" i="1"/>
  <c r="AE136717" i="1"/>
  <c r="AE136718" i="1"/>
  <c r="AE136719" i="1"/>
  <c r="AE136720" i="1"/>
  <c r="AE136721" i="1"/>
  <c r="AE136722" i="1"/>
  <c r="AE136723" i="1"/>
  <c r="AE136724" i="1"/>
  <c r="AE136725" i="1"/>
  <c r="AE136726" i="1"/>
  <c r="AE136727" i="1"/>
  <c r="AE136728" i="1"/>
  <c r="AE136729" i="1"/>
  <c r="AE136730" i="1"/>
  <c r="AE136731" i="1"/>
  <c r="AE136732" i="1"/>
  <c r="AE136733" i="1"/>
  <c r="AE136734" i="1"/>
  <c r="AE136735" i="1"/>
  <c r="AE136736" i="1"/>
  <c r="AE136737" i="1"/>
  <c r="AE136738" i="1"/>
  <c r="AE136739" i="1"/>
  <c r="AE136740" i="1"/>
  <c r="AE136741" i="1"/>
  <c r="AE136742" i="1"/>
  <c r="AE136743" i="1"/>
  <c r="AE136744" i="1"/>
  <c r="AE136745" i="1"/>
  <c r="AE136746" i="1"/>
  <c r="AE136747" i="1"/>
  <c r="AE136748" i="1"/>
  <c r="AE136749" i="1"/>
  <c r="AE136750" i="1"/>
  <c r="AE136751" i="1"/>
  <c r="AE136752" i="1"/>
  <c r="AE136753" i="1"/>
  <c r="AE136754" i="1"/>
  <c r="AE136755" i="1"/>
  <c r="AE136756" i="1"/>
  <c r="AE136757" i="1"/>
  <c r="AE136758" i="1"/>
  <c r="AE136759" i="1"/>
  <c r="AE136760" i="1"/>
  <c r="AE136761" i="1"/>
  <c r="AE136762" i="1"/>
  <c r="AE136763" i="1"/>
  <c r="AE136764" i="1"/>
  <c r="AE136765" i="1"/>
  <c r="AE136766" i="1"/>
  <c r="AE136767" i="1"/>
  <c r="AE136768" i="1"/>
  <c r="AE136769" i="1"/>
  <c r="AE136770" i="1"/>
  <c r="AE136771" i="1"/>
  <c r="AE136772" i="1"/>
  <c r="AE136773" i="1"/>
  <c r="AE136774" i="1"/>
  <c r="AE136775" i="1"/>
  <c r="AE136776" i="1"/>
  <c r="AE136777" i="1"/>
  <c r="AE136778" i="1"/>
  <c r="AE136779" i="1"/>
  <c r="AE136780" i="1"/>
  <c r="AE136781" i="1"/>
  <c r="AE136782" i="1"/>
  <c r="AE136783" i="1"/>
  <c r="AE136784" i="1"/>
  <c r="AE136785" i="1"/>
  <c r="AE136786" i="1"/>
  <c r="AE136787" i="1"/>
  <c r="AE136788" i="1"/>
  <c r="AE136789" i="1"/>
  <c r="AE136790" i="1"/>
  <c r="AE136791" i="1"/>
  <c r="AE136792" i="1"/>
  <c r="AE136793" i="1"/>
  <c r="AE136794" i="1"/>
  <c r="AE136795" i="1"/>
  <c r="AE136796" i="1"/>
  <c r="AE136797" i="1"/>
  <c r="AE136798" i="1"/>
  <c r="AE136799" i="1"/>
  <c r="AE136800" i="1"/>
  <c r="AE136801" i="1"/>
  <c r="AE136802" i="1"/>
  <c r="AE136803" i="1"/>
  <c r="AE136804" i="1"/>
  <c r="AE136805" i="1"/>
  <c r="AE136806" i="1"/>
  <c r="AE136807" i="1"/>
  <c r="AE136808" i="1"/>
  <c r="AE136809" i="1"/>
  <c r="AE136810" i="1"/>
  <c r="AE136811" i="1"/>
  <c r="AE136812" i="1"/>
  <c r="AE136813" i="1"/>
  <c r="AE136814" i="1"/>
  <c r="AE136815" i="1"/>
  <c r="AE136816" i="1"/>
  <c r="AE136817" i="1"/>
  <c r="AE136818" i="1"/>
  <c r="AE136819" i="1"/>
  <c r="AE136820" i="1"/>
  <c r="AE136821" i="1"/>
  <c r="AE136822" i="1"/>
  <c r="AE136823" i="1"/>
  <c r="AE136824" i="1"/>
  <c r="AE136825" i="1"/>
  <c r="AE136826" i="1"/>
  <c r="AE136827" i="1"/>
  <c r="AE136828" i="1"/>
  <c r="AE136829" i="1"/>
  <c r="AE136830" i="1"/>
  <c r="AE136831" i="1"/>
  <c r="AE136832" i="1"/>
  <c r="AE136833" i="1"/>
  <c r="AE136834" i="1"/>
  <c r="AE136835" i="1"/>
  <c r="AE136836" i="1"/>
  <c r="AE136837" i="1"/>
  <c r="AE136838" i="1"/>
  <c r="AE136839" i="1"/>
  <c r="AE136840" i="1"/>
  <c r="AE136841" i="1"/>
  <c r="AE136842" i="1"/>
  <c r="AE136843" i="1"/>
  <c r="AE136844" i="1"/>
  <c r="AE136845" i="1"/>
  <c r="AE136846" i="1"/>
  <c r="AE136847" i="1"/>
  <c r="AE136848" i="1"/>
  <c r="AE136849" i="1"/>
  <c r="AE136850" i="1"/>
  <c r="AE136851" i="1"/>
  <c r="AE136852" i="1"/>
  <c r="AE136853" i="1"/>
  <c r="AE136854" i="1"/>
  <c r="AE136855" i="1"/>
  <c r="AE136856" i="1"/>
  <c r="AE136857" i="1"/>
  <c r="AE136858" i="1"/>
  <c r="AE136859" i="1"/>
  <c r="AE136860" i="1"/>
  <c r="AE136861" i="1"/>
  <c r="AE136862" i="1"/>
  <c r="AE136863" i="1"/>
  <c r="AE136864" i="1"/>
  <c r="AE136865" i="1"/>
  <c r="AE136866" i="1"/>
  <c r="AE136867" i="1"/>
  <c r="AE136868" i="1"/>
  <c r="AE136869" i="1"/>
  <c r="AE136870" i="1"/>
  <c r="AE136871" i="1"/>
  <c r="AE136872" i="1"/>
  <c r="AE136873" i="1"/>
  <c r="AE136874" i="1"/>
  <c r="AE136875" i="1"/>
  <c r="AE136876" i="1"/>
  <c r="AE136877" i="1"/>
  <c r="AE136878" i="1"/>
  <c r="AE136879" i="1"/>
  <c r="AE136880" i="1"/>
  <c r="AE136881" i="1"/>
  <c r="AE136882" i="1"/>
  <c r="AE136883" i="1"/>
  <c r="AE136884" i="1"/>
  <c r="AE136885" i="1"/>
  <c r="AE136886" i="1"/>
  <c r="AE136887" i="1"/>
  <c r="AE136888" i="1"/>
  <c r="AE136889" i="1"/>
  <c r="AE136890" i="1"/>
  <c r="AE136891" i="1"/>
  <c r="AE136892" i="1"/>
  <c r="AE136893" i="1"/>
  <c r="AE136894" i="1"/>
  <c r="AE136895" i="1"/>
  <c r="AE136896" i="1"/>
  <c r="AE136897" i="1"/>
  <c r="AE136898" i="1"/>
  <c r="AE136899" i="1"/>
  <c r="AE136900" i="1"/>
  <c r="AE136901" i="1"/>
  <c r="AE136902" i="1"/>
  <c r="AE136903" i="1"/>
  <c r="AE136904" i="1"/>
  <c r="AE136905" i="1"/>
  <c r="AE136906" i="1"/>
  <c r="AE136907" i="1"/>
  <c r="AE136908" i="1"/>
  <c r="AE136909" i="1"/>
  <c r="AE136910" i="1"/>
  <c r="AE136911" i="1"/>
  <c r="AE136912" i="1"/>
  <c r="AE136913" i="1"/>
  <c r="AE136914" i="1"/>
  <c r="AE136915" i="1"/>
  <c r="AE136916" i="1"/>
  <c r="AE136917" i="1"/>
  <c r="AE136918" i="1"/>
  <c r="AE136919" i="1"/>
  <c r="AE136920" i="1"/>
  <c r="AE136921" i="1"/>
  <c r="AE136922" i="1"/>
  <c r="AE136923" i="1"/>
  <c r="AE136924" i="1"/>
  <c r="AE136925" i="1"/>
  <c r="AE136926" i="1"/>
  <c r="AE136927" i="1"/>
  <c r="AE136928" i="1"/>
  <c r="AE136929" i="1"/>
  <c r="AE136930" i="1"/>
  <c r="AE136931" i="1"/>
  <c r="AE136932" i="1"/>
  <c r="AE136933" i="1"/>
  <c r="AE136934" i="1"/>
  <c r="AE136935" i="1"/>
  <c r="AE136936" i="1"/>
  <c r="AE136937" i="1"/>
  <c r="AE136938" i="1"/>
  <c r="AE136939" i="1"/>
  <c r="AE136940" i="1"/>
  <c r="AE136941" i="1"/>
  <c r="AE136942" i="1"/>
  <c r="AE136943" i="1"/>
  <c r="AE136944" i="1"/>
  <c r="AE136945" i="1"/>
  <c r="AE136946" i="1"/>
  <c r="AE136947" i="1"/>
  <c r="AE136948" i="1"/>
  <c r="AE136949" i="1"/>
  <c r="AE136950" i="1"/>
  <c r="AE136951" i="1"/>
  <c r="AE136952" i="1"/>
  <c r="AE136953" i="1"/>
  <c r="AE136954" i="1"/>
  <c r="AE136955" i="1"/>
  <c r="AE136956" i="1"/>
  <c r="AE136957" i="1"/>
  <c r="AE136958" i="1"/>
  <c r="AE136959" i="1"/>
  <c r="AE136960" i="1"/>
  <c r="AE136961" i="1"/>
  <c r="AE136962" i="1"/>
  <c r="AE136963" i="1"/>
  <c r="AE136964" i="1"/>
  <c r="AE136965" i="1"/>
  <c r="AE136966" i="1"/>
  <c r="AE136967" i="1"/>
  <c r="AE136968" i="1"/>
  <c r="AE136969" i="1"/>
  <c r="AE136970" i="1"/>
  <c r="AE136971" i="1"/>
  <c r="AE136972" i="1"/>
  <c r="AE136973" i="1"/>
  <c r="AE136974" i="1"/>
  <c r="AE136975" i="1"/>
  <c r="AE136976" i="1"/>
  <c r="AE136977" i="1"/>
  <c r="AE136978" i="1"/>
  <c r="AE136979" i="1"/>
  <c r="AE136980" i="1"/>
  <c r="AE136981" i="1"/>
  <c r="AE136982" i="1"/>
  <c r="AE136983" i="1"/>
  <c r="AE136984" i="1"/>
  <c r="AE136985" i="1"/>
  <c r="AE136986" i="1"/>
  <c r="AE136987" i="1"/>
  <c r="AE136988" i="1"/>
  <c r="AE136989" i="1"/>
  <c r="AE136990" i="1"/>
  <c r="AE136991" i="1"/>
  <c r="AE136992" i="1"/>
  <c r="AE136993" i="1"/>
  <c r="AE136994" i="1"/>
  <c r="AE136995" i="1"/>
  <c r="AE136996" i="1"/>
  <c r="AE136997" i="1"/>
  <c r="AE136998" i="1"/>
  <c r="AE136999" i="1"/>
  <c r="AE137000" i="1"/>
  <c r="AE137001" i="1"/>
  <c r="AE137002" i="1"/>
  <c r="AE137003" i="1"/>
  <c r="AE137004" i="1"/>
  <c r="AE137005" i="1"/>
  <c r="AE137006" i="1"/>
  <c r="AE137007" i="1"/>
  <c r="AE137008" i="1"/>
  <c r="AE137009" i="1"/>
  <c r="AE137010" i="1"/>
  <c r="AE137011" i="1"/>
  <c r="AE137012" i="1"/>
  <c r="AE137013" i="1"/>
  <c r="AE137014" i="1"/>
  <c r="AE137015" i="1"/>
  <c r="AE137016" i="1"/>
  <c r="AE137017" i="1"/>
  <c r="AE137018" i="1"/>
  <c r="AE137019" i="1"/>
  <c r="AE137020" i="1"/>
  <c r="AE137021" i="1"/>
  <c r="AE137022" i="1"/>
  <c r="AE137023" i="1"/>
  <c r="AE137024" i="1"/>
  <c r="AE137025" i="1"/>
  <c r="AE137026" i="1"/>
  <c r="AE137027" i="1"/>
  <c r="AE137028" i="1"/>
  <c r="AE137029" i="1"/>
  <c r="AE137030" i="1"/>
  <c r="AE137031" i="1"/>
  <c r="AE137032" i="1"/>
  <c r="AE137033" i="1"/>
  <c r="AE137034" i="1"/>
  <c r="AE137035" i="1"/>
  <c r="AE137036" i="1"/>
  <c r="AE137037" i="1"/>
  <c r="AE137038" i="1"/>
  <c r="AE137039" i="1"/>
  <c r="AE137040" i="1"/>
  <c r="AE137041" i="1"/>
  <c r="AE137042" i="1"/>
  <c r="AE137043" i="1"/>
  <c r="AE137044" i="1"/>
  <c r="AE137045" i="1"/>
  <c r="AE137046" i="1"/>
  <c r="AE137047" i="1"/>
  <c r="AE137048" i="1"/>
  <c r="AE137049" i="1"/>
  <c r="AE137050" i="1"/>
  <c r="AE137051" i="1"/>
  <c r="AE137052" i="1"/>
  <c r="AE137053" i="1"/>
  <c r="AE137054" i="1"/>
  <c r="AE137055" i="1"/>
  <c r="AE137056" i="1"/>
  <c r="AE137057" i="1"/>
  <c r="AE137058" i="1"/>
  <c r="AE137059" i="1"/>
  <c r="AE137060" i="1"/>
  <c r="AE137061" i="1"/>
  <c r="AE137062" i="1"/>
  <c r="AE137063" i="1"/>
  <c r="AE137064" i="1"/>
  <c r="AE137065" i="1"/>
  <c r="AE137066" i="1"/>
  <c r="AE137067" i="1"/>
  <c r="AE137068" i="1"/>
  <c r="AE137069" i="1"/>
  <c r="AE137070" i="1"/>
  <c r="AE137071" i="1"/>
  <c r="AE137072" i="1"/>
  <c r="AE137073" i="1"/>
  <c r="AE137074" i="1"/>
  <c r="AE137075" i="1"/>
  <c r="AE137076" i="1"/>
  <c r="AE137077" i="1"/>
  <c r="AE137078" i="1"/>
  <c r="AE137079" i="1"/>
  <c r="AE137080" i="1"/>
  <c r="AE137081" i="1"/>
  <c r="AE137082" i="1"/>
  <c r="AE137083" i="1"/>
  <c r="AE137084" i="1"/>
  <c r="AE137085" i="1"/>
  <c r="AE137086" i="1"/>
  <c r="AE137087" i="1"/>
  <c r="AE137088" i="1"/>
  <c r="AE137089" i="1"/>
  <c r="AE137090" i="1"/>
  <c r="AE137091" i="1"/>
  <c r="AE137092" i="1"/>
  <c r="AE137093" i="1"/>
  <c r="AE137094" i="1"/>
  <c r="AE137095" i="1"/>
  <c r="AE137096" i="1"/>
  <c r="AE137097" i="1"/>
  <c r="AE137098" i="1"/>
  <c r="AE137099" i="1"/>
  <c r="AE137100" i="1"/>
  <c r="AE137101" i="1"/>
  <c r="AE137102" i="1"/>
  <c r="AE137103" i="1"/>
  <c r="AE137104" i="1"/>
  <c r="AE137105" i="1"/>
  <c r="AE137106" i="1"/>
  <c r="AE137107" i="1"/>
  <c r="AE137108" i="1"/>
  <c r="AE137109" i="1"/>
  <c r="AE137110" i="1"/>
  <c r="AE137111" i="1"/>
  <c r="AE137112" i="1"/>
  <c r="AE137113" i="1"/>
  <c r="AE137114" i="1"/>
  <c r="AE137115" i="1"/>
  <c r="AE137116" i="1"/>
  <c r="AE137117" i="1"/>
  <c r="AE137118" i="1"/>
  <c r="AE137119" i="1"/>
  <c r="AE137120" i="1"/>
  <c r="AE137121" i="1"/>
  <c r="AE137122" i="1"/>
  <c r="AE137123" i="1"/>
  <c r="AE137124" i="1"/>
  <c r="AE137125" i="1"/>
  <c r="AE137126" i="1"/>
  <c r="AE137127" i="1"/>
  <c r="AE137128" i="1"/>
  <c r="AE137129" i="1"/>
  <c r="AE137130" i="1"/>
  <c r="AE137131" i="1"/>
  <c r="AE137132" i="1"/>
  <c r="AE137133" i="1"/>
  <c r="AE137134" i="1"/>
  <c r="AE137135" i="1"/>
  <c r="AE137136" i="1"/>
  <c r="AE137137" i="1"/>
  <c r="AE137138" i="1"/>
  <c r="AE137139" i="1"/>
  <c r="AE137140" i="1"/>
  <c r="AE137141" i="1"/>
  <c r="AE137142" i="1"/>
  <c r="AE137143" i="1"/>
  <c r="AE137144" i="1"/>
  <c r="AE137145" i="1"/>
  <c r="AE137146" i="1"/>
  <c r="AE137147" i="1"/>
  <c r="AE137148" i="1"/>
  <c r="AE137149" i="1"/>
  <c r="AE137150" i="1"/>
  <c r="AE137151" i="1"/>
  <c r="AE137152" i="1"/>
  <c r="AE137153" i="1"/>
  <c r="AE137154" i="1"/>
  <c r="AE137155" i="1"/>
  <c r="AE137156" i="1"/>
  <c r="AE137157" i="1"/>
  <c r="AE137158" i="1"/>
  <c r="AE137159" i="1"/>
  <c r="AE137160" i="1"/>
  <c r="AE137161" i="1"/>
  <c r="AE137162" i="1"/>
  <c r="AE137163" i="1"/>
  <c r="AE137164" i="1"/>
  <c r="AE137165" i="1"/>
  <c r="AE137166" i="1"/>
  <c r="AE137167" i="1"/>
  <c r="AE137168" i="1"/>
  <c r="AE137169" i="1"/>
  <c r="AE137170" i="1"/>
  <c r="AE137171" i="1"/>
  <c r="AE137172" i="1"/>
  <c r="AE137173" i="1"/>
  <c r="AE137174" i="1"/>
  <c r="AE137175" i="1"/>
  <c r="AE137176" i="1"/>
  <c r="AE137177" i="1"/>
  <c r="AE137178" i="1"/>
  <c r="AE137179" i="1"/>
  <c r="AE137180" i="1"/>
  <c r="AE137181" i="1"/>
  <c r="AE137182" i="1"/>
  <c r="AE137183" i="1"/>
  <c r="AE137184" i="1"/>
  <c r="AE137185" i="1"/>
  <c r="AE137186" i="1"/>
  <c r="AE137187" i="1"/>
  <c r="AE137188" i="1"/>
  <c r="AE137189" i="1"/>
  <c r="AE137190" i="1"/>
  <c r="AE137191" i="1"/>
  <c r="AE137192" i="1"/>
  <c r="AE137193" i="1"/>
  <c r="AE137194" i="1"/>
  <c r="AE137195" i="1"/>
  <c r="AE137196" i="1"/>
  <c r="AE137197" i="1"/>
  <c r="AE137198" i="1"/>
  <c r="AE137199" i="1"/>
  <c r="AE137200" i="1"/>
  <c r="AE137201" i="1"/>
  <c r="AE137202" i="1"/>
  <c r="AE137203" i="1"/>
  <c r="AE137204" i="1"/>
  <c r="AE137205" i="1"/>
  <c r="AE137206" i="1"/>
  <c r="AE137207" i="1"/>
  <c r="AE137208" i="1"/>
  <c r="AE137209" i="1"/>
  <c r="AE137210" i="1"/>
  <c r="AE137211" i="1"/>
  <c r="AE137212" i="1"/>
  <c r="AE137213" i="1"/>
  <c r="AE137214" i="1"/>
  <c r="AE137215" i="1"/>
  <c r="AE137216" i="1"/>
  <c r="AE137217" i="1"/>
  <c r="AE137218" i="1"/>
  <c r="AE137219" i="1"/>
  <c r="AE137220" i="1"/>
  <c r="AE137221" i="1"/>
  <c r="AE137222" i="1"/>
  <c r="AE137223" i="1"/>
  <c r="AE137224" i="1"/>
  <c r="AE137225" i="1"/>
  <c r="AE137226" i="1"/>
  <c r="AE137227" i="1"/>
  <c r="AE137228" i="1"/>
  <c r="AE137229" i="1"/>
  <c r="AE137230" i="1"/>
  <c r="AE137231" i="1"/>
  <c r="AE137232" i="1"/>
  <c r="AE137233" i="1"/>
  <c r="AE137234" i="1"/>
  <c r="AE137235" i="1"/>
  <c r="AE137236" i="1"/>
  <c r="AE137237" i="1"/>
  <c r="AE137238" i="1"/>
  <c r="AE137239" i="1"/>
  <c r="AE137240" i="1"/>
  <c r="AE137241" i="1"/>
  <c r="AE137242" i="1"/>
  <c r="AE137243" i="1"/>
  <c r="AE137244" i="1"/>
  <c r="AE137245" i="1"/>
  <c r="AE137246" i="1"/>
  <c r="AE137247" i="1"/>
  <c r="AE137248" i="1"/>
  <c r="AE137249" i="1"/>
  <c r="AE137250" i="1"/>
  <c r="AE137251" i="1"/>
  <c r="AE137252" i="1"/>
  <c r="AE137253" i="1"/>
  <c r="AE137254" i="1"/>
  <c r="AE137255" i="1"/>
  <c r="AE137256" i="1"/>
  <c r="AE137257" i="1"/>
  <c r="AE137258" i="1"/>
  <c r="AE137259" i="1"/>
  <c r="AE137260" i="1"/>
  <c r="AE137261" i="1"/>
  <c r="AE137262" i="1"/>
  <c r="AE137263" i="1"/>
  <c r="AE137264" i="1"/>
  <c r="AE137265" i="1"/>
  <c r="AE137266" i="1"/>
  <c r="AE137267" i="1"/>
  <c r="AE137268" i="1"/>
  <c r="AE137269" i="1"/>
  <c r="AE137270" i="1"/>
  <c r="AE137271" i="1"/>
  <c r="AE137272" i="1"/>
  <c r="AE137273" i="1"/>
  <c r="AE137274" i="1"/>
  <c r="AE137275" i="1"/>
  <c r="AE137276" i="1"/>
  <c r="AE137277" i="1"/>
  <c r="AE137278" i="1"/>
  <c r="AE137279" i="1"/>
  <c r="AE137280" i="1"/>
  <c r="AE137281" i="1"/>
  <c r="AE137282" i="1"/>
  <c r="AE137283" i="1"/>
  <c r="AE137284" i="1"/>
  <c r="AE137285" i="1"/>
  <c r="AE137286" i="1"/>
  <c r="AE137287" i="1"/>
  <c r="AE137288" i="1"/>
  <c r="AE137289" i="1"/>
  <c r="AE137290" i="1"/>
  <c r="AE137291" i="1"/>
  <c r="AE137292" i="1"/>
  <c r="AE137293" i="1"/>
  <c r="AE137294" i="1"/>
  <c r="AE137295" i="1"/>
  <c r="AE137296" i="1"/>
  <c r="AE137297" i="1"/>
  <c r="AE137298" i="1"/>
  <c r="AE137299" i="1"/>
  <c r="AE137300" i="1"/>
  <c r="AE137301" i="1"/>
  <c r="AE137302" i="1"/>
  <c r="AE137303" i="1"/>
  <c r="AE137304" i="1"/>
  <c r="AE137305" i="1"/>
  <c r="AE137306" i="1"/>
  <c r="AE137307" i="1"/>
  <c r="AE137308" i="1"/>
  <c r="AE137309" i="1"/>
  <c r="AE137310" i="1"/>
  <c r="AE137311" i="1"/>
  <c r="AE137312" i="1"/>
  <c r="AE137313" i="1"/>
  <c r="AE137314" i="1"/>
  <c r="AE137315" i="1"/>
  <c r="AE137316" i="1"/>
  <c r="AE137317" i="1"/>
  <c r="AE137318" i="1"/>
  <c r="AE137319" i="1"/>
  <c r="AE137320" i="1"/>
  <c r="AE137321" i="1"/>
  <c r="AE137322" i="1"/>
  <c r="AE137323" i="1"/>
  <c r="AE137324" i="1"/>
  <c r="AE137325" i="1"/>
  <c r="AE137326" i="1"/>
  <c r="AE137327" i="1"/>
  <c r="AE137328" i="1"/>
  <c r="AE137329" i="1"/>
  <c r="AE137330" i="1"/>
  <c r="AE137331" i="1"/>
  <c r="AE137332" i="1"/>
  <c r="AE137333" i="1"/>
  <c r="AE137334" i="1"/>
  <c r="AE137335" i="1"/>
  <c r="AE137336" i="1"/>
  <c r="AE137337" i="1"/>
  <c r="AE137338" i="1"/>
  <c r="AE137339" i="1"/>
  <c r="AE137340" i="1"/>
  <c r="AE137341" i="1"/>
  <c r="AE137342" i="1"/>
  <c r="AE137343" i="1"/>
  <c r="AE137344" i="1"/>
  <c r="AE137345" i="1"/>
  <c r="AE137346" i="1"/>
  <c r="AE137347" i="1"/>
  <c r="AE137348" i="1"/>
  <c r="AE137349" i="1"/>
  <c r="AE137350" i="1"/>
  <c r="AE137351" i="1"/>
  <c r="AE137352" i="1"/>
  <c r="AE137353" i="1"/>
  <c r="AE137354" i="1"/>
  <c r="AE137355" i="1"/>
  <c r="AE137356" i="1"/>
  <c r="AE137357" i="1"/>
  <c r="AE137358" i="1"/>
  <c r="AE137359" i="1"/>
  <c r="AE137360" i="1"/>
  <c r="AE137361" i="1"/>
  <c r="AE137362" i="1"/>
  <c r="AE137363" i="1"/>
  <c r="AE137364" i="1"/>
  <c r="AE137365" i="1"/>
  <c r="AE137366" i="1"/>
  <c r="AE137367" i="1"/>
  <c r="AE137368" i="1"/>
  <c r="AE137369" i="1"/>
  <c r="AE137370" i="1"/>
  <c r="AE137371" i="1"/>
  <c r="AE137372" i="1"/>
  <c r="AE137373" i="1"/>
  <c r="AE137374" i="1"/>
  <c r="AE137375" i="1"/>
  <c r="AE137376" i="1"/>
  <c r="AE137377" i="1"/>
  <c r="AE137378" i="1"/>
  <c r="AE137379" i="1"/>
  <c r="AE137380" i="1"/>
  <c r="AE137381" i="1"/>
  <c r="AE137382" i="1"/>
  <c r="AE137383" i="1"/>
  <c r="AE137384" i="1"/>
  <c r="AE137385" i="1"/>
  <c r="AE137386" i="1"/>
  <c r="AE137387" i="1"/>
  <c r="AE137388" i="1"/>
  <c r="AE137389" i="1"/>
  <c r="AE137390" i="1"/>
  <c r="AE137391" i="1"/>
  <c r="AE137392" i="1"/>
  <c r="AE137393" i="1"/>
  <c r="AE137394" i="1"/>
  <c r="AE137395" i="1"/>
  <c r="AE137396" i="1"/>
  <c r="AE137397" i="1"/>
  <c r="AE137398" i="1"/>
  <c r="AE137399" i="1"/>
  <c r="AE137400" i="1"/>
  <c r="AE137401" i="1"/>
  <c r="AE137402" i="1"/>
  <c r="AE137403" i="1"/>
  <c r="AE137404" i="1"/>
  <c r="AE137405" i="1"/>
  <c r="AE137406" i="1"/>
  <c r="AE137407" i="1"/>
  <c r="AE137408" i="1"/>
  <c r="AE137409" i="1"/>
  <c r="AE137410" i="1"/>
  <c r="AE137411" i="1"/>
  <c r="AE137412" i="1"/>
  <c r="AE137413" i="1"/>
  <c r="AE137414" i="1"/>
  <c r="AE137415" i="1"/>
  <c r="AE137416" i="1"/>
  <c r="AE137417" i="1"/>
  <c r="AE137418" i="1"/>
  <c r="AE137419" i="1"/>
  <c r="AE137420" i="1"/>
  <c r="AE137421" i="1"/>
  <c r="AE137422" i="1"/>
  <c r="AE137423" i="1"/>
  <c r="AE137424" i="1"/>
  <c r="AE137425" i="1"/>
  <c r="AE137426" i="1"/>
  <c r="AE137427" i="1"/>
  <c r="AE137428" i="1"/>
  <c r="AE137429" i="1"/>
  <c r="AE137430" i="1"/>
  <c r="AE137431" i="1"/>
  <c r="AE137432" i="1"/>
  <c r="AE137433" i="1"/>
  <c r="AE137434" i="1"/>
  <c r="AE137435" i="1"/>
  <c r="AE137436" i="1"/>
  <c r="AE137437" i="1"/>
  <c r="AE137438" i="1"/>
  <c r="AE137439" i="1"/>
  <c r="AE137440" i="1"/>
  <c r="AE137441" i="1"/>
  <c r="AE137442" i="1"/>
  <c r="AE137443" i="1"/>
  <c r="AE137444" i="1"/>
  <c r="AE137445" i="1"/>
  <c r="AE137446" i="1"/>
  <c r="AE137447" i="1"/>
  <c r="AE137448" i="1"/>
  <c r="AE137449" i="1"/>
  <c r="AE137450" i="1"/>
  <c r="AE137451" i="1"/>
  <c r="AE137452" i="1"/>
  <c r="AE137453" i="1"/>
  <c r="AE137454" i="1"/>
  <c r="AE137455" i="1"/>
  <c r="AE137456" i="1"/>
  <c r="AE137457" i="1"/>
  <c r="AE137458" i="1"/>
  <c r="AE137459" i="1"/>
  <c r="AE137460" i="1"/>
  <c r="AE137461" i="1"/>
  <c r="AE137462" i="1"/>
  <c r="AE137463" i="1"/>
  <c r="AE137464" i="1"/>
  <c r="AE137465" i="1"/>
  <c r="AE137466" i="1"/>
  <c r="AE137467" i="1"/>
  <c r="AE137468" i="1"/>
  <c r="AE137469" i="1"/>
  <c r="AE137470" i="1"/>
  <c r="AE137471" i="1"/>
  <c r="AE137472" i="1"/>
  <c r="AE137473" i="1"/>
  <c r="AE137474" i="1"/>
  <c r="AE137475" i="1"/>
  <c r="AE137476" i="1"/>
  <c r="AE137477" i="1"/>
  <c r="AE137478" i="1"/>
  <c r="AE137479" i="1"/>
  <c r="AE137480" i="1"/>
  <c r="AE137481" i="1"/>
  <c r="AE137482" i="1"/>
  <c r="AE137483" i="1"/>
  <c r="AE137484" i="1"/>
  <c r="AE137485" i="1"/>
  <c r="AE137486" i="1"/>
  <c r="AE137487" i="1"/>
  <c r="AE137488" i="1"/>
  <c r="AE137489" i="1"/>
  <c r="AE137490" i="1"/>
  <c r="AE137491" i="1"/>
  <c r="AE137492" i="1"/>
  <c r="AE137493" i="1"/>
  <c r="AE137494" i="1"/>
  <c r="AE137495" i="1"/>
  <c r="AE137496" i="1"/>
  <c r="AE137497" i="1"/>
  <c r="AE137498" i="1"/>
  <c r="AE137499" i="1"/>
  <c r="AE137500" i="1"/>
  <c r="AE137501" i="1"/>
  <c r="AE137502" i="1"/>
  <c r="AE137503" i="1"/>
  <c r="AE137504" i="1"/>
  <c r="AE137505" i="1"/>
  <c r="AE137506" i="1"/>
  <c r="AE137507" i="1"/>
  <c r="AE137508" i="1"/>
  <c r="AE137509" i="1"/>
  <c r="AE137510" i="1"/>
  <c r="AE137511" i="1"/>
  <c r="AE137512" i="1"/>
  <c r="AE137513" i="1"/>
  <c r="AE137514" i="1"/>
  <c r="AE137515" i="1"/>
  <c r="AE137516" i="1"/>
  <c r="AE137517" i="1"/>
  <c r="AE137518" i="1"/>
  <c r="AE137519" i="1"/>
  <c r="AE137520" i="1"/>
  <c r="AE137521" i="1"/>
  <c r="AE137522" i="1"/>
  <c r="AE137523" i="1"/>
  <c r="AE137524" i="1"/>
  <c r="AE137525" i="1"/>
  <c r="AE137526" i="1"/>
  <c r="AE137527" i="1"/>
  <c r="AE137528" i="1"/>
  <c r="AE137529" i="1"/>
  <c r="AE137530" i="1"/>
  <c r="AE137531" i="1"/>
  <c r="AE137532" i="1"/>
  <c r="AE137533" i="1"/>
  <c r="AE137534" i="1"/>
  <c r="AE137535" i="1"/>
  <c r="AE137536" i="1"/>
  <c r="AE137537" i="1"/>
  <c r="AE137538" i="1"/>
  <c r="AE137539" i="1"/>
  <c r="AE137540" i="1"/>
  <c r="AE137541" i="1"/>
  <c r="AE137542" i="1"/>
  <c r="AE137543" i="1"/>
  <c r="AE137544" i="1"/>
  <c r="AE137545" i="1"/>
  <c r="AE137546" i="1"/>
  <c r="AE137547" i="1"/>
  <c r="AE137548" i="1"/>
  <c r="AE137549" i="1"/>
  <c r="AE137550" i="1"/>
  <c r="AE137551" i="1"/>
  <c r="AE137552" i="1"/>
  <c r="AE137553" i="1"/>
  <c r="AE137554" i="1"/>
  <c r="AE137555" i="1"/>
  <c r="AE137556" i="1"/>
  <c r="AE137557" i="1"/>
  <c r="AE137558" i="1"/>
  <c r="AE137559" i="1"/>
  <c r="AE137560" i="1"/>
  <c r="AE137561" i="1"/>
  <c r="AE137562" i="1"/>
  <c r="AE137563" i="1"/>
  <c r="AE137564" i="1"/>
  <c r="AE137565" i="1"/>
  <c r="AE137566" i="1"/>
  <c r="AE137567" i="1"/>
  <c r="AE137568" i="1"/>
  <c r="AE137569" i="1"/>
  <c r="AE137570" i="1"/>
  <c r="AE137571" i="1"/>
  <c r="AE137572" i="1"/>
  <c r="AE137573" i="1"/>
  <c r="AE137574" i="1"/>
  <c r="AE137575" i="1"/>
  <c r="AE137576" i="1"/>
  <c r="AE137577" i="1"/>
  <c r="AE137578" i="1"/>
  <c r="AE137579" i="1"/>
  <c r="AE137580" i="1"/>
  <c r="AE137581" i="1"/>
  <c r="AE137582" i="1"/>
  <c r="AE137583" i="1"/>
  <c r="AE137584" i="1"/>
  <c r="AE137585" i="1"/>
  <c r="AE137586" i="1"/>
  <c r="AE137587" i="1"/>
  <c r="AE137588" i="1"/>
  <c r="AE137589" i="1"/>
  <c r="AE137590" i="1"/>
  <c r="AE137591" i="1"/>
  <c r="AE137592" i="1"/>
  <c r="AE137593" i="1"/>
  <c r="AE137594" i="1"/>
  <c r="AE137595" i="1"/>
  <c r="AE137596" i="1"/>
  <c r="AE137597" i="1"/>
  <c r="AE137598" i="1"/>
  <c r="AE137599" i="1"/>
  <c r="AE137600" i="1"/>
  <c r="AE137601" i="1"/>
  <c r="AE137602" i="1"/>
  <c r="AE137603" i="1"/>
  <c r="AE137604" i="1"/>
  <c r="AE137605" i="1"/>
  <c r="AE137606" i="1"/>
  <c r="AE137607" i="1"/>
  <c r="AE137608" i="1"/>
  <c r="AE137609" i="1"/>
  <c r="AE137610" i="1"/>
  <c r="AE137611" i="1"/>
  <c r="AE137612" i="1"/>
  <c r="AE137613" i="1"/>
  <c r="AE137614" i="1"/>
  <c r="AE137615" i="1"/>
  <c r="AE137616" i="1"/>
  <c r="AE137617" i="1"/>
  <c r="AE137618" i="1"/>
  <c r="AE137619" i="1"/>
  <c r="AE137620" i="1"/>
  <c r="AE137621" i="1"/>
  <c r="AE137622" i="1"/>
  <c r="AE137623" i="1"/>
  <c r="AE137624" i="1"/>
  <c r="AE137625" i="1"/>
  <c r="AE137626" i="1"/>
  <c r="AE137627" i="1"/>
  <c r="AE137628" i="1"/>
  <c r="AE137629" i="1"/>
  <c r="AE137630" i="1"/>
  <c r="AE137631" i="1"/>
  <c r="AE137632" i="1"/>
  <c r="AE137633" i="1"/>
  <c r="AE137634" i="1"/>
  <c r="AE137635" i="1"/>
  <c r="AE137636" i="1"/>
  <c r="AE137637" i="1"/>
  <c r="AE137638" i="1"/>
  <c r="AE137639" i="1"/>
  <c r="AE137640" i="1"/>
  <c r="AE137641" i="1"/>
  <c r="AE137642" i="1"/>
  <c r="AE137643" i="1"/>
  <c r="AE137644" i="1"/>
  <c r="AE137645" i="1"/>
  <c r="AE137646" i="1"/>
  <c r="AE137647" i="1"/>
  <c r="AE137648" i="1"/>
  <c r="AE137649" i="1"/>
  <c r="AE137650" i="1"/>
  <c r="AE137651" i="1"/>
  <c r="AE137652" i="1"/>
  <c r="AE137653" i="1"/>
  <c r="AE137654" i="1"/>
  <c r="AE137655" i="1"/>
  <c r="AE137656" i="1"/>
  <c r="AE137657" i="1"/>
  <c r="AE137658" i="1"/>
  <c r="AE137659" i="1"/>
  <c r="AE137660" i="1"/>
  <c r="AE137661" i="1"/>
  <c r="AE137662" i="1"/>
  <c r="AE137663" i="1"/>
  <c r="AE137664" i="1"/>
  <c r="AE137665" i="1"/>
  <c r="AE137666" i="1"/>
  <c r="AE137667" i="1"/>
  <c r="AE137668" i="1"/>
  <c r="AE137669" i="1"/>
  <c r="AE137670" i="1"/>
  <c r="AE137671" i="1"/>
  <c r="AE137672" i="1"/>
  <c r="AE137673" i="1"/>
  <c r="AE137674" i="1"/>
  <c r="AE137675" i="1"/>
  <c r="AE137676" i="1"/>
  <c r="AE137677" i="1"/>
  <c r="AE137678" i="1"/>
  <c r="AE137679" i="1"/>
  <c r="AE137680" i="1"/>
  <c r="AE137681" i="1"/>
  <c r="AE137682" i="1"/>
  <c r="AE137683" i="1"/>
  <c r="AE137684" i="1"/>
  <c r="AE137685" i="1"/>
  <c r="AE137686" i="1"/>
  <c r="AE137687" i="1"/>
  <c r="AE137688" i="1"/>
  <c r="AE137689" i="1"/>
  <c r="AE137690" i="1"/>
  <c r="AE137691" i="1"/>
  <c r="AE137692" i="1"/>
  <c r="AE137693" i="1"/>
  <c r="AE137694" i="1"/>
  <c r="AE137695" i="1"/>
  <c r="AE137696" i="1"/>
  <c r="AE137697" i="1"/>
  <c r="AE137698" i="1"/>
  <c r="AE137699" i="1"/>
  <c r="AE137700" i="1"/>
  <c r="AE137701" i="1"/>
  <c r="AE137702" i="1"/>
  <c r="AE137703" i="1"/>
  <c r="AE137704" i="1"/>
  <c r="AE137705" i="1"/>
  <c r="AE137706" i="1"/>
  <c r="AE137707" i="1"/>
  <c r="AE137708" i="1"/>
  <c r="AE137709" i="1"/>
  <c r="AE137710" i="1"/>
  <c r="AE137711" i="1"/>
  <c r="AE137712" i="1"/>
  <c r="AE137713" i="1"/>
  <c r="AE137714" i="1"/>
  <c r="AE137715" i="1"/>
  <c r="AE137716" i="1"/>
  <c r="AE137717" i="1"/>
  <c r="AE137718" i="1"/>
  <c r="AE137719" i="1"/>
  <c r="AE137720" i="1"/>
  <c r="AE137721" i="1"/>
  <c r="AE137722" i="1"/>
  <c r="AE137723" i="1"/>
  <c r="AE137724" i="1"/>
  <c r="AE137725" i="1"/>
  <c r="AE137726" i="1"/>
  <c r="AE137727" i="1"/>
  <c r="AE137728" i="1"/>
  <c r="AE137729" i="1"/>
  <c r="AE137730" i="1"/>
  <c r="AE137731" i="1"/>
  <c r="AE137732" i="1"/>
  <c r="AE137733" i="1"/>
  <c r="AE137734" i="1"/>
  <c r="AE137735" i="1"/>
  <c r="AE137736" i="1"/>
  <c r="AE137737" i="1"/>
  <c r="AE137738" i="1"/>
  <c r="AE137739" i="1"/>
  <c r="AE137740" i="1"/>
  <c r="AE137741" i="1"/>
  <c r="AE137742" i="1"/>
  <c r="AE137743" i="1"/>
  <c r="AE137744" i="1"/>
  <c r="AE137745" i="1"/>
  <c r="AE137746" i="1"/>
  <c r="AE137747" i="1"/>
  <c r="AE137748" i="1"/>
  <c r="AE137749" i="1"/>
  <c r="AE137750" i="1"/>
  <c r="AE137751" i="1"/>
  <c r="AE137752" i="1"/>
  <c r="AE137753" i="1"/>
  <c r="AE137754" i="1"/>
  <c r="AE137755" i="1"/>
  <c r="AE137756" i="1"/>
  <c r="AE137757" i="1"/>
  <c r="AE137758" i="1"/>
  <c r="AE137759" i="1"/>
  <c r="AE137760" i="1"/>
  <c r="AE137761" i="1"/>
  <c r="AE137762" i="1"/>
  <c r="AE137763" i="1"/>
  <c r="AE137764" i="1"/>
  <c r="AE137765" i="1"/>
  <c r="AE137766" i="1"/>
  <c r="AE137767" i="1"/>
  <c r="AE137768" i="1"/>
  <c r="AE137769" i="1"/>
  <c r="AE137770" i="1"/>
  <c r="AE137771" i="1"/>
  <c r="AE137772" i="1"/>
  <c r="AE137773" i="1"/>
  <c r="AE137774" i="1"/>
  <c r="AE137775" i="1"/>
  <c r="AE137776" i="1"/>
  <c r="AE137777" i="1"/>
  <c r="AE137778" i="1"/>
  <c r="AE137779" i="1"/>
  <c r="AE137780" i="1"/>
  <c r="AE137781" i="1"/>
  <c r="AE137782" i="1"/>
  <c r="AE137783" i="1"/>
  <c r="AE137784" i="1"/>
  <c r="AE137785" i="1"/>
  <c r="AE137786" i="1"/>
  <c r="AE137787" i="1"/>
  <c r="AE137788" i="1"/>
  <c r="AE137789" i="1"/>
  <c r="AE137790" i="1"/>
  <c r="AE137791" i="1"/>
  <c r="AE137792" i="1"/>
  <c r="AE137793" i="1"/>
  <c r="AE137794" i="1"/>
  <c r="AE137795" i="1"/>
  <c r="AE137796" i="1"/>
  <c r="AE137797" i="1"/>
  <c r="AE137798" i="1"/>
  <c r="AE137799" i="1"/>
  <c r="AE137800" i="1"/>
  <c r="AE137801" i="1"/>
  <c r="AE137802" i="1"/>
  <c r="AE137803" i="1"/>
  <c r="AE137804" i="1"/>
  <c r="AE137805" i="1"/>
  <c r="AE137806" i="1"/>
  <c r="AE137807" i="1"/>
  <c r="AE137808" i="1"/>
  <c r="AE137809" i="1"/>
  <c r="AE137810" i="1"/>
  <c r="AE137811" i="1"/>
  <c r="AE137812" i="1"/>
  <c r="AE137813" i="1"/>
  <c r="AE137814" i="1"/>
  <c r="AE137815" i="1"/>
  <c r="AE137816" i="1"/>
  <c r="AE137817" i="1"/>
  <c r="AE137818" i="1"/>
  <c r="AE137819" i="1"/>
  <c r="AE137820" i="1"/>
  <c r="AE137821" i="1"/>
  <c r="AE137822" i="1"/>
  <c r="AE137823" i="1"/>
  <c r="AE137824" i="1"/>
  <c r="AE137825" i="1"/>
  <c r="AE137826" i="1"/>
  <c r="AE137827" i="1"/>
  <c r="AE137828" i="1"/>
  <c r="AE137829" i="1"/>
  <c r="AE137830" i="1"/>
  <c r="AE137831" i="1"/>
  <c r="AE137832" i="1"/>
  <c r="AE137833" i="1"/>
  <c r="AE137834" i="1"/>
  <c r="AE137835" i="1"/>
  <c r="AE137836" i="1"/>
  <c r="AE137837" i="1"/>
  <c r="AE137838" i="1"/>
  <c r="AE137839" i="1"/>
  <c r="AE137840" i="1"/>
  <c r="AE137841" i="1"/>
  <c r="AE137842" i="1"/>
  <c r="AE137843" i="1"/>
  <c r="AE137844" i="1"/>
  <c r="AE137845" i="1"/>
  <c r="AE137846" i="1"/>
  <c r="AE137847" i="1"/>
  <c r="AE137848" i="1"/>
  <c r="AE137849" i="1"/>
  <c r="AE137850" i="1"/>
  <c r="AE137851" i="1"/>
  <c r="AE137852" i="1"/>
  <c r="AE137853" i="1"/>
  <c r="AE137854" i="1"/>
  <c r="AE137855" i="1"/>
  <c r="AE137856" i="1"/>
  <c r="AE137857" i="1"/>
  <c r="AE137858" i="1"/>
  <c r="AE137859" i="1"/>
  <c r="AE137860" i="1"/>
  <c r="AE137861" i="1"/>
  <c r="AE137862" i="1"/>
  <c r="AE137863" i="1"/>
  <c r="AE137864" i="1"/>
  <c r="AE137865" i="1"/>
  <c r="AE137866" i="1"/>
  <c r="AE137867" i="1"/>
  <c r="AE137868" i="1"/>
  <c r="AE137869" i="1"/>
  <c r="AE137870" i="1"/>
  <c r="AE137871" i="1"/>
  <c r="AE137872" i="1"/>
  <c r="AE137873" i="1"/>
  <c r="AE137874" i="1"/>
  <c r="AE137875" i="1"/>
  <c r="AE137876" i="1"/>
  <c r="AE137877" i="1"/>
  <c r="AE137878" i="1"/>
  <c r="AE137879" i="1"/>
  <c r="AE137880" i="1"/>
  <c r="AE137881" i="1"/>
  <c r="AE137882" i="1"/>
  <c r="AE137883" i="1"/>
  <c r="AE137884" i="1"/>
  <c r="AE137885" i="1"/>
  <c r="AE137886" i="1"/>
  <c r="AE137887" i="1"/>
  <c r="AE137888" i="1"/>
  <c r="AE137889" i="1"/>
  <c r="AE137890" i="1"/>
  <c r="AE137891" i="1"/>
  <c r="AE137892" i="1"/>
  <c r="AE137893" i="1"/>
  <c r="AE137894" i="1"/>
  <c r="AE137895" i="1"/>
  <c r="AE137896" i="1"/>
  <c r="AE137897" i="1"/>
  <c r="AE137898" i="1"/>
  <c r="AE137899" i="1"/>
  <c r="AE137900" i="1"/>
  <c r="AE137901" i="1"/>
  <c r="AE137902" i="1"/>
  <c r="AE137903" i="1"/>
  <c r="AE137904" i="1"/>
  <c r="AE137905" i="1"/>
  <c r="AE137906" i="1"/>
  <c r="AE137907" i="1"/>
  <c r="AE137908" i="1"/>
  <c r="AE137909" i="1"/>
  <c r="AE137910" i="1"/>
  <c r="AE137911" i="1"/>
  <c r="AE137912" i="1"/>
  <c r="AE137913" i="1"/>
  <c r="AE137914" i="1"/>
  <c r="AE137915" i="1"/>
  <c r="AE137916" i="1"/>
  <c r="AE137917" i="1"/>
  <c r="AE137918" i="1"/>
  <c r="AE137919" i="1"/>
  <c r="AE137920" i="1"/>
  <c r="AE137921" i="1"/>
  <c r="AE137922" i="1"/>
  <c r="AE137923" i="1"/>
  <c r="AE137924" i="1"/>
  <c r="AE137925" i="1"/>
  <c r="AE137926" i="1"/>
  <c r="AE137927" i="1"/>
  <c r="AE137928" i="1"/>
  <c r="AE137929" i="1"/>
  <c r="AE137930" i="1"/>
  <c r="AE137931" i="1"/>
  <c r="AE137932" i="1"/>
  <c r="AE137933" i="1"/>
  <c r="AE137934" i="1"/>
  <c r="AE137935" i="1"/>
  <c r="AE137936" i="1"/>
  <c r="AE137937" i="1"/>
  <c r="AE137938" i="1"/>
  <c r="AE137939" i="1"/>
  <c r="AE137940" i="1"/>
  <c r="AE137941" i="1"/>
  <c r="AE137942" i="1"/>
  <c r="AE137943" i="1"/>
  <c r="AE137944" i="1"/>
  <c r="AE137945" i="1"/>
  <c r="AE137946" i="1"/>
  <c r="AE137947" i="1"/>
  <c r="AE137948" i="1"/>
  <c r="AE137949" i="1"/>
  <c r="AE137950" i="1"/>
  <c r="AE137951" i="1"/>
  <c r="AE137952" i="1"/>
  <c r="AE137953" i="1"/>
  <c r="AE137954" i="1"/>
  <c r="AE137955" i="1"/>
  <c r="AE137956" i="1"/>
  <c r="AE137957" i="1"/>
  <c r="AE137958" i="1"/>
  <c r="AE137959" i="1"/>
  <c r="AE137960" i="1"/>
  <c r="AE137961" i="1"/>
  <c r="AE137962" i="1"/>
  <c r="AE137963" i="1"/>
  <c r="AE137964" i="1"/>
  <c r="AE137965" i="1"/>
  <c r="AE137966" i="1"/>
  <c r="AE137967" i="1"/>
  <c r="AE137968" i="1"/>
  <c r="AE137969" i="1"/>
  <c r="AE137970" i="1"/>
  <c r="AE137971" i="1"/>
  <c r="AE137972" i="1"/>
  <c r="AE137973" i="1"/>
  <c r="AE137974" i="1"/>
  <c r="AE137975" i="1"/>
  <c r="AE137976" i="1"/>
  <c r="AE137977" i="1"/>
  <c r="AE137978" i="1"/>
  <c r="AE137979" i="1"/>
  <c r="AE137980" i="1"/>
  <c r="AE137981" i="1"/>
  <c r="AE137982" i="1"/>
  <c r="AE137983" i="1"/>
  <c r="AE137984" i="1"/>
  <c r="AE137985" i="1"/>
  <c r="AE137986" i="1"/>
  <c r="AE137987" i="1"/>
  <c r="AE137988" i="1"/>
  <c r="AE137989" i="1"/>
  <c r="AE137990" i="1"/>
  <c r="AE137991" i="1"/>
  <c r="AE137992" i="1"/>
  <c r="AE137993" i="1"/>
  <c r="AE137994" i="1"/>
  <c r="AE137995" i="1"/>
  <c r="AE137996" i="1"/>
  <c r="AE137997" i="1"/>
  <c r="AE137998" i="1"/>
  <c r="AE137999" i="1"/>
  <c r="AE138000" i="1"/>
  <c r="AE138001" i="1"/>
  <c r="AE138002" i="1"/>
  <c r="AE138003" i="1"/>
  <c r="AE138004" i="1"/>
  <c r="AE138005" i="1"/>
  <c r="AE138006" i="1"/>
  <c r="AE138007" i="1"/>
  <c r="AE138008" i="1"/>
  <c r="AE138009" i="1"/>
  <c r="AE138010" i="1"/>
  <c r="AE138011" i="1"/>
  <c r="AE138012" i="1"/>
  <c r="AE138013" i="1"/>
  <c r="AE138014" i="1"/>
  <c r="AE138015" i="1"/>
  <c r="AE138016" i="1"/>
  <c r="AE138017" i="1"/>
  <c r="AE138018" i="1"/>
  <c r="AE138019" i="1"/>
  <c r="AE138020" i="1"/>
  <c r="AE138021" i="1"/>
  <c r="AE138022" i="1"/>
  <c r="AE138023" i="1"/>
  <c r="AE138024" i="1"/>
  <c r="AE138025" i="1"/>
  <c r="AE138026" i="1"/>
  <c r="AE138027" i="1"/>
  <c r="AE138028" i="1"/>
  <c r="AE138029" i="1"/>
  <c r="AE138030" i="1"/>
  <c r="AE138031" i="1"/>
  <c r="AE138032" i="1"/>
  <c r="AE138033" i="1"/>
  <c r="AE138034" i="1"/>
  <c r="AE138035" i="1"/>
  <c r="AE138036" i="1"/>
  <c r="AE138037" i="1"/>
  <c r="AE138038" i="1"/>
  <c r="AE138039" i="1"/>
  <c r="AE138040" i="1"/>
  <c r="AE138041" i="1"/>
  <c r="AE138042" i="1"/>
  <c r="AE138043" i="1"/>
  <c r="AE138044" i="1"/>
  <c r="AE138045" i="1"/>
  <c r="AE138046" i="1"/>
  <c r="AE138047" i="1"/>
  <c r="AE138048" i="1"/>
  <c r="AE138049" i="1"/>
  <c r="AE138050" i="1"/>
  <c r="AE138051" i="1"/>
  <c r="AE138052" i="1"/>
  <c r="AE138053" i="1"/>
  <c r="AE138054" i="1"/>
  <c r="AE138055" i="1"/>
  <c r="AE138056" i="1"/>
  <c r="AE138057" i="1"/>
  <c r="AE138058" i="1"/>
  <c r="AE138059" i="1"/>
  <c r="AE138060" i="1"/>
  <c r="AE138061" i="1"/>
  <c r="AE138062" i="1"/>
  <c r="AE138063" i="1"/>
  <c r="AE138064" i="1"/>
  <c r="AE138065" i="1"/>
  <c r="AE138066" i="1"/>
  <c r="AE138067" i="1"/>
  <c r="AE138068" i="1"/>
  <c r="AE138069" i="1"/>
  <c r="AE138070" i="1"/>
  <c r="AE138071" i="1"/>
  <c r="AE138072" i="1"/>
  <c r="AE138073" i="1"/>
  <c r="AE138074" i="1"/>
  <c r="AE138075" i="1"/>
  <c r="AE138076" i="1"/>
  <c r="AE138077" i="1"/>
  <c r="AE138078" i="1"/>
  <c r="AE138079" i="1"/>
  <c r="AE138080" i="1"/>
  <c r="AE138081" i="1"/>
  <c r="AE138082" i="1"/>
  <c r="AE138083" i="1"/>
  <c r="AE138084" i="1"/>
  <c r="AE138085" i="1"/>
  <c r="AE138086" i="1"/>
  <c r="AE138087" i="1"/>
  <c r="AE138088" i="1"/>
  <c r="AE138089" i="1"/>
  <c r="AE138090" i="1"/>
  <c r="AE138091" i="1"/>
  <c r="AE138092" i="1"/>
  <c r="AE138093" i="1"/>
  <c r="AE138094" i="1"/>
  <c r="AE138095" i="1"/>
  <c r="AE138096" i="1"/>
  <c r="AE138097" i="1"/>
  <c r="AE138098" i="1"/>
  <c r="AE138099" i="1"/>
  <c r="AE138100" i="1"/>
  <c r="AE138101" i="1"/>
  <c r="AE138102" i="1"/>
  <c r="AE138103" i="1"/>
  <c r="AE138104" i="1"/>
  <c r="AE138105" i="1"/>
  <c r="AE138106" i="1"/>
  <c r="AE138107" i="1"/>
  <c r="AE138108" i="1"/>
  <c r="AE138109" i="1"/>
  <c r="AE138110" i="1"/>
  <c r="AE138111" i="1"/>
  <c r="AE138112" i="1"/>
  <c r="AE138113" i="1"/>
  <c r="AE138114" i="1"/>
  <c r="AE138115" i="1"/>
  <c r="AE138116" i="1"/>
  <c r="AE138117" i="1"/>
  <c r="AE138118" i="1"/>
  <c r="AE138119" i="1"/>
  <c r="AE138120" i="1"/>
  <c r="AE138121" i="1"/>
  <c r="AE138122" i="1"/>
  <c r="AE138123" i="1"/>
  <c r="AE138124" i="1"/>
  <c r="AE138125" i="1"/>
  <c r="AE138126" i="1"/>
  <c r="AE138127" i="1"/>
  <c r="AE138128" i="1"/>
  <c r="AE138129" i="1"/>
  <c r="AE138130" i="1"/>
  <c r="AE138131" i="1"/>
  <c r="AE138132" i="1"/>
  <c r="AE138133" i="1"/>
  <c r="AE138134" i="1"/>
  <c r="AE138135" i="1"/>
  <c r="AE138136" i="1"/>
  <c r="AE138137" i="1"/>
  <c r="AE138138" i="1"/>
  <c r="AE138139" i="1"/>
  <c r="AE138140" i="1"/>
  <c r="AE138141" i="1"/>
  <c r="AE138142" i="1"/>
  <c r="AE138143" i="1"/>
  <c r="AE138144" i="1"/>
  <c r="AE138145" i="1"/>
  <c r="AE138146" i="1"/>
  <c r="AE138147" i="1"/>
  <c r="AE138148" i="1"/>
  <c r="AE138149" i="1"/>
  <c r="AE138150" i="1"/>
  <c r="AE138151" i="1"/>
  <c r="AE138152" i="1"/>
  <c r="AE138153" i="1"/>
  <c r="AE138154" i="1"/>
  <c r="AE138155" i="1"/>
  <c r="AE138156" i="1"/>
  <c r="AE138157" i="1"/>
  <c r="AE138158" i="1"/>
  <c r="AE138159" i="1"/>
  <c r="AE138160" i="1"/>
  <c r="AE138161" i="1"/>
  <c r="AE138162" i="1"/>
  <c r="AE138163" i="1"/>
  <c r="AE138164" i="1"/>
  <c r="AE138165" i="1"/>
  <c r="AE138166" i="1"/>
  <c r="AE138167" i="1"/>
  <c r="AE138168" i="1"/>
  <c r="AE138169" i="1"/>
  <c r="AE138170" i="1"/>
  <c r="AE138171" i="1"/>
  <c r="AE138172" i="1"/>
  <c r="AE138173" i="1"/>
  <c r="AE138174" i="1"/>
  <c r="AE138175" i="1"/>
  <c r="AE138176" i="1"/>
  <c r="AE138177" i="1"/>
  <c r="AE138178" i="1"/>
  <c r="AE138179" i="1"/>
  <c r="AE138180" i="1"/>
  <c r="AE138181" i="1"/>
  <c r="AE138182" i="1"/>
  <c r="AE138183" i="1"/>
  <c r="AE138184" i="1"/>
  <c r="AE138185" i="1"/>
  <c r="AE138186" i="1"/>
  <c r="AE138187" i="1"/>
  <c r="AE138188" i="1"/>
  <c r="AE138189" i="1"/>
  <c r="AE138190" i="1"/>
  <c r="AE138191" i="1"/>
  <c r="AE138192" i="1"/>
  <c r="AE138193" i="1"/>
  <c r="AE138194" i="1"/>
  <c r="AE138195" i="1"/>
  <c r="AE138196" i="1"/>
  <c r="AE138197" i="1"/>
  <c r="AE138198" i="1"/>
  <c r="AE138199" i="1"/>
  <c r="AE138200" i="1"/>
  <c r="AE138201" i="1"/>
  <c r="AE138202" i="1"/>
  <c r="AE138203" i="1"/>
  <c r="AE138204" i="1"/>
  <c r="AE138205" i="1"/>
  <c r="AE138206" i="1"/>
  <c r="AE138207" i="1"/>
  <c r="AE138208" i="1"/>
  <c r="AE138209" i="1"/>
  <c r="AE138210" i="1"/>
  <c r="AE138211" i="1"/>
  <c r="AE138212" i="1"/>
  <c r="AE138213" i="1"/>
  <c r="AE138214" i="1"/>
  <c r="AE138215" i="1"/>
  <c r="AE138216" i="1"/>
  <c r="AE138217" i="1"/>
  <c r="AE138218" i="1"/>
  <c r="AE138219" i="1"/>
  <c r="AE138220" i="1"/>
  <c r="AE138221" i="1"/>
  <c r="AE138222" i="1"/>
  <c r="AE138223" i="1"/>
  <c r="AE138224" i="1"/>
  <c r="AE138225" i="1"/>
  <c r="AE138226" i="1"/>
  <c r="AE138227" i="1"/>
  <c r="AE138228" i="1"/>
  <c r="AE138229" i="1"/>
  <c r="AE138230" i="1"/>
  <c r="AE138231" i="1"/>
  <c r="AE138232" i="1"/>
  <c r="AE138233" i="1"/>
  <c r="AE138234" i="1"/>
  <c r="AE138235" i="1"/>
  <c r="AE138236" i="1"/>
  <c r="AE138237" i="1"/>
  <c r="AE138238" i="1"/>
  <c r="AE138239" i="1"/>
  <c r="AE138240" i="1"/>
  <c r="AE138241" i="1"/>
  <c r="AE138242" i="1"/>
  <c r="AE138243" i="1"/>
  <c r="AE138244" i="1"/>
  <c r="AE138245" i="1"/>
  <c r="AE138246" i="1"/>
  <c r="AE138247" i="1"/>
  <c r="AE138248" i="1"/>
  <c r="AE138249" i="1"/>
  <c r="AE138250" i="1"/>
  <c r="AE138251" i="1"/>
  <c r="AE138252" i="1"/>
  <c r="AE138253" i="1"/>
  <c r="AE138254" i="1"/>
  <c r="AE138255" i="1"/>
  <c r="AE138256" i="1"/>
  <c r="AE138257" i="1"/>
  <c r="AE138258" i="1"/>
  <c r="AE138259" i="1"/>
  <c r="AE138260" i="1"/>
  <c r="AE138261" i="1"/>
  <c r="AE138262" i="1"/>
  <c r="AE138263" i="1"/>
  <c r="AE138264" i="1"/>
  <c r="AE138265" i="1"/>
  <c r="AE138266" i="1"/>
  <c r="AE138267" i="1"/>
  <c r="AE138268" i="1"/>
  <c r="AE138269" i="1"/>
  <c r="AE138270" i="1"/>
  <c r="AE138271" i="1"/>
  <c r="AE138272" i="1"/>
  <c r="AE138273" i="1"/>
  <c r="AE138274" i="1"/>
  <c r="AE138275" i="1"/>
  <c r="AE138276" i="1"/>
  <c r="AE138277" i="1"/>
  <c r="AE138278" i="1"/>
  <c r="AE138279" i="1"/>
  <c r="AE138280" i="1"/>
  <c r="AE138281" i="1"/>
  <c r="AE138282" i="1"/>
  <c r="AE138283" i="1"/>
  <c r="AE138284" i="1"/>
  <c r="AE138285" i="1"/>
  <c r="AE138286" i="1"/>
  <c r="AE138287" i="1"/>
  <c r="AE138288" i="1"/>
  <c r="AE138289" i="1"/>
  <c r="AE138290" i="1"/>
  <c r="AE138291" i="1"/>
  <c r="AE138292" i="1"/>
  <c r="AE138293" i="1"/>
  <c r="AE138294" i="1"/>
  <c r="AE138295" i="1"/>
  <c r="AE138296" i="1"/>
  <c r="AE138297" i="1"/>
  <c r="AE138298" i="1"/>
  <c r="AE138299" i="1"/>
  <c r="AE138300" i="1"/>
  <c r="AE138301" i="1"/>
  <c r="AE138302" i="1"/>
  <c r="AE138303" i="1"/>
  <c r="AE138304" i="1"/>
  <c r="AE138305" i="1"/>
  <c r="AE138306" i="1"/>
  <c r="AE138307" i="1"/>
  <c r="AE138308" i="1"/>
  <c r="AE138309" i="1"/>
  <c r="AE138310" i="1"/>
  <c r="AE138311" i="1"/>
  <c r="AE138312" i="1"/>
  <c r="AE138313" i="1"/>
  <c r="AE138314" i="1"/>
  <c r="AE138315" i="1"/>
  <c r="AE138316" i="1"/>
  <c r="AE138317" i="1"/>
  <c r="AE138318" i="1"/>
  <c r="AE138319" i="1"/>
  <c r="AE138320" i="1"/>
  <c r="AE138321" i="1"/>
  <c r="AE138322" i="1"/>
  <c r="AE138323" i="1"/>
  <c r="AE138324" i="1"/>
  <c r="AE138325" i="1"/>
  <c r="AE138326" i="1"/>
  <c r="AE138327" i="1"/>
  <c r="AE138328" i="1"/>
  <c r="AE138329" i="1"/>
  <c r="AE138330" i="1"/>
  <c r="AE138331" i="1"/>
  <c r="AE138332" i="1"/>
  <c r="AE138333" i="1"/>
  <c r="AE138334" i="1"/>
  <c r="AE138335" i="1"/>
  <c r="AE138336" i="1"/>
  <c r="AE138337" i="1"/>
  <c r="AE138338" i="1"/>
  <c r="AE138339" i="1"/>
  <c r="AE138340" i="1"/>
  <c r="AE138341" i="1"/>
  <c r="AE138342" i="1"/>
  <c r="AE138343" i="1"/>
  <c r="AE138344" i="1"/>
  <c r="AE138345" i="1"/>
  <c r="AE138346" i="1"/>
  <c r="AE138347" i="1"/>
  <c r="AE138348" i="1"/>
  <c r="AE138349" i="1"/>
  <c r="AE138350" i="1"/>
  <c r="AE138351" i="1"/>
  <c r="AE138352" i="1"/>
  <c r="AE138353" i="1"/>
  <c r="AE138354" i="1"/>
  <c r="AE138355" i="1"/>
  <c r="AE138356" i="1"/>
  <c r="AE138357" i="1"/>
  <c r="AE138358" i="1"/>
  <c r="AE138359" i="1"/>
  <c r="AE138360" i="1"/>
  <c r="AE138361" i="1"/>
  <c r="AE138362" i="1"/>
  <c r="AE138363" i="1"/>
  <c r="AE138364" i="1"/>
  <c r="AE138365" i="1"/>
  <c r="AE138366" i="1"/>
  <c r="AE138367" i="1"/>
  <c r="AE138368" i="1"/>
  <c r="AE138369" i="1"/>
  <c r="AE138370" i="1"/>
  <c r="AE138371" i="1"/>
  <c r="AE138372" i="1"/>
  <c r="AE138373" i="1"/>
  <c r="AE138374" i="1"/>
  <c r="AE138375" i="1"/>
  <c r="AE138376" i="1"/>
  <c r="AE138377" i="1"/>
  <c r="AE138378" i="1"/>
  <c r="AE138379" i="1"/>
  <c r="AE138380" i="1"/>
  <c r="AE138381" i="1"/>
  <c r="AE138382" i="1"/>
  <c r="AE138383" i="1"/>
  <c r="AE138384" i="1"/>
  <c r="AE138385" i="1"/>
  <c r="AE138386" i="1"/>
  <c r="AE138387" i="1"/>
  <c r="AE138388" i="1"/>
  <c r="AE138389" i="1"/>
  <c r="AE138390" i="1"/>
  <c r="AE138391" i="1"/>
  <c r="AE138392" i="1"/>
  <c r="AE138393" i="1"/>
  <c r="AE138394" i="1"/>
  <c r="AE138395" i="1"/>
  <c r="AE138396" i="1"/>
  <c r="AE138397" i="1"/>
  <c r="AE138398" i="1"/>
  <c r="AE138399" i="1"/>
  <c r="AE138400" i="1"/>
  <c r="AE138401" i="1"/>
  <c r="AE138402" i="1"/>
  <c r="AE138403" i="1"/>
  <c r="AE138404" i="1"/>
  <c r="AE138405" i="1"/>
  <c r="AE138406" i="1"/>
  <c r="AE138407" i="1"/>
  <c r="AE138408" i="1"/>
  <c r="AE138409" i="1"/>
  <c r="AE138410" i="1"/>
  <c r="AE138411" i="1"/>
  <c r="AE138412" i="1"/>
  <c r="AE138413" i="1"/>
  <c r="AE138414" i="1"/>
  <c r="AE138415" i="1"/>
  <c r="AE138416" i="1"/>
  <c r="AE138417" i="1"/>
  <c r="AE138418" i="1"/>
  <c r="AE138419" i="1"/>
  <c r="AE138420" i="1"/>
  <c r="AE138421" i="1"/>
  <c r="AE138422" i="1"/>
  <c r="AE138423" i="1"/>
  <c r="AE138424" i="1"/>
  <c r="AE138425" i="1"/>
  <c r="AE138426" i="1"/>
  <c r="AE138427" i="1"/>
  <c r="AE138428" i="1"/>
  <c r="AE138429" i="1"/>
  <c r="AE138430" i="1"/>
  <c r="AE138431" i="1"/>
  <c r="AE138432" i="1"/>
  <c r="AE138433" i="1"/>
  <c r="AE138434" i="1"/>
  <c r="AE138435" i="1"/>
  <c r="AE138436" i="1"/>
  <c r="AE138437" i="1"/>
  <c r="AE138438" i="1"/>
  <c r="AE138439" i="1"/>
  <c r="AE138440" i="1"/>
  <c r="AE138441" i="1"/>
  <c r="AE138442" i="1"/>
  <c r="AE138443" i="1"/>
  <c r="AE138444" i="1"/>
  <c r="AE138445" i="1"/>
  <c r="AE138446" i="1"/>
  <c r="AE138447" i="1"/>
  <c r="AE138448" i="1"/>
  <c r="AE138449" i="1"/>
  <c r="AE138450" i="1"/>
  <c r="AE138451" i="1"/>
  <c r="AE138452" i="1"/>
  <c r="AE138453" i="1"/>
  <c r="AE138454" i="1"/>
  <c r="AE138455" i="1"/>
  <c r="AE138456" i="1"/>
  <c r="AE138457" i="1"/>
  <c r="AE138458" i="1"/>
  <c r="AE138459" i="1"/>
  <c r="AE138460" i="1"/>
  <c r="AE138461" i="1"/>
  <c r="AE138462" i="1"/>
  <c r="AE138463" i="1"/>
  <c r="AE138464" i="1"/>
  <c r="AE138465" i="1"/>
  <c r="AE138466" i="1"/>
  <c r="AE138467" i="1"/>
  <c r="AE138468" i="1"/>
  <c r="AE138469" i="1"/>
  <c r="AE138470" i="1"/>
  <c r="AE138471" i="1"/>
  <c r="AE138472" i="1"/>
  <c r="AE138473" i="1"/>
  <c r="AE138474" i="1"/>
  <c r="AE138475" i="1"/>
  <c r="AE138476" i="1"/>
  <c r="AE138477" i="1"/>
  <c r="AE138478" i="1"/>
  <c r="AE138479" i="1"/>
  <c r="AE138480" i="1"/>
  <c r="AE138481" i="1"/>
  <c r="AE138482" i="1"/>
  <c r="AE138483" i="1"/>
  <c r="AE138484" i="1"/>
  <c r="AE138485" i="1"/>
  <c r="AE138486" i="1"/>
  <c r="AE138487" i="1"/>
  <c r="AE138488" i="1"/>
  <c r="AE138489" i="1"/>
  <c r="AE138490" i="1"/>
  <c r="AE138491" i="1"/>
  <c r="AE138492" i="1"/>
  <c r="AE138493" i="1"/>
  <c r="AE138494" i="1"/>
  <c r="AE138495" i="1"/>
  <c r="AE138496" i="1"/>
  <c r="AE138497" i="1"/>
  <c r="AE138498" i="1"/>
  <c r="AE138499" i="1"/>
  <c r="AE138500" i="1"/>
  <c r="AE138501" i="1"/>
  <c r="AE138502" i="1"/>
  <c r="AE138503" i="1"/>
  <c r="AE138504" i="1"/>
  <c r="AE138505" i="1"/>
  <c r="AE138506" i="1"/>
  <c r="AE138507" i="1"/>
  <c r="AE138508" i="1"/>
  <c r="AE138509" i="1"/>
  <c r="AE138510" i="1"/>
  <c r="AE138511" i="1"/>
  <c r="AE138512" i="1"/>
  <c r="AE138513" i="1"/>
  <c r="AE138514" i="1"/>
  <c r="AE138515" i="1"/>
  <c r="AE138516" i="1"/>
  <c r="AE138517" i="1"/>
  <c r="AE138518" i="1"/>
  <c r="AE138519" i="1"/>
  <c r="AE138520" i="1"/>
  <c r="AE138521" i="1"/>
  <c r="AE138522" i="1"/>
  <c r="AE138523" i="1"/>
  <c r="AE138524" i="1"/>
  <c r="AE138525" i="1"/>
  <c r="AE138526" i="1"/>
  <c r="AE138527" i="1"/>
  <c r="AE138528" i="1"/>
  <c r="AE138529" i="1"/>
  <c r="AE138530" i="1"/>
  <c r="AE138531" i="1"/>
  <c r="AE138532" i="1"/>
  <c r="AE138533" i="1"/>
  <c r="AE138534" i="1"/>
  <c r="AE138535" i="1"/>
  <c r="AE138536" i="1"/>
  <c r="AE138537" i="1"/>
  <c r="AE138538" i="1"/>
  <c r="AE138539" i="1"/>
  <c r="AE138540" i="1"/>
  <c r="AE138541" i="1"/>
  <c r="AE138542" i="1"/>
  <c r="AE138543" i="1"/>
  <c r="AE138544" i="1"/>
  <c r="AE138545" i="1"/>
  <c r="AE138546" i="1"/>
  <c r="AE138547" i="1"/>
  <c r="AE138548" i="1"/>
  <c r="AE138549" i="1"/>
  <c r="AE138550" i="1"/>
  <c r="AE138551" i="1"/>
  <c r="AE138552" i="1"/>
  <c r="AE138553" i="1"/>
  <c r="AE138554" i="1"/>
  <c r="AE138555" i="1"/>
  <c r="AE138556" i="1"/>
  <c r="AE138557" i="1"/>
  <c r="AE138558" i="1"/>
  <c r="AE138559" i="1"/>
  <c r="AE138560" i="1"/>
  <c r="AE138561" i="1"/>
  <c r="AE138562" i="1"/>
  <c r="AE138563" i="1"/>
  <c r="AE138564" i="1"/>
  <c r="AE138565" i="1"/>
  <c r="AE138566" i="1"/>
  <c r="AE138567" i="1"/>
  <c r="AE138568" i="1"/>
  <c r="AE138569" i="1"/>
  <c r="AE138570" i="1"/>
  <c r="AE138571" i="1"/>
  <c r="AE138572" i="1"/>
  <c r="AE138573" i="1"/>
  <c r="AE138574" i="1"/>
  <c r="AE138575" i="1"/>
  <c r="AE138576" i="1"/>
  <c r="AE138577" i="1"/>
  <c r="AE138578" i="1"/>
  <c r="AE138579" i="1"/>
  <c r="AE138580" i="1"/>
  <c r="AE138581" i="1"/>
  <c r="AE138582" i="1"/>
  <c r="AE138583" i="1"/>
  <c r="AE138584" i="1"/>
  <c r="AE138585" i="1"/>
  <c r="AE138586" i="1"/>
  <c r="AE138587" i="1"/>
  <c r="AE138588" i="1"/>
  <c r="AE138589" i="1"/>
  <c r="AE138590" i="1"/>
  <c r="AE138591" i="1"/>
  <c r="AE138592" i="1"/>
  <c r="AE138593" i="1"/>
  <c r="AE138594" i="1"/>
  <c r="AE138595" i="1"/>
  <c r="AE138596" i="1"/>
  <c r="AE138597" i="1"/>
  <c r="AE138598" i="1"/>
  <c r="AE138599" i="1"/>
  <c r="AE138600" i="1"/>
  <c r="AE138601" i="1"/>
  <c r="AE138602" i="1"/>
  <c r="AE138603" i="1"/>
  <c r="AE138604" i="1"/>
  <c r="AE138605" i="1"/>
  <c r="AE138606" i="1"/>
  <c r="AE138607" i="1"/>
  <c r="AE138608" i="1"/>
  <c r="AE138609" i="1"/>
  <c r="AE138610" i="1"/>
  <c r="AE138611" i="1"/>
  <c r="AE138612" i="1"/>
  <c r="AE138613" i="1"/>
  <c r="AE138614" i="1"/>
  <c r="AE138615" i="1"/>
  <c r="AE138616" i="1"/>
  <c r="AE138617" i="1"/>
  <c r="AE138618" i="1"/>
  <c r="AE138619" i="1"/>
  <c r="AE138620" i="1"/>
  <c r="AE138621" i="1"/>
  <c r="AE138622" i="1"/>
  <c r="AE138623" i="1"/>
  <c r="AE138624" i="1"/>
  <c r="AE138625" i="1"/>
  <c r="AE138626" i="1"/>
  <c r="AE138627" i="1"/>
  <c r="AE138628" i="1"/>
  <c r="AE138629" i="1"/>
  <c r="AE138630" i="1"/>
  <c r="AE138631" i="1"/>
  <c r="AE138632" i="1"/>
  <c r="AE138633" i="1"/>
  <c r="AE138634" i="1"/>
  <c r="AE138635" i="1"/>
  <c r="AE138636" i="1"/>
  <c r="AE138637" i="1"/>
  <c r="AE138638" i="1"/>
  <c r="AE138639" i="1"/>
  <c r="AE138640" i="1"/>
  <c r="AE138641" i="1"/>
  <c r="AE138642" i="1"/>
  <c r="AE138643" i="1"/>
  <c r="AE138644" i="1"/>
  <c r="AE138645" i="1"/>
  <c r="AE138646" i="1"/>
  <c r="AE138647" i="1"/>
  <c r="AE138648" i="1"/>
  <c r="AE138649" i="1"/>
  <c r="AE138650" i="1"/>
  <c r="AE138651" i="1"/>
  <c r="AE138652" i="1"/>
  <c r="AE138653" i="1"/>
  <c r="AE138654" i="1"/>
  <c r="AE138655" i="1"/>
  <c r="AE138656" i="1"/>
  <c r="AE138657" i="1"/>
  <c r="AE138658" i="1"/>
  <c r="AE138659" i="1"/>
  <c r="AE138660" i="1"/>
  <c r="AE138661" i="1"/>
  <c r="AE138662" i="1"/>
  <c r="AE138663" i="1"/>
  <c r="AE138664" i="1"/>
  <c r="AE138665" i="1"/>
  <c r="AE138666" i="1"/>
  <c r="AE138667" i="1"/>
  <c r="AE138668" i="1"/>
  <c r="AE138669" i="1"/>
  <c r="AE138670" i="1"/>
  <c r="AE138671" i="1"/>
  <c r="AE138672" i="1"/>
  <c r="AE138673" i="1"/>
  <c r="AE138674" i="1"/>
  <c r="AE138675" i="1"/>
  <c r="AE138676" i="1"/>
  <c r="AE138677" i="1"/>
  <c r="AE138678" i="1"/>
  <c r="AE138679" i="1"/>
  <c r="AE138680" i="1"/>
  <c r="AE138681" i="1"/>
  <c r="AE138682" i="1"/>
  <c r="AE138683" i="1"/>
  <c r="AE138684" i="1"/>
  <c r="AE138685" i="1"/>
  <c r="AE138686" i="1"/>
  <c r="AE138687" i="1"/>
  <c r="AE138688" i="1"/>
  <c r="AE138689" i="1"/>
  <c r="AE138690" i="1"/>
  <c r="AE138691" i="1"/>
  <c r="AE138692" i="1"/>
  <c r="AE138693" i="1"/>
  <c r="AE138694" i="1"/>
  <c r="AE138695" i="1"/>
  <c r="AE138696" i="1"/>
  <c r="AE138697" i="1"/>
  <c r="AE138698" i="1"/>
  <c r="AE138699" i="1"/>
  <c r="AE138700" i="1"/>
  <c r="AE138701" i="1"/>
  <c r="AE138702" i="1"/>
  <c r="AE138703" i="1"/>
  <c r="AE138704" i="1"/>
  <c r="AE138705" i="1"/>
  <c r="AE138706" i="1"/>
  <c r="AE138707" i="1"/>
  <c r="AE138708" i="1"/>
  <c r="AE138709" i="1"/>
  <c r="AE138710" i="1"/>
  <c r="AE138711" i="1"/>
  <c r="AE138712" i="1"/>
  <c r="AE138713" i="1"/>
  <c r="AE138714" i="1"/>
  <c r="AE138715" i="1"/>
  <c r="AE138716" i="1"/>
  <c r="AE138717" i="1"/>
  <c r="AE138718" i="1"/>
  <c r="AE138719" i="1"/>
  <c r="AE138720" i="1"/>
  <c r="AE138721" i="1"/>
  <c r="AE138722" i="1"/>
  <c r="AE138723" i="1"/>
  <c r="AE138724" i="1"/>
  <c r="AE138725" i="1"/>
  <c r="AE138726" i="1"/>
  <c r="AE138727" i="1"/>
  <c r="AE138728" i="1"/>
  <c r="AE138729" i="1"/>
  <c r="AE138730" i="1"/>
  <c r="AE138731" i="1"/>
  <c r="AE138732" i="1"/>
  <c r="AE138733" i="1"/>
  <c r="AE138734" i="1"/>
  <c r="AE138735" i="1"/>
  <c r="AE138736" i="1"/>
  <c r="AE138737" i="1"/>
  <c r="AE138738" i="1"/>
  <c r="AE138739" i="1"/>
  <c r="AE138740" i="1"/>
  <c r="AE138741" i="1"/>
  <c r="AE138742" i="1"/>
  <c r="AE138743" i="1"/>
  <c r="AE138744" i="1"/>
  <c r="AE138745" i="1"/>
  <c r="AE138746" i="1"/>
  <c r="AE138747" i="1"/>
  <c r="AE138748" i="1"/>
  <c r="AE138749" i="1"/>
  <c r="AE138750" i="1"/>
  <c r="AE138751" i="1"/>
  <c r="AE138752" i="1"/>
  <c r="AE138753" i="1"/>
  <c r="AE138754" i="1"/>
  <c r="AE138755" i="1"/>
  <c r="AE138756" i="1"/>
  <c r="AE138757" i="1"/>
  <c r="AE138758" i="1"/>
  <c r="AE138759" i="1"/>
  <c r="AE138760" i="1"/>
  <c r="AE138761" i="1"/>
  <c r="AE138762" i="1"/>
  <c r="AE138763" i="1"/>
  <c r="AE138764" i="1"/>
  <c r="AE138765" i="1"/>
  <c r="AE138766" i="1"/>
  <c r="AE138767" i="1"/>
  <c r="AE138768" i="1"/>
  <c r="AE138769" i="1"/>
  <c r="AE138770" i="1"/>
  <c r="AE138771" i="1"/>
  <c r="AE138772" i="1"/>
  <c r="AE138773" i="1"/>
  <c r="AE138774" i="1"/>
  <c r="AE138775" i="1"/>
  <c r="AE138776" i="1"/>
  <c r="AE138777" i="1"/>
  <c r="AE138778" i="1"/>
  <c r="AE138779" i="1"/>
  <c r="AE138780" i="1"/>
  <c r="AE138781" i="1"/>
  <c r="AE138782" i="1"/>
  <c r="AE138783" i="1"/>
  <c r="AE138784" i="1"/>
  <c r="AE138785" i="1"/>
  <c r="AE138786" i="1"/>
  <c r="AE138787" i="1"/>
  <c r="AE138788" i="1"/>
  <c r="AE138789" i="1"/>
  <c r="AE138790" i="1"/>
  <c r="AE138791" i="1"/>
  <c r="AE138792" i="1"/>
  <c r="AE138793" i="1"/>
  <c r="AE138794" i="1"/>
  <c r="AE138795" i="1"/>
  <c r="AE138796" i="1"/>
  <c r="AE138797" i="1"/>
  <c r="AE138798" i="1"/>
  <c r="AE138799" i="1"/>
  <c r="AE138800" i="1"/>
  <c r="AE138801" i="1"/>
  <c r="AE138802" i="1"/>
  <c r="AE138803" i="1"/>
  <c r="AE138804" i="1"/>
  <c r="AE138805" i="1"/>
  <c r="AE138806" i="1"/>
  <c r="AE138807" i="1"/>
  <c r="AE138808" i="1"/>
  <c r="AE138809" i="1"/>
  <c r="AE138810" i="1"/>
  <c r="AE138811" i="1"/>
  <c r="AE138812" i="1"/>
  <c r="AE138813" i="1"/>
  <c r="AE138814" i="1"/>
  <c r="AE138815" i="1"/>
  <c r="AE138816" i="1"/>
  <c r="AE138817" i="1"/>
  <c r="AE138818" i="1"/>
  <c r="AE138819" i="1"/>
  <c r="AE138820" i="1"/>
  <c r="AE138821" i="1"/>
  <c r="AE138822" i="1"/>
  <c r="AE138823" i="1"/>
  <c r="AE138824" i="1"/>
  <c r="AE138825" i="1"/>
  <c r="AE138826" i="1"/>
  <c r="AE138827" i="1"/>
  <c r="AE138828" i="1"/>
  <c r="AE138829" i="1"/>
  <c r="AE138830" i="1"/>
  <c r="AE138831" i="1"/>
  <c r="AE138832" i="1"/>
  <c r="AE138833" i="1"/>
  <c r="AE138834" i="1"/>
  <c r="AE138835" i="1"/>
  <c r="AE138836" i="1"/>
  <c r="AE138837" i="1"/>
  <c r="AE138838" i="1"/>
  <c r="AE138839" i="1"/>
  <c r="AE138840" i="1"/>
  <c r="AE138841" i="1"/>
  <c r="AE138842" i="1"/>
  <c r="AE138843" i="1"/>
  <c r="AE138844" i="1"/>
  <c r="AE138845" i="1"/>
  <c r="AE138846" i="1"/>
  <c r="AE138847" i="1"/>
  <c r="AE138848" i="1"/>
  <c r="AE138849" i="1"/>
  <c r="AE138850" i="1"/>
  <c r="AE138851" i="1"/>
  <c r="AE138852" i="1"/>
  <c r="AE138853" i="1"/>
  <c r="AE138854" i="1"/>
  <c r="AE138855" i="1"/>
  <c r="AE138856" i="1"/>
  <c r="AE138857" i="1"/>
  <c r="AE138858" i="1"/>
  <c r="AE138859" i="1"/>
  <c r="AE138860" i="1"/>
  <c r="AE138861" i="1"/>
  <c r="AE138862" i="1"/>
  <c r="AE138863" i="1"/>
  <c r="AE138864" i="1"/>
  <c r="AE138865" i="1"/>
  <c r="AE138866" i="1"/>
  <c r="AE138867" i="1"/>
  <c r="AE138868" i="1"/>
  <c r="AE138869" i="1"/>
  <c r="AE138870" i="1"/>
  <c r="AE138871" i="1"/>
  <c r="AE138872" i="1"/>
  <c r="AE138873" i="1"/>
  <c r="AE138874" i="1"/>
  <c r="AE138875" i="1"/>
  <c r="AE138876" i="1"/>
  <c r="AE138877" i="1"/>
  <c r="AE138878" i="1"/>
  <c r="AE138879" i="1"/>
  <c r="AE138880" i="1"/>
  <c r="AE138881" i="1"/>
  <c r="AE138882" i="1"/>
  <c r="AE138883" i="1"/>
  <c r="AE138884" i="1"/>
  <c r="AE138885" i="1"/>
  <c r="AE138886" i="1"/>
  <c r="AE138887" i="1"/>
  <c r="AE138888" i="1"/>
  <c r="AE138889" i="1"/>
  <c r="AE138890" i="1"/>
  <c r="AE138891" i="1"/>
  <c r="AE138892" i="1"/>
  <c r="AE138893" i="1"/>
  <c r="AE138894" i="1"/>
  <c r="AE138895" i="1"/>
  <c r="AE138896" i="1"/>
  <c r="AE138897" i="1"/>
  <c r="AE138898" i="1"/>
  <c r="AE138899" i="1"/>
  <c r="AE138900" i="1"/>
  <c r="AE138901" i="1"/>
  <c r="AE138902" i="1"/>
  <c r="AE138903" i="1"/>
  <c r="AE138904" i="1"/>
  <c r="AE138905" i="1"/>
  <c r="AE138906" i="1"/>
  <c r="AE138907" i="1"/>
  <c r="AE138908" i="1"/>
  <c r="AE138909" i="1"/>
  <c r="AE138910" i="1"/>
  <c r="AE138911" i="1"/>
  <c r="AE138912" i="1"/>
  <c r="AE138913" i="1"/>
  <c r="AE138914" i="1"/>
  <c r="AE138915" i="1"/>
  <c r="AE138916" i="1"/>
  <c r="AE138917" i="1"/>
  <c r="AE138918" i="1"/>
  <c r="AE138919" i="1"/>
  <c r="AE138920" i="1"/>
  <c r="AE138921" i="1"/>
  <c r="AE138922" i="1"/>
  <c r="AE138923" i="1"/>
  <c r="AE138924" i="1"/>
  <c r="AE138925" i="1"/>
  <c r="AE138926" i="1"/>
  <c r="AE138927" i="1"/>
  <c r="AE138928" i="1"/>
  <c r="AE138929" i="1"/>
  <c r="AE138930" i="1"/>
  <c r="AE138931" i="1"/>
  <c r="AE138932" i="1"/>
  <c r="AE138933" i="1"/>
  <c r="AE138934" i="1"/>
  <c r="AE138935" i="1"/>
  <c r="AE138936" i="1"/>
  <c r="AE138937" i="1"/>
  <c r="AE138938" i="1"/>
  <c r="AE138939" i="1"/>
  <c r="AE138940" i="1"/>
  <c r="AE138941" i="1"/>
  <c r="AE138942" i="1"/>
  <c r="AE138943" i="1"/>
  <c r="AE138944" i="1"/>
  <c r="AE138945" i="1"/>
  <c r="AE138946" i="1"/>
  <c r="AE138947" i="1"/>
  <c r="AE138948" i="1"/>
  <c r="AE138949" i="1"/>
  <c r="AE138950" i="1"/>
  <c r="AE138951" i="1"/>
  <c r="AE138952" i="1"/>
  <c r="AE138953" i="1"/>
  <c r="AE138954" i="1"/>
  <c r="AE138955" i="1"/>
  <c r="AE138956" i="1"/>
  <c r="AE138957" i="1"/>
  <c r="AE138958" i="1"/>
  <c r="AE138959" i="1"/>
  <c r="AE138960" i="1"/>
  <c r="AE138961" i="1"/>
  <c r="AE138962" i="1"/>
  <c r="AE138963" i="1"/>
  <c r="AE138964" i="1"/>
  <c r="AE138965" i="1"/>
  <c r="AE138966" i="1"/>
  <c r="AE138967" i="1"/>
  <c r="AE138968" i="1"/>
  <c r="AE138969" i="1"/>
  <c r="AE138970" i="1"/>
  <c r="AE138971" i="1"/>
  <c r="AE138972" i="1"/>
  <c r="AE138973" i="1"/>
  <c r="AE138974" i="1"/>
  <c r="AE138975" i="1"/>
  <c r="AE138976" i="1"/>
  <c r="AE138977" i="1"/>
  <c r="AE138978" i="1"/>
  <c r="AE138979" i="1"/>
  <c r="AE138980" i="1"/>
  <c r="AE138981" i="1"/>
  <c r="AE138982" i="1"/>
  <c r="AE138983" i="1"/>
  <c r="AE138984" i="1"/>
  <c r="AE138985" i="1"/>
  <c r="AE138986" i="1"/>
  <c r="AE138987" i="1"/>
  <c r="AE138988" i="1"/>
  <c r="AE138989" i="1"/>
  <c r="AE138990" i="1"/>
  <c r="AE138991" i="1"/>
  <c r="AE138992" i="1"/>
  <c r="AE138993" i="1"/>
  <c r="AE138994" i="1"/>
  <c r="AE138995" i="1"/>
  <c r="AE138996" i="1"/>
  <c r="AE138997" i="1"/>
  <c r="AE138998" i="1"/>
  <c r="AE138999" i="1"/>
  <c r="AE139000" i="1"/>
  <c r="AE139001" i="1"/>
  <c r="AE139002" i="1"/>
  <c r="AE139003" i="1"/>
  <c r="AE139004" i="1"/>
  <c r="AE139005" i="1"/>
  <c r="AE139006" i="1"/>
  <c r="AE139007" i="1"/>
  <c r="AE139008" i="1"/>
  <c r="AE139009" i="1"/>
  <c r="AE139010" i="1"/>
  <c r="AE139011" i="1"/>
  <c r="AE139012" i="1"/>
  <c r="AE139013" i="1"/>
  <c r="AE139014" i="1"/>
  <c r="AE139015" i="1"/>
  <c r="AE139016" i="1"/>
  <c r="AE139017" i="1"/>
  <c r="AE139018" i="1"/>
  <c r="AE139019" i="1"/>
  <c r="AE139020" i="1"/>
  <c r="AE139021" i="1"/>
  <c r="AE139022" i="1"/>
  <c r="AE139023" i="1"/>
  <c r="AE139024" i="1"/>
  <c r="AE139025" i="1"/>
  <c r="AE139026" i="1"/>
  <c r="AE139027" i="1"/>
  <c r="AE139028" i="1"/>
  <c r="AE139029" i="1"/>
  <c r="AE139030" i="1"/>
  <c r="AE139031" i="1"/>
  <c r="AE139032" i="1"/>
  <c r="AE139033" i="1"/>
  <c r="AE139034" i="1"/>
  <c r="AE139035" i="1"/>
  <c r="AE139036" i="1"/>
  <c r="AE139037" i="1"/>
  <c r="AE139038" i="1"/>
  <c r="AE139039" i="1"/>
  <c r="AE139040" i="1"/>
  <c r="AE139041" i="1"/>
  <c r="AE139042" i="1"/>
  <c r="AE139043" i="1"/>
  <c r="AE139044" i="1"/>
  <c r="AE139045" i="1"/>
  <c r="AE139046" i="1"/>
  <c r="AE139047" i="1"/>
  <c r="AE139048" i="1"/>
  <c r="AE139049" i="1"/>
  <c r="AE139050" i="1"/>
  <c r="AE139051" i="1"/>
  <c r="AE139052" i="1"/>
  <c r="AE139053" i="1"/>
  <c r="AE139054" i="1"/>
  <c r="AE139055" i="1"/>
  <c r="AE139056" i="1"/>
  <c r="AE139057" i="1"/>
  <c r="AE139058" i="1"/>
  <c r="AE139059" i="1"/>
  <c r="AE139060" i="1"/>
  <c r="AE139061" i="1"/>
  <c r="AE139062" i="1"/>
  <c r="AE139063" i="1"/>
  <c r="AE139064" i="1"/>
  <c r="AE139065" i="1"/>
  <c r="AE139066" i="1"/>
  <c r="AE139067" i="1"/>
  <c r="AE139068" i="1"/>
  <c r="AE139069" i="1"/>
  <c r="AE139070" i="1"/>
  <c r="AE139071" i="1"/>
  <c r="AE139072" i="1"/>
  <c r="AE139073" i="1"/>
  <c r="AE139074" i="1"/>
  <c r="AE139075" i="1"/>
  <c r="AE139076" i="1"/>
  <c r="AE139077" i="1"/>
  <c r="AE139078" i="1"/>
  <c r="AE139079" i="1"/>
  <c r="AE139080" i="1"/>
  <c r="AE139081" i="1"/>
  <c r="AE139082" i="1"/>
  <c r="AE139083" i="1"/>
  <c r="AE139084" i="1"/>
  <c r="AE139085" i="1"/>
  <c r="AE139086" i="1"/>
  <c r="AE139087" i="1"/>
  <c r="AE139088" i="1"/>
  <c r="AE139089" i="1"/>
  <c r="AE139090" i="1"/>
  <c r="AE139091" i="1"/>
  <c r="AE139092" i="1"/>
  <c r="AE139093" i="1"/>
  <c r="AE139094" i="1"/>
  <c r="AE139095" i="1"/>
  <c r="AE139096" i="1"/>
  <c r="AE139097" i="1"/>
  <c r="AE139098" i="1"/>
  <c r="AE139099" i="1"/>
  <c r="AE139100" i="1"/>
  <c r="AE139101" i="1"/>
  <c r="AE139102" i="1"/>
  <c r="AE139103" i="1"/>
  <c r="AE139104" i="1"/>
  <c r="AE139105" i="1"/>
  <c r="AE139106" i="1"/>
  <c r="AE139107" i="1"/>
  <c r="AE139108" i="1"/>
  <c r="AE139109" i="1"/>
  <c r="AE139110" i="1"/>
  <c r="AE139111" i="1"/>
  <c r="AE139112" i="1"/>
  <c r="AE139113" i="1"/>
  <c r="AE139114" i="1"/>
  <c r="AE139115" i="1"/>
  <c r="AE139116" i="1"/>
  <c r="AE139117" i="1"/>
  <c r="AE139118" i="1"/>
  <c r="AE139119" i="1"/>
  <c r="AE139120" i="1"/>
  <c r="AE139121" i="1"/>
  <c r="AE139122" i="1"/>
  <c r="AE139123" i="1"/>
  <c r="AE139124" i="1"/>
  <c r="AE139125" i="1"/>
  <c r="AE139126" i="1"/>
  <c r="AE139127" i="1"/>
  <c r="AE139128" i="1"/>
  <c r="AE139129" i="1"/>
  <c r="AE139130" i="1"/>
  <c r="AE139131" i="1"/>
  <c r="AE139132" i="1"/>
  <c r="AE139133" i="1"/>
  <c r="AE139134" i="1"/>
  <c r="AE139135" i="1"/>
  <c r="AE139136" i="1"/>
  <c r="AE139137" i="1"/>
  <c r="AE139138" i="1"/>
  <c r="AE139139" i="1"/>
  <c r="AE139140" i="1"/>
  <c r="AE139141" i="1"/>
  <c r="AE139142" i="1"/>
  <c r="AE139143" i="1"/>
  <c r="AE139144" i="1"/>
  <c r="AE139145" i="1"/>
  <c r="AE139146" i="1"/>
  <c r="AE139147" i="1"/>
  <c r="AE139148" i="1"/>
  <c r="AE139149" i="1"/>
  <c r="AE139150" i="1"/>
  <c r="AE139151" i="1"/>
  <c r="AE139152" i="1"/>
  <c r="AE139153" i="1"/>
  <c r="AE139154" i="1"/>
  <c r="AE139155" i="1"/>
  <c r="AE139156" i="1"/>
  <c r="AE139157" i="1"/>
  <c r="AE139158" i="1"/>
  <c r="AE139159" i="1"/>
  <c r="AE139160" i="1"/>
  <c r="AE139161" i="1"/>
  <c r="AE139162" i="1"/>
  <c r="AE139163" i="1"/>
  <c r="AE139164" i="1"/>
  <c r="AE139165" i="1"/>
  <c r="AE139166" i="1"/>
  <c r="AE139167" i="1"/>
  <c r="AE139168" i="1"/>
  <c r="AE139169" i="1"/>
  <c r="AE139170" i="1"/>
  <c r="AE139171" i="1"/>
  <c r="AE139172" i="1"/>
  <c r="AE139173" i="1"/>
  <c r="AE139174" i="1"/>
  <c r="AE139175" i="1"/>
  <c r="AE139176" i="1"/>
  <c r="AE139177" i="1"/>
  <c r="AE139178" i="1"/>
  <c r="AE139179" i="1"/>
  <c r="AE139180" i="1"/>
  <c r="AE139181" i="1"/>
  <c r="AE139182" i="1"/>
  <c r="AE139183" i="1"/>
  <c r="AE139184" i="1"/>
  <c r="AE139185" i="1"/>
  <c r="AE139186" i="1"/>
  <c r="AE139187" i="1"/>
  <c r="AE139188" i="1"/>
  <c r="AE139189" i="1"/>
  <c r="AE139190" i="1"/>
  <c r="AE139191" i="1"/>
  <c r="AE139192" i="1"/>
  <c r="AE139193" i="1"/>
  <c r="AE139194" i="1"/>
  <c r="AE139195" i="1"/>
  <c r="AE139196" i="1"/>
  <c r="AE139197" i="1"/>
  <c r="AE139198" i="1"/>
  <c r="AE139199" i="1"/>
  <c r="AE139200" i="1"/>
  <c r="AE139201" i="1"/>
  <c r="AE139202" i="1"/>
  <c r="AE139203" i="1"/>
  <c r="AE139204" i="1"/>
  <c r="AE139205" i="1"/>
  <c r="AE139206" i="1"/>
  <c r="AE139207" i="1"/>
  <c r="AE139208" i="1"/>
  <c r="AE139209" i="1"/>
  <c r="AE139210" i="1"/>
  <c r="AE139211" i="1"/>
  <c r="AE139212" i="1"/>
  <c r="AE139213" i="1"/>
  <c r="AE139214" i="1"/>
  <c r="AE139215" i="1"/>
  <c r="AE139216" i="1"/>
  <c r="AE139217" i="1"/>
  <c r="AE139218" i="1"/>
  <c r="AE139219" i="1"/>
  <c r="AE139220" i="1"/>
  <c r="AE139221" i="1"/>
  <c r="AE139222" i="1"/>
  <c r="AE139223" i="1"/>
  <c r="AE139224" i="1"/>
  <c r="AE139225" i="1"/>
  <c r="AE139226" i="1"/>
  <c r="AE139227" i="1"/>
  <c r="AE139228" i="1"/>
  <c r="AE139229" i="1"/>
  <c r="AE139230" i="1"/>
  <c r="AE139231" i="1"/>
  <c r="AE139232" i="1"/>
  <c r="AE139233" i="1"/>
  <c r="AE139234" i="1"/>
  <c r="AE139235" i="1"/>
  <c r="AE139236" i="1"/>
  <c r="AE139237" i="1"/>
  <c r="AE139238" i="1"/>
  <c r="AE139239" i="1"/>
  <c r="AE139240" i="1"/>
  <c r="AE139241" i="1"/>
  <c r="AE139242" i="1"/>
  <c r="AE139243" i="1"/>
  <c r="AE139244" i="1"/>
  <c r="AE139245" i="1"/>
  <c r="AE139246" i="1"/>
  <c r="AE139247" i="1"/>
  <c r="AE139248" i="1"/>
  <c r="AE139249" i="1"/>
  <c r="AE139250" i="1"/>
  <c r="AE139251" i="1"/>
  <c r="AE139252" i="1"/>
  <c r="AE139253" i="1"/>
  <c r="AE139254" i="1"/>
  <c r="AE139255" i="1"/>
  <c r="AE139256" i="1"/>
  <c r="AE139257" i="1"/>
  <c r="AE139258" i="1"/>
  <c r="AE139259" i="1"/>
  <c r="AE139260" i="1"/>
  <c r="AE139261" i="1"/>
  <c r="AE139262" i="1"/>
  <c r="AE139263" i="1"/>
  <c r="AE139264" i="1"/>
  <c r="AE139265" i="1"/>
  <c r="AE139266" i="1"/>
  <c r="AE139267" i="1"/>
  <c r="AE139268" i="1"/>
  <c r="AE139269" i="1"/>
  <c r="AE139270" i="1"/>
  <c r="AE139271" i="1"/>
  <c r="AE139272" i="1"/>
  <c r="AE139273" i="1"/>
  <c r="AE139274" i="1"/>
  <c r="AE139275" i="1"/>
  <c r="AE139276" i="1"/>
  <c r="AE139277" i="1"/>
  <c r="AE139278" i="1"/>
  <c r="AE139279" i="1"/>
  <c r="AE139280" i="1"/>
  <c r="AE139281" i="1"/>
  <c r="AE139282" i="1"/>
  <c r="AE139283" i="1"/>
  <c r="AE139284" i="1"/>
  <c r="AE139285" i="1"/>
  <c r="AE139286" i="1"/>
  <c r="AE139287" i="1"/>
  <c r="AE139288" i="1"/>
  <c r="AE139289" i="1"/>
  <c r="AE139290" i="1"/>
  <c r="AE139291" i="1"/>
  <c r="AE139292" i="1"/>
  <c r="AE139293" i="1"/>
  <c r="AE139294" i="1"/>
  <c r="AE139295" i="1"/>
  <c r="AE139296" i="1"/>
  <c r="AE139297" i="1"/>
  <c r="AE139298" i="1"/>
  <c r="AE139299" i="1"/>
  <c r="AE139300" i="1"/>
  <c r="AE139301" i="1"/>
  <c r="AE139302" i="1"/>
  <c r="AE139303" i="1"/>
  <c r="AE139304" i="1"/>
  <c r="AE139305" i="1"/>
  <c r="AE139306" i="1"/>
  <c r="AE139307" i="1"/>
  <c r="AE139308" i="1"/>
  <c r="AE139309" i="1"/>
  <c r="AE139310" i="1"/>
  <c r="AE139311" i="1"/>
  <c r="AE139312" i="1"/>
  <c r="AE139313" i="1"/>
  <c r="AE139314" i="1"/>
  <c r="AE139315" i="1"/>
  <c r="AE139316" i="1"/>
  <c r="AE139317" i="1"/>
  <c r="AE139318" i="1"/>
  <c r="AE139319" i="1"/>
  <c r="AE139320" i="1"/>
  <c r="AE139321" i="1"/>
  <c r="AE139322" i="1"/>
  <c r="AE139323" i="1"/>
  <c r="AE139324" i="1"/>
  <c r="AE139325" i="1"/>
  <c r="AE139326" i="1"/>
  <c r="AE139327" i="1"/>
  <c r="AE139328" i="1"/>
  <c r="AE139329" i="1"/>
  <c r="AE139330" i="1"/>
  <c r="AE139331" i="1"/>
  <c r="AE139332" i="1"/>
  <c r="AE139333" i="1"/>
  <c r="AE139334" i="1"/>
  <c r="AE139335" i="1"/>
  <c r="AE139336" i="1"/>
  <c r="AE139337" i="1"/>
  <c r="AE139338" i="1"/>
  <c r="AE139339" i="1"/>
  <c r="AE139340" i="1"/>
  <c r="AE139341" i="1"/>
  <c r="AE139342" i="1"/>
  <c r="AE139343" i="1"/>
  <c r="AE139344" i="1"/>
  <c r="AE139345" i="1"/>
  <c r="AE139346" i="1"/>
  <c r="AE139347" i="1"/>
  <c r="AE139348" i="1"/>
  <c r="AE139349" i="1"/>
  <c r="AE139350" i="1"/>
  <c r="AE139351" i="1"/>
  <c r="AE139352" i="1"/>
  <c r="AE139353" i="1"/>
  <c r="AE139354" i="1"/>
  <c r="AE139355" i="1"/>
  <c r="AE139356" i="1"/>
  <c r="AE139357" i="1"/>
  <c r="AE139358" i="1"/>
  <c r="AE139359" i="1"/>
  <c r="AE139360" i="1"/>
  <c r="AE139361" i="1"/>
  <c r="AE139362" i="1"/>
  <c r="AE139363" i="1"/>
  <c r="AE139364" i="1"/>
  <c r="AE139365" i="1"/>
  <c r="AE139366" i="1"/>
  <c r="AE139367" i="1"/>
  <c r="AE139368" i="1"/>
  <c r="AE139369" i="1"/>
  <c r="AE139370" i="1"/>
  <c r="AE139371" i="1"/>
  <c r="AE139372" i="1"/>
  <c r="AE139373" i="1"/>
  <c r="AE139374" i="1"/>
  <c r="AE139375" i="1"/>
  <c r="AE139376" i="1"/>
  <c r="AE139377" i="1"/>
  <c r="AE139378" i="1"/>
  <c r="AE139379" i="1"/>
  <c r="AE139380" i="1"/>
  <c r="AE139381" i="1"/>
  <c r="AE139382" i="1"/>
  <c r="AE139383" i="1"/>
  <c r="AE139384" i="1"/>
  <c r="AE139385" i="1"/>
  <c r="AE139386" i="1"/>
  <c r="AE139387" i="1"/>
  <c r="AE139388" i="1"/>
  <c r="AE139389" i="1"/>
  <c r="AE139390" i="1"/>
  <c r="AE139391" i="1"/>
  <c r="AE139392" i="1"/>
  <c r="AE139393" i="1"/>
  <c r="AE139394" i="1"/>
  <c r="AE139395" i="1"/>
  <c r="AE139396" i="1"/>
  <c r="AE139397" i="1"/>
  <c r="AE139398" i="1"/>
  <c r="AE139399" i="1"/>
  <c r="AE139400" i="1"/>
  <c r="AE139401" i="1"/>
  <c r="AE139402" i="1"/>
  <c r="AE139403" i="1"/>
  <c r="AE139404" i="1"/>
  <c r="AE139405" i="1"/>
  <c r="AE139406" i="1"/>
  <c r="AE139407" i="1"/>
  <c r="AE139408" i="1"/>
  <c r="AE139409" i="1"/>
  <c r="AE139410" i="1"/>
  <c r="AE139411" i="1"/>
  <c r="AE139412" i="1"/>
  <c r="AE139413" i="1"/>
  <c r="AE139414" i="1"/>
  <c r="AE139415" i="1"/>
  <c r="AE139416" i="1"/>
  <c r="AE139417" i="1"/>
  <c r="AE139418" i="1"/>
  <c r="AE139419" i="1"/>
  <c r="AE139420" i="1"/>
  <c r="AE139421" i="1"/>
  <c r="AE139422" i="1"/>
  <c r="AE139423" i="1"/>
  <c r="AE139424" i="1"/>
  <c r="AE139425" i="1"/>
  <c r="AE139426" i="1"/>
  <c r="AE139427" i="1"/>
  <c r="AE139428" i="1"/>
  <c r="AE139429" i="1"/>
  <c r="AE139430" i="1"/>
  <c r="AE139431" i="1"/>
  <c r="AE139432" i="1"/>
  <c r="AE139433" i="1"/>
  <c r="AE139434" i="1"/>
  <c r="AE139435" i="1"/>
  <c r="AE139436" i="1"/>
  <c r="AE139437" i="1"/>
  <c r="AE139438" i="1"/>
  <c r="AE139439" i="1"/>
  <c r="AE139440" i="1"/>
  <c r="AE139441" i="1"/>
  <c r="AE139442" i="1"/>
  <c r="AE139443" i="1"/>
  <c r="AE139444" i="1"/>
  <c r="AE139445" i="1"/>
  <c r="AE139446" i="1"/>
  <c r="AE139447" i="1"/>
  <c r="AE139448" i="1"/>
  <c r="AE139449" i="1"/>
  <c r="AE139450" i="1"/>
  <c r="AE139451" i="1"/>
  <c r="AE139452" i="1"/>
  <c r="AE139453" i="1"/>
  <c r="AE139454" i="1"/>
  <c r="AE139455" i="1"/>
  <c r="AE139456" i="1"/>
  <c r="AE139457" i="1"/>
  <c r="AE139458" i="1"/>
  <c r="AE139459" i="1"/>
  <c r="AE139460" i="1"/>
  <c r="AE139461" i="1"/>
  <c r="AE139462" i="1"/>
  <c r="AE139463" i="1"/>
  <c r="AE139464" i="1"/>
  <c r="AE139465" i="1"/>
  <c r="AE139466" i="1"/>
  <c r="AE139467" i="1"/>
  <c r="AE139468" i="1"/>
  <c r="AE139469" i="1"/>
  <c r="AE139470" i="1"/>
  <c r="AE139471" i="1"/>
  <c r="AE139472" i="1"/>
  <c r="AE139473" i="1"/>
  <c r="AE139474" i="1"/>
  <c r="AE139475" i="1"/>
  <c r="AE139476" i="1"/>
  <c r="AE139477" i="1"/>
  <c r="AE139478" i="1"/>
  <c r="AE139479" i="1"/>
  <c r="AE139480" i="1"/>
  <c r="AE139481" i="1"/>
  <c r="AE139482" i="1"/>
  <c r="AE139483" i="1"/>
  <c r="AE139484" i="1"/>
  <c r="AE139485" i="1"/>
  <c r="AE139486" i="1"/>
  <c r="AE139487" i="1"/>
  <c r="AE139488" i="1"/>
  <c r="AE139489" i="1"/>
  <c r="AE139490" i="1"/>
  <c r="AE139491" i="1"/>
  <c r="AE139492" i="1"/>
  <c r="AE139493" i="1"/>
  <c r="AE139494" i="1"/>
  <c r="AE139495" i="1"/>
  <c r="AE139496" i="1"/>
  <c r="AE139497" i="1"/>
  <c r="AE139498" i="1"/>
  <c r="AE139499" i="1"/>
  <c r="AE139500" i="1"/>
  <c r="AE139501" i="1"/>
  <c r="AE139502" i="1"/>
  <c r="AE139503" i="1"/>
  <c r="AE139504" i="1"/>
  <c r="AE139505" i="1"/>
  <c r="AE139506" i="1"/>
  <c r="AE139507" i="1"/>
  <c r="AE139508" i="1"/>
  <c r="AE139509" i="1"/>
  <c r="AE139510" i="1"/>
  <c r="AE139511" i="1"/>
  <c r="AE139512" i="1"/>
  <c r="AE139513" i="1"/>
  <c r="AE139514" i="1"/>
  <c r="AE139515" i="1"/>
  <c r="AE139516" i="1"/>
  <c r="AE139517" i="1"/>
  <c r="AE139518" i="1"/>
  <c r="AE139519" i="1"/>
  <c r="AE139520" i="1"/>
  <c r="AE139521" i="1"/>
  <c r="AE139522" i="1"/>
  <c r="AE139523" i="1"/>
  <c r="AE139524" i="1"/>
  <c r="AE139525" i="1"/>
  <c r="AE139526" i="1"/>
  <c r="AE139527" i="1"/>
  <c r="AE139528" i="1"/>
  <c r="AE139529" i="1"/>
  <c r="AE139530" i="1"/>
  <c r="AE139531" i="1"/>
  <c r="AE139532" i="1"/>
  <c r="AE139533" i="1"/>
  <c r="AE139534" i="1"/>
  <c r="AE139535" i="1"/>
  <c r="AE139536" i="1"/>
  <c r="AE139537" i="1"/>
  <c r="AE139538" i="1"/>
  <c r="AE139539" i="1"/>
  <c r="AE139540" i="1"/>
  <c r="AE139541" i="1"/>
  <c r="AE139542" i="1"/>
  <c r="AE139543" i="1"/>
  <c r="AE139544" i="1"/>
  <c r="AE139545" i="1"/>
  <c r="AE139546" i="1"/>
  <c r="AE139547" i="1"/>
  <c r="AE139548" i="1"/>
  <c r="AE139549" i="1"/>
  <c r="AE139550" i="1"/>
  <c r="AE139551" i="1"/>
  <c r="AE139552" i="1"/>
  <c r="AE139553" i="1"/>
  <c r="AE139554" i="1"/>
  <c r="AE139555" i="1"/>
  <c r="AE139556" i="1"/>
  <c r="AE139557" i="1"/>
  <c r="AE139558" i="1"/>
  <c r="AE139559" i="1"/>
  <c r="AE139560" i="1"/>
  <c r="AE139561" i="1"/>
  <c r="AE139562" i="1"/>
  <c r="AE139563" i="1"/>
  <c r="AE139564" i="1"/>
  <c r="AE139565" i="1"/>
  <c r="AE139566" i="1"/>
  <c r="AE139567" i="1"/>
  <c r="AE139568" i="1"/>
  <c r="AE139569" i="1"/>
  <c r="AE139570" i="1"/>
  <c r="AE139571" i="1"/>
  <c r="AE139572" i="1"/>
  <c r="AE139573" i="1"/>
  <c r="AE139574" i="1"/>
  <c r="AE139575" i="1"/>
  <c r="AE139576" i="1"/>
  <c r="AE139577" i="1"/>
  <c r="AE139578" i="1"/>
  <c r="AE139579" i="1"/>
  <c r="AE139580" i="1"/>
  <c r="AE139581" i="1"/>
  <c r="AE139582" i="1"/>
  <c r="AE139583" i="1"/>
  <c r="AE139584" i="1"/>
  <c r="AE139585" i="1"/>
  <c r="AE139586" i="1"/>
  <c r="AE139587" i="1"/>
  <c r="AE139588" i="1"/>
  <c r="AE139589" i="1"/>
  <c r="AE139590" i="1"/>
  <c r="AE139591" i="1"/>
  <c r="AE139592" i="1"/>
  <c r="AE139593" i="1"/>
  <c r="AE139594" i="1"/>
  <c r="AE139595" i="1"/>
  <c r="AE139596" i="1"/>
  <c r="AE139597" i="1"/>
  <c r="AE139598" i="1"/>
  <c r="AE139599" i="1"/>
  <c r="AE139600" i="1"/>
  <c r="AE139601" i="1"/>
  <c r="AE139602" i="1"/>
  <c r="AE139603" i="1"/>
  <c r="AE139604" i="1"/>
  <c r="AE139605" i="1"/>
  <c r="AE139606" i="1"/>
  <c r="AE139607" i="1"/>
  <c r="AE139608" i="1"/>
  <c r="AE139609" i="1"/>
  <c r="AE139610" i="1"/>
  <c r="AE139611" i="1"/>
  <c r="AE139612" i="1"/>
  <c r="AE139613" i="1"/>
  <c r="AE139614" i="1"/>
  <c r="AE139615" i="1"/>
  <c r="AE139616" i="1"/>
  <c r="AE139617" i="1"/>
  <c r="AE139618" i="1"/>
  <c r="AE139619" i="1"/>
  <c r="AE139620" i="1"/>
  <c r="AE139621" i="1"/>
  <c r="AE139622" i="1"/>
  <c r="AE139623" i="1"/>
  <c r="AE139624" i="1"/>
  <c r="AE139625" i="1"/>
  <c r="AE139626" i="1"/>
  <c r="AE139627" i="1"/>
  <c r="AE139628" i="1"/>
  <c r="AE139629" i="1"/>
  <c r="AE139630" i="1"/>
  <c r="AE139631" i="1"/>
  <c r="AE139632" i="1"/>
  <c r="AE139633" i="1"/>
  <c r="AE139634" i="1"/>
  <c r="AE139635" i="1"/>
  <c r="AE139636" i="1"/>
  <c r="AE139637" i="1"/>
  <c r="AE139638" i="1"/>
  <c r="AE139639" i="1"/>
  <c r="AE139640" i="1"/>
  <c r="AE139641" i="1"/>
  <c r="AE139642" i="1"/>
  <c r="AE139643" i="1"/>
  <c r="AE139644" i="1"/>
  <c r="AE139645" i="1"/>
  <c r="AE139646" i="1"/>
  <c r="AE139647" i="1"/>
  <c r="AE139648" i="1"/>
  <c r="AE139649" i="1"/>
  <c r="AE139650" i="1"/>
  <c r="AE139651" i="1"/>
  <c r="AE139652" i="1"/>
  <c r="AE139653" i="1"/>
  <c r="AE139654" i="1"/>
  <c r="AE139655" i="1"/>
  <c r="AE139656" i="1"/>
  <c r="AE139657" i="1"/>
  <c r="AE139658" i="1"/>
  <c r="AE139659" i="1"/>
  <c r="AE139660" i="1"/>
  <c r="AE139661" i="1"/>
  <c r="AE139662" i="1"/>
  <c r="AE139663" i="1"/>
  <c r="AE139664" i="1"/>
  <c r="AE139665" i="1"/>
  <c r="AE139666" i="1"/>
  <c r="AE139667" i="1"/>
  <c r="AE139668" i="1"/>
  <c r="AE139669" i="1"/>
  <c r="AE139670" i="1"/>
  <c r="AE139671" i="1"/>
  <c r="AE139672" i="1"/>
  <c r="AE139673" i="1"/>
  <c r="AE139674" i="1"/>
  <c r="AE139675" i="1"/>
  <c r="AE139676" i="1"/>
  <c r="AE139677" i="1"/>
  <c r="AE139678" i="1"/>
  <c r="AE139679" i="1"/>
  <c r="AE139680" i="1"/>
  <c r="AE139681" i="1"/>
  <c r="AE139682" i="1"/>
  <c r="AE139683" i="1"/>
  <c r="AE139684" i="1"/>
  <c r="AE139685" i="1"/>
  <c r="AE139686" i="1"/>
  <c r="AE139687" i="1"/>
  <c r="AE139688" i="1"/>
  <c r="AE139689" i="1"/>
  <c r="AE139690" i="1"/>
  <c r="AE139691" i="1"/>
  <c r="AE139692" i="1"/>
  <c r="AE139693" i="1"/>
  <c r="AE139694" i="1"/>
  <c r="AE139695" i="1"/>
  <c r="AE139696" i="1"/>
  <c r="AE139697" i="1"/>
  <c r="AE139698" i="1"/>
  <c r="AE139699" i="1"/>
  <c r="AE139700" i="1"/>
  <c r="AE139701" i="1"/>
  <c r="AE139702" i="1"/>
  <c r="AE139703" i="1"/>
  <c r="AE139704" i="1"/>
  <c r="AE139705" i="1"/>
  <c r="AE139706" i="1"/>
  <c r="AE139707" i="1"/>
  <c r="AE139708" i="1"/>
  <c r="AE139709" i="1"/>
  <c r="AE139710" i="1"/>
  <c r="AE139711" i="1"/>
  <c r="AE139712" i="1"/>
  <c r="AE139713" i="1"/>
  <c r="AE139714" i="1"/>
  <c r="AE139715" i="1"/>
  <c r="AE139716" i="1"/>
  <c r="AE139717" i="1"/>
  <c r="AE139718" i="1"/>
  <c r="AE139719" i="1"/>
  <c r="AE139720" i="1"/>
  <c r="AE139721" i="1"/>
  <c r="AE139722" i="1"/>
  <c r="AE139723" i="1"/>
  <c r="AE139724" i="1"/>
  <c r="AE139725" i="1"/>
  <c r="AE139726" i="1"/>
  <c r="AE139727" i="1"/>
  <c r="AE139728" i="1"/>
  <c r="AE139729" i="1"/>
  <c r="AE139730" i="1"/>
  <c r="AE139731" i="1"/>
  <c r="AE139732" i="1"/>
  <c r="AE139733" i="1"/>
  <c r="AE139734" i="1"/>
  <c r="AE139735" i="1"/>
  <c r="AE139736" i="1"/>
  <c r="AE139737" i="1"/>
  <c r="AE139738" i="1"/>
  <c r="AE139739" i="1"/>
  <c r="AE139740" i="1"/>
  <c r="AE139741" i="1"/>
  <c r="AE139742" i="1"/>
  <c r="AE139743" i="1"/>
  <c r="AE139744" i="1"/>
  <c r="AE139745" i="1"/>
  <c r="AE139746" i="1"/>
  <c r="AE139747" i="1"/>
  <c r="AE139748" i="1"/>
  <c r="AE139749" i="1"/>
  <c r="AE139750" i="1"/>
  <c r="AE139751" i="1"/>
  <c r="AE139752" i="1"/>
  <c r="AE139753" i="1"/>
  <c r="AE139754" i="1"/>
  <c r="AE139755" i="1"/>
  <c r="AE139756" i="1"/>
  <c r="AE139757" i="1"/>
  <c r="AE139758" i="1"/>
  <c r="AE139759" i="1"/>
  <c r="AE139760" i="1"/>
  <c r="AE139761" i="1"/>
  <c r="AE139762" i="1"/>
  <c r="AE139763" i="1"/>
  <c r="AE139764" i="1"/>
  <c r="AE139765" i="1"/>
  <c r="AE139766" i="1"/>
  <c r="AE139767" i="1"/>
  <c r="AE139768" i="1"/>
  <c r="AE139769" i="1"/>
  <c r="AE139770" i="1"/>
  <c r="AE139771" i="1"/>
  <c r="AE139772" i="1"/>
  <c r="AE139773" i="1"/>
  <c r="AE139774" i="1"/>
  <c r="AE139775" i="1"/>
  <c r="AE139776" i="1"/>
  <c r="AE139777" i="1"/>
  <c r="AE139778" i="1"/>
  <c r="AE139779" i="1"/>
  <c r="AE139780" i="1"/>
  <c r="AE139781" i="1"/>
  <c r="AE139782" i="1"/>
  <c r="AE139783" i="1"/>
  <c r="AE139784" i="1"/>
  <c r="AE139785" i="1"/>
  <c r="AE139786" i="1"/>
  <c r="AE139787" i="1"/>
  <c r="AE139788" i="1"/>
  <c r="AE139789" i="1"/>
  <c r="AE139790" i="1"/>
  <c r="AE139791" i="1"/>
  <c r="AE139792" i="1"/>
  <c r="AE139793" i="1"/>
  <c r="AE139794" i="1"/>
  <c r="AE139795" i="1"/>
  <c r="AE139796" i="1"/>
  <c r="AE139797" i="1"/>
  <c r="AE139798" i="1"/>
  <c r="AE139799" i="1"/>
  <c r="AE139800" i="1"/>
  <c r="AE139801" i="1"/>
  <c r="AE139802" i="1"/>
  <c r="AE139803" i="1"/>
  <c r="AE139804" i="1"/>
  <c r="AE139805" i="1"/>
  <c r="AE139806" i="1"/>
  <c r="AE139807" i="1"/>
  <c r="AE139808" i="1"/>
  <c r="AE139809" i="1"/>
  <c r="AE139810" i="1"/>
  <c r="AE139811" i="1"/>
  <c r="AE139812" i="1"/>
  <c r="AE139813" i="1"/>
  <c r="AE139814" i="1"/>
  <c r="AE139815" i="1"/>
  <c r="AE139816" i="1"/>
  <c r="AE139817" i="1"/>
  <c r="AE139818" i="1"/>
  <c r="AE139819" i="1"/>
  <c r="AE139820" i="1"/>
  <c r="AE139821" i="1"/>
  <c r="AE139822" i="1"/>
  <c r="AE139823" i="1"/>
  <c r="AE139824" i="1"/>
  <c r="AE139825" i="1"/>
  <c r="AE139826" i="1"/>
  <c r="AE139827" i="1"/>
  <c r="AE139828" i="1"/>
  <c r="AE139829" i="1"/>
  <c r="AE139830" i="1"/>
  <c r="AE139831" i="1"/>
  <c r="AE139832" i="1"/>
  <c r="AE139833" i="1"/>
  <c r="AE139834" i="1"/>
  <c r="AE139835" i="1"/>
  <c r="AE139836" i="1"/>
  <c r="AE139837" i="1"/>
  <c r="AE139838" i="1"/>
  <c r="AE139839" i="1"/>
  <c r="AE139840" i="1"/>
  <c r="AE139841" i="1"/>
  <c r="AE139842" i="1"/>
  <c r="AE139843" i="1"/>
  <c r="AE139844" i="1"/>
  <c r="AE139845" i="1"/>
  <c r="AE139846" i="1"/>
  <c r="AE139847" i="1"/>
  <c r="AE139848" i="1"/>
  <c r="AE139849" i="1"/>
  <c r="AE139850" i="1"/>
  <c r="AE139851" i="1"/>
  <c r="AE139852" i="1"/>
  <c r="AE139853" i="1"/>
  <c r="AE139854" i="1"/>
  <c r="AE139855" i="1"/>
  <c r="AE139856" i="1"/>
  <c r="AE139857" i="1"/>
  <c r="AE139858" i="1"/>
  <c r="AE139859" i="1"/>
  <c r="AE139860" i="1"/>
  <c r="AE139861" i="1"/>
  <c r="AE139862" i="1"/>
  <c r="AE139863" i="1"/>
  <c r="AE139864" i="1"/>
  <c r="AE139865" i="1"/>
  <c r="AE139866" i="1"/>
  <c r="AE139867" i="1"/>
  <c r="AE139868" i="1"/>
  <c r="AE139869" i="1"/>
  <c r="AE139870" i="1"/>
  <c r="AE139871" i="1"/>
  <c r="AE139872" i="1"/>
  <c r="AE139873" i="1"/>
  <c r="AE139874" i="1"/>
  <c r="AE139875" i="1"/>
  <c r="AE139876" i="1"/>
  <c r="AE139877" i="1"/>
  <c r="AE139878" i="1"/>
  <c r="AE139879" i="1"/>
  <c r="AE139880" i="1"/>
  <c r="AE139881" i="1"/>
  <c r="AE139882" i="1"/>
  <c r="AE139883" i="1"/>
  <c r="AE139884" i="1"/>
  <c r="AE139885" i="1"/>
  <c r="AE139886" i="1"/>
  <c r="AE139887" i="1"/>
  <c r="AE139888" i="1"/>
  <c r="AE139889" i="1"/>
  <c r="AE139890" i="1"/>
  <c r="AE139891" i="1"/>
  <c r="AE139892" i="1"/>
  <c r="AE139893" i="1"/>
  <c r="AE139894" i="1"/>
  <c r="AE139895" i="1"/>
  <c r="AE139896" i="1"/>
  <c r="AE139897" i="1"/>
  <c r="AE139898" i="1"/>
  <c r="AE139899" i="1"/>
  <c r="AE139900" i="1"/>
  <c r="AE139901" i="1"/>
  <c r="AE139902" i="1"/>
  <c r="AE139903" i="1"/>
  <c r="AE139904" i="1"/>
  <c r="AE139905" i="1"/>
  <c r="AE139906" i="1"/>
  <c r="AE139907" i="1"/>
  <c r="AE139908" i="1"/>
  <c r="AE139909" i="1"/>
  <c r="AE139910" i="1"/>
  <c r="AE139911" i="1"/>
  <c r="AE139912" i="1"/>
  <c r="AE139913" i="1"/>
  <c r="AE139914" i="1"/>
  <c r="AE139915" i="1"/>
  <c r="AE139916" i="1"/>
  <c r="AE139917" i="1"/>
  <c r="AE139918" i="1"/>
  <c r="AE139919" i="1"/>
  <c r="AE139920" i="1"/>
  <c r="AE139921" i="1"/>
  <c r="AE139922" i="1"/>
  <c r="AE139923" i="1"/>
  <c r="AE139924" i="1"/>
  <c r="AE139925" i="1"/>
  <c r="AE139926" i="1"/>
  <c r="AE139927" i="1"/>
  <c r="AE139928" i="1"/>
  <c r="AE139929" i="1"/>
  <c r="AE139930" i="1"/>
  <c r="AE139931" i="1"/>
  <c r="AE139932" i="1"/>
  <c r="AE139933" i="1"/>
  <c r="AE139934" i="1"/>
  <c r="AE139935" i="1"/>
  <c r="AE139936" i="1"/>
  <c r="AE139937" i="1"/>
  <c r="AE139938" i="1"/>
  <c r="AE139939" i="1"/>
  <c r="AE139940" i="1"/>
  <c r="AE139941" i="1"/>
  <c r="AE139942" i="1"/>
  <c r="AE139943" i="1"/>
  <c r="AE139944" i="1"/>
  <c r="AE139945" i="1"/>
  <c r="AE139946" i="1"/>
  <c r="AE139947" i="1"/>
  <c r="AE139948" i="1"/>
  <c r="AE139949" i="1"/>
  <c r="AE139950" i="1"/>
  <c r="AE139951" i="1"/>
  <c r="AE139952" i="1"/>
  <c r="AE139953" i="1"/>
  <c r="AE139954" i="1"/>
  <c r="AE139955" i="1"/>
  <c r="AE139956" i="1"/>
  <c r="AE139957" i="1"/>
  <c r="AE139958" i="1"/>
  <c r="AE139959" i="1"/>
  <c r="AE139960" i="1"/>
  <c r="AE139961" i="1"/>
  <c r="AE139962" i="1"/>
  <c r="AE139963" i="1"/>
  <c r="AE139964" i="1"/>
  <c r="AE139965" i="1"/>
  <c r="AE139966" i="1"/>
  <c r="AE139967" i="1"/>
  <c r="AE139968" i="1"/>
  <c r="AE139969" i="1"/>
  <c r="AE139970" i="1"/>
  <c r="AE139971" i="1"/>
  <c r="AE139972" i="1"/>
  <c r="AE139973" i="1"/>
  <c r="AE139974" i="1"/>
  <c r="AE139975" i="1"/>
  <c r="AE139976" i="1"/>
  <c r="AE139977" i="1"/>
  <c r="AE139978" i="1"/>
  <c r="AE139979" i="1"/>
  <c r="AE139980" i="1"/>
  <c r="AE139981" i="1"/>
  <c r="AE139982" i="1"/>
  <c r="AE139983" i="1"/>
  <c r="AE139984" i="1"/>
  <c r="AE139985" i="1"/>
  <c r="AE139986" i="1"/>
  <c r="AE139987" i="1"/>
  <c r="AE139988" i="1"/>
  <c r="AE139989" i="1"/>
  <c r="AE139990" i="1"/>
  <c r="AE139991" i="1"/>
  <c r="AE139992" i="1"/>
  <c r="AE139993" i="1"/>
  <c r="AE139994" i="1"/>
  <c r="AE139995" i="1"/>
  <c r="AE139996" i="1"/>
  <c r="AE139997" i="1"/>
  <c r="AE139998" i="1"/>
  <c r="AE139999" i="1"/>
  <c r="AE140000" i="1"/>
  <c r="AE140001" i="1"/>
  <c r="AE140002" i="1"/>
  <c r="AE140003" i="1"/>
  <c r="AE140004" i="1"/>
  <c r="AE140005" i="1"/>
  <c r="AE140006" i="1"/>
  <c r="AE140007" i="1"/>
  <c r="AE140008" i="1"/>
  <c r="AE140009" i="1"/>
  <c r="AE140010" i="1"/>
  <c r="AE140011" i="1"/>
  <c r="AE140012" i="1"/>
  <c r="AE140013" i="1"/>
  <c r="AE140014" i="1"/>
  <c r="AE140015" i="1"/>
  <c r="AE140016" i="1"/>
  <c r="AE140017" i="1"/>
  <c r="AE140018" i="1"/>
  <c r="AE140019" i="1"/>
  <c r="AE140020" i="1"/>
  <c r="AE140021" i="1"/>
  <c r="AE140022" i="1"/>
  <c r="AE140023" i="1"/>
  <c r="AE140024" i="1"/>
  <c r="AE140025" i="1"/>
  <c r="AE140026" i="1"/>
  <c r="AE140027" i="1"/>
  <c r="AE140028" i="1"/>
  <c r="AE140029" i="1"/>
  <c r="AE140030" i="1"/>
  <c r="AE140031" i="1"/>
  <c r="AE140032" i="1"/>
  <c r="AE140033" i="1"/>
  <c r="AE140034" i="1"/>
  <c r="AE140035" i="1"/>
  <c r="AE140036" i="1"/>
  <c r="AE140037" i="1"/>
  <c r="AE140038" i="1"/>
  <c r="AE140039" i="1"/>
  <c r="AE140040" i="1"/>
  <c r="AE140041" i="1"/>
  <c r="AE140042" i="1"/>
  <c r="AE140043" i="1"/>
  <c r="AE140044" i="1"/>
  <c r="AE140045" i="1"/>
  <c r="AE140046" i="1"/>
  <c r="AE140047" i="1"/>
  <c r="AE140048" i="1"/>
  <c r="AE140049" i="1"/>
  <c r="AE140050" i="1"/>
  <c r="AE140051" i="1"/>
  <c r="AE140052" i="1"/>
  <c r="AE140053" i="1"/>
  <c r="AE140054" i="1"/>
  <c r="AE140055" i="1"/>
  <c r="AE140056" i="1"/>
  <c r="AE140057" i="1"/>
  <c r="AE140058" i="1"/>
  <c r="AE140059" i="1"/>
  <c r="AE140060" i="1"/>
  <c r="AE140061" i="1"/>
  <c r="AE140062" i="1"/>
  <c r="AE140063" i="1"/>
  <c r="AE140064" i="1"/>
  <c r="AE140065" i="1"/>
  <c r="AE140066" i="1"/>
  <c r="AE140067" i="1"/>
  <c r="AE140068" i="1"/>
  <c r="AE140069" i="1"/>
  <c r="AE140070" i="1"/>
  <c r="AE140071" i="1"/>
  <c r="AE140072" i="1"/>
  <c r="AE140073" i="1"/>
  <c r="AE140074" i="1"/>
  <c r="AE140075" i="1"/>
  <c r="AE140076" i="1"/>
  <c r="AE140077" i="1"/>
  <c r="AE140078" i="1"/>
  <c r="AE140079" i="1"/>
  <c r="AE140080" i="1"/>
  <c r="AE140081" i="1"/>
  <c r="AE140082" i="1"/>
  <c r="AE140083" i="1"/>
  <c r="AE140084" i="1"/>
  <c r="AE140085" i="1"/>
  <c r="AE140086" i="1"/>
  <c r="AE140087" i="1"/>
  <c r="AE140088" i="1"/>
  <c r="AE140089" i="1"/>
  <c r="AE140090" i="1"/>
  <c r="AE140091" i="1"/>
  <c r="AE140092" i="1"/>
  <c r="AE140093" i="1"/>
  <c r="AE140094" i="1"/>
  <c r="AE140095" i="1"/>
  <c r="AE140096" i="1"/>
  <c r="AE140097" i="1"/>
  <c r="AE140098" i="1"/>
  <c r="AE140099" i="1"/>
  <c r="AE140100" i="1"/>
  <c r="AE140101" i="1"/>
  <c r="AE140102" i="1"/>
  <c r="AE140103" i="1"/>
  <c r="AE140104" i="1"/>
  <c r="AE140105" i="1"/>
  <c r="AE140106" i="1"/>
  <c r="AE140107" i="1"/>
  <c r="AE140108" i="1"/>
  <c r="AE140109" i="1"/>
  <c r="AE140110" i="1"/>
  <c r="AE140111" i="1"/>
  <c r="AE140112" i="1"/>
  <c r="AE140113" i="1"/>
  <c r="AE140114" i="1"/>
  <c r="AE140115" i="1"/>
  <c r="AE140116" i="1"/>
  <c r="AE140117" i="1"/>
  <c r="AE140118" i="1"/>
  <c r="AE140119" i="1"/>
  <c r="AE140120" i="1"/>
  <c r="AE140121" i="1"/>
  <c r="AE140122" i="1"/>
  <c r="AE140123" i="1"/>
  <c r="AE140124" i="1"/>
  <c r="AE140125" i="1"/>
  <c r="AE140126" i="1"/>
  <c r="AE140127" i="1"/>
  <c r="AE140128" i="1"/>
  <c r="AE140129" i="1"/>
  <c r="AE140130" i="1"/>
  <c r="AE140131" i="1"/>
  <c r="AE140132" i="1"/>
  <c r="AE140133" i="1"/>
  <c r="AE140134" i="1"/>
  <c r="AE140135" i="1"/>
  <c r="AE140136" i="1"/>
  <c r="AE140137" i="1"/>
  <c r="AE140138" i="1"/>
  <c r="AE140139" i="1"/>
  <c r="AE140140" i="1"/>
  <c r="AE140141" i="1"/>
  <c r="AE140142" i="1"/>
  <c r="AE140143" i="1"/>
  <c r="AE140144" i="1"/>
  <c r="AE140145" i="1"/>
  <c r="AE140146" i="1"/>
  <c r="AE140147" i="1"/>
  <c r="AE140148" i="1"/>
  <c r="AE140149" i="1"/>
  <c r="AE140150" i="1"/>
  <c r="AE140151" i="1"/>
  <c r="AE140152" i="1"/>
  <c r="AE140153" i="1"/>
  <c r="AE140154" i="1"/>
  <c r="AE140155" i="1"/>
  <c r="AE140156" i="1"/>
  <c r="AE140157" i="1"/>
  <c r="AE140158" i="1"/>
  <c r="AE140159" i="1"/>
  <c r="AE140160" i="1"/>
  <c r="AE140161" i="1"/>
  <c r="AE140162" i="1"/>
  <c r="AE140163" i="1"/>
  <c r="AE140164" i="1"/>
  <c r="AE140165" i="1"/>
  <c r="AE140166" i="1"/>
  <c r="AE140167" i="1"/>
  <c r="AE140168" i="1"/>
  <c r="AE140169" i="1"/>
  <c r="AE140170" i="1"/>
  <c r="AE140171" i="1"/>
  <c r="AE140172" i="1"/>
  <c r="AE140173" i="1"/>
  <c r="AE140174" i="1"/>
  <c r="AE140175" i="1"/>
  <c r="AE140176" i="1"/>
  <c r="AE140177" i="1"/>
  <c r="AE140178" i="1"/>
  <c r="AE140179" i="1"/>
  <c r="AE140180" i="1"/>
  <c r="AE140181" i="1"/>
  <c r="AE140182" i="1"/>
  <c r="AE140183" i="1"/>
  <c r="AE140184" i="1"/>
  <c r="AE140185" i="1"/>
  <c r="AE140186" i="1"/>
  <c r="AE140187" i="1"/>
  <c r="AE140188" i="1"/>
  <c r="AE140189" i="1"/>
  <c r="AE140190" i="1"/>
  <c r="AE140191" i="1"/>
  <c r="AE140192" i="1"/>
  <c r="AE140193" i="1"/>
  <c r="AE140194" i="1"/>
  <c r="AE140195" i="1"/>
  <c r="AE140196" i="1"/>
  <c r="AE140197" i="1"/>
  <c r="AE140198" i="1"/>
  <c r="AE140199" i="1"/>
  <c r="AE140200" i="1"/>
  <c r="AE140201" i="1"/>
  <c r="AE140202" i="1"/>
  <c r="AE140203" i="1"/>
  <c r="AE140204" i="1"/>
  <c r="AE140205" i="1"/>
  <c r="AE140206" i="1"/>
  <c r="AE140207" i="1"/>
  <c r="AE140208" i="1"/>
  <c r="AE140209" i="1"/>
  <c r="AE140210" i="1"/>
  <c r="AE140211" i="1"/>
  <c r="AE140212" i="1"/>
  <c r="AE140213" i="1"/>
  <c r="AE140214" i="1"/>
  <c r="AE140215" i="1"/>
  <c r="AE140216" i="1"/>
  <c r="AE140217" i="1"/>
  <c r="AE140218" i="1"/>
  <c r="AE140219" i="1"/>
  <c r="AE140220" i="1"/>
  <c r="AE140221" i="1"/>
  <c r="AE140222" i="1"/>
  <c r="AE140223" i="1"/>
  <c r="AE140224" i="1"/>
  <c r="AE140225" i="1"/>
  <c r="AE140226" i="1"/>
  <c r="AE140227" i="1"/>
  <c r="AE140228" i="1"/>
  <c r="AE140229" i="1"/>
  <c r="AE140230" i="1"/>
  <c r="AE140231" i="1"/>
  <c r="AE140232" i="1"/>
  <c r="AE140233" i="1"/>
  <c r="AE140234" i="1"/>
  <c r="AE140235" i="1"/>
  <c r="AE140236" i="1"/>
  <c r="AE140237" i="1"/>
  <c r="AE140238" i="1"/>
  <c r="AE140239" i="1"/>
  <c r="AE140240" i="1"/>
  <c r="AE140241" i="1"/>
  <c r="AE140242" i="1"/>
  <c r="AE140243" i="1"/>
  <c r="AE140244" i="1"/>
  <c r="AE140245" i="1"/>
  <c r="AE140246" i="1"/>
  <c r="AE140247" i="1"/>
  <c r="AE140248" i="1"/>
  <c r="AE140249" i="1"/>
  <c r="AE140250" i="1"/>
  <c r="AE140251" i="1"/>
  <c r="AE140252" i="1"/>
  <c r="AE140253" i="1"/>
  <c r="AE140254" i="1"/>
  <c r="AE140255" i="1"/>
  <c r="AE140256" i="1"/>
  <c r="AE140257" i="1"/>
  <c r="AE140258" i="1"/>
  <c r="AE140259" i="1"/>
  <c r="AE140260" i="1"/>
  <c r="AE140261" i="1"/>
  <c r="AE140262" i="1"/>
  <c r="AE140263" i="1"/>
  <c r="AE140264" i="1"/>
  <c r="AE140265" i="1"/>
  <c r="AE140266" i="1"/>
  <c r="AE140267" i="1"/>
  <c r="AE140268" i="1"/>
  <c r="AE140269" i="1"/>
  <c r="AE140270" i="1"/>
  <c r="AE140271" i="1"/>
  <c r="AE140272" i="1"/>
  <c r="AE140273" i="1"/>
  <c r="AE140274" i="1"/>
  <c r="AE140275" i="1"/>
  <c r="AE140276" i="1"/>
  <c r="AE140277" i="1"/>
  <c r="AE140278" i="1"/>
  <c r="AE140279" i="1"/>
  <c r="AE140280" i="1"/>
  <c r="AE140281" i="1"/>
  <c r="AE140282" i="1"/>
  <c r="AE140283" i="1"/>
  <c r="AE140284" i="1"/>
  <c r="AE140285" i="1"/>
  <c r="AE140286" i="1"/>
  <c r="AE140287" i="1"/>
  <c r="AE140288" i="1"/>
  <c r="AE140289" i="1"/>
  <c r="AE140290" i="1"/>
  <c r="AE140291" i="1"/>
  <c r="AE140292" i="1"/>
  <c r="AE140293" i="1"/>
  <c r="AE140294" i="1"/>
  <c r="AE140295" i="1"/>
  <c r="AE140296" i="1"/>
  <c r="AE140297" i="1"/>
  <c r="AE140298" i="1"/>
  <c r="AE140299" i="1"/>
  <c r="AE140300" i="1"/>
  <c r="AE140301" i="1"/>
  <c r="AE140302" i="1"/>
  <c r="AE140303" i="1"/>
  <c r="AE140304" i="1"/>
  <c r="AE140305" i="1"/>
  <c r="AE140306" i="1"/>
  <c r="AE140307" i="1"/>
  <c r="AE140308" i="1"/>
  <c r="AE140309" i="1"/>
  <c r="AE140310" i="1"/>
  <c r="AE140311" i="1"/>
  <c r="AE140312" i="1"/>
  <c r="AE140313" i="1"/>
  <c r="AE140314" i="1"/>
  <c r="AE140315" i="1"/>
  <c r="AE140316" i="1"/>
  <c r="AE140317" i="1"/>
  <c r="AE140318" i="1"/>
  <c r="AE140319" i="1"/>
  <c r="AE140320" i="1"/>
  <c r="AE140321" i="1"/>
  <c r="AE140322" i="1"/>
  <c r="AE140323" i="1"/>
  <c r="AE140324" i="1"/>
  <c r="AE140325" i="1"/>
  <c r="AE140326" i="1"/>
  <c r="AE140327" i="1"/>
  <c r="AE140328" i="1"/>
  <c r="AE140329" i="1"/>
  <c r="AE140330" i="1"/>
  <c r="AE140331" i="1"/>
  <c r="AE140332" i="1"/>
  <c r="AE140333" i="1"/>
  <c r="AE140334" i="1"/>
  <c r="AE140335" i="1"/>
  <c r="AE140336" i="1"/>
  <c r="AE140337" i="1"/>
  <c r="AE140338" i="1"/>
  <c r="AE140339" i="1"/>
  <c r="AE140340" i="1"/>
  <c r="AE140341" i="1"/>
  <c r="AE140342" i="1"/>
  <c r="AE140343" i="1"/>
  <c r="AE140344" i="1"/>
  <c r="AE140345" i="1"/>
  <c r="AE140346" i="1"/>
  <c r="AE140347" i="1"/>
  <c r="AE140348" i="1"/>
  <c r="AE140349" i="1"/>
  <c r="AE140350" i="1"/>
  <c r="AE140351" i="1"/>
  <c r="AE140352" i="1"/>
  <c r="AE140353" i="1"/>
  <c r="AE140354" i="1"/>
  <c r="AE140355" i="1"/>
  <c r="AE140356" i="1"/>
  <c r="AE140357" i="1"/>
  <c r="AE140358" i="1"/>
  <c r="AE140359" i="1"/>
  <c r="AE140360" i="1"/>
  <c r="AE140361" i="1"/>
  <c r="AE140362" i="1"/>
  <c r="AE140363" i="1"/>
  <c r="AE140364" i="1"/>
  <c r="AE140365" i="1"/>
  <c r="AE140366" i="1"/>
  <c r="AE140367" i="1"/>
  <c r="AE140368" i="1"/>
  <c r="AE140369" i="1"/>
  <c r="AE140370" i="1"/>
  <c r="AE140371" i="1"/>
  <c r="AE140372" i="1"/>
  <c r="AE140373" i="1"/>
  <c r="AE140374" i="1"/>
  <c r="AE140375" i="1"/>
  <c r="AE140376" i="1"/>
  <c r="AE140377" i="1"/>
  <c r="AE140378" i="1"/>
  <c r="AE140379" i="1"/>
  <c r="AE140380" i="1"/>
  <c r="AE140381" i="1"/>
  <c r="AE140382" i="1"/>
  <c r="AE140383" i="1"/>
  <c r="AE140384" i="1"/>
  <c r="AE140385" i="1"/>
  <c r="AE140386" i="1"/>
  <c r="AE140387" i="1"/>
  <c r="AE140388" i="1"/>
  <c r="AE140389" i="1"/>
  <c r="AE140390" i="1"/>
  <c r="AE140391" i="1"/>
  <c r="AE140392" i="1"/>
  <c r="AE140393" i="1"/>
  <c r="AE140394" i="1"/>
  <c r="AE140395" i="1"/>
  <c r="AE140396" i="1"/>
  <c r="AE140397" i="1"/>
  <c r="AE140398" i="1"/>
  <c r="AE140399" i="1"/>
  <c r="AE140400" i="1"/>
  <c r="AE140401" i="1"/>
  <c r="AE140402" i="1"/>
  <c r="AE140403" i="1"/>
  <c r="AE140404" i="1"/>
  <c r="AE140405" i="1"/>
  <c r="AE140406" i="1"/>
  <c r="AE140407" i="1"/>
  <c r="AE140408" i="1"/>
  <c r="AE140409" i="1"/>
  <c r="AE140410" i="1"/>
  <c r="AE140411" i="1"/>
  <c r="AE140412" i="1"/>
  <c r="AE140413" i="1"/>
  <c r="AE140414" i="1"/>
  <c r="AE140415" i="1"/>
  <c r="AE140416" i="1"/>
  <c r="AE140417" i="1"/>
  <c r="AE140418" i="1"/>
  <c r="AE140419" i="1"/>
  <c r="AE140420" i="1"/>
  <c r="AE140421" i="1"/>
  <c r="AE140422" i="1"/>
  <c r="AE140423" i="1"/>
  <c r="AE140424" i="1"/>
  <c r="AE140425" i="1"/>
  <c r="AE140426" i="1"/>
  <c r="AE140427" i="1"/>
  <c r="AE140428" i="1"/>
  <c r="AE140429" i="1"/>
  <c r="AE140430" i="1"/>
  <c r="AE140431" i="1"/>
  <c r="AE140432" i="1"/>
  <c r="AE140433" i="1"/>
  <c r="AE140434" i="1"/>
  <c r="AE140435" i="1"/>
  <c r="AE140436" i="1"/>
  <c r="AE140437" i="1"/>
  <c r="AE140438" i="1"/>
  <c r="AE140439" i="1"/>
  <c r="AE140440" i="1"/>
  <c r="AE140441" i="1"/>
  <c r="AE140442" i="1"/>
  <c r="AE140443" i="1"/>
  <c r="AE140444" i="1"/>
  <c r="AE140445" i="1"/>
  <c r="AE140446" i="1"/>
  <c r="AE140447" i="1"/>
  <c r="AE140448" i="1"/>
  <c r="AE140449" i="1"/>
  <c r="AE140450" i="1"/>
  <c r="AE140451" i="1"/>
  <c r="AE140452" i="1"/>
  <c r="AE140453" i="1"/>
  <c r="AE140454" i="1"/>
  <c r="AE140455" i="1"/>
  <c r="AE140456" i="1"/>
  <c r="AE140457" i="1"/>
  <c r="AE140458" i="1"/>
  <c r="AE140459" i="1"/>
  <c r="AE140460" i="1"/>
  <c r="AE140461" i="1"/>
  <c r="AE140462" i="1"/>
  <c r="AE140463" i="1"/>
  <c r="AE140464" i="1"/>
  <c r="AE140465" i="1"/>
  <c r="AE140466" i="1"/>
  <c r="AE140467" i="1"/>
  <c r="AE140468" i="1"/>
  <c r="AE140469" i="1"/>
  <c r="AE140470" i="1"/>
  <c r="AE140471" i="1"/>
  <c r="AE140472" i="1"/>
  <c r="AE140473" i="1"/>
  <c r="AE140474" i="1"/>
  <c r="AE140475" i="1"/>
  <c r="AE140476" i="1"/>
  <c r="AE140477" i="1"/>
  <c r="AE140478" i="1"/>
  <c r="AE140479" i="1"/>
  <c r="AE140480" i="1"/>
  <c r="AE140481" i="1"/>
  <c r="AE140482" i="1"/>
  <c r="AE140483" i="1"/>
  <c r="AE140484" i="1"/>
  <c r="AE140485" i="1"/>
  <c r="AE140486" i="1"/>
  <c r="AE140487" i="1"/>
  <c r="AE140488" i="1"/>
  <c r="AE140489" i="1"/>
  <c r="AE140490" i="1"/>
  <c r="AE140491" i="1"/>
  <c r="AE140492" i="1"/>
  <c r="AE140493" i="1"/>
  <c r="AE140494" i="1"/>
  <c r="AE140495" i="1"/>
  <c r="AE140496" i="1"/>
  <c r="AE140497" i="1"/>
  <c r="AE140498" i="1"/>
  <c r="AE140499" i="1"/>
  <c r="AE140500" i="1"/>
  <c r="AE140501" i="1"/>
  <c r="AE140502" i="1"/>
  <c r="AE140503" i="1"/>
  <c r="AE140504" i="1"/>
  <c r="AE140505" i="1"/>
  <c r="AE140506" i="1"/>
  <c r="AE140507" i="1"/>
  <c r="AE140508" i="1"/>
  <c r="AE140509" i="1"/>
  <c r="AE140510" i="1"/>
  <c r="AE140511" i="1"/>
  <c r="AE140512" i="1"/>
  <c r="AE140513" i="1"/>
  <c r="AE140514" i="1"/>
  <c r="AE140515" i="1"/>
  <c r="AE140516" i="1"/>
  <c r="AE140517" i="1"/>
  <c r="AE140518" i="1"/>
  <c r="AE140519" i="1"/>
  <c r="AE140520" i="1"/>
  <c r="AE140521" i="1"/>
  <c r="AE140522" i="1"/>
  <c r="AE140523" i="1"/>
  <c r="AE140524" i="1"/>
  <c r="AE140525" i="1"/>
  <c r="AE140526" i="1"/>
  <c r="AE140527" i="1"/>
  <c r="AE140528" i="1"/>
  <c r="AE140529" i="1"/>
  <c r="AE140530" i="1"/>
  <c r="AE140531" i="1"/>
  <c r="AE140532" i="1"/>
  <c r="AE140533" i="1"/>
  <c r="AE140534" i="1"/>
  <c r="AE140535" i="1"/>
  <c r="AE140536" i="1"/>
  <c r="AE140537" i="1"/>
  <c r="AE140538" i="1"/>
  <c r="AE140539" i="1"/>
  <c r="AE140540" i="1"/>
  <c r="AE140541" i="1"/>
  <c r="AE140542" i="1"/>
  <c r="AE140543" i="1"/>
  <c r="AE140544" i="1"/>
  <c r="AE140545" i="1"/>
  <c r="AE140546" i="1"/>
  <c r="AE140547" i="1"/>
  <c r="AE140548" i="1"/>
  <c r="AE140549" i="1"/>
  <c r="AE140550" i="1"/>
  <c r="AE140551" i="1"/>
  <c r="AE140552" i="1"/>
  <c r="AE140553" i="1"/>
  <c r="AE140554" i="1"/>
  <c r="AE140555" i="1"/>
  <c r="AE140556" i="1"/>
  <c r="AE140557" i="1"/>
  <c r="AE140558" i="1"/>
  <c r="AE140559" i="1"/>
  <c r="AE140560" i="1"/>
  <c r="AE140561" i="1"/>
  <c r="AE140562" i="1"/>
  <c r="AE140563" i="1"/>
  <c r="AE140564" i="1"/>
  <c r="AE140565" i="1"/>
  <c r="AE140566" i="1"/>
  <c r="AE140567" i="1"/>
  <c r="AE140568" i="1"/>
  <c r="AE140569" i="1"/>
  <c r="AE140570" i="1"/>
  <c r="AE140571" i="1"/>
  <c r="AE140572" i="1"/>
  <c r="AE140573" i="1"/>
  <c r="AE140574" i="1"/>
  <c r="AE140575" i="1"/>
  <c r="AE140576" i="1"/>
  <c r="AE140577" i="1"/>
  <c r="AE140578" i="1"/>
  <c r="AE140579" i="1"/>
  <c r="AE140580" i="1"/>
  <c r="AE140581" i="1"/>
  <c r="AE140582" i="1"/>
  <c r="AE140583" i="1"/>
  <c r="AE140584" i="1"/>
  <c r="AE140585" i="1"/>
  <c r="AE140586" i="1"/>
  <c r="AE140587" i="1"/>
  <c r="AE140588" i="1"/>
  <c r="AE140589" i="1"/>
  <c r="AE140590" i="1"/>
  <c r="AE140591" i="1"/>
  <c r="AE140592" i="1"/>
  <c r="AE140593" i="1"/>
  <c r="AE140594" i="1"/>
  <c r="AE140595" i="1"/>
  <c r="AE140596" i="1"/>
  <c r="AE140597" i="1"/>
  <c r="AE140598" i="1"/>
  <c r="AE140599" i="1"/>
  <c r="AE140600" i="1"/>
  <c r="AE140601" i="1"/>
  <c r="AE140602" i="1"/>
  <c r="AE140603" i="1"/>
  <c r="AE140604" i="1"/>
  <c r="AE140605" i="1"/>
  <c r="AE140606" i="1"/>
  <c r="AE140607" i="1"/>
  <c r="AE140608" i="1"/>
  <c r="AE140609" i="1"/>
  <c r="AE140610" i="1"/>
  <c r="AE140611" i="1"/>
  <c r="AE140612" i="1"/>
  <c r="AE140613" i="1"/>
  <c r="AE140614" i="1"/>
  <c r="AE140615" i="1"/>
  <c r="AE140616" i="1"/>
  <c r="AE140617" i="1"/>
  <c r="AE140618" i="1"/>
  <c r="AE140619" i="1"/>
  <c r="AE140620" i="1"/>
  <c r="AE140621" i="1"/>
  <c r="AE140622" i="1"/>
  <c r="AE140623" i="1"/>
  <c r="AE140624" i="1"/>
  <c r="AE140625" i="1"/>
  <c r="AE140626" i="1"/>
  <c r="AE140627" i="1"/>
  <c r="AE140628" i="1"/>
  <c r="AE140629" i="1"/>
  <c r="AE140630" i="1"/>
  <c r="AE140631" i="1"/>
  <c r="AE140632" i="1"/>
  <c r="AE140633" i="1"/>
  <c r="AE140634" i="1"/>
  <c r="AE140635" i="1"/>
  <c r="AE140636" i="1"/>
  <c r="AE140637" i="1"/>
  <c r="AE140638" i="1"/>
  <c r="AE140639" i="1"/>
  <c r="AE140640" i="1"/>
  <c r="AE140641" i="1"/>
  <c r="AE140642" i="1"/>
  <c r="AE140643" i="1"/>
  <c r="AE140644" i="1"/>
  <c r="AE140645" i="1"/>
  <c r="AE140646" i="1"/>
  <c r="AE140647" i="1"/>
  <c r="AE140648" i="1"/>
  <c r="AE140649" i="1"/>
  <c r="AE140650" i="1"/>
  <c r="AE140651" i="1"/>
  <c r="AE140652" i="1"/>
  <c r="AE140653" i="1"/>
  <c r="AE140654" i="1"/>
  <c r="AE140655" i="1"/>
  <c r="AE140656" i="1"/>
  <c r="AE140657" i="1"/>
  <c r="AE140658" i="1"/>
  <c r="AE140659" i="1"/>
  <c r="AE140660" i="1"/>
  <c r="AE140661" i="1"/>
  <c r="AE140662" i="1"/>
  <c r="AE140663" i="1"/>
  <c r="AE140664" i="1"/>
  <c r="AE140665" i="1"/>
  <c r="AE140666" i="1"/>
  <c r="AE140667" i="1"/>
  <c r="AE140668" i="1"/>
  <c r="AE140669" i="1"/>
  <c r="AE140670" i="1"/>
  <c r="AE140671" i="1"/>
  <c r="AE140672" i="1"/>
  <c r="AE140673" i="1"/>
  <c r="AE140674" i="1"/>
  <c r="AE140675" i="1"/>
  <c r="AE140676" i="1"/>
  <c r="AE140677" i="1"/>
  <c r="AE140678" i="1"/>
  <c r="AE140679" i="1"/>
  <c r="AE140680" i="1"/>
  <c r="AE140681" i="1"/>
  <c r="AE140682" i="1"/>
  <c r="AE140683" i="1"/>
  <c r="AE140684" i="1"/>
  <c r="AE140685" i="1"/>
  <c r="AE140686" i="1"/>
  <c r="AE140687" i="1"/>
  <c r="AE140688" i="1"/>
  <c r="AE140689" i="1"/>
  <c r="AE140690" i="1"/>
  <c r="AE140691" i="1"/>
  <c r="AE140692" i="1"/>
  <c r="AE140693" i="1"/>
  <c r="AE140694" i="1"/>
  <c r="AE140695" i="1"/>
  <c r="AE140696" i="1"/>
  <c r="AE140697" i="1"/>
  <c r="AE140698" i="1"/>
  <c r="AE140699" i="1"/>
  <c r="AE140700" i="1"/>
  <c r="AE140701" i="1"/>
  <c r="AE140702" i="1"/>
  <c r="AE140703" i="1"/>
  <c r="AE140704" i="1"/>
  <c r="AE140705" i="1"/>
  <c r="AE140706" i="1"/>
  <c r="AE140707" i="1"/>
  <c r="AE140708" i="1"/>
  <c r="AE140709" i="1"/>
  <c r="AE140710" i="1"/>
  <c r="AE140711" i="1"/>
  <c r="AE140712" i="1"/>
  <c r="AE140713" i="1"/>
  <c r="AE140714" i="1"/>
  <c r="AE140715" i="1"/>
  <c r="AE140716" i="1"/>
  <c r="AE140717" i="1"/>
  <c r="AE140718" i="1"/>
  <c r="AE140719" i="1"/>
  <c r="AE140720" i="1"/>
  <c r="AE140721" i="1"/>
  <c r="AE140722" i="1"/>
  <c r="AE140723" i="1"/>
  <c r="AE140724" i="1"/>
  <c r="AE140725" i="1"/>
  <c r="AE140726" i="1"/>
  <c r="AE140727" i="1"/>
  <c r="AE140728" i="1"/>
  <c r="AE140729" i="1"/>
  <c r="AE140730" i="1"/>
  <c r="AE140731" i="1"/>
  <c r="AE140732" i="1"/>
  <c r="AE140733" i="1"/>
  <c r="AE140734" i="1"/>
  <c r="AE140735" i="1"/>
  <c r="AE140736" i="1"/>
  <c r="AE140737" i="1"/>
  <c r="AE140738" i="1"/>
  <c r="AE140739" i="1"/>
  <c r="AE140740" i="1"/>
  <c r="AE140741" i="1"/>
  <c r="AE140742" i="1"/>
  <c r="AE140743" i="1"/>
  <c r="AE140744" i="1"/>
  <c r="AE140745" i="1"/>
  <c r="AE140746" i="1"/>
  <c r="AE140747" i="1"/>
  <c r="AE140748" i="1"/>
  <c r="AE140749" i="1"/>
  <c r="AE140750" i="1"/>
  <c r="AE140751" i="1"/>
  <c r="AE140752" i="1"/>
  <c r="AE140753" i="1"/>
  <c r="AE140754" i="1"/>
  <c r="AE140755" i="1"/>
  <c r="AE140756" i="1"/>
  <c r="AE140757" i="1"/>
  <c r="AE140758" i="1"/>
  <c r="AE140759" i="1"/>
  <c r="AE140760" i="1"/>
  <c r="AE140761" i="1"/>
  <c r="AE140762" i="1"/>
  <c r="AE140763" i="1"/>
  <c r="AE140764" i="1"/>
  <c r="AE140765" i="1"/>
  <c r="AE140766" i="1"/>
  <c r="AE140767" i="1"/>
  <c r="AE140768" i="1"/>
  <c r="AE140769" i="1"/>
  <c r="AE140770" i="1"/>
  <c r="AE140771" i="1"/>
  <c r="AE140772" i="1"/>
  <c r="AE140773" i="1"/>
  <c r="AE140774" i="1"/>
  <c r="AE140775" i="1"/>
  <c r="AE140776" i="1"/>
  <c r="AE140777" i="1"/>
  <c r="AE140778" i="1"/>
  <c r="AE140779" i="1"/>
  <c r="AE140780" i="1"/>
  <c r="AE140781" i="1"/>
  <c r="AE140782" i="1"/>
  <c r="AE140783" i="1"/>
  <c r="AE140784" i="1"/>
  <c r="AE140785" i="1"/>
  <c r="AE140786" i="1"/>
  <c r="AE140787" i="1"/>
  <c r="AE140788" i="1"/>
  <c r="AE140789" i="1"/>
  <c r="AE140790" i="1"/>
  <c r="AE140791" i="1"/>
  <c r="AE140792" i="1"/>
  <c r="AE140793" i="1"/>
  <c r="AE140794" i="1"/>
  <c r="AE140795" i="1"/>
  <c r="AE140796" i="1"/>
  <c r="AE140797" i="1"/>
  <c r="AE140798" i="1"/>
  <c r="AE140799" i="1"/>
  <c r="AE140800" i="1"/>
  <c r="AE140801" i="1"/>
  <c r="AE140802" i="1"/>
  <c r="AE140803" i="1"/>
  <c r="AE140804" i="1"/>
  <c r="AE140805" i="1"/>
  <c r="AE140806" i="1"/>
  <c r="AE140807" i="1"/>
  <c r="AE140808" i="1"/>
  <c r="AE140809" i="1"/>
  <c r="AE140810" i="1"/>
  <c r="AE140811" i="1"/>
  <c r="AE140812" i="1"/>
  <c r="AE140813" i="1"/>
  <c r="AE140814" i="1"/>
  <c r="AE140815" i="1"/>
  <c r="AE140816" i="1"/>
  <c r="AE140817" i="1"/>
  <c r="AE140818" i="1"/>
  <c r="AE140819" i="1"/>
  <c r="AE140820" i="1"/>
  <c r="AE140821" i="1"/>
  <c r="AE140822" i="1"/>
  <c r="AE140823" i="1"/>
  <c r="AE140824" i="1"/>
  <c r="AE140825" i="1"/>
  <c r="AE140826" i="1"/>
  <c r="AE140827" i="1"/>
  <c r="AE140828" i="1"/>
  <c r="AE140829" i="1"/>
  <c r="AE140830" i="1"/>
  <c r="AE140831" i="1"/>
  <c r="AE140832" i="1"/>
  <c r="AE140833" i="1"/>
  <c r="AE140834" i="1"/>
  <c r="AE140835" i="1"/>
  <c r="AE140836" i="1"/>
  <c r="AE140837" i="1"/>
  <c r="AE140838" i="1"/>
  <c r="AE140839" i="1"/>
  <c r="AE140840" i="1"/>
  <c r="AE140841" i="1"/>
  <c r="AE140842" i="1"/>
  <c r="AE140843" i="1"/>
  <c r="AE140844" i="1"/>
  <c r="AE140845" i="1"/>
  <c r="AE140846" i="1"/>
  <c r="AE140847" i="1"/>
  <c r="AE140848" i="1"/>
  <c r="AE140849" i="1"/>
  <c r="AE140850" i="1"/>
  <c r="AE140851" i="1"/>
  <c r="AE140852" i="1"/>
  <c r="AE140853" i="1"/>
  <c r="AE140854" i="1"/>
  <c r="AE140855" i="1"/>
  <c r="AE140856" i="1"/>
  <c r="AE140857" i="1"/>
  <c r="AE140858" i="1"/>
  <c r="AE140859" i="1"/>
  <c r="AE140860" i="1"/>
  <c r="AE140861" i="1"/>
  <c r="AE140862" i="1"/>
  <c r="AE140863" i="1"/>
  <c r="AE140864" i="1"/>
  <c r="AE140865" i="1"/>
  <c r="AE140866" i="1"/>
  <c r="AE140867" i="1"/>
  <c r="AE140868" i="1"/>
  <c r="AE140869" i="1"/>
  <c r="AE140870" i="1"/>
  <c r="AE140871" i="1"/>
  <c r="AE140872" i="1"/>
  <c r="AE140873" i="1"/>
  <c r="AE140874" i="1"/>
  <c r="AE140875" i="1"/>
  <c r="AE140876" i="1"/>
  <c r="AE140877" i="1"/>
  <c r="AE140878" i="1"/>
  <c r="AE140879" i="1"/>
  <c r="AE140880" i="1"/>
  <c r="AE140881" i="1"/>
  <c r="AE140882" i="1"/>
  <c r="AE140883" i="1"/>
  <c r="AE140884" i="1"/>
  <c r="AE140885" i="1"/>
  <c r="AE140886" i="1"/>
  <c r="AE140887" i="1"/>
  <c r="AE140888" i="1"/>
  <c r="AE140889" i="1"/>
  <c r="AE140890" i="1"/>
  <c r="AE140891" i="1"/>
  <c r="AE140892" i="1"/>
  <c r="AE140893" i="1"/>
  <c r="AE140894" i="1"/>
  <c r="AE140895" i="1"/>
  <c r="AE140896" i="1"/>
  <c r="AE140897" i="1"/>
  <c r="AE140898" i="1"/>
  <c r="AE140899" i="1"/>
  <c r="AE140900" i="1"/>
  <c r="AE140901" i="1"/>
  <c r="AE140902" i="1"/>
  <c r="AE140903" i="1"/>
  <c r="AE140904" i="1"/>
  <c r="AE140905" i="1"/>
  <c r="AE140906" i="1"/>
  <c r="AE140907" i="1"/>
  <c r="AE140908" i="1"/>
  <c r="AE140909" i="1"/>
  <c r="AE140910" i="1"/>
  <c r="AE140911" i="1"/>
  <c r="AE140912" i="1"/>
  <c r="AE140913" i="1"/>
  <c r="AE140914" i="1"/>
  <c r="AE140915" i="1"/>
  <c r="AE140916" i="1"/>
  <c r="AE140917" i="1"/>
  <c r="AE140918" i="1"/>
  <c r="AE140919" i="1"/>
  <c r="AE140920" i="1"/>
  <c r="AE140921" i="1"/>
  <c r="AE140922" i="1"/>
  <c r="AE140923" i="1"/>
  <c r="AE140924" i="1"/>
  <c r="AE140925" i="1"/>
  <c r="AE140926" i="1"/>
  <c r="AE140927" i="1"/>
  <c r="AE140928" i="1"/>
  <c r="AE140929" i="1"/>
  <c r="AE140930" i="1"/>
  <c r="AE140931" i="1"/>
  <c r="AE140932" i="1"/>
  <c r="AE140933" i="1"/>
  <c r="AE140934" i="1"/>
  <c r="AE140935" i="1"/>
  <c r="AE140936" i="1"/>
  <c r="AE140937" i="1"/>
  <c r="AE140938" i="1"/>
  <c r="AE140939" i="1"/>
  <c r="AE140940" i="1"/>
  <c r="AE140941" i="1"/>
  <c r="AE140942" i="1"/>
  <c r="AE140943" i="1"/>
  <c r="AE140944" i="1"/>
  <c r="AE140945" i="1"/>
  <c r="AE140946" i="1"/>
  <c r="AE140947" i="1"/>
  <c r="AE140948" i="1"/>
  <c r="AE140949" i="1"/>
  <c r="AE140950" i="1"/>
  <c r="AE140951" i="1"/>
  <c r="AE140952" i="1"/>
  <c r="AE140953" i="1"/>
  <c r="AE140954" i="1"/>
  <c r="AE140955" i="1"/>
  <c r="AE140956" i="1"/>
  <c r="AE140957" i="1"/>
  <c r="AE140958" i="1"/>
  <c r="AE140959" i="1"/>
  <c r="AE140960" i="1"/>
  <c r="AE140961" i="1"/>
  <c r="AE140962" i="1"/>
  <c r="AE140963" i="1"/>
  <c r="AE140964" i="1"/>
  <c r="AE140965" i="1"/>
  <c r="AE140966" i="1"/>
  <c r="AE140967" i="1"/>
  <c r="AE140968" i="1"/>
  <c r="AE140969" i="1"/>
  <c r="AE140970" i="1"/>
  <c r="AE140971" i="1"/>
  <c r="AE140972" i="1"/>
  <c r="AE140973" i="1"/>
  <c r="AE140974" i="1"/>
  <c r="AE140975" i="1"/>
  <c r="AE140976" i="1"/>
  <c r="AE140977" i="1"/>
  <c r="AE140978" i="1"/>
  <c r="AE140979" i="1"/>
  <c r="AE140980" i="1"/>
  <c r="AE140981" i="1"/>
  <c r="AE140982" i="1"/>
  <c r="AE140983" i="1"/>
  <c r="AE140984" i="1"/>
  <c r="AE140985" i="1"/>
  <c r="AE140986" i="1"/>
  <c r="AE140987" i="1"/>
  <c r="AE140988" i="1"/>
  <c r="AE140989" i="1"/>
  <c r="AE140990" i="1"/>
  <c r="AE140991" i="1"/>
  <c r="AE140992" i="1"/>
  <c r="AE140993" i="1"/>
  <c r="AE140994" i="1"/>
  <c r="AE140995" i="1"/>
  <c r="AE140996" i="1"/>
  <c r="AE140997" i="1"/>
  <c r="AE140998" i="1"/>
  <c r="AE140999" i="1"/>
  <c r="AE141000" i="1"/>
  <c r="AE141001" i="1"/>
  <c r="AE141002" i="1"/>
  <c r="AE141003" i="1"/>
  <c r="AE141004" i="1"/>
  <c r="AE141005" i="1"/>
  <c r="AE141006" i="1"/>
  <c r="AE141007" i="1"/>
  <c r="AE141008" i="1"/>
  <c r="AE141009" i="1"/>
  <c r="AE141010" i="1"/>
  <c r="AE141011" i="1"/>
  <c r="AE141012" i="1"/>
  <c r="AE141013" i="1"/>
  <c r="AE141014" i="1"/>
  <c r="AE141015" i="1"/>
  <c r="AE141016" i="1"/>
  <c r="AE141017" i="1"/>
  <c r="AE141018" i="1"/>
  <c r="AE141019" i="1"/>
  <c r="AE141020" i="1"/>
  <c r="AE141021" i="1"/>
  <c r="AE141022" i="1"/>
  <c r="AE141023" i="1"/>
  <c r="AE141024" i="1"/>
  <c r="AE141025" i="1"/>
  <c r="AE141026" i="1"/>
  <c r="AE141027" i="1"/>
  <c r="AE141028" i="1"/>
  <c r="AE141029" i="1"/>
  <c r="AE141030" i="1"/>
  <c r="AE141031" i="1"/>
  <c r="AE141032" i="1"/>
  <c r="AE141033" i="1"/>
  <c r="AE141034" i="1"/>
  <c r="AE141035" i="1"/>
  <c r="AE141036" i="1"/>
  <c r="AE141037" i="1"/>
  <c r="AE141038" i="1"/>
  <c r="AE141039" i="1"/>
  <c r="AE141040" i="1"/>
  <c r="AE141041" i="1"/>
  <c r="AE141042" i="1"/>
  <c r="AE141043" i="1"/>
  <c r="AE141044" i="1"/>
  <c r="AE141045" i="1"/>
  <c r="AE141046" i="1"/>
  <c r="AE141047" i="1"/>
  <c r="AE141048" i="1"/>
  <c r="AE141049" i="1"/>
  <c r="AE141050" i="1"/>
  <c r="AE141051" i="1"/>
  <c r="AE141052" i="1"/>
  <c r="AE141053" i="1"/>
  <c r="AE141054" i="1"/>
  <c r="AE141055" i="1"/>
  <c r="AE141056" i="1"/>
  <c r="AE141057" i="1"/>
  <c r="AE141058" i="1"/>
  <c r="AE141059" i="1"/>
  <c r="AE141060" i="1"/>
  <c r="AE141061" i="1"/>
  <c r="AE141062" i="1"/>
  <c r="AE141063" i="1"/>
  <c r="AE141064" i="1"/>
  <c r="AE141065" i="1"/>
  <c r="AE141066" i="1"/>
  <c r="AE141067" i="1"/>
  <c r="AE141068" i="1"/>
  <c r="AE141069" i="1"/>
  <c r="AE141070" i="1"/>
  <c r="AE141071" i="1"/>
  <c r="AE141072" i="1"/>
  <c r="AE141073" i="1"/>
  <c r="AE141074" i="1"/>
  <c r="AE141075" i="1"/>
  <c r="AE141076" i="1"/>
  <c r="AE141077" i="1"/>
  <c r="AE141078" i="1"/>
  <c r="AE141079" i="1"/>
  <c r="AE141080" i="1"/>
  <c r="AE141081" i="1"/>
  <c r="AE141082" i="1"/>
  <c r="AE141083" i="1"/>
  <c r="AE141084" i="1"/>
  <c r="AE141085" i="1"/>
  <c r="AE141086" i="1"/>
  <c r="AE141087" i="1"/>
  <c r="AE141088" i="1"/>
  <c r="AE141089" i="1"/>
  <c r="AE141090" i="1"/>
  <c r="AE141091" i="1"/>
  <c r="AE141092" i="1"/>
  <c r="AE141093" i="1"/>
  <c r="AE141094" i="1"/>
  <c r="AE141095" i="1"/>
  <c r="AE141096" i="1"/>
  <c r="AE141097" i="1"/>
  <c r="AE141098" i="1"/>
  <c r="AE141099" i="1"/>
  <c r="AE141100" i="1"/>
  <c r="AE141101" i="1"/>
  <c r="AE141102" i="1"/>
  <c r="AE141103" i="1"/>
  <c r="AE141104" i="1"/>
  <c r="AE141105" i="1"/>
  <c r="AE141106" i="1"/>
  <c r="AE141107" i="1"/>
  <c r="AE141108" i="1"/>
  <c r="AE141109" i="1"/>
  <c r="AE141110" i="1"/>
  <c r="AE141111" i="1"/>
  <c r="AE141112" i="1"/>
  <c r="AE141113" i="1"/>
  <c r="AE141114" i="1"/>
  <c r="AE141115" i="1"/>
  <c r="AE141116" i="1"/>
  <c r="AE141117" i="1"/>
  <c r="AE141118" i="1"/>
  <c r="AE141119" i="1"/>
  <c r="AE141120" i="1"/>
  <c r="AE141121" i="1"/>
  <c r="AE141122" i="1"/>
  <c r="AE141123" i="1"/>
  <c r="AE141124" i="1"/>
  <c r="AE141125" i="1"/>
  <c r="AE141126" i="1"/>
  <c r="AE141127" i="1"/>
  <c r="AE141128" i="1"/>
  <c r="AE141129" i="1"/>
  <c r="AE141130" i="1"/>
  <c r="AE141131" i="1"/>
  <c r="AE141132" i="1"/>
  <c r="AE141133" i="1"/>
  <c r="AE141134" i="1"/>
  <c r="AE141135" i="1"/>
  <c r="AE141136" i="1"/>
  <c r="AE141137" i="1"/>
  <c r="AE141138" i="1"/>
  <c r="AE141139" i="1"/>
  <c r="AE141140" i="1"/>
  <c r="AE141141" i="1"/>
  <c r="AE141142" i="1"/>
  <c r="AE141143" i="1"/>
  <c r="AE141144" i="1"/>
  <c r="AE141145" i="1"/>
  <c r="AE141146" i="1"/>
  <c r="AE141147" i="1"/>
  <c r="AE141148" i="1"/>
  <c r="AE141149" i="1"/>
  <c r="AE141150" i="1"/>
  <c r="AE141151" i="1"/>
  <c r="AE141152" i="1"/>
  <c r="AE141153" i="1"/>
  <c r="AE141154" i="1"/>
  <c r="AE141155" i="1"/>
  <c r="AE141156" i="1"/>
  <c r="AE141157" i="1"/>
  <c r="AE141158" i="1"/>
  <c r="AE141159" i="1"/>
  <c r="AE141160" i="1"/>
  <c r="AE141161" i="1"/>
  <c r="AE141162" i="1"/>
  <c r="AE141163" i="1"/>
  <c r="AE141164" i="1"/>
  <c r="AE141165" i="1"/>
  <c r="AE141166" i="1"/>
  <c r="AE141167" i="1"/>
  <c r="AE141168" i="1"/>
  <c r="AE141169" i="1"/>
  <c r="AE141170" i="1"/>
  <c r="AE141171" i="1"/>
  <c r="AE141172" i="1"/>
  <c r="AE141173" i="1"/>
  <c r="AE141174" i="1"/>
  <c r="AE141175" i="1"/>
  <c r="AE141176" i="1"/>
  <c r="AE141177" i="1"/>
  <c r="AE141178" i="1"/>
  <c r="AE141179" i="1"/>
  <c r="AE141180" i="1"/>
  <c r="AE141181" i="1"/>
  <c r="AE141182" i="1"/>
  <c r="AE141183" i="1"/>
  <c r="AE141184" i="1"/>
  <c r="AE141185" i="1"/>
  <c r="AE141186" i="1"/>
  <c r="AE141187" i="1"/>
  <c r="AE141188" i="1"/>
  <c r="AE141189" i="1"/>
  <c r="AE141190" i="1"/>
  <c r="AE141191" i="1"/>
  <c r="AE141192" i="1"/>
  <c r="AE141193" i="1"/>
  <c r="AE141194" i="1"/>
  <c r="AE141195" i="1"/>
  <c r="AE141196" i="1"/>
  <c r="AE141197" i="1"/>
  <c r="AE141198" i="1"/>
  <c r="AE141199" i="1"/>
  <c r="AE141200" i="1"/>
  <c r="AE141201" i="1"/>
  <c r="AE141202" i="1"/>
  <c r="AE141203" i="1"/>
  <c r="AE141204" i="1"/>
  <c r="AE141205" i="1"/>
  <c r="AE141206" i="1"/>
  <c r="AE141207" i="1"/>
  <c r="AE141208" i="1"/>
  <c r="AE141209" i="1"/>
  <c r="AE141210" i="1"/>
  <c r="AE141211" i="1"/>
  <c r="AE141212" i="1"/>
  <c r="AE141213" i="1"/>
  <c r="AE141214" i="1"/>
  <c r="AE141215" i="1"/>
  <c r="AE141216" i="1"/>
  <c r="AE141217" i="1"/>
  <c r="AE141218" i="1"/>
  <c r="AE141219" i="1"/>
  <c r="AE141220" i="1"/>
  <c r="AE141221" i="1"/>
  <c r="AE141222" i="1"/>
  <c r="AE141223" i="1"/>
  <c r="AE141224" i="1"/>
  <c r="AE141225" i="1"/>
  <c r="AE141226" i="1"/>
  <c r="AE141227" i="1"/>
  <c r="AE141228" i="1"/>
  <c r="AE141229" i="1"/>
  <c r="AE141230" i="1"/>
  <c r="AE141231" i="1"/>
  <c r="AE141232" i="1"/>
  <c r="AE141233" i="1"/>
  <c r="AE141234" i="1"/>
  <c r="AE141235" i="1"/>
  <c r="AE141236" i="1"/>
  <c r="AE141237" i="1"/>
  <c r="AE141238" i="1"/>
  <c r="AE141239" i="1"/>
  <c r="AE141240" i="1"/>
  <c r="AE141241" i="1"/>
  <c r="AE141242" i="1"/>
  <c r="AE141243" i="1"/>
  <c r="AE141244" i="1"/>
  <c r="AE141245" i="1"/>
  <c r="AE141246" i="1"/>
  <c r="AE141247" i="1"/>
  <c r="AE141248" i="1"/>
  <c r="AE141249" i="1"/>
  <c r="AE141250" i="1"/>
  <c r="AE141251" i="1"/>
  <c r="AE141252" i="1"/>
  <c r="AE141253" i="1"/>
  <c r="AE141254" i="1"/>
  <c r="AE141255" i="1"/>
  <c r="AE141256" i="1"/>
  <c r="AE141257" i="1"/>
  <c r="AE141258" i="1"/>
  <c r="AE141259" i="1"/>
  <c r="AE141260" i="1"/>
  <c r="AE141261" i="1"/>
  <c r="AE141262" i="1"/>
  <c r="AE141263" i="1"/>
  <c r="AE141264" i="1"/>
  <c r="AE141265" i="1"/>
  <c r="AE141266" i="1"/>
  <c r="AE141267" i="1"/>
  <c r="AE141268" i="1"/>
  <c r="AE141269" i="1"/>
  <c r="AE141270" i="1"/>
  <c r="AE141271" i="1"/>
  <c r="AE141272" i="1"/>
  <c r="AE141273" i="1"/>
  <c r="AE141274" i="1"/>
  <c r="AE141275" i="1"/>
  <c r="AE141276" i="1"/>
  <c r="AE141277" i="1"/>
  <c r="AE141278" i="1"/>
  <c r="AE141279" i="1"/>
  <c r="AE141280" i="1"/>
  <c r="AE141281" i="1"/>
  <c r="AE141282" i="1"/>
  <c r="AE141283" i="1"/>
  <c r="AE141284" i="1"/>
  <c r="AE141285" i="1"/>
  <c r="AE141286" i="1"/>
  <c r="AE141287" i="1"/>
  <c r="AE141288" i="1"/>
  <c r="AE141289" i="1"/>
  <c r="AE141290" i="1"/>
  <c r="AE141291" i="1"/>
  <c r="AE141292" i="1"/>
  <c r="AE141293" i="1"/>
  <c r="AE141294" i="1"/>
  <c r="AE141295" i="1"/>
  <c r="AE141296" i="1"/>
  <c r="AE141297" i="1"/>
  <c r="AE141298" i="1"/>
  <c r="AE141299" i="1"/>
  <c r="AE141300" i="1"/>
  <c r="AE141301" i="1"/>
  <c r="AE141302" i="1"/>
  <c r="AE141303" i="1"/>
  <c r="AE141304" i="1"/>
  <c r="AE141305" i="1"/>
  <c r="AE141306" i="1"/>
  <c r="AE141307" i="1"/>
  <c r="AE141308" i="1"/>
  <c r="AE141309" i="1"/>
  <c r="AE141310" i="1"/>
  <c r="AE141311" i="1"/>
  <c r="AE141312" i="1"/>
  <c r="AE141313" i="1"/>
  <c r="AE141314" i="1"/>
  <c r="AE141315" i="1"/>
  <c r="AE141316" i="1"/>
  <c r="AE141317" i="1"/>
  <c r="AE141318" i="1"/>
  <c r="AE141319" i="1"/>
  <c r="AE141320" i="1"/>
  <c r="AE141321" i="1"/>
  <c r="AE141322" i="1"/>
  <c r="AE141323" i="1"/>
  <c r="AE141324" i="1"/>
  <c r="AE141325" i="1"/>
  <c r="AE141326" i="1"/>
  <c r="AE141327" i="1"/>
  <c r="AE141328" i="1"/>
  <c r="AE141329" i="1"/>
  <c r="AE141330" i="1"/>
  <c r="AE141331" i="1"/>
  <c r="AE141332" i="1"/>
  <c r="AE141333" i="1"/>
  <c r="AE141334" i="1"/>
  <c r="AE141335" i="1"/>
  <c r="AE141336" i="1"/>
  <c r="AE141337" i="1"/>
  <c r="AE141338" i="1"/>
  <c r="AE141339" i="1"/>
  <c r="AE141340" i="1"/>
  <c r="AE141341" i="1"/>
  <c r="AE141342" i="1"/>
  <c r="AE141343" i="1"/>
  <c r="AE141344" i="1"/>
  <c r="AE141345" i="1"/>
  <c r="AE141346" i="1"/>
  <c r="AE141347" i="1"/>
  <c r="AE141348" i="1"/>
  <c r="AE141349" i="1"/>
  <c r="AE141350" i="1"/>
  <c r="AE141351" i="1"/>
  <c r="AE141352" i="1"/>
  <c r="AE141353" i="1"/>
  <c r="AE141354" i="1"/>
  <c r="AE141355" i="1"/>
  <c r="AE141356" i="1"/>
  <c r="AE141357" i="1"/>
  <c r="AE141358" i="1"/>
  <c r="AE141359" i="1"/>
  <c r="AE141360" i="1"/>
  <c r="AE141361" i="1"/>
  <c r="AE141362" i="1"/>
  <c r="AE141363" i="1"/>
  <c r="AE141364" i="1"/>
  <c r="AE141365" i="1"/>
  <c r="AE141366" i="1"/>
  <c r="AE141367" i="1"/>
  <c r="AE141368" i="1"/>
  <c r="AE141369" i="1"/>
  <c r="AE141370" i="1"/>
  <c r="AE141371" i="1"/>
  <c r="AE141372" i="1"/>
  <c r="AE141373" i="1"/>
  <c r="AE141374" i="1"/>
  <c r="AE141375" i="1"/>
  <c r="AE141376" i="1"/>
  <c r="AE141377" i="1"/>
  <c r="AE141378" i="1"/>
  <c r="AE141379" i="1"/>
  <c r="AE141380" i="1"/>
  <c r="AE141381" i="1"/>
  <c r="AE141382" i="1"/>
  <c r="AE141383" i="1"/>
  <c r="AE141384" i="1"/>
  <c r="AE141385" i="1"/>
  <c r="AE141386" i="1"/>
  <c r="AE141387" i="1"/>
  <c r="AE141388" i="1"/>
  <c r="AE141389" i="1"/>
  <c r="AE141390" i="1"/>
  <c r="AE141391" i="1"/>
  <c r="AE141392" i="1"/>
  <c r="AE141393" i="1"/>
  <c r="AE141394" i="1"/>
  <c r="AE141395" i="1"/>
  <c r="AE141396" i="1"/>
  <c r="AE141397" i="1"/>
  <c r="AE141398" i="1"/>
  <c r="AE141399" i="1"/>
  <c r="AE141400" i="1"/>
  <c r="AE141401" i="1"/>
  <c r="AE141402" i="1"/>
  <c r="AE141403" i="1"/>
  <c r="AE141404" i="1"/>
  <c r="AE141405" i="1"/>
  <c r="AE141406" i="1"/>
  <c r="AE141407" i="1"/>
  <c r="AE141408" i="1"/>
  <c r="AE141409" i="1"/>
  <c r="AE141410" i="1"/>
  <c r="AE141411" i="1"/>
  <c r="AE141412" i="1"/>
  <c r="AE141413" i="1"/>
  <c r="AE141414" i="1"/>
  <c r="AE141415" i="1"/>
  <c r="AE141416" i="1"/>
  <c r="AE141417" i="1"/>
  <c r="AE141418" i="1"/>
  <c r="AE141419" i="1"/>
  <c r="AE141420" i="1"/>
  <c r="AE141421" i="1"/>
  <c r="AE141422" i="1"/>
  <c r="AE141423" i="1"/>
  <c r="AE141424" i="1"/>
  <c r="AE141425" i="1"/>
  <c r="AE141426" i="1"/>
  <c r="AE141427" i="1"/>
  <c r="AE141428" i="1"/>
  <c r="AE141429" i="1"/>
  <c r="AE141430" i="1"/>
  <c r="AE141431" i="1"/>
  <c r="AE141432" i="1"/>
  <c r="AE141433" i="1"/>
  <c r="AE141434" i="1"/>
  <c r="AE141435" i="1"/>
  <c r="AE141436" i="1"/>
  <c r="AE141437" i="1"/>
  <c r="AE141438" i="1"/>
  <c r="AE141439" i="1"/>
  <c r="AE141440" i="1"/>
  <c r="AE141441" i="1"/>
  <c r="AE141442" i="1"/>
  <c r="AE141443" i="1"/>
  <c r="AE141444" i="1"/>
  <c r="AE141445" i="1"/>
  <c r="AE141446" i="1"/>
  <c r="AE141447" i="1"/>
  <c r="AE141448" i="1"/>
  <c r="AE141449" i="1"/>
  <c r="AE141450" i="1"/>
  <c r="AE141451" i="1"/>
  <c r="AE141452" i="1"/>
  <c r="AE141453" i="1"/>
  <c r="AE141454" i="1"/>
  <c r="AE141455" i="1"/>
  <c r="AE141456" i="1"/>
  <c r="AE141457" i="1"/>
  <c r="AE141458" i="1"/>
  <c r="AE141459" i="1"/>
  <c r="AE141460" i="1"/>
  <c r="AE141461" i="1"/>
  <c r="AE141462" i="1"/>
  <c r="AE141463" i="1"/>
  <c r="AE141464" i="1"/>
  <c r="AE141465" i="1"/>
  <c r="AE141466" i="1"/>
  <c r="AE141467" i="1"/>
  <c r="AE141468" i="1"/>
  <c r="AE141469" i="1"/>
  <c r="AE141470" i="1"/>
  <c r="AE141471" i="1"/>
  <c r="AE141472" i="1"/>
  <c r="AE141473" i="1"/>
  <c r="AE141474" i="1"/>
  <c r="AE141475" i="1"/>
  <c r="AE141476" i="1"/>
  <c r="AE141477" i="1"/>
  <c r="AE141478" i="1"/>
  <c r="AE141479" i="1"/>
  <c r="AE141480" i="1"/>
  <c r="AE141481" i="1"/>
  <c r="AE141482" i="1"/>
  <c r="AE141483" i="1"/>
  <c r="AE141484" i="1"/>
  <c r="AE141485" i="1"/>
  <c r="AE141486" i="1"/>
  <c r="AE141487" i="1"/>
  <c r="AE141488" i="1"/>
  <c r="AE141489" i="1"/>
  <c r="AE141490" i="1"/>
  <c r="AE141491" i="1"/>
  <c r="AE141492" i="1"/>
  <c r="AE141493" i="1"/>
  <c r="AE141494" i="1"/>
  <c r="AE141495" i="1"/>
  <c r="AE141496" i="1"/>
  <c r="AE141497" i="1"/>
  <c r="AE141498" i="1"/>
  <c r="AE141499" i="1"/>
  <c r="AE141500" i="1"/>
  <c r="AE141501" i="1"/>
  <c r="AE141502" i="1"/>
  <c r="AE141503" i="1"/>
  <c r="AE141504" i="1"/>
  <c r="AE141505" i="1"/>
  <c r="AE141506" i="1"/>
  <c r="AE141507" i="1"/>
  <c r="AE141508" i="1"/>
  <c r="AE141509" i="1"/>
  <c r="AE141510" i="1"/>
  <c r="AE141511" i="1"/>
  <c r="AE141512" i="1"/>
  <c r="AE141513" i="1"/>
  <c r="AE141514" i="1"/>
  <c r="AE141515" i="1"/>
  <c r="AE141516" i="1"/>
  <c r="AE141517" i="1"/>
  <c r="AE141518" i="1"/>
  <c r="AE141519" i="1"/>
  <c r="AE141520" i="1"/>
  <c r="AE141521" i="1"/>
  <c r="AE141522" i="1"/>
  <c r="AE141523" i="1"/>
  <c r="AE141524" i="1"/>
  <c r="AE141525" i="1"/>
  <c r="AE141526" i="1"/>
  <c r="AE141527" i="1"/>
  <c r="AE141528" i="1"/>
  <c r="AE141529" i="1"/>
  <c r="AE141530" i="1"/>
  <c r="AE141531" i="1"/>
  <c r="AE141532" i="1"/>
  <c r="AE141533" i="1"/>
  <c r="AE141534" i="1"/>
  <c r="AE141535" i="1"/>
  <c r="AE141536" i="1"/>
  <c r="AE141537" i="1"/>
  <c r="AE141538" i="1"/>
  <c r="AE141539" i="1"/>
  <c r="AE141540" i="1"/>
  <c r="AE141541" i="1"/>
  <c r="AE141542" i="1"/>
  <c r="AE141543" i="1"/>
  <c r="AE141544" i="1"/>
  <c r="AE141545" i="1"/>
  <c r="AE141546" i="1"/>
  <c r="AE141547" i="1"/>
  <c r="AE141548" i="1"/>
  <c r="AE141549" i="1"/>
  <c r="AE141550" i="1"/>
  <c r="AE141551" i="1"/>
  <c r="AE141552" i="1"/>
  <c r="AE141553" i="1"/>
  <c r="AE141554" i="1"/>
  <c r="AE141555" i="1"/>
  <c r="AE141556" i="1"/>
  <c r="AE141557" i="1"/>
  <c r="AE141558" i="1"/>
  <c r="AE141559" i="1"/>
  <c r="AE141560" i="1"/>
  <c r="AE141561" i="1"/>
  <c r="AE141562" i="1"/>
  <c r="AE141563" i="1"/>
  <c r="AE141564" i="1"/>
  <c r="AE141565" i="1"/>
  <c r="AE141566" i="1"/>
  <c r="AE141567" i="1"/>
  <c r="AE141568" i="1"/>
  <c r="AE141569" i="1"/>
  <c r="AE141570" i="1"/>
  <c r="AE141571" i="1"/>
  <c r="AE141572" i="1"/>
  <c r="AE141573" i="1"/>
  <c r="AE141574" i="1"/>
  <c r="AE141575" i="1"/>
  <c r="AE141576" i="1"/>
  <c r="AE141577" i="1"/>
  <c r="AE141578" i="1"/>
  <c r="AE141579" i="1"/>
  <c r="AE141580" i="1"/>
  <c r="AE141581" i="1"/>
  <c r="AE141582" i="1"/>
  <c r="AE141583" i="1"/>
  <c r="AE141584" i="1"/>
  <c r="AE141585" i="1"/>
  <c r="AE141586" i="1"/>
  <c r="AE141587" i="1"/>
  <c r="AE141588" i="1"/>
  <c r="AE141589" i="1"/>
  <c r="AE141590" i="1"/>
  <c r="AE141591" i="1"/>
  <c r="AE141592" i="1"/>
  <c r="AE141593" i="1"/>
  <c r="AE141594" i="1"/>
  <c r="AE141595" i="1"/>
  <c r="AE141596" i="1"/>
  <c r="AE141597" i="1"/>
  <c r="AE141598" i="1"/>
  <c r="AE141599" i="1"/>
  <c r="AE141600" i="1"/>
  <c r="AE141601" i="1"/>
  <c r="AE141602" i="1"/>
  <c r="AE141603" i="1"/>
  <c r="AE141604" i="1"/>
  <c r="AE141605" i="1"/>
  <c r="AE141606" i="1"/>
  <c r="AE141607" i="1"/>
  <c r="AE141608" i="1"/>
  <c r="AE141609" i="1"/>
  <c r="AE141610" i="1"/>
  <c r="AE141611" i="1"/>
  <c r="AE141612" i="1"/>
  <c r="AE141613" i="1"/>
  <c r="AE141614" i="1"/>
  <c r="AE141615" i="1"/>
  <c r="AE141616" i="1"/>
  <c r="AE141617" i="1"/>
  <c r="AE141618" i="1"/>
  <c r="AE141619" i="1"/>
  <c r="AE141620" i="1"/>
  <c r="AE141621" i="1"/>
  <c r="AE141622" i="1"/>
  <c r="AE141623" i="1"/>
  <c r="AE141624" i="1"/>
  <c r="AE141625" i="1"/>
  <c r="AE141626" i="1"/>
  <c r="AE141627" i="1"/>
  <c r="AE141628" i="1"/>
  <c r="AE141629" i="1"/>
  <c r="AE141630" i="1"/>
  <c r="AE141631" i="1"/>
  <c r="AE141632" i="1"/>
  <c r="AE141633" i="1"/>
  <c r="AE141634" i="1"/>
  <c r="AE141635" i="1"/>
  <c r="AE141636" i="1"/>
  <c r="AE141637" i="1"/>
  <c r="AE141638" i="1"/>
  <c r="AE141639" i="1"/>
  <c r="AE141640" i="1"/>
  <c r="AE141641" i="1"/>
  <c r="AE141642" i="1"/>
  <c r="AE141643" i="1"/>
  <c r="AE141644" i="1"/>
  <c r="AE141645" i="1"/>
  <c r="AE141646" i="1"/>
  <c r="AE141647" i="1"/>
  <c r="AE141648" i="1"/>
  <c r="AE141649" i="1"/>
  <c r="AE141650" i="1"/>
  <c r="AE141651" i="1"/>
  <c r="AE141652" i="1"/>
  <c r="AE141653" i="1"/>
  <c r="AE141654" i="1"/>
  <c r="AE141655" i="1"/>
  <c r="AE141656" i="1"/>
  <c r="AE141657" i="1"/>
  <c r="AE141658" i="1"/>
  <c r="AE141659" i="1"/>
  <c r="AE141660" i="1"/>
  <c r="AE141661" i="1"/>
  <c r="AE141662" i="1"/>
  <c r="AE141663" i="1"/>
  <c r="AE141664" i="1"/>
  <c r="AE141665" i="1"/>
  <c r="AE141666" i="1"/>
  <c r="AE141667" i="1"/>
  <c r="AE141668" i="1"/>
  <c r="AE141669" i="1"/>
  <c r="AE141670" i="1"/>
  <c r="AE141671" i="1"/>
  <c r="AE141672" i="1"/>
  <c r="AE141673" i="1"/>
  <c r="AE141674" i="1"/>
  <c r="AE141675" i="1"/>
  <c r="AE141676" i="1"/>
  <c r="AE141677" i="1"/>
  <c r="AE141678" i="1"/>
  <c r="AE141679" i="1"/>
  <c r="AE141680" i="1"/>
  <c r="AE141681" i="1"/>
  <c r="AE141682" i="1"/>
  <c r="AE141683" i="1"/>
  <c r="AE141684" i="1"/>
  <c r="AE141685" i="1"/>
  <c r="AE141686" i="1"/>
  <c r="AE141687" i="1"/>
  <c r="AE141688" i="1"/>
  <c r="AE141689" i="1"/>
  <c r="AE141690" i="1"/>
  <c r="AE141691" i="1"/>
  <c r="AE141692" i="1"/>
  <c r="AE141693" i="1"/>
  <c r="AE141694" i="1"/>
  <c r="AE141695" i="1"/>
  <c r="AE141696" i="1"/>
  <c r="AE141697" i="1"/>
  <c r="AE141698" i="1"/>
  <c r="AE141699" i="1"/>
  <c r="AE141700" i="1"/>
  <c r="AE141701" i="1"/>
  <c r="AE141702" i="1"/>
  <c r="AE141703" i="1"/>
  <c r="AE141704" i="1"/>
  <c r="AE141705" i="1"/>
  <c r="AE141706" i="1"/>
  <c r="AE141707" i="1"/>
  <c r="AE141708" i="1"/>
  <c r="AE141709" i="1"/>
  <c r="AE141710" i="1"/>
  <c r="AE141711" i="1"/>
  <c r="AE141712" i="1"/>
  <c r="AE141713" i="1"/>
  <c r="AE141714" i="1"/>
  <c r="AE141715" i="1"/>
  <c r="AE141716" i="1"/>
  <c r="AE141717" i="1"/>
  <c r="AE141718" i="1"/>
  <c r="AE141719" i="1"/>
  <c r="AE141720" i="1"/>
  <c r="AE141721" i="1"/>
  <c r="AE141722" i="1"/>
  <c r="AE141723" i="1"/>
  <c r="AE141724" i="1"/>
  <c r="AE141725" i="1"/>
  <c r="AE141726" i="1"/>
  <c r="AE141727" i="1"/>
  <c r="AE141728" i="1"/>
  <c r="AE141729" i="1"/>
  <c r="AE141730" i="1"/>
  <c r="AE141731" i="1"/>
  <c r="AE141732" i="1"/>
  <c r="AE141733" i="1"/>
  <c r="AE141734" i="1"/>
  <c r="AE141735" i="1"/>
  <c r="AE141736" i="1"/>
  <c r="AE141737" i="1"/>
  <c r="AE141738" i="1"/>
  <c r="AE141739" i="1"/>
  <c r="AE141740" i="1"/>
  <c r="AE141741" i="1"/>
  <c r="AE141742" i="1"/>
  <c r="AE141743" i="1"/>
  <c r="AE141744" i="1"/>
  <c r="AE141745" i="1"/>
  <c r="AE141746" i="1"/>
  <c r="AE141747" i="1"/>
  <c r="AE141748" i="1"/>
  <c r="AE141749" i="1"/>
  <c r="AE141750" i="1"/>
  <c r="AE141751" i="1"/>
  <c r="AE141752" i="1"/>
  <c r="AE141753" i="1"/>
  <c r="AE141754" i="1"/>
  <c r="AE141755" i="1"/>
  <c r="AE141756" i="1"/>
  <c r="AE141757" i="1"/>
  <c r="AE141758" i="1"/>
  <c r="AE141759" i="1"/>
  <c r="AE141760" i="1"/>
  <c r="AE141761" i="1"/>
  <c r="AE141762" i="1"/>
  <c r="AE141763" i="1"/>
  <c r="AE141764" i="1"/>
  <c r="AE141765" i="1"/>
  <c r="AE141766" i="1"/>
  <c r="AE141767" i="1"/>
  <c r="AE141768" i="1"/>
  <c r="AE141769" i="1"/>
  <c r="AE141770" i="1"/>
  <c r="AE141771" i="1"/>
  <c r="AE141772" i="1"/>
  <c r="AE141773" i="1"/>
  <c r="AE141774" i="1"/>
  <c r="AE141775" i="1"/>
  <c r="AE141776" i="1"/>
  <c r="AE141777" i="1"/>
  <c r="AE141778" i="1"/>
  <c r="AE141779" i="1"/>
  <c r="AE141780" i="1"/>
  <c r="AE141781" i="1"/>
  <c r="AE141782" i="1"/>
  <c r="AE141783" i="1"/>
  <c r="AE141784" i="1"/>
  <c r="AE141785" i="1"/>
  <c r="AE141786" i="1"/>
  <c r="AE141787" i="1"/>
  <c r="AE141788" i="1"/>
  <c r="AE141789" i="1"/>
  <c r="AE141790" i="1"/>
  <c r="AE141791" i="1"/>
  <c r="AE141792" i="1"/>
  <c r="AE141793" i="1"/>
  <c r="AE141794" i="1"/>
  <c r="AE141795" i="1"/>
  <c r="AE141796" i="1"/>
  <c r="AE141797" i="1"/>
  <c r="AE141798" i="1"/>
  <c r="AE141799" i="1"/>
  <c r="AE141800" i="1"/>
  <c r="AE141801" i="1"/>
  <c r="AE141802" i="1"/>
  <c r="AE141803" i="1"/>
  <c r="AE141804" i="1"/>
  <c r="AE141805" i="1"/>
  <c r="AE141806" i="1"/>
  <c r="AE141807" i="1"/>
  <c r="AE141808" i="1"/>
  <c r="AE141809" i="1"/>
  <c r="AE141810" i="1"/>
  <c r="AE141811" i="1"/>
  <c r="AE141812" i="1"/>
  <c r="AE141813" i="1"/>
  <c r="AE141814" i="1"/>
  <c r="AE141815" i="1"/>
  <c r="AE141816" i="1"/>
  <c r="AE141817" i="1"/>
  <c r="AE141818" i="1"/>
  <c r="AE141819" i="1"/>
  <c r="AE141820" i="1"/>
  <c r="AE141821" i="1"/>
  <c r="AE141822" i="1"/>
  <c r="AE141823" i="1"/>
  <c r="AE141824" i="1"/>
  <c r="AE141825" i="1"/>
  <c r="AE141826" i="1"/>
  <c r="AE141827" i="1"/>
  <c r="AE141828" i="1"/>
  <c r="AE141829" i="1"/>
  <c r="AE141830" i="1"/>
  <c r="AE141831" i="1"/>
  <c r="AE141832" i="1"/>
  <c r="AE141833" i="1"/>
  <c r="AE141834" i="1"/>
  <c r="AE141835" i="1"/>
  <c r="AE141836" i="1"/>
  <c r="AE141837" i="1"/>
  <c r="AE141838" i="1"/>
  <c r="AE141839" i="1"/>
  <c r="AE141840" i="1"/>
  <c r="AE141841" i="1"/>
  <c r="AE141842" i="1"/>
  <c r="AE141843" i="1"/>
  <c r="AE141844" i="1"/>
  <c r="AE141845" i="1"/>
  <c r="AE141846" i="1"/>
  <c r="AE141847" i="1"/>
  <c r="AE141848" i="1"/>
  <c r="AE141849" i="1"/>
  <c r="AE141850" i="1"/>
  <c r="AE141851" i="1"/>
  <c r="AE141852" i="1"/>
  <c r="AE141853" i="1"/>
  <c r="AE141854" i="1"/>
  <c r="AE141855" i="1"/>
  <c r="AE141856" i="1"/>
  <c r="AE141857" i="1"/>
  <c r="AE141858" i="1"/>
  <c r="AE141859" i="1"/>
  <c r="AE141860" i="1"/>
  <c r="AE141861" i="1"/>
  <c r="AE141862" i="1"/>
  <c r="AE141863" i="1"/>
  <c r="AE141864" i="1"/>
  <c r="AE141865" i="1"/>
  <c r="AE141866" i="1"/>
  <c r="AE141867" i="1"/>
  <c r="AE141868" i="1"/>
  <c r="AE141869" i="1"/>
  <c r="AE141870" i="1"/>
  <c r="AE141871" i="1"/>
  <c r="AE141872" i="1"/>
  <c r="AE141873" i="1"/>
  <c r="AE141874" i="1"/>
  <c r="AE141875" i="1"/>
  <c r="AE141876" i="1"/>
  <c r="AE141877" i="1"/>
  <c r="AE141878" i="1"/>
  <c r="AE141879" i="1"/>
  <c r="AE141880" i="1"/>
  <c r="AE141881" i="1"/>
  <c r="AE141882" i="1"/>
  <c r="AE141883" i="1"/>
  <c r="AE141884" i="1"/>
  <c r="AE141885" i="1"/>
  <c r="AE141886" i="1"/>
  <c r="AE141887" i="1"/>
  <c r="AE141888" i="1"/>
  <c r="AE141889" i="1"/>
  <c r="AE141890" i="1"/>
  <c r="AE141891" i="1"/>
  <c r="AE141892" i="1"/>
  <c r="AE141893" i="1"/>
  <c r="AE141894" i="1"/>
  <c r="AE141895" i="1"/>
  <c r="AE141896" i="1"/>
  <c r="AE141897" i="1"/>
  <c r="AE141898" i="1"/>
  <c r="AE141899" i="1"/>
  <c r="AE141900" i="1"/>
  <c r="AE141901" i="1"/>
  <c r="AE141902" i="1"/>
  <c r="AE141903" i="1"/>
  <c r="AE141904" i="1"/>
  <c r="AE141905" i="1"/>
  <c r="AE141906" i="1"/>
  <c r="AE141907" i="1"/>
  <c r="AE141908" i="1"/>
  <c r="AE141909" i="1"/>
  <c r="AE141910" i="1"/>
  <c r="AE141911" i="1"/>
  <c r="AE141912" i="1"/>
  <c r="AE141913" i="1"/>
  <c r="AE141914" i="1"/>
  <c r="AE141915" i="1"/>
  <c r="AE141916" i="1"/>
  <c r="AE141917" i="1"/>
  <c r="AE141918" i="1"/>
  <c r="AE141919" i="1"/>
  <c r="AE141920" i="1"/>
  <c r="AE141921" i="1"/>
  <c r="AE141922" i="1"/>
  <c r="AE141923" i="1"/>
  <c r="AE141924" i="1"/>
  <c r="AE141925" i="1"/>
  <c r="AE141926" i="1"/>
  <c r="AE141927" i="1"/>
  <c r="AE141928" i="1"/>
  <c r="AE141929" i="1"/>
  <c r="AE141930" i="1"/>
  <c r="AE141931" i="1"/>
  <c r="AE141932" i="1"/>
  <c r="AE141933" i="1"/>
  <c r="AE141934" i="1"/>
  <c r="AE141935" i="1"/>
  <c r="AE141936" i="1"/>
  <c r="AE141937" i="1"/>
  <c r="AE141938" i="1"/>
  <c r="AE141939" i="1"/>
  <c r="AE141940" i="1"/>
  <c r="AE141941" i="1"/>
  <c r="AE141942" i="1"/>
  <c r="AE141943" i="1"/>
  <c r="AE141944" i="1"/>
  <c r="AE141945" i="1"/>
  <c r="AE141946" i="1"/>
  <c r="AE141947" i="1"/>
  <c r="AE141948" i="1"/>
  <c r="AE141949" i="1"/>
  <c r="AE141950" i="1"/>
  <c r="AE141951" i="1"/>
  <c r="AE141952" i="1"/>
  <c r="AE141953" i="1"/>
  <c r="AE141954" i="1"/>
  <c r="AE141955" i="1"/>
  <c r="AE141956" i="1"/>
  <c r="AE141957" i="1"/>
  <c r="AE141958" i="1"/>
  <c r="AE141959" i="1"/>
  <c r="AE141960" i="1"/>
  <c r="AE141961" i="1"/>
  <c r="AE141962" i="1"/>
  <c r="AE141963" i="1"/>
  <c r="AE141964" i="1"/>
  <c r="AE141965" i="1"/>
  <c r="AE141966" i="1"/>
  <c r="AE141967" i="1"/>
  <c r="AE141968" i="1"/>
  <c r="AE141969" i="1"/>
  <c r="AE141970" i="1"/>
  <c r="AE141971" i="1"/>
  <c r="AE141972" i="1"/>
  <c r="AE141973" i="1"/>
  <c r="AE141974" i="1"/>
  <c r="AE141975" i="1"/>
  <c r="AE141976" i="1"/>
  <c r="AE141977" i="1"/>
  <c r="AE141978" i="1"/>
  <c r="AE141979" i="1"/>
  <c r="AE141980" i="1"/>
  <c r="AE141981" i="1"/>
  <c r="AE141982" i="1"/>
  <c r="AE141983" i="1"/>
  <c r="AE141984" i="1"/>
  <c r="AE141985" i="1"/>
  <c r="AE141986" i="1"/>
  <c r="AE141987" i="1"/>
  <c r="AE141988" i="1"/>
  <c r="AE141989" i="1"/>
  <c r="AE141990" i="1"/>
  <c r="AE141991" i="1"/>
  <c r="AE141992" i="1"/>
  <c r="AE141993" i="1"/>
  <c r="AE141994" i="1"/>
  <c r="AE141995" i="1"/>
  <c r="AE141996" i="1"/>
  <c r="AE141997" i="1"/>
  <c r="AE141998" i="1"/>
  <c r="AE141999" i="1"/>
  <c r="AE142000" i="1"/>
  <c r="AE142001" i="1"/>
  <c r="AE142002" i="1"/>
  <c r="AE142003" i="1"/>
  <c r="AE142004" i="1"/>
  <c r="AE142005" i="1"/>
  <c r="AE142006" i="1"/>
  <c r="AE142007" i="1"/>
  <c r="AE142008" i="1"/>
  <c r="AE142009" i="1"/>
  <c r="AE142010" i="1"/>
  <c r="AE142011" i="1"/>
  <c r="AE142012" i="1"/>
  <c r="AE142013" i="1"/>
  <c r="AE142014" i="1"/>
  <c r="AE142015" i="1"/>
  <c r="AE142016" i="1"/>
  <c r="AE142017" i="1"/>
  <c r="AE142018" i="1"/>
  <c r="AE142019" i="1"/>
  <c r="AE142020" i="1"/>
  <c r="AE142021" i="1"/>
  <c r="AE142022" i="1"/>
  <c r="AE142023" i="1"/>
  <c r="AE142024" i="1"/>
  <c r="AE142025" i="1"/>
  <c r="AE142026" i="1"/>
  <c r="AE142027" i="1"/>
  <c r="AE142028" i="1"/>
  <c r="AE142029" i="1"/>
  <c r="AE142030" i="1"/>
  <c r="AE142031" i="1"/>
  <c r="AE142032" i="1"/>
  <c r="AE142033" i="1"/>
  <c r="AE142034" i="1"/>
  <c r="AE142035" i="1"/>
  <c r="AE142036" i="1"/>
  <c r="AE142037" i="1"/>
  <c r="AE142038" i="1"/>
  <c r="AE142039" i="1"/>
  <c r="AE142040" i="1"/>
  <c r="AE142041" i="1"/>
  <c r="AE142042" i="1"/>
  <c r="AE142043" i="1"/>
  <c r="AE142044" i="1"/>
  <c r="AE142045" i="1"/>
  <c r="AE142046" i="1"/>
  <c r="AE142047" i="1"/>
  <c r="AE142048" i="1"/>
  <c r="AE142049" i="1"/>
  <c r="AE142050" i="1"/>
  <c r="AE142051" i="1"/>
  <c r="AE142052" i="1"/>
  <c r="AE142053" i="1"/>
  <c r="AE142054" i="1"/>
  <c r="AE142055" i="1"/>
  <c r="AE142056" i="1"/>
  <c r="AE142057" i="1"/>
  <c r="AE142058" i="1"/>
  <c r="AE142059" i="1"/>
  <c r="AE142060" i="1"/>
  <c r="AE142061" i="1"/>
  <c r="AE142062" i="1"/>
  <c r="AE142063" i="1"/>
  <c r="AE142064" i="1"/>
  <c r="AE142065" i="1"/>
  <c r="AE142066" i="1"/>
  <c r="AE142067" i="1"/>
  <c r="AE142068" i="1"/>
  <c r="AE142069" i="1"/>
  <c r="AE142070" i="1"/>
  <c r="AE142071" i="1"/>
  <c r="AE142072" i="1"/>
  <c r="AE142073" i="1"/>
  <c r="AE142074" i="1"/>
  <c r="AE142075" i="1"/>
  <c r="AE142076" i="1"/>
  <c r="AE142077" i="1"/>
  <c r="AE142078" i="1"/>
  <c r="AE142079" i="1"/>
  <c r="AE142080" i="1"/>
  <c r="AE142081" i="1"/>
  <c r="AE142082" i="1"/>
  <c r="AE142083" i="1"/>
  <c r="AE142084" i="1"/>
  <c r="AE142085" i="1"/>
  <c r="AE142086" i="1"/>
  <c r="AE142087" i="1"/>
  <c r="AE142088" i="1"/>
  <c r="AE142089" i="1"/>
  <c r="AE142090" i="1"/>
  <c r="AE142091" i="1"/>
  <c r="AE142092" i="1"/>
  <c r="AE142093" i="1"/>
  <c r="AE142094" i="1"/>
  <c r="AE142095" i="1"/>
  <c r="AE142096" i="1"/>
  <c r="AE142097" i="1"/>
  <c r="AE142098" i="1"/>
  <c r="AE142099" i="1"/>
  <c r="AE142100" i="1"/>
  <c r="AE142101" i="1"/>
  <c r="AE142102" i="1"/>
  <c r="AE142103" i="1"/>
  <c r="AE142104" i="1"/>
  <c r="AE142105" i="1"/>
  <c r="AE142106" i="1"/>
  <c r="AE142107" i="1"/>
  <c r="AE142108" i="1"/>
  <c r="AE142109" i="1"/>
  <c r="AE142110" i="1"/>
  <c r="AE142111" i="1"/>
  <c r="AE142112" i="1"/>
  <c r="AE142113" i="1"/>
  <c r="AE142114" i="1"/>
  <c r="AE142115" i="1"/>
  <c r="AE142116" i="1"/>
  <c r="AE142117" i="1"/>
  <c r="AE142118" i="1"/>
  <c r="AE142119" i="1"/>
  <c r="AE142120" i="1"/>
  <c r="AE142121" i="1"/>
  <c r="AE142122" i="1"/>
  <c r="AE142123" i="1"/>
  <c r="AE142124" i="1"/>
  <c r="AE142125" i="1"/>
  <c r="AE142126" i="1"/>
  <c r="AE142127" i="1"/>
  <c r="AE142128" i="1"/>
  <c r="AE142129" i="1"/>
  <c r="AE142130" i="1"/>
  <c r="AE142131" i="1"/>
  <c r="AE142132" i="1"/>
  <c r="AE142133" i="1"/>
  <c r="AE142134" i="1"/>
  <c r="AE142135" i="1"/>
  <c r="AE142136" i="1"/>
  <c r="AE142137" i="1"/>
  <c r="AE142138" i="1"/>
  <c r="AE142139" i="1"/>
  <c r="AE142140" i="1"/>
  <c r="AE142141" i="1"/>
  <c r="AE142142" i="1"/>
  <c r="AE142143" i="1"/>
  <c r="AE142144" i="1"/>
  <c r="AE142145" i="1"/>
  <c r="AE142146" i="1"/>
  <c r="AE142147" i="1"/>
  <c r="AE142148" i="1"/>
  <c r="AE142149" i="1"/>
  <c r="AE142150" i="1"/>
  <c r="AE142151" i="1"/>
  <c r="AE142152" i="1"/>
  <c r="AE142153" i="1"/>
  <c r="AE142154" i="1"/>
  <c r="AE142155" i="1"/>
  <c r="AE142156" i="1"/>
  <c r="AE142157" i="1"/>
  <c r="AE142158" i="1"/>
  <c r="AE142159" i="1"/>
  <c r="AE142160" i="1"/>
  <c r="AE142161" i="1"/>
  <c r="AE142162" i="1"/>
  <c r="AE142163" i="1"/>
  <c r="AE142164" i="1"/>
  <c r="AE142165" i="1"/>
  <c r="AE142166" i="1"/>
  <c r="AE142167" i="1"/>
  <c r="AE142168" i="1"/>
  <c r="AE142169" i="1"/>
  <c r="AE142170" i="1"/>
  <c r="AE142171" i="1"/>
  <c r="AE142172" i="1"/>
  <c r="AE142173" i="1"/>
  <c r="AE142174" i="1"/>
  <c r="AE142175" i="1"/>
  <c r="AE142176" i="1"/>
  <c r="AE142177" i="1"/>
  <c r="AE142178" i="1"/>
  <c r="AE142179" i="1"/>
  <c r="AE142180" i="1"/>
  <c r="AE142181" i="1"/>
  <c r="AE142182" i="1"/>
  <c r="AE142183" i="1"/>
  <c r="AE142184" i="1"/>
  <c r="AE142185" i="1"/>
  <c r="AE142186" i="1"/>
  <c r="AE142187" i="1"/>
  <c r="AE142188" i="1"/>
  <c r="AE142189" i="1"/>
  <c r="AE142190" i="1"/>
  <c r="AE142191" i="1"/>
  <c r="AE142192" i="1"/>
  <c r="AE142193" i="1"/>
  <c r="AE142194" i="1"/>
  <c r="AE142195" i="1"/>
  <c r="AE142196" i="1"/>
  <c r="AE142197" i="1"/>
  <c r="AE142198" i="1"/>
  <c r="AE142199" i="1"/>
  <c r="AE142200" i="1"/>
  <c r="AE142201" i="1"/>
  <c r="AE142202" i="1"/>
  <c r="AE142203" i="1"/>
  <c r="AE142204" i="1"/>
  <c r="AE142205" i="1"/>
  <c r="AE142206" i="1"/>
  <c r="AE142207" i="1"/>
  <c r="AE142208" i="1"/>
  <c r="AE142209" i="1"/>
  <c r="AE142210" i="1"/>
  <c r="AE142211" i="1"/>
  <c r="AE142212" i="1"/>
  <c r="AE142213" i="1"/>
  <c r="AE142214" i="1"/>
  <c r="AE142215" i="1"/>
  <c r="AE142216" i="1"/>
  <c r="AE142217" i="1"/>
  <c r="AE142218" i="1"/>
  <c r="AE142219" i="1"/>
  <c r="AE142220" i="1"/>
  <c r="AE142221" i="1"/>
  <c r="AE142222" i="1"/>
  <c r="AE142223" i="1"/>
  <c r="AE142224" i="1"/>
  <c r="AE142225" i="1"/>
  <c r="AE142226" i="1"/>
  <c r="AE142227" i="1"/>
  <c r="AE142228" i="1"/>
  <c r="AE142229" i="1"/>
  <c r="AE142230" i="1"/>
  <c r="AE142231" i="1"/>
  <c r="AE142232" i="1"/>
  <c r="AE142233" i="1"/>
  <c r="AE142234" i="1"/>
  <c r="AE142235" i="1"/>
  <c r="AE142236" i="1"/>
  <c r="AE142237" i="1"/>
  <c r="AE142238" i="1"/>
  <c r="AE142239" i="1"/>
  <c r="AE142240" i="1"/>
  <c r="AE142241" i="1"/>
  <c r="AE142242" i="1"/>
  <c r="AE142243" i="1"/>
  <c r="AE142244" i="1"/>
  <c r="AE142245" i="1"/>
  <c r="AE142246" i="1"/>
  <c r="AE142247" i="1"/>
  <c r="AE142248" i="1"/>
  <c r="AE142249" i="1"/>
  <c r="AE142250" i="1"/>
  <c r="AE142251" i="1"/>
  <c r="AE142252" i="1"/>
  <c r="AE142253" i="1"/>
  <c r="AE142254" i="1"/>
  <c r="AE142255" i="1"/>
  <c r="AE142256" i="1"/>
  <c r="AE142257" i="1"/>
  <c r="AE142258" i="1"/>
  <c r="AE142259" i="1"/>
  <c r="AE142260" i="1"/>
  <c r="AE142261" i="1"/>
  <c r="AE142262" i="1"/>
  <c r="AE142263" i="1"/>
  <c r="AE142264" i="1"/>
  <c r="AE142265" i="1"/>
  <c r="AE142266" i="1"/>
  <c r="AE142267" i="1"/>
  <c r="AE142268" i="1"/>
  <c r="AE142269" i="1"/>
  <c r="AE142270" i="1"/>
  <c r="AE142271" i="1"/>
  <c r="AE142272" i="1"/>
  <c r="AE142273" i="1"/>
  <c r="AE142274" i="1"/>
  <c r="AE142275" i="1"/>
  <c r="AE142276" i="1"/>
  <c r="AE142277" i="1"/>
  <c r="AE142278" i="1"/>
  <c r="AE142279" i="1"/>
  <c r="AE142280" i="1"/>
  <c r="AE142281" i="1"/>
  <c r="AE142282" i="1"/>
  <c r="AE142283" i="1"/>
  <c r="AE142284" i="1"/>
  <c r="AE142285" i="1"/>
  <c r="AE142286" i="1"/>
  <c r="AE142287" i="1"/>
  <c r="AE142288" i="1"/>
  <c r="AE142289" i="1"/>
  <c r="AE142290" i="1"/>
  <c r="AE142291" i="1"/>
  <c r="AE142292" i="1"/>
  <c r="AE142293" i="1"/>
  <c r="AE142294" i="1"/>
  <c r="AE142295" i="1"/>
  <c r="AE142296" i="1"/>
  <c r="AE142297" i="1"/>
  <c r="AE142298" i="1"/>
  <c r="AE142299" i="1"/>
  <c r="AE142300" i="1"/>
  <c r="AE142301" i="1"/>
  <c r="AE142302" i="1"/>
  <c r="AE142303" i="1"/>
  <c r="AE142304" i="1"/>
  <c r="AE142305" i="1"/>
  <c r="AE142306" i="1"/>
  <c r="AE142307" i="1"/>
  <c r="AE142308" i="1"/>
  <c r="AE142309" i="1"/>
  <c r="AE142310" i="1"/>
  <c r="AE142311" i="1"/>
  <c r="AE142312" i="1"/>
  <c r="AE142313" i="1"/>
  <c r="AE142314" i="1"/>
  <c r="AE142315" i="1"/>
  <c r="AE142316" i="1"/>
  <c r="AE142317" i="1"/>
  <c r="AE142318" i="1"/>
  <c r="AE142319" i="1"/>
  <c r="AE142320" i="1"/>
  <c r="AE142321" i="1"/>
  <c r="AE142322" i="1"/>
  <c r="AE142323" i="1"/>
  <c r="AE142324" i="1"/>
  <c r="AE142325" i="1"/>
  <c r="AE142326" i="1"/>
  <c r="AE142327" i="1"/>
  <c r="AE142328" i="1"/>
  <c r="AE142329" i="1"/>
  <c r="AE142330" i="1"/>
  <c r="AE142331" i="1"/>
  <c r="AE142332" i="1"/>
  <c r="AE142333" i="1"/>
  <c r="AE142334" i="1"/>
  <c r="AE142335" i="1"/>
  <c r="AE142336" i="1"/>
  <c r="AE142337" i="1"/>
  <c r="AE142338" i="1"/>
  <c r="AE142339" i="1"/>
  <c r="AE142340" i="1"/>
  <c r="AE142341" i="1"/>
  <c r="AE142342" i="1"/>
  <c r="AE142343" i="1"/>
  <c r="AE142344" i="1"/>
  <c r="AE142345" i="1"/>
  <c r="AE142346" i="1"/>
  <c r="AE142347" i="1"/>
  <c r="AE142348" i="1"/>
  <c r="AE142349" i="1"/>
  <c r="AE142350" i="1"/>
  <c r="AE142351" i="1"/>
  <c r="AE142352" i="1"/>
  <c r="AE142353" i="1"/>
  <c r="AE142354" i="1"/>
  <c r="AE142355" i="1"/>
  <c r="AE142356" i="1"/>
  <c r="AE142357" i="1"/>
  <c r="AE142358" i="1"/>
  <c r="AE142359" i="1"/>
  <c r="AE142360" i="1"/>
  <c r="AE142361" i="1"/>
  <c r="AE142362" i="1"/>
  <c r="AE142363" i="1"/>
  <c r="AE142364" i="1"/>
  <c r="AE142365" i="1"/>
  <c r="AE142366" i="1"/>
  <c r="AE142367" i="1"/>
  <c r="AE142368" i="1"/>
  <c r="AE142369" i="1"/>
  <c r="AE142370" i="1"/>
  <c r="AE142371" i="1"/>
  <c r="AE142372" i="1"/>
  <c r="AE142373" i="1"/>
  <c r="AE142374" i="1"/>
  <c r="AE142375" i="1"/>
  <c r="AE142376" i="1"/>
  <c r="AE142377" i="1"/>
  <c r="AE142378" i="1"/>
  <c r="AE142379" i="1"/>
  <c r="AE142380" i="1"/>
  <c r="AE142381" i="1"/>
  <c r="AE142382" i="1"/>
  <c r="AE142383" i="1"/>
  <c r="AE142384" i="1"/>
  <c r="AE142385" i="1"/>
  <c r="AE142386" i="1"/>
  <c r="AE142387" i="1"/>
  <c r="AE142388" i="1"/>
  <c r="AE142389" i="1"/>
  <c r="AE142390" i="1"/>
  <c r="AE142391" i="1"/>
  <c r="AE142392" i="1"/>
  <c r="AE142393" i="1"/>
  <c r="AE142394" i="1"/>
  <c r="AE142395" i="1"/>
  <c r="AE142396" i="1"/>
  <c r="AE142397" i="1"/>
  <c r="AE142398" i="1"/>
  <c r="AE142399" i="1"/>
  <c r="AE142400" i="1"/>
  <c r="AE142401" i="1"/>
  <c r="AE142402" i="1"/>
  <c r="AE142403" i="1"/>
  <c r="AE142404" i="1"/>
  <c r="AE142405" i="1"/>
  <c r="AE142406" i="1"/>
  <c r="AE142407" i="1"/>
  <c r="AE142408" i="1"/>
  <c r="AE142409" i="1"/>
  <c r="AE142410" i="1"/>
  <c r="AE142411" i="1"/>
  <c r="AE142412" i="1"/>
  <c r="AE142413" i="1"/>
  <c r="AE142414" i="1"/>
  <c r="AE142415" i="1"/>
  <c r="AE142416" i="1"/>
  <c r="AE142417" i="1"/>
  <c r="AE142418" i="1"/>
  <c r="AE142419" i="1"/>
  <c r="AE142420" i="1"/>
  <c r="AE142421" i="1"/>
  <c r="AE142422" i="1"/>
  <c r="AE142423" i="1"/>
  <c r="AE142424" i="1"/>
  <c r="AE142425" i="1"/>
  <c r="AE142426" i="1"/>
  <c r="AE142427" i="1"/>
  <c r="AE142428" i="1"/>
  <c r="AE142429" i="1"/>
  <c r="AE142430" i="1"/>
  <c r="AE142431" i="1"/>
  <c r="AE142432" i="1"/>
  <c r="AE142433" i="1"/>
  <c r="AE142434" i="1"/>
  <c r="AE142435" i="1"/>
  <c r="AE142436" i="1"/>
  <c r="AE142437" i="1"/>
  <c r="AE142438" i="1"/>
  <c r="AE142439" i="1"/>
  <c r="AE142440" i="1"/>
  <c r="AE142441" i="1"/>
  <c r="AE142442" i="1"/>
  <c r="AE142443" i="1"/>
  <c r="AE142444" i="1"/>
  <c r="AE142445" i="1"/>
  <c r="AE142446" i="1"/>
  <c r="AE142447" i="1"/>
  <c r="AE142448" i="1"/>
  <c r="AE142449" i="1"/>
  <c r="AE142450" i="1"/>
  <c r="AE142451" i="1"/>
  <c r="AE142452" i="1"/>
  <c r="AE142453" i="1"/>
  <c r="AE142454" i="1"/>
  <c r="AE142455" i="1"/>
  <c r="AE142456" i="1"/>
  <c r="AE142457" i="1"/>
  <c r="AE142458" i="1"/>
  <c r="AE142459" i="1"/>
  <c r="AE142460" i="1"/>
  <c r="AE142461" i="1"/>
  <c r="AE142462" i="1"/>
  <c r="AE142463" i="1"/>
  <c r="AE142464" i="1"/>
  <c r="AE142465" i="1"/>
  <c r="AE142466" i="1"/>
  <c r="AE142467" i="1"/>
  <c r="AE142468" i="1"/>
  <c r="AE142469" i="1"/>
  <c r="AE142470" i="1"/>
  <c r="AE142471" i="1"/>
  <c r="AE142472" i="1"/>
  <c r="AE142473" i="1"/>
  <c r="AE142474" i="1"/>
  <c r="AE142475" i="1"/>
  <c r="AE142476" i="1"/>
  <c r="AE142477" i="1"/>
  <c r="AE142478" i="1"/>
  <c r="AE142479" i="1"/>
  <c r="AE142480" i="1"/>
  <c r="AE142481" i="1"/>
  <c r="AE142482" i="1"/>
  <c r="AE142483" i="1"/>
  <c r="AE142484" i="1"/>
  <c r="AE142485" i="1"/>
  <c r="AE142486" i="1"/>
  <c r="AE142487" i="1"/>
  <c r="AE142488" i="1"/>
  <c r="AE142489" i="1"/>
  <c r="AE142490" i="1"/>
  <c r="AE142491" i="1"/>
  <c r="AE142492" i="1"/>
  <c r="AE142493" i="1"/>
  <c r="AE142494" i="1"/>
  <c r="AE142495" i="1"/>
  <c r="AE142496" i="1"/>
  <c r="AE142497" i="1"/>
  <c r="AE142498" i="1"/>
  <c r="AE142499" i="1"/>
  <c r="AE142500" i="1"/>
  <c r="AE142501" i="1"/>
  <c r="AE142502" i="1"/>
  <c r="AE142503" i="1"/>
  <c r="AE142504" i="1"/>
  <c r="AE142505" i="1"/>
  <c r="AE142506" i="1"/>
  <c r="AE142507" i="1"/>
  <c r="AE142508" i="1"/>
  <c r="AE142509" i="1"/>
  <c r="AE142510" i="1"/>
  <c r="AE142511" i="1"/>
  <c r="AE142512" i="1"/>
  <c r="AE142513" i="1"/>
  <c r="AE142514" i="1"/>
  <c r="AE142515" i="1"/>
  <c r="AE142516" i="1"/>
  <c r="AE142517" i="1"/>
  <c r="AE142518" i="1"/>
  <c r="AE142519" i="1"/>
  <c r="AE142520" i="1"/>
  <c r="AE142521" i="1"/>
  <c r="AE142522" i="1"/>
  <c r="AE142523" i="1"/>
  <c r="AE142524" i="1"/>
  <c r="AE142525" i="1"/>
  <c r="AE142526" i="1"/>
  <c r="AE142527" i="1"/>
  <c r="AE142528" i="1"/>
  <c r="AE142529" i="1"/>
  <c r="AE142530" i="1"/>
  <c r="AE142531" i="1"/>
  <c r="AE142532" i="1"/>
  <c r="AE142533" i="1"/>
  <c r="AE142534" i="1"/>
  <c r="AE142535" i="1"/>
  <c r="AE142536" i="1"/>
  <c r="AE142537" i="1"/>
  <c r="AE142538" i="1"/>
  <c r="AE142539" i="1"/>
  <c r="AE142540" i="1"/>
  <c r="AE142541" i="1"/>
  <c r="AE142542" i="1"/>
  <c r="AE142543" i="1"/>
  <c r="AE142544" i="1"/>
  <c r="AE142545" i="1"/>
  <c r="AE142546" i="1"/>
  <c r="AE142547" i="1"/>
  <c r="AE142548" i="1"/>
  <c r="AE142549" i="1"/>
  <c r="AE142550" i="1"/>
  <c r="AE142551" i="1"/>
  <c r="AE142552" i="1"/>
  <c r="AE142553" i="1"/>
  <c r="AE142554" i="1"/>
  <c r="AE142555" i="1"/>
  <c r="AE142556" i="1"/>
  <c r="AE142557" i="1"/>
  <c r="AE142558" i="1"/>
  <c r="AE142559" i="1"/>
  <c r="AE142560" i="1"/>
  <c r="AE142561" i="1"/>
  <c r="AE142562" i="1"/>
  <c r="AE142563" i="1"/>
  <c r="AE142564" i="1"/>
  <c r="AE142565" i="1"/>
  <c r="AE142566" i="1"/>
  <c r="AE142567" i="1"/>
  <c r="AE142568" i="1"/>
  <c r="AE142569" i="1"/>
  <c r="AE142570" i="1"/>
  <c r="AE142571" i="1"/>
  <c r="AE142572" i="1"/>
  <c r="AE142573" i="1"/>
  <c r="AE142574" i="1"/>
  <c r="AE142575" i="1"/>
  <c r="AE142576" i="1"/>
  <c r="AE142577" i="1"/>
  <c r="AE142578" i="1"/>
  <c r="AE142579" i="1"/>
  <c r="AE142580" i="1"/>
  <c r="AE142581" i="1"/>
  <c r="AE142582" i="1"/>
  <c r="AE142583" i="1"/>
  <c r="AE142584" i="1"/>
  <c r="AE142585" i="1"/>
  <c r="AE142586" i="1"/>
  <c r="AE142587" i="1"/>
  <c r="AE142588" i="1"/>
  <c r="AE142589" i="1"/>
  <c r="AE142590" i="1"/>
  <c r="AE142591" i="1"/>
  <c r="AE142592" i="1"/>
  <c r="AE142593" i="1"/>
  <c r="AE142594" i="1"/>
  <c r="AE142595" i="1"/>
  <c r="AE142596" i="1"/>
  <c r="AE142597" i="1"/>
  <c r="AE142598" i="1"/>
  <c r="AE142599" i="1"/>
  <c r="AE142600" i="1"/>
  <c r="AE142601" i="1"/>
  <c r="AE142602" i="1"/>
  <c r="AE142603" i="1"/>
  <c r="AE142604" i="1"/>
  <c r="AE142605" i="1"/>
  <c r="AE142606" i="1"/>
  <c r="AE142607" i="1"/>
  <c r="AE142608" i="1"/>
  <c r="AE142609" i="1"/>
  <c r="AE142610" i="1"/>
  <c r="AE142611" i="1"/>
  <c r="AE142612" i="1"/>
  <c r="AE142613" i="1"/>
  <c r="AE142614" i="1"/>
  <c r="AE142615" i="1"/>
  <c r="AE142616" i="1"/>
  <c r="AE142617" i="1"/>
  <c r="AE142618" i="1"/>
  <c r="AE142619" i="1"/>
  <c r="AE142620" i="1"/>
  <c r="AE142621" i="1"/>
  <c r="AE142622" i="1"/>
  <c r="AE142623" i="1"/>
  <c r="AE142624" i="1"/>
  <c r="AE142625" i="1"/>
  <c r="AE142626" i="1"/>
  <c r="AE142627" i="1"/>
  <c r="AE142628" i="1"/>
  <c r="AE142629" i="1"/>
  <c r="AE142630" i="1"/>
  <c r="AE142631" i="1"/>
  <c r="AE142632" i="1"/>
  <c r="AE142633" i="1"/>
  <c r="AE142634" i="1"/>
  <c r="AE142635" i="1"/>
  <c r="AE142636" i="1"/>
  <c r="AE142637" i="1"/>
  <c r="AE142638" i="1"/>
  <c r="AE142639" i="1"/>
  <c r="AE142640" i="1"/>
  <c r="AE142641" i="1"/>
  <c r="AE142642" i="1"/>
  <c r="AE142643" i="1"/>
  <c r="AE142644" i="1"/>
  <c r="AE142645" i="1"/>
  <c r="AE142646" i="1"/>
  <c r="AE142647" i="1"/>
  <c r="AE142648" i="1"/>
  <c r="AE142649" i="1"/>
  <c r="AE142650" i="1"/>
  <c r="AE142651" i="1"/>
  <c r="AE142652" i="1"/>
  <c r="AE142653" i="1"/>
  <c r="AE142654" i="1"/>
  <c r="AE142655" i="1"/>
  <c r="AE142656" i="1"/>
  <c r="AE142657" i="1"/>
  <c r="AE142658" i="1"/>
  <c r="AE142659" i="1"/>
  <c r="AE142660" i="1"/>
  <c r="AE142661" i="1"/>
  <c r="AE142662" i="1"/>
  <c r="AE142663" i="1"/>
  <c r="AE142664" i="1"/>
  <c r="AE142665" i="1"/>
  <c r="AE142666" i="1"/>
  <c r="AE142667" i="1"/>
  <c r="AE142668" i="1"/>
  <c r="AE142669" i="1"/>
  <c r="AE142670" i="1"/>
  <c r="AE142671" i="1"/>
  <c r="AE142672" i="1"/>
  <c r="AE142673" i="1"/>
  <c r="AE142674" i="1"/>
  <c r="AE142675" i="1"/>
  <c r="AE142676" i="1"/>
  <c r="AE142677" i="1"/>
  <c r="AE142678" i="1"/>
  <c r="AE142679" i="1"/>
  <c r="AE142680" i="1"/>
  <c r="AE142681" i="1"/>
  <c r="AE142682" i="1"/>
  <c r="AE142683" i="1"/>
  <c r="AE142684" i="1"/>
  <c r="AE142685" i="1"/>
  <c r="AE142686" i="1"/>
  <c r="AE142687" i="1"/>
  <c r="AE142688" i="1"/>
  <c r="AE142689" i="1"/>
  <c r="AE142690" i="1"/>
  <c r="AE142691" i="1"/>
  <c r="AE142692" i="1"/>
  <c r="AE142693" i="1"/>
  <c r="AE142694" i="1"/>
  <c r="AE142695" i="1"/>
  <c r="AE142696" i="1"/>
  <c r="AE142697" i="1"/>
  <c r="AE142698" i="1"/>
  <c r="AE142699" i="1"/>
  <c r="AE142700" i="1"/>
  <c r="AE142701" i="1"/>
  <c r="AE142702" i="1"/>
  <c r="AE142703" i="1"/>
  <c r="AE142704" i="1"/>
  <c r="AE142705" i="1"/>
  <c r="AE142706" i="1"/>
  <c r="AE142707" i="1"/>
  <c r="AE142708" i="1"/>
  <c r="AE142709" i="1"/>
  <c r="AE142710" i="1"/>
  <c r="AE142711" i="1"/>
  <c r="AE142712" i="1"/>
  <c r="AE142713" i="1"/>
  <c r="AE142714" i="1"/>
  <c r="AE142715" i="1"/>
  <c r="AE142716" i="1"/>
  <c r="AE142717" i="1"/>
  <c r="AE142718" i="1"/>
  <c r="AE142719" i="1"/>
  <c r="AE142720" i="1"/>
  <c r="AE142721" i="1"/>
  <c r="AE142722" i="1"/>
  <c r="AE142723" i="1"/>
  <c r="AE142724" i="1"/>
  <c r="AE142725" i="1"/>
  <c r="AE142726" i="1"/>
  <c r="AE142727" i="1"/>
  <c r="AE142728" i="1"/>
  <c r="AE142729" i="1"/>
  <c r="AE142730" i="1"/>
  <c r="AE142731" i="1"/>
  <c r="AE142732" i="1"/>
  <c r="AE142733" i="1"/>
  <c r="AE142734" i="1"/>
  <c r="AE142735" i="1"/>
  <c r="AE142736" i="1"/>
  <c r="AE142737" i="1"/>
  <c r="AE142738" i="1"/>
  <c r="AE142739" i="1"/>
  <c r="AE142740" i="1"/>
  <c r="AE142741" i="1"/>
  <c r="AE142742" i="1"/>
  <c r="AE142743" i="1"/>
  <c r="AE142744" i="1"/>
  <c r="AE142745" i="1"/>
  <c r="AE142746" i="1"/>
  <c r="AE142747" i="1"/>
  <c r="AE142748" i="1"/>
  <c r="AE142749" i="1"/>
  <c r="AE142750" i="1"/>
  <c r="AE142751" i="1"/>
  <c r="AE142752" i="1"/>
  <c r="AE142753" i="1"/>
  <c r="AE142754" i="1"/>
  <c r="AE142755" i="1"/>
  <c r="AE142756" i="1"/>
  <c r="AE142757" i="1"/>
  <c r="AE142758" i="1"/>
  <c r="AE142759" i="1"/>
  <c r="AE142760" i="1"/>
  <c r="AE142761" i="1"/>
  <c r="AE142762" i="1"/>
  <c r="AE142763" i="1"/>
  <c r="AE142764" i="1"/>
  <c r="AE142765" i="1"/>
  <c r="AE142766" i="1"/>
  <c r="AE142767" i="1"/>
  <c r="AE142768" i="1"/>
  <c r="AE142769" i="1"/>
  <c r="AE142770" i="1"/>
  <c r="AE142771" i="1"/>
  <c r="AE142772" i="1"/>
  <c r="AE142773" i="1"/>
  <c r="AE142774" i="1"/>
  <c r="AE142775" i="1"/>
  <c r="AE142776" i="1"/>
  <c r="AE142777" i="1"/>
  <c r="AE142778" i="1"/>
  <c r="AE142779" i="1"/>
  <c r="AE142780" i="1"/>
  <c r="AE142781" i="1"/>
  <c r="AE142782" i="1"/>
  <c r="AE142783" i="1"/>
  <c r="AE142784" i="1"/>
  <c r="AE142785" i="1"/>
  <c r="AE142786" i="1"/>
  <c r="AE142787" i="1"/>
  <c r="AE142788" i="1"/>
  <c r="AE142789" i="1"/>
  <c r="AE142790" i="1"/>
  <c r="AE142791" i="1"/>
  <c r="AE142792" i="1"/>
  <c r="AE142793" i="1"/>
  <c r="AE142794" i="1"/>
  <c r="AE142795" i="1"/>
  <c r="AE142796" i="1"/>
  <c r="AE142797" i="1"/>
  <c r="AE142798" i="1"/>
  <c r="AE142799" i="1"/>
  <c r="AE142800" i="1"/>
  <c r="AE142801" i="1"/>
  <c r="AE142802" i="1"/>
  <c r="AE142803" i="1"/>
  <c r="AE142804" i="1"/>
  <c r="AE142805" i="1"/>
  <c r="AE142806" i="1"/>
  <c r="AE142807" i="1"/>
  <c r="AE142808" i="1"/>
  <c r="AE142809" i="1"/>
  <c r="AE142810" i="1"/>
  <c r="AE142811" i="1"/>
  <c r="AE142812" i="1"/>
  <c r="AE142813" i="1"/>
  <c r="AE142814" i="1"/>
  <c r="AE142815" i="1"/>
  <c r="AE142816" i="1"/>
  <c r="AE142817" i="1"/>
  <c r="AE142818" i="1"/>
  <c r="AE142819" i="1"/>
  <c r="AE142820" i="1"/>
  <c r="AE142821" i="1"/>
  <c r="AE142822" i="1"/>
  <c r="AE142823" i="1"/>
  <c r="AE142824" i="1"/>
  <c r="AE142825" i="1"/>
  <c r="AE142826" i="1"/>
  <c r="AE142827" i="1"/>
  <c r="AE142828" i="1"/>
  <c r="AE142829" i="1"/>
  <c r="AE142830" i="1"/>
  <c r="AE142831" i="1"/>
  <c r="AE142832" i="1"/>
  <c r="AE142833" i="1"/>
  <c r="AE142834" i="1"/>
  <c r="AE142835" i="1"/>
  <c r="AE142836" i="1"/>
  <c r="AE142837" i="1"/>
  <c r="AE142838" i="1"/>
  <c r="AE142839" i="1"/>
  <c r="AE142840" i="1"/>
  <c r="AE142841" i="1"/>
  <c r="AE142842" i="1"/>
  <c r="AE142843" i="1"/>
  <c r="AE142844" i="1"/>
  <c r="AE142845" i="1"/>
  <c r="AE142846" i="1"/>
  <c r="AE142847" i="1"/>
  <c r="AE142848" i="1"/>
  <c r="AE142849" i="1"/>
  <c r="AE142850" i="1"/>
  <c r="AE142851" i="1"/>
  <c r="AE142852" i="1"/>
  <c r="AE142853" i="1"/>
  <c r="AE142854" i="1"/>
  <c r="AE142855" i="1"/>
  <c r="AE142856" i="1"/>
  <c r="AE142857" i="1"/>
  <c r="AE142858" i="1"/>
  <c r="AE142859" i="1"/>
  <c r="AE142860" i="1"/>
  <c r="AE142861" i="1"/>
  <c r="AE142862" i="1"/>
  <c r="AE142863" i="1"/>
  <c r="AE142864" i="1"/>
  <c r="AE142865" i="1"/>
  <c r="AE142866" i="1"/>
  <c r="AE142867" i="1"/>
  <c r="AE142868" i="1"/>
  <c r="AE142869" i="1"/>
  <c r="AE142870" i="1"/>
  <c r="AE142871" i="1"/>
  <c r="AE142872" i="1"/>
  <c r="AE142873" i="1"/>
  <c r="AE142874" i="1"/>
  <c r="AE142875" i="1"/>
  <c r="AE142876" i="1"/>
  <c r="AE142877" i="1"/>
  <c r="AE142878" i="1"/>
  <c r="AE142879" i="1"/>
  <c r="AE142880" i="1"/>
  <c r="AE142881" i="1"/>
  <c r="AE142882" i="1"/>
  <c r="AE142883" i="1"/>
  <c r="AE142884" i="1"/>
  <c r="AE142885" i="1"/>
  <c r="AE142886" i="1"/>
  <c r="AE142887" i="1"/>
  <c r="AE142888" i="1"/>
  <c r="AE142889" i="1"/>
  <c r="AE142890" i="1"/>
  <c r="AE142891" i="1"/>
  <c r="AE142892" i="1"/>
  <c r="AE142893" i="1"/>
  <c r="AE142894" i="1"/>
  <c r="AE142895" i="1"/>
  <c r="AE142896" i="1"/>
  <c r="AE142897" i="1"/>
  <c r="AE142898" i="1"/>
  <c r="AE142899" i="1"/>
  <c r="AE142900" i="1"/>
  <c r="AE142901" i="1"/>
  <c r="AE142902" i="1"/>
  <c r="AE142903" i="1"/>
  <c r="AE142904" i="1"/>
  <c r="AE142905" i="1"/>
  <c r="AE142906" i="1"/>
  <c r="AE142907" i="1"/>
  <c r="AE142908" i="1"/>
  <c r="AE142909" i="1"/>
  <c r="AE142910" i="1"/>
  <c r="AE142911" i="1"/>
  <c r="AE142912" i="1"/>
  <c r="AE142913" i="1"/>
  <c r="AE142914" i="1"/>
  <c r="AE142915" i="1"/>
  <c r="AE142916" i="1"/>
  <c r="AE142917" i="1"/>
  <c r="AE142918" i="1"/>
  <c r="AE142919" i="1"/>
  <c r="AE142920" i="1"/>
  <c r="AE142921" i="1"/>
  <c r="AE142922" i="1"/>
  <c r="AE142923" i="1"/>
  <c r="AE142924" i="1"/>
  <c r="AE142925" i="1"/>
  <c r="AE142926" i="1"/>
  <c r="AE142927" i="1"/>
  <c r="AE142928" i="1"/>
  <c r="AE142929" i="1"/>
  <c r="AE142930" i="1"/>
  <c r="AE142931" i="1"/>
  <c r="AE142932" i="1"/>
  <c r="AE142933" i="1"/>
  <c r="AE142934" i="1"/>
  <c r="AE142935" i="1"/>
  <c r="AE142936" i="1"/>
  <c r="AE142937" i="1"/>
  <c r="AE142938" i="1"/>
  <c r="AE142939" i="1"/>
  <c r="AE142940" i="1"/>
  <c r="AE142941" i="1"/>
  <c r="AE142942" i="1"/>
  <c r="AE142943" i="1"/>
  <c r="AE142944" i="1"/>
  <c r="AE142945" i="1"/>
  <c r="AE142946" i="1"/>
  <c r="AE142947" i="1"/>
  <c r="AE142948" i="1"/>
  <c r="AE142949" i="1"/>
  <c r="AE142950" i="1"/>
  <c r="AE142951" i="1"/>
  <c r="AE142952" i="1"/>
  <c r="AE142953" i="1"/>
  <c r="AE142954" i="1"/>
  <c r="AE142955" i="1"/>
  <c r="AE142956" i="1"/>
  <c r="AE142957" i="1"/>
  <c r="AE142958" i="1"/>
  <c r="AE142959" i="1"/>
  <c r="AE142960" i="1"/>
  <c r="AE142961" i="1"/>
  <c r="AE142962" i="1"/>
  <c r="AE142963" i="1"/>
  <c r="AE142964" i="1"/>
  <c r="AE142965" i="1"/>
  <c r="AE142966" i="1"/>
  <c r="AE142967" i="1"/>
  <c r="AE142968" i="1"/>
  <c r="AE142969" i="1"/>
  <c r="AE142970" i="1"/>
  <c r="AE142971" i="1"/>
  <c r="AE142972" i="1"/>
  <c r="AE142973" i="1"/>
  <c r="AE142974" i="1"/>
  <c r="AE142975" i="1"/>
  <c r="AE142976" i="1"/>
  <c r="AE142977" i="1"/>
  <c r="AE142978" i="1"/>
  <c r="AE142979" i="1"/>
  <c r="AE142980" i="1"/>
  <c r="AE142981" i="1"/>
  <c r="AE142982" i="1"/>
  <c r="AE142983" i="1"/>
  <c r="AE142984" i="1"/>
  <c r="AE142985" i="1"/>
  <c r="AE142986" i="1"/>
  <c r="AE142987" i="1"/>
  <c r="AE142988" i="1"/>
  <c r="AE142989" i="1"/>
  <c r="AE142990" i="1"/>
  <c r="AE142991" i="1"/>
  <c r="AE142992" i="1"/>
  <c r="AE142993" i="1"/>
  <c r="AE142994" i="1"/>
  <c r="AE142995" i="1"/>
  <c r="AE142996" i="1"/>
  <c r="AE142997" i="1"/>
  <c r="AE142998" i="1"/>
  <c r="AE142999" i="1"/>
  <c r="AE143000" i="1"/>
  <c r="AE143001" i="1"/>
  <c r="AE143002" i="1"/>
  <c r="AE143003" i="1"/>
  <c r="AE143004" i="1"/>
  <c r="AE143005" i="1"/>
  <c r="AE143006" i="1"/>
  <c r="AE143007" i="1"/>
  <c r="AE143008" i="1"/>
  <c r="AE143009" i="1"/>
  <c r="AE143010" i="1"/>
  <c r="AE143011" i="1"/>
  <c r="AE143012" i="1"/>
  <c r="AE143013" i="1"/>
  <c r="AE143014" i="1"/>
  <c r="AE143015" i="1"/>
  <c r="AE143016" i="1"/>
  <c r="AE143017" i="1"/>
  <c r="AE143018" i="1"/>
  <c r="AE143019" i="1"/>
  <c r="AE143020" i="1"/>
  <c r="AE143021" i="1"/>
  <c r="AE143022" i="1"/>
  <c r="AE143023" i="1"/>
  <c r="AE143024" i="1"/>
  <c r="AE143025" i="1"/>
  <c r="AE143026" i="1"/>
  <c r="AE143027" i="1"/>
  <c r="AE143028" i="1"/>
  <c r="AE143029" i="1"/>
  <c r="AE143030" i="1"/>
  <c r="AE143031" i="1"/>
  <c r="AE143032" i="1"/>
  <c r="AE143033" i="1"/>
  <c r="AE143034" i="1"/>
  <c r="AE143035" i="1"/>
  <c r="AE143036" i="1"/>
  <c r="AE143037" i="1"/>
  <c r="AE143038" i="1"/>
  <c r="AE143039" i="1"/>
  <c r="AE143040" i="1"/>
  <c r="AE143041" i="1"/>
  <c r="AE143042" i="1"/>
  <c r="AE143043" i="1"/>
  <c r="AE143044" i="1"/>
  <c r="AE143045" i="1"/>
  <c r="AE143046" i="1"/>
  <c r="AE143047" i="1"/>
  <c r="AE143048" i="1"/>
  <c r="AE143049" i="1"/>
  <c r="AE143050" i="1"/>
  <c r="AE143051" i="1"/>
  <c r="AE143052" i="1"/>
  <c r="AE143053" i="1"/>
  <c r="AE143054" i="1"/>
  <c r="AE143055" i="1"/>
  <c r="AE143056" i="1"/>
  <c r="AE143057" i="1"/>
  <c r="AE143058" i="1"/>
  <c r="AE143059" i="1"/>
  <c r="AE143060" i="1"/>
  <c r="AE143061" i="1"/>
  <c r="AE143062" i="1"/>
  <c r="AE143063" i="1"/>
  <c r="AE143064" i="1"/>
  <c r="AE143065" i="1"/>
  <c r="AE143066" i="1"/>
  <c r="AE143067" i="1"/>
  <c r="AE143068" i="1"/>
  <c r="AE143069" i="1"/>
  <c r="AE143070" i="1"/>
  <c r="AE143071" i="1"/>
  <c r="AE143072" i="1"/>
  <c r="AE143073" i="1"/>
  <c r="AE143074" i="1"/>
  <c r="AE143075" i="1"/>
  <c r="AE143076" i="1"/>
  <c r="AE143077" i="1"/>
  <c r="AE143078" i="1"/>
  <c r="AE143079" i="1"/>
  <c r="AE143080" i="1"/>
  <c r="AE143081" i="1"/>
  <c r="AE143082" i="1"/>
  <c r="AE143083" i="1"/>
  <c r="AE143084" i="1"/>
  <c r="AE143085" i="1"/>
  <c r="AE143086" i="1"/>
  <c r="AE143087" i="1"/>
  <c r="AE143088" i="1"/>
  <c r="AE143089" i="1"/>
  <c r="AE143090" i="1"/>
  <c r="AE143091" i="1"/>
  <c r="AE143092" i="1"/>
  <c r="AE143093" i="1"/>
  <c r="AE143094" i="1"/>
  <c r="AE143095" i="1"/>
  <c r="AE143096" i="1"/>
  <c r="AE143097" i="1"/>
  <c r="AE143098" i="1"/>
  <c r="AE143099" i="1"/>
  <c r="AE143100" i="1"/>
  <c r="AE143101" i="1"/>
  <c r="AE143102" i="1"/>
  <c r="AE143103" i="1"/>
  <c r="AE143104" i="1"/>
  <c r="AE143105" i="1"/>
  <c r="AE143106" i="1"/>
  <c r="AE143107" i="1"/>
  <c r="AE143108" i="1"/>
  <c r="AE143109" i="1"/>
  <c r="AE143110" i="1"/>
  <c r="AE143111" i="1"/>
  <c r="AE143112" i="1"/>
  <c r="AE143113" i="1"/>
  <c r="AE143114" i="1"/>
  <c r="AE143115" i="1"/>
  <c r="AE143116" i="1"/>
  <c r="AE143117" i="1"/>
  <c r="AE143118" i="1"/>
  <c r="AE143119" i="1"/>
  <c r="AE143120" i="1"/>
  <c r="AE143121" i="1"/>
  <c r="AE143122" i="1"/>
  <c r="AE143123" i="1"/>
  <c r="AE143124" i="1"/>
  <c r="AE143125" i="1"/>
  <c r="AE143126" i="1"/>
  <c r="AE143127" i="1"/>
  <c r="AE143128" i="1"/>
  <c r="AE143129" i="1"/>
  <c r="AE143130" i="1"/>
  <c r="AE143131" i="1"/>
  <c r="AE143132" i="1"/>
  <c r="AE143133" i="1"/>
  <c r="AE143134" i="1"/>
  <c r="AE143135" i="1"/>
  <c r="AE143136" i="1"/>
  <c r="AE143137" i="1"/>
  <c r="AE143138" i="1"/>
  <c r="AE143139" i="1"/>
  <c r="AE143140" i="1"/>
  <c r="AE143141" i="1"/>
  <c r="AE143142" i="1"/>
  <c r="AE143143" i="1"/>
  <c r="AE143144" i="1"/>
  <c r="AE143145" i="1"/>
  <c r="AE143146" i="1"/>
  <c r="AE143147" i="1"/>
  <c r="AE143148" i="1"/>
  <c r="AE143149" i="1"/>
  <c r="AE143150" i="1"/>
  <c r="AE143151" i="1"/>
  <c r="AE143152" i="1"/>
  <c r="AE143153" i="1"/>
  <c r="AE143154" i="1"/>
  <c r="AE143155" i="1"/>
  <c r="AE143156" i="1"/>
  <c r="AE143157" i="1"/>
  <c r="AE143158" i="1"/>
  <c r="AE143159" i="1"/>
  <c r="AE143160" i="1"/>
  <c r="AE143161" i="1"/>
  <c r="AE143162" i="1"/>
  <c r="AE143163" i="1"/>
  <c r="AE143164" i="1"/>
  <c r="AE143165" i="1"/>
  <c r="AE143166" i="1"/>
  <c r="AE143167" i="1"/>
  <c r="AE143168" i="1"/>
  <c r="AE143169" i="1"/>
  <c r="AE143170" i="1"/>
  <c r="AE143171" i="1"/>
  <c r="AE143172" i="1"/>
  <c r="AE143173" i="1"/>
  <c r="AE143174" i="1"/>
  <c r="AE143175" i="1"/>
  <c r="AE143176" i="1"/>
  <c r="AE143177" i="1"/>
  <c r="AE143178" i="1"/>
  <c r="AE143179" i="1"/>
  <c r="AE143180" i="1"/>
  <c r="AE143181" i="1"/>
  <c r="AE143182" i="1"/>
  <c r="AE143183" i="1"/>
  <c r="AE143184" i="1"/>
  <c r="AE143185" i="1"/>
  <c r="AE143186" i="1"/>
  <c r="AE143187" i="1"/>
  <c r="AE143188" i="1"/>
  <c r="AE143189" i="1"/>
  <c r="AE143190" i="1"/>
  <c r="AE143191" i="1"/>
  <c r="AE143192" i="1"/>
  <c r="AE143193" i="1"/>
  <c r="AE143194" i="1"/>
  <c r="AE143195" i="1"/>
  <c r="AE143196" i="1"/>
  <c r="AE143197" i="1"/>
  <c r="AE143198" i="1"/>
  <c r="AE143199" i="1"/>
  <c r="AE143200" i="1"/>
  <c r="AE143201" i="1"/>
  <c r="AE143202" i="1"/>
  <c r="AE143203" i="1"/>
  <c r="AE143204" i="1"/>
  <c r="AE143205" i="1"/>
  <c r="AE143206" i="1"/>
  <c r="AE143207" i="1"/>
  <c r="AE143208" i="1"/>
  <c r="AE143209" i="1"/>
  <c r="AE143210" i="1"/>
  <c r="AE143211" i="1"/>
  <c r="AE143212" i="1"/>
  <c r="AE143213" i="1"/>
  <c r="AE143214" i="1"/>
  <c r="AE143215" i="1"/>
  <c r="AE143216" i="1"/>
  <c r="AE143217" i="1"/>
  <c r="AE143218" i="1"/>
  <c r="AE143219" i="1"/>
  <c r="AE143220" i="1"/>
  <c r="AE143221" i="1"/>
  <c r="AE143222" i="1"/>
  <c r="AE143223" i="1"/>
  <c r="AE143224" i="1"/>
  <c r="AE143225" i="1"/>
  <c r="AE143226" i="1"/>
  <c r="AE143227" i="1"/>
  <c r="AE143228" i="1"/>
  <c r="AE143229" i="1"/>
  <c r="AE143230" i="1"/>
  <c r="AE143231" i="1"/>
  <c r="AE143232" i="1"/>
  <c r="AE143233" i="1"/>
  <c r="AE143234" i="1"/>
  <c r="AE143235" i="1"/>
  <c r="AE143236" i="1"/>
  <c r="AE143237" i="1"/>
  <c r="AE143238" i="1"/>
  <c r="AE143239" i="1"/>
  <c r="AE143240" i="1"/>
  <c r="AE143241" i="1"/>
  <c r="AE143242" i="1"/>
  <c r="AE143243" i="1"/>
  <c r="AE143244" i="1"/>
  <c r="AE143245" i="1"/>
  <c r="AE143246" i="1"/>
  <c r="AE143247" i="1"/>
  <c r="AE143248" i="1"/>
  <c r="AE143249" i="1"/>
  <c r="AE143250" i="1"/>
  <c r="AE143251" i="1"/>
  <c r="AE143252" i="1"/>
  <c r="AE143253" i="1"/>
  <c r="AE143254" i="1"/>
  <c r="AE143255" i="1"/>
  <c r="AE143256" i="1"/>
  <c r="AE143257" i="1"/>
  <c r="AE143258" i="1"/>
  <c r="AE143259" i="1"/>
  <c r="AE143260" i="1"/>
  <c r="AE143261" i="1"/>
  <c r="AE143262" i="1"/>
  <c r="AE143263" i="1"/>
  <c r="AE143264" i="1"/>
  <c r="AE143265" i="1"/>
  <c r="AE143266" i="1"/>
  <c r="AE143267" i="1"/>
  <c r="AE143268" i="1"/>
  <c r="AE143269" i="1"/>
  <c r="AE143270" i="1"/>
  <c r="AE143271" i="1"/>
  <c r="AE143272" i="1"/>
  <c r="AE143273" i="1"/>
  <c r="AE143274" i="1"/>
  <c r="AE143275" i="1"/>
  <c r="AE143276" i="1"/>
  <c r="AE143277" i="1"/>
  <c r="AE143278" i="1"/>
  <c r="AE143279" i="1"/>
  <c r="AE143280" i="1"/>
  <c r="AE143281" i="1"/>
  <c r="AE143282" i="1"/>
  <c r="AE143283" i="1"/>
  <c r="AE143284" i="1"/>
  <c r="AE143285" i="1"/>
  <c r="AE143286" i="1"/>
  <c r="AE143287" i="1"/>
  <c r="AE143288" i="1"/>
  <c r="AE143289" i="1"/>
  <c r="AE143290" i="1"/>
  <c r="AE143291" i="1"/>
  <c r="AE143292" i="1"/>
  <c r="AE143293" i="1"/>
  <c r="AE143294" i="1"/>
  <c r="AE143295" i="1"/>
  <c r="AE143296" i="1"/>
  <c r="AE143297" i="1"/>
  <c r="AE143298" i="1"/>
  <c r="AE143299" i="1"/>
  <c r="AE143300" i="1"/>
  <c r="AE143301" i="1"/>
  <c r="AE143302" i="1"/>
  <c r="AE143303" i="1"/>
  <c r="AE143304" i="1"/>
  <c r="AE143305" i="1"/>
  <c r="AE143306" i="1"/>
  <c r="AE143307" i="1"/>
  <c r="AE143308" i="1"/>
  <c r="AE143309" i="1"/>
  <c r="AE143310" i="1"/>
  <c r="AE143311" i="1"/>
  <c r="AE143312" i="1"/>
  <c r="AE143313" i="1"/>
  <c r="AE143314" i="1"/>
  <c r="AE143315" i="1"/>
  <c r="AE143316" i="1"/>
  <c r="AE143317" i="1"/>
  <c r="AE143318" i="1"/>
  <c r="AE143319" i="1"/>
  <c r="AE143320" i="1"/>
  <c r="AE143321" i="1"/>
  <c r="AE143322" i="1"/>
  <c r="AE143323" i="1"/>
  <c r="AE143324" i="1"/>
  <c r="AE143325" i="1"/>
  <c r="AE143326" i="1"/>
  <c r="AE143327" i="1"/>
  <c r="AE143328" i="1"/>
  <c r="AE143329" i="1"/>
  <c r="AE143330" i="1"/>
  <c r="AE143331" i="1"/>
  <c r="AE143332" i="1"/>
  <c r="AE143333" i="1"/>
  <c r="AE143334" i="1"/>
  <c r="AE143335" i="1"/>
  <c r="AE143336" i="1"/>
  <c r="AE143337" i="1"/>
  <c r="AE143338" i="1"/>
  <c r="AE143339" i="1"/>
  <c r="AE143340" i="1"/>
  <c r="AE143341" i="1"/>
  <c r="AE143342" i="1"/>
  <c r="AE143343" i="1"/>
  <c r="AE143344" i="1"/>
  <c r="AE143345" i="1"/>
  <c r="AE143346" i="1"/>
  <c r="AE143347" i="1"/>
  <c r="AE143348" i="1"/>
  <c r="AE143349" i="1"/>
  <c r="AE143350" i="1"/>
  <c r="AE143351" i="1"/>
  <c r="AE143352" i="1"/>
  <c r="AE143353" i="1"/>
  <c r="AE143354" i="1"/>
  <c r="AE143355" i="1"/>
  <c r="AE143356" i="1"/>
  <c r="AE143357" i="1"/>
  <c r="AE143358" i="1"/>
  <c r="AE143359" i="1"/>
  <c r="AE143360" i="1"/>
  <c r="AE143361" i="1"/>
  <c r="AE143362" i="1"/>
  <c r="AE143363" i="1"/>
  <c r="AE143364" i="1"/>
  <c r="AE143365" i="1"/>
  <c r="AE143366" i="1"/>
  <c r="AE143367" i="1"/>
  <c r="AE143368" i="1"/>
  <c r="AE143369" i="1"/>
  <c r="AE143370" i="1"/>
  <c r="AE143371" i="1"/>
  <c r="AE143372" i="1"/>
  <c r="AE143373" i="1"/>
  <c r="AE143374" i="1"/>
  <c r="AE143375" i="1"/>
  <c r="AE143376" i="1"/>
  <c r="AE143377" i="1"/>
  <c r="AE143378" i="1"/>
  <c r="AE143379" i="1"/>
  <c r="AE143380" i="1"/>
  <c r="AE143381" i="1"/>
  <c r="AE143382" i="1"/>
  <c r="AE143383" i="1"/>
  <c r="AE143384" i="1"/>
  <c r="AE143385" i="1"/>
  <c r="AE143386" i="1"/>
  <c r="AE143387" i="1"/>
  <c r="AE143388" i="1"/>
  <c r="AE143389" i="1"/>
  <c r="AE143390" i="1"/>
  <c r="AE143391" i="1"/>
  <c r="AE143392" i="1"/>
  <c r="AE143393" i="1"/>
  <c r="AE143394" i="1"/>
  <c r="AE143395" i="1"/>
  <c r="AE143396" i="1"/>
  <c r="AE143397" i="1"/>
  <c r="AE143398" i="1"/>
  <c r="AE143399" i="1"/>
  <c r="AE143400" i="1"/>
  <c r="AE143401" i="1"/>
  <c r="AE143402" i="1"/>
  <c r="AE143403" i="1"/>
  <c r="AE143404" i="1"/>
  <c r="AE143405" i="1"/>
  <c r="AE143406" i="1"/>
  <c r="AE143407" i="1"/>
  <c r="AE143408" i="1"/>
  <c r="AE143409" i="1"/>
  <c r="AE143410" i="1"/>
  <c r="AE143411" i="1"/>
  <c r="AE143412" i="1"/>
  <c r="AE143413" i="1"/>
  <c r="AE143414" i="1"/>
  <c r="AE143415" i="1"/>
  <c r="AE143416" i="1"/>
  <c r="AE143417" i="1"/>
  <c r="AE143418" i="1"/>
  <c r="AE143419" i="1"/>
  <c r="AE143420" i="1"/>
  <c r="AE143421" i="1"/>
  <c r="AE143422" i="1"/>
  <c r="AE143423" i="1"/>
  <c r="AE143424" i="1"/>
  <c r="AE143425" i="1"/>
  <c r="AE143426" i="1"/>
  <c r="AE143427" i="1"/>
  <c r="AE143428" i="1"/>
  <c r="AE143429" i="1"/>
  <c r="AE143430" i="1"/>
  <c r="AE143431" i="1"/>
  <c r="AE143432" i="1"/>
  <c r="AE143433" i="1"/>
  <c r="AE143434" i="1"/>
  <c r="AE143435" i="1"/>
  <c r="AE143436" i="1"/>
  <c r="AE143437" i="1"/>
  <c r="AE143438" i="1"/>
  <c r="AE143439" i="1"/>
  <c r="AE143440" i="1"/>
  <c r="AE143441" i="1"/>
  <c r="AE143442" i="1"/>
  <c r="AE143443" i="1"/>
  <c r="AE143444" i="1"/>
  <c r="AE143445" i="1"/>
  <c r="AE143446" i="1"/>
  <c r="AE143447" i="1"/>
  <c r="AE143448" i="1"/>
  <c r="AE143449" i="1"/>
  <c r="AE143450" i="1"/>
  <c r="AE143451" i="1"/>
  <c r="AE143452" i="1"/>
  <c r="AE143453" i="1"/>
  <c r="AE143454" i="1"/>
  <c r="AE143455" i="1"/>
  <c r="AE143456" i="1"/>
  <c r="AE143457" i="1"/>
  <c r="AE143458" i="1"/>
  <c r="AE143459" i="1"/>
  <c r="AE143460" i="1"/>
  <c r="AE143461" i="1"/>
  <c r="AE143462" i="1"/>
  <c r="AE143463" i="1"/>
  <c r="AE143464" i="1"/>
  <c r="AE143465" i="1"/>
  <c r="AE143466" i="1"/>
  <c r="AE143467" i="1"/>
  <c r="AE143468" i="1"/>
  <c r="AE143469" i="1"/>
  <c r="AE143470" i="1"/>
  <c r="AE143471" i="1"/>
  <c r="AE143472" i="1"/>
  <c r="AE143473" i="1"/>
  <c r="AE143474" i="1"/>
  <c r="AE143475" i="1"/>
  <c r="AE143476" i="1"/>
  <c r="AE143477" i="1"/>
  <c r="AE143478" i="1"/>
  <c r="AE143479" i="1"/>
  <c r="AE143480" i="1"/>
  <c r="AE143481" i="1"/>
  <c r="AE143482" i="1"/>
  <c r="AE143483" i="1"/>
  <c r="AE143484" i="1"/>
  <c r="AE143485" i="1"/>
  <c r="AE143486" i="1"/>
  <c r="AE143487" i="1"/>
  <c r="AE143488" i="1"/>
  <c r="AE143489" i="1"/>
  <c r="AE143490" i="1"/>
  <c r="AE143491" i="1"/>
  <c r="AE143492" i="1"/>
  <c r="AE143493" i="1"/>
  <c r="AE143494" i="1"/>
  <c r="AE143495" i="1"/>
  <c r="AE143496" i="1"/>
  <c r="AE143497" i="1"/>
  <c r="AE143498" i="1"/>
  <c r="AE143499" i="1"/>
  <c r="AE143500" i="1"/>
  <c r="AE143501" i="1"/>
  <c r="AE143502" i="1"/>
  <c r="AE143503" i="1"/>
  <c r="AE143504" i="1"/>
  <c r="AE143505" i="1"/>
  <c r="AE143506" i="1"/>
  <c r="AE143507" i="1"/>
  <c r="AE143508" i="1"/>
  <c r="AE143509" i="1"/>
  <c r="AE143510" i="1"/>
  <c r="AE143511" i="1"/>
  <c r="AE143512" i="1"/>
  <c r="AE143513" i="1"/>
  <c r="AE143514" i="1"/>
  <c r="AE143515" i="1"/>
  <c r="AE143516" i="1"/>
  <c r="AE143517" i="1"/>
  <c r="AE143518" i="1"/>
  <c r="AE143519" i="1"/>
  <c r="AE143520" i="1"/>
  <c r="AE143521" i="1"/>
  <c r="AE143522" i="1"/>
  <c r="AE143523" i="1"/>
  <c r="AE143524" i="1"/>
  <c r="AE143525" i="1"/>
  <c r="AE143526" i="1"/>
  <c r="AE143527" i="1"/>
  <c r="AE143528" i="1"/>
  <c r="AE143529" i="1"/>
  <c r="AE143530" i="1"/>
  <c r="AE143531" i="1"/>
  <c r="AE143532" i="1"/>
  <c r="AE143533" i="1"/>
  <c r="AE143534" i="1"/>
  <c r="AE143535" i="1"/>
  <c r="AE143536" i="1"/>
  <c r="AE143537" i="1"/>
  <c r="AE143538" i="1"/>
  <c r="AE143539" i="1"/>
  <c r="AE143540" i="1"/>
  <c r="AE143541" i="1"/>
  <c r="AE143542" i="1"/>
  <c r="AE143543" i="1"/>
  <c r="AE143544" i="1"/>
  <c r="AE143545" i="1"/>
  <c r="AE143546" i="1"/>
  <c r="AE143547" i="1"/>
  <c r="AE143548" i="1"/>
  <c r="AE143549" i="1"/>
  <c r="AE143550" i="1"/>
  <c r="AE143551" i="1"/>
  <c r="AE143552" i="1"/>
  <c r="AE143553" i="1"/>
  <c r="AE143554" i="1"/>
  <c r="AE143555" i="1"/>
  <c r="AE143556" i="1"/>
  <c r="AE143557" i="1"/>
  <c r="AE143558" i="1"/>
  <c r="AE143559" i="1"/>
  <c r="AE143560" i="1"/>
  <c r="AE143561" i="1"/>
  <c r="AE143562" i="1"/>
  <c r="AE143563" i="1"/>
  <c r="AE143564" i="1"/>
  <c r="AE143565" i="1"/>
  <c r="AE143566" i="1"/>
  <c r="AE143567" i="1"/>
  <c r="AE143568" i="1"/>
  <c r="AE143569" i="1"/>
  <c r="AE143570" i="1"/>
  <c r="AE143571" i="1"/>
  <c r="AE143572" i="1"/>
  <c r="AE143573" i="1"/>
  <c r="AE143574" i="1"/>
  <c r="AE143575" i="1"/>
  <c r="AE143576" i="1"/>
  <c r="AE143577" i="1"/>
  <c r="AE143578" i="1"/>
  <c r="AE143579" i="1"/>
  <c r="AE143580" i="1"/>
  <c r="AE143581" i="1"/>
  <c r="AE143582" i="1"/>
  <c r="AE143583" i="1"/>
  <c r="AE143584" i="1"/>
  <c r="AE143585" i="1"/>
  <c r="AE143586" i="1"/>
  <c r="AE143587" i="1"/>
  <c r="AE143588" i="1"/>
  <c r="AE143589" i="1"/>
  <c r="AE143590" i="1"/>
  <c r="AE143591" i="1"/>
  <c r="AE143592" i="1"/>
  <c r="AE143593" i="1"/>
  <c r="AE143594" i="1"/>
  <c r="AE143595" i="1"/>
  <c r="AE143596" i="1"/>
  <c r="AE143597" i="1"/>
  <c r="AE143598" i="1"/>
  <c r="AE143599" i="1"/>
  <c r="AE143600" i="1"/>
  <c r="AE143601" i="1"/>
  <c r="AE143602" i="1"/>
  <c r="AE143603" i="1"/>
  <c r="AE143604" i="1"/>
  <c r="AE143605" i="1"/>
  <c r="AE143606" i="1"/>
  <c r="AE143607" i="1"/>
  <c r="AE143608" i="1"/>
  <c r="AE143609" i="1"/>
  <c r="AE143610" i="1"/>
  <c r="AE143611" i="1"/>
  <c r="AE143612" i="1"/>
  <c r="AE143613" i="1"/>
  <c r="AE143614" i="1"/>
  <c r="AE143615" i="1"/>
  <c r="AE143616" i="1"/>
  <c r="AE143617" i="1"/>
  <c r="AE143618" i="1"/>
  <c r="AE143619" i="1"/>
  <c r="AE143620" i="1"/>
  <c r="AE143621" i="1"/>
  <c r="AE143622" i="1"/>
  <c r="AE143623" i="1"/>
  <c r="AE143624" i="1"/>
  <c r="AE143625" i="1"/>
  <c r="AE143626" i="1"/>
  <c r="AE143627" i="1"/>
  <c r="AE143628" i="1"/>
  <c r="AE143629" i="1"/>
  <c r="AE143630" i="1"/>
  <c r="AE143631" i="1"/>
  <c r="AE143632" i="1"/>
  <c r="AE143633" i="1"/>
  <c r="AE143634" i="1"/>
  <c r="AE143635" i="1"/>
  <c r="AE143636" i="1"/>
  <c r="AE143637" i="1"/>
  <c r="AE143638" i="1"/>
  <c r="AE143639" i="1"/>
  <c r="AE143640" i="1"/>
  <c r="AE143641" i="1"/>
  <c r="AE143642" i="1"/>
  <c r="AE143643" i="1"/>
  <c r="AE143644" i="1"/>
  <c r="AE143645" i="1"/>
  <c r="AE143646" i="1"/>
  <c r="AE143647" i="1"/>
  <c r="AE143648" i="1"/>
  <c r="AE143649" i="1"/>
  <c r="AE143650" i="1"/>
  <c r="AE143651" i="1"/>
  <c r="AE143652" i="1"/>
  <c r="AE143653" i="1"/>
  <c r="AE143654" i="1"/>
  <c r="AE143655" i="1"/>
  <c r="AE143656" i="1"/>
  <c r="AE143657" i="1"/>
  <c r="AE143658" i="1"/>
  <c r="AE143659" i="1"/>
  <c r="AE143660" i="1"/>
  <c r="AE143661" i="1"/>
  <c r="AE143662" i="1"/>
  <c r="AE143663" i="1"/>
  <c r="AE143664" i="1"/>
  <c r="AE143665" i="1"/>
  <c r="AE143666" i="1"/>
  <c r="AE143667" i="1"/>
  <c r="AE143668" i="1"/>
  <c r="AE143669" i="1"/>
  <c r="AE143670" i="1"/>
  <c r="AE143671" i="1"/>
  <c r="AE143672" i="1"/>
  <c r="AE143673" i="1"/>
  <c r="AE143674" i="1"/>
  <c r="AE143675" i="1"/>
  <c r="AE143676" i="1"/>
  <c r="AE143677" i="1"/>
  <c r="AE143678" i="1"/>
  <c r="AE143679" i="1"/>
  <c r="AE143680" i="1"/>
  <c r="AE143681" i="1"/>
  <c r="AE143682" i="1"/>
  <c r="AE143683" i="1"/>
  <c r="AE143684" i="1"/>
  <c r="AE143685" i="1"/>
  <c r="AE143686" i="1"/>
  <c r="AE143687" i="1"/>
  <c r="AE143688" i="1"/>
  <c r="AE143689" i="1"/>
  <c r="AE143690" i="1"/>
  <c r="AE143691" i="1"/>
  <c r="AE143692" i="1"/>
  <c r="AE143693" i="1"/>
  <c r="AE143694" i="1"/>
  <c r="AE143695" i="1"/>
  <c r="AE143696" i="1"/>
  <c r="AE143697" i="1"/>
  <c r="AE143698" i="1"/>
  <c r="AE143699" i="1"/>
  <c r="AE143700" i="1"/>
  <c r="AE143701" i="1"/>
  <c r="AE143702" i="1"/>
  <c r="AE143703" i="1"/>
  <c r="AE143704" i="1"/>
  <c r="AE143705" i="1"/>
  <c r="AE143706" i="1"/>
  <c r="AE143707" i="1"/>
  <c r="AE143708" i="1"/>
  <c r="AE143709" i="1"/>
  <c r="AE143710" i="1"/>
  <c r="AE143711" i="1"/>
  <c r="AE143712" i="1"/>
  <c r="AE143713" i="1"/>
  <c r="AE143714" i="1"/>
  <c r="AE143715" i="1"/>
  <c r="AE143716" i="1"/>
  <c r="AE143717" i="1"/>
  <c r="AE143718" i="1"/>
  <c r="AE143719" i="1"/>
  <c r="AE143720" i="1"/>
  <c r="AE143721" i="1"/>
  <c r="AE143722" i="1"/>
  <c r="AE143723" i="1"/>
  <c r="AE143724" i="1"/>
  <c r="AE143725" i="1"/>
  <c r="AE143726" i="1"/>
  <c r="AE143727" i="1"/>
  <c r="AE143728" i="1"/>
  <c r="AE143729" i="1"/>
  <c r="AE143730" i="1"/>
  <c r="AE143731" i="1"/>
  <c r="AE143732" i="1"/>
  <c r="AE143733" i="1"/>
  <c r="AE143734" i="1"/>
  <c r="AE143735" i="1"/>
  <c r="AE143736" i="1"/>
  <c r="AE143737" i="1"/>
  <c r="AE143738" i="1"/>
  <c r="AE143739" i="1"/>
  <c r="AE143740" i="1"/>
  <c r="AE143741" i="1"/>
  <c r="AE143742" i="1"/>
  <c r="AE143743" i="1"/>
  <c r="AE143744" i="1"/>
  <c r="AE143745" i="1"/>
  <c r="AE143746" i="1"/>
  <c r="AE143747" i="1"/>
  <c r="AE143748" i="1"/>
  <c r="AE143749" i="1"/>
  <c r="AE143750" i="1"/>
  <c r="AE143751" i="1"/>
  <c r="AE143752" i="1"/>
  <c r="AE143753" i="1"/>
  <c r="AE143754" i="1"/>
  <c r="AE143755" i="1"/>
  <c r="AE143756" i="1"/>
  <c r="AE143757" i="1"/>
  <c r="AE143758" i="1"/>
  <c r="AE143759" i="1"/>
  <c r="AE143760" i="1"/>
  <c r="AE143761" i="1"/>
  <c r="AE143762" i="1"/>
  <c r="AE143763" i="1"/>
  <c r="AE143764" i="1"/>
  <c r="AE143765" i="1"/>
  <c r="AE143766" i="1"/>
  <c r="AE143767" i="1"/>
  <c r="AE143768" i="1"/>
  <c r="AE143769" i="1"/>
  <c r="AE143770" i="1"/>
  <c r="AE143771" i="1"/>
  <c r="AE143772" i="1"/>
  <c r="AE143773" i="1"/>
  <c r="AE143774" i="1"/>
  <c r="AE143775" i="1"/>
  <c r="AE143776" i="1"/>
  <c r="AE143777" i="1"/>
  <c r="AE143778" i="1"/>
  <c r="AE143779" i="1"/>
  <c r="AE143780" i="1"/>
  <c r="AE143781" i="1"/>
  <c r="AE143782" i="1"/>
  <c r="AE143783" i="1"/>
  <c r="AE143784" i="1"/>
  <c r="AE143785" i="1"/>
  <c r="AE143786" i="1"/>
  <c r="AE143787" i="1"/>
  <c r="AE143788" i="1"/>
  <c r="AE143789" i="1"/>
  <c r="AE143790" i="1"/>
  <c r="AE143791" i="1"/>
  <c r="AE143792" i="1"/>
  <c r="AE143793" i="1"/>
  <c r="AE143794" i="1"/>
  <c r="AE143795" i="1"/>
  <c r="AE143796" i="1"/>
  <c r="AE143797" i="1"/>
  <c r="AE143798" i="1"/>
  <c r="AE143799" i="1"/>
  <c r="AE143800" i="1"/>
  <c r="AE143801" i="1"/>
  <c r="AE143802" i="1"/>
  <c r="AE143803" i="1"/>
  <c r="AE143804" i="1"/>
  <c r="AE143805" i="1"/>
  <c r="AE143806" i="1"/>
  <c r="AE143807" i="1"/>
  <c r="AE143808" i="1"/>
  <c r="AE143809" i="1"/>
  <c r="AE143810" i="1"/>
  <c r="AE143811" i="1"/>
  <c r="AE143812" i="1"/>
  <c r="AE143813" i="1"/>
  <c r="AE143814" i="1"/>
  <c r="AE143815" i="1"/>
  <c r="AE143816" i="1"/>
  <c r="AE143817" i="1"/>
  <c r="AE143818" i="1"/>
  <c r="AE143819" i="1"/>
  <c r="AE143820" i="1"/>
  <c r="AE143821" i="1"/>
  <c r="AE143822" i="1"/>
  <c r="AE143823" i="1"/>
  <c r="AE143824" i="1"/>
  <c r="AE143825" i="1"/>
  <c r="AE143826" i="1"/>
  <c r="AE143827" i="1"/>
  <c r="AE143828" i="1"/>
  <c r="AE143829" i="1"/>
  <c r="AE143830" i="1"/>
  <c r="AE143831" i="1"/>
  <c r="AE143832" i="1"/>
  <c r="AE143833" i="1"/>
  <c r="AE143834" i="1"/>
  <c r="AE143835" i="1"/>
  <c r="AE143836" i="1"/>
  <c r="AE143837" i="1"/>
  <c r="AE143838" i="1"/>
  <c r="AE143839" i="1"/>
  <c r="AE143840" i="1"/>
  <c r="AE143841" i="1"/>
  <c r="AE143842" i="1"/>
  <c r="AE143843" i="1"/>
  <c r="AE143844" i="1"/>
  <c r="AE143845" i="1"/>
  <c r="AE143846" i="1"/>
  <c r="AE143847" i="1"/>
  <c r="AE143848" i="1"/>
  <c r="AE143849" i="1"/>
  <c r="AE143850" i="1"/>
  <c r="AE143851" i="1"/>
  <c r="AE143852" i="1"/>
  <c r="AE143853" i="1"/>
  <c r="AE143854" i="1"/>
  <c r="AE143855" i="1"/>
  <c r="AE143856" i="1"/>
  <c r="AE143857" i="1"/>
  <c r="AE143858" i="1"/>
  <c r="AE143859" i="1"/>
  <c r="AE143860" i="1"/>
  <c r="AE143861" i="1"/>
  <c r="AE143862" i="1"/>
  <c r="AE143863" i="1"/>
  <c r="AE143864" i="1"/>
  <c r="AE143865" i="1"/>
  <c r="AE143866" i="1"/>
  <c r="AE143867" i="1"/>
  <c r="AE143868" i="1"/>
  <c r="AE143869" i="1"/>
  <c r="AE143870" i="1"/>
  <c r="AE143871" i="1"/>
  <c r="AE143872" i="1"/>
  <c r="AE143873" i="1"/>
  <c r="AE143874" i="1"/>
  <c r="AE143875" i="1"/>
  <c r="AE143876" i="1"/>
  <c r="AE143877" i="1"/>
  <c r="AE143878" i="1"/>
  <c r="AE143879" i="1"/>
  <c r="AE143880" i="1"/>
  <c r="AE143881" i="1"/>
  <c r="AE143882" i="1"/>
  <c r="AE143883" i="1"/>
  <c r="AE143884" i="1"/>
  <c r="AE143885" i="1"/>
  <c r="AE143886" i="1"/>
  <c r="AE143887" i="1"/>
  <c r="AE143888" i="1"/>
  <c r="AE143889" i="1"/>
  <c r="AE143890" i="1"/>
  <c r="AE143891" i="1"/>
  <c r="AE143892" i="1"/>
  <c r="AE143893" i="1"/>
  <c r="AE143894" i="1"/>
  <c r="AE143895" i="1"/>
  <c r="AE143896" i="1"/>
  <c r="AE143897" i="1"/>
  <c r="AE143898" i="1"/>
  <c r="AE143899" i="1"/>
  <c r="AE143900" i="1"/>
  <c r="AE143901" i="1"/>
  <c r="AE143902" i="1"/>
  <c r="AE143903" i="1"/>
  <c r="AE143904" i="1"/>
  <c r="AE143905" i="1"/>
  <c r="AE143906" i="1"/>
  <c r="AE143907" i="1"/>
  <c r="AE143908" i="1"/>
  <c r="AE143909" i="1"/>
  <c r="AE143910" i="1"/>
  <c r="AE143911" i="1"/>
  <c r="AE143912" i="1"/>
  <c r="AE143913" i="1"/>
  <c r="AE143914" i="1"/>
  <c r="AE143915" i="1"/>
  <c r="AE143916" i="1"/>
  <c r="AE143917" i="1"/>
  <c r="AE143918" i="1"/>
  <c r="AE143919" i="1"/>
  <c r="AE143920" i="1"/>
  <c r="AE143921" i="1"/>
  <c r="AE143922" i="1"/>
  <c r="AE143923" i="1"/>
  <c r="AE143924" i="1"/>
  <c r="AE143925" i="1"/>
  <c r="AE143926" i="1"/>
  <c r="AE143927" i="1"/>
  <c r="AE143928" i="1"/>
  <c r="AE143929" i="1"/>
  <c r="AE143930" i="1"/>
  <c r="AE143931" i="1"/>
  <c r="AE143932" i="1"/>
  <c r="AE143933" i="1"/>
  <c r="AE143934" i="1"/>
  <c r="AE143935" i="1"/>
  <c r="AE143936" i="1"/>
  <c r="AE143937" i="1"/>
  <c r="AE143938" i="1"/>
  <c r="AE143939" i="1"/>
  <c r="AE143940" i="1"/>
  <c r="AE143941" i="1"/>
  <c r="AE143942" i="1"/>
  <c r="AE143943" i="1"/>
  <c r="AE143944" i="1"/>
  <c r="AE143945" i="1"/>
  <c r="AE143946" i="1"/>
  <c r="AE143947" i="1"/>
  <c r="AE143948" i="1"/>
  <c r="AE143949" i="1"/>
  <c r="AE143950" i="1"/>
  <c r="AE143951" i="1"/>
  <c r="AE143952" i="1"/>
  <c r="AE143953" i="1"/>
  <c r="AE143954" i="1"/>
  <c r="AE143955" i="1"/>
  <c r="AE143956" i="1"/>
  <c r="AE143957" i="1"/>
  <c r="AE143958" i="1"/>
  <c r="AE143959" i="1"/>
  <c r="AE143960" i="1"/>
  <c r="AE143961" i="1"/>
  <c r="AE143962" i="1"/>
  <c r="AE143963" i="1"/>
  <c r="AE143964" i="1"/>
  <c r="AE143965" i="1"/>
  <c r="AE143966" i="1"/>
  <c r="AE143967" i="1"/>
  <c r="AE143968" i="1"/>
  <c r="AE143969" i="1"/>
  <c r="AE143970" i="1"/>
  <c r="AE143971" i="1"/>
  <c r="AE143972" i="1"/>
  <c r="AE143973" i="1"/>
  <c r="AE143974" i="1"/>
  <c r="AE143975" i="1"/>
  <c r="AE143976" i="1"/>
  <c r="AE143977" i="1"/>
  <c r="AE143978" i="1"/>
  <c r="AE143979" i="1"/>
  <c r="AE143980" i="1"/>
  <c r="AE143981" i="1"/>
  <c r="AE143982" i="1"/>
  <c r="AE143983" i="1"/>
  <c r="AE143984" i="1"/>
  <c r="AE143985" i="1"/>
  <c r="AE143986" i="1"/>
  <c r="AE143987" i="1"/>
  <c r="AE143988" i="1"/>
  <c r="AE143989" i="1"/>
  <c r="AE143990" i="1"/>
  <c r="AE143991" i="1"/>
  <c r="AE143992" i="1"/>
  <c r="AE143993" i="1"/>
  <c r="AE143994" i="1"/>
  <c r="AE143995" i="1"/>
  <c r="AE143996" i="1"/>
  <c r="AE143997" i="1"/>
  <c r="AE143998" i="1"/>
  <c r="AE143999" i="1"/>
  <c r="AE144000" i="1"/>
  <c r="AE144001" i="1"/>
  <c r="AE144002" i="1"/>
  <c r="AE144003" i="1"/>
  <c r="AE144004" i="1"/>
  <c r="AE144005" i="1"/>
  <c r="AE144006" i="1"/>
  <c r="AE144007" i="1"/>
  <c r="AE144008" i="1"/>
  <c r="AE144009" i="1"/>
  <c r="AE144010" i="1"/>
  <c r="AE144011" i="1"/>
  <c r="AE144012" i="1"/>
  <c r="AE144013" i="1"/>
  <c r="AE144014" i="1"/>
  <c r="AE144015" i="1"/>
  <c r="AE144016" i="1"/>
  <c r="AE144017" i="1"/>
  <c r="AE144018" i="1"/>
  <c r="AE144019" i="1"/>
  <c r="AE144020" i="1"/>
  <c r="AE144021" i="1"/>
  <c r="AE144022" i="1"/>
  <c r="AE144023" i="1"/>
  <c r="AE144024" i="1"/>
  <c r="AE144025" i="1"/>
  <c r="AE144026" i="1"/>
  <c r="AE144027" i="1"/>
  <c r="AE144028" i="1"/>
  <c r="AE144029" i="1"/>
  <c r="AE144030" i="1"/>
  <c r="AE144031" i="1"/>
  <c r="AE144032" i="1"/>
  <c r="AE144033" i="1"/>
  <c r="AE144034" i="1"/>
  <c r="AE144035" i="1"/>
  <c r="AE144036" i="1"/>
  <c r="AE144037" i="1"/>
  <c r="AE144038" i="1"/>
  <c r="AE144039" i="1"/>
  <c r="AE144040" i="1"/>
  <c r="AE144041" i="1"/>
  <c r="AE144042" i="1"/>
  <c r="AE144043" i="1"/>
  <c r="AE144044" i="1"/>
  <c r="AE144045" i="1"/>
  <c r="AE144046" i="1"/>
  <c r="AE144047" i="1"/>
  <c r="AE144048" i="1"/>
  <c r="AE144049" i="1"/>
  <c r="AE144050" i="1"/>
  <c r="AE144051" i="1"/>
  <c r="AE144052" i="1"/>
  <c r="AE144053" i="1"/>
  <c r="AE144054" i="1"/>
  <c r="AE144055" i="1"/>
  <c r="AE144056" i="1"/>
  <c r="AE144057" i="1"/>
  <c r="AE144058" i="1"/>
  <c r="AE144059" i="1"/>
  <c r="AE144060" i="1"/>
  <c r="AE144061" i="1"/>
  <c r="AE144062" i="1"/>
  <c r="AE144063" i="1"/>
  <c r="AE144064" i="1"/>
  <c r="AE144065" i="1"/>
  <c r="AE144066" i="1"/>
  <c r="AE144067" i="1"/>
  <c r="AE144068" i="1"/>
  <c r="AE144069" i="1"/>
  <c r="AE144070" i="1"/>
  <c r="AE144071" i="1"/>
  <c r="AE144072" i="1"/>
  <c r="AE144073" i="1"/>
  <c r="AE144074" i="1"/>
  <c r="AE144075" i="1"/>
  <c r="AE144076" i="1"/>
  <c r="AE144077" i="1"/>
  <c r="AE144078" i="1"/>
  <c r="AE144079" i="1"/>
  <c r="AE144080" i="1"/>
  <c r="AE144081" i="1"/>
  <c r="AE144082" i="1"/>
  <c r="AE144083" i="1"/>
  <c r="AE144084" i="1"/>
  <c r="AE144085" i="1"/>
  <c r="AE144086" i="1"/>
  <c r="AE144087" i="1"/>
  <c r="AE144088" i="1"/>
  <c r="AE144089" i="1"/>
  <c r="AE144090" i="1"/>
  <c r="AE144091" i="1"/>
  <c r="AE144092" i="1"/>
  <c r="AE144093" i="1"/>
  <c r="AE144094" i="1"/>
  <c r="AE144095" i="1"/>
  <c r="AE144096" i="1"/>
  <c r="AE144097" i="1"/>
  <c r="AE144098" i="1"/>
  <c r="AE144099" i="1"/>
  <c r="AE144100" i="1"/>
  <c r="AE144101" i="1"/>
  <c r="AE144102" i="1"/>
  <c r="AE144103" i="1"/>
  <c r="AE144104" i="1"/>
  <c r="AE144105" i="1"/>
  <c r="AE144106" i="1"/>
  <c r="AE144107" i="1"/>
  <c r="AE144108" i="1"/>
  <c r="AE144109" i="1"/>
  <c r="AE144110" i="1"/>
  <c r="AE144111" i="1"/>
  <c r="AE144112" i="1"/>
  <c r="AE144113" i="1"/>
  <c r="AE144114" i="1"/>
  <c r="AE144115" i="1"/>
  <c r="AE144116" i="1"/>
  <c r="AE144117" i="1"/>
  <c r="AE144118" i="1"/>
  <c r="AE144119" i="1"/>
  <c r="AE144120" i="1"/>
  <c r="AE144121" i="1"/>
  <c r="AE144122" i="1"/>
  <c r="AE144123" i="1"/>
  <c r="AE144124" i="1"/>
  <c r="AE144125" i="1"/>
  <c r="AE144126" i="1"/>
  <c r="AE144127" i="1"/>
  <c r="AE144128" i="1"/>
  <c r="AE144129" i="1"/>
  <c r="AE144130" i="1"/>
  <c r="AE144131" i="1"/>
  <c r="AE144132" i="1"/>
  <c r="AE144133" i="1"/>
  <c r="AE144134" i="1"/>
  <c r="AE144135" i="1"/>
  <c r="AE144136" i="1"/>
  <c r="AE144137" i="1"/>
  <c r="AE144138" i="1"/>
  <c r="AE144139" i="1"/>
  <c r="AE144140" i="1"/>
  <c r="AE144141" i="1"/>
  <c r="AE144142" i="1"/>
  <c r="AE144143" i="1"/>
  <c r="AE144144" i="1"/>
  <c r="AE144145" i="1"/>
  <c r="AE144146" i="1"/>
  <c r="AE144147" i="1"/>
  <c r="AE144148" i="1"/>
  <c r="AE144149" i="1"/>
  <c r="AE144150" i="1"/>
  <c r="AE144151" i="1"/>
  <c r="AE144152" i="1"/>
  <c r="AE144153" i="1"/>
  <c r="AE144154" i="1"/>
  <c r="AE144155" i="1"/>
  <c r="AE144156" i="1"/>
  <c r="AE144157" i="1"/>
  <c r="AE144158" i="1"/>
  <c r="AE144159" i="1"/>
  <c r="AE144160" i="1"/>
  <c r="AE144161" i="1"/>
  <c r="AE144162" i="1"/>
  <c r="AE144163" i="1"/>
  <c r="AE144164" i="1"/>
  <c r="AE144165" i="1"/>
  <c r="AE144166" i="1"/>
  <c r="AE144167" i="1"/>
  <c r="AE144168" i="1"/>
  <c r="AE144169" i="1"/>
  <c r="AE144170" i="1"/>
  <c r="AE144171" i="1"/>
  <c r="AE144172" i="1"/>
  <c r="AE144173" i="1"/>
  <c r="AE144174" i="1"/>
  <c r="AE144175" i="1"/>
  <c r="AE144176" i="1"/>
  <c r="AE144177" i="1"/>
  <c r="AE144178" i="1"/>
  <c r="AE144179" i="1"/>
  <c r="AE144180" i="1"/>
  <c r="AE144181" i="1"/>
  <c r="AE144182" i="1"/>
  <c r="AE144183" i="1"/>
  <c r="AE144184" i="1"/>
  <c r="AE144185" i="1"/>
  <c r="AE144186" i="1"/>
  <c r="AE144187" i="1"/>
  <c r="AE144188" i="1"/>
  <c r="AE144189" i="1"/>
  <c r="AE144190" i="1"/>
  <c r="AE144191" i="1"/>
  <c r="AE144192" i="1"/>
  <c r="AE144193" i="1"/>
  <c r="AE144194" i="1"/>
  <c r="AE144195" i="1"/>
  <c r="AE144196" i="1"/>
  <c r="AE144197" i="1"/>
  <c r="AE144198" i="1"/>
  <c r="AE144199" i="1"/>
  <c r="AE144200" i="1"/>
  <c r="AE144201" i="1"/>
  <c r="AE144202" i="1"/>
  <c r="AE144203" i="1"/>
  <c r="AE144204" i="1"/>
  <c r="AE144205" i="1"/>
  <c r="AE144206" i="1"/>
  <c r="AE144207" i="1"/>
  <c r="AE144208" i="1"/>
  <c r="AE144209" i="1"/>
  <c r="AE144210" i="1"/>
  <c r="AE144211" i="1"/>
  <c r="AE144212" i="1"/>
  <c r="AE144213" i="1"/>
  <c r="AE144214" i="1"/>
  <c r="AE144215" i="1"/>
  <c r="AE144216" i="1"/>
  <c r="AE144217" i="1"/>
  <c r="AE144218" i="1"/>
  <c r="AE144219" i="1"/>
  <c r="AE144220" i="1"/>
  <c r="AE144221" i="1"/>
  <c r="AE144222" i="1"/>
  <c r="AE144223" i="1"/>
  <c r="AE144224" i="1"/>
  <c r="AE144225" i="1"/>
  <c r="AE144226" i="1"/>
  <c r="AE144227" i="1"/>
  <c r="AE144228" i="1"/>
  <c r="AE144229" i="1"/>
  <c r="AE144230" i="1"/>
  <c r="AE144231" i="1"/>
  <c r="AE144232" i="1"/>
  <c r="AE144233" i="1"/>
  <c r="AE144234" i="1"/>
  <c r="AE144235" i="1"/>
  <c r="AE144236" i="1"/>
  <c r="AE144237" i="1"/>
  <c r="AE144238" i="1"/>
  <c r="AE144239" i="1"/>
  <c r="AE144240" i="1"/>
  <c r="AE144241" i="1"/>
  <c r="AE144242" i="1"/>
  <c r="AE144243" i="1"/>
  <c r="AE144244" i="1"/>
  <c r="AE144245" i="1"/>
  <c r="AE144246" i="1"/>
  <c r="AE144247" i="1"/>
  <c r="AE144248" i="1"/>
  <c r="AE144249" i="1"/>
  <c r="AE144250" i="1"/>
  <c r="AE144251" i="1"/>
  <c r="AE144252" i="1"/>
  <c r="AE144253" i="1"/>
  <c r="AE144254" i="1"/>
  <c r="AE144255" i="1"/>
  <c r="AE144256" i="1"/>
  <c r="AE144257" i="1"/>
  <c r="AE144258" i="1"/>
  <c r="AE144259" i="1"/>
  <c r="AE144260" i="1"/>
  <c r="AE144261" i="1"/>
  <c r="AE144262" i="1"/>
  <c r="AE144263" i="1"/>
  <c r="AE144264" i="1"/>
  <c r="AE144265" i="1"/>
  <c r="AE144266" i="1"/>
  <c r="AE144267" i="1"/>
  <c r="AE144268" i="1"/>
  <c r="AE144269" i="1"/>
  <c r="AE144270" i="1"/>
  <c r="AE144271" i="1"/>
  <c r="AE144272" i="1"/>
  <c r="AE144273" i="1"/>
  <c r="AE144274" i="1"/>
  <c r="AE144275" i="1"/>
  <c r="AE144276" i="1"/>
  <c r="AE144277" i="1"/>
  <c r="AE144278" i="1"/>
  <c r="AE144279" i="1"/>
  <c r="AE144280" i="1"/>
  <c r="AE144281" i="1"/>
  <c r="AE144282" i="1"/>
  <c r="AE144283" i="1"/>
  <c r="AE144284" i="1"/>
  <c r="AE144285" i="1"/>
  <c r="AE144286" i="1"/>
  <c r="AE144287" i="1"/>
  <c r="AE144288" i="1"/>
  <c r="AE144289" i="1"/>
  <c r="AE144290" i="1"/>
  <c r="AE144291" i="1"/>
  <c r="AE144292" i="1"/>
  <c r="AE144293" i="1"/>
  <c r="AE144294" i="1"/>
  <c r="AE144295" i="1"/>
  <c r="AE144296" i="1"/>
  <c r="AE144297" i="1"/>
  <c r="AE144298" i="1"/>
  <c r="AE144299" i="1"/>
  <c r="AE144300" i="1"/>
  <c r="AE144301" i="1"/>
  <c r="AE144302" i="1"/>
  <c r="AE144303" i="1"/>
  <c r="AE144304" i="1"/>
  <c r="AE144305" i="1"/>
  <c r="AE144306" i="1"/>
  <c r="AE144307" i="1"/>
  <c r="AE144308" i="1"/>
  <c r="AE144309" i="1"/>
  <c r="AE144310" i="1"/>
  <c r="AE144311" i="1"/>
  <c r="AE144312" i="1"/>
  <c r="AE144313" i="1"/>
  <c r="AE144314" i="1"/>
  <c r="AE144315" i="1"/>
  <c r="AE144316" i="1"/>
  <c r="AE144317" i="1"/>
  <c r="AE144318" i="1"/>
  <c r="AE144319" i="1"/>
  <c r="AE144320" i="1"/>
  <c r="AE144321" i="1"/>
  <c r="AE144322" i="1"/>
  <c r="AE144323" i="1"/>
  <c r="AE144324" i="1"/>
  <c r="AE144325" i="1"/>
  <c r="AE144326" i="1"/>
  <c r="AE144327" i="1"/>
  <c r="AE144328" i="1"/>
  <c r="AE144329" i="1"/>
  <c r="AE144330" i="1"/>
  <c r="AE144331" i="1"/>
  <c r="AE144332" i="1"/>
  <c r="AE144333" i="1"/>
  <c r="AE144334" i="1"/>
  <c r="AE144335" i="1"/>
  <c r="AE144336" i="1"/>
  <c r="AE144337" i="1"/>
  <c r="AE144338" i="1"/>
  <c r="AE144339" i="1"/>
  <c r="AE144340" i="1"/>
  <c r="AE144341" i="1"/>
  <c r="AE144342" i="1"/>
  <c r="AE144343" i="1"/>
  <c r="AE144344" i="1"/>
  <c r="AE144345" i="1"/>
  <c r="AE144346" i="1"/>
  <c r="AE144347" i="1"/>
  <c r="AE144348" i="1"/>
  <c r="AE144349" i="1"/>
  <c r="AE144350" i="1"/>
  <c r="AE144351" i="1"/>
  <c r="AE144352" i="1"/>
  <c r="AE144353" i="1"/>
  <c r="AE144354" i="1"/>
  <c r="AE144355" i="1"/>
  <c r="AE144356" i="1"/>
  <c r="AE144357" i="1"/>
  <c r="AE144358" i="1"/>
  <c r="AE144359" i="1"/>
  <c r="AE144360" i="1"/>
  <c r="AE144361" i="1"/>
  <c r="AE144362" i="1"/>
  <c r="AE144363" i="1"/>
  <c r="AE144364" i="1"/>
  <c r="AE144365" i="1"/>
  <c r="AE144366" i="1"/>
  <c r="AE144367" i="1"/>
  <c r="AE144368" i="1"/>
  <c r="AE144369" i="1"/>
  <c r="AE144370" i="1"/>
  <c r="AE144371" i="1"/>
  <c r="AE144372" i="1"/>
  <c r="AE144373" i="1"/>
  <c r="AE144374" i="1"/>
  <c r="AE144375" i="1"/>
  <c r="AE144376" i="1"/>
  <c r="AE144377" i="1"/>
  <c r="AE144378" i="1"/>
  <c r="AE144379" i="1"/>
  <c r="AE144380" i="1"/>
  <c r="AE144381" i="1"/>
  <c r="AE144382" i="1"/>
  <c r="AE144383" i="1"/>
  <c r="AE144384" i="1"/>
  <c r="AE144385" i="1"/>
  <c r="AE144386" i="1"/>
  <c r="AE144387" i="1"/>
  <c r="AE144388" i="1"/>
  <c r="AE144389" i="1"/>
  <c r="AE144390" i="1"/>
  <c r="AE144391" i="1"/>
  <c r="AE144392" i="1"/>
  <c r="AE144393" i="1"/>
  <c r="AE144394" i="1"/>
  <c r="AE144395" i="1"/>
  <c r="AE144396" i="1"/>
  <c r="AE144397" i="1"/>
  <c r="AE144398" i="1"/>
  <c r="AE144399" i="1"/>
  <c r="AE144400" i="1"/>
  <c r="AE144401" i="1"/>
  <c r="AE144402" i="1"/>
  <c r="AE144403" i="1"/>
  <c r="AE144404" i="1"/>
  <c r="AE144405" i="1"/>
  <c r="AE144406" i="1"/>
  <c r="AE144407" i="1"/>
  <c r="AE144408" i="1"/>
  <c r="AE144409" i="1"/>
  <c r="AE144410" i="1"/>
  <c r="AE144411" i="1"/>
  <c r="AE144412" i="1"/>
  <c r="AE144413" i="1"/>
  <c r="AE144414" i="1"/>
  <c r="AE144415" i="1"/>
  <c r="AE144416" i="1"/>
  <c r="AE144417" i="1"/>
  <c r="AE144418" i="1"/>
  <c r="AE144419" i="1"/>
  <c r="AE144420" i="1"/>
  <c r="AE144421" i="1"/>
  <c r="AE144422" i="1"/>
  <c r="AE144423" i="1"/>
  <c r="AE144424" i="1"/>
  <c r="AE144425" i="1"/>
  <c r="AE144426" i="1"/>
  <c r="AE144427" i="1"/>
  <c r="AE144428" i="1"/>
  <c r="AE144429" i="1"/>
  <c r="AE144430" i="1"/>
  <c r="AE144431" i="1"/>
  <c r="AE144432" i="1"/>
  <c r="AE144433" i="1"/>
  <c r="AE144434" i="1"/>
  <c r="AE144435" i="1"/>
  <c r="AE144436" i="1"/>
  <c r="AE144437" i="1"/>
  <c r="AE144438" i="1"/>
  <c r="AE144439" i="1"/>
  <c r="AE144440" i="1"/>
  <c r="AE144441" i="1"/>
  <c r="AE144442" i="1"/>
  <c r="AE144443" i="1"/>
  <c r="AE144444" i="1"/>
  <c r="AE144445" i="1"/>
  <c r="AE144446" i="1"/>
  <c r="AE144447" i="1"/>
  <c r="AE144448" i="1"/>
  <c r="AE144449" i="1"/>
  <c r="AE144450" i="1"/>
  <c r="AE144451" i="1"/>
  <c r="AE144452" i="1"/>
  <c r="AE144453" i="1"/>
  <c r="AE144454" i="1"/>
  <c r="AE144455" i="1"/>
  <c r="AE144456" i="1"/>
  <c r="AE144457" i="1"/>
  <c r="AE144458" i="1"/>
  <c r="AE144459" i="1"/>
  <c r="AE144460" i="1"/>
  <c r="AE144461" i="1"/>
  <c r="AE144462" i="1"/>
  <c r="AE144463" i="1"/>
  <c r="AE144464" i="1"/>
  <c r="AE144465" i="1"/>
  <c r="AE144466" i="1"/>
  <c r="AE144467" i="1"/>
  <c r="AE144468" i="1"/>
  <c r="AE144469" i="1"/>
  <c r="AE144470" i="1"/>
  <c r="AE144471" i="1"/>
  <c r="AE144472" i="1"/>
  <c r="AE144473" i="1"/>
  <c r="AE144474" i="1"/>
  <c r="AE144475" i="1"/>
  <c r="AE144476" i="1"/>
  <c r="AE144477" i="1"/>
  <c r="AE144478" i="1"/>
  <c r="AE144479" i="1"/>
  <c r="AE144480" i="1"/>
  <c r="AE144481" i="1"/>
  <c r="AE144482" i="1"/>
  <c r="AE144483" i="1"/>
  <c r="AE144484" i="1"/>
  <c r="AE144485" i="1"/>
  <c r="AE144486" i="1"/>
  <c r="AE144487" i="1"/>
  <c r="AE144488" i="1"/>
  <c r="AE144489" i="1"/>
  <c r="AE144490" i="1"/>
  <c r="AE144491" i="1"/>
  <c r="AE144492" i="1"/>
  <c r="AE144493" i="1"/>
  <c r="AE144494" i="1"/>
  <c r="AE144495" i="1"/>
  <c r="AE144496" i="1"/>
  <c r="AE144497" i="1"/>
  <c r="AE144498" i="1"/>
  <c r="AE144499" i="1"/>
  <c r="AE144500" i="1"/>
  <c r="AE144501" i="1"/>
  <c r="AE144502" i="1"/>
  <c r="AE144503" i="1"/>
  <c r="AE144504" i="1"/>
  <c r="AE144505" i="1"/>
  <c r="AE144506" i="1"/>
  <c r="AE144507" i="1"/>
  <c r="AE144508" i="1"/>
  <c r="AE144509" i="1"/>
  <c r="AE144510" i="1"/>
  <c r="AE144511" i="1"/>
  <c r="AE144512" i="1"/>
  <c r="AE144513" i="1"/>
  <c r="AE144514" i="1"/>
  <c r="AE144515" i="1"/>
  <c r="AE144516" i="1"/>
  <c r="AE144517" i="1"/>
  <c r="AE144518" i="1"/>
  <c r="AE144519" i="1"/>
  <c r="AE144520" i="1"/>
  <c r="AE144521" i="1"/>
  <c r="AE144522" i="1"/>
  <c r="AE144523" i="1"/>
  <c r="AE144524" i="1"/>
  <c r="AE144525" i="1"/>
  <c r="AE144526" i="1"/>
  <c r="AE144527" i="1"/>
  <c r="AE144528" i="1"/>
  <c r="AE144529" i="1"/>
  <c r="AE144530" i="1"/>
  <c r="AE144531" i="1"/>
  <c r="AE144532" i="1"/>
  <c r="AE144533" i="1"/>
  <c r="AE144534" i="1"/>
  <c r="AE144535" i="1"/>
  <c r="AE144536" i="1"/>
  <c r="AE144537" i="1"/>
  <c r="AE144538" i="1"/>
  <c r="AE144539" i="1"/>
  <c r="AE144540" i="1"/>
  <c r="AE144541" i="1"/>
  <c r="AE144542" i="1"/>
  <c r="AE144543" i="1"/>
  <c r="AE144544" i="1"/>
  <c r="AE144545" i="1"/>
  <c r="AE144546" i="1"/>
  <c r="AE144547" i="1"/>
  <c r="AE144548" i="1"/>
  <c r="AE144549" i="1"/>
  <c r="AE144550" i="1"/>
  <c r="AE144551" i="1"/>
  <c r="AE144552" i="1"/>
  <c r="AE144553" i="1"/>
  <c r="AE144554" i="1"/>
  <c r="AE144555" i="1"/>
  <c r="AE144556" i="1"/>
  <c r="AE144557" i="1"/>
  <c r="AE144558" i="1"/>
  <c r="AE144559" i="1"/>
  <c r="AE144560" i="1"/>
  <c r="AE144561" i="1"/>
  <c r="AE144562" i="1"/>
  <c r="AE144563" i="1"/>
  <c r="AE144564" i="1"/>
  <c r="AE144565" i="1"/>
  <c r="AE144566" i="1"/>
  <c r="AE144567" i="1"/>
  <c r="AE144568" i="1"/>
  <c r="AE144569" i="1"/>
  <c r="AE144570" i="1"/>
  <c r="AE144571" i="1"/>
  <c r="AE144572" i="1"/>
  <c r="AE144573" i="1"/>
  <c r="AE144574" i="1"/>
  <c r="AE144575" i="1"/>
  <c r="AE144576" i="1"/>
  <c r="AE144577" i="1"/>
  <c r="AE144578" i="1"/>
  <c r="AE144579" i="1"/>
  <c r="AE144580" i="1"/>
  <c r="AE144581" i="1"/>
  <c r="AE144582" i="1"/>
  <c r="AE144583" i="1"/>
  <c r="AE144584" i="1"/>
  <c r="AE144585" i="1"/>
  <c r="AE144586" i="1"/>
  <c r="AE144587" i="1"/>
  <c r="AE144588" i="1"/>
  <c r="AE144589" i="1"/>
  <c r="AE144590" i="1"/>
  <c r="AE144591" i="1"/>
  <c r="AE144592" i="1"/>
  <c r="AE144593" i="1"/>
  <c r="AE144594" i="1"/>
  <c r="AE144595" i="1"/>
  <c r="AE144596" i="1"/>
  <c r="AE144597" i="1"/>
  <c r="AE144598" i="1"/>
  <c r="AE144599" i="1"/>
  <c r="AE144600" i="1"/>
  <c r="AE144601" i="1"/>
  <c r="AE144602" i="1"/>
  <c r="AE144603" i="1"/>
  <c r="AE144604" i="1"/>
  <c r="AE144605" i="1"/>
  <c r="AE144606" i="1"/>
  <c r="AE144607" i="1"/>
  <c r="AE144608" i="1"/>
  <c r="AE144609" i="1"/>
  <c r="AE144610" i="1"/>
  <c r="AE144611" i="1"/>
  <c r="AE144612" i="1"/>
  <c r="AE144613" i="1"/>
  <c r="AE144614" i="1"/>
  <c r="AE144615" i="1"/>
  <c r="AE144616" i="1"/>
  <c r="AE144617" i="1"/>
  <c r="AE144618" i="1"/>
  <c r="AE144619" i="1"/>
  <c r="AE144620" i="1"/>
  <c r="AE144621" i="1"/>
  <c r="AE144622" i="1"/>
  <c r="AE144623" i="1"/>
  <c r="AE144624" i="1"/>
  <c r="AE144625" i="1"/>
  <c r="AE144626" i="1"/>
  <c r="AE144627" i="1"/>
  <c r="AE144628" i="1"/>
  <c r="AE144629" i="1"/>
  <c r="AE144630" i="1"/>
  <c r="AE144631" i="1"/>
  <c r="AE144632" i="1"/>
  <c r="AE144633" i="1"/>
  <c r="AE144634" i="1"/>
  <c r="AE144635" i="1"/>
  <c r="AE144636" i="1"/>
  <c r="AE144637" i="1"/>
  <c r="AE144638" i="1"/>
  <c r="AE144639" i="1"/>
  <c r="AE144640" i="1"/>
  <c r="AE144641" i="1"/>
  <c r="AE144642" i="1"/>
  <c r="AE144643" i="1"/>
  <c r="AE144644" i="1"/>
  <c r="AE144645" i="1"/>
  <c r="AE144646" i="1"/>
  <c r="AE144647" i="1"/>
  <c r="AE144648" i="1"/>
  <c r="AE144649" i="1"/>
  <c r="AE144650" i="1"/>
  <c r="AE144651" i="1"/>
  <c r="AE144652" i="1"/>
  <c r="AE144653" i="1"/>
  <c r="AE144654" i="1"/>
  <c r="AE144655" i="1"/>
  <c r="AE144656" i="1"/>
  <c r="AE144657" i="1"/>
  <c r="AE144658" i="1"/>
  <c r="AE144659" i="1"/>
  <c r="AE144660" i="1"/>
  <c r="AE144661" i="1"/>
  <c r="AE144662" i="1"/>
  <c r="AE144663" i="1"/>
  <c r="AE144664" i="1"/>
  <c r="AE144665" i="1"/>
  <c r="AE144666" i="1"/>
  <c r="AE144667" i="1"/>
  <c r="AE144668" i="1"/>
  <c r="AE144669" i="1"/>
  <c r="AE144670" i="1"/>
  <c r="AE144671" i="1"/>
  <c r="AE144672" i="1"/>
  <c r="AE144673" i="1"/>
  <c r="AE144674" i="1"/>
  <c r="AE144675" i="1"/>
  <c r="AE144676" i="1"/>
  <c r="AE144677" i="1"/>
  <c r="AE144678" i="1"/>
  <c r="AE144679" i="1"/>
  <c r="AE144680" i="1"/>
  <c r="AE144681" i="1"/>
  <c r="AE144682" i="1"/>
  <c r="AE144683" i="1"/>
  <c r="AE144684" i="1"/>
  <c r="AE144685" i="1"/>
  <c r="AE144686" i="1"/>
  <c r="AE144687" i="1"/>
  <c r="AE144688" i="1"/>
  <c r="AE144689" i="1"/>
  <c r="AE144690" i="1"/>
  <c r="AE144691" i="1"/>
  <c r="AE144692" i="1"/>
  <c r="AE144693" i="1"/>
  <c r="AE144694" i="1"/>
  <c r="AE144695" i="1"/>
  <c r="AE144696" i="1"/>
  <c r="AE144697" i="1"/>
  <c r="AE144698" i="1"/>
  <c r="AE144699" i="1"/>
  <c r="AE144700" i="1"/>
  <c r="AE144701" i="1"/>
  <c r="AE144702" i="1"/>
  <c r="AE144703" i="1"/>
  <c r="AE144704" i="1"/>
  <c r="AE144705" i="1"/>
  <c r="AE144706" i="1"/>
  <c r="AE144707" i="1"/>
  <c r="AE144708" i="1"/>
  <c r="AE144709" i="1"/>
  <c r="AE144710" i="1"/>
  <c r="AE144711" i="1"/>
  <c r="AE144712" i="1"/>
  <c r="AE144713" i="1"/>
  <c r="AE144714" i="1"/>
  <c r="AE144715" i="1"/>
  <c r="AE144716" i="1"/>
  <c r="AE144717" i="1"/>
  <c r="AE144718" i="1"/>
  <c r="AE144719" i="1"/>
  <c r="AE144720" i="1"/>
  <c r="AE144721" i="1"/>
  <c r="AE144722" i="1"/>
  <c r="AE144723" i="1"/>
  <c r="AE144724" i="1"/>
  <c r="AE144725" i="1"/>
  <c r="AE144726" i="1"/>
  <c r="AE144727" i="1"/>
  <c r="AE144728" i="1"/>
  <c r="AE144729" i="1"/>
  <c r="AE144730" i="1"/>
  <c r="AE144731" i="1"/>
  <c r="AE144732" i="1"/>
  <c r="AE144733" i="1"/>
  <c r="AE144734" i="1"/>
  <c r="AE144735" i="1"/>
  <c r="AE144736" i="1"/>
  <c r="AE144737" i="1"/>
  <c r="AE144738" i="1"/>
  <c r="AE144739" i="1"/>
  <c r="AE144740" i="1"/>
  <c r="AE144741" i="1"/>
  <c r="AE144742" i="1"/>
  <c r="AE144743" i="1"/>
  <c r="AE144744" i="1"/>
  <c r="AE144745" i="1"/>
  <c r="AE144746" i="1"/>
  <c r="AE144747" i="1"/>
  <c r="AE144748" i="1"/>
  <c r="AE144749" i="1"/>
  <c r="AE144750" i="1"/>
  <c r="AE144751" i="1"/>
  <c r="AE144752" i="1"/>
  <c r="AE144753" i="1"/>
  <c r="AE144754" i="1"/>
  <c r="AE144755" i="1"/>
  <c r="AE144756" i="1"/>
  <c r="AE144757" i="1"/>
  <c r="AE144758" i="1"/>
  <c r="AE144759" i="1"/>
  <c r="AE144760" i="1"/>
  <c r="AE144761" i="1"/>
  <c r="AE144762" i="1"/>
  <c r="AE144763" i="1"/>
  <c r="AE144764" i="1"/>
  <c r="AE144765" i="1"/>
  <c r="AE144766" i="1"/>
  <c r="AE144767" i="1"/>
  <c r="AE144768" i="1"/>
  <c r="AE144769" i="1"/>
  <c r="AE144770" i="1"/>
  <c r="AE144771" i="1"/>
  <c r="AE144772" i="1"/>
  <c r="AE144773" i="1"/>
  <c r="AE144774" i="1"/>
  <c r="AE144775" i="1"/>
  <c r="AE144776" i="1"/>
  <c r="AE144777" i="1"/>
  <c r="AE144778" i="1"/>
  <c r="AE144779" i="1"/>
  <c r="AE144780" i="1"/>
  <c r="AE144781" i="1"/>
  <c r="AE144782" i="1"/>
  <c r="AE144783" i="1"/>
  <c r="AE144784" i="1"/>
  <c r="AE144785" i="1"/>
  <c r="AE144786" i="1"/>
  <c r="AE144787" i="1"/>
  <c r="AE144788" i="1"/>
  <c r="AE144789" i="1"/>
  <c r="AE144790" i="1"/>
  <c r="AE144791" i="1"/>
  <c r="AE144792" i="1"/>
  <c r="AE144793" i="1"/>
  <c r="AE144794" i="1"/>
  <c r="AE144795" i="1"/>
  <c r="AE144796" i="1"/>
  <c r="AE144797" i="1"/>
  <c r="AE144798" i="1"/>
  <c r="AE144799" i="1"/>
  <c r="AE144800" i="1"/>
  <c r="AE144801" i="1"/>
  <c r="AE144802" i="1"/>
  <c r="AE144803" i="1"/>
  <c r="AE144804" i="1"/>
  <c r="AE144805" i="1"/>
  <c r="AE144806" i="1"/>
  <c r="AE144807" i="1"/>
  <c r="AE144808" i="1"/>
  <c r="AE144809" i="1"/>
  <c r="AE144810" i="1"/>
  <c r="AE144811" i="1"/>
  <c r="AE144812" i="1"/>
  <c r="AE144813" i="1"/>
  <c r="AE144814" i="1"/>
  <c r="AE144815" i="1"/>
  <c r="AE144816" i="1"/>
  <c r="AE144817" i="1"/>
  <c r="AE144818" i="1"/>
  <c r="AE144819" i="1"/>
  <c r="AE144820" i="1"/>
  <c r="AE144821" i="1"/>
  <c r="AE144822" i="1"/>
  <c r="AE144823" i="1"/>
  <c r="AE144824" i="1"/>
  <c r="AE144825" i="1"/>
  <c r="AE144826" i="1"/>
  <c r="AE144827" i="1"/>
  <c r="AE144828" i="1"/>
  <c r="AE144829" i="1"/>
  <c r="AE144830" i="1"/>
  <c r="AE144831" i="1"/>
  <c r="AE144832" i="1"/>
  <c r="AE144833" i="1"/>
  <c r="AE144834" i="1"/>
  <c r="AE144835" i="1"/>
  <c r="AE144836" i="1"/>
  <c r="AE144837" i="1"/>
  <c r="AE144838" i="1"/>
  <c r="AE144839" i="1"/>
  <c r="AE144840" i="1"/>
  <c r="AE144841" i="1"/>
  <c r="AE144842" i="1"/>
  <c r="AE144843" i="1"/>
  <c r="AE144844" i="1"/>
  <c r="AE144845" i="1"/>
  <c r="AE144846" i="1"/>
  <c r="AE144847" i="1"/>
  <c r="AE144848" i="1"/>
  <c r="AE144849" i="1"/>
  <c r="AE144850" i="1"/>
  <c r="AE144851" i="1"/>
  <c r="AE144852" i="1"/>
  <c r="AE144853" i="1"/>
  <c r="AE144854" i="1"/>
  <c r="AE144855" i="1"/>
  <c r="AE144856" i="1"/>
  <c r="AE144857" i="1"/>
  <c r="AE144858" i="1"/>
  <c r="AE144859" i="1"/>
  <c r="AE144860" i="1"/>
  <c r="AE144861" i="1"/>
  <c r="AE144862" i="1"/>
  <c r="AE144863" i="1"/>
  <c r="AE144864" i="1"/>
  <c r="AE144865" i="1"/>
  <c r="AE144866" i="1"/>
  <c r="AE144867" i="1"/>
  <c r="AE144868" i="1"/>
  <c r="AE144869" i="1"/>
  <c r="AE144870" i="1"/>
  <c r="AE144871" i="1"/>
  <c r="AE144872" i="1"/>
  <c r="AE144873" i="1"/>
  <c r="AE144874" i="1"/>
  <c r="AE144875" i="1"/>
  <c r="AE144876" i="1"/>
  <c r="AE144877" i="1"/>
  <c r="AE144878" i="1"/>
  <c r="AE144879" i="1"/>
  <c r="AE144880" i="1"/>
  <c r="AE144881" i="1"/>
  <c r="AE144882" i="1"/>
  <c r="AE144883" i="1"/>
  <c r="AE144884" i="1"/>
  <c r="AE144885" i="1"/>
  <c r="AE144886" i="1"/>
  <c r="AE144887" i="1"/>
  <c r="AE144888" i="1"/>
  <c r="AE144889" i="1"/>
  <c r="AE144890" i="1"/>
  <c r="AE144891" i="1"/>
  <c r="AE144892" i="1"/>
  <c r="AE144893" i="1"/>
  <c r="AE144894" i="1"/>
  <c r="AE144895" i="1"/>
  <c r="AE144896" i="1"/>
  <c r="AE144897" i="1"/>
  <c r="AE144898" i="1"/>
  <c r="AE144899" i="1"/>
  <c r="AE144900" i="1"/>
  <c r="AE144901" i="1"/>
  <c r="AE144902" i="1"/>
  <c r="AE144903" i="1"/>
  <c r="AE144904" i="1"/>
  <c r="AE144905" i="1"/>
  <c r="AE144906" i="1"/>
  <c r="AE144907" i="1"/>
  <c r="AE144908" i="1"/>
  <c r="AE144909" i="1"/>
  <c r="AE144910" i="1"/>
  <c r="AE144911" i="1"/>
  <c r="AE144912" i="1"/>
  <c r="AE144913" i="1"/>
  <c r="AE144914" i="1"/>
  <c r="AE144915" i="1"/>
  <c r="AE144916" i="1"/>
  <c r="AE144917" i="1"/>
  <c r="AE144918" i="1"/>
  <c r="AE144919" i="1"/>
  <c r="AE144920" i="1"/>
  <c r="AE144921" i="1"/>
  <c r="AE144922" i="1"/>
  <c r="AE144923" i="1"/>
  <c r="AE144924" i="1"/>
  <c r="AE144925" i="1"/>
  <c r="AE144926" i="1"/>
  <c r="AE144927" i="1"/>
  <c r="AE144928" i="1"/>
  <c r="AE144929" i="1"/>
  <c r="AE144930" i="1"/>
  <c r="AE144931" i="1"/>
  <c r="AE144932" i="1"/>
  <c r="AE144933" i="1"/>
  <c r="AE144934" i="1"/>
  <c r="AE144935" i="1"/>
  <c r="AE144936" i="1"/>
  <c r="AE144937" i="1"/>
  <c r="AE144938" i="1"/>
  <c r="AE144939" i="1"/>
  <c r="AE144940" i="1"/>
  <c r="AE144941" i="1"/>
  <c r="AE144942" i="1"/>
  <c r="AE144943" i="1"/>
  <c r="AE144944" i="1"/>
  <c r="AE144945" i="1"/>
  <c r="AE144946" i="1"/>
  <c r="AE144947" i="1"/>
  <c r="AE144948" i="1"/>
  <c r="AE144949" i="1"/>
  <c r="AE144950" i="1"/>
  <c r="AE144951" i="1"/>
  <c r="AE144952" i="1"/>
  <c r="AE144953" i="1"/>
  <c r="AE144954" i="1"/>
  <c r="AE144955" i="1"/>
  <c r="AE144956" i="1"/>
  <c r="AE144957" i="1"/>
  <c r="AE144958" i="1"/>
  <c r="AE144959" i="1"/>
  <c r="AE144960" i="1"/>
  <c r="AE144961" i="1"/>
  <c r="AE144962" i="1"/>
  <c r="AE144963" i="1"/>
  <c r="AE144964" i="1"/>
  <c r="AE144965" i="1"/>
  <c r="AE144966" i="1"/>
  <c r="AE144967" i="1"/>
  <c r="AE144968" i="1"/>
  <c r="AE144969" i="1"/>
  <c r="AE144970" i="1"/>
  <c r="AE144971" i="1"/>
  <c r="AE144972" i="1"/>
  <c r="AE144973" i="1"/>
  <c r="AE144974" i="1"/>
  <c r="AE144975" i="1"/>
  <c r="AE144976" i="1"/>
  <c r="AE144977" i="1"/>
  <c r="AE144978" i="1"/>
  <c r="AE144979" i="1"/>
  <c r="AE144980" i="1"/>
  <c r="AE144981" i="1"/>
  <c r="AE144982" i="1"/>
  <c r="AE144983" i="1"/>
  <c r="AE144984" i="1"/>
  <c r="AE144985" i="1"/>
  <c r="AE144986" i="1"/>
  <c r="AE144987" i="1"/>
  <c r="AE144988" i="1"/>
  <c r="AE144989" i="1"/>
  <c r="AE144990" i="1"/>
  <c r="AE144991" i="1"/>
  <c r="AE144992" i="1"/>
  <c r="AE144993" i="1"/>
  <c r="AE144994" i="1"/>
  <c r="AE144995" i="1"/>
  <c r="AE144996" i="1"/>
  <c r="AE144997" i="1"/>
  <c r="AE144998" i="1"/>
  <c r="AE144999" i="1"/>
  <c r="AE145000" i="1"/>
  <c r="AE145001" i="1"/>
  <c r="AE145002" i="1"/>
  <c r="AE145003" i="1"/>
  <c r="AE145004" i="1"/>
  <c r="AE145005" i="1"/>
  <c r="AE145006" i="1"/>
  <c r="AE145007" i="1"/>
  <c r="AE145008" i="1"/>
  <c r="AE145009" i="1"/>
  <c r="AE145010" i="1"/>
  <c r="AE145011" i="1"/>
  <c r="AE145012" i="1"/>
  <c r="AE145013" i="1"/>
  <c r="AE145014" i="1"/>
  <c r="AE145015" i="1"/>
  <c r="AE145016" i="1"/>
  <c r="AE145017" i="1"/>
  <c r="AE145018" i="1"/>
  <c r="AE145019" i="1"/>
  <c r="AE145020" i="1"/>
  <c r="AE145021" i="1"/>
  <c r="AE145022" i="1"/>
  <c r="AE145023" i="1"/>
  <c r="AE145024" i="1"/>
  <c r="AE145025" i="1"/>
  <c r="AE145026" i="1"/>
  <c r="AE145027" i="1"/>
  <c r="AE145028" i="1"/>
  <c r="AE145029" i="1"/>
  <c r="AE145030" i="1"/>
  <c r="AE145031" i="1"/>
  <c r="AE145032" i="1"/>
  <c r="AE145033" i="1"/>
  <c r="AE145034" i="1"/>
  <c r="AE145035" i="1"/>
  <c r="AE145036" i="1"/>
  <c r="AE145037" i="1"/>
  <c r="AE145038" i="1"/>
  <c r="AE145039" i="1"/>
  <c r="AE145040" i="1"/>
  <c r="AE145041" i="1"/>
  <c r="AE145042" i="1"/>
  <c r="AE145043" i="1"/>
  <c r="AE145044" i="1"/>
  <c r="AE145045" i="1"/>
  <c r="AE145046" i="1"/>
  <c r="AE145047" i="1"/>
  <c r="AE145048" i="1"/>
  <c r="AE145049" i="1"/>
  <c r="AE145050" i="1"/>
  <c r="AE145051" i="1"/>
  <c r="AE145052" i="1"/>
  <c r="AE145053" i="1"/>
  <c r="AE145054" i="1"/>
  <c r="AE145055" i="1"/>
  <c r="AE145056" i="1"/>
  <c r="AE145057" i="1"/>
  <c r="AE145058" i="1"/>
  <c r="AE145059" i="1"/>
  <c r="AE145060" i="1"/>
  <c r="AE145061" i="1"/>
  <c r="AE145062" i="1"/>
  <c r="AE145063" i="1"/>
  <c r="AE145064" i="1"/>
  <c r="AE145065" i="1"/>
  <c r="AE145066" i="1"/>
  <c r="AE145067" i="1"/>
  <c r="AE145068" i="1"/>
  <c r="AE145069" i="1"/>
  <c r="AE145070" i="1"/>
  <c r="AE145071" i="1"/>
  <c r="AE145072" i="1"/>
  <c r="AE145073" i="1"/>
  <c r="AE145074" i="1"/>
  <c r="AE145075" i="1"/>
  <c r="AE145076" i="1"/>
  <c r="AE145077" i="1"/>
  <c r="AE145078" i="1"/>
  <c r="AE145079" i="1"/>
  <c r="AE145080" i="1"/>
  <c r="AE145081" i="1"/>
  <c r="AE145082" i="1"/>
  <c r="AE145083" i="1"/>
  <c r="AE145084" i="1"/>
  <c r="AE145085" i="1"/>
  <c r="AE145086" i="1"/>
  <c r="AE145087" i="1"/>
  <c r="AE145088" i="1"/>
  <c r="AE145089" i="1"/>
  <c r="AE145090" i="1"/>
  <c r="AE145091" i="1"/>
  <c r="AE145092" i="1"/>
  <c r="AE145093" i="1"/>
  <c r="AE145094" i="1"/>
  <c r="AE145095" i="1"/>
  <c r="AE145096" i="1"/>
  <c r="AE145097" i="1"/>
  <c r="AE145098" i="1"/>
  <c r="AE145099" i="1"/>
  <c r="AE145100" i="1"/>
  <c r="AE145101" i="1"/>
  <c r="AE145102" i="1"/>
  <c r="AE145103" i="1"/>
  <c r="AE145104" i="1"/>
  <c r="AE145105" i="1"/>
  <c r="AE145106" i="1"/>
  <c r="AE145107" i="1"/>
  <c r="AE145108" i="1"/>
  <c r="AE145109" i="1"/>
  <c r="AE145110" i="1"/>
  <c r="AE145111" i="1"/>
  <c r="AE145112" i="1"/>
  <c r="AE145113" i="1"/>
  <c r="AE145114" i="1"/>
  <c r="AE145115" i="1"/>
  <c r="AE145116" i="1"/>
  <c r="AE145117" i="1"/>
  <c r="AE145118" i="1"/>
  <c r="AE145119" i="1"/>
  <c r="AE145120" i="1"/>
  <c r="AE145121" i="1"/>
  <c r="AE145122" i="1"/>
  <c r="AE145123" i="1"/>
  <c r="AE145124" i="1"/>
  <c r="AE145125" i="1"/>
  <c r="AE145126" i="1"/>
  <c r="AE145127" i="1"/>
  <c r="AE145128" i="1"/>
  <c r="AE145129" i="1"/>
  <c r="AE145130" i="1"/>
  <c r="AE145131" i="1"/>
  <c r="AE145132" i="1"/>
  <c r="AE145133" i="1"/>
  <c r="AE145134" i="1"/>
  <c r="AE145135" i="1"/>
  <c r="AE145136" i="1"/>
  <c r="AE145137" i="1"/>
  <c r="AE145138" i="1"/>
  <c r="AE145139" i="1"/>
  <c r="AE145140" i="1"/>
  <c r="AE145141" i="1"/>
  <c r="AE145142" i="1"/>
  <c r="AE145143" i="1"/>
  <c r="AE145144" i="1"/>
  <c r="AE145145" i="1"/>
  <c r="AE145146" i="1"/>
  <c r="AE145147" i="1"/>
  <c r="AE145148" i="1"/>
  <c r="AE145149" i="1"/>
  <c r="AE145150" i="1"/>
  <c r="AE145151" i="1"/>
  <c r="AE145152" i="1"/>
  <c r="AE145153" i="1"/>
  <c r="AE145154" i="1"/>
  <c r="AE145155" i="1"/>
  <c r="AE145156" i="1"/>
  <c r="AE145157" i="1"/>
  <c r="AE145158" i="1"/>
  <c r="AE145159" i="1"/>
  <c r="AE145160" i="1"/>
  <c r="AE145161" i="1"/>
  <c r="AE145162" i="1"/>
  <c r="AE145163" i="1"/>
  <c r="AE145164" i="1"/>
  <c r="AE145165" i="1"/>
  <c r="AE145166" i="1"/>
  <c r="AE145167" i="1"/>
  <c r="AE145168" i="1"/>
  <c r="AE145169" i="1"/>
  <c r="AE145170" i="1"/>
  <c r="AE145171" i="1"/>
  <c r="AE145172" i="1"/>
  <c r="AE145173" i="1"/>
  <c r="AE145174" i="1"/>
  <c r="AE145175" i="1"/>
  <c r="AE145176" i="1"/>
  <c r="AE145177" i="1"/>
  <c r="AE145178" i="1"/>
  <c r="AE145179" i="1"/>
  <c r="AE145180" i="1"/>
  <c r="AE145181" i="1"/>
  <c r="AE145182" i="1"/>
  <c r="AE145183" i="1"/>
  <c r="AE145184" i="1"/>
  <c r="AE145185" i="1"/>
  <c r="AE145186" i="1"/>
  <c r="AE145187" i="1"/>
  <c r="AE145188" i="1"/>
  <c r="AE145189" i="1"/>
  <c r="AE145190" i="1"/>
  <c r="AE145191" i="1"/>
  <c r="AE145192" i="1"/>
  <c r="AE145193" i="1"/>
  <c r="AE145194" i="1"/>
  <c r="AE145195" i="1"/>
  <c r="AE145196" i="1"/>
  <c r="AE145197" i="1"/>
  <c r="AE145198" i="1"/>
  <c r="AE145199" i="1"/>
  <c r="AE145200" i="1"/>
  <c r="AE145201" i="1"/>
  <c r="AE145202" i="1"/>
  <c r="AE145203" i="1"/>
  <c r="AE145204" i="1"/>
  <c r="AE145205" i="1"/>
  <c r="AE145206" i="1"/>
  <c r="AE145207" i="1"/>
  <c r="AE145208" i="1"/>
  <c r="AE145209" i="1"/>
  <c r="AE145210" i="1"/>
  <c r="AE145211" i="1"/>
  <c r="AE145212" i="1"/>
  <c r="AE145213" i="1"/>
  <c r="AE145214" i="1"/>
  <c r="AE145215" i="1"/>
  <c r="AE145216" i="1"/>
  <c r="AE145217" i="1"/>
  <c r="AE145218" i="1"/>
  <c r="AE145219" i="1"/>
  <c r="AE145220" i="1"/>
  <c r="AE145221" i="1"/>
  <c r="AE145222" i="1"/>
  <c r="AE145223" i="1"/>
  <c r="AE145224" i="1"/>
  <c r="AE145225" i="1"/>
  <c r="AE145226" i="1"/>
  <c r="AE145227" i="1"/>
  <c r="AE145228" i="1"/>
  <c r="AE145229" i="1"/>
  <c r="AE145230" i="1"/>
  <c r="AE145231" i="1"/>
  <c r="AE145232" i="1"/>
  <c r="AE145233" i="1"/>
  <c r="AE145234" i="1"/>
  <c r="AE145235" i="1"/>
  <c r="AE145236" i="1"/>
  <c r="AE145237" i="1"/>
  <c r="AE145238" i="1"/>
  <c r="AE145239" i="1"/>
  <c r="AE145240" i="1"/>
  <c r="AE145241" i="1"/>
  <c r="AE145242" i="1"/>
  <c r="AE145243" i="1"/>
  <c r="AE145244" i="1"/>
  <c r="AE145245" i="1"/>
  <c r="AE145246" i="1"/>
  <c r="AE145247" i="1"/>
  <c r="AE145248" i="1"/>
  <c r="AE145249" i="1"/>
  <c r="AE145250" i="1"/>
  <c r="AE145251" i="1"/>
  <c r="AE145252" i="1"/>
  <c r="AE145253" i="1"/>
  <c r="AE145254" i="1"/>
  <c r="AE145255" i="1"/>
  <c r="AE145256" i="1"/>
  <c r="AE145257" i="1"/>
  <c r="AE145258" i="1"/>
  <c r="AE145259" i="1"/>
  <c r="AE145260" i="1"/>
  <c r="AE145261" i="1"/>
  <c r="AE145262" i="1"/>
  <c r="AE145263" i="1"/>
  <c r="AE145264" i="1"/>
  <c r="AE145265" i="1"/>
  <c r="AE145266" i="1"/>
  <c r="AE145267" i="1"/>
  <c r="AE145268" i="1"/>
  <c r="AE145269" i="1"/>
  <c r="AE145270" i="1"/>
  <c r="AE145271" i="1"/>
  <c r="AE145272" i="1"/>
  <c r="AE145273" i="1"/>
  <c r="AE145274" i="1"/>
  <c r="AE145275" i="1"/>
  <c r="AE145276" i="1"/>
  <c r="AE145277" i="1"/>
  <c r="AE145278" i="1"/>
  <c r="AE145279" i="1"/>
  <c r="AE145280" i="1"/>
  <c r="AE145281" i="1"/>
  <c r="AE145282" i="1"/>
  <c r="AE145283" i="1"/>
  <c r="AE145284" i="1"/>
  <c r="AE145285" i="1"/>
  <c r="AE145286" i="1"/>
  <c r="AE145287" i="1"/>
  <c r="AE145288" i="1"/>
  <c r="AE145289" i="1"/>
  <c r="AE145290" i="1"/>
  <c r="AE145291" i="1"/>
  <c r="AE145292" i="1"/>
  <c r="AE145293" i="1"/>
  <c r="AE145294" i="1"/>
  <c r="AE145295" i="1"/>
  <c r="AE145296" i="1"/>
  <c r="AE145297" i="1"/>
  <c r="AE145298" i="1"/>
  <c r="AE145299" i="1"/>
  <c r="AE145300" i="1"/>
  <c r="AE145301" i="1"/>
  <c r="AE145302" i="1"/>
  <c r="AE145303" i="1"/>
  <c r="AE145304" i="1"/>
  <c r="AE145305" i="1"/>
  <c r="AE145306" i="1"/>
  <c r="AE145307" i="1"/>
  <c r="AE145308" i="1"/>
  <c r="AE145309" i="1"/>
  <c r="AE145310" i="1"/>
  <c r="AE145311" i="1"/>
  <c r="AE145312" i="1"/>
  <c r="AE145313" i="1"/>
  <c r="AE145314" i="1"/>
  <c r="AE145315" i="1"/>
  <c r="AE145316" i="1"/>
  <c r="AE145317" i="1"/>
  <c r="AE145318" i="1"/>
  <c r="AE145319" i="1"/>
  <c r="AE145320" i="1"/>
  <c r="AE145321" i="1"/>
  <c r="AE145322" i="1"/>
  <c r="AE145323" i="1"/>
  <c r="AE145324" i="1"/>
  <c r="AE145325" i="1"/>
  <c r="AE145326" i="1"/>
  <c r="AE145327" i="1"/>
  <c r="AE145328" i="1"/>
  <c r="AE145329" i="1"/>
  <c r="AE145330" i="1"/>
  <c r="AE145331" i="1"/>
  <c r="AE145332" i="1"/>
  <c r="AE145333" i="1"/>
  <c r="AE145334" i="1"/>
  <c r="AE145335" i="1"/>
  <c r="AE145336" i="1"/>
  <c r="AE145337" i="1"/>
  <c r="AE145338" i="1"/>
  <c r="AE145339" i="1"/>
  <c r="AE145340" i="1"/>
  <c r="AE145341" i="1"/>
  <c r="AE145342" i="1"/>
  <c r="AE145343" i="1"/>
  <c r="AE145344" i="1"/>
  <c r="AE145345" i="1"/>
  <c r="AE145346" i="1"/>
  <c r="AE145347" i="1"/>
  <c r="AE145348" i="1"/>
  <c r="AE145349" i="1"/>
  <c r="AE145350" i="1"/>
  <c r="AE145351" i="1"/>
  <c r="AE145352" i="1"/>
  <c r="AE145353" i="1"/>
  <c r="AE145354" i="1"/>
  <c r="AE145355" i="1"/>
  <c r="AE145356" i="1"/>
  <c r="AE145357" i="1"/>
  <c r="AE145358" i="1"/>
  <c r="AE145359" i="1"/>
  <c r="AE145360" i="1"/>
  <c r="AE145361" i="1"/>
  <c r="AE145362" i="1"/>
  <c r="AE145363" i="1"/>
  <c r="AE145364" i="1"/>
  <c r="AE145365" i="1"/>
  <c r="AE145366" i="1"/>
  <c r="AE145367" i="1"/>
  <c r="AE145368" i="1"/>
  <c r="AE145369" i="1"/>
  <c r="AE145370" i="1"/>
  <c r="AE145371" i="1"/>
  <c r="AE145372" i="1"/>
  <c r="AE145373" i="1"/>
  <c r="AE145374" i="1"/>
  <c r="AE145375" i="1"/>
  <c r="AE145376" i="1"/>
  <c r="AE145377" i="1"/>
  <c r="AE145378" i="1"/>
  <c r="AE145379" i="1"/>
  <c r="AE145380" i="1"/>
  <c r="AE145381" i="1"/>
  <c r="AE145382" i="1"/>
  <c r="AE145383" i="1"/>
  <c r="AE145384" i="1"/>
  <c r="AE145385" i="1"/>
  <c r="AE145386" i="1"/>
  <c r="AE145387" i="1"/>
  <c r="AE145388" i="1"/>
  <c r="AE145389" i="1"/>
  <c r="AE145390" i="1"/>
  <c r="AE145391" i="1"/>
  <c r="AE145392" i="1"/>
  <c r="AE145393" i="1"/>
  <c r="AE145394" i="1"/>
  <c r="AE145395" i="1"/>
  <c r="AE145396" i="1"/>
  <c r="AE145397" i="1"/>
  <c r="AE145398" i="1"/>
  <c r="AE145399" i="1"/>
  <c r="AE145400" i="1"/>
  <c r="AE145401" i="1"/>
  <c r="AE145402" i="1"/>
  <c r="AE145403" i="1"/>
  <c r="AE145404" i="1"/>
  <c r="AE145405" i="1"/>
  <c r="AE145406" i="1"/>
  <c r="AE145407" i="1"/>
  <c r="AE145408" i="1"/>
  <c r="AE145409" i="1"/>
  <c r="AE145410" i="1"/>
  <c r="AE145411" i="1"/>
  <c r="AE145412" i="1"/>
  <c r="AE145413" i="1"/>
  <c r="AE145414" i="1"/>
  <c r="AE145415" i="1"/>
  <c r="AE145416" i="1"/>
  <c r="AE145417" i="1"/>
  <c r="AE145418" i="1"/>
  <c r="AE145419" i="1"/>
  <c r="AE145420" i="1"/>
  <c r="AE145421" i="1"/>
  <c r="AE145422" i="1"/>
  <c r="AE145423" i="1"/>
  <c r="AE145424" i="1"/>
  <c r="AE145425" i="1"/>
  <c r="AE145426" i="1"/>
  <c r="AE145427" i="1"/>
  <c r="AE145428" i="1"/>
  <c r="AE145429" i="1"/>
  <c r="AE145430" i="1"/>
  <c r="AE145431" i="1"/>
  <c r="AE145432" i="1"/>
  <c r="AE145433" i="1"/>
  <c r="AE145434" i="1"/>
  <c r="AE145435" i="1"/>
  <c r="AE145436" i="1"/>
  <c r="AE145437" i="1"/>
  <c r="AE145438" i="1"/>
  <c r="AE145439" i="1"/>
  <c r="AE145440" i="1"/>
  <c r="AE145441" i="1"/>
  <c r="AE145442" i="1"/>
  <c r="AE145443" i="1"/>
  <c r="AE145444" i="1"/>
  <c r="AE145445" i="1"/>
  <c r="AE145446" i="1"/>
  <c r="AE145447" i="1"/>
  <c r="AE145448" i="1"/>
  <c r="AE145449" i="1"/>
  <c r="AE145450" i="1"/>
  <c r="AE145451" i="1"/>
  <c r="AE145452" i="1"/>
  <c r="AE145453" i="1"/>
  <c r="AE145454" i="1"/>
  <c r="AE145455" i="1"/>
  <c r="AE145456" i="1"/>
  <c r="AE145457" i="1"/>
  <c r="AE145458" i="1"/>
  <c r="AE145459" i="1"/>
  <c r="AE145460" i="1"/>
  <c r="AE145461" i="1"/>
  <c r="AE145462" i="1"/>
  <c r="AE145463" i="1"/>
  <c r="AE145464" i="1"/>
  <c r="AE145465" i="1"/>
  <c r="AE145466" i="1"/>
  <c r="AE145467" i="1"/>
  <c r="AE145468" i="1"/>
  <c r="AE145469" i="1"/>
  <c r="AE145470" i="1"/>
  <c r="AE145471" i="1"/>
  <c r="AE145472" i="1"/>
  <c r="AE145473" i="1"/>
  <c r="AE145474" i="1"/>
  <c r="AE145475" i="1"/>
  <c r="AE145476" i="1"/>
  <c r="AE145477" i="1"/>
  <c r="AE145478" i="1"/>
  <c r="AE145479" i="1"/>
  <c r="AE145480" i="1"/>
  <c r="AE145481" i="1"/>
  <c r="AE145482" i="1"/>
  <c r="AE145483" i="1"/>
  <c r="AE145484" i="1"/>
  <c r="AE145485" i="1"/>
  <c r="AE145486" i="1"/>
  <c r="AE145487" i="1"/>
  <c r="AE145488" i="1"/>
  <c r="AE145489" i="1"/>
  <c r="AE145490" i="1"/>
  <c r="AE145491" i="1"/>
  <c r="AE145492" i="1"/>
  <c r="AE145493" i="1"/>
  <c r="AE145494" i="1"/>
  <c r="AE145495" i="1"/>
  <c r="AE145496" i="1"/>
  <c r="AE145497" i="1"/>
  <c r="AE145498" i="1"/>
  <c r="AE145499" i="1"/>
  <c r="AE145500" i="1"/>
  <c r="AE145501" i="1"/>
  <c r="AE145502" i="1"/>
  <c r="AE145503" i="1"/>
  <c r="AE145504" i="1"/>
  <c r="AE145505" i="1"/>
  <c r="AE145506" i="1"/>
  <c r="AE145507" i="1"/>
  <c r="AE145508" i="1"/>
  <c r="AE145509" i="1"/>
  <c r="AE145510" i="1"/>
  <c r="AE145511" i="1"/>
  <c r="AE145512" i="1"/>
  <c r="AE145513" i="1"/>
  <c r="AE145514" i="1"/>
  <c r="AE145515" i="1"/>
  <c r="AE145516" i="1"/>
  <c r="AE145517" i="1"/>
  <c r="AE145518" i="1"/>
  <c r="AE145519" i="1"/>
  <c r="AE145520" i="1"/>
  <c r="AE145521" i="1"/>
  <c r="AE145522" i="1"/>
  <c r="AE145523" i="1"/>
  <c r="AE145524" i="1"/>
  <c r="AE145525" i="1"/>
  <c r="AE145526" i="1"/>
  <c r="AE145527" i="1"/>
  <c r="AE145528" i="1"/>
  <c r="AE145529" i="1"/>
  <c r="AE145530" i="1"/>
  <c r="AE145531" i="1"/>
  <c r="AE145532" i="1"/>
  <c r="AE145533" i="1"/>
  <c r="AE145534" i="1"/>
  <c r="AE145535" i="1"/>
  <c r="AE145536" i="1"/>
  <c r="AE145537" i="1"/>
  <c r="AE145538" i="1"/>
  <c r="AE145539" i="1"/>
  <c r="AE145540" i="1"/>
  <c r="AE145541" i="1"/>
  <c r="AE145542" i="1"/>
  <c r="AE145543" i="1"/>
  <c r="AE145544" i="1"/>
  <c r="AE145545" i="1"/>
  <c r="AE145546" i="1"/>
  <c r="AE145547" i="1"/>
  <c r="AE145548" i="1"/>
  <c r="AE145549" i="1"/>
  <c r="AE145550" i="1"/>
  <c r="AE145551" i="1"/>
  <c r="AE145552" i="1"/>
  <c r="AE145553" i="1"/>
  <c r="AE145554" i="1"/>
  <c r="AE145555" i="1"/>
  <c r="AE145556" i="1"/>
  <c r="AE145557" i="1"/>
  <c r="AE145558" i="1"/>
  <c r="AE145559" i="1"/>
  <c r="AE145560" i="1"/>
  <c r="AE145561" i="1"/>
  <c r="AE145562" i="1"/>
  <c r="AE145563" i="1"/>
  <c r="AE145564" i="1"/>
  <c r="AE145565" i="1"/>
  <c r="AE145566" i="1"/>
  <c r="AE145567" i="1"/>
  <c r="AE145568" i="1"/>
  <c r="AE145569" i="1"/>
  <c r="AE145570" i="1"/>
  <c r="AE145571" i="1"/>
  <c r="AE145572" i="1"/>
  <c r="AE145573" i="1"/>
  <c r="AE145574" i="1"/>
  <c r="AE145575" i="1"/>
  <c r="AE145576" i="1"/>
  <c r="AE145577" i="1"/>
  <c r="AE145578" i="1"/>
  <c r="AE145579" i="1"/>
  <c r="AE145580" i="1"/>
  <c r="AE145581" i="1"/>
  <c r="AE145582" i="1"/>
  <c r="AE145583" i="1"/>
  <c r="AE145584" i="1"/>
  <c r="AE145585" i="1"/>
  <c r="AE145586" i="1"/>
  <c r="AE145587" i="1"/>
  <c r="AE145588" i="1"/>
  <c r="AE145589" i="1"/>
  <c r="AE145590" i="1"/>
  <c r="AE145591" i="1"/>
  <c r="AE145592" i="1"/>
  <c r="AE145593" i="1"/>
  <c r="AE145594" i="1"/>
  <c r="AE145595" i="1"/>
  <c r="AE145596" i="1"/>
  <c r="AE145597" i="1"/>
  <c r="AE145598" i="1"/>
  <c r="AE145599" i="1"/>
  <c r="AE145600" i="1"/>
  <c r="AE145601" i="1"/>
  <c r="AE145602" i="1"/>
  <c r="AE145603" i="1"/>
  <c r="AE145604" i="1"/>
  <c r="AE145605" i="1"/>
  <c r="AE145606" i="1"/>
  <c r="AE145607" i="1"/>
  <c r="AE145608" i="1"/>
  <c r="AE145609" i="1"/>
  <c r="AE145610" i="1"/>
  <c r="AE145611" i="1"/>
  <c r="AE145612" i="1"/>
  <c r="AE145613" i="1"/>
  <c r="AE145614" i="1"/>
  <c r="AE145615" i="1"/>
  <c r="AE145616" i="1"/>
  <c r="AE145617" i="1"/>
  <c r="AE145618" i="1"/>
  <c r="AE145619" i="1"/>
  <c r="AE145620" i="1"/>
  <c r="AE145621" i="1"/>
  <c r="AE145622" i="1"/>
  <c r="AE145623" i="1"/>
  <c r="AE145624" i="1"/>
  <c r="AE145625" i="1"/>
  <c r="AE145626" i="1"/>
  <c r="AE145627" i="1"/>
  <c r="AE145628" i="1"/>
  <c r="AE145629" i="1"/>
  <c r="AE145630" i="1"/>
  <c r="AE145631" i="1"/>
  <c r="AE145632" i="1"/>
  <c r="AE145633" i="1"/>
  <c r="AE145634" i="1"/>
  <c r="AE145635" i="1"/>
  <c r="AE145636" i="1"/>
  <c r="AE145637" i="1"/>
  <c r="AE145638" i="1"/>
  <c r="AE145639" i="1"/>
  <c r="AE145640" i="1"/>
  <c r="AE145641" i="1"/>
  <c r="AE145642" i="1"/>
  <c r="AE145643" i="1"/>
  <c r="AE145644" i="1"/>
  <c r="AE145645" i="1"/>
  <c r="AE145646" i="1"/>
  <c r="AE145647" i="1"/>
  <c r="AE145648" i="1"/>
  <c r="AE145649" i="1"/>
  <c r="AE145650" i="1"/>
  <c r="AE145651" i="1"/>
  <c r="AE145652" i="1"/>
  <c r="AE145653" i="1"/>
  <c r="AE145654" i="1"/>
  <c r="AE145655" i="1"/>
  <c r="AE145656" i="1"/>
  <c r="AE145657" i="1"/>
  <c r="AE145658" i="1"/>
  <c r="AE145659" i="1"/>
  <c r="AE145660" i="1"/>
  <c r="AE145661" i="1"/>
  <c r="AE145662" i="1"/>
  <c r="AE145663" i="1"/>
  <c r="AE145664" i="1"/>
  <c r="AE145665" i="1"/>
  <c r="AE145666" i="1"/>
  <c r="AE145667" i="1"/>
  <c r="AE145668" i="1"/>
  <c r="AE145669" i="1"/>
  <c r="AE145670" i="1"/>
  <c r="AE145671" i="1"/>
  <c r="AE145672" i="1"/>
  <c r="AE145673" i="1"/>
  <c r="AE145674" i="1"/>
  <c r="AE145675" i="1"/>
  <c r="AE145676" i="1"/>
  <c r="AE145677" i="1"/>
  <c r="AE145678" i="1"/>
  <c r="AE145679" i="1"/>
  <c r="AE145680" i="1"/>
  <c r="AE145681" i="1"/>
  <c r="AE145682" i="1"/>
  <c r="AE145683" i="1"/>
  <c r="AE145684" i="1"/>
  <c r="AE145685" i="1"/>
  <c r="AE145686" i="1"/>
  <c r="AE145687" i="1"/>
  <c r="AE145688" i="1"/>
  <c r="AE145689" i="1"/>
  <c r="AE145690" i="1"/>
  <c r="AE145691" i="1"/>
  <c r="AE145692" i="1"/>
  <c r="AE145693" i="1"/>
  <c r="AE145694" i="1"/>
  <c r="AE145695" i="1"/>
  <c r="AE145696" i="1"/>
  <c r="AE145697" i="1"/>
  <c r="AE145698" i="1"/>
  <c r="AE145699" i="1"/>
  <c r="AE145700" i="1"/>
  <c r="AE145701" i="1"/>
  <c r="AE145702" i="1"/>
  <c r="AE145703" i="1"/>
  <c r="AE145704" i="1"/>
  <c r="AE145705" i="1"/>
  <c r="AE145706" i="1"/>
  <c r="AE145707" i="1"/>
  <c r="AE145708" i="1"/>
  <c r="AE145709" i="1"/>
  <c r="AE145710" i="1"/>
  <c r="AE145711" i="1"/>
  <c r="AE145712" i="1"/>
  <c r="AE145713" i="1"/>
  <c r="AE145714" i="1"/>
  <c r="AE145715" i="1"/>
  <c r="AE145716" i="1"/>
  <c r="AE145717" i="1"/>
  <c r="AE145718" i="1"/>
  <c r="AE145719" i="1"/>
  <c r="AE145720" i="1"/>
  <c r="AE145721" i="1"/>
  <c r="AE145722" i="1"/>
  <c r="AE145723" i="1"/>
  <c r="AE145724" i="1"/>
  <c r="AE145725" i="1"/>
  <c r="AE145726" i="1"/>
  <c r="AE145727" i="1"/>
  <c r="AE145728" i="1"/>
  <c r="AE145729" i="1"/>
  <c r="AE145730" i="1"/>
  <c r="AE145731" i="1"/>
  <c r="AE145732" i="1"/>
  <c r="AE145733" i="1"/>
  <c r="AE145734" i="1"/>
  <c r="AE145735" i="1"/>
  <c r="AE145736" i="1"/>
  <c r="AE145737" i="1"/>
  <c r="AE145738" i="1"/>
  <c r="AE145739" i="1"/>
  <c r="AE145740" i="1"/>
  <c r="AE145741" i="1"/>
  <c r="AE145742" i="1"/>
  <c r="AE145743" i="1"/>
  <c r="AE145744" i="1"/>
  <c r="AE145745" i="1"/>
  <c r="AE145746" i="1"/>
  <c r="AE145747" i="1"/>
  <c r="AE145748" i="1"/>
  <c r="AE145749" i="1"/>
  <c r="AE145750" i="1"/>
  <c r="AE145751" i="1"/>
  <c r="AE145752" i="1"/>
  <c r="AE145753" i="1"/>
  <c r="AE145754" i="1"/>
  <c r="AE145755" i="1"/>
  <c r="AE145756" i="1"/>
  <c r="AE145757" i="1"/>
  <c r="AE145758" i="1"/>
  <c r="AE145759" i="1"/>
  <c r="AE145760" i="1"/>
  <c r="AE145761" i="1"/>
  <c r="AE145762" i="1"/>
  <c r="AE145763" i="1"/>
  <c r="AE145764" i="1"/>
  <c r="AE145765" i="1"/>
  <c r="AE145766" i="1"/>
  <c r="AE145767" i="1"/>
  <c r="AE145768" i="1"/>
  <c r="AE145769" i="1"/>
  <c r="AE145770" i="1"/>
  <c r="AE145771" i="1"/>
  <c r="AE145772" i="1"/>
  <c r="AE145773" i="1"/>
  <c r="AE145774" i="1"/>
  <c r="AE145775" i="1"/>
  <c r="AE145776" i="1"/>
  <c r="AE145777" i="1"/>
  <c r="AE145778" i="1"/>
  <c r="AE145779" i="1"/>
  <c r="AE145780" i="1"/>
  <c r="AE145781" i="1"/>
  <c r="AE145782" i="1"/>
  <c r="AE145783" i="1"/>
  <c r="AE145784" i="1"/>
  <c r="AE145785" i="1"/>
  <c r="AE145786" i="1"/>
  <c r="AE145787" i="1"/>
  <c r="AE145788" i="1"/>
  <c r="AE145789" i="1"/>
  <c r="AE145790" i="1"/>
  <c r="AE145791" i="1"/>
  <c r="AE145792" i="1"/>
  <c r="AE145793" i="1"/>
  <c r="AE145794" i="1"/>
  <c r="AE145795" i="1"/>
  <c r="AE145796" i="1"/>
  <c r="AE145797" i="1"/>
  <c r="AE145798" i="1"/>
  <c r="AE145799" i="1"/>
  <c r="AE145800" i="1"/>
  <c r="AE145801" i="1"/>
  <c r="AE145802" i="1"/>
  <c r="AE145803" i="1"/>
  <c r="AE145804" i="1"/>
  <c r="AE145805" i="1"/>
  <c r="AE145806" i="1"/>
  <c r="AE145807" i="1"/>
  <c r="AE145808" i="1"/>
  <c r="AE145809" i="1"/>
  <c r="AE145810" i="1"/>
  <c r="AE145811" i="1"/>
  <c r="AE145812" i="1"/>
  <c r="AE145813" i="1"/>
  <c r="AE145814" i="1"/>
  <c r="AE145815" i="1"/>
  <c r="AE145816" i="1"/>
  <c r="AE145817" i="1"/>
  <c r="AE145818" i="1"/>
  <c r="AE145819" i="1"/>
  <c r="AE145820" i="1"/>
  <c r="AE145821" i="1"/>
  <c r="AE145822" i="1"/>
  <c r="AE145823" i="1"/>
  <c r="AE145824" i="1"/>
  <c r="AE145825" i="1"/>
  <c r="AE145826" i="1"/>
  <c r="AE145827" i="1"/>
  <c r="AE145828" i="1"/>
  <c r="AE145829" i="1"/>
  <c r="AE145830" i="1"/>
  <c r="AE145831" i="1"/>
  <c r="AE145832" i="1"/>
  <c r="AE145833" i="1"/>
  <c r="AE145834" i="1"/>
  <c r="AE145835" i="1"/>
  <c r="AE145836" i="1"/>
  <c r="AE145837" i="1"/>
  <c r="AE145838" i="1"/>
  <c r="AE145839" i="1"/>
  <c r="AE145840" i="1"/>
  <c r="AE145841" i="1"/>
  <c r="AE145842" i="1"/>
  <c r="AE145843" i="1"/>
  <c r="AE145844" i="1"/>
  <c r="AE145845" i="1"/>
  <c r="AE145846" i="1"/>
  <c r="AE145847" i="1"/>
  <c r="AE145848" i="1"/>
  <c r="AE145849" i="1"/>
  <c r="AE145850" i="1"/>
  <c r="AE145851" i="1"/>
  <c r="AE145852" i="1"/>
  <c r="AE145853" i="1"/>
  <c r="AE145854" i="1"/>
  <c r="AE145855" i="1"/>
  <c r="AE145856" i="1"/>
  <c r="AE145857" i="1"/>
  <c r="AE145858" i="1"/>
  <c r="AE145859" i="1"/>
  <c r="AE145860" i="1"/>
  <c r="AE145861" i="1"/>
  <c r="AE145862" i="1"/>
  <c r="AE145863" i="1"/>
  <c r="AE145864" i="1"/>
  <c r="AE145865" i="1"/>
  <c r="AE145866" i="1"/>
  <c r="AE145867" i="1"/>
  <c r="AE145868" i="1"/>
  <c r="AE145869" i="1"/>
  <c r="AE145870" i="1"/>
  <c r="AE145871" i="1"/>
  <c r="AE145872" i="1"/>
  <c r="AE145873" i="1"/>
  <c r="AE145874" i="1"/>
  <c r="AE145875" i="1"/>
  <c r="AE145876" i="1"/>
  <c r="AE145877" i="1"/>
  <c r="AE145878" i="1"/>
  <c r="AE145879" i="1"/>
  <c r="AE145880" i="1"/>
  <c r="AE145881" i="1"/>
  <c r="AE145882" i="1"/>
  <c r="AE145883" i="1"/>
  <c r="AE145884" i="1"/>
  <c r="AE145885" i="1"/>
  <c r="AE145886" i="1"/>
  <c r="AE145887" i="1"/>
  <c r="AE145888" i="1"/>
  <c r="AE145889" i="1"/>
  <c r="AE145890" i="1"/>
  <c r="AE145891" i="1"/>
  <c r="AE145892" i="1"/>
  <c r="AE145893" i="1"/>
  <c r="AE145894" i="1"/>
  <c r="AE145895" i="1"/>
  <c r="AE145896" i="1"/>
  <c r="AE145897" i="1"/>
  <c r="AE145898" i="1"/>
  <c r="AE145899" i="1"/>
  <c r="AE145900" i="1"/>
  <c r="AE145901" i="1"/>
  <c r="AE145902" i="1"/>
  <c r="AE145903" i="1"/>
  <c r="AE145904" i="1"/>
  <c r="AE145905" i="1"/>
  <c r="AE145906" i="1"/>
  <c r="AE145907" i="1"/>
  <c r="AE145908" i="1"/>
  <c r="AE145909" i="1"/>
  <c r="AE145910" i="1"/>
  <c r="AE145911" i="1"/>
  <c r="AE145912" i="1"/>
  <c r="AE145913" i="1"/>
  <c r="AE145914" i="1"/>
  <c r="AE145915" i="1"/>
  <c r="AE145916" i="1"/>
  <c r="AE145917" i="1"/>
  <c r="AE145918" i="1"/>
  <c r="AE145919" i="1"/>
  <c r="AE145920" i="1"/>
  <c r="AE145921" i="1"/>
  <c r="AE145922" i="1"/>
  <c r="AE145923" i="1"/>
  <c r="AE145924" i="1"/>
  <c r="AE145925" i="1"/>
  <c r="AE145926" i="1"/>
  <c r="AE145927" i="1"/>
  <c r="AE145928" i="1"/>
  <c r="AE145929" i="1"/>
  <c r="AE145930" i="1"/>
  <c r="AE145931" i="1"/>
  <c r="AE145932" i="1"/>
  <c r="AE145933" i="1"/>
  <c r="AE145934" i="1"/>
  <c r="AE145935" i="1"/>
  <c r="AE145936" i="1"/>
  <c r="AE145937" i="1"/>
  <c r="AE145938" i="1"/>
  <c r="AE145939" i="1"/>
  <c r="AE145940" i="1"/>
  <c r="AE145941" i="1"/>
  <c r="AE145942" i="1"/>
  <c r="AE145943" i="1"/>
  <c r="AE145944" i="1"/>
  <c r="AE145945" i="1"/>
  <c r="AE145946" i="1"/>
  <c r="AE145947" i="1"/>
  <c r="AE145948" i="1"/>
  <c r="AE145949" i="1"/>
  <c r="AE145950" i="1"/>
  <c r="AE145951" i="1"/>
  <c r="AE145952" i="1"/>
  <c r="AE145953" i="1"/>
  <c r="AE145954" i="1"/>
  <c r="AE145955" i="1"/>
  <c r="AE145956" i="1"/>
  <c r="AE145957" i="1"/>
  <c r="AE145958" i="1"/>
  <c r="AE145959" i="1"/>
  <c r="AE145960" i="1"/>
  <c r="AE145961" i="1"/>
  <c r="AE145962" i="1"/>
  <c r="AE145963" i="1"/>
  <c r="AE145964" i="1"/>
  <c r="AE145965" i="1"/>
  <c r="AE145966" i="1"/>
  <c r="AE145967" i="1"/>
  <c r="AE145968" i="1"/>
  <c r="AE145969" i="1"/>
  <c r="AE145970" i="1"/>
  <c r="AE145971" i="1"/>
  <c r="AE145972" i="1"/>
  <c r="AE145973" i="1"/>
  <c r="AE145974" i="1"/>
  <c r="AE145975" i="1"/>
  <c r="AE145976" i="1"/>
  <c r="AE145977" i="1"/>
  <c r="AE145978" i="1"/>
  <c r="AE145979" i="1"/>
  <c r="AE145980" i="1"/>
  <c r="AE145981" i="1"/>
  <c r="AE145982" i="1"/>
  <c r="AE145983" i="1"/>
  <c r="AE145984" i="1"/>
  <c r="AE145985" i="1"/>
  <c r="AE145986" i="1"/>
  <c r="AE145987" i="1"/>
  <c r="AE145988" i="1"/>
  <c r="AE145989" i="1"/>
  <c r="AE145990" i="1"/>
  <c r="AE145991" i="1"/>
  <c r="AE145992" i="1"/>
  <c r="AE145993" i="1"/>
  <c r="AE145994" i="1"/>
  <c r="AE145995" i="1"/>
  <c r="AE145996" i="1"/>
  <c r="AE145997" i="1"/>
  <c r="AE145998" i="1"/>
  <c r="AE145999" i="1"/>
  <c r="AE146000" i="1"/>
  <c r="AE146001" i="1"/>
  <c r="AE146002" i="1"/>
  <c r="AE146003" i="1"/>
  <c r="AE146004" i="1"/>
  <c r="AE146005" i="1"/>
  <c r="AE146006" i="1"/>
  <c r="AE146007" i="1"/>
  <c r="AE146008" i="1"/>
  <c r="AE146009" i="1"/>
  <c r="AE146010" i="1"/>
  <c r="AE146011" i="1"/>
  <c r="AE146012" i="1"/>
  <c r="AE146013" i="1"/>
  <c r="AE146014" i="1"/>
  <c r="AE146015" i="1"/>
  <c r="AE146016" i="1"/>
  <c r="AE146017" i="1"/>
  <c r="AE146018" i="1"/>
  <c r="AE146019" i="1"/>
  <c r="AE146020" i="1"/>
  <c r="AE146021" i="1"/>
  <c r="AE146022" i="1"/>
  <c r="AE146023" i="1"/>
  <c r="AE146024" i="1"/>
  <c r="AE146025" i="1"/>
  <c r="AE146026" i="1"/>
  <c r="AE146027" i="1"/>
  <c r="AE146028" i="1"/>
  <c r="AE146029" i="1"/>
  <c r="AE146030" i="1"/>
  <c r="AE146031" i="1"/>
  <c r="AE146032" i="1"/>
  <c r="AE146033" i="1"/>
  <c r="AE146034" i="1"/>
  <c r="AE146035" i="1"/>
  <c r="AE146036" i="1"/>
  <c r="AE146037" i="1"/>
  <c r="AE146038" i="1"/>
  <c r="AE146039" i="1"/>
  <c r="AE146040" i="1"/>
  <c r="AE146041" i="1"/>
  <c r="AE146042" i="1"/>
  <c r="AE146043" i="1"/>
  <c r="AE146044" i="1"/>
  <c r="AE146045" i="1"/>
  <c r="AE146046" i="1"/>
  <c r="AE146047" i="1"/>
  <c r="AE146048" i="1"/>
  <c r="AE146049" i="1"/>
  <c r="AE146050" i="1"/>
  <c r="AE146051" i="1"/>
  <c r="AE146052" i="1"/>
  <c r="AE146053" i="1"/>
  <c r="AE146054" i="1"/>
  <c r="AE146055" i="1"/>
  <c r="AE146056" i="1"/>
  <c r="AE146057" i="1"/>
  <c r="AE146058" i="1"/>
  <c r="AE146059" i="1"/>
  <c r="AE146060" i="1"/>
  <c r="AE146061" i="1"/>
  <c r="AE146062" i="1"/>
  <c r="AE146063" i="1"/>
  <c r="AE146064" i="1"/>
  <c r="AE146065" i="1"/>
  <c r="AE146066" i="1"/>
  <c r="AE146067" i="1"/>
  <c r="AE146068" i="1"/>
  <c r="AE146069" i="1"/>
  <c r="AE146070" i="1"/>
  <c r="AE146071" i="1"/>
  <c r="AE146072" i="1"/>
  <c r="AE146073" i="1"/>
  <c r="AE146074" i="1"/>
  <c r="AE146075" i="1"/>
  <c r="AE146076" i="1"/>
  <c r="AE146077" i="1"/>
  <c r="AE146078" i="1"/>
  <c r="AE146079" i="1"/>
  <c r="AE146080" i="1"/>
  <c r="AE146081" i="1"/>
  <c r="AE146082" i="1"/>
  <c r="AE146083" i="1"/>
  <c r="AE146084" i="1"/>
  <c r="AE146085" i="1"/>
  <c r="AE146086" i="1"/>
  <c r="AE146087" i="1"/>
  <c r="AE146088" i="1"/>
  <c r="AE146089" i="1"/>
  <c r="AE146090" i="1"/>
  <c r="AE146091" i="1"/>
  <c r="AE146092" i="1"/>
  <c r="AE146093" i="1"/>
  <c r="AE146094" i="1"/>
  <c r="AE146095" i="1"/>
  <c r="AE146096" i="1"/>
  <c r="AE146097" i="1"/>
  <c r="AE146098" i="1"/>
  <c r="AE146099" i="1"/>
  <c r="AE146100" i="1"/>
  <c r="AE146101" i="1"/>
  <c r="AE146102" i="1"/>
  <c r="AE146103" i="1"/>
  <c r="AE146104" i="1"/>
  <c r="AE146105" i="1"/>
  <c r="AE146106" i="1"/>
  <c r="AE146107" i="1"/>
  <c r="AE146108" i="1"/>
  <c r="AE146109" i="1"/>
  <c r="AE146110" i="1"/>
  <c r="AE146111" i="1"/>
  <c r="AE146112" i="1"/>
  <c r="AE146113" i="1"/>
  <c r="AE146114" i="1"/>
  <c r="AE146115" i="1"/>
  <c r="AE146116" i="1"/>
  <c r="AE146117" i="1"/>
  <c r="AE146118" i="1"/>
  <c r="AE146119" i="1"/>
  <c r="AE146120" i="1"/>
  <c r="AE146121" i="1"/>
  <c r="AE146122" i="1"/>
  <c r="AE146123" i="1"/>
  <c r="AE146124" i="1"/>
  <c r="AE146125" i="1"/>
  <c r="AE146126" i="1"/>
  <c r="AE146127" i="1"/>
  <c r="AE146128" i="1"/>
  <c r="AE146129" i="1"/>
  <c r="AE146130" i="1"/>
  <c r="AE146131" i="1"/>
  <c r="AE146132" i="1"/>
  <c r="AE146133" i="1"/>
  <c r="AE146134" i="1"/>
  <c r="AE146135" i="1"/>
  <c r="AE146136" i="1"/>
  <c r="AE146137" i="1"/>
  <c r="AE146138" i="1"/>
  <c r="AE146139" i="1"/>
  <c r="AE146140" i="1"/>
  <c r="AE146141" i="1"/>
  <c r="AE146142" i="1"/>
  <c r="AE146143" i="1"/>
  <c r="AE146144" i="1"/>
  <c r="AE146145" i="1"/>
  <c r="AE146146" i="1"/>
  <c r="AE146147" i="1"/>
  <c r="AE146148" i="1"/>
  <c r="AE146149" i="1"/>
  <c r="AE146150" i="1"/>
  <c r="AE146151" i="1"/>
  <c r="AE146152" i="1"/>
  <c r="AE146153" i="1"/>
  <c r="AE146154" i="1"/>
  <c r="AE146155" i="1"/>
  <c r="AE146156" i="1"/>
  <c r="AE146157" i="1"/>
  <c r="AE146158" i="1"/>
  <c r="AE146159" i="1"/>
  <c r="AE146160" i="1"/>
  <c r="AE146161" i="1"/>
  <c r="AE146162" i="1"/>
  <c r="AE146163" i="1"/>
  <c r="AE146164" i="1"/>
  <c r="AE146165" i="1"/>
  <c r="AE146166" i="1"/>
  <c r="AE146167" i="1"/>
  <c r="AE146168" i="1"/>
  <c r="AE146169" i="1"/>
  <c r="AE146170" i="1"/>
  <c r="AE146171" i="1"/>
  <c r="AE146172" i="1"/>
  <c r="AE146173" i="1"/>
  <c r="AE146174" i="1"/>
  <c r="AE146175" i="1"/>
  <c r="AE146176" i="1"/>
  <c r="AE146177" i="1"/>
  <c r="AE146178" i="1"/>
  <c r="AE146179" i="1"/>
  <c r="AE146180" i="1"/>
  <c r="AE146181" i="1"/>
  <c r="AE146182" i="1"/>
  <c r="AE146183" i="1"/>
  <c r="AE146184" i="1"/>
  <c r="AE146185" i="1"/>
  <c r="AE146186" i="1"/>
  <c r="AE146187" i="1"/>
  <c r="AE146188" i="1"/>
  <c r="AE146189" i="1"/>
  <c r="AE146190" i="1"/>
  <c r="AE146191" i="1"/>
  <c r="AE146192" i="1"/>
  <c r="AE146193" i="1"/>
  <c r="AE146194" i="1"/>
  <c r="AE146195" i="1"/>
  <c r="AE146196" i="1"/>
  <c r="AE146197" i="1"/>
  <c r="AE146198" i="1"/>
  <c r="AE146199" i="1"/>
  <c r="AE146200" i="1"/>
  <c r="AE146201" i="1"/>
  <c r="AE146202" i="1"/>
  <c r="AE146203" i="1"/>
  <c r="AE146204" i="1"/>
  <c r="AE146205" i="1"/>
  <c r="AE146206" i="1"/>
  <c r="AE146207" i="1"/>
  <c r="AE146208" i="1"/>
  <c r="AE146209" i="1"/>
  <c r="AE146210" i="1"/>
  <c r="AE146211" i="1"/>
  <c r="AE146212" i="1"/>
  <c r="AE146213" i="1"/>
  <c r="AE146214" i="1"/>
  <c r="AE146215" i="1"/>
  <c r="AE146216" i="1"/>
  <c r="AE146217" i="1"/>
  <c r="AE146218" i="1"/>
  <c r="AE146219" i="1"/>
  <c r="AE146220" i="1"/>
  <c r="AE146221" i="1"/>
  <c r="AE146222" i="1"/>
  <c r="AE146223" i="1"/>
  <c r="AE146224" i="1"/>
  <c r="AE146225" i="1"/>
  <c r="AE146226" i="1"/>
  <c r="AE146227" i="1"/>
  <c r="AE146228" i="1"/>
  <c r="AE146229" i="1"/>
  <c r="AE146230" i="1"/>
  <c r="AE146231" i="1"/>
  <c r="AE146232" i="1"/>
  <c r="AE146233" i="1"/>
  <c r="AE146234" i="1"/>
  <c r="AE146235" i="1"/>
  <c r="AE146236" i="1"/>
  <c r="AE146237" i="1"/>
  <c r="AE146238" i="1"/>
  <c r="AE146239" i="1"/>
  <c r="AE146240" i="1"/>
  <c r="AE146241" i="1"/>
  <c r="AE146242" i="1"/>
  <c r="AE146243" i="1"/>
  <c r="AE146244" i="1"/>
  <c r="AE146245" i="1"/>
  <c r="AE146246" i="1"/>
  <c r="AE146247" i="1"/>
  <c r="AE146248" i="1"/>
  <c r="AE146249" i="1"/>
  <c r="AE146250" i="1"/>
  <c r="AE146251" i="1"/>
  <c r="AE146252" i="1"/>
  <c r="AE146253" i="1"/>
  <c r="AE146254" i="1"/>
  <c r="AE146255" i="1"/>
  <c r="AE146256" i="1"/>
  <c r="AE146257" i="1"/>
  <c r="AE146258" i="1"/>
  <c r="AE146259" i="1"/>
  <c r="AE146260" i="1"/>
  <c r="AE146261" i="1"/>
  <c r="AE146262" i="1"/>
  <c r="AE146263" i="1"/>
  <c r="AE146264" i="1"/>
  <c r="AE146265" i="1"/>
  <c r="AE146266" i="1"/>
  <c r="AE146267" i="1"/>
  <c r="AE146268" i="1"/>
  <c r="AE146269" i="1"/>
  <c r="AE146270" i="1"/>
  <c r="AE146271" i="1"/>
  <c r="AE146272" i="1"/>
  <c r="AE146273" i="1"/>
  <c r="AE146274" i="1"/>
  <c r="AE146275" i="1"/>
  <c r="AE146276" i="1"/>
  <c r="AE146277" i="1"/>
  <c r="AE146278" i="1"/>
  <c r="AE146279" i="1"/>
  <c r="AE146280" i="1"/>
  <c r="AE146281" i="1"/>
  <c r="AE146282" i="1"/>
  <c r="AE146283" i="1"/>
  <c r="AE146284" i="1"/>
  <c r="AE146285" i="1"/>
  <c r="AE146286" i="1"/>
  <c r="AE146287" i="1"/>
  <c r="AE146288" i="1"/>
  <c r="AE146289" i="1"/>
  <c r="AE146290" i="1"/>
  <c r="AE146291" i="1"/>
  <c r="AE146292" i="1"/>
  <c r="AE146293" i="1"/>
  <c r="AE146294" i="1"/>
  <c r="AE146295" i="1"/>
  <c r="AE146296" i="1"/>
  <c r="AE146297" i="1"/>
  <c r="AE146298" i="1"/>
  <c r="AE146299" i="1"/>
  <c r="AE146300" i="1"/>
  <c r="AE146301" i="1"/>
  <c r="AE146302" i="1"/>
  <c r="AE146303" i="1"/>
  <c r="AE146304" i="1"/>
  <c r="AE146305" i="1"/>
  <c r="AE146306" i="1"/>
  <c r="AE146307" i="1"/>
  <c r="AE146308" i="1"/>
  <c r="AE146309" i="1"/>
  <c r="AE146310" i="1"/>
  <c r="AE146311" i="1"/>
  <c r="AE146312" i="1"/>
  <c r="AE146313" i="1"/>
  <c r="AE146314" i="1"/>
  <c r="AE146315" i="1"/>
  <c r="AE146316" i="1"/>
  <c r="AE146317" i="1"/>
  <c r="AE146318" i="1"/>
  <c r="AE146319" i="1"/>
  <c r="AE146320" i="1"/>
  <c r="AE146321" i="1"/>
  <c r="AE146322" i="1"/>
  <c r="AE146323" i="1"/>
  <c r="AE146324" i="1"/>
  <c r="AE146325" i="1"/>
  <c r="AE146326" i="1"/>
  <c r="AE146327" i="1"/>
  <c r="AE146328" i="1"/>
  <c r="AE146329" i="1"/>
  <c r="AE146330" i="1"/>
  <c r="AE146331" i="1"/>
  <c r="AE146332" i="1"/>
  <c r="AE146333" i="1"/>
  <c r="AE146334" i="1"/>
  <c r="AE146335" i="1"/>
  <c r="AE146336" i="1"/>
  <c r="AE146337" i="1"/>
  <c r="AE146338" i="1"/>
  <c r="AE146339" i="1"/>
  <c r="AE146340" i="1"/>
  <c r="AE146341" i="1"/>
  <c r="AE146342" i="1"/>
  <c r="AE146343" i="1"/>
  <c r="AE146344" i="1"/>
  <c r="AE146345" i="1"/>
  <c r="AE146346" i="1"/>
  <c r="AE146347" i="1"/>
  <c r="AE146348" i="1"/>
  <c r="AE146349" i="1"/>
  <c r="AE146350" i="1"/>
  <c r="AE146351" i="1"/>
  <c r="AE146352" i="1"/>
  <c r="AE146353" i="1"/>
  <c r="AE146354" i="1"/>
  <c r="AE146355" i="1"/>
  <c r="AE146356" i="1"/>
  <c r="AE146357" i="1"/>
  <c r="AE146358" i="1"/>
  <c r="AE146359" i="1"/>
  <c r="AE146360" i="1"/>
  <c r="AE146361" i="1"/>
  <c r="AE146362" i="1"/>
  <c r="AE146363" i="1"/>
  <c r="AE146364" i="1"/>
  <c r="AE146365" i="1"/>
  <c r="AE146366" i="1"/>
  <c r="AE146367" i="1"/>
  <c r="AE146368" i="1"/>
  <c r="AE146369" i="1"/>
  <c r="AE146370" i="1"/>
  <c r="AE146371" i="1"/>
  <c r="AE146372" i="1"/>
  <c r="AE146373" i="1"/>
  <c r="AE146374" i="1"/>
  <c r="AE146375" i="1"/>
  <c r="AE146376" i="1"/>
  <c r="AE146377" i="1"/>
  <c r="AE146378" i="1"/>
  <c r="AE146379" i="1"/>
  <c r="AE146380" i="1"/>
  <c r="AE146381" i="1"/>
  <c r="AE146382" i="1"/>
  <c r="AE146383" i="1"/>
  <c r="AE146384" i="1"/>
  <c r="AE146385" i="1"/>
  <c r="AE146386" i="1"/>
  <c r="AE146387" i="1"/>
  <c r="AE146388" i="1"/>
  <c r="AE146389" i="1"/>
  <c r="AE146390" i="1"/>
  <c r="AE146391" i="1"/>
  <c r="AE146392" i="1"/>
  <c r="AE146393" i="1"/>
  <c r="AE146394" i="1"/>
  <c r="AE146395" i="1"/>
  <c r="AE146396" i="1"/>
  <c r="AE146397" i="1"/>
  <c r="AE146398" i="1"/>
  <c r="AE146399" i="1"/>
  <c r="AE146400" i="1"/>
  <c r="AE146401" i="1"/>
  <c r="AE146402" i="1"/>
  <c r="AE146403" i="1"/>
  <c r="AE146404" i="1"/>
  <c r="AE146405" i="1"/>
  <c r="AE146406" i="1"/>
  <c r="AE146407" i="1"/>
  <c r="AE146408" i="1"/>
  <c r="AE146409" i="1"/>
  <c r="AE146410" i="1"/>
  <c r="AE146411" i="1"/>
  <c r="AE146412" i="1"/>
  <c r="AE146413" i="1"/>
  <c r="AE146414" i="1"/>
  <c r="AE146415" i="1"/>
  <c r="AE146416" i="1"/>
  <c r="AE146417" i="1"/>
  <c r="AE146418" i="1"/>
  <c r="AE146419" i="1"/>
  <c r="AE146420" i="1"/>
  <c r="AE146421" i="1"/>
  <c r="AE146422" i="1"/>
  <c r="AE146423" i="1"/>
  <c r="AE146424" i="1"/>
  <c r="AE146425" i="1"/>
  <c r="AE146426" i="1"/>
  <c r="AE146427" i="1"/>
  <c r="AE146428" i="1"/>
  <c r="AE146429" i="1"/>
  <c r="AE146430" i="1"/>
  <c r="AE146431" i="1"/>
  <c r="AE146432" i="1"/>
  <c r="AE146433" i="1"/>
  <c r="AE146434" i="1"/>
  <c r="AE146435" i="1"/>
  <c r="AE146436" i="1"/>
  <c r="AE146437" i="1"/>
  <c r="AE146438" i="1"/>
  <c r="AE146439" i="1"/>
  <c r="AE146440" i="1"/>
  <c r="AE146441" i="1"/>
  <c r="AE146442" i="1"/>
  <c r="AE146443" i="1"/>
  <c r="AE146444" i="1"/>
  <c r="AE146445" i="1"/>
  <c r="AE146446" i="1"/>
  <c r="AE146447" i="1"/>
  <c r="AE146448" i="1"/>
  <c r="AE146449" i="1"/>
  <c r="AE146450" i="1"/>
  <c r="AE146451" i="1"/>
  <c r="AE146452" i="1"/>
  <c r="AE146453" i="1"/>
  <c r="AE146454" i="1"/>
  <c r="AE146455" i="1"/>
  <c r="AE146456" i="1"/>
  <c r="AE146457" i="1"/>
  <c r="AE146458" i="1"/>
  <c r="AE146459" i="1"/>
  <c r="AE146460" i="1"/>
  <c r="AE146461" i="1"/>
  <c r="AE146462" i="1"/>
  <c r="AE146463" i="1"/>
  <c r="AE146464" i="1"/>
  <c r="AE146465" i="1"/>
  <c r="AE146466" i="1"/>
  <c r="AE146467" i="1"/>
  <c r="AE146468" i="1"/>
  <c r="AE146469" i="1"/>
  <c r="AE146470" i="1"/>
  <c r="AE146471" i="1"/>
  <c r="AE146472" i="1"/>
  <c r="AE146473" i="1"/>
  <c r="AE146474" i="1"/>
  <c r="AE146475" i="1"/>
  <c r="AE146476" i="1"/>
  <c r="AE146477" i="1"/>
  <c r="AE146478" i="1"/>
  <c r="AE146479" i="1"/>
  <c r="AE146480" i="1"/>
  <c r="AE146481" i="1"/>
  <c r="AE146482" i="1"/>
  <c r="AE146483" i="1"/>
  <c r="AE146484" i="1"/>
  <c r="AE146485" i="1"/>
  <c r="AE146486" i="1"/>
  <c r="AE146487" i="1"/>
  <c r="AE146488" i="1"/>
  <c r="AE146489" i="1"/>
  <c r="AE146490" i="1"/>
  <c r="AE146491" i="1"/>
  <c r="AE146492" i="1"/>
  <c r="AE146493" i="1"/>
  <c r="AE146494" i="1"/>
  <c r="AE146495" i="1"/>
  <c r="AE146496" i="1"/>
  <c r="AE146497" i="1"/>
  <c r="AE146498" i="1"/>
  <c r="AE146499" i="1"/>
  <c r="AE146500" i="1"/>
  <c r="AE146501" i="1"/>
  <c r="AE146502" i="1"/>
  <c r="AE146503" i="1"/>
  <c r="AE146504" i="1"/>
  <c r="AE146505" i="1"/>
  <c r="AE146506" i="1"/>
  <c r="AE146507" i="1"/>
  <c r="AE146508" i="1"/>
  <c r="AE146509" i="1"/>
  <c r="AE146510" i="1"/>
  <c r="AE146511" i="1"/>
  <c r="AE146512" i="1"/>
  <c r="AE146513" i="1"/>
  <c r="AE146514" i="1"/>
  <c r="AE146515" i="1"/>
  <c r="AE146516" i="1"/>
  <c r="AE146517" i="1"/>
  <c r="AE146518" i="1"/>
  <c r="AE146519" i="1"/>
  <c r="AE146520" i="1"/>
  <c r="AE146521" i="1"/>
  <c r="AE146522" i="1"/>
  <c r="AE146523" i="1"/>
  <c r="AE146524" i="1"/>
  <c r="AE146525" i="1"/>
  <c r="AE146526" i="1"/>
  <c r="AE146527" i="1"/>
  <c r="AE146528" i="1"/>
  <c r="AE146529" i="1"/>
  <c r="AE146530" i="1"/>
  <c r="AE146531" i="1"/>
  <c r="AE146532" i="1"/>
  <c r="AE146533" i="1"/>
  <c r="AE146534" i="1"/>
  <c r="AE146535" i="1"/>
  <c r="AE146536" i="1"/>
  <c r="AE146537" i="1"/>
  <c r="AE146538" i="1"/>
  <c r="AE146539" i="1"/>
  <c r="AE146540" i="1"/>
  <c r="AE146541" i="1"/>
  <c r="AE146542" i="1"/>
  <c r="AE146543" i="1"/>
  <c r="AE146544" i="1"/>
  <c r="AE146545" i="1"/>
  <c r="AE146546" i="1"/>
  <c r="AE146547" i="1"/>
  <c r="AE146548" i="1"/>
  <c r="AE146549" i="1"/>
  <c r="AE146550" i="1"/>
  <c r="AE146551" i="1"/>
  <c r="AE146552" i="1"/>
  <c r="AE146553" i="1"/>
  <c r="AE146554" i="1"/>
  <c r="AE146555" i="1"/>
  <c r="AE146556" i="1"/>
  <c r="AE146557" i="1"/>
  <c r="AE146558" i="1"/>
  <c r="AE146559" i="1"/>
  <c r="AE146560" i="1"/>
  <c r="AE146561" i="1"/>
  <c r="AE146562" i="1"/>
  <c r="AE146563" i="1"/>
  <c r="AE146564" i="1"/>
  <c r="AE146565" i="1"/>
  <c r="AE146566" i="1"/>
  <c r="AE146567" i="1"/>
  <c r="AE146568" i="1"/>
  <c r="AE146569" i="1"/>
  <c r="AE146570" i="1"/>
  <c r="AE146571" i="1"/>
  <c r="AE146572" i="1"/>
  <c r="AE146573" i="1"/>
  <c r="AE146574" i="1"/>
  <c r="AE146575" i="1"/>
  <c r="AE146576" i="1"/>
  <c r="AE146577" i="1"/>
  <c r="AE146578" i="1"/>
  <c r="AE146579" i="1"/>
  <c r="AE146580" i="1"/>
  <c r="AE146581" i="1"/>
  <c r="AE146582" i="1"/>
  <c r="AE146583" i="1"/>
  <c r="AE146584" i="1"/>
  <c r="AE146585" i="1"/>
  <c r="AE146586" i="1"/>
  <c r="AE146587" i="1"/>
  <c r="AE146588" i="1"/>
  <c r="AE146589" i="1"/>
  <c r="AE146590" i="1"/>
  <c r="AE146591" i="1"/>
  <c r="AE146592" i="1"/>
  <c r="AE146593" i="1"/>
  <c r="AE146594" i="1"/>
  <c r="AE146595" i="1"/>
  <c r="AE146596" i="1"/>
  <c r="AE146597" i="1"/>
  <c r="AE146598" i="1"/>
  <c r="AE146599" i="1"/>
  <c r="AE146600" i="1"/>
  <c r="AE146601" i="1"/>
  <c r="AE146602" i="1"/>
  <c r="AE146603" i="1"/>
  <c r="AE146604" i="1"/>
  <c r="AE146605" i="1"/>
  <c r="AE146606" i="1"/>
  <c r="AE146607" i="1"/>
  <c r="AE146608" i="1"/>
  <c r="AE146609" i="1"/>
  <c r="AE146610" i="1"/>
  <c r="AE146611" i="1"/>
  <c r="AE146612" i="1"/>
  <c r="AE146613" i="1"/>
  <c r="AE146614" i="1"/>
  <c r="AE146615" i="1"/>
  <c r="AE146616" i="1"/>
  <c r="AE146617" i="1"/>
  <c r="AE146618" i="1"/>
  <c r="AE146619" i="1"/>
  <c r="AE146620" i="1"/>
  <c r="AE146621" i="1"/>
  <c r="AE146622" i="1"/>
  <c r="AE146623" i="1"/>
  <c r="AE146624" i="1"/>
  <c r="AE146625" i="1"/>
  <c r="AE146626" i="1"/>
  <c r="AE146627" i="1"/>
  <c r="AE146628" i="1"/>
  <c r="AE146629" i="1"/>
  <c r="AE146630" i="1"/>
  <c r="AE146631" i="1"/>
  <c r="AE146632" i="1"/>
  <c r="AE146633" i="1"/>
  <c r="AE146634" i="1"/>
  <c r="AE146635" i="1"/>
  <c r="AE146636" i="1"/>
  <c r="AE146637" i="1"/>
  <c r="AE146638" i="1"/>
  <c r="AE146639" i="1"/>
  <c r="AE146640" i="1"/>
  <c r="AE146641" i="1"/>
  <c r="AE146642" i="1"/>
  <c r="AE146643" i="1"/>
  <c r="AE146644" i="1"/>
  <c r="AE146645" i="1"/>
  <c r="AE146646" i="1"/>
  <c r="AE146647" i="1"/>
  <c r="AE146648" i="1"/>
  <c r="AE146649" i="1"/>
  <c r="AE146650" i="1"/>
  <c r="AE146651" i="1"/>
  <c r="AE146652" i="1"/>
  <c r="AE146653" i="1"/>
  <c r="AE146654" i="1"/>
  <c r="AE146655" i="1"/>
  <c r="AE146656" i="1"/>
  <c r="AE146657" i="1"/>
  <c r="AE146658" i="1"/>
  <c r="AE146659" i="1"/>
  <c r="AE146660" i="1"/>
  <c r="AE146661" i="1"/>
  <c r="AE146662" i="1"/>
  <c r="AE146663" i="1"/>
  <c r="AE146664" i="1"/>
  <c r="AE146665" i="1"/>
  <c r="AE146666" i="1"/>
  <c r="AE146667" i="1"/>
  <c r="AE146668" i="1"/>
  <c r="AE146669" i="1"/>
  <c r="AE146670" i="1"/>
  <c r="AE146671" i="1"/>
  <c r="AE146672" i="1"/>
  <c r="AE146673" i="1"/>
  <c r="AE146674" i="1"/>
  <c r="AE146675" i="1"/>
  <c r="AE146676" i="1"/>
  <c r="AE146677" i="1"/>
  <c r="AE146678" i="1"/>
  <c r="AE146679" i="1"/>
  <c r="AE146680" i="1"/>
  <c r="AE146681" i="1"/>
  <c r="AE146682" i="1"/>
  <c r="AE146683" i="1"/>
  <c r="AE146684" i="1"/>
  <c r="AE146685" i="1"/>
  <c r="AE146686" i="1"/>
  <c r="AE146687" i="1"/>
  <c r="AE146688" i="1"/>
  <c r="AE146689" i="1"/>
  <c r="AE146690" i="1"/>
  <c r="AE146691" i="1"/>
  <c r="AE146692" i="1"/>
  <c r="AE146693" i="1"/>
  <c r="AE146694" i="1"/>
  <c r="AE146695" i="1"/>
  <c r="AE146696" i="1"/>
  <c r="AE146697" i="1"/>
  <c r="AE146698" i="1"/>
  <c r="AE146699" i="1"/>
  <c r="AE146700" i="1"/>
  <c r="AE146701" i="1"/>
  <c r="AE146702" i="1"/>
  <c r="AE146703" i="1"/>
  <c r="AE146704" i="1"/>
  <c r="AE146705" i="1"/>
  <c r="AE146706" i="1"/>
  <c r="AE146707" i="1"/>
  <c r="AE146708" i="1"/>
  <c r="AE146709" i="1"/>
  <c r="AE146710" i="1"/>
  <c r="AE146711" i="1"/>
  <c r="AE146712" i="1"/>
  <c r="AE146713" i="1"/>
  <c r="AE146714" i="1"/>
  <c r="AE146715" i="1"/>
  <c r="AE146716" i="1"/>
  <c r="AE146717" i="1"/>
  <c r="AE146718" i="1"/>
  <c r="AE146719" i="1"/>
  <c r="AE146720" i="1"/>
  <c r="AE146721" i="1"/>
  <c r="AE146722" i="1"/>
  <c r="AE146723" i="1"/>
  <c r="AE146724" i="1"/>
  <c r="AE146725" i="1"/>
  <c r="AE146726" i="1"/>
  <c r="AE146727" i="1"/>
  <c r="AE146728" i="1"/>
  <c r="AE146729" i="1"/>
  <c r="AE146730" i="1"/>
  <c r="AE146731" i="1"/>
  <c r="AE146732" i="1"/>
  <c r="AE146733" i="1"/>
  <c r="AE146734" i="1"/>
  <c r="AE146735" i="1"/>
  <c r="AE146736" i="1"/>
  <c r="AE146737" i="1"/>
  <c r="AE146738" i="1"/>
  <c r="AE146739" i="1"/>
  <c r="AE146740" i="1"/>
  <c r="AE146741" i="1"/>
  <c r="AE146742" i="1"/>
  <c r="AE146743" i="1"/>
  <c r="AE146744" i="1"/>
  <c r="AE146745" i="1"/>
  <c r="AE146746" i="1"/>
  <c r="AE146747" i="1"/>
  <c r="AE146748" i="1"/>
  <c r="AE146749" i="1"/>
  <c r="AE146750" i="1"/>
  <c r="AE146751" i="1"/>
  <c r="AE146752" i="1"/>
  <c r="AE146753" i="1"/>
  <c r="AE146754" i="1"/>
  <c r="AE146755" i="1"/>
  <c r="AE146756" i="1"/>
  <c r="AE146757" i="1"/>
  <c r="AE146758" i="1"/>
  <c r="AE146759" i="1"/>
  <c r="AE146760" i="1"/>
  <c r="AE146761" i="1"/>
  <c r="AE146762" i="1"/>
  <c r="AE146763" i="1"/>
  <c r="AE146764" i="1"/>
  <c r="AE146765" i="1"/>
  <c r="AE146766" i="1"/>
  <c r="AE146767" i="1"/>
  <c r="AE146768" i="1"/>
  <c r="AE146769" i="1"/>
  <c r="AE146770" i="1"/>
  <c r="AE146771" i="1"/>
  <c r="AE146772" i="1"/>
  <c r="AE146773" i="1"/>
  <c r="AE146774" i="1"/>
  <c r="AE146775" i="1"/>
  <c r="AE146776" i="1"/>
  <c r="AE146777" i="1"/>
  <c r="AE146778" i="1"/>
  <c r="AE146779" i="1"/>
  <c r="AE146780" i="1"/>
  <c r="AE146781" i="1"/>
  <c r="AE146782" i="1"/>
  <c r="AE146783" i="1"/>
  <c r="AE146784" i="1"/>
  <c r="AE146785" i="1"/>
  <c r="AE146786" i="1"/>
  <c r="AE146787" i="1"/>
  <c r="AE146788" i="1"/>
  <c r="AE146789" i="1"/>
  <c r="AE146790" i="1"/>
  <c r="AE146791" i="1"/>
  <c r="AE146792" i="1"/>
  <c r="AE146793" i="1"/>
  <c r="AE146794" i="1"/>
  <c r="AE146795" i="1"/>
  <c r="AE146796" i="1"/>
  <c r="AE146797" i="1"/>
  <c r="AE146798" i="1"/>
  <c r="AE146799" i="1"/>
  <c r="AE146800" i="1"/>
  <c r="AE146801" i="1"/>
  <c r="AE146802" i="1"/>
  <c r="AE146803" i="1"/>
  <c r="AE146804" i="1"/>
  <c r="AE146805" i="1"/>
  <c r="AE146806" i="1"/>
  <c r="AE146807" i="1"/>
  <c r="AE146808" i="1"/>
  <c r="AE146809" i="1"/>
  <c r="AE146810" i="1"/>
  <c r="AE146811" i="1"/>
  <c r="AE146812" i="1"/>
  <c r="AE146813" i="1"/>
  <c r="AE146814" i="1"/>
  <c r="AE146815" i="1"/>
  <c r="AE146816" i="1"/>
  <c r="AE146817" i="1"/>
  <c r="AE146818" i="1"/>
  <c r="AE146819" i="1"/>
  <c r="AE146820" i="1"/>
  <c r="AE146821" i="1"/>
  <c r="AE146822" i="1"/>
  <c r="AE146823" i="1"/>
  <c r="AE146824" i="1"/>
  <c r="AE146825" i="1"/>
  <c r="AE146826" i="1"/>
  <c r="AE146827" i="1"/>
  <c r="AE146828" i="1"/>
  <c r="AE146829" i="1"/>
  <c r="AE146830" i="1"/>
  <c r="AE146831" i="1"/>
  <c r="AE146832" i="1"/>
  <c r="AE146833" i="1"/>
  <c r="AE146834" i="1"/>
  <c r="AE146835" i="1"/>
  <c r="AE146836" i="1"/>
  <c r="AE146837" i="1"/>
  <c r="AE146838" i="1"/>
  <c r="AE146839" i="1"/>
  <c r="AE146840" i="1"/>
  <c r="AE146841" i="1"/>
  <c r="AE146842" i="1"/>
  <c r="AE146843" i="1"/>
  <c r="AE146844" i="1"/>
  <c r="AE146845" i="1"/>
  <c r="AE146846" i="1"/>
  <c r="AE146847" i="1"/>
  <c r="AE146848" i="1"/>
  <c r="AE146849" i="1"/>
  <c r="AE146850" i="1"/>
  <c r="AE146851" i="1"/>
  <c r="AE146852" i="1"/>
  <c r="AE146853" i="1"/>
  <c r="AE146854" i="1"/>
  <c r="AE146855" i="1"/>
  <c r="AE146856" i="1"/>
  <c r="AE146857" i="1"/>
  <c r="AE146858" i="1"/>
  <c r="AE146859" i="1"/>
  <c r="AE146860" i="1"/>
  <c r="AE146861" i="1"/>
  <c r="AE146862" i="1"/>
  <c r="AE146863" i="1"/>
  <c r="AE146864" i="1"/>
  <c r="AE146865" i="1"/>
  <c r="AE146866" i="1"/>
  <c r="AE146867" i="1"/>
  <c r="AE146868" i="1"/>
  <c r="AE146869" i="1"/>
  <c r="AE146870" i="1"/>
  <c r="AE146871" i="1"/>
  <c r="AE146872" i="1"/>
  <c r="AE146873" i="1"/>
  <c r="AE146874" i="1"/>
  <c r="AE146875" i="1"/>
  <c r="AE146876" i="1"/>
  <c r="AE146877" i="1"/>
  <c r="AE146878" i="1"/>
  <c r="AE146879" i="1"/>
  <c r="AE146880" i="1"/>
  <c r="AE146881" i="1"/>
  <c r="AE146882" i="1"/>
  <c r="AE146883" i="1"/>
  <c r="AE146884" i="1"/>
  <c r="AE146885" i="1"/>
  <c r="AE146886" i="1"/>
  <c r="AE146887" i="1"/>
  <c r="AE146888" i="1"/>
  <c r="AE146889" i="1"/>
  <c r="AE146890" i="1"/>
  <c r="AE146891" i="1"/>
  <c r="AE146892" i="1"/>
  <c r="AE146893" i="1"/>
  <c r="AE146894" i="1"/>
  <c r="AE146895" i="1"/>
  <c r="AE146896" i="1"/>
  <c r="AE146897" i="1"/>
  <c r="AE146898" i="1"/>
  <c r="AE146899" i="1"/>
  <c r="AE146900" i="1"/>
  <c r="AE146901" i="1"/>
  <c r="AE146902" i="1"/>
  <c r="AE146903" i="1"/>
  <c r="AE146904" i="1"/>
  <c r="AE146905" i="1"/>
  <c r="AE146906" i="1"/>
  <c r="AE146907" i="1"/>
  <c r="AE146908" i="1"/>
  <c r="AE146909" i="1"/>
  <c r="AE146910" i="1"/>
  <c r="AE146911" i="1"/>
  <c r="AE146912" i="1"/>
  <c r="AE146913" i="1"/>
  <c r="AE146914" i="1"/>
  <c r="AE146915" i="1"/>
  <c r="AE146916" i="1"/>
  <c r="AE146917" i="1"/>
  <c r="AE146918" i="1"/>
  <c r="AE146919" i="1"/>
  <c r="AE146920" i="1"/>
  <c r="AE146921" i="1"/>
  <c r="AE146922" i="1"/>
  <c r="AE146923" i="1"/>
  <c r="AE146924" i="1"/>
  <c r="AE146925" i="1"/>
  <c r="AE146926" i="1"/>
  <c r="AE146927" i="1"/>
  <c r="AE146928" i="1"/>
  <c r="AE146929" i="1"/>
  <c r="AE146930" i="1"/>
  <c r="AE146931" i="1"/>
  <c r="AE146932" i="1"/>
  <c r="AE146933" i="1"/>
  <c r="AE146934" i="1"/>
  <c r="AE146935" i="1"/>
  <c r="AE146936" i="1"/>
  <c r="AE146937" i="1"/>
  <c r="AE146938" i="1"/>
  <c r="AE146939" i="1"/>
  <c r="AE146940" i="1"/>
  <c r="AE146941" i="1"/>
  <c r="AE146942" i="1"/>
  <c r="AE146943" i="1"/>
  <c r="AE146944" i="1"/>
  <c r="AE146945" i="1"/>
  <c r="AE146946" i="1"/>
  <c r="AE146947" i="1"/>
  <c r="AE146948" i="1"/>
  <c r="AE146949" i="1"/>
  <c r="AE146950" i="1"/>
  <c r="AE146951" i="1"/>
  <c r="AE146952" i="1"/>
  <c r="AE146953" i="1"/>
  <c r="AE146954" i="1"/>
  <c r="AE146955" i="1"/>
  <c r="AE146956" i="1"/>
  <c r="AE146957" i="1"/>
  <c r="AE146958" i="1"/>
  <c r="AE146959" i="1"/>
  <c r="AE146960" i="1"/>
  <c r="AE146961" i="1"/>
  <c r="AE146962" i="1"/>
  <c r="AE146963" i="1"/>
  <c r="AE146964" i="1"/>
  <c r="AE146965" i="1"/>
  <c r="AE146966" i="1"/>
  <c r="AE146967" i="1"/>
  <c r="AE146968" i="1"/>
  <c r="AE146969" i="1"/>
  <c r="AE146970" i="1"/>
  <c r="AE146971" i="1"/>
  <c r="AE146972" i="1"/>
  <c r="AE146973" i="1"/>
  <c r="AE146974" i="1"/>
  <c r="AE146975" i="1"/>
  <c r="AE146976" i="1"/>
  <c r="AE146977" i="1"/>
  <c r="AE146978" i="1"/>
  <c r="AE146979" i="1"/>
  <c r="AE146980" i="1"/>
  <c r="AE146981" i="1"/>
  <c r="AE146982" i="1"/>
  <c r="AE146983" i="1"/>
  <c r="AE146984" i="1"/>
  <c r="AE146985" i="1"/>
  <c r="AE146986" i="1"/>
  <c r="AE146987" i="1"/>
  <c r="AE146988" i="1"/>
  <c r="AE146989" i="1"/>
  <c r="AE146990" i="1"/>
  <c r="AE146991" i="1"/>
  <c r="AE146992" i="1"/>
  <c r="AE146993" i="1"/>
  <c r="AE146994" i="1"/>
  <c r="AE146995" i="1"/>
  <c r="AE146996" i="1"/>
  <c r="AE146997" i="1"/>
  <c r="AE146998" i="1"/>
  <c r="AE146999" i="1"/>
  <c r="AE147000" i="1"/>
  <c r="AE147001" i="1"/>
  <c r="AE147002" i="1"/>
  <c r="AE147003" i="1"/>
  <c r="AE147004" i="1"/>
  <c r="AE147005" i="1"/>
  <c r="AE147006" i="1"/>
  <c r="AE147007" i="1"/>
  <c r="AE147008" i="1"/>
  <c r="AE147009" i="1"/>
  <c r="AE147010" i="1"/>
  <c r="AE147011" i="1"/>
  <c r="AE147012" i="1"/>
  <c r="AE147013" i="1"/>
  <c r="AE147014" i="1"/>
  <c r="AE147015" i="1"/>
  <c r="AE147016" i="1"/>
  <c r="AE147017" i="1"/>
  <c r="AE147018" i="1"/>
  <c r="AE147019" i="1"/>
  <c r="AE147020" i="1"/>
  <c r="AE147021" i="1"/>
  <c r="AE147022" i="1"/>
  <c r="AE147023" i="1"/>
  <c r="AE147024" i="1"/>
  <c r="AE147025" i="1"/>
  <c r="AE147026" i="1"/>
  <c r="AE147027" i="1"/>
  <c r="AE147028" i="1"/>
  <c r="AE147029" i="1"/>
  <c r="AE147030" i="1"/>
  <c r="AE147031" i="1"/>
  <c r="AE147032" i="1"/>
  <c r="AE147033" i="1"/>
  <c r="AE147034" i="1"/>
  <c r="AE147035" i="1"/>
  <c r="AE147036" i="1"/>
  <c r="AE147037" i="1"/>
  <c r="AE147038" i="1"/>
  <c r="AE147039" i="1"/>
  <c r="AE147040" i="1"/>
  <c r="AE147041" i="1"/>
  <c r="AE147042" i="1"/>
  <c r="AE147043" i="1"/>
  <c r="AE147044" i="1"/>
  <c r="AE147045" i="1"/>
  <c r="AE147046" i="1"/>
  <c r="AE147047" i="1"/>
  <c r="AE147048" i="1"/>
  <c r="AE147049" i="1"/>
  <c r="AE147050" i="1"/>
  <c r="AE147051" i="1"/>
  <c r="AE147052" i="1"/>
  <c r="AE147053" i="1"/>
  <c r="AE147054" i="1"/>
  <c r="AE147055" i="1"/>
  <c r="AE147056" i="1"/>
  <c r="AE147057" i="1"/>
  <c r="AE147058" i="1"/>
  <c r="AE147059" i="1"/>
  <c r="AE147060" i="1"/>
  <c r="AE147061" i="1"/>
  <c r="AE147062" i="1"/>
  <c r="AE147063" i="1"/>
  <c r="AE147064" i="1"/>
  <c r="AE147065" i="1"/>
  <c r="AE147066" i="1"/>
  <c r="AE147067" i="1"/>
  <c r="AE147068" i="1"/>
  <c r="AE147069" i="1"/>
  <c r="AE147070" i="1"/>
  <c r="AE147071" i="1"/>
  <c r="AE147072" i="1"/>
  <c r="AE147073" i="1"/>
  <c r="AE147074" i="1"/>
  <c r="AE147075" i="1"/>
  <c r="AE147076" i="1"/>
  <c r="AE147077" i="1"/>
  <c r="AE147078" i="1"/>
  <c r="AE147079" i="1"/>
  <c r="AE147080" i="1"/>
  <c r="AE147081" i="1"/>
  <c r="AE147082" i="1"/>
  <c r="AE147083" i="1"/>
  <c r="AE147084" i="1"/>
  <c r="AE147085" i="1"/>
  <c r="AE147086" i="1"/>
  <c r="AE147087" i="1"/>
  <c r="AE147088" i="1"/>
  <c r="AE147089" i="1"/>
  <c r="AE147090" i="1"/>
  <c r="AE147091" i="1"/>
  <c r="AE147092" i="1"/>
  <c r="AE147093" i="1"/>
  <c r="AE147094" i="1"/>
  <c r="AE147095" i="1"/>
  <c r="AE147096" i="1"/>
  <c r="AE147097" i="1"/>
  <c r="AE147098" i="1"/>
  <c r="AE147099" i="1"/>
  <c r="AE147100" i="1"/>
  <c r="AE147101" i="1"/>
  <c r="AE147102" i="1"/>
  <c r="AE147103" i="1"/>
  <c r="AE147104" i="1"/>
  <c r="AE147105" i="1"/>
  <c r="AE147106" i="1"/>
  <c r="AE147107" i="1"/>
  <c r="AE147108" i="1"/>
  <c r="AE147109" i="1"/>
  <c r="AE147110" i="1"/>
  <c r="AE147111" i="1"/>
  <c r="AE147112" i="1"/>
  <c r="AE147113" i="1"/>
  <c r="AE147114" i="1"/>
  <c r="AE147115" i="1"/>
  <c r="AE147116" i="1"/>
  <c r="AE147117" i="1"/>
  <c r="AE147118" i="1"/>
  <c r="AE147119" i="1"/>
  <c r="AE147120" i="1"/>
  <c r="AE147121" i="1"/>
  <c r="AE147122" i="1"/>
  <c r="AE147123" i="1"/>
  <c r="AE147124" i="1"/>
  <c r="AE147125" i="1"/>
  <c r="AE147126" i="1"/>
  <c r="AE147127" i="1"/>
  <c r="AE147128" i="1"/>
  <c r="AE147129" i="1"/>
  <c r="AE147130" i="1"/>
  <c r="AE147131" i="1"/>
  <c r="AE147132" i="1"/>
  <c r="AE147133" i="1"/>
  <c r="AE147134" i="1"/>
  <c r="AE147135" i="1"/>
  <c r="AE147136" i="1"/>
  <c r="AE147137" i="1"/>
  <c r="AE147138" i="1"/>
  <c r="AE147139" i="1"/>
  <c r="AE147140" i="1"/>
  <c r="AE147141" i="1"/>
  <c r="AE147142" i="1"/>
  <c r="AE147143" i="1"/>
  <c r="AE147144" i="1"/>
  <c r="AE147145" i="1"/>
  <c r="AE147146" i="1"/>
  <c r="AE147147" i="1"/>
  <c r="AE147148" i="1"/>
  <c r="AE147149" i="1"/>
  <c r="AE147150" i="1"/>
  <c r="AE147151" i="1"/>
  <c r="AE147152" i="1"/>
  <c r="AE147153" i="1"/>
  <c r="AE147154" i="1"/>
  <c r="AE147155" i="1"/>
  <c r="AE147156" i="1"/>
  <c r="AE147157" i="1"/>
  <c r="AE147158" i="1"/>
  <c r="AE147159" i="1"/>
  <c r="AE147160" i="1"/>
  <c r="AE147161" i="1"/>
  <c r="AE147162" i="1"/>
  <c r="AE147163" i="1"/>
  <c r="AE147164" i="1"/>
  <c r="AE147165" i="1"/>
  <c r="AE147166" i="1"/>
  <c r="AE147167" i="1"/>
  <c r="AE147168" i="1"/>
  <c r="AE147169" i="1"/>
  <c r="AE147170" i="1"/>
  <c r="AE147171" i="1"/>
  <c r="AE147172" i="1"/>
  <c r="AE147173" i="1"/>
  <c r="AE147174" i="1"/>
  <c r="AE147175" i="1"/>
  <c r="AE147176" i="1"/>
  <c r="AE147177" i="1"/>
  <c r="AE147178" i="1"/>
  <c r="AE147179" i="1"/>
  <c r="AE147180" i="1"/>
  <c r="AE147181" i="1"/>
  <c r="AE147182" i="1"/>
  <c r="AE147183" i="1"/>
  <c r="AE147184" i="1"/>
  <c r="AE147185" i="1"/>
  <c r="AE147186" i="1"/>
  <c r="AE147187" i="1"/>
  <c r="AE147188" i="1"/>
  <c r="AE147189" i="1"/>
  <c r="AE147190" i="1"/>
  <c r="AE147191" i="1"/>
  <c r="AE147192" i="1"/>
  <c r="AE147193" i="1"/>
  <c r="AE147194" i="1"/>
  <c r="AE147195" i="1"/>
  <c r="AE147196" i="1"/>
  <c r="AE147197" i="1"/>
  <c r="AE147198" i="1"/>
  <c r="AE147199" i="1"/>
  <c r="AE147200" i="1"/>
  <c r="AE147201" i="1"/>
  <c r="AE147202" i="1"/>
  <c r="AE147203" i="1"/>
  <c r="AE147204" i="1"/>
  <c r="AE147205" i="1"/>
  <c r="AE147206" i="1"/>
  <c r="AE147207" i="1"/>
  <c r="AE147208" i="1"/>
  <c r="AE147209" i="1"/>
  <c r="AE147210" i="1"/>
  <c r="AE147211" i="1"/>
  <c r="AE147212" i="1"/>
  <c r="AE147213" i="1"/>
  <c r="AE147214" i="1"/>
  <c r="AE147215" i="1"/>
  <c r="AE147216" i="1"/>
  <c r="AE147217" i="1"/>
  <c r="AE147218" i="1"/>
  <c r="AE147219" i="1"/>
  <c r="AE147220" i="1"/>
  <c r="AE147221" i="1"/>
  <c r="AE147222" i="1"/>
  <c r="AE147223" i="1"/>
  <c r="AE147224" i="1"/>
  <c r="AE147225" i="1"/>
  <c r="AE147226" i="1"/>
  <c r="AE147227" i="1"/>
  <c r="AE147228" i="1"/>
  <c r="AE147229" i="1"/>
  <c r="AE147230" i="1"/>
  <c r="AE147231" i="1"/>
  <c r="AE147232" i="1"/>
  <c r="AE147233" i="1"/>
  <c r="AE147234" i="1"/>
  <c r="AE147235" i="1"/>
  <c r="AE147236" i="1"/>
  <c r="AE147237" i="1"/>
  <c r="AE147238" i="1"/>
  <c r="AE147239" i="1"/>
  <c r="AE147240" i="1"/>
  <c r="AE147241" i="1"/>
  <c r="AE147242" i="1"/>
  <c r="AE147243" i="1"/>
  <c r="AE147244" i="1"/>
  <c r="AE147245" i="1"/>
  <c r="AE147246" i="1"/>
  <c r="AE147247" i="1"/>
  <c r="AE147248" i="1"/>
  <c r="AE147249" i="1"/>
  <c r="AE147250" i="1"/>
  <c r="AE147251" i="1"/>
  <c r="AE147252" i="1"/>
  <c r="AE147253" i="1"/>
  <c r="AE147254" i="1"/>
  <c r="AE147255" i="1"/>
  <c r="AE147256" i="1"/>
  <c r="AE147257" i="1"/>
  <c r="AE147258" i="1"/>
  <c r="AE147259" i="1"/>
  <c r="AE147260" i="1"/>
  <c r="AE147261" i="1"/>
  <c r="AE147262" i="1"/>
  <c r="AE147263" i="1"/>
  <c r="AE147264" i="1"/>
  <c r="AE147265" i="1"/>
  <c r="AE147266" i="1"/>
  <c r="AE147267" i="1"/>
  <c r="AE147268" i="1"/>
  <c r="AE147269" i="1"/>
  <c r="AE147270" i="1"/>
  <c r="AE147271" i="1"/>
  <c r="AE147272" i="1"/>
  <c r="AE147273" i="1"/>
  <c r="AE147274" i="1"/>
  <c r="AE147275" i="1"/>
  <c r="AE147276" i="1"/>
  <c r="AE147277" i="1"/>
  <c r="AE147278" i="1"/>
  <c r="AE147279" i="1"/>
  <c r="AE147280" i="1"/>
  <c r="AE147281" i="1"/>
  <c r="AE147282" i="1"/>
  <c r="AE147283" i="1"/>
  <c r="AE147284" i="1"/>
  <c r="AE147285" i="1"/>
  <c r="AE147286" i="1"/>
  <c r="AE147287" i="1"/>
  <c r="AE147288" i="1"/>
  <c r="AE147289" i="1"/>
  <c r="AE147290" i="1"/>
  <c r="AE147291" i="1"/>
  <c r="AE147292" i="1"/>
  <c r="AE147293" i="1"/>
  <c r="AE147294" i="1"/>
  <c r="AE147295" i="1"/>
  <c r="AE147296" i="1"/>
  <c r="AE147297" i="1"/>
  <c r="AE147298" i="1"/>
  <c r="AE147299" i="1"/>
  <c r="AE147300" i="1"/>
  <c r="AE147301" i="1"/>
  <c r="AE147302" i="1"/>
  <c r="AE147303" i="1"/>
  <c r="AE147304" i="1"/>
  <c r="AE147305" i="1"/>
  <c r="AE147306" i="1"/>
  <c r="AE147307" i="1"/>
  <c r="AE147308" i="1"/>
  <c r="AE147309" i="1"/>
  <c r="AE147310" i="1"/>
  <c r="AE147311" i="1"/>
  <c r="AE147312" i="1"/>
  <c r="AE147313" i="1"/>
  <c r="AE147314" i="1"/>
  <c r="AE147315" i="1"/>
  <c r="AE147316" i="1"/>
  <c r="AE147317" i="1"/>
  <c r="AE147318" i="1"/>
  <c r="AE147319" i="1"/>
  <c r="AE147320" i="1"/>
  <c r="AE147321" i="1"/>
  <c r="AE147322" i="1"/>
  <c r="AE147323" i="1"/>
  <c r="AE147324" i="1"/>
  <c r="AE147325" i="1"/>
  <c r="AE147326" i="1"/>
  <c r="AE147327" i="1"/>
  <c r="AE147328" i="1"/>
  <c r="AE147329" i="1"/>
  <c r="AE147330" i="1"/>
  <c r="AE147331" i="1"/>
  <c r="AE147332" i="1"/>
  <c r="AE147333" i="1"/>
  <c r="AE147334" i="1"/>
  <c r="AE147335" i="1"/>
  <c r="AE147336" i="1"/>
  <c r="AE147337" i="1"/>
  <c r="AE147338" i="1"/>
  <c r="AE147339" i="1"/>
  <c r="AE147340" i="1"/>
  <c r="AE147341" i="1"/>
  <c r="AE147342" i="1"/>
  <c r="AE147343" i="1"/>
  <c r="AE147344" i="1"/>
  <c r="AE147345" i="1"/>
  <c r="AE147346" i="1"/>
  <c r="AE147347" i="1"/>
  <c r="AE147348" i="1"/>
  <c r="AE147349" i="1"/>
  <c r="AE147350" i="1"/>
  <c r="AE147351" i="1"/>
  <c r="AE147352" i="1"/>
  <c r="AE147353" i="1"/>
  <c r="AE147354" i="1"/>
  <c r="AE147355" i="1"/>
  <c r="AE147356" i="1"/>
  <c r="AE147357" i="1"/>
  <c r="AE147358" i="1"/>
  <c r="AE147359" i="1"/>
  <c r="AE147360" i="1"/>
  <c r="AE147361" i="1"/>
  <c r="AE147362" i="1"/>
  <c r="AE147363" i="1"/>
  <c r="AE147364" i="1"/>
  <c r="AE147365" i="1"/>
  <c r="AE147366" i="1"/>
  <c r="AE147367" i="1"/>
  <c r="AE147368" i="1"/>
  <c r="AE147369" i="1"/>
  <c r="AE147370" i="1"/>
  <c r="AE147371" i="1"/>
  <c r="AE147372" i="1"/>
  <c r="AE147373" i="1"/>
  <c r="AE147374" i="1"/>
  <c r="AE147375" i="1"/>
  <c r="AE147376" i="1"/>
  <c r="AE147377" i="1"/>
  <c r="AE147378" i="1"/>
  <c r="AE147379" i="1"/>
  <c r="AE147380" i="1"/>
  <c r="AE147381" i="1"/>
  <c r="AE147382" i="1"/>
  <c r="AE147383" i="1"/>
  <c r="AE147384" i="1"/>
  <c r="AE147385" i="1"/>
  <c r="AE147386" i="1"/>
  <c r="AE147387" i="1"/>
  <c r="AE147388" i="1"/>
  <c r="AE147389" i="1"/>
  <c r="AE147390" i="1"/>
  <c r="AE147391" i="1"/>
  <c r="AE147392" i="1"/>
  <c r="AE147393" i="1"/>
  <c r="AE147394" i="1"/>
  <c r="AE147395" i="1"/>
  <c r="AE147396" i="1"/>
  <c r="AE147397" i="1"/>
  <c r="AE147398" i="1"/>
  <c r="AE147399" i="1"/>
  <c r="AE147400" i="1"/>
  <c r="AE147401" i="1"/>
  <c r="AE147402" i="1"/>
  <c r="AE147403" i="1"/>
  <c r="AE147404" i="1"/>
  <c r="AE147405" i="1"/>
  <c r="AE147406" i="1"/>
  <c r="AE147407" i="1"/>
  <c r="AE147408" i="1"/>
  <c r="AE147409" i="1"/>
  <c r="AE147410" i="1"/>
  <c r="AE147411" i="1"/>
  <c r="AE147412" i="1"/>
  <c r="AE147413" i="1"/>
  <c r="AE147414" i="1"/>
  <c r="AE147415" i="1"/>
  <c r="AE147416" i="1"/>
  <c r="AE147417" i="1"/>
  <c r="AE147418" i="1"/>
  <c r="AE147419" i="1"/>
  <c r="AE147420" i="1"/>
  <c r="AE147421" i="1"/>
  <c r="AE147422" i="1"/>
  <c r="AE147423" i="1"/>
  <c r="AE147424" i="1"/>
  <c r="AE147425" i="1"/>
  <c r="AE147426" i="1"/>
  <c r="AE147427" i="1"/>
  <c r="AE147428" i="1"/>
  <c r="AE147429" i="1"/>
  <c r="AE147430" i="1"/>
  <c r="AE147431" i="1"/>
  <c r="AE147432" i="1"/>
  <c r="AE147433" i="1"/>
  <c r="AE147434" i="1"/>
  <c r="AE147435" i="1"/>
  <c r="AE147436" i="1"/>
  <c r="AE147437" i="1"/>
  <c r="AE147438" i="1"/>
  <c r="AE147439" i="1"/>
  <c r="AE147440" i="1"/>
  <c r="AE147441" i="1"/>
  <c r="AE147442" i="1"/>
  <c r="AE147443" i="1"/>
  <c r="AE147444" i="1"/>
  <c r="AE147445" i="1"/>
  <c r="AE147446" i="1"/>
  <c r="AE147447" i="1"/>
  <c r="AE147448" i="1"/>
  <c r="AE147449" i="1"/>
  <c r="AE147450" i="1"/>
  <c r="AE147451" i="1"/>
  <c r="AE147452" i="1"/>
  <c r="AE147453" i="1"/>
  <c r="AE147454" i="1"/>
  <c r="AE147455" i="1"/>
  <c r="AE147456" i="1"/>
  <c r="AE147457" i="1"/>
  <c r="AE147458" i="1"/>
  <c r="AE147459" i="1"/>
  <c r="AE147460" i="1"/>
  <c r="AE147461" i="1"/>
  <c r="AE147462" i="1"/>
  <c r="AE147463" i="1"/>
  <c r="AE147464" i="1"/>
  <c r="AE147465" i="1"/>
  <c r="AE147466" i="1"/>
  <c r="AE147467" i="1"/>
  <c r="AE147468" i="1"/>
  <c r="AE147469" i="1"/>
  <c r="AE147470" i="1"/>
  <c r="AE147471" i="1"/>
  <c r="AE147472" i="1"/>
  <c r="AE147473" i="1"/>
  <c r="AE147474" i="1"/>
  <c r="AE147475" i="1"/>
  <c r="AE147476" i="1"/>
  <c r="AE147477" i="1"/>
  <c r="AE147478" i="1"/>
  <c r="AE147479" i="1"/>
  <c r="AE147480" i="1"/>
  <c r="AE147481" i="1"/>
  <c r="AE147482" i="1"/>
  <c r="AE147483" i="1"/>
  <c r="AE147484" i="1"/>
  <c r="AE147485" i="1"/>
  <c r="AE147486" i="1"/>
  <c r="AE147487" i="1"/>
  <c r="AE147488" i="1"/>
  <c r="AE147489" i="1"/>
  <c r="AE147490" i="1"/>
  <c r="AE147491" i="1"/>
  <c r="AE147492" i="1"/>
  <c r="AE147493" i="1"/>
  <c r="AE147494" i="1"/>
  <c r="AE147495" i="1"/>
  <c r="AE147496" i="1"/>
  <c r="AE147497" i="1"/>
  <c r="AE147498" i="1"/>
  <c r="AE147499" i="1"/>
  <c r="AE147500" i="1"/>
  <c r="AE147501" i="1"/>
  <c r="AE147502" i="1"/>
  <c r="AE147503" i="1"/>
  <c r="AE147504" i="1"/>
  <c r="AE147505" i="1"/>
  <c r="AE147506" i="1"/>
  <c r="AE147507" i="1"/>
  <c r="AE147508" i="1"/>
  <c r="AE147509" i="1"/>
  <c r="AE147510" i="1"/>
  <c r="AE147511" i="1"/>
  <c r="AE147512" i="1"/>
  <c r="AE147513" i="1"/>
  <c r="AE147514" i="1"/>
  <c r="AE147515" i="1"/>
  <c r="AE147516" i="1"/>
  <c r="AE147517" i="1"/>
  <c r="AE147518" i="1"/>
  <c r="AE147519" i="1"/>
  <c r="AE147520" i="1"/>
  <c r="AE147521" i="1"/>
  <c r="AE147522" i="1"/>
  <c r="AE147523" i="1"/>
  <c r="AE147524" i="1"/>
  <c r="AE147525" i="1"/>
  <c r="AE147526" i="1"/>
  <c r="AE147527" i="1"/>
  <c r="AE147528" i="1"/>
  <c r="AE147529" i="1"/>
  <c r="AE147530" i="1"/>
  <c r="AE147531" i="1"/>
  <c r="AE147532" i="1"/>
  <c r="AE147533" i="1"/>
  <c r="AE147534" i="1"/>
  <c r="AE147535" i="1"/>
  <c r="AE147536" i="1"/>
  <c r="AE147537" i="1"/>
  <c r="AE147538" i="1"/>
  <c r="AE147539" i="1"/>
  <c r="AE147540" i="1"/>
  <c r="AE147541" i="1"/>
  <c r="AE147542" i="1"/>
  <c r="AE147543" i="1"/>
  <c r="AE147544" i="1"/>
  <c r="AE147545" i="1"/>
  <c r="AE147546" i="1"/>
  <c r="AE147547" i="1"/>
  <c r="AE147548" i="1"/>
  <c r="AE147549" i="1"/>
  <c r="AE147550" i="1"/>
  <c r="AE147551" i="1"/>
  <c r="AE147552" i="1"/>
  <c r="AE147553" i="1"/>
  <c r="AE147554" i="1"/>
  <c r="AE147555" i="1"/>
  <c r="AE147556" i="1"/>
  <c r="AE147557" i="1"/>
  <c r="AE147558" i="1"/>
  <c r="AE147559" i="1"/>
  <c r="AE147560" i="1"/>
  <c r="AE147561" i="1"/>
  <c r="AE147562" i="1"/>
  <c r="AE147563" i="1"/>
  <c r="AE147564" i="1"/>
  <c r="AE147565" i="1"/>
  <c r="AE147566" i="1"/>
  <c r="AE147567" i="1"/>
  <c r="AE147568" i="1"/>
  <c r="AE147569" i="1"/>
  <c r="AE147570" i="1"/>
  <c r="AE147571" i="1"/>
  <c r="AE147572" i="1"/>
  <c r="AE147573" i="1"/>
  <c r="AE147574" i="1"/>
  <c r="AE147575" i="1"/>
  <c r="AE147576" i="1"/>
  <c r="AE147577" i="1"/>
  <c r="AE147578" i="1"/>
  <c r="AE147579" i="1"/>
  <c r="AE147580" i="1"/>
  <c r="AE147581" i="1"/>
  <c r="AE147582" i="1"/>
  <c r="AE147583" i="1"/>
  <c r="AE147584" i="1"/>
  <c r="AE147585" i="1"/>
  <c r="AE147586" i="1"/>
  <c r="AE147587" i="1"/>
  <c r="AE147588" i="1"/>
  <c r="AE147589" i="1"/>
  <c r="AE147590" i="1"/>
  <c r="AE147591" i="1"/>
  <c r="AE147592" i="1"/>
  <c r="AE147593" i="1"/>
  <c r="AE147594" i="1"/>
  <c r="AE147595" i="1"/>
  <c r="AE147596" i="1"/>
  <c r="AE147597" i="1"/>
  <c r="AE147598" i="1"/>
  <c r="AE147599" i="1"/>
  <c r="AE147600" i="1"/>
  <c r="AE147601" i="1"/>
  <c r="AE147602" i="1"/>
  <c r="AE147603" i="1"/>
  <c r="AE147604" i="1"/>
  <c r="AE147605" i="1"/>
  <c r="AE147606" i="1"/>
  <c r="AE147607" i="1"/>
  <c r="AE147608" i="1"/>
  <c r="AE147609" i="1"/>
  <c r="AE147610" i="1"/>
  <c r="AE147611" i="1"/>
  <c r="AE147612" i="1"/>
  <c r="AE147613" i="1"/>
  <c r="AE147614" i="1"/>
  <c r="AE147615" i="1"/>
  <c r="AE147616" i="1"/>
  <c r="AE147617" i="1"/>
  <c r="AE147618" i="1"/>
  <c r="AE147619" i="1"/>
  <c r="AE147620" i="1"/>
  <c r="AE147621" i="1"/>
  <c r="AE147622" i="1"/>
  <c r="AE147623" i="1"/>
  <c r="AE147624" i="1"/>
  <c r="AE147625" i="1"/>
  <c r="AE147626" i="1"/>
  <c r="AE147627" i="1"/>
  <c r="AE147628" i="1"/>
  <c r="AE147629" i="1"/>
  <c r="AE147630" i="1"/>
  <c r="AE147631" i="1"/>
  <c r="AE147632" i="1"/>
  <c r="AE147633" i="1"/>
  <c r="AE147634" i="1"/>
  <c r="AE147635" i="1"/>
  <c r="AE147636" i="1"/>
  <c r="AE147637" i="1"/>
  <c r="AE147638" i="1"/>
  <c r="AE147639" i="1"/>
  <c r="AE147640" i="1"/>
  <c r="AE147641" i="1"/>
  <c r="AE147642" i="1"/>
  <c r="AE147643" i="1"/>
  <c r="AE147644" i="1"/>
  <c r="AE147645" i="1"/>
  <c r="AE147646" i="1"/>
  <c r="AE147647" i="1"/>
  <c r="AE147648" i="1"/>
  <c r="AE147649" i="1"/>
  <c r="AE147650" i="1"/>
  <c r="AE147651" i="1"/>
  <c r="AE147652" i="1"/>
  <c r="AE147653" i="1"/>
  <c r="AE147654" i="1"/>
  <c r="AE147655" i="1"/>
  <c r="AE147656" i="1"/>
  <c r="AE147657" i="1"/>
  <c r="AE147658" i="1"/>
  <c r="AE147659" i="1"/>
  <c r="AE147660" i="1"/>
  <c r="AE147661" i="1"/>
  <c r="AE147662" i="1"/>
  <c r="AE147663" i="1"/>
  <c r="AE147664" i="1"/>
  <c r="AE147665" i="1"/>
  <c r="AE147666" i="1"/>
  <c r="AE147667" i="1"/>
  <c r="AE147668" i="1"/>
  <c r="AE147669" i="1"/>
  <c r="AE147670" i="1"/>
  <c r="AE147671" i="1"/>
  <c r="AE147672" i="1"/>
  <c r="AE147673" i="1"/>
  <c r="AE147674" i="1"/>
  <c r="AE147675" i="1"/>
  <c r="AE147676" i="1"/>
  <c r="AE147677" i="1"/>
  <c r="AE147678" i="1"/>
  <c r="AE147679" i="1"/>
  <c r="AE147680" i="1"/>
  <c r="AE147681" i="1"/>
  <c r="AE147682" i="1"/>
  <c r="AE147683" i="1"/>
  <c r="AE147684" i="1"/>
  <c r="AE147685" i="1"/>
  <c r="AE147686" i="1"/>
  <c r="AE147687" i="1"/>
  <c r="AE147688" i="1"/>
  <c r="AE147689" i="1"/>
  <c r="AE147690" i="1"/>
  <c r="AE147691" i="1"/>
  <c r="AE147692" i="1"/>
  <c r="AE147693" i="1"/>
  <c r="AE147694" i="1"/>
  <c r="AE147695" i="1"/>
  <c r="AE147696" i="1"/>
  <c r="AE147697" i="1"/>
  <c r="AE147698" i="1"/>
  <c r="AE147699" i="1"/>
  <c r="AE147700" i="1"/>
  <c r="AE147701" i="1"/>
  <c r="AE147702" i="1"/>
  <c r="AE147703" i="1"/>
  <c r="AE147704" i="1"/>
  <c r="AE147705" i="1"/>
  <c r="AE147706" i="1"/>
  <c r="AE147707" i="1"/>
  <c r="AE147708" i="1"/>
  <c r="AE147709" i="1"/>
  <c r="AE147710" i="1"/>
  <c r="AE147711" i="1"/>
  <c r="AE147712" i="1"/>
  <c r="AE147713" i="1"/>
  <c r="AE147714" i="1"/>
  <c r="AE147715" i="1"/>
  <c r="AE147716" i="1"/>
  <c r="AE147717" i="1"/>
  <c r="AE147718" i="1"/>
  <c r="AE147719" i="1"/>
  <c r="AE147720" i="1"/>
  <c r="AE147721" i="1"/>
  <c r="AE147722" i="1"/>
  <c r="AE147723" i="1"/>
  <c r="AE147724" i="1"/>
  <c r="AE147725" i="1"/>
  <c r="AE147726" i="1"/>
  <c r="AE147727" i="1"/>
  <c r="AE147728" i="1"/>
  <c r="AE147729" i="1"/>
  <c r="AE147730" i="1"/>
  <c r="AE147731" i="1"/>
  <c r="AE147732" i="1"/>
  <c r="AE147733" i="1"/>
  <c r="AE147734" i="1"/>
  <c r="AE147735" i="1"/>
  <c r="AE147736" i="1"/>
  <c r="AE147737" i="1"/>
  <c r="AE147738" i="1"/>
  <c r="AE147739" i="1"/>
  <c r="AE147740" i="1"/>
  <c r="AE147741" i="1"/>
  <c r="AE147742" i="1"/>
  <c r="AE147743" i="1"/>
  <c r="AE147744" i="1"/>
  <c r="AE147745" i="1"/>
  <c r="AE147746" i="1"/>
  <c r="AE147747" i="1"/>
  <c r="AE147748" i="1"/>
  <c r="AE147749" i="1"/>
  <c r="AE147750" i="1"/>
  <c r="AE147751" i="1"/>
  <c r="AE147752" i="1"/>
  <c r="AE147753" i="1"/>
  <c r="AE147754" i="1"/>
  <c r="AE147755" i="1"/>
  <c r="AE147756" i="1"/>
  <c r="AE147757" i="1"/>
  <c r="AE147758" i="1"/>
  <c r="AE147759" i="1"/>
  <c r="AE147760" i="1"/>
  <c r="AE147761" i="1"/>
  <c r="AE147762" i="1"/>
  <c r="AE147763" i="1"/>
  <c r="AE147764" i="1"/>
  <c r="AE147765" i="1"/>
  <c r="AE147766" i="1"/>
  <c r="AE147767" i="1"/>
  <c r="AE147768" i="1"/>
  <c r="AE147769" i="1"/>
  <c r="AE147770" i="1"/>
  <c r="AE147771" i="1"/>
  <c r="AE147772" i="1"/>
  <c r="AE147773" i="1"/>
  <c r="AE147774" i="1"/>
  <c r="AE147775" i="1"/>
  <c r="AE147776" i="1"/>
  <c r="AE147777" i="1"/>
  <c r="AE147778" i="1"/>
  <c r="AE147779" i="1"/>
  <c r="AE147780" i="1"/>
  <c r="AE147781" i="1"/>
  <c r="AE147782" i="1"/>
  <c r="AE147783" i="1"/>
  <c r="AE147784" i="1"/>
  <c r="AE147785" i="1"/>
  <c r="AE147786" i="1"/>
  <c r="AE147787" i="1"/>
  <c r="AE147788" i="1"/>
  <c r="AE147789" i="1"/>
  <c r="AE147790" i="1"/>
  <c r="AE147791" i="1"/>
  <c r="AE147792" i="1"/>
  <c r="AE147793" i="1"/>
  <c r="AE147794" i="1"/>
  <c r="AE147795" i="1"/>
  <c r="AE147796" i="1"/>
  <c r="AE147797" i="1"/>
  <c r="AE147798" i="1"/>
  <c r="AE147799" i="1"/>
  <c r="AE147800" i="1"/>
  <c r="AE147801" i="1"/>
  <c r="AE147802" i="1"/>
  <c r="AE147803" i="1"/>
  <c r="AE147804" i="1"/>
  <c r="AE147805" i="1"/>
  <c r="AE147806" i="1"/>
  <c r="AE147807" i="1"/>
  <c r="AE147808" i="1"/>
  <c r="AE147809" i="1"/>
  <c r="AE147810" i="1"/>
  <c r="AE147811" i="1"/>
  <c r="AE147812" i="1"/>
  <c r="AE147813" i="1"/>
  <c r="AE147814" i="1"/>
  <c r="AE147815" i="1"/>
  <c r="AE147816" i="1"/>
  <c r="AE147817" i="1"/>
  <c r="AE147818" i="1"/>
  <c r="AE147819" i="1"/>
  <c r="AE147820" i="1"/>
  <c r="AE147821" i="1"/>
  <c r="AE147822" i="1"/>
  <c r="AE147823" i="1"/>
  <c r="AE147824" i="1"/>
  <c r="AE147825" i="1"/>
  <c r="AE147826" i="1"/>
  <c r="AE147827" i="1"/>
  <c r="AE147828" i="1"/>
  <c r="AE147829" i="1"/>
  <c r="AE147830" i="1"/>
  <c r="AE147831" i="1"/>
  <c r="AE147832" i="1"/>
  <c r="AE147833" i="1"/>
  <c r="AE147834" i="1"/>
  <c r="AE147835" i="1"/>
  <c r="AE147836" i="1"/>
  <c r="AE147837" i="1"/>
  <c r="AE147838" i="1"/>
  <c r="AE147839" i="1"/>
  <c r="AE147840" i="1"/>
  <c r="AE147841" i="1"/>
  <c r="AE147842" i="1"/>
  <c r="AE147843" i="1"/>
  <c r="AE147844" i="1"/>
  <c r="AE147845" i="1"/>
  <c r="AE147846" i="1"/>
  <c r="AE147847" i="1"/>
  <c r="AE147848" i="1"/>
  <c r="AE147849" i="1"/>
  <c r="AE147850" i="1"/>
  <c r="AE147851" i="1"/>
  <c r="AE147852" i="1"/>
  <c r="AE147853" i="1"/>
  <c r="AE147854" i="1"/>
  <c r="AE147855" i="1"/>
  <c r="AE147856" i="1"/>
  <c r="AE147857" i="1"/>
  <c r="AE147858" i="1"/>
  <c r="AE147859" i="1"/>
  <c r="AE147860" i="1"/>
  <c r="AE147861" i="1"/>
  <c r="AE147862" i="1"/>
  <c r="AE147863" i="1"/>
  <c r="AE147864" i="1"/>
  <c r="AE147865" i="1"/>
  <c r="AE147866" i="1"/>
  <c r="AE147867" i="1"/>
  <c r="AE147868" i="1"/>
  <c r="AE147869" i="1"/>
  <c r="AE147870" i="1"/>
  <c r="AE147871" i="1"/>
  <c r="AE147872" i="1"/>
  <c r="AE147873" i="1"/>
  <c r="AE147874" i="1"/>
  <c r="AE147875" i="1"/>
  <c r="AE147876" i="1"/>
  <c r="AE147877" i="1"/>
  <c r="AE147878" i="1"/>
  <c r="AE147879" i="1"/>
  <c r="AE147880" i="1"/>
  <c r="AE147881" i="1"/>
  <c r="AE147882" i="1"/>
  <c r="AE147883" i="1"/>
  <c r="AE147884" i="1"/>
  <c r="AE147885" i="1"/>
  <c r="AE147886" i="1"/>
  <c r="AE147887" i="1"/>
  <c r="AE147888" i="1"/>
  <c r="AE147889" i="1"/>
  <c r="AE147890" i="1"/>
  <c r="AE147891" i="1"/>
  <c r="AE147892" i="1"/>
  <c r="AE147893" i="1"/>
  <c r="AE147894" i="1"/>
  <c r="AE147895" i="1"/>
  <c r="AE147896" i="1"/>
  <c r="AE147897" i="1"/>
  <c r="AE147898" i="1"/>
  <c r="AE147899" i="1"/>
  <c r="AE147900" i="1"/>
  <c r="AE147901" i="1"/>
  <c r="AE147902" i="1"/>
  <c r="AE147903" i="1"/>
  <c r="AE147904" i="1"/>
  <c r="AE147905" i="1"/>
  <c r="AE147906" i="1"/>
  <c r="AE147907" i="1"/>
  <c r="AE147908" i="1"/>
  <c r="AE147909" i="1"/>
  <c r="AE147910" i="1"/>
  <c r="AE147911" i="1"/>
  <c r="AE147912" i="1"/>
  <c r="AE147913" i="1"/>
  <c r="AE147914" i="1"/>
  <c r="AE147915" i="1"/>
  <c r="AE147916" i="1"/>
  <c r="AE147917" i="1"/>
  <c r="AE147918" i="1"/>
  <c r="AE147919" i="1"/>
  <c r="AE147920" i="1"/>
  <c r="AE147921" i="1"/>
  <c r="AE147922" i="1"/>
  <c r="AE147923" i="1"/>
  <c r="AE147924" i="1"/>
  <c r="AE147925" i="1"/>
  <c r="AE147926" i="1"/>
  <c r="AE147927" i="1"/>
  <c r="AE147928" i="1"/>
  <c r="AE147929" i="1"/>
  <c r="AE147930" i="1"/>
  <c r="AE147931" i="1"/>
  <c r="AE147932" i="1"/>
  <c r="AE147933" i="1"/>
  <c r="AE147934" i="1"/>
  <c r="AE147935" i="1"/>
  <c r="AE147936" i="1"/>
  <c r="AE147937" i="1"/>
  <c r="AE147938" i="1"/>
  <c r="AE147939" i="1"/>
  <c r="AE147940" i="1"/>
  <c r="AE147941" i="1"/>
  <c r="AE147942" i="1"/>
  <c r="AE147943" i="1"/>
  <c r="AE147944" i="1"/>
  <c r="AE147945" i="1"/>
  <c r="AE147946" i="1"/>
  <c r="AE147947" i="1"/>
  <c r="AE147948" i="1"/>
  <c r="AE147949" i="1"/>
  <c r="AE147950" i="1"/>
  <c r="AE147951" i="1"/>
  <c r="AE147952" i="1"/>
  <c r="AE147953" i="1"/>
  <c r="AE147954" i="1"/>
  <c r="AE147955" i="1"/>
  <c r="AE147956" i="1"/>
  <c r="AE147957" i="1"/>
  <c r="AE147958" i="1"/>
  <c r="AE147959" i="1"/>
  <c r="AE147960" i="1"/>
  <c r="AE147961" i="1"/>
  <c r="AE147962" i="1"/>
  <c r="AE147963" i="1"/>
  <c r="AE147964" i="1"/>
  <c r="AE147965" i="1"/>
  <c r="AE147966" i="1"/>
  <c r="AE147967" i="1"/>
  <c r="AE147968" i="1"/>
  <c r="AE147969" i="1"/>
  <c r="AE147970" i="1"/>
  <c r="AE147971" i="1"/>
  <c r="AE147972" i="1"/>
  <c r="AE147973" i="1"/>
  <c r="AE147974" i="1"/>
  <c r="AE147975" i="1"/>
  <c r="AE147976" i="1"/>
  <c r="AE147977" i="1"/>
  <c r="AE147978" i="1"/>
  <c r="AE147979" i="1"/>
  <c r="AE147980" i="1"/>
  <c r="AE147981" i="1"/>
  <c r="AE147982" i="1"/>
  <c r="AE147983" i="1"/>
  <c r="AE147984" i="1"/>
  <c r="AE147985" i="1"/>
  <c r="AE147986" i="1"/>
  <c r="AE147987" i="1"/>
  <c r="AE147988" i="1"/>
  <c r="AE147989" i="1"/>
  <c r="AE147990" i="1"/>
  <c r="AE147991" i="1"/>
  <c r="AE147992" i="1"/>
  <c r="AE147993" i="1"/>
  <c r="AE147994" i="1"/>
  <c r="AE147995" i="1"/>
  <c r="AE147996" i="1"/>
  <c r="AE147997" i="1"/>
  <c r="AE147998" i="1"/>
  <c r="AE147999" i="1"/>
  <c r="AE148000" i="1"/>
  <c r="AE148001" i="1"/>
  <c r="AE148002" i="1"/>
  <c r="AE148003" i="1"/>
  <c r="AE148004" i="1"/>
  <c r="AE148005" i="1"/>
  <c r="AE148006" i="1"/>
  <c r="AE148007" i="1"/>
  <c r="AE148008" i="1"/>
  <c r="AE148009" i="1"/>
  <c r="AE148010" i="1"/>
  <c r="AE148011" i="1"/>
  <c r="AE148012" i="1"/>
  <c r="AE148013" i="1"/>
  <c r="AE148014" i="1"/>
  <c r="AE148015" i="1"/>
  <c r="AE148016" i="1"/>
  <c r="AE148017" i="1"/>
  <c r="AE148018" i="1"/>
  <c r="AE148019" i="1"/>
  <c r="AE148020" i="1"/>
  <c r="AE148021" i="1"/>
  <c r="AE148022" i="1"/>
  <c r="AE148023" i="1"/>
  <c r="AE148024" i="1"/>
  <c r="AE148025" i="1"/>
  <c r="AE148026" i="1"/>
  <c r="AE148027" i="1"/>
  <c r="AE148028" i="1"/>
  <c r="AE148029" i="1"/>
  <c r="AE148030" i="1"/>
  <c r="AE148031" i="1"/>
  <c r="AE148032" i="1"/>
  <c r="AE148033" i="1"/>
  <c r="AE148034" i="1"/>
  <c r="AE148035" i="1"/>
  <c r="AE148036" i="1"/>
  <c r="AE148037" i="1"/>
  <c r="AE148038" i="1"/>
  <c r="AE148039" i="1"/>
  <c r="AE148040" i="1"/>
  <c r="AE148041" i="1"/>
  <c r="AE148042" i="1"/>
  <c r="AE148043" i="1"/>
  <c r="AE148044" i="1"/>
  <c r="AE148045" i="1"/>
  <c r="AE148046" i="1"/>
  <c r="AE148047" i="1"/>
  <c r="AE148048" i="1"/>
  <c r="AE148049" i="1"/>
  <c r="AE148050" i="1"/>
  <c r="AE148051" i="1"/>
  <c r="AE148052" i="1"/>
  <c r="AE148053" i="1"/>
  <c r="AE148054" i="1"/>
  <c r="AE148055" i="1"/>
  <c r="AE148056" i="1"/>
  <c r="AE148057" i="1"/>
  <c r="AE148058" i="1"/>
  <c r="AE148059" i="1"/>
  <c r="AE148060" i="1"/>
  <c r="AE148061" i="1"/>
  <c r="AE148062" i="1"/>
  <c r="AE148063" i="1"/>
  <c r="AE148064" i="1"/>
  <c r="AE148065" i="1"/>
  <c r="AE148066" i="1"/>
  <c r="AE148067" i="1"/>
  <c r="AE148068" i="1"/>
  <c r="AE148069" i="1"/>
  <c r="AE148070" i="1"/>
  <c r="AE148071" i="1"/>
  <c r="AE148072" i="1"/>
  <c r="AE148073" i="1"/>
  <c r="AE148074" i="1"/>
  <c r="AE148075" i="1"/>
  <c r="AE148076" i="1"/>
  <c r="AE148077" i="1"/>
  <c r="AE148078" i="1"/>
  <c r="AE148079" i="1"/>
  <c r="AE148080" i="1"/>
  <c r="AE148081" i="1"/>
  <c r="AE148082" i="1"/>
  <c r="AE148083" i="1"/>
  <c r="AE148084" i="1"/>
  <c r="AE148085" i="1"/>
  <c r="AE148086" i="1"/>
  <c r="AE148087" i="1"/>
  <c r="AE148088" i="1"/>
  <c r="AE148089" i="1"/>
  <c r="AE148090" i="1"/>
  <c r="AE148091" i="1"/>
  <c r="AE148092" i="1"/>
  <c r="AE148093" i="1"/>
  <c r="AE148094" i="1"/>
  <c r="AE148095" i="1"/>
  <c r="AE148096" i="1"/>
  <c r="AE148097" i="1"/>
  <c r="AE148098" i="1"/>
  <c r="AE148099" i="1"/>
  <c r="AE148100" i="1"/>
  <c r="AE148101" i="1"/>
  <c r="AE148102" i="1"/>
  <c r="AE148103" i="1"/>
  <c r="AE148104" i="1"/>
  <c r="AE148105" i="1"/>
  <c r="AE148106" i="1"/>
  <c r="AE148107" i="1"/>
  <c r="AE148108" i="1"/>
  <c r="AE148109" i="1"/>
  <c r="AE148110" i="1"/>
  <c r="AE148111" i="1"/>
  <c r="AE148112" i="1"/>
  <c r="AE148113" i="1"/>
  <c r="AE148114" i="1"/>
  <c r="AE148115" i="1"/>
  <c r="AE148116" i="1"/>
  <c r="AE148117" i="1"/>
  <c r="AE148118" i="1"/>
  <c r="AE148119" i="1"/>
  <c r="AE148120" i="1"/>
  <c r="AE148121" i="1"/>
  <c r="AE148122" i="1"/>
  <c r="AE148123" i="1"/>
  <c r="AE148124" i="1"/>
  <c r="AE148125" i="1"/>
  <c r="AE148126" i="1"/>
  <c r="AE148127" i="1"/>
  <c r="AE148128" i="1"/>
  <c r="AE148129" i="1"/>
  <c r="AE148130" i="1"/>
  <c r="AE148131" i="1"/>
  <c r="AE148132" i="1"/>
  <c r="AE148133" i="1"/>
  <c r="AE148134" i="1"/>
  <c r="AE148135" i="1"/>
  <c r="AE148136" i="1"/>
  <c r="AE148137" i="1"/>
  <c r="AE148138" i="1"/>
  <c r="AE148139" i="1"/>
  <c r="AE148140" i="1"/>
  <c r="AE148141" i="1"/>
  <c r="AE148142" i="1"/>
  <c r="AE148143" i="1"/>
  <c r="AE148144" i="1"/>
  <c r="AE148145" i="1"/>
  <c r="AE148146" i="1"/>
  <c r="AE148147" i="1"/>
  <c r="AE148148" i="1"/>
  <c r="AE148149" i="1"/>
  <c r="AE148150" i="1"/>
  <c r="AE148151" i="1"/>
  <c r="AE148152" i="1"/>
  <c r="AE148153" i="1"/>
  <c r="AE148154" i="1"/>
  <c r="AE148155" i="1"/>
  <c r="AE148156" i="1"/>
  <c r="AE148157" i="1"/>
  <c r="AE148158" i="1"/>
  <c r="AE148159" i="1"/>
  <c r="AE148160" i="1"/>
  <c r="AE148161" i="1"/>
  <c r="AE148162" i="1"/>
  <c r="AE148163" i="1"/>
  <c r="AE148164" i="1"/>
  <c r="AE148165" i="1"/>
  <c r="AE148166" i="1"/>
  <c r="AE148167" i="1"/>
  <c r="AE148168" i="1"/>
  <c r="AE148169" i="1"/>
  <c r="AE148170" i="1"/>
  <c r="AE148171" i="1"/>
  <c r="AE148172" i="1"/>
  <c r="AE148173" i="1"/>
  <c r="AE148174" i="1"/>
  <c r="AE148175" i="1"/>
  <c r="AE148176" i="1"/>
  <c r="AE148177" i="1"/>
  <c r="AE148178" i="1"/>
  <c r="AE148179" i="1"/>
  <c r="AE148180" i="1"/>
  <c r="AE148181" i="1"/>
  <c r="AE148182" i="1"/>
  <c r="AE148183" i="1"/>
  <c r="AE148184" i="1"/>
  <c r="AE148185" i="1"/>
  <c r="AE148186" i="1"/>
  <c r="AE148187" i="1"/>
  <c r="AE148188" i="1"/>
  <c r="AE148189" i="1"/>
  <c r="AE148190" i="1"/>
  <c r="AE148191" i="1"/>
  <c r="AE148192" i="1"/>
  <c r="AE148193" i="1"/>
  <c r="AE148194" i="1"/>
  <c r="AE148195" i="1"/>
  <c r="AE148196" i="1"/>
  <c r="AE148197" i="1"/>
  <c r="AE148198" i="1"/>
  <c r="AE148199" i="1"/>
  <c r="AE148200" i="1"/>
  <c r="AE148201" i="1"/>
  <c r="AE148202" i="1"/>
  <c r="AE148203" i="1"/>
  <c r="AE148204" i="1"/>
  <c r="AE148205" i="1"/>
  <c r="AE148206" i="1"/>
  <c r="AE148207" i="1"/>
  <c r="AE148208" i="1"/>
  <c r="AE148209" i="1"/>
  <c r="AE148210" i="1"/>
  <c r="AE148211" i="1"/>
  <c r="AE148212" i="1"/>
  <c r="AE148213" i="1"/>
  <c r="AE148214" i="1"/>
  <c r="AE148215" i="1"/>
  <c r="AE148216" i="1"/>
  <c r="AE148217" i="1"/>
  <c r="AE148218" i="1"/>
  <c r="AE148219" i="1"/>
  <c r="AE148220" i="1"/>
  <c r="AE148221" i="1"/>
  <c r="AE148222" i="1"/>
  <c r="AE148223" i="1"/>
  <c r="AE148224" i="1"/>
  <c r="AE148225" i="1"/>
  <c r="AE148226" i="1"/>
  <c r="AE148227" i="1"/>
  <c r="AE148228" i="1"/>
  <c r="AE148229" i="1"/>
  <c r="AE148230" i="1"/>
  <c r="AE148231" i="1"/>
  <c r="AE148232" i="1"/>
  <c r="AE148233" i="1"/>
  <c r="AE148234" i="1"/>
  <c r="AE148235" i="1"/>
  <c r="AE148236" i="1"/>
  <c r="AE148237" i="1"/>
  <c r="AE148238" i="1"/>
  <c r="AE148239" i="1"/>
  <c r="AE148240" i="1"/>
  <c r="AE148241" i="1"/>
  <c r="AE148242" i="1"/>
  <c r="AE148243" i="1"/>
  <c r="AE148244" i="1"/>
  <c r="AE148245" i="1"/>
  <c r="AE148246" i="1"/>
  <c r="AE148247" i="1"/>
  <c r="AE148248" i="1"/>
  <c r="AE148249" i="1"/>
  <c r="AE148250" i="1"/>
  <c r="AE148251" i="1"/>
  <c r="AE148252" i="1"/>
  <c r="AE148253" i="1"/>
  <c r="AE148254" i="1"/>
  <c r="AE148255" i="1"/>
  <c r="AE148256" i="1"/>
  <c r="AE148257" i="1"/>
  <c r="AE148258" i="1"/>
  <c r="AE148259" i="1"/>
  <c r="AE148260" i="1"/>
  <c r="AE148261" i="1"/>
  <c r="AE148262" i="1"/>
  <c r="AE148263" i="1"/>
  <c r="AE148264" i="1"/>
  <c r="AE148265" i="1"/>
  <c r="AE148266" i="1"/>
  <c r="AE148267" i="1"/>
  <c r="AE148268" i="1"/>
  <c r="AE148269" i="1"/>
  <c r="AE148270" i="1"/>
  <c r="AE148271" i="1"/>
  <c r="AE148272" i="1"/>
  <c r="AE148273" i="1"/>
  <c r="AE148274" i="1"/>
  <c r="AE148275" i="1"/>
  <c r="AE148276" i="1"/>
  <c r="AE148277" i="1"/>
  <c r="AE148278" i="1"/>
  <c r="AE148279" i="1"/>
  <c r="AE148280" i="1"/>
  <c r="AE148281" i="1"/>
  <c r="AE148282" i="1"/>
  <c r="AE148283" i="1"/>
  <c r="AE148284" i="1"/>
  <c r="AE148285" i="1"/>
  <c r="AE148286" i="1"/>
  <c r="AE148287" i="1"/>
  <c r="AE148288" i="1"/>
  <c r="AE148289" i="1"/>
  <c r="AE148290" i="1"/>
  <c r="AE148291" i="1"/>
  <c r="AE148292" i="1"/>
  <c r="AE148293" i="1"/>
  <c r="AE148294" i="1"/>
  <c r="AE148295" i="1"/>
  <c r="AE148296" i="1"/>
  <c r="AE148297" i="1"/>
  <c r="AE148298" i="1"/>
  <c r="AE148299" i="1"/>
  <c r="AE148300" i="1"/>
  <c r="AE148301" i="1"/>
  <c r="AE148302" i="1"/>
  <c r="AE148303" i="1"/>
  <c r="AE148304" i="1"/>
  <c r="AE148305" i="1"/>
  <c r="AE148306" i="1"/>
  <c r="AE148307" i="1"/>
  <c r="AE148308" i="1"/>
  <c r="AE148309" i="1"/>
  <c r="AE148310" i="1"/>
  <c r="AE148311" i="1"/>
  <c r="AE148312" i="1"/>
  <c r="AE148313" i="1"/>
  <c r="AE148314" i="1"/>
  <c r="AE148315" i="1"/>
  <c r="AE148316" i="1"/>
  <c r="AE148317" i="1"/>
  <c r="AE148318" i="1"/>
  <c r="AE148319" i="1"/>
  <c r="AE148320" i="1"/>
  <c r="AE148321" i="1"/>
  <c r="AE148322" i="1"/>
  <c r="AE148323" i="1"/>
  <c r="AE148324" i="1"/>
  <c r="AE148325" i="1"/>
  <c r="AE148326" i="1"/>
  <c r="AE148327" i="1"/>
  <c r="AE148328" i="1"/>
  <c r="AE148329" i="1"/>
  <c r="AE148330" i="1"/>
  <c r="AE148331" i="1"/>
  <c r="AE148332" i="1"/>
  <c r="AE148333" i="1"/>
  <c r="AE148334" i="1"/>
  <c r="AE148335" i="1"/>
  <c r="AE148336" i="1"/>
  <c r="AE148337" i="1"/>
  <c r="AE148338" i="1"/>
  <c r="AE148339" i="1"/>
  <c r="AE148340" i="1"/>
  <c r="AE148341" i="1"/>
  <c r="AE148342" i="1"/>
  <c r="AE148343" i="1"/>
  <c r="AE148344" i="1"/>
  <c r="AE148345" i="1"/>
  <c r="AE148346" i="1"/>
  <c r="AE148347" i="1"/>
  <c r="AE148348" i="1"/>
  <c r="AE148349" i="1"/>
  <c r="AE148350" i="1"/>
  <c r="AE148351" i="1"/>
  <c r="AE148352" i="1"/>
  <c r="AE148353" i="1"/>
  <c r="AE148354" i="1"/>
  <c r="AE148355" i="1"/>
  <c r="AE148356" i="1"/>
  <c r="AE148357" i="1"/>
  <c r="AE148358" i="1"/>
  <c r="AE148359" i="1"/>
  <c r="AE148360" i="1"/>
  <c r="AE148361" i="1"/>
  <c r="AE148362" i="1"/>
  <c r="AE148363" i="1"/>
  <c r="AE148364" i="1"/>
  <c r="AE148365" i="1"/>
  <c r="AE148366" i="1"/>
  <c r="AE148367" i="1"/>
  <c r="AE148368" i="1"/>
  <c r="AE148369" i="1"/>
  <c r="AE148370" i="1"/>
  <c r="AE148371" i="1"/>
  <c r="AE148372" i="1"/>
  <c r="AE148373" i="1"/>
  <c r="AE148374" i="1"/>
  <c r="AE148375" i="1"/>
  <c r="AE148376" i="1"/>
  <c r="AE148377" i="1"/>
  <c r="AE148378" i="1"/>
  <c r="AE148379" i="1"/>
  <c r="AE148380" i="1"/>
  <c r="AE148381" i="1"/>
  <c r="AE148382" i="1"/>
  <c r="AE148383" i="1"/>
  <c r="AE148384" i="1"/>
  <c r="AE148385" i="1"/>
  <c r="AE148386" i="1"/>
  <c r="AE148387" i="1"/>
  <c r="AE148388" i="1"/>
  <c r="AE148389" i="1"/>
  <c r="AE148390" i="1"/>
  <c r="AE148391" i="1"/>
  <c r="AE148392" i="1"/>
  <c r="AE148393" i="1"/>
  <c r="AE148394" i="1"/>
  <c r="AE148395" i="1"/>
  <c r="AE148396" i="1"/>
  <c r="AE148397" i="1"/>
  <c r="AE148398" i="1"/>
  <c r="AE148399" i="1"/>
  <c r="AE148400" i="1"/>
  <c r="AE148401" i="1"/>
  <c r="AE148402" i="1"/>
  <c r="AE148403" i="1"/>
  <c r="AE148404" i="1"/>
  <c r="AE148405" i="1"/>
  <c r="AE148406" i="1"/>
  <c r="AE148407" i="1"/>
  <c r="AE148408" i="1"/>
  <c r="AE148409" i="1"/>
  <c r="AE148410" i="1"/>
  <c r="AE148411" i="1"/>
  <c r="AE148412" i="1"/>
  <c r="AE148413" i="1"/>
  <c r="AE148414" i="1"/>
  <c r="AE148415" i="1"/>
  <c r="AE148416" i="1"/>
  <c r="AE148417" i="1"/>
  <c r="AE148418" i="1"/>
  <c r="AE148419" i="1"/>
  <c r="AE148420" i="1"/>
  <c r="AE148421" i="1"/>
  <c r="AE148422" i="1"/>
  <c r="AE148423" i="1"/>
  <c r="AE148424" i="1"/>
  <c r="AE148425" i="1"/>
  <c r="AE148426" i="1"/>
  <c r="AE148427" i="1"/>
  <c r="AE148428" i="1"/>
  <c r="AE148429" i="1"/>
  <c r="AE148430" i="1"/>
  <c r="AE148431" i="1"/>
  <c r="AE148432" i="1"/>
  <c r="AE148433" i="1"/>
  <c r="AE148434" i="1"/>
  <c r="AE148435" i="1"/>
  <c r="AE148436" i="1"/>
  <c r="AE148437" i="1"/>
  <c r="AE148438" i="1"/>
  <c r="AE148439" i="1"/>
  <c r="AE148440" i="1"/>
  <c r="AE148441" i="1"/>
  <c r="AE148442" i="1"/>
  <c r="AE148443" i="1"/>
  <c r="AE148444" i="1"/>
  <c r="AE148445" i="1"/>
  <c r="AE148446" i="1"/>
  <c r="AE148447" i="1"/>
  <c r="AE148448" i="1"/>
  <c r="AE148449" i="1"/>
  <c r="AE148450" i="1"/>
  <c r="AE148451" i="1"/>
  <c r="AE148452" i="1"/>
  <c r="AE148453" i="1"/>
  <c r="AE148454" i="1"/>
  <c r="AE148455" i="1"/>
  <c r="AE148456" i="1"/>
  <c r="AE148457" i="1"/>
  <c r="AE148458" i="1"/>
  <c r="AE148459" i="1"/>
  <c r="AE148460" i="1"/>
  <c r="AE148461" i="1"/>
  <c r="AE148462" i="1"/>
  <c r="AE148463" i="1"/>
  <c r="AE148464" i="1"/>
  <c r="AE148465" i="1"/>
  <c r="AE148466" i="1"/>
  <c r="AE148467" i="1"/>
  <c r="AE148468" i="1"/>
  <c r="AE148469" i="1"/>
  <c r="AE148470" i="1"/>
  <c r="AE148471" i="1"/>
  <c r="AE148472" i="1"/>
  <c r="AE148473" i="1"/>
  <c r="AE148474" i="1"/>
  <c r="AE148475" i="1"/>
  <c r="AE148476" i="1"/>
  <c r="AE148477" i="1"/>
  <c r="AE148478" i="1"/>
  <c r="AE148479" i="1"/>
  <c r="AE148480" i="1"/>
  <c r="AE148481" i="1"/>
  <c r="AE148482" i="1"/>
  <c r="AE148483" i="1"/>
  <c r="AE148484" i="1"/>
  <c r="AE148485" i="1"/>
  <c r="AE148486" i="1"/>
  <c r="AE148487" i="1"/>
  <c r="AE148488" i="1"/>
  <c r="AE148489" i="1"/>
  <c r="AE148490" i="1"/>
  <c r="AE148491" i="1"/>
  <c r="AE148492" i="1"/>
  <c r="AE148493" i="1"/>
  <c r="AE148494" i="1"/>
  <c r="AE148495" i="1"/>
  <c r="AE148496" i="1"/>
  <c r="AE148497" i="1"/>
  <c r="AE148498" i="1"/>
  <c r="AE148499" i="1"/>
  <c r="AE148500" i="1"/>
  <c r="AE148501" i="1"/>
  <c r="AE148502" i="1"/>
  <c r="AE148503" i="1"/>
  <c r="AE148504" i="1"/>
  <c r="AE148505" i="1"/>
  <c r="AE148506" i="1"/>
  <c r="AE148507" i="1"/>
  <c r="AE148508" i="1"/>
  <c r="AE148509" i="1"/>
  <c r="AE148510" i="1"/>
  <c r="AE148511" i="1"/>
  <c r="AE148512" i="1"/>
  <c r="AE148513" i="1"/>
  <c r="AE148514" i="1"/>
  <c r="AE148515" i="1"/>
  <c r="AE148516" i="1"/>
  <c r="AE148517" i="1"/>
  <c r="AE148518" i="1"/>
  <c r="AE148519" i="1"/>
  <c r="AE148520" i="1"/>
  <c r="AE148521" i="1"/>
  <c r="AE148522" i="1"/>
  <c r="AE148523" i="1"/>
  <c r="AE148524" i="1"/>
  <c r="AE148525" i="1"/>
  <c r="AE148526" i="1"/>
  <c r="AE148527" i="1"/>
  <c r="AE148528" i="1"/>
  <c r="AE148529" i="1"/>
  <c r="AE148530" i="1"/>
  <c r="AE148531" i="1"/>
  <c r="AE148532" i="1"/>
  <c r="AE148533" i="1"/>
  <c r="AE148534" i="1"/>
  <c r="AE148535" i="1"/>
  <c r="AE148536" i="1"/>
  <c r="AE148537" i="1"/>
  <c r="AE148538" i="1"/>
  <c r="AE148539" i="1"/>
  <c r="AE148540" i="1"/>
  <c r="AE148541" i="1"/>
  <c r="AE148542" i="1"/>
  <c r="AE148543" i="1"/>
  <c r="AE148544" i="1"/>
  <c r="AE148545" i="1"/>
  <c r="AE148546" i="1"/>
  <c r="AE148547" i="1"/>
  <c r="AE148548" i="1"/>
  <c r="AE148549" i="1"/>
  <c r="AE148550" i="1"/>
  <c r="AE148551" i="1"/>
  <c r="AE148552" i="1"/>
  <c r="AE148553" i="1"/>
  <c r="AE148554" i="1"/>
  <c r="AE148555" i="1"/>
  <c r="AE148556" i="1"/>
  <c r="AE148557" i="1"/>
  <c r="AE148558" i="1"/>
  <c r="AE148559" i="1"/>
  <c r="AE148560" i="1"/>
  <c r="AE148561" i="1"/>
  <c r="AE148562" i="1"/>
  <c r="AE148563" i="1"/>
  <c r="AE148564" i="1"/>
  <c r="AE148565" i="1"/>
  <c r="AE148566" i="1"/>
  <c r="AE148567" i="1"/>
  <c r="AE148568" i="1"/>
  <c r="AE148569" i="1"/>
  <c r="AE148570" i="1"/>
  <c r="AE148571" i="1"/>
  <c r="AE148572" i="1"/>
  <c r="AE148573" i="1"/>
  <c r="AE148574" i="1"/>
  <c r="AE148575" i="1"/>
  <c r="AE148576" i="1"/>
  <c r="AE148577" i="1"/>
  <c r="AE148578" i="1"/>
  <c r="AE148579" i="1"/>
  <c r="AE148580" i="1"/>
  <c r="AE148581" i="1"/>
  <c r="AE148582" i="1"/>
  <c r="AE148583" i="1"/>
  <c r="AE148584" i="1"/>
  <c r="AE148585" i="1"/>
  <c r="AE148586" i="1"/>
  <c r="AE148587" i="1"/>
  <c r="AE148588" i="1"/>
  <c r="AE148589" i="1"/>
  <c r="AE148590" i="1"/>
  <c r="AE148591" i="1"/>
  <c r="AE148592" i="1"/>
  <c r="AE148593" i="1"/>
  <c r="AE148594" i="1"/>
  <c r="AE148595" i="1"/>
  <c r="AE148596" i="1"/>
  <c r="AE148597" i="1"/>
  <c r="AE148598" i="1"/>
  <c r="AE148599" i="1"/>
  <c r="AE148600" i="1"/>
  <c r="AE148601" i="1"/>
  <c r="AE148602" i="1"/>
  <c r="AE148603" i="1"/>
  <c r="AE148604" i="1"/>
  <c r="AE148605" i="1"/>
  <c r="AE148606" i="1"/>
  <c r="AE148607" i="1"/>
  <c r="AE148608" i="1"/>
  <c r="AE148609" i="1"/>
  <c r="AE148610" i="1"/>
  <c r="AE148611" i="1"/>
  <c r="AE148612" i="1"/>
  <c r="AE148613" i="1"/>
  <c r="AE148614" i="1"/>
  <c r="AE148615" i="1"/>
  <c r="AE148616" i="1"/>
  <c r="AE148617" i="1"/>
  <c r="AE148618" i="1"/>
  <c r="AE148619" i="1"/>
  <c r="AE148620" i="1"/>
  <c r="AE148621" i="1"/>
  <c r="AE148622" i="1"/>
  <c r="AE148623" i="1"/>
  <c r="AE148624" i="1"/>
  <c r="AE148625" i="1"/>
  <c r="AE148626" i="1"/>
  <c r="AE148627" i="1"/>
  <c r="AE148628" i="1"/>
  <c r="AE148629" i="1"/>
  <c r="AE148630" i="1"/>
  <c r="AE148631" i="1"/>
  <c r="AE148632" i="1"/>
  <c r="AE148633" i="1"/>
  <c r="AE148634" i="1"/>
  <c r="AE148635" i="1"/>
  <c r="AE148636" i="1"/>
  <c r="AE148637" i="1"/>
  <c r="AE148638" i="1"/>
  <c r="AE148639" i="1"/>
  <c r="AE148640" i="1"/>
  <c r="AE148641" i="1"/>
  <c r="AE148642" i="1"/>
  <c r="AE148643" i="1"/>
  <c r="AE148644" i="1"/>
  <c r="AE148645" i="1"/>
  <c r="AE148646" i="1"/>
  <c r="AE148647" i="1"/>
  <c r="AE148648" i="1"/>
  <c r="AE148649" i="1"/>
  <c r="AE148650" i="1"/>
  <c r="AE148651" i="1"/>
  <c r="AE148652" i="1"/>
  <c r="AE148653" i="1"/>
  <c r="AE148654" i="1"/>
  <c r="AE148655" i="1"/>
  <c r="AE148656" i="1"/>
  <c r="AE148657" i="1"/>
  <c r="AE148658" i="1"/>
  <c r="AE148659" i="1"/>
  <c r="AE148660" i="1"/>
  <c r="AE148661" i="1"/>
  <c r="AE148662" i="1"/>
  <c r="AE148663" i="1"/>
  <c r="AE148664" i="1"/>
  <c r="AE148665" i="1"/>
  <c r="AE148666" i="1"/>
  <c r="AE148667" i="1"/>
  <c r="AE148668" i="1"/>
  <c r="AE148669" i="1"/>
  <c r="AE148670" i="1"/>
  <c r="AE148671" i="1"/>
  <c r="AE148672" i="1"/>
  <c r="AE148673" i="1"/>
  <c r="AE148674" i="1"/>
  <c r="AE148675" i="1"/>
  <c r="AE148676" i="1"/>
  <c r="AE148677" i="1"/>
  <c r="AE148678" i="1"/>
  <c r="AE148679" i="1"/>
  <c r="AE148680" i="1"/>
  <c r="AE148681" i="1"/>
  <c r="AE148682" i="1"/>
  <c r="AE148683" i="1"/>
  <c r="AE148684" i="1"/>
  <c r="AE148685" i="1"/>
  <c r="AE148686" i="1"/>
  <c r="AE148687" i="1"/>
  <c r="AE148688" i="1"/>
  <c r="AE148689" i="1"/>
  <c r="AE148690" i="1"/>
  <c r="AE148691" i="1"/>
  <c r="AE148692" i="1"/>
  <c r="AE148693" i="1"/>
  <c r="AE148694" i="1"/>
  <c r="AE148695" i="1"/>
  <c r="AE148696" i="1"/>
  <c r="AE148697" i="1"/>
  <c r="AE148698" i="1"/>
  <c r="AE148699" i="1"/>
  <c r="AE148700" i="1"/>
  <c r="AE148701" i="1"/>
  <c r="AE148702" i="1"/>
  <c r="AE148703" i="1"/>
  <c r="AE148704" i="1"/>
  <c r="AE148705" i="1"/>
  <c r="AE148706" i="1"/>
  <c r="AE148707" i="1"/>
  <c r="AE148708" i="1"/>
  <c r="AE148709" i="1"/>
  <c r="AE148710" i="1"/>
  <c r="AE148711" i="1"/>
  <c r="AE148712" i="1"/>
  <c r="AE148713" i="1"/>
  <c r="AE148714" i="1"/>
  <c r="AE148715" i="1"/>
  <c r="AE148716" i="1"/>
  <c r="AE148717" i="1"/>
  <c r="AE148718" i="1"/>
  <c r="AE148719" i="1"/>
  <c r="AE148720" i="1"/>
  <c r="AE148721" i="1"/>
  <c r="AE148722" i="1"/>
  <c r="AE148723" i="1"/>
  <c r="AE148724" i="1"/>
  <c r="AE148725" i="1"/>
  <c r="AE148726" i="1"/>
  <c r="AE148727" i="1"/>
  <c r="AE148728" i="1"/>
  <c r="AE148729" i="1"/>
  <c r="AE148730" i="1"/>
  <c r="AE148731" i="1"/>
  <c r="AE148732" i="1"/>
  <c r="AE148733" i="1"/>
  <c r="AE148734" i="1"/>
  <c r="AE148735" i="1"/>
  <c r="AE148736" i="1"/>
  <c r="AE148737" i="1"/>
  <c r="AE148738" i="1"/>
  <c r="AE148739" i="1"/>
  <c r="AE148740" i="1"/>
  <c r="AE148741" i="1"/>
  <c r="AE148742" i="1"/>
  <c r="AE148743" i="1"/>
  <c r="AE148744" i="1"/>
  <c r="AE148745" i="1"/>
  <c r="AE148746" i="1"/>
  <c r="AE148747" i="1"/>
  <c r="AE148748" i="1"/>
  <c r="AE148749" i="1"/>
  <c r="AE148750" i="1"/>
  <c r="AE148751" i="1"/>
  <c r="AE148752" i="1"/>
  <c r="AE148753" i="1"/>
  <c r="AE148754" i="1"/>
  <c r="AE148755" i="1"/>
  <c r="AE148756" i="1"/>
  <c r="AE148757" i="1"/>
  <c r="AE148758" i="1"/>
  <c r="AE148759" i="1"/>
  <c r="AE148760" i="1"/>
  <c r="AE148761" i="1"/>
  <c r="AE148762" i="1"/>
  <c r="AE148763" i="1"/>
  <c r="AE148764" i="1"/>
  <c r="AE148765" i="1"/>
  <c r="AE148766" i="1"/>
  <c r="AE148767" i="1"/>
  <c r="AE148768" i="1"/>
  <c r="AE148769" i="1"/>
  <c r="AE148770" i="1"/>
  <c r="AE148771" i="1"/>
  <c r="AE148772" i="1"/>
  <c r="AE148773" i="1"/>
  <c r="AE148774" i="1"/>
  <c r="AE148775" i="1"/>
  <c r="AE148776" i="1"/>
  <c r="AE148777" i="1"/>
  <c r="AE148778" i="1"/>
  <c r="AE148779" i="1"/>
  <c r="AE148780" i="1"/>
  <c r="AE148781" i="1"/>
  <c r="AE148782" i="1"/>
  <c r="AE148783" i="1"/>
  <c r="AE148784" i="1"/>
  <c r="AE148785" i="1"/>
  <c r="AE148786" i="1"/>
  <c r="AE148787" i="1"/>
  <c r="AE148788" i="1"/>
  <c r="AE148789" i="1"/>
  <c r="AE148790" i="1"/>
  <c r="AE148791" i="1"/>
  <c r="AE148792" i="1"/>
  <c r="AE148793" i="1"/>
  <c r="AE148794" i="1"/>
  <c r="AE148795" i="1"/>
  <c r="AE148796" i="1"/>
  <c r="AE148797" i="1"/>
  <c r="AE148798" i="1"/>
  <c r="AE148799" i="1"/>
  <c r="AE148800" i="1"/>
  <c r="AE148801" i="1"/>
  <c r="AE148802" i="1"/>
  <c r="AE148803" i="1"/>
  <c r="AE148804" i="1"/>
  <c r="AE148805" i="1"/>
  <c r="AE148806" i="1"/>
  <c r="AE148807" i="1"/>
  <c r="AE148808" i="1"/>
  <c r="AE148809" i="1"/>
  <c r="AE148810" i="1"/>
  <c r="AE148811" i="1"/>
  <c r="AE148812" i="1"/>
  <c r="AE148813" i="1"/>
  <c r="AE148814" i="1"/>
  <c r="AE148815" i="1"/>
  <c r="AE148816" i="1"/>
  <c r="AE148817" i="1"/>
  <c r="AE148818" i="1"/>
  <c r="AE148819" i="1"/>
  <c r="AE148820" i="1"/>
  <c r="AE148821" i="1"/>
  <c r="AE148822" i="1"/>
  <c r="AE148823" i="1"/>
  <c r="AE148824" i="1"/>
  <c r="AE148825" i="1"/>
  <c r="AE148826" i="1"/>
  <c r="AE148827" i="1"/>
  <c r="AE148828" i="1"/>
  <c r="AE148829" i="1"/>
  <c r="AE148830" i="1"/>
  <c r="AE148831" i="1"/>
  <c r="AE148832" i="1"/>
  <c r="AE148833" i="1"/>
  <c r="AE148834" i="1"/>
  <c r="AE148835" i="1"/>
  <c r="AE148836" i="1"/>
  <c r="AE148837" i="1"/>
  <c r="AE148838" i="1"/>
  <c r="AE148839" i="1"/>
  <c r="AE148840" i="1"/>
  <c r="AE148841" i="1"/>
  <c r="AE148842" i="1"/>
  <c r="AE148843" i="1"/>
  <c r="AE148844" i="1"/>
  <c r="AE148845" i="1"/>
  <c r="AE148846" i="1"/>
  <c r="AE148847" i="1"/>
  <c r="AE148848" i="1"/>
  <c r="AE148849" i="1"/>
  <c r="AE148850" i="1"/>
  <c r="AE148851" i="1"/>
  <c r="AE148852" i="1"/>
  <c r="AE148853" i="1"/>
  <c r="AE148854" i="1"/>
  <c r="AE148855" i="1"/>
  <c r="AE148856" i="1"/>
  <c r="AE148857" i="1"/>
  <c r="AE148858" i="1"/>
  <c r="AE148859" i="1"/>
  <c r="AE148860" i="1"/>
  <c r="AE148861" i="1"/>
  <c r="AE148862" i="1"/>
  <c r="AE148863" i="1"/>
  <c r="AE148864" i="1"/>
  <c r="AE148865" i="1"/>
  <c r="AE148866" i="1"/>
  <c r="AE148867" i="1"/>
  <c r="AE148868" i="1"/>
  <c r="AE148869" i="1"/>
  <c r="AE148870" i="1"/>
  <c r="AE148871" i="1"/>
  <c r="AE148872" i="1"/>
  <c r="AE148873" i="1"/>
  <c r="AE148874" i="1"/>
  <c r="AE148875" i="1"/>
  <c r="AE148876" i="1"/>
  <c r="AE148877" i="1"/>
  <c r="AE148878" i="1"/>
  <c r="AE148879" i="1"/>
  <c r="AE148880" i="1"/>
  <c r="AE148881" i="1"/>
  <c r="AE148882" i="1"/>
  <c r="AE148883" i="1"/>
  <c r="AE148884" i="1"/>
  <c r="AE148885" i="1"/>
  <c r="AE148886" i="1"/>
  <c r="AE148887" i="1"/>
  <c r="AE148888" i="1"/>
  <c r="AE148889" i="1"/>
  <c r="AE148890" i="1"/>
  <c r="AE148891" i="1"/>
  <c r="AE148892" i="1"/>
  <c r="AE148893" i="1"/>
  <c r="AE148894" i="1"/>
  <c r="AE148895" i="1"/>
  <c r="AE148896" i="1"/>
  <c r="AE148897" i="1"/>
  <c r="AE148898" i="1"/>
  <c r="AE148899" i="1"/>
  <c r="AE148900" i="1"/>
  <c r="AE148901" i="1"/>
  <c r="AE148902" i="1"/>
  <c r="AE148903" i="1"/>
  <c r="AE148904" i="1"/>
  <c r="AE148905" i="1"/>
  <c r="AE148906" i="1"/>
  <c r="AE148907" i="1"/>
  <c r="AE148908" i="1"/>
  <c r="AE148909" i="1"/>
  <c r="AE148910" i="1"/>
  <c r="AE148911" i="1"/>
  <c r="AE148912" i="1"/>
  <c r="AE148913" i="1"/>
  <c r="AE148914" i="1"/>
  <c r="AE148915" i="1"/>
  <c r="AE148916" i="1"/>
  <c r="AE148917" i="1"/>
  <c r="AE148918" i="1"/>
  <c r="AE148919" i="1"/>
  <c r="AE148920" i="1"/>
  <c r="AE148921" i="1"/>
  <c r="AE148922" i="1"/>
  <c r="AE148923" i="1"/>
  <c r="AE148924" i="1"/>
  <c r="AE148925" i="1"/>
  <c r="AE148926" i="1"/>
  <c r="AE148927" i="1"/>
  <c r="AE148928" i="1"/>
  <c r="AE148929" i="1"/>
  <c r="AE148930" i="1"/>
  <c r="AE148931" i="1"/>
  <c r="AE148932" i="1"/>
  <c r="AE148933" i="1"/>
  <c r="AE148934" i="1"/>
  <c r="AE148935" i="1"/>
  <c r="AE148936" i="1"/>
  <c r="AE148937" i="1"/>
  <c r="AE148938" i="1"/>
  <c r="AE148939" i="1"/>
  <c r="AE148940" i="1"/>
  <c r="AE148941" i="1"/>
  <c r="AE148942" i="1"/>
  <c r="AE148943" i="1"/>
  <c r="AE148944" i="1"/>
  <c r="AE148945" i="1"/>
  <c r="AE148946" i="1"/>
  <c r="AE148947" i="1"/>
  <c r="AE148948" i="1"/>
  <c r="AE148949" i="1"/>
  <c r="AE148950" i="1"/>
  <c r="AE148951" i="1"/>
  <c r="AE148952" i="1"/>
  <c r="AE148953" i="1"/>
  <c r="AE148954" i="1"/>
  <c r="AE148955" i="1"/>
  <c r="AE148956" i="1"/>
  <c r="AE148957" i="1"/>
  <c r="AE148958" i="1"/>
  <c r="AE148959" i="1"/>
  <c r="AE148960" i="1"/>
  <c r="AE148961" i="1"/>
  <c r="AE148962" i="1"/>
  <c r="AE148963" i="1"/>
  <c r="AE148964" i="1"/>
  <c r="AE148965" i="1"/>
  <c r="AE148966" i="1"/>
  <c r="AE148967" i="1"/>
  <c r="AE148968" i="1"/>
  <c r="AE148969" i="1"/>
  <c r="AE148970" i="1"/>
  <c r="AE148971" i="1"/>
  <c r="AE148972" i="1"/>
  <c r="AE148973" i="1"/>
  <c r="AE148974" i="1"/>
  <c r="AE148975" i="1"/>
  <c r="AE148976" i="1"/>
  <c r="AE148977" i="1"/>
  <c r="AE148978" i="1"/>
  <c r="AE148979" i="1"/>
  <c r="AE148980" i="1"/>
  <c r="AE148981" i="1"/>
  <c r="AE148982" i="1"/>
  <c r="AE148983" i="1"/>
  <c r="AE148984" i="1"/>
  <c r="AE148985" i="1"/>
  <c r="AE148986" i="1"/>
  <c r="AE148987" i="1"/>
  <c r="AE148988" i="1"/>
  <c r="AE148989" i="1"/>
  <c r="AE148990" i="1"/>
  <c r="AE148991" i="1"/>
  <c r="AE148992" i="1"/>
  <c r="AE148993" i="1"/>
  <c r="AE148994" i="1"/>
  <c r="AE148995" i="1"/>
  <c r="AE148996" i="1"/>
  <c r="AE148997" i="1"/>
  <c r="AE148998" i="1"/>
  <c r="AE148999" i="1"/>
  <c r="AE149000" i="1"/>
  <c r="AE149001" i="1"/>
  <c r="AE149002" i="1"/>
  <c r="AE149003" i="1"/>
  <c r="AE149004" i="1"/>
  <c r="AE149005" i="1"/>
  <c r="AE149006" i="1"/>
  <c r="AE149007" i="1"/>
  <c r="AE149008" i="1"/>
  <c r="AE149009" i="1"/>
  <c r="AE149010" i="1"/>
  <c r="AE149011" i="1"/>
  <c r="AE149012" i="1"/>
  <c r="AE149013" i="1"/>
  <c r="AE149014" i="1"/>
  <c r="AE149015" i="1"/>
  <c r="AE149016" i="1"/>
  <c r="AE149017" i="1"/>
  <c r="AE149018" i="1"/>
  <c r="AE149019" i="1"/>
  <c r="AE149020" i="1"/>
  <c r="AE149021" i="1"/>
  <c r="AE149022" i="1"/>
  <c r="AE149023" i="1"/>
  <c r="AE149024" i="1"/>
  <c r="AE149025" i="1"/>
  <c r="AE149026" i="1"/>
  <c r="AE149027" i="1"/>
  <c r="AE149028" i="1"/>
  <c r="AE149029" i="1"/>
  <c r="AE149030" i="1"/>
  <c r="AE149031" i="1"/>
  <c r="AE149032" i="1"/>
  <c r="AE149033" i="1"/>
  <c r="AE149034" i="1"/>
  <c r="AE149035" i="1"/>
  <c r="AE149036" i="1"/>
  <c r="AE149037" i="1"/>
  <c r="AE149038" i="1"/>
  <c r="AE149039" i="1"/>
  <c r="AE149040" i="1"/>
  <c r="AE149041" i="1"/>
  <c r="AE149042" i="1"/>
  <c r="AE149043" i="1"/>
  <c r="AE149044" i="1"/>
  <c r="AE149045" i="1"/>
  <c r="AE149046" i="1"/>
  <c r="AE149047" i="1"/>
  <c r="AE149048" i="1"/>
  <c r="AE149049" i="1"/>
  <c r="AE149050" i="1"/>
  <c r="AE149051" i="1"/>
  <c r="AE149052" i="1"/>
  <c r="AE149053" i="1"/>
  <c r="AE149054" i="1"/>
  <c r="AE149055" i="1"/>
  <c r="AE149056" i="1"/>
  <c r="AE149057" i="1"/>
  <c r="AE149058" i="1"/>
  <c r="AE149059" i="1"/>
  <c r="AE149060" i="1"/>
  <c r="AE149061" i="1"/>
  <c r="AE149062" i="1"/>
  <c r="AE149063" i="1"/>
  <c r="AE149064" i="1"/>
  <c r="AE149065" i="1"/>
  <c r="AE149066" i="1"/>
  <c r="AE149067" i="1"/>
  <c r="AE149068" i="1"/>
  <c r="AE149069" i="1"/>
  <c r="AE149070" i="1"/>
  <c r="AE149071" i="1"/>
  <c r="AE149072" i="1"/>
  <c r="AE149073" i="1"/>
  <c r="AE149074" i="1"/>
  <c r="AE149075" i="1"/>
  <c r="AE149076" i="1"/>
  <c r="AE149077" i="1"/>
  <c r="AE149078" i="1"/>
  <c r="AE149079" i="1"/>
  <c r="AE149080" i="1"/>
  <c r="AE149081" i="1"/>
  <c r="AE149082" i="1"/>
  <c r="AE149083" i="1"/>
  <c r="AE149084" i="1"/>
  <c r="AE149085" i="1"/>
  <c r="AE149086" i="1"/>
  <c r="AE149087" i="1"/>
  <c r="AE149088" i="1"/>
  <c r="AE149089" i="1"/>
  <c r="AE149090" i="1"/>
  <c r="AE149091" i="1"/>
  <c r="AE149092" i="1"/>
  <c r="AE149093" i="1"/>
  <c r="AE149094" i="1"/>
  <c r="AE149095" i="1"/>
  <c r="AE149096" i="1"/>
  <c r="AE149097" i="1"/>
  <c r="AE149098" i="1"/>
  <c r="AE149099" i="1"/>
  <c r="AE149100" i="1"/>
  <c r="AE149101" i="1"/>
  <c r="AE149102" i="1"/>
  <c r="AE149103" i="1"/>
  <c r="AE149104" i="1"/>
  <c r="AE149105" i="1"/>
  <c r="AE149106" i="1"/>
  <c r="AE149107" i="1"/>
  <c r="AE149108" i="1"/>
  <c r="AE149109" i="1"/>
  <c r="AE149110" i="1"/>
  <c r="AE149111" i="1"/>
  <c r="AE149112" i="1"/>
  <c r="AE149113" i="1"/>
  <c r="AE149114" i="1"/>
  <c r="AE149115" i="1"/>
  <c r="AE149116" i="1"/>
  <c r="AE149117" i="1"/>
  <c r="AE149118" i="1"/>
  <c r="AE149119" i="1"/>
  <c r="AE149120" i="1"/>
  <c r="AE149121" i="1"/>
  <c r="AE149122" i="1"/>
  <c r="AE149123" i="1"/>
  <c r="AE149124" i="1"/>
  <c r="AE149125" i="1"/>
  <c r="AE149126" i="1"/>
  <c r="AE149127" i="1"/>
  <c r="AE149128" i="1"/>
  <c r="AE149129" i="1"/>
  <c r="AE149130" i="1"/>
  <c r="AE149131" i="1"/>
  <c r="AE149132" i="1"/>
  <c r="AE149133" i="1"/>
  <c r="AE149134" i="1"/>
  <c r="AE149135" i="1"/>
  <c r="AE149136" i="1"/>
  <c r="AE149137" i="1"/>
  <c r="AE149138" i="1"/>
  <c r="AE149139" i="1"/>
  <c r="AE149140" i="1"/>
  <c r="AE149141" i="1"/>
  <c r="AE149142" i="1"/>
  <c r="AE149143" i="1"/>
  <c r="AE149144" i="1"/>
  <c r="AE149145" i="1"/>
  <c r="AE149146" i="1"/>
  <c r="AE149147" i="1"/>
  <c r="AE149148" i="1"/>
  <c r="AE149149" i="1"/>
  <c r="AE149150" i="1"/>
  <c r="AE149151" i="1"/>
  <c r="AE149152" i="1"/>
  <c r="AE149153" i="1"/>
  <c r="AE149154" i="1"/>
  <c r="AE149155" i="1"/>
  <c r="AE149156" i="1"/>
  <c r="AE149157" i="1"/>
  <c r="AE149158" i="1"/>
  <c r="AE149159" i="1"/>
  <c r="AE149160" i="1"/>
  <c r="AE149161" i="1"/>
  <c r="AE149162" i="1"/>
  <c r="AE149163" i="1"/>
  <c r="AE149164" i="1"/>
  <c r="AE149165" i="1"/>
  <c r="AE149166" i="1"/>
  <c r="AE149167" i="1"/>
  <c r="AE149168" i="1"/>
  <c r="AE149169" i="1"/>
  <c r="AE149170" i="1"/>
  <c r="AE149171" i="1"/>
  <c r="AE149172" i="1"/>
  <c r="AE149173" i="1"/>
  <c r="AE149174" i="1"/>
  <c r="AE149175" i="1"/>
  <c r="AE149176" i="1"/>
  <c r="AE149177" i="1"/>
  <c r="AE149178" i="1"/>
  <c r="AE149179" i="1"/>
  <c r="AE149180" i="1"/>
  <c r="AE149181" i="1"/>
  <c r="AE149182" i="1"/>
  <c r="AE149183" i="1"/>
  <c r="AE149184" i="1"/>
  <c r="AE149185" i="1"/>
  <c r="AE149186" i="1"/>
  <c r="AE149187" i="1"/>
  <c r="AE149188" i="1"/>
  <c r="AE149189" i="1"/>
  <c r="AE149190" i="1"/>
  <c r="AE149191" i="1"/>
  <c r="AE149192" i="1"/>
  <c r="AE149193" i="1"/>
  <c r="AE149194" i="1"/>
  <c r="AE149195" i="1"/>
  <c r="AE149196" i="1"/>
  <c r="AE149197" i="1"/>
  <c r="AE149198" i="1"/>
  <c r="AE149199" i="1"/>
  <c r="AE149200" i="1"/>
  <c r="AE149201" i="1"/>
  <c r="AE149202" i="1"/>
  <c r="AE149203" i="1"/>
  <c r="AE149204" i="1"/>
  <c r="AE149205" i="1"/>
  <c r="AE149206" i="1"/>
  <c r="AE149207" i="1"/>
  <c r="AE149208" i="1"/>
  <c r="AE149209" i="1"/>
  <c r="AE149210" i="1"/>
  <c r="AE149211" i="1"/>
  <c r="AE149212" i="1"/>
  <c r="AE149213" i="1"/>
  <c r="AE149214" i="1"/>
  <c r="AE149215" i="1"/>
  <c r="AE149216" i="1"/>
  <c r="AE149217" i="1"/>
  <c r="AE149218" i="1"/>
  <c r="AE149219" i="1"/>
  <c r="AE149220" i="1"/>
  <c r="AE149221" i="1"/>
  <c r="AE149222" i="1"/>
  <c r="AE149223" i="1"/>
  <c r="AE149224" i="1"/>
  <c r="AE149225" i="1"/>
  <c r="AE149226" i="1"/>
  <c r="AE149227" i="1"/>
  <c r="AE149228" i="1"/>
  <c r="AE149229" i="1"/>
  <c r="AE149230" i="1"/>
  <c r="AE149231" i="1"/>
  <c r="AE149232" i="1"/>
  <c r="AE149233" i="1"/>
  <c r="AE149234" i="1"/>
  <c r="AE149235" i="1"/>
  <c r="AE149236" i="1"/>
  <c r="AE149237" i="1"/>
  <c r="AE149238" i="1"/>
  <c r="AE149239" i="1"/>
  <c r="AE149240" i="1"/>
  <c r="AE149241" i="1"/>
  <c r="AE149242" i="1"/>
  <c r="AE149243" i="1"/>
  <c r="AE149244" i="1"/>
  <c r="AE149245" i="1"/>
  <c r="AE149246" i="1"/>
  <c r="AE149247" i="1"/>
  <c r="AE149248" i="1"/>
  <c r="AE149249" i="1"/>
  <c r="AE149250" i="1"/>
  <c r="AE149251" i="1"/>
  <c r="AE149252" i="1"/>
  <c r="AE149253" i="1"/>
  <c r="AE149254" i="1"/>
  <c r="AE149255" i="1"/>
  <c r="AE149256" i="1"/>
  <c r="AE149257" i="1"/>
  <c r="AE149258" i="1"/>
  <c r="AE149259" i="1"/>
  <c r="AE149260" i="1"/>
  <c r="AE149261" i="1"/>
  <c r="AE149262" i="1"/>
  <c r="AE149263" i="1"/>
  <c r="AE149264" i="1"/>
  <c r="AE149265" i="1"/>
  <c r="AE149266" i="1"/>
  <c r="AE149267" i="1"/>
  <c r="AE149268" i="1"/>
  <c r="AE149269" i="1"/>
  <c r="AE149270" i="1"/>
  <c r="AE149271" i="1"/>
  <c r="AE149272" i="1"/>
  <c r="AE149273" i="1"/>
  <c r="AE149274" i="1"/>
  <c r="AE149275" i="1"/>
  <c r="AE149276" i="1"/>
  <c r="AE149277" i="1"/>
  <c r="AE149278" i="1"/>
  <c r="AE149279" i="1"/>
  <c r="AE149280" i="1"/>
  <c r="AE149281" i="1"/>
  <c r="AE149282" i="1"/>
  <c r="AE149283" i="1"/>
  <c r="AE149284" i="1"/>
  <c r="AE149285" i="1"/>
  <c r="AE149286" i="1"/>
  <c r="AE149287" i="1"/>
  <c r="AE149288" i="1"/>
  <c r="AE149289" i="1"/>
  <c r="AE149290" i="1"/>
  <c r="AE149291" i="1"/>
  <c r="AE149292" i="1"/>
  <c r="AE149293" i="1"/>
  <c r="AE149294" i="1"/>
  <c r="AE149295" i="1"/>
  <c r="AE149296" i="1"/>
  <c r="AE149297" i="1"/>
  <c r="AE149298" i="1"/>
  <c r="AE149299" i="1"/>
  <c r="AE149300" i="1"/>
  <c r="AE149301" i="1"/>
  <c r="AE149302" i="1"/>
  <c r="AE149303" i="1"/>
  <c r="AE149304" i="1"/>
  <c r="AE149305" i="1"/>
  <c r="AE149306" i="1"/>
  <c r="AE149307" i="1"/>
  <c r="AE149308" i="1"/>
  <c r="AE149309" i="1"/>
  <c r="AE149310" i="1"/>
  <c r="AE149311" i="1"/>
  <c r="AE149312" i="1"/>
  <c r="AE149313" i="1"/>
  <c r="AE149314" i="1"/>
  <c r="AE149315" i="1"/>
  <c r="AE149316" i="1"/>
  <c r="AE149317" i="1"/>
  <c r="AE149318" i="1"/>
  <c r="AE149319" i="1"/>
  <c r="AE149320" i="1"/>
  <c r="AE149321" i="1"/>
  <c r="AE149322" i="1"/>
  <c r="AE149323" i="1"/>
  <c r="AE149324" i="1"/>
  <c r="AE149325" i="1"/>
  <c r="AE149326" i="1"/>
  <c r="AE149327" i="1"/>
  <c r="AE149328" i="1"/>
  <c r="AE149329" i="1"/>
  <c r="AE149330" i="1"/>
  <c r="AE149331" i="1"/>
  <c r="AE149332" i="1"/>
  <c r="AE149333" i="1"/>
  <c r="AE149334" i="1"/>
  <c r="AE149335" i="1"/>
  <c r="AE149336" i="1"/>
  <c r="AE149337" i="1"/>
  <c r="AE149338" i="1"/>
  <c r="AE149339" i="1"/>
  <c r="AE149340" i="1"/>
  <c r="AE149341" i="1"/>
  <c r="AE149342" i="1"/>
  <c r="AE149343" i="1"/>
  <c r="AE149344" i="1"/>
  <c r="AE149345" i="1"/>
  <c r="AE149346" i="1"/>
  <c r="AE149347" i="1"/>
  <c r="AE149348" i="1"/>
  <c r="AE149349" i="1"/>
  <c r="AE149350" i="1"/>
  <c r="AE149351" i="1"/>
  <c r="AE149352" i="1"/>
  <c r="AE149353" i="1"/>
  <c r="AE149354" i="1"/>
  <c r="AE149355" i="1"/>
  <c r="AE149356" i="1"/>
  <c r="AE149357" i="1"/>
  <c r="AE149358" i="1"/>
  <c r="AE149359" i="1"/>
  <c r="AE149360" i="1"/>
  <c r="AE149361" i="1"/>
  <c r="AE149362" i="1"/>
  <c r="AE149363" i="1"/>
  <c r="AE149364" i="1"/>
  <c r="AE149365" i="1"/>
  <c r="AE149366" i="1"/>
  <c r="AE149367" i="1"/>
  <c r="AE149368" i="1"/>
  <c r="AE149369" i="1"/>
  <c r="AE149370" i="1"/>
  <c r="AE149371" i="1"/>
  <c r="AE149372" i="1"/>
  <c r="AE149373" i="1"/>
  <c r="AE149374" i="1"/>
  <c r="AE149375" i="1"/>
  <c r="AE149376" i="1"/>
  <c r="AE149377" i="1"/>
  <c r="AE149378" i="1"/>
  <c r="AE149379" i="1"/>
  <c r="AE149380" i="1"/>
  <c r="AE149381" i="1"/>
  <c r="AE149382" i="1"/>
  <c r="AE149383" i="1"/>
  <c r="AE149384" i="1"/>
  <c r="AE149385" i="1"/>
  <c r="AE149386" i="1"/>
  <c r="AE149387" i="1"/>
  <c r="AE149388" i="1"/>
  <c r="AE149389" i="1"/>
  <c r="AE149390" i="1"/>
  <c r="AE149391" i="1"/>
  <c r="AE149392" i="1"/>
  <c r="AE149393" i="1"/>
  <c r="AE149394" i="1"/>
  <c r="AE149395" i="1"/>
  <c r="AE149396" i="1"/>
  <c r="AE149397" i="1"/>
  <c r="AE149398" i="1"/>
  <c r="AE149399" i="1"/>
  <c r="AE149400" i="1"/>
  <c r="AE149401" i="1"/>
  <c r="AE149402" i="1"/>
  <c r="AE149403" i="1"/>
  <c r="AE149404" i="1"/>
  <c r="AE149405" i="1"/>
  <c r="AE149406" i="1"/>
  <c r="AE149407" i="1"/>
  <c r="AE149408" i="1"/>
  <c r="AE149409" i="1"/>
  <c r="AE149410" i="1"/>
  <c r="AE149411" i="1"/>
  <c r="AE149412" i="1"/>
  <c r="AE149413" i="1"/>
  <c r="AE149414" i="1"/>
  <c r="AE149415" i="1"/>
  <c r="AE149416" i="1"/>
  <c r="AE149417" i="1"/>
  <c r="AE149418" i="1"/>
  <c r="AE149419" i="1"/>
  <c r="AE149420" i="1"/>
  <c r="AE149421" i="1"/>
  <c r="AE149422" i="1"/>
  <c r="AE149423" i="1"/>
  <c r="AE149424" i="1"/>
  <c r="AE149425" i="1"/>
  <c r="AE149426" i="1"/>
  <c r="AE149427" i="1"/>
  <c r="AE149428" i="1"/>
  <c r="AE149429" i="1"/>
  <c r="AE149430" i="1"/>
  <c r="AE149431" i="1"/>
  <c r="AE149432" i="1"/>
  <c r="AE149433" i="1"/>
  <c r="AE149434" i="1"/>
  <c r="AE149435" i="1"/>
  <c r="AE149436" i="1"/>
  <c r="AE149437" i="1"/>
  <c r="AE149438" i="1"/>
  <c r="AE149439" i="1"/>
  <c r="AE149440" i="1"/>
  <c r="AE149441" i="1"/>
  <c r="AE149442" i="1"/>
  <c r="AE149443" i="1"/>
  <c r="AE149444" i="1"/>
  <c r="AE149445" i="1"/>
  <c r="AE149446" i="1"/>
  <c r="AE149447" i="1"/>
  <c r="AE149448" i="1"/>
  <c r="AE149449" i="1"/>
  <c r="AE149450" i="1"/>
  <c r="AE149451" i="1"/>
  <c r="AE149452" i="1"/>
  <c r="AE149453" i="1"/>
  <c r="AE149454" i="1"/>
  <c r="AE149455" i="1"/>
  <c r="AE149456" i="1"/>
  <c r="AE149457" i="1"/>
  <c r="AE149458" i="1"/>
  <c r="AE149459" i="1"/>
  <c r="AE149460" i="1"/>
  <c r="AE149461" i="1"/>
  <c r="AE149462" i="1"/>
  <c r="AE149463" i="1"/>
  <c r="AE149464" i="1"/>
  <c r="AE149465" i="1"/>
  <c r="AE149466" i="1"/>
  <c r="AE149467" i="1"/>
  <c r="AE149468" i="1"/>
  <c r="AE149469" i="1"/>
  <c r="AE149470" i="1"/>
  <c r="AE149471" i="1"/>
  <c r="AE149472" i="1"/>
  <c r="AE149473" i="1"/>
  <c r="AE149474" i="1"/>
  <c r="AE149475" i="1"/>
  <c r="AE149476" i="1"/>
  <c r="AE149477" i="1"/>
  <c r="AE149478" i="1"/>
  <c r="AE149479" i="1"/>
  <c r="AE149480" i="1"/>
  <c r="AE149481" i="1"/>
  <c r="AE149482" i="1"/>
  <c r="AE149483" i="1"/>
  <c r="AE149484" i="1"/>
  <c r="AE149485" i="1"/>
  <c r="AE149486" i="1"/>
  <c r="AE149487" i="1"/>
  <c r="AE149488" i="1"/>
  <c r="AE149489" i="1"/>
  <c r="AE149490" i="1"/>
  <c r="AE149491" i="1"/>
  <c r="AE149492" i="1"/>
  <c r="AE149493" i="1"/>
  <c r="AE149494" i="1"/>
  <c r="AE149495" i="1"/>
  <c r="AE149496" i="1"/>
  <c r="AE149497" i="1"/>
  <c r="AE149498" i="1"/>
  <c r="AE149499" i="1"/>
  <c r="AE149500" i="1"/>
  <c r="AE149501" i="1"/>
  <c r="AE149502" i="1"/>
  <c r="AE149503" i="1"/>
  <c r="AE149504" i="1"/>
  <c r="AE149505" i="1"/>
  <c r="AE149506" i="1"/>
  <c r="AE149507" i="1"/>
  <c r="AE149508" i="1"/>
  <c r="AE149509" i="1"/>
  <c r="AE149510" i="1"/>
  <c r="AE149511" i="1"/>
  <c r="AE149512" i="1"/>
  <c r="AE149513" i="1"/>
  <c r="AE149514" i="1"/>
  <c r="AE149515" i="1"/>
  <c r="AE149516" i="1"/>
  <c r="AE149517" i="1"/>
  <c r="AE149518" i="1"/>
  <c r="AE149519" i="1"/>
  <c r="AE149520" i="1"/>
  <c r="AE149521" i="1"/>
  <c r="AE149522" i="1"/>
  <c r="AE149523" i="1"/>
  <c r="AE149524" i="1"/>
  <c r="AE149525" i="1"/>
  <c r="AE149526" i="1"/>
  <c r="AE149527" i="1"/>
  <c r="AE149528" i="1"/>
  <c r="AE149529" i="1"/>
  <c r="AE149530" i="1"/>
  <c r="AE149531" i="1"/>
  <c r="AE149532" i="1"/>
  <c r="AE149533" i="1"/>
  <c r="AE149534" i="1"/>
  <c r="AE149535" i="1"/>
  <c r="AE149536" i="1"/>
  <c r="AE149537" i="1"/>
  <c r="AE149538" i="1"/>
  <c r="AE149539" i="1"/>
  <c r="AE149540" i="1"/>
  <c r="AE149541" i="1"/>
  <c r="AE149542" i="1"/>
  <c r="AE149543" i="1"/>
  <c r="AE149544" i="1"/>
  <c r="AE149545" i="1"/>
  <c r="AE149546" i="1"/>
  <c r="AE149547" i="1"/>
  <c r="AE149548" i="1"/>
  <c r="AE149549" i="1"/>
  <c r="AE149550" i="1"/>
  <c r="AE149551" i="1"/>
  <c r="AE149552" i="1"/>
  <c r="AE149553" i="1"/>
  <c r="AE149554" i="1"/>
  <c r="AE149555" i="1"/>
  <c r="AE149556" i="1"/>
  <c r="AE149557" i="1"/>
  <c r="AE149558" i="1"/>
  <c r="AE149559" i="1"/>
  <c r="AE149560" i="1"/>
  <c r="AE149561" i="1"/>
  <c r="AE149562" i="1"/>
  <c r="AE149563" i="1"/>
  <c r="AE149564" i="1"/>
  <c r="AE149565" i="1"/>
  <c r="AE149566" i="1"/>
  <c r="AE149567" i="1"/>
  <c r="AE149568" i="1"/>
  <c r="AE149569" i="1"/>
  <c r="AE149570" i="1"/>
  <c r="AE149571" i="1"/>
  <c r="AE149572" i="1"/>
  <c r="AE149573" i="1"/>
  <c r="AE149574" i="1"/>
  <c r="AE149575" i="1"/>
  <c r="AE149576" i="1"/>
  <c r="AE149577" i="1"/>
  <c r="AE149578" i="1"/>
  <c r="AE149579" i="1"/>
  <c r="AE149580" i="1"/>
  <c r="AE149581" i="1"/>
  <c r="AE149582" i="1"/>
  <c r="AE149583" i="1"/>
  <c r="AE149584" i="1"/>
  <c r="AE149585" i="1"/>
  <c r="AE149586" i="1"/>
  <c r="AE149587" i="1"/>
  <c r="AE149588" i="1"/>
  <c r="AE149589" i="1"/>
  <c r="AE149590" i="1"/>
  <c r="AE149591" i="1"/>
  <c r="AE149592" i="1"/>
  <c r="AE149593" i="1"/>
  <c r="AE149594" i="1"/>
  <c r="AE149595" i="1"/>
  <c r="AE149596" i="1"/>
  <c r="AE149597" i="1"/>
  <c r="AE149598" i="1"/>
  <c r="AE149599" i="1"/>
  <c r="AE149600" i="1"/>
  <c r="AE149601" i="1"/>
  <c r="AE149602" i="1"/>
  <c r="AE149603" i="1"/>
  <c r="AE149604" i="1"/>
  <c r="AE149605" i="1"/>
  <c r="AE149606" i="1"/>
  <c r="AE149607" i="1"/>
  <c r="AE149608" i="1"/>
  <c r="AE149609" i="1"/>
  <c r="AE149610" i="1"/>
  <c r="AE149611" i="1"/>
  <c r="AE149612" i="1"/>
  <c r="AE149613" i="1"/>
  <c r="AE149614" i="1"/>
  <c r="AE149615" i="1"/>
  <c r="AE149616" i="1"/>
  <c r="AE149617" i="1"/>
  <c r="AE149618" i="1"/>
  <c r="AE149619" i="1"/>
  <c r="AE149620" i="1"/>
  <c r="AE149621" i="1"/>
  <c r="AE149622" i="1"/>
  <c r="AE149623" i="1"/>
  <c r="AE149624" i="1"/>
  <c r="AE149625" i="1"/>
  <c r="AE149626" i="1"/>
  <c r="AE149627" i="1"/>
  <c r="AE149628" i="1"/>
  <c r="AE149629" i="1"/>
  <c r="AE149630" i="1"/>
  <c r="AE149631" i="1"/>
  <c r="AE149632" i="1"/>
  <c r="AE149633" i="1"/>
  <c r="AE149634" i="1"/>
  <c r="AE149635" i="1"/>
  <c r="AE149636" i="1"/>
  <c r="AE149637" i="1"/>
  <c r="AE149638" i="1"/>
  <c r="AE149639" i="1"/>
  <c r="AE149640" i="1"/>
  <c r="AE149641" i="1"/>
  <c r="AE149642" i="1"/>
  <c r="AE149643" i="1"/>
  <c r="AE149644" i="1"/>
  <c r="AE149645" i="1"/>
  <c r="AE149646" i="1"/>
  <c r="AE149647" i="1"/>
  <c r="AE149648" i="1"/>
  <c r="AE149649" i="1"/>
  <c r="AE149650" i="1"/>
  <c r="AE149651" i="1"/>
  <c r="AE149652" i="1"/>
  <c r="AE149653" i="1"/>
  <c r="AE149654" i="1"/>
  <c r="AE149655" i="1"/>
  <c r="AE149656" i="1"/>
  <c r="AE149657" i="1"/>
  <c r="AE149658" i="1"/>
  <c r="AE149659" i="1"/>
  <c r="AE149660" i="1"/>
  <c r="AE149661" i="1"/>
  <c r="AE149662" i="1"/>
  <c r="AE149663" i="1"/>
  <c r="AE149664" i="1"/>
  <c r="AE149665" i="1"/>
  <c r="AE149666" i="1"/>
  <c r="AE149667" i="1"/>
  <c r="AE149668" i="1"/>
  <c r="AE149669" i="1"/>
  <c r="AE149670" i="1"/>
  <c r="AE149671" i="1"/>
  <c r="AE149672" i="1"/>
  <c r="AE149673" i="1"/>
  <c r="AE149674" i="1"/>
  <c r="AE149675" i="1"/>
  <c r="AE149676" i="1"/>
  <c r="AE149677" i="1"/>
  <c r="AE149678" i="1"/>
  <c r="AE149679" i="1"/>
  <c r="AE149680" i="1"/>
  <c r="AE149681" i="1"/>
  <c r="AE149682" i="1"/>
  <c r="AE149683" i="1"/>
  <c r="AE149684" i="1"/>
  <c r="AE149685" i="1"/>
  <c r="AE149686" i="1"/>
  <c r="AE149687" i="1"/>
  <c r="AE149688" i="1"/>
  <c r="AE149689" i="1"/>
  <c r="AE149690" i="1"/>
  <c r="AE149691" i="1"/>
  <c r="AE149692" i="1"/>
  <c r="AE149693" i="1"/>
  <c r="AE149694" i="1"/>
  <c r="AE149695" i="1"/>
  <c r="AE149696" i="1"/>
  <c r="AE149697" i="1"/>
  <c r="AE149698" i="1"/>
  <c r="AE149699" i="1"/>
  <c r="AE149700" i="1"/>
  <c r="AE149701" i="1"/>
  <c r="AE149702" i="1"/>
  <c r="AE149703" i="1"/>
  <c r="AE149704" i="1"/>
  <c r="AE149705" i="1"/>
  <c r="AE149706" i="1"/>
  <c r="AE149707" i="1"/>
  <c r="AE149708" i="1"/>
  <c r="AE149709" i="1"/>
  <c r="AE149710" i="1"/>
  <c r="AE149711" i="1"/>
  <c r="AE149712" i="1"/>
  <c r="AE149713" i="1"/>
  <c r="AE149714" i="1"/>
  <c r="AE149715" i="1"/>
  <c r="AE149716" i="1"/>
  <c r="AE149717" i="1"/>
  <c r="AE149718" i="1"/>
  <c r="AE149719" i="1"/>
  <c r="AE149720" i="1"/>
  <c r="AE149721" i="1"/>
  <c r="AE149722" i="1"/>
  <c r="AE149723" i="1"/>
  <c r="AE149724" i="1"/>
  <c r="AE149725" i="1"/>
  <c r="AE149726" i="1"/>
  <c r="AE149727" i="1"/>
  <c r="AE149728" i="1"/>
  <c r="AE149729" i="1"/>
  <c r="AE149730" i="1"/>
  <c r="AE149731" i="1"/>
  <c r="AE149732" i="1"/>
  <c r="AE149733" i="1"/>
  <c r="AE149734" i="1"/>
  <c r="AE149735" i="1"/>
  <c r="AE149736" i="1"/>
  <c r="AE149737" i="1"/>
  <c r="AE149738" i="1"/>
  <c r="AE149739" i="1"/>
  <c r="AE149740" i="1"/>
  <c r="AE149741" i="1"/>
  <c r="AE149742" i="1"/>
  <c r="AE149743" i="1"/>
  <c r="AE149744" i="1"/>
  <c r="AE149745" i="1"/>
  <c r="AE149746" i="1"/>
  <c r="AE149747" i="1"/>
  <c r="AE149748" i="1"/>
  <c r="AE149749" i="1"/>
  <c r="AE149750" i="1"/>
  <c r="AE149751" i="1"/>
  <c r="AE149752" i="1"/>
  <c r="AE149753" i="1"/>
  <c r="AE149754" i="1"/>
  <c r="AE149755" i="1"/>
  <c r="AE149756" i="1"/>
  <c r="AE149757" i="1"/>
  <c r="AE149758" i="1"/>
  <c r="AE149759" i="1"/>
  <c r="AE149760" i="1"/>
  <c r="AE149761" i="1"/>
  <c r="AE149762" i="1"/>
  <c r="AE149763" i="1"/>
  <c r="AE149764" i="1"/>
  <c r="AE149765" i="1"/>
  <c r="AE149766" i="1"/>
  <c r="AE149767" i="1"/>
  <c r="AE149768" i="1"/>
  <c r="AE149769" i="1"/>
  <c r="AE149770" i="1"/>
  <c r="AE149771" i="1"/>
  <c r="AE149772" i="1"/>
  <c r="AE149773" i="1"/>
  <c r="AE149774" i="1"/>
  <c r="AE149775" i="1"/>
  <c r="AE149776" i="1"/>
  <c r="AE149777" i="1"/>
  <c r="AE149778" i="1"/>
  <c r="AE149779" i="1"/>
  <c r="AE149780" i="1"/>
  <c r="AE149781" i="1"/>
  <c r="AE149782" i="1"/>
  <c r="AE149783" i="1"/>
  <c r="AE149784" i="1"/>
  <c r="AE149785" i="1"/>
  <c r="AE149786" i="1"/>
  <c r="AE149787" i="1"/>
  <c r="AE149788" i="1"/>
  <c r="AE149789" i="1"/>
  <c r="AE149790" i="1"/>
  <c r="AE149791" i="1"/>
  <c r="AE149792" i="1"/>
  <c r="AE149793" i="1"/>
  <c r="AE149794" i="1"/>
  <c r="AE149795" i="1"/>
  <c r="AE149796" i="1"/>
  <c r="AE149797" i="1"/>
  <c r="AE149798" i="1"/>
  <c r="AE149799" i="1"/>
  <c r="AE149800" i="1"/>
  <c r="AE149801" i="1"/>
  <c r="AE149802" i="1"/>
  <c r="AE149803" i="1"/>
  <c r="AE149804" i="1"/>
  <c r="AE149805" i="1"/>
  <c r="AE149806" i="1"/>
  <c r="AE149807" i="1"/>
  <c r="AE149808" i="1"/>
  <c r="AE149809" i="1"/>
  <c r="AE149810" i="1"/>
  <c r="AE149811" i="1"/>
  <c r="AE149812" i="1"/>
  <c r="AE149813" i="1"/>
  <c r="AE149814" i="1"/>
  <c r="AE149815" i="1"/>
  <c r="AE149816" i="1"/>
  <c r="AE149817" i="1"/>
  <c r="AE149818" i="1"/>
  <c r="AE149819" i="1"/>
  <c r="AE149820" i="1"/>
  <c r="AE149821" i="1"/>
  <c r="AE149822" i="1"/>
  <c r="AE149823" i="1"/>
  <c r="AE149824" i="1"/>
  <c r="AE149825" i="1"/>
  <c r="AE149826" i="1"/>
  <c r="AE149827" i="1"/>
  <c r="AE149828" i="1"/>
  <c r="AE149829" i="1"/>
  <c r="AE149830" i="1"/>
  <c r="AE149831" i="1"/>
  <c r="AE149832" i="1"/>
  <c r="AE149833" i="1"/>
  <c r="AE149834" i="1"/>
  <c r="AE149835" i="1"/>
  <c r="AE149836" i="1"/>
  <c r="AE149837" i="1"/>
  <c r="AE149838" i="1"/>
  <c r="AE149839" i="1"/>
  <c r="AE149840" i="1"/>
  <c r="AE149841" i="1"/>
  <c r="AE149842" i="1"/>
  <c r="AE149843" i="1"/>
  <c r="AE149844" i="1"/>
  <c r="AE149845" i="1"/>
  <c r="AE149846" i="1"/>
  <c r="AE149847" i="1"/>
  <c r="AE149848" i="1"/>
  <c r="AE149849" i="1"/>
  <c r="AE149850" i="1"/>
  <c r="AE149851" i="1"/>
  <c r="AE149852" i="1"/>
  <c r="AE149853" i="1"/>
  <c r="AE149854" i="1"/>
  <c r="AE149855" i="1"/>
  <c r="AE149856" i="1"/>
  <c r="AE149857" i="1"/>
  <c r="AE149858" i="1"/>
  <c r="AE149859" i="1"/>
  <c r="AE149860" i="1"/>
  <c r="AE149861" i="1"/>
  <c r="AE149862" i="1"/>
  <c r="AE149863" i="1"/>
  <c r="AE149864" i="1"/>
  <c r="AE149865" i="1"/>
  <c r="AE149866" i="1"/>
  <c r="AE149867" i="1"/>
  <c r="AE149868" i="1"/>
  <c r="AE149869" i="1"/>
  <c r="AE149870" i="1"/>
  <c r="AE149871" i="1"/>
  <c r="AE149872" i="1"/>
  <c r="AE149873" i="1"/>
  <c r="AE149874" i="1"/>
  <c r="AE149875" i="1"/>
  <c r="AE149876" i="1"/>
  <c r="AE149877" i="1"/>
  <c r="AE149878" i="1"/>
  <c r="AE149879" i="1"/>
  <c r="AE149880" i="1"/>
  <c r="AE149881" i="1"/>
  <c r="AE149882" i="1"/>
  <c r="AE149883" i="1"/>
  <c r="AE149884" i="1"/>
  <c r="AE149885" i="1"/>
  <c r="AE149886" i="1"/>
  <c r="AE149887" i="1"/>
  <c r="AE149888" i="1"/>
  <c r="AE149889" i="1"/>
  <c r="AE149890" i="1"/>
  <c r="AE149891" i="1"/>
  <c r="AE149892" i="1"/>
  <c r="AE149893" i="1"/>
  <c r="AE149894" i="1"/>
  <c r="AE149895" i="1"/>
  <c r="AE149896" i="1"/>
  <c r="AE149897" i="1"/>
  <c r="AE149898" i="1"/>
  <c r="AE149899" i="1"/>
  <c r="AE149900" i="1"/>
  <c r="AE149901" i="1"/>
  <c r="AE149902" i="1"/>
  <c r="AE149903" i="1"/>
  <c r="AE149904" i="1"/>
  <c r="AE149905" i="1"/>
  <c r="AE149906" i="1"/>
  <c r="AE149907" i="1"/>
  <c r="AE149908" i="1"/>
  <c r="AE149909" i="1"/>
  <c r="AE149910" i="1"/>
  <c r="AE149911" i="1"/>
  <c r="AE149912" i="1"/>
  <c r="AE149913" i="1"/>
  <c r="AE149914" i="1"/>
  <c r="AE149915" i="1"/>
  <c r="AE149916" i="1"/>
  <c r="AE149917" i="1"/>
  <c r="AE149918" i="1"/>
  <c r="AE149919" i="1"/>
  <c r="AE149920" i="1"/>
  <c r="AE149921" i="1"/>
  <c r="AE149922" i="1"/>
  <c r="AE149923" i="1"/>
  <c r="AE149924" i="1"/>
  <c r="AE149925" i="1"/>
  <c r="AE149926" i="1"/>
  <c r="AE149927" i="1"/>
  <c r="AE149928" i="1"/>
  <c r="AE149929" i="1"/>
  <c r="AE149930" i="1"/>
  <c r="AE149931" i="1"/>
  <c r="AE149932" i="1"/>
  <c r="AE149933" i="1"/>
  <c r="AE149934" i="1"/>
  <c r="AE149935" i="1"/>
  <c r="AE149936" i="1"/>
  <c r="AE149937" i="1"/>
  <c r="AE149938" i="1"/>
  <c r="AE149939" i="1"/>
  <c r="AE149940" i="1"/>
  <c r="AE149941" i="1"/>
  <c r="AE149942" i="1"/>
  <c r="AE149943" i="1"/>
  <c r="AE149944" i="1"/>
  <c r="AE149945" i="1"/>
  <c r="AE149946" i="1"/>
  <c r="AE149947" i="1"/>
  <c r="AE149948" i="1"/>
  <c r="AE149949" i="1"/>
  <c r="AE149950" i="1"/>
  <c r="AE149951" i="1"/>
  <c r="AE149952" i="1"/>
  <c r="AE149953" i="1"/>
  <c r="AE149954" i="1"/>
  <c r="AE149955" i="1"/>
  <c r="AE149956" i="1"/>
  <c r="AE149957" i="1"/>
  <c r="AE149958" i="1"/>
  <c r="AE149959" i="1"/>
  <c r="AE149960" i="1"/>
  <c r="AE149961" i="1"/>
  <c r="AE149962" i="1"/>
  <c r="AE149963" i="1"/>
  <c r="AE149964" i="1"/>
  <c r="AE149965" i="1"/>
  <c r="AE149966" i="1"/>
  <c r="AE149967" i="1"/>
  <c r="AE149968" i="1"/>
  <c r="AE149969" i="1"/>
  <c r="AE149970" i="1"/>
  <c r="AE149971" i="1"/>
  <c r="AE149972" i="1"/>
  <c r="AE149973" i="1"/>
  <c r="AE149974" i="1"/>
  <c r="AE149975" i="1"/>
  <c r="AE149976" i="1"/>
  <c r="AE149977" i="1"/>
  <c r="AE149978" i="1"/>
  <c r="AE149979" i="1"/>
  <c r="AE149980" i="1"/>
  <c r="AE149981" i="1"/>
  <c r="AE149982" i="1"/>
  <c r="AE149983" i="1"/>
  <c r="AE149984" i="1"/>
  <c r="AE149985" i="1"/>
  <c r="AE149986" i="1"/>
  <c r="AE149987" i="1"/>
  <c r="AE149988" i="1"/>
  <c r="AE149989" i="1"/>
  <c r="AE149990" i="1"/>
  <c r="AE149991" i="1"/>
  <c r="AE149992" i="1"/>
  <c r="AE149993" i="1"/>
  <c r="AE149994" i="1"/>
  <c r="AE149995" i="1"/>
  <c r="AE149996" i="1"/>
  <c r="AE149997" i="1"/>
  <c r="AE149998" i="1"/>
  <c r="AE149999" i="1"/>
  <c r="AE150000" i="1"/>
  <c r="AE150001" i="1"/>
  <c r="AE150002" i="1"/>
  <c r="AE150003" i="1"/>
  <c r="AE150004" i="1"/>
  <c r="AE150005" i="1"/>
  <c r="AE150006" i="1"/>
  <c r="AE150007" i="1"/>
  <c r="AE150008" i="1"/>
  <c r="AE150009" i="1"/>
  <c r="AE150010" i="1"/>
  <c r="AE150011" i="1"/>
  <c r="AE150012" i="1"/>
  <c r="AE150013" i="1"/>
  <c r="AE150014" i="1"/>
  <c r="AE150015" i="1"/>
  <c r="AE150016" i="1"/>
  <c r="AE150017" i="1"/>
  <c r="AE150018" i="1"/>
  <c r="AE150019" i="1"/>
  <c r="AE150020" i="1"/>
  <c r="AE150021" i="1"/>
  <c r="AE150022" i="1"/>
  <c r="AE150023" i="1"/>
  <c r="AE150024" i="1"/>
  <c r="AE150025" i="1"/>
  <c r="AE150026" i="1"/>
  <c r="AE150027" i="1"/>
  <c r="AE150028" i="1"/>
  <c r="AE150029" i="1"/>
  <c r="AE150030" i="1"/>
  <c r="AE150031" i="1"/>
  <c r="AE150032" i="1"/>
  <c r="AE150033" i="1"/>
  <c r="AE150034" i="1"/>
  <c r="AE150035" i="1"/>
  <c r="AE150036" i="1"/>
  <c r="AE150037" i="1"/>
  <c r="AE150038" i="1"/>
  <c r="AE150039" i="1"/>
  <c r="AE150040" i="1"/>
  <c r="AE150041" i="1"/>
  <c r="AE150042" i="1"/>
  <c r="AE150043" i="1"/>
  <c r="AE150044" i="1"/>
  <c r="AE150045" i="1"/>
  <c r="AE150046" i="1"/>
  <c r="AE150047" i="1"/>
  <c r="AE150048" i="1"/>
  <c r="AE150049" i="1"/>
  <c r="AE150050" i="1"/>
  <c r="AE150051" i="1"/>
  <c r="AE150052" i="1"/>
  <c r="AE150053" i="1"/>
  <c r="AE150054" i="1"/>
  <c r="AE150055" i="1"/>
  <c r="AE150056" i="1"/>
  <c r="AE150057" i="1"/>
  <c r="AE150058" i="1"/>
  <c r="AE150059" i="1"/>
  <c r="AE150060" i="1"/>
  <c r="AE150061" i="1"/>
  <c r="AE150062" i="1"/>
  <c r="AE150063" i="1"/>
  <c r="AE150064" i="1"/>
  <c r="AE150065" i="1"/>
  <c r="AE150066" i="1"/>
  <c r="AE150067" i="1"/>
  <c r="AE150068" i="1"/>
  <c r="AE150069" i="1"/>
  <c r="AE150070" i="1"/>
  <c r="AE150071" i="1"/>
  <c r="AE150072" i="1"/>
  <c r="AE150073" i="1"/>
  <c r="AE150074" i="1"/>
  <c r="AE150075" i="1"/>
  <c r="AE150076" i="1"/>
  <c r="AE150077" i="1"/>
  <c r="AE150078" i="1"/>
  <c r="AE150079" i="1"/>
  <c r="AE150080" i="1"/>
  <c r="AE150081" i="1"/>
  <c r="AE150082" i="1"/>
  <c r="AE150083" i="1"/>
  <c r="AE150084" i="1"/>
  <c r="AE150085" i="1"/>
  <c r="AE150086" i="1"/>
  <c r="AE150087" i="1"/>
  <c r="AE150088" i="1"/>
  <c r="AE150089" i="1"/>
  <c r="AE150090" i="1"/>
  <c r="AE150091" i="1"/>
  <c r="AE150092" i="1"/>
  <c r="AE150093" i="1"/>
  <c r="AE150094" i="1"/>
  <c r="AE150095" i="1"/>
  <c r="AE150096" i="1"/>
  <c r="AE150097" i="1"/>
  <c r="AE150098" i="1"/>
  <c r="AE150099" i="1"/>
  <c r="AE150100" i="1"/>
  <c r="AE150101" i="1"/>
  <c r="AE150102" i="1"/>
  <c r="AE150103" i="1"/>
  <c r="AE150104" i="1"/>
  <c r="AE150105" i="1"/>
  <c r="AE150106" i="1"/>
  <c r="AE150107" i="1"/>
  <c r="AE150108" i="1"/>
  <c r="AE150109" i="1"/>
  <c r="AE150110" i="1"/>
  <c r="AE150111" i="1"/>
  <c r="AE150112" i="1"/>
  <c r="AE150113" i="1"/>
  <c r="AE150114" i="1"/>
  <c r="AE150115" i="1"/>
  <c r="AE150116" i="1"/>
  <c r="AE150117" i="1"/>
  <c r="AE150118" i="1"/>
  <c r="AE150119" i="1"/>
  <c r="AE150120" i="1"/>
  <c r="AE150121" i="1"/>
  <c r="AE150122" i="1"/>
  <c r="AE150123" i="1"/>
  <c r="AE150124" i="1"/>
  <c r="AE150125" i="1"/>
  <c r="AE150126" i="1"/>
  <c r="AE150127" i="1"/>
  <c r="AE150128" i="1"/>
  <c r="AE150129" i="1"/>
  <c r="AE150130" i="1"/>
  <c r="AE150131" i="1"/>
  <c r="AE150132" i="1"/>
  <c r="AE150133" i="1"/>
  <c r="AE150134" i="1"/>
  <c r="AE150135" i="1"/>
  <c r="AE150136" i="1"/>
  <c r="AE150137" i="1"/>
  <c r="AE150138" i="1"/>
  <c r="AE150139" i="1"/>
  <c r="AE150140" i="1"/>
  <c r="AE150141" i="1"/>
  <c r="AE150142" i="1"/>
  <c r="AE150143" i="1"/>
  <c r="AE150144" i="1"/>
  <c r="AE150145" i="1"/>
  <c r="AE150146" i="1"/>
  <c r="AE150147" i="1"/>
  <c r="AE150148" i="1"/>
  <c r="AE150149" i="1"/>
  <c r="AE150150" i="1"/>
  <c r="AE150151" i="1"/>
  <c r="AE150152" i="1"/>
  <c r="AE150153" i="1"/>
  <c r="AE150154" i="1"/>
  <c r="AE150155" i="1"/>
  <c r="AE150156" i="1"/>
  <c r="AE150157" i="1"/>
  <c r="AE150158" i="1"/>
  <c r="AE150159" i="1"/>
  <c r="AE150160" i="1"/>
  <c r="AE150161" i="1"/>
  <c r="AE150162" i="1"/>
  <c r="AE150163" i="1"/>
  <c r="AE150164" i="1"/>
  <c r="AE150165" i="1"/>
  <c r="AE150166" i="1"/>
  <c r="AE150167" i="1"/>
  <c r="AE150168" i="1"/>
  <c r="AE150169" i="1"/>
  <c r="AE150170" i="1"/>
  <c r="AE150171" i="1"/>
  <c r="AE150172" i="1"/>
  <c r="AE150173" i="1"/>
  <c r="AE150174" i="1"/>
  <c r="AE150175" i="1"/>
  <c r="AE150176" i="1"/>
  <c r="AE150177" i="1"/>
  <c r="AE150178" i="1"/>
  <c r="AE150179" i="1"/>
  <c r="AE150180" i="1"/>
  <c r="AE150181" i="1"/>
  <c r="AE150182" i="1"/>
  <c r="AE150183" i="1"/>
  <c r="AE150184" i="1"/>
  <c r="AE150185" i="1"/>
  <c r="AE150186" i="1"/>
  <c r="AE150187" i="1"/>
  <c r="AE150188" i="1"/>
  <c r="AE150189" i="1"/>
  <c r="AE150190" i="1"/>
  <c r="AE150191" i="1"/>
  <c r="AE150192" i="1"/>
  <c r="AE150193" i="1"/>
  <c r="AE150194" i="1"/>
  <c r="AE150195" i="1"/>
  <c r="AE150196" i="1"/>
  <c r="AE150197" i="1"/>
  <c r="AE150198" i="1"/>
  <c r="AE150199" i="1"/>
  <c r="AE150200" i="1"/>
  <c r="AE150201" i="1"/>
  <c r="AE150202" i="1"/>
  <c r="AE150203" i="1"/>
  <c r="AE150204" i="1"/>
  <c r="AE150205" i="1"/>
  <c r="AE150206" i="1"/>
  <c r="AE150207" i="1"/>
  <c r="AE150208" i="1"/>
  <c r="AE150209" i="1"/>
  <c r="AE150210" i="1"/>
  <c r="AE150211" i="1"/>
  <c r="AE150212" i="1"/>
  <c r="AE150213" i="1"/>
  <c r="AE150214" i="1"/>
  <c r="AE150215" i="1"/>
  <c r="AE150216" i="1"/>
  <c r="AE150217" i="1"/>
  <c r="AE150218" i="1"/>
  <c r="AE150219" i="1"/>
  <c r="AE150220" i="1"/>
  <c r="AE150221" i="1"/>
  <c r="AE150222" i="1"/>
  <c r="AE150223" i="1"/>
  <c r="AE150224" i="1"/>
  <c r="AE150225" i="1"/>
  <c r="AE150226" i="1"/>
  <c r="AE150227" i="1"/>
  <c r="AE150228" i="1"/>
  <c r="AE150229" i="1"/>
  <c r="AE150230" i="1"/>
  <c r="AE150231" i="1"/>
  <c r="AE150232" i="1"/>
  <c r="AE150233" i="1"/>
  <c r="AE150234" i="1"/>
  <c r="AE150235" i="1"/>
  <c r="AE150236" i="1"/>
  <c r="AE150237" i="1"/>
  <c r="AE150238" i="1"/>
  <c r="AE150239" i="1"/>
  <c r="AE150240" i="1"/>
  <c r="AE150241" i="1"/>
  <c r="AE150242" i="1"/>
  <c r="AE150243" i="1"/>
  <c r="AE150244" i="1"/>
  <c r="AE150245" i="1"/>
  <c r="AE150246" i="1"/>
  <c r="AE150247" i="1"/>
  <c r="AE150248" i="1"/>
  <c r="AE150249" i="1"/>
  <c r="AE150250" i="1"/>
  <c r="AE150251" i="1"/>
  <c r="AE150252" i="1"/>
  <c r="AE150253" i="1"/>
  <c r="AE150254" i="1"/>
  <c r="AE150255" i="1"/>
  <c r="AE150256" i="1"/>
  <c r="AE150257" i="1"/>
  <c r="AE150258" i="1"/>
  <c r="AE150259" i="1"/>
  <c r="AE150260" i="1"/>
  <c r="AE150261" i="1"/>
  <c r="AE150262" i="1"/>
  <c r="AE150263" i="1"/>
  <c r="AE150264" i="1"/>
  <c r="AE150265" i="1"/>
  <c r="AE150266" i="1"/>
  <c r="AE150267" i="1"/>
  <c r="AE150268" i="1"/>
  <c r="AE150269" i="1"/>
  <c r="AE150270" i="1"/>
  <c r="AE150271" i="1"/>
  <c r="AE150272" i="1"/>
  <c r="AE150273" i="1"/>
  <c r="AE150274" i="1"/>
  <c r="AE150275" i="1"/>
  <c r="AE150276" i="1"/>
  <c r="AE150277" i="1"/>
  <c r="AE150278" i="1"/>
  <c r="AE150279" i="1"/>
  <c r="AE150280" i="1"/>
  <c r="AE150281" i="1"/>
  <c r="AE150282" i="1"/>
  <c r="AE150283" i="1"/>
  <c r="AE150284" i="1"/>
  <c r="AE150285" i="1"/>
  <c r="AE150286" i="1"/>
  <c r="AE150287" i="1"/>
  <c r="AE150288" i="1"/>
  <c r="AE150289" i="1"/>
  <c r="AE150290" i="1"/>
  <c r="AE150291" i="1"/>
  <c r="AE150292" i="1"/>
  <c r="AE150293" i="1"/>
  <c r="AE150294" i="1"/>
  <c r="AE150295" i="1"/>
  <c r="AE150296" i="1"/>
  <c r="AE150297" i="1"/>
  <c r="AE150298" i="1"/>
  <c r="AE150299" i="1"/>
  <c r="AE150300" i="1"/>
  <c r="AE150301" i="1"/>
  <c r="AE150302" i="1"/>
  <c r="AE150303" i="1"/>
  <c r="AE150304" i="1"/>
  <c r="AE150305" i="1"/>
  <c r="AE150306" i="1"/>
  <c r="AE150307" i="1"/>
  <c r="AE150308" i="1"/>
  <c r="AE150309" i="1"/>
  <c r="AE150310" i="1"/>
  <c r="AE150311" i="1"/>
  <c r="AE150312" i="1"/>
  <c r="AE150313" i="1"/>
  <c r="AE150314" i="1"/>
  <c r="AE150315" i="1"/>
  <c r="AE150316" i="1"/>
  <c r="AE150317" i="1"/>
  <c r="AE150318" i="1"/>
  <c r="AE150319" i="1"/>
  <c r="AE150320" i="1"/>
  <c r="AE150321" i="1"/>
  <c r="AE150322" i="1"/>
  <c r="AE150323" i="1"/>
  <c r="AE150324" i="1"/>
  <c r="AE150325" i="1"/>
  <c r="AE150326" i="1"/>
  <c r="AE150327" i="1"/>
  <c r="AE150328" i="1"/>
  <c r="AE150329" i="1"/>
  <c r="AE150330" i="1"/>
  <c r="AE150331" i="1"/>
  <c r="AE150332" i="1"/>
  <c r="AE150333" i="1"/>
  <c r="AE150334" i="1"/>
  <c r="AE150335" i="1"/>
  <c r="AE150336" i="1"/>
  <c r="AE150337" i="1"/>
  <c r="AE150338" i="1"/>
  <c r="AE150339" i="1"/>
  <c r="AE150340" i="1"/>
  <c r="AE150341" i="1"/>
  <c r="AE150342" i="1"/>
  <c r="AE150343" i="1"/>
  <c r="AE150344" i="1"/>
  <c r="AE150345" i="1"/>
  <c r="AE150346" i="1"/>
  <c r="AE150347" i="1"/>
  <c r="AE150348" i="1"/>
  <c r="AE150349" i="1"/>
  <c r="AE150350" i="1"/>
  <c r="AE150351" i="1"/>
  <c r="AE150352" i="1"/>
  <c r="AE150353" i="1"/>
  <c r="AE150354" i="1"/>
  <c r="AE150355" i="1"/>
  <c r="AE150356" i="1"/>
  <c r="AE150357" i="1"/>
  <c r="AE150358" i="1"/>
  <c r="AE150359" i="1"/>
  <c r="AE150360" i="1"/>
  <c r="AE150361" i="1"/>
  <c r="AE150362" i="1"/>
  <c r="AE150363" i="1"/>
  <c r="AE150364" i="1"/>
  <c r="AE150365" i="1"/>
  <c r="AE150366" i="1"/>
  <c r="AE150367" i="1"/>
  <c r="AE150368" i="1"/>
  <c r="AE150369" i="1"/>
  <c r="AE150370" i="1"/>
  <c r="AE150371" i="1"/>
  <c r="AE150372" i="1"/>
  <c r="AE150373" i="1"/>
  <c r="AE150374" i="1"/>
  <c r="AE150375" i="1"/>
  <c r="AE150376" i="1"/>
  <c r="AE150377" i="1"/>
  <c r="AE150378" i="1"/>
  <c r="AE150379" i="1"/>
  <c r="AE150380" i="1"/>
  <c r="AE150381" i="1"/>
  <c r="AE150382" i="1"/>
  <c r="AE150383" i="1"/>
  <c r="AE150384" i="1"/>
  <c r="AE150385" i="1"/>
  <c r="AE150386" i="1"/>
  <c r="AE150387" i="1"/>
  <c r="AE150388" i="1"/>
  <c r="AE150389" i="1"/>
  <c r="AE150390" i="1"/>
  <c r="AE150391" i="1"/>
  <c r="AE150392" i="1"/>
  <c r="AE150393" i="1"/>
  <c r="AE150394" i="1"/>
  <c r="AE150395" i="1"/>
  <c r="AE150396" i="1"/>
  <c r="AE150397" i="1"/>
  <c r="AE150398" i="1"/>
  <c r="AE150399" i="1"/>
  <c r="AE150400" i="1"/>
  <c r="AE150401" i="1"/>
  <c r="AE150402" i="1"/>
  <c r="AE150403" i="1"/>
  <c r="AE150404" i="1"/>
  <c r="AE150405" i="1"/>
  <c r="AE150406" i="1"/>
  <c r="AE150407" i="1"/>
  <c r="AE150408" i="1"/>
  <c r="AE150409" i="1"/>
  <c r="AE150410" i="1"/>
  <c r="AE150411" i="1"/>
  <c r="AE150412" i="1"/>
  <c r="AE150413" i="1"/>
  <c r="AE150414" i="1"/>
  <c r="AE150415" i="1"/>
  <c r="AE150416" i="1"/>
  <c r="AE150417" i="1"/>
  <c r="AE150418" i="1"/>
  <c r="AE150419" i="1"/>
  <c r="AE150420" i="1"/>
  <c r="AE150421" i="1"/>
  <c r="AE150422" i="1"/>
  <c r="AE150423" i="1"/>
  <c r="AE150424" i="1"/>
  <c r="AE150425" i="1"/>
  <c r="AE150426" i="1"/>
  <c r="AE150427" i="1"/>
  <c r="AE150428" i="1"/>
  <c r="AE150429" i="1"/>
  <c r="AE150430" i="1"/>
  <c r="AE150431" i="1"/>
  <c r="AE150432" i="1"/>
  <c r="AE150433" i="1"/>
  <c r="AE150434" i="1"/>
  <c r="AE150435" i="1"/>
  <c r="AE150436" i="1"/>
  <c r="AE150437" i="1"/>
  <c r="AE150438" i="1"/>
  <c r="AE150439" i="1"/>
  <c r="AE150440" i="1"/>
  <c r="AE150441" i="1"/>
  <c r="AE150442" i="1"/>
  <c r="AE150443" i="1"/>
  <c r="AE150444" i="1"/>
  <c r="AE150445" i="1"/>
  <c r="AE150446" i="1"/>
  <c r="AE150447" i="1"/>
  <c r="AE150448" i="1"/>
  <c r="AE150449" i="1"/>
  <c r="AE150450" i="1"/>
  <c r="AE150451" i="1"/>
  <c r="AE150452" i="1"/>
  <c r="AE150453" i="1"/>
  <c r="AE150454" i="1"/>
  <c r="AE150455" i="1"/>
  <c r="AE150456" i="1"/>
  <c r="AE150457" i="1"/>
  <c r="AE150458" i="1"/>
  <c r="AE150459" i="1"/>
  <c r="AE150460" i="1"/>
  <c r="AE150461" i="1"/>
  <c r="AE150462" i="1"/>
  <c r="AE150463" i="1"/>
  <c r="AE150464" i="1"/>
  <c r="AE150465" i="1"/>
  <c r="AE150466" i="1"/>
  <c r="AE150467" i="1"/>
  <c r="AE150468" i="1"/>
  <c r="AE150469" i="1"/>
  <c r="AE150470" i="1"/>
  <c r="AE150471" i="1"/>
  <c r="AE150472" i="1"/>
  <c r="AE150473" i="1"/>
  <c r="AE150474" i="1"/>
  <c r="AE150475" i="1"/>
  <c r="AE150476" i="1"/>
  <c r="AE150477" i="1"/>
  <c r="AE150478" i="1"/>
  <c r="AE150479" i="1"/>
  <c r="AE150480" i="1"/>
  <c r="AE150481" i="1"/>
  <c r="AE150482" i="1"/>
  <c r="AE150483" i="1"/>
  <c r="AE150484" i="1"/>
  <c r="AE150485" i="1"/>
  <c r="AE150486" i="1"/>
  <c r="AE150487" i="1"/>
  <c r="AE150488" i="1"/>
  <c r="AE150489" i="1"/>
  <c r="AE150490" i="1"/>
  <c r="AE150491" i="1"/>
  <c r="AE150492" i="1"/>
  <c r="AE150493" i="1"/>
  <c r="AE150494" i="1"/>
  <c r="AE150495" i="1"/>
  <c r="AE150496" i="1"/>
  <c r="AE150497" i="1"/>
  <c r="AE150498" i="1"/>
  <c r="AE150499" i="1"/>
  <c r="AE150500" i="1"/>
  <c r="AE150501" i="1"/>
  <c r="AE150502" i="1"/>
  <c r="AE150503" i="1"/>
  <c r="AE150504" i="1"/>
  <c r="AE150505" i="1"/>
  <c r="AE150506" i="1"/>
  <c r="AE150507" i="1"/>
  <c r="AE150508" i="1"/>
  <c r="AE150509" i="1"/>
  <c r="AE150510" i="1"/>
  <c r="AE150511" i="1"/>
  <c r="AE150512" i="1"/>
  <c r="AE150513" i="1"/>
  <c r="AE150514" i="1"/>
  <c r="AE150515" i="1"/>
  <c r="AE150516" i="1"/>
  <c r="AE150517" i="1"/>
  <c r="AE150518" i="1"/>
  <c r="AE150519" i="1"/>
  <c r="AE150520" i="1"/>
  <c r="AE150521" i="1"/>
  <c r="AE150522" i="1"/>
  <c r="AE150523" i="1"/>
  <c r="AE150524" i="1"/>
  <c r="AE150525" i="1"/>
  <c r="AE150526" i="1"/>
  <c r="AE150527" i="1"/>
  <c r="AE150528" i="1"/>
  <c r="AE150529" i="1"/>
  <c r="AE150530" i="1"/>
  <c r="AE150531" i="1"/>
  <c r="AE150532" i="1"/>
  <c r="AE150533" i="1"/>
  <c r="AE150534" i="1"/>
  <c r="AE150535" i="1"/>
  <c r="AE150536" i="1"/>
  <c r="AE150537" i="1"/>
  <c r="AE150538" i="1"/>
  <c r="AE150539" i="1"/>
  <c r="AE150540" i="1"/>
  <c r="AE150541" i="1"/>
  <c r="AE150542" i="1"/>
  <c r="AE150543" i="1"/>
  <c r="AE150544" i="1"/>
  <c r="AE150545" i="1"/>
  <c r="AE150546" i="1"/>
  <c r="AE150547" i="1"/>
  <c r="AE150548" i="1"/>
  <c r="AE150549" i="1"/>
  <c r="AE150550" i="1"/>
  <c r="AE150551" i="1"/>
  <c r="AE150552" i="1"/>
  <c r="AE150553" i="1"/>
  <c r="AE150554" i="1"/>
  <c r="AE150555" i="1"/>
  <c r="AE150556" i="1"/>
  <c r="AE150557" i="1"/>
  <c r="AE150558" i="1"/>
  <c r="AE150559" i="1"/>
  <c r="AE150560" i="1"/>
  <c r="AE150561" i="1"/>
  <c r="AE150562" i="1"/>
  <c r="AE150563" i="1"/>
  <c r="AE150564" i="1"/>
  <c r="AE150565" i="1"/>
  <c r="AE150566" i="1"/>
  <c r="AE150567" i="1"/>
  <c r="AE150568" i="1"/>
  <c r="AE150569" i="1"/>
  <c r="AE150570" i="1"/>
  <c r="AE150571" i="1"/>
  <c r="AE150572" i="1"/>
  <c r="AE150573" i="1"/>
  <c r="AE150574" i="1"/>
  <c r="AE150575" i="1"/>
  <c r="AE150576" i="1"/>
  <c r="AE150577" i="1"/>
  <c r="AE150578" i="1"/>
  <c r="AE150579" i="1"/>
  <c r="AE150580" i="1"/>
  <c r="AE150581" i="1"/>
  <c r="AE150582" i="1"/>
  <c r="AE150583" i="1"/>
  <c r="AE150584" i="1"/>
  <c r="AE150585" i="1"/>
  <c r="AE150586" i="1"/>
  <c r="AE150587" i="1"/>
  <c r="AE150588" i="1"/>
  <c r="AE150589" i="1"/>
  <c r="AE150590" i="1"/>
  <c r="AE150591" i="1"/>
  <c r="AE150592" i="1"/>
  <c r="AE150593" i="1"/>
  <c r="AE150594" i="1"/>
  <c r="AE150595" i="1"/>
  <c r="AE150596" i="1"/>
  <c r="AE150597" i="1"/>
  <c r="AE150598" i="1"/>
  <c r="AE150599" i="1"/>
  <c r="AE150600" i="1"/>
  <c r="AE150601" i="1"/>
  <c r="AE150602" i="1"/>
  <c r="AE150603" i="1"/>
  <c r="AE150604" i="1"/>
  <c r="AE150605" i="1"/>
  <c r="AE150606" i="1"/>
  <c r="AE150607" i="1"/>
  <c r="AE150608" i="1"/>
  <c r="AE150609" i="1"/>
  <c r="AE150610" i="1"/>
  <c r="AE150611" i="1"/>
  <c r="AE150612" i="1"/>
  <c r="AE150613" i="1"/>
  <c r="AE150614" i="1"/>
  <c r="AE150615" i="1"/>
  <c r="AE150616" i="1"/>
  <c r="AE150617" i="1"/>
  <c r="AE150618" i="1"/>
  <c r="AE150619" i="1"/>
  <c r="AE150620" i="1"/>
  <c r="AE150621" i="1"/>
  <c r="AE150622" i="1"/>
  <c r="AE150623" i="1"/>
  <c r="AE150624" i="1"/>
  <c r="AE150625" i="1"/>
  <c r="AE150626" i="1"/>
  <c r="AE150627" i="1"/>
  <c r="AE150628" i="1"/>
  <c r="AE150629" i="1"/>
  <c r="AE150630" i="1"/>
  <c r="AE150631" i="1"/>
  <c r="AE150632" i="1"/>
  <c r="AE150633" i="1"/>
  <c r="AE150634" i="1"/>
  <c r="AE150635" i="1"/>
  <c r="AE150636" i="1"/>
  <c r="AE150637" i="1"/>
  <c r="AE150638" i="1"/>
  <c r="AE150639" i="1"/>
  <c r="AE150640" i="1"/>
  <c r="AE150641" i="1"/>
  <c r="AE150642" i="1"/>
  <c r="AE150643" i="1"/>
  <c r="AE150644" i="1"/>
  <c r="AE150645" i="1"/>
  <c r="AE150646" i="1"/>
  <c r="AE150647" i="1"/>
  <c r="AE150648" i="1"/>
  <c r="AE150649" i="1"/>
  <c r="AE150650" i="1"/>
  <c r="AE150651" i="1"/>
  <c r="AE150652" i="1"/>
  <c r="AE150653" i="1"/>
  <c r="AE150654" i="1"/>
  <c r="AE150655" i="1"/>
  <c r="AE150656" i="1"/>
  <c r="AE150657" i="1"/>
  <c r="AE150658" i="1"/>
  <c r="AE150659" i="1"/>
  <c r="AE150660" i="1"/>
  <c r="AE150661" i="1"/>
  <c r="AE150662" i="1"/>
  <c r="AE150663" i="1"/>
  <c r="AE150664" i="1"/>
  <c r="AE150665" i="1"/>
  <c r="AE150666" i="1"/>
  <c r="AE150667" i="1"/>
  <c r="AE150668" i="1"/>
  <c r="AE150669" i="1"/>
  <c r="AE150670" i="1"/>
  <c r="AE150671" i="1"/>
  <c r="AE150672" i="1"/>
  <c r="AE150673" i="1"/>
  <c r="AE150674" i="1"/>
  <c r="AE150675" i="1"/>
  <c r="AE150676" i="1"/>
  <c r="AE150677" i="1"/>
  <c r="AE150678" i="1"/>
  <c r="AE150679" i="1"/>
  <c r="AE150680" i="1"/>
  <c r="AE150681" i="1"/>
  <c r="AE150682" i="1"/>
  <c r="AE150683" i="1"/>
  <c r="AE150684" i="1"/>
  <c r="AE150685" i="1"/>
  <c r="AE150686" i="1"/>
  <c r="AE150687" i="1"/>
  <c r="AE150688" i="1"/>
  <c r="AE150689" i="1"/>
  <c r="AE150690" i="1"/>
  <c r="AE150691" i="1"/>
  <c r="AE150692" i="1"/>
  <c r="AE150693" i="1"/>
  <c r="AE150694" i="1"/>
  <c r="AE150695" i="1"/>
  <c r="AE150696" i="1"/>
  <c r="AE150697" i="1"/>
  <c r="AE150698" i="1"/>
  <c r="AE150699" i="1"/>
  <c r="AE150700" i="1"/>
  <c r="AE150701" i="1"/>
  <c r="AE150702" i="1"/>
  <c r="AE150703" i="1"/>
  <c r="AE150704" i="1"/>
  <c r="AE150705" i="1"/>
  <c r="AE150706" i="1"/>
  <c r="AE150707" i="1"/>
  <c r="AE150708" i="1"/>
  <c r="AE150709" i="1"/>
  <c r="AE150710" i="1"/>
  <c r="AE150711" i="1"/>
  <c r="AE150712" i="1"/>
  <c r="AE150713" i="1"/>
  <c r="AE150714" i="1"/>
  <c r="AE150715" i="1"/>
  <c r="AE150716" i="1"/>
  <c r="AE150717" i="1"/>
  <c r="AE150718" i="1"/>
  <c r="AE150719" i="1"/>
  <c r="AE150720" i="1"/>
  <c r="AE150721" i="1"/>
  <c r="AE150722" i="1"/>
  <c r="AE150723" i="1"/>
  <c r="AE150724" i="1"/>
  <c r="AE150725" i="1"/>
  <c r="AE150726" i="1"/>
  <c r="AE150727" i="1"/>
  <c r="AE150728" i="1"/>
  <c r="AE150729" i="1"/>
  <c r="AE150730" i="1"/>
  <c r="AE150731" i="1"/>
  <c r="AE150732" i="1"/>
  <c r="AE150733" i="1"/>
  <c r="AE150734" i="1"/>
  <c r="AE150735" i="1"/>
  <c r="AE150736" i="1"/>
  <c r="AE150737" i="1"/>
  <c r="AE150738" i="1"/>
  <c r="AE150739" i="1"/>
  <c r="AE150740" i="1"/>
  <c r="AE150741" i="1"/>
  <c r="AE150742" i="1"/>
  <c r="AE150743" i="1"/>
  <c r="AE150744" i="1"/>
  <c r="AE150745" i="1"/>
  <c r="AE150746" i="1"/>
  <c r="AE150747" i="1"/>
  <c r="AE150748" i="1"/>
  <c r="AE150749" i="1"/>
  <c r="AE150750" i="1"/>
  <c r="AE150751" i="1"/>
  <c r="AE150752" i="1"/>
  <c r="AE150753" i="1"/>
  <c r="AE150754" i="1"/>
  <c r="AE150755" i="1"/>
  <c r="AE150756" i="1"/>
  <c r="AE150757" i="1"/>
  <c r="AE150758" i="1"/>
  <c r="AE150759" i="1"/>
  <c r="AE150760" i="1"/>
  <c r="AE150761" i="1"/>
  <c r="AE150762" i="1"/>
  <c r="AE150763" i="1"/>
  <c r="AE150764" i="1"/>
  <c r="AE150765" i="1"/>
  <c r="AE150766" i="1"/>
  <c r="AE150767" i="1"/>
  <c r="AE150768" i="1"/>
  <c r="AE150769" i="1"/>
  <c r="AE150770" i="1"/>
  <c r="AE150771" i="1"/>
  <c r="AE150772" i="1"/>
  <c r="AE150773" i="1"/>
  <c r="AE150774" i="1"/>
  <c r="AE150775" i="1"/>
  <c r="AE150776" i="1"/>
  <c r="AE150777" i="1"/>
  <c r="AE150778" i="1"/>
  <c r="AE150779" i="1"/>
  <c r="AE150780" i="1"/>
  <c r="AE150781" i="1"/>
  <c r="AE150782" i="1"/>
  <c r="AE150783" i="1"/>
  <c r="AE150784" i="1"/>
  <c r="AE150785" i="1"/>
  <c r="AE150786" i="1"/>
  <c r="AE150787" i="1"/>
  <c r="AE150788" i="1"/>
  <c r="AE150789" i="1"/>
  <c r="AE150790" i="1"/>
  <c r="AE150791" i="1"/>
  <c r="AE150792" i="1"/>
  <c r="AE150793" i="1"/>
  <c r="AE150794" i="1"/>
  <c r="AE150795" i="1"/>
  <c r="AE150796" i="1"/>
  <c r="AE150797" i="1"/>
  <c r="AE150798" i="1"/>
  <c r="AE150799" i="1"/>
  <c r="AE150800" i="1"/>
  <c r="AE150801" i="1"/>
  <c r="AE150802" i="1"/>
  <c r="AE150803" i="1"/>
  <c r="AE150804" i="1"/>
  <c r="AE150805" i="1"/>
  <c r="AE150806" i="1"/>
  <c r="AE150807" i="1"/>
  <c r="AE150808" i="1"/>
  <c r="AE150809" i="1"/>
  <c r="AE150810" i="1"/>
  <c r="AE150811" i="1"/>
  <c r="AE150812" i="1"/>
  <c r="AE150813" i="1"/>
  <c r="AE150814" i="1"/>
  <c r="AE150815" i="1"/>
  <c r="AE150816" i="1"/>
  <c r="AE150817" i="1"/>
  <c r="AE150818" i="1"/>
  <c r="AE150819" i="1"/>
  <c r="AE150820" i="1"/>
  <c r="AE150821" i="1"/>
  <c r="AE150822" i="1"/>
  <c r="AE150823" i="1"/>
  <c r="AE150824" i="1"/>
  <c r="AE150825" i="1"/>
  <c r="AE150826" i="1"/>
  <c r="AE150827" i="1"/>
  <c r="AE150828" i="1"/>
  <c r="AE150829" i="1"/>
  <c r="AE150830" i="1"/>
  <c r="AE150831" i="1"/>
  <c r="AE150832" i="1"/>
  <c r="AE150833" i="1"/>
  <c r="AE150834" i="1"/>
  <c r="AE150835" i="1"/>
  <c r="AE150836" i="1"/>
  <c r="AE150837" i="1"/>
  <c r="AE150838" i="1"/>
  <c r="AE150839" i="1"/>
  <c r="AE150840" i="1"/>
  <c r="AE150841" i="1"/>
  <c r="AE150842" i="1"/>
  <c r="AE150843" i="1"/>
  <c r="AE150844" i="1"/>
  <c r="AE150845" i="1"/>
  <c r="AE150846" i="1"/>
  <c r="AE150847" i="1"/>
  <c r="AE150848" i="1"/>
  <c r="AE150849" i="1"/>
  <c r="AE150850" i="1"/>
  <c r="AE150851" i="1"/>
  <c r="AE150852" i="1"/>
  <c r="AE150853" i="1"/>
  <c r="AE150854" i="1"/>
  <c r="AE150855" i="1"/>
  <c r="AE150856" i="1"/>
  <c r="AE150857" i="1"/>
  <c r="AE150858" i="1"/>
  <c r="AE150859" i="1"/>
  <c r="AE150860" i="1"/>
  <c r="AE150861" i="1"/>
  <c r="AE150862" i="1"/>
  <c r="AE150863" i="1"/>
  <c r="AE150864" i="1"/>
  <c r="AE150865" i="1"/>
  <c r="AE150866" i="1"/>
  <c r="AE150867" i="1"/>
  <c r="AE150868" i="1"/>
  <c r="AE150869" i="1"/>
  <c r="AE150870" i="1"/>
  <c r="AE150871" i="1"/>
  <c r="AE150872" i="1"/>
  <c r="AE150873" i="1"/>
  <c r="AE150874" i="1"/>
  <c r="AE150875" i="1"/>
  <c r="AE150876" i="1"/>
  <c r="AE150877" i="1"/>
  <c r="AE150878" i="1"/>
  <c r="AE150879" i="1"/>
  <c r="AE150880" i="1"/>
  <c r="AE150881" i="1"/>
  <c r="AE150882" i="1"/>
  <c r="AE150883" i="1"/>
  <c r="AE150884" i="1"/>
  <c r="AE150885" i="1"/>
  <c r="AE150886" i="1"/>
  <c r="AE150887" i="1"/>
  <c r="AE150888" i="1"/>
  <c r="AE150889" i="1"/>
  <c r="AE150890" i="1"/>
  <c r="AE150891" i="1"/>
  <c r="AE150892" i="1"/>
  <c r="AE150893" i="1"/>
  <c r="AE150894" i="1"/>
  <c r="AE150895" i="1"/>
  <c r="AE150896" i="1"/>
  <c r="AE150897" i="1"/>
  <c r="AE150898" i="1"/>
  <c r="AE150899" i="1"/>
  <c r="AE150900" i="1"/>
  <c r="AE150901" i="1"/>
  <c r="AE150902" i="1"/>
  <c r="AE150903" i="1"/>
  <c r="AE150904" i="1"/>
  <c r="AE150905" i="1"/>
  <c r="AE150906" i="1"/>
  <c r="AE150907" i="1"/>
  <c r="AE150908" i="1"/>
  <c r="AE150909" i="1"/>
  <c r="AE150910" i="1"/>
  <c r="AE150911" i="1"/>
  <c r="AE150912" i="1"/>
  <c r="AE150913" i="1"/>
  <c r="AE150914" i="1"/>
  <c r="AE150915" i="1"/>
  <c r="AE150916" i="1"/>
  <c r="AE150917" i="1"/>
  <c r="AE150918" i="1"/>
  <c r="AE150919" i="1"/>
  <c r="AE150920" i="1"/>
  <c r="AE150921" i="1"/>
  <c r="AE150922" i="1"/>
  <c r="AE150923" i="1"/>
  <c r="AE150924" i="1"/>
  <c r="AE150925" i="1"/>
  <c r="AE150926" i="1"/>
  <c r="AE150927" i="1"/>
  <c r="AE150928" i="1"/>
  <c r="AE150929" i="1"/>
  <c r="AE150930" i="1"/>
  <c r="AE150931" i="1"/>
  <c r="AE150932" i="1"/>
  <c r="AE150933" i="1"/>
  <c r="AE150934" i="1"/>
  <c r="AE150935" i="1"/>
  <c r="AE150936" i="1"/>
  <c r="AE150937" i="1"/>
  <c r="AE150938" i="1"/>
  <c r="AE150939" i="1"/>
  <c r="AE150940" i="1"/>
  <c r="AE150941" i="1"/>
  <c r="AE150942" i="1"/>
  <c r="AE150943" i="1"/>
  <c r="AE150944" i="1"/>
  <c r="AE150945" i="1"/>
  <c r="AE150946" i="1"/>
  <c r="AE150947" i="1"/>
  <c r="AE150948" i="1"/>
  <c r="AE150949" i="1"/>
  <c r="AE150950" i="1"/>
  <c r="AE150951" i="1"/>
  <c r="AE150952" i="1"/>
  <c r="AE150953" i="1"/>
  <c r="AE150954" i="1"/>
  <c r="AE150955" i="1"/>
  <c r="AE150956" i="1"/>
  <c r="AE150957" i="1"/>
  <c r="AE150958" i="1"/>
  <c r="AE150959" i="1"/>
  <c r="AE150960" i="1"/>
  <c r="AE150961" i="1"/>
  <c r="AE150962" i="1"/>
  <c r="AE150963" i="1"/>
  <c r="AE150964" i="1"/>
  <c r="AE150965" i="1"/>
  <c r="AE150966" i="1"/>
  <c r="AE150967" i="1"/>
  <c r="AE150968" i="1"/>
  <c r="AE150969" i="1"/>
  <c r="AE150970" i="1"/>
  <c r="AE150971" i="1"/>
  <c r="AE150972" i="1"/>
  <c r="AE150973" i="1"/>
  <c r="AE150974" i="1"/>
  <c r="AE150975" i="1"/>
  <c r="AE150976" i="1"/>
  <c r="AE150977" i="1"/>
  <c r="AE150978" i="1"/>
  <c r="AE150979" i="1"/>
  <c r="AE150980" i="1"/>
  <c r="AE150981" i="1"/>
  <c r="AE150982" i="1"/>
  <c r="AE150983" i="1"/>
  <c r="AE150984" i="1"/>
  <c r="AE150985" i="1"/>
  <c r="AE150986" i="1"/>
  <c r="AE150987" i="1"/>
  <c r="AE150988" i="1"/>
  <c r="AE150989" i="1"/>
  <c r="AE150990" i="1"/>
  <c r="AE150991" i="1"/>
  <c r="AE150992" i="1"/>
  <c r="AE150993" i="1"/>
  <c r="AE150994" i="1"/>
  <c r="AE150995" i="1"/>
  <c r="AE150996" i="1"/>
  <c r="AE150997" i="1"/>
  <c r="AE150998" i="1"/>
  <c r="AE150999" i="1"/>
  <c r="AE151000" i="1"/>
  <c r="AE151001" i="1"/>
  <c r="AE151002" i="1"/>
  <c r="AE151003" i="1"/>
  <c r="AE151004" i="1"/>
  <c r="AE151005" i="1"/>
  <c r="AE151006" i="1"/>
  <c r="AE151007" i="1"/>
  <c r="AE151008" i="1"/>
  <c r="AE151009" i="1"/>
  <c r="AE151010" i="1"/>
  <c r="AE151011" i="1"/>
  <c r="AE151012" i="1"/>
  <c r="AE151013" i="1"/>
  <c r="AE151014" i="1"/>
  <c r="AE151015" i="1"/>
  <c r="AE151016" i="1"/>
  <c r="AE151017" i="1"/>
  <c r="AE151018" i="1"/>
  <c r="AE151019" i="1"/>
  <c r="AE151020" i="1"/>
  <c r="AE151021" i="1"/>
  <c r="AE151022" i="1"/>
  <c r="AE151023" i="1"/>
  <c r="AE151024" i="1"/>
  <c r="AE151025" i="1"/>
  <c r="AE151026" i="1"/>
  <c r="AE151027" i="1"/>
  <c r="AE151028" i="1"/>
  <c r="AE151029" i="1"/>
  <c r="AE151030" i="1"/>
  <c r="AE151031" i="1"/>
  <c r="AE151032" i="1"/>
  <c r="AE151033" i="1"/>
  <c r="AE151034" i="1"/>
  <c r="AE151035" i="1"/>
  <c r="AE151036" i="1"/>
  <c r="AE151037" i="1"/>
  <c r="AE151038" i="1"/>
  <c r="AE151039" i="1"/>
  <c r="AE151040" i="1"/>
  <c r="AE151041" i="1"/>
  <c r="AE151042" i="1"/>
  <c r="AE151043" i="1"/>
  <c r="AE151044" i="1"/>
  <c r="AE151045" i="1"/>
  <c r="AE151046" i="1"/>
  <c r="AE151047" i="1"/>
  <c r="AE151048" i="1"/>
  <c r="AE151049" i="1"/>
  <c r="AE151050" i="1"/>
  <c r="AE151051" i="1"/>
  <c r="AE151052" i="1"/>
  <c r="AE151053" i="1"/>
  <c r="AE151054" i="1"/>
  <c r="AE151055" i="1"/>
  <c r="AE151056" i="1"/>
  <c r="AE151057" i="1"/>
  <c r="AE151058" i="1"/>
  <c r="AE151059" i="1"/>
  <c r="AE151060" i="1"/>
  <c r="AE151061" i="1"/>
  <c r="AE151062" i="1"/>
  <c r="AE151063" i="1"/>
  <c r="AE151064" i="1"/>
  <c r="AE151065" i="1"/>
  <c r="AE151066" i="1"/>
  <c r="AE151067" i="1"/>
  <c r="AE151068" i="1"/>
  <c r="AE151069" i="1"/>
  <c r="AE151070" i="1"/>
  <c r="AE151071" i="1"/>
  <c r="AE151072" i="1"/>
  <c r="AE151073" i="1"/>
  <c r="AE151074" i="1"/>
  <c r="AE151075" i="1"/>
  <c r="AE151076" i="1"/>
  <c r="AE151077" i="1"/>
  <c r="AE151078" i="1"/>
  <c r="AE151079" i="1"/>
  <c r="AE151080" i="1"/>
  <c r="AE151081" i="1"/>
  <c r="AE151082" i="1"/>
  <c r="AE151083" i="1"/>
  <c r="AE151084" i="1"/>
  <c r="AE151085" i="1"/>
  <c r="AE151086" i="1"/>
  <c r="AE151087" i="1"/>
  <c r="AE151088" i="1"/>
  <c r="AE151089" i="1"/>
  <c r="AE151090" i="1"/>
  <c r="AE151091" i="1"/>
  <c r="AE151092" i="1"/>
  <c r="AE151093" i="1"/>
  <c r="AE151094" i="1"/>
  <c r="AE151095" i="1"/>
  <c r="AE151096" i="1"/>
  <c r="AE151097" i="1"/>
  <c r="AE151098" i="1"/>
  <c r="AE151099" i="1"/>
  <c r="AE151100" i="1"/>
  <c r="AE151101" i="1"/>
  <c r="AE151102" i="1"/>
  <c r="AE151103" i="1"/>
  <c r="AE151104" i="1"/>
  <c r="AE151105" i="1"/>
  <c r="AE151106" i="1"/>
  <c r="AE151107" i="1"/>
  <c r="AE151108" i="1"/>
  <c r="AE151109" i="1"/>
  <c r="AE151110" i="1"/>
  <c r="AE151111" i="1"/>
  <c r="AE151112" i="1"/>
  <c r="AE151113" i="1"/>
  <c r="AE151114" i="1"/>
  <c r="AE151115" i="1"/>
  <c r="AE151116" i="1"/>
  <c r="AE151117" i="1"/>
  <c r="AE151118" i="1"/>
  <c r="AE151119" i="1"/>
  <c r="AE151120" i="1"/>
  <c r="AE151121" i="1"/>
  <c r="AE151122" i="1"/>
  <c r="AE151123" i="1"/>
  <c r="AE151124" i="1"/>
  <c r="AE151125" i="1"/>
  <c r="AE151126" i="1"/>
  <c r="AE151127" i="1"/>
  <c r="AE151128" i="1"/>
  <c r="AE151129" i="1"/>
  <c r="AE151130" i="1"/>
  <c r="AE151131" i="1"/>
  <c r="AE151132" i="1"/>
  <c r="AE151133" i="1"/>
  <c r="AE151134" i="1"/>
  <c r="AE151135" i="1"/>
  <c r="AE151136" i="1"/>
  <c r="AE151137" i="1"/>
  <c r="AE151138" i="1"/>
  <c r="AE151139" i="1"/>
  <c r="AE151140" i="1"/>
  <c r="AE151141" i="1"/>
  <c r="AE151142" i="1"/>
  <c r="AE151143" i="1"/>
  <c r="AE151144" i="1"/>
  <c r="AE151145" i="1"/>
  <c r="AE151146" i="1"/>
  <c r="AE151147" i="1"/>
  <c r="AE151148" i="1"/>
  <c r="AE151149" i="1"/>
  <c r="AE151150" i="1"/>
  <c r="AE151151" i="1"/>
  <c r="AE151152" i="1"/>
  <c r="AE151153" i="1"/>
  <c r="AE151154" i="1"/>
  <c r="AE151155" i="1"/>
  <c r="AE151156" i="1"/>
  <c r="AE151157" i="1"/>
  <c r="AE151158" i="1"/>
  <c r="AE151159" i="1"/>
  <c r="AE151160" i="1"/>
  <c r="AE151161" i="1"/>
  <c r="AE151162" i="1"/>
  <c r="AE151163" i="1"/>
  <c r="AE151164" i="1"/>
  <c r="AE151165" i="1"/>
  <c r="AE151166" i="1"/>
  <c r="AE151167" i="1"/>
  <c r="AE151168" i="1"/>
  <c r="AE151169" i="1"/>
  <c r="AE151170" i="1"/>
  <c r="AE151171" i="1"/>
  <c r="AE151172" i="1"/>
  <c r="AE151173" i="1"/>
  <c r="AE151174" i="1"/>
  <c r="AE151175" i="1"/>
  <c r="AE151176" i="1"/>
  <c r="AE151177" i="1"/>
  <c r="AE151178" i="1"/>
  <c r="AE151179" i="1"/>
  <c r="AE151180" i="1"/>
  <c r="AE151181" i="1"/>
  <c r="AE151182" i="1"/>
  <c r="AE151183" i="1"/>
  <c r="AE151184" i="1"/>
  <c r="AE151185" i="1"/>
  <c r="AE151186" i="1"/>
  <c r="AE151187" i="1"/>
  <c r="AE151188" i="1"/>
  <c r="AE151189" i="1"/>
  <c r="AE151190" i="1"/>
  <c r="AE151191" i="1"/>
  <c r="AE151192" i="1"/>
  <c r="AE151193" i="1"/>
  <c r="AE151194" i="1"/>
  <c r="AE151195" i="1"/>
  <c r="AE151196" i="1"/>
  <c r="AE151197" i="1"/>
  <c r="AE151198" i="1"/>
  <c r="AE151199" i="1"/>
  <c r="AE151200" i="1"/>
  <c r="AE151201" i="1"/>
  <c r="AE151202" i="1"/>
  <c r="AE151203" i="1"/>
  <c r="AE151204" i="1"/>
  <c r="AE151205" i="1"/>
  <c r="AE151206" i="1"/>
  <c r="AE151207" i="1"/>
  <c r="AE151208" i="1"/>
  <c r="AE151209" i="1"/>
  <c r="AE151210" i="1"/>
  <c r="AE151211" i="1"/>
  <c r="AE151212" i="1"/>
  <c r="AE151213" i="1"/>
  <c r="AE151214" i="1"/>
  <c r="AE151215" i="1"/>
  <c r="AE151216" i="1"/>
  <c r="AE151217" i="1"/>
  <c r="AE151218" i="1"/>
  <c r="AE151219" i="1"/>
  <c r="AE151220" i="1"/>
  <c r="AE151221" i="1"/>
  <c r="AE151222" i="1"/>
  <c r="AE151223" i="1"/>
  <c r="AE151224" i="1"/>
  <c r="AE151225" i="1"/>
  <c r="AE151226" i="1"/>
  <c r="AE151227" i="1"/>
  <c r="AE151228" i="1"/>
  <c r="AE151229" i="1"/>
  <c r="AE151230" i="1"/>
  <c r="AE151231" i="1"/>
  <c r="AE151232" i="1"/>
  <c r="AE151233" i="1"/>
  <c r="AE151234" i="1"/>
  <c r="AE151235" i="1"/>
  <c r="AE151236" i="1"/>
  <c r="AE151237" i="1"/>
  <c r="AE151238" i="1"/>
  <c r="AE151239" i="1"/>
  <c r="AE151240" i="1"/>
  <c r="AE151241" i="1"/>
  <c r="AE151242" i="1"/>
  <c r="AE151243" i="1"/>
  <c r="AE151244" i="1"/>
  <c r="AE151245" i="1"/>
  <c r="AE151246" i="1"/>
  <c r="AE151247" i="1"/>
  <c r="AE151248" i="1"/>
  <c r="AE151249" i="1"/>
  <c r="AE151250" i="1"/>
  <c r="AE151251" i="1"/>
  <c r="AE151252" i="1"/>
  <c r="AE151253" i="1"/>
  <c r="AE151254" i="1"/>
  <c r="AE151255" i="1"/>
  <c r="AE151256" i="1"/>
  <c r="AE151257" i="1"/>
  <c r="AE151258" i="1"/>
  <c r="AE151259" i="1"/>
  <c r="AE151260" i="1"/>
  <c r="AE151261" i="1"/>
  <c r="AE151262" i="1"/>
  <c r="AE151263" i="1"/>
  <c r="AE151264" i="1"/>
  <c r="AE151265" i="1"/>
  <c r="AE151266" i="1"/>
  <c r="AE151267" i="1"/>
  <c r="AE151268" i="1"/>
  <c r="AE151269" i="1"/>
  <c r="AE151270" i="1"/>
  <c r="AE151271" i="1"/>
  <c r="AE151272" i="1"/>
  <c r="AE151273" i="1"/>
  <c r="AE151274" i="1"/>
  <c r="AE151275" i="1"/>
  <c r="AE151276" i="1"/>
  <c r="AE151277" i="1"/>
  <c r="AE151278" i="1"/>
  <c r="AE151279" i="1"/>
  <c r="AE151280" i="1"/>
  <c r="AE151281" i="1"/>
  <c r="AE151282" i="1"/>
  <c r="AE151283" i="1"/>
  <c r="AE151284" i="1"/>
  <c r="AE151285" i="1"/>
  <c r="AE151286" i="1"/>
  <c r="AE151287" i="1"/>
  <c r="AE151288" i="1"/>
  <c r="AE151289" i="1"/>
  <c r="AE151290" i="1"/>
  <c r="AE151291" i="1"/>
  <c r="AE151292" i="1"/>
  <c r="AE151293" i="1"/>
  <c r="AE151294" i="1"/>
  <c r="AE151295" i="1"/>
  <c r="AE151296" i="1"/>
  <c r="AE151297" i="1"/>
  <c r="AE151298" i="1"/>
  <c r="AE151299" i="1"/>
  <c r="AE151300" i="1"/>
  <c r="AE151301" i="1"/>
  <c r="AE151302" i="1"/>
  <c r="AE151303" i="1"/>
  <c r="AE151304" i="1"/>
  <c r="AE151305" i="1"/>
  <c r="AE151306" i="1"/>
  <c r="AE151307" i="1"/>
  <c r="AE151308" i="1"/>
  <c r="AE151309" i="1"/>
  <c r="AE151310" i="1"/>
  <c r="AE151311" i="1"/>
  <c r="AE151312" i="1"/>
  <c r="AE151313" i="1"/>
  <c r="AE151314" i="1"/>
  <c r="AE151315" i="1"/>
  <c r="AE151316" i="1"/>
  <c r="AE151317" i="1"/>
  <c r="AE151318" i="1"/>
  <c r="AE151319" i="1"/>
  <c r="AE151320" i="1"/>
  <c r="AE151321" i="1"/>
  <c r="AE151322" i="1"/>
  <c r="AE151323" i="1"/>
  <c r="AE151324" i="1"/>
  <c r="AE151325" i="1"/>
  <c r="AE151326" i="1"/>
  <c r="AE151327" i="1"/>
  <c r="AE151328" i="1"/>
  <c r="AE151329" i="1"/>
  <c r="AE151330" i="1"/>
  <c r="AE151331" i="1"/>
  <c r="AE151332" i="1"/>
  <c r="AE151333" i="1"/>
  <c r="AE151334" i="1"/>
  <c r="AE151335" i="1"/>
  <c r="AE151336" i="1"/>
  <c r="AE151337" i="1"/>
  <c r="AE151338" i="1"/>
  <c r="AE151339" i="1"/>
  <c r="AE151340" i="1"/>
  <c r="AE151341" i="1"/>
  <c r="AE151342" i="1"/>
  <c r="AE151343" i="1"/>
  <c r="AE151344" i="1"/>
  <c r="AE151345" i="1"/>
  <c r="AE151346" i="1"/>
  <c r="AE151347" i="1"/>
  <c r="AE151348" i="1"/>
  <c r="AE151349" i="1"/>
  <c r="AE151350" i="1"/>
  <c r="AE151351" i="1"/>
  <c r="AE151352" i="1"/>
  <c r="AE151353" i="1"/>
  <c r="AE151354" i="1"/>
  <c r="AE151355" i="1"/>
  <c r="AE151356" i="1"/>
  <c r="AE151357" i="1"/>
  <c r="AE151358" i="1"/>
  <c r="AE151359" i="1"/>
  <c r="AE151360" i="1"/>
  <c r="AE151361" i="1"/>
  <c r="AE151362" i="1"/>
  <c r="AE151363" i="1"/>
  <c r="AE151364" i="1"/>
  <c r="AE151365" i="1"/>
  <c r="AE151366" i="1"/>
  <c r="AE151367" i="1"/>
  <c r="AE151368" i="1"/>
  <c r="AE151369" i="1"/>
  <c r="AE151370" i="1"/>
  <c r="AE151371" i="1"/>
  <c r="AE151372" i="1"/>
  <c r="AE151373" i="1"/>
  <c r="AE151374" i="1"/>
  <c r="AE151375" i="1"/>
  <c r="AE151376" i="1"/>
  <c r="AE151377" i="1"/>
  <c r="AE151378" i="1"/>
  <c r="AE151379" i="1"/>
  <c r="AE151380" i="1"/>
  <c r="AE151381" i="1"/>
  <c r="AE151382" i="1"/>
  <c r="AE151383" i="1"/>
  <c r="AE151384" i="1"/>
  <c r="AE151385" i="1"/>
  <c r="AE151386" i="1"/>
  <c r="AE151387" i="1"/>
  <c r="AE151388" i="1"/>
  <c r="AE151389" i="1"/>
  <c r="AE151390" i="1"/>
  <c r="AE151391" i="1"/>
  <c r="AE151392" i="1"/>
  <c r="AE151393" i="1"/>
  <c r="AE151394" i="1"/>
  <c r="AE151395" i="1"/>
  <c r="AE151396" i="1"/>
  <c r="AE151397" i="1"/>
  <c r="AE151398" i="1"/>
  <c r="AE151399" i="1"/>
  <c r="AE151400" i="1"/>
  <c r="AE151401" i="1"/>
  <c r="AE151402" i="1"/>
  <c r="AE151403" i="1"/>
  <c r="AE151404" i="1"/>
  <c r="AE151405" i="1"/>
  <c r="AE151406" i="1"/>
  <c r="AE151407" i="1"/>
  <c r="AE151408" i="1"/>
  <c r="AE151409" i="1"/>
  <c r="AE151410" i="1"/>
  <c r="AE151411" i="1"/>
  <c r="AE151412" i="1"/>
  <c r="AE151413" i="1"/>
  <c r="AE151414" i="1"/>
  <c r="AE151415" i="1"/>
  <c r="AE151416" i="1"/>
  <c r="AE151417" i="1"/>
  <c r="AE151418" i="1"/>
  <c r="AE151419" i="1"/>
  <c r="AE151420" i="1"/>
  <c r="AE151421" i="1"/>
  <c r="AE151422" i="1"/>
  <c r="AE151423" i="1"/>
  <c r="AE151424" i="1"/>
  <c r="AE151425" i="1"/>
  <c r="AE151426" i="1"/>
  <c r="AE151427" i="1"/>
  <c r="AE151428" i="1"/>
  <c r="AE151429" i="1"/>
  <c r="AE151430" i="1"/>
  <c r="AE151431" i="1"/>
  <c r="AE151432" i="1"/>
  <c r="AE151433" i="1"/>
  <c r="AE151434" i="1"/>
  <c r="AE151435" i="1"/>
  <c r="AE151436" i="1"/>
  <c r="AE151437" i="1"/>
  <c r="AE151438" i="1"/>
  <c r="AE151439" i="1"/>
  <c r="AE151440" i="1"/>
  <c r="AE151441" i="1"/>
  <c r="AE151442" i="1"/>
  <c r="AE151443" i="1"/>
  <c r="AE151444" i="1"/>
  <c r="AE151445" i="1"/>
  <c r="AE151446" i="1"/>
  <c r="AE151447" i="1"/>
  <c r="AE151448" i="1"/>
  <c r="AE151449" i="1"/>
  <c r="AE151450" i="1"/>
  <c r="AE151451" i="1"/>
  <c r="AE151452" i="1"/>
  <c r="AE151453" i="1"/>
  <c r="AE151454" i="1"/>
  <c r="AE151455" i="1"/>
  <c r="AE151456" i="1"/>
  <c r="AE151457" i="1"/>
  <c r="AE151458" i="1"/>
  <c r="AE151459" i="1"/>
  <c r="AE151460" i="1"/>
  <c r="AE151461" i="1"/>
  <c r="AE151462" i="1"/>
  <c r="AE151463" i="1"/>
  <c r="AE151464" i="1"/>
  <c r="AE151465" i="1"/>
  <c r="AE151466" i="1"/>
  <c r="AE151467" i="1"/>
  <c r="AE151468" i="1"/>
  <c r="AE151469" i="1"/>
  <c r="AE151470" i="1"/>
  <c r="AE151471" i="1"/>
  <c r="AE151472" i="1"/>
  <c r="AE151473" i="1"/>
  <c r="AE151474" i="1"/>
  <c r="AE151475" i="1"/>
  <c r="AE151476" i="1"/>
  <c r="AE151477" i="1"/>
  <c r="AE151478" i="1"/>
  <c r="AE151479" i="1"/>
  <c r="AE151480" i="1"/>
  <c r="AE151481" i="1"/>
  <c r="AE151482" i="1"/>
  <c r="AE151483" i="1"/>
  <c r="AE151484" i="1"/>
  <c r="AE151485" i="1"/>
  <c r="AE151486" i="1"/>
  <c r="AE151487" i="1"/>
  <c r="AE151488" i="1"/>
  <c r="AE151489" i="1"/>
  <c r="AE151490" i="1"/>
  <c r="AE151491" i="1"/>
  <c r="AE151492" i="1"/>
  <c r="AE151493" i="1"/>
  <c r="AE151494" i="1"/>
  <c r="AE151495" i="1"/>
  <c r="AE151496" i="1"/>
  <c r="AE151497" i="1"/>
  <c r="AE151498" i="1"/>
  <c r="AE151499" i="1"/>
  <c r="AE151500" i="1"/>
  <c r="AE151501" i="1"/>
  <c r="AE151502" i="1"/>
  <c r="AE151503" i="1"/>
  <c r="AE151504" i="1"/>
  <c r="AE151505" i="1"/>
  <c r="AE151506" i="1"/>
  <c r="AE151507" i="1"/>
  <c r="AE151508" i="1"/>
  <c r="AE151509" i="1"/>
  <c r="AE151510" i="1"/>
  <c r="AE151511" i="1"/>
  <c r="AE151512" i="1"/>
  <c r="AE151513" i="1"/>
  <c r="AE151514" i="1"/>
  <c r="AE151515" i="1"/>
  <c r="AE151516" i="1"/>
  <c r="AE151517" i="1"/>
  <c r="AE151518" i="1"/>
  <c r="AE151519" i="1"/>
  <c r="AE151520" i="1"/>
  <c r="AE151521" i="1"/>
  <c r="AE151522" i="1"/>
  <c r="AE151523" i="1"/>
  <c r="AE151524" i="1"/>
  <c r="AE151525" i="1"/>
  <c r="AE151526" i="1"/>
  <c r="AE151527" i="1"/>
  <c r="AE151528" i="1"/>
  <c r="AE151529" i="1"/>
  <c r="AE151530" i="1"/>
  <c r="AE151531" i="1"/>
  <c r="AE151532" i="1"/>
  <c r="AE151533" i="1"/>
  <c r="AE151534" i="1"/>
  <c r="AE151535" i="1"/>
  <c r="AE151536" i="1"/>
  <c r="AE151537" i="1"/>
  <c r="AE151538" i="1"/>
  <c r="AE151539" i="1"/>
  <c r="AE151540" i="1"/>
  <c r="AE151541" i="1"/>
  <c r="AE151542" i="1"/>
  <c r="AE151543" i="1"/>
  <c r="AE151544" i="1"/>
  <c r="AE151545" i="1"/>
  <c r="AE151546" i="1"/>
  <c r="AE151547" i="1"/>
  <c r="AE151548" i="1"/>
  <c r="AE151549" i="1"/>
  <c r="AE151550" i="1"/>
  <c r="AE151551" i="1"/>
  <c r="AE151552" i="1"/>
  <c r="AE151553" i="1"/>
  <c r="AE151554" i="1"/>
  <c r="AE151555" i="1"/>
  <c r="AE151556" i="1"/>
  <c r="AE151557" i="1"/>
  <c r="AE151558" i="1"/>
  <c r="AE151559" i="1"/>
  <c r="AE151560" i="1"/>
  <c r="AE151561" i="1"/>
  <c r="AE151562" i="1"/>
  <c r="AE151563" i="1"/>
  <c r="AE151564" i="1"/>
  <c r="AE151565" i="1"/>
  <c r="AE151566" i="1"/>
  <c r="AE151567" i="1"/>
  <c r="AE151568" i="1"/>
  <c r="AE151569" i="1"/>
  <c r="AE151570" i="1"/>
  <c r="AE151571" i="1"/>
  <c r="AE151572" i="1"/>
  <c r="AE151573" i="1"/>
  <c r="AE151574" i="1"/>
  <c r="AE151575" i="1"/>
  <c r="AE151576" i="1"/>
  <c r="AE151577" i="1"/>
  <c r="AE151578" i="1"/>
  <c r="AE151579" i="1"/>
  <c r="AE151580" i="1"/>
  <c r="AE151581" i="1"/>
  <c r="AE151582" i="1"/>
  <c r="AE151583" i="1"/>
  <c r="AE151584" i="1"/>
  <c r="AE151585" i="1"/>
  <c r="AE151586" i="1"/>
  <c r="AE151587" i="1"/>
  <c r="AE151588" i="1"/>
  <c r="AE151589" i="1"/>
  <c r="AE151590" i="1"/>
  <c r="AE151591" i="1"/>
  <c r="AE151592" i="1"/>
  <c r="AE151593" i="1"/>
  <c r="AE151594" i="1"/>
  <c r="AE151595" i="1"/>
  <c r="AE151596" i="1"/>
  <c r="AE151597" i="1"/>
  <c r="AE151598" i="1"/>
  <c r="AE151599" i="1"/>
  <c r="AE151600" i="1"/>
  <c r="AE151601" i="1"/>
  <c r="AE151602" i="1"/>
  <c r="AE151603" i="1"/>
  <c r="AE151604" i="1"/>
  <c r="AE151605" i="1"/>
  <c r="AE151606" i="1"/>
  <c r="AE151607" i="1"/>
  <c r="AE151608" i="1"/>
  <c r="AE151609" i="1"/>
  <c r="AE151610" i="1"/>
  <c r="AE151611" i="1"/>
  <c r="AE151612" i="1"/>
  <c r="AE151613" i="1"/>
  <c r="AE151614" i="1"/>
  <c r="AE151615" i="1"/>
  <c r="AE151616" i="1"/>
  <c r="AE151617" i="1"/>
  <c r="AE151618" i="1"/>
  <c r="AE151619" i="1"/>
  <c r="AE151620" i="1"/>
  <c r="AE151621" i="1"/>
  <c r="AE151622" i="1"/>
  <c r="AE151623" i="1"/>
  <c r="AE151624" i="1"/>
  <c r="AE151625" i="1"/>
  <c r="AE151626" i="1"/>
  <c r="AE151627" i="1"/>
  <c r="AE151628" i="1"/>
  <c r="AE151629" i="1"/>
  <c r="AE151630" i="1"/>
  <c r="AE151631" i="1"/>
  <c r="AE151632" i="1"/>
  <c r="AE151633" i="1"/>
  <c r="AE151634" i="1"/>
  <c r="AE151635" i="1"/>
  <c r="AE151636" i="1"/>
  <c r="AE151637" i="1"/>
  <c r="AE151638" i="1"/>
  <c r="AE151639" i="1"/>
  <c r="AE151640" i="1"/>
  <c r="AE151641" i="1"/>
  <c r="AE151642" i="1"/>
  <c r="AE151643" i="1"/>
  <c r="AE151644" i="1"/>
  <c r="AE151645" i="1"/>
  <c r="AE151646" i="1"/>
  <c r="AE151647" i="1"/>
  <c r="AE151648" i="1"/>
  <c r="AE151649" i="1"/>
  <c r="AE151650" i="1"/>
  <c r="AE151651" i="1"/>
  <c r="AE151652" i="1"/>
  <c r="AE151653" i="1"/>
  <c r="AE151654" i="1"/>
  <c r="AE151655" i="1"/>
  <c r="AE151656" i="1"/>
  <c r="AE151657" i="1"/>
  <c r="AE151658" i="1"/>
  <c r="AE151659" i="1"/>
  <c r="AE151660" i="1"/>
  <c r="AE151661" i="1"/>
  <c r="AE151662" i="1"/>
  <c r="AE151663" i="1"/>
  <c r="AE151664" i="1"/>
  <c r="AE151665" i="1"/>
  <c r="AE151666" i="1"/>
  <c r="AE151667" i="1"/>
  <c r="AE151668" i="1"/>
  <c r="AE151669" i="1"/>
  <c r="AE151670" i="1"/>
  <c r="AE151671" i="1"/>
  <c r="AE151672" i="1"/>
  <c r="AE151673" i="1"/>
  <c r="AE151674" i="1"/>
  <c r="AE151675" i="1"/>
  <c r="AE151676" i="1"/>
  <c r="AE151677" i="1"/>
  <c r="AE151678" i="1"/>
  <c r="AE151679" i="1"/>
  <c r="AE151680" i="1"/>
  <c r="AE151681" i="1"/>
  <c r="AE151682" i="1"/>
  <c r="AE151683" i="1"/>
  <c r="AE151684" i="1"/>
  <c r="AE151685" i="1"/>
  <c r="AE151686" i="1"/>
  <c r="AE151687" i="1"/>
  <c r="AE151688" i="1"/>
  <c r="AE151689" i="1"/>
  <c r="AE151690" i="1"/>
  <c r="AE151691" i="1"/>
  <c r="AE151692" i="1"/>
  <c r="AE151693" i="1"/>
  <c r="AE151694" i="1"/>
  <c r="AE151695" i="1"/>
  <c r="AE151696" i="1"/>
  <c r="AE151697" i="1"/>
  <c r="AE151698" i="1"/>
  <c r="AE151699" i="1"/>
  <c r="AE151700" i="1"/>
  <c r="AE151701" i="1"/>
  <c r="AE151702" i="1"/>
  <c r="AE151703" i="1"/>
  <c r="AE151704" i="1"/>
  <c r="AE151705" i="1"/>
  <c r="AE151706" i="1"/>
  <c r="AE151707" i="1"/>
  <c r="AE151708" i="1"/>
  <c r="AE151709" i="1"/>
  <c r="AE151710" i="1"/>
  <c r="AE151711" i="1"/>
  <c r="AE151712" i="1"/>
  <c r="AE151713" i="1"/>
  <c r="AE151714" i="1"/>
  <c r="AE151715" i="1"/>
  <c r="AE151716" i="1"/>
  <c r="AE151717" i="1"/>
  <c r="AE151718" i="1"/>
  <c r="AE151719" i="1"/>
  <c r="AE151720" i="1"/>
  <c r="AE151721" i="1"/>
  <c r="AE151722" i="1"/>
  <c r="AE151723" i="1"/>
  <c r="AE151724" i="1"/>
  <c r="AE151725" i="1"/>
  <c r="AE151726" i="1"/>
  <c r="AE151727" i="1"/>
  <c r="AE151728" i="1"/>
  <c r="AE151729" i="1"/>
  <c r="AE151730" i="1"/>
  <c r="AE151731" i="1"/>
  <c r="AE151732" i="1"/>
  <c r="AE151733" i="1"/>
  <c r="AE151734" i="1"/>
  <c r="AE151735" i="1"/>
  <c r="AE151736" i="1"/>
  <c r="AE151737" i="1"/>
  <c r="AE151738" i="1"/>
  <c r="AE151739" i="1"/>
  <c r="AE151740" i="1"/>
  <c r="AE151741" i="1"/>
  <c r="AE151742" i="1"/>
  <c r="AE151743" i="1"/>
  <c r="AE151744" i="1"/>
  <c r="AE151745" i="1"/>
  <c r="AE151746" i="1"/>
  <c r="AE151747" i="1"/>
  <c r="AE151748" i="1"/>
  <c r="AE151749" i="1"/>
  <c r="AE151750" i="1"/>
  <c r="AE151751" i="1"/>
  <c r="AE151752" i="1"/>
  <c r="AE151753" i="1"/>
  <c r="AE151754" i="1"/>
  <c r="AE151755" i="1"/>
  <c r="AE151756" i="1"/>
  <c r="AE151757" i="1"/>
  <c r="AE151758" i="1"/>
  <c r="AE151759" i="1"/>
  <c r="AE151760" i="1"/>
  <c r="AE151761" i="1"/>
  <c r="AE151762" i="1"/>
  <c r="AE151763" i="1"/>
  <c r="AE151764" i="1"/>
  <c r="AE151765" i="1"/>
  <c r="AE151766" i="1"/>
  <c r="AE151767" i="1"/>
  <c r="AE151768" i="1"/>
  <c r="AE151769" i="1"/>
  <c r="AE151770" i="1"/>
  <c r="AE151771" i="1"/>
  <c r="AE151772" i="1"/>
  <c r="AE151773" i="1"/>
  <c r="AE151774" i="1"/>
  <c r="AE151775" i="1"/>
  <c r="AE151776" i="1"/>
  <c r="AE151777" i="1"/>
  <c r="AE151778" i="1"/>
  <c r="AE151779" i="1"/>
  <c r="AE151780" i="1"/>
  <c r="AE151781" i="1"/>
  <c r="AE151782" i="1"/>
  <c r="AE151783" i="1"/>
  <c r="AE151784" i="1"/>
  <c r="AE151785" i="1"/>
  <c r="AE151786" i="1"/>
  <c r="AE151787" i="1"/>
  <c r="AE151788" i="1"/>
  <c r="AE151789" i="1"/>
  <c r="AE151790" i="1"/>
  <c r="AE151791" i="1"/>
  <c r="AE151792" i="1"/>
  <c r="AE151793" i="1"/>
  <c r="AE151794" i="1"/>
  <c r="AE151795" i="1"/>
  <c r="AE151796" i="1"/>
  <c r="AE151797" i="1"/>
  <c r="AE151798" i="1"/>
  <c r="AE151799" i="1"/>
  <c r="AE151800" i="1"/>
  <c r="AE151801" i="1"/>
  <c r="AE151802" i="1"/>
  <c r="AE151803" i="1"/>
  <c r="AE151804" i="1"/>
  <c r="AE151805" i="1"/>
  <c r="AE151806" i="1"/>
  <c r="AE151807" i="1"/>
  <c r="AE151808" i="1"/>
  <c r="AE151809" i="1"/>
  <c r="AE151810" i="1"/>
  <c r="AE151811" i="1"/>
  <c r="AE151812" i="1"/>
  <c r="AE151813" i="1"/>
  <c r="AE151814" i="1"/>
  <c r="AE151815" i="1"/>
  <c r="AE151816" i="1"/>
  <c r="AE151817" i="1"/>
  <c r="AE151818" i="1"/>
  <c r="AE151819" i="1"/>
  <c r="AE151820" i="1"/>
  <c r="AE151821" i="1"/>
  <c r="AE151822" i="1"/>
  <c r="AE151823" i="1"/>
  <c r="AE151824" i="1"/>
  <c r="AE151825" i="1"/>
  <c r="AE151826" i="1"/>
  <c r="AE151827" i="1"/>
  <c r="AE151828" i="1"/>
  <c r="AE151829" i="1"/>
  <c r="AE151830" i="1"/>
  <c r="AE151831" i="1"/>
  <c r="AE151832" i="1"/>
  <c r="AE151833" i="1"/>
  <c r="AE151834" i="1"/>
  <c r="AE151835" i="1"/>
  <c r="AE151836" i="1"/>
  <c r="AE151837" i="1"/>
  <c r="AE151838" i="1"/>
  <c r="AE151839" i="1"/>
  <c r="AE151840" i="1"/>
  <c r="AE151841" i="1"/>
  <c r="AE151842" i="1"/>
  <c r="AE151843" i="1"/>
  <c r="AE151844" i="1"/>
  <c r="AE151845" i="1"/>
  <c r="AE151846" i="1"/>
  <c r="AE151847" i="1"/>
  <c r="AE151848" i="1"/>
  <c r="AE151849" i="1"/>
  <c r="AE151850" i="1"/>
  <c r="AE151851" i="1"/>
  <c r="AE151852" i="1"/>
  <c r="AE151853" i="1"/>
  <c r="AE151854" i="1"/>
  <c r="AE151855" i="1"/>
  <c r="AE151856" i="1"/>
  <c r="AE151857" i="1"/>
  <c r="AE151858" i="1"/>
  <c r="AE151859" i="1"/>
  <c r="AE151860" i="1"/>
  <c r="AE151861" i="1"/>
  <c r="AE151862" i="1"/>
  <c r="AE151863" i="1"/>
  <c r="AE151864" i="1"/>
  <c r="AE151865" i="1"/>
  <c r="AE151866" i="1"/>
  <c r="AE151867" i="1"/>
  <c r="AE151868" i="1"/>
  <c r="AE151869" i="1"/>
  <c r="AE151870" i="1"/>
  <c r="AE151871" i="1"/>
  <c r="AE151872" i="1"/>
  <c r="AE151873" i="1"/>
  <c r="AE151874" i="1"/>
  <c r="AE151875" i="1"/>
  <c r="AE151876" i="1"/>
  <c r="AE151877" i="1"/>
  <c r="AE151878" i="1"/>
  <c r="AE151879" i="1"/>
  <c r="AE151880" i="1"/>
  <c r="AE151881" i="1"/>
  <c r="AE151882" i="1"/>
  <c r="AE151883" i="1"/>
  <c r="AE151884" i="1"/>
  <c r="AE151885" i="1"/>
  <c r="AE151886" i="1"/>
  <c r="AE151887" i="1"/>
  <c r="AE151888" i="1"/>
  <c r="AE151889" i="1"/>
  <c r="AE151890" i="1"/>
  <c r="AE151891" i="1"/>
  <c r="AE151892" i="1"/>
  <c r="AE151893" i="1"/>
  <c r="AE151894" i="1"/>
  <c r="AE151895" i="1"/>
  <c r="AE151896" i="1"/>
  <c r="AE151897" i="1"/>
  <c r="AE151898" i="1"/>
  <c r="AE151899" i="1"/>
  <c r="AE151900" i="1"/>
  <c r="AE151901" i="1"/>
  <c r="AE151902" i="1"/>
  <c r="AE151903" i="1"/>
  <c r="AE151904" i="1"/>
  <c r="AE151905" i="1"/>
  <c r="AE151906" i="1"/>
  <c r="AE151907" i="1"/>
  <c r="AE151908" i="1"/>
  <c r="AE151909" i="1"/>
  <c r="AE151910" i="1"/>
  <c r="AE151911" i="1"/>
  <c r="AE151912" i="1"/>
  <c r="AE151913" i="1"/>
  <c r="AE151914" i="1"/>
  <c r="AE151915" i="1"/>
  <c r="AE151916" i="1"/>
  <c r="AE151917" i="1"/>
  <c r="AE151918" i="1"/>
  <c r="AE151919" i="1"/>
  <c r="AE151920" i="1"/>
  <c r="AE151921" i="1"/>
  <c r="AE151922" i="1"/>
  <c r="AE151923" i="1"/>
  <c r="AE151924" i="1"/>
  <c r="AE151925" i="1"/>
  <c r="AE151926" i="1"/>
  <c r="AE151927" i="1"/>
  <c r="AE151928" i="1"/>
  <c r="AE151929" i="1"/>
  <c r="AE151930" i="1"/>
  <c r="AE151931" i="1"/>
  <c r="AE151932" i="1"/>
  <c r="AE151933" i="1"/>
  <c r="AE151934" i="1"/>
  <c r="AE151935" i="1"/>
  <c r="AE151936" i="1"/>
  <c r="AE151937" i="1"/>
  <c r="AE151938" i="1"/>
  <c r="AE151939" i="1"/>
  <c r="AE151940" i="1"/>
  <c r="AE151941" i="1"/>
  <c r="AE151942" i="1"/>
  <c r="AE151943" i="1"/>
  <c r="AE151944" i="1"/>
  <c r="AE151945" i="1"/>
  <c r="AE151946" i="1"/>
  <c r="AE151947" i="1"/>
  <c r="AE151948" i="1"/>
  <c r="AE151949" i="1"/>
  <c r="AE151950" i="1"/>
  <c r="AE151951" i="1"/>
  <c r="AE151952" i="1"/>
  <c r="AE151953" i="1"/>
  <c r="AE151954" i="1"/>
  <c r="AE151955" i="1"/>
  <c r="AE151956" i="1"/>
  <c r="AE151957" i="1"/>
  <c r="AE151958" i="1"/>
  <c r="AE151959" i="1"/>
  <c r="AE151960" i="1"/>
  <c r="AE151961" i="1"/>
  <c r="AE151962" i="1"/>
  <c r="AE151963" i="1"/>
  <c r="AE151964" i="1"/>
  <c r="AE2" i="1"/>
  <c r="AE3" i="1"/>
  <c r="AE4" i="1"/>
  <c r="AE5" i="1"/>
  <c r="AE6" i="1"/>
  <c r="AE7" i="1"/>
  <c r="AE8" i="1"/>
  <c r="AE9" i="1"/>
  <c r="AE10" i="1"/>
  <c r="AE11" i="1"/>
  <c r="AE12" i="1"/>
  <c r="AC3" i="1"/>
  <c r="AC4" i="1"/>
  <c r="AC5" i="1"/>
  <c r="AC6" i="1"/>
  <c r="AC7" i="1"/>
  <c r="AD7" i="1" s="1"/>
  <c r="AC8" i="1"/>
  <c r="AC9" i="1"/>
  <c r="AC10" i="1"/>
  <c r="AC11" i="1"/>
  <c r="AC12" i="1"/>
  <c r="AC13" i="1"/>
  <c r="AD13" i="1" s="1"/>
  <c r="AC14" i="1"/>
  <c r="AC15" i="1"/>
  <c r="AC16" i="1"/>
  <c r="AC17" i="1"/>
  <c r="AC18" i="1"/>
  <c r="AC19" i="1"/>
  <c r="AC20" i="1"/>
  <c r="AC21" i="1"/>
  <c r="AC22" i="1"/>
  <c r="AC23" i="1"/>
  <c r="AC24" i="1"/>
  <c r="AC25" i="1"/>
  <c r="AD25" i="1" s="1"/>
  <c r="AC26" i="1"/>
  <c r="AC27" i="1"/>
  <c r="AC28" i="1"/>
  <c r="AC29" i="1"/>
  <c r="AC30" i="1"/>
  <c r="AC31" i="1"/>
  <c r="AD31" i="1" s="1"/>
  <c r="AC32" i="1"/>
  <c r="AC33" i="1"/>
  <c r="AC34" i="1"/>
  <c r="AC35" i="1"/>
  <c r="AC36" i="1"/>
  <c r="AC37" i="1"/>
  <c r="AD37" i="1" s="1"/>
  <c r="AC38" i="1"/>
  <c r="AC39" i="1"/>
  <c r="AC40" i="1"/>
  <c r="AC41" i="1"/>
  <c r="AC42" i="1"/>
  <c r="AC43" i="1"/>
  <c r="AD43" i="1" s="1"/>
  <c r="AC44" i="1"/>
  <c r="AC45" i="1"/>
  <c r="AC46" i="1"/>
  <c r="AC47" i="1"/>
  <c r="AC48" i="1"/>
  <c r="AC49" i="1"/>
  <c r="AD49" i="1" s="1"/>
  <c r="AC50" i="1"/>
  <c r="AC51" i="1"/>
  <c r="AC52" i="1"/>
  <c r="AC53" i="1"/>
  <c r="AC54" i="1"/>
  <c r="AC55" i="1"/>
  <c r="AC56" i="1"/>
  <c r="AC57" i="1"/>
  <c r="AC58" i="1"/>
  <c r="AC59" i="1"/>
  <c r="AC60" i="1"/>
  <c r="AC61" i="1"/>
  <c r="AD61" i="1" s="1"/>
  <c r="AC62" i="1"/>
  <c r="AC63" i="1"/>
  <c r="AC64" i="1"/>
  <c r="AC65" i="1"/>
  <c r="AC66" i="1"/>
  <c r="AC67" i="1"/>
  <c r="AC68" i="1"/>
  <c r="AC69" i="1"/>
  <c r="AC70" i="1"/>
  <c r="AC71" i="1"/>
  <c r="AC72" i="1"/>
  <c r="AC73" i="1"/>
  <c r="AD73" i="1" s="1"/>
  <c r="AC74" i="1"/>
  <c r="AC75" i="1"/>
  <c r="AC76" i="1"/>
  <c r="AC77" i="1"/>
  <c r="AC78" i="1"/>
  <c r="AC79" i="1"/>
  <c r="AC80" i="1"/>
  <c r="AC81" i="1"/>
  <c r="AC82" i="1"/>
  <c r="AC83" i="1"/>
  <c r="AC84" i="1"/>
  <c r="AC85" i="1"/>
  <c r="AD85" i="1" s="1"/>
  <c r="AC86" i="1"/>
  <c r="AC87" i="1"/>
  <c r="AC88" i="1"/>
  <c r="AC89" i="1"/>
  <c r="AC90" i="1"/>
  <c r="AC91" i="1"/>
  <c r="AD91" i="1" s="1"/>
  <c r="AC92" i="1"/>
  <c r="AC93" i="1"/>
  <c r="AC94" i="1"/>
  <c r="AC95" i="1"/>
  <c r="AC96" i="1"/>
  <c r="AC97" i="1"/>
  <c r="AD97" i="1" s="1"/>
  <c r="AC98" i="1"/>
  <c r="AC99" i="1"/>
  <c r="AC100" i="1"/>
  <c r="AC101" i="1"/>
  <c r="AC102" i="1"/>
  <c r="AC103" i="1"/>
  <c r="AD103" i="1" s="1"/>
  <c r="AC104" i="1"/>
  <c r="AC105" i="1"/>
  <c r="AC106" i="1"/>
  <c r="AC107" i="1"/>
  <c r="AC108" i="1"/>
  <c r="AC109" i="1"/>
  <c r="AD109" i="1" s="1"/>
  <c r="AC110" i="1"/>
  <c r="AC111" i="1"/>
  <c r="AC112" i="1"/>
  <c r="AC113" i="1"/>
  <c r="AC114" i="1"/>
  <c r="AC115" i="1"/>
  <c r="AD115" i="1" s="1"/>
  <c r="AC116" i="1"/>
  <c r="AC117" i="1"/>
  <c r="AC118" i="1"/>
  <c r="AC119" i="1"/>
  <c r="AC120" i="1"/>
  <c r="AC121" i="1"/>
  <c r="AD121" i="1" s="1"/>
  <c r="AC122" i="1"/>
  <c r="AC123" i="1"/>
  <c r="AC124" i="1"/>
  <c r="AC125" i="1"/>
  <c r="AC126" i="1"/>
  <c r="AC127" i="1"/>
  <c r="AC128" i="1"/>
  <c r="AC129" i="1"/>
  <c r="AC130" i="1"/>
  <c r="AC131" i="1"/>
  <c r="AC132" i="1"/>
  <c r="AC133" i="1"/>
  <c r="AD133" i="1" s="1"/>
  <c r="AC134" i="1"/>
  <c r="AC135" i="1"/>
  <c r="AC136" i="1"/>
  <c r="AC137" i="1"/>
  <c r="AC138" i="1"/>
  <c r="AC139" i="1"/>
  <c r="AC140" i="1"/>
  <c r="AC141" i="1"/>
  <c r="AC142" i="1"/>
  <c r="AC143" i="1"/>
  <c r="AC144" i="1"/>
  <c r="AC145" i="1"/>
  <c r="AD145" i="1" s="1"/>
  <c r="AC146" i="1"/>
  <c r="AC147" i="1"/>
  <c r="AC148" i="1"/>
  <c r="AC149" i="1"/>
  <c r="AC150" i="1"/>
  <c r="AC151" i="1"/>
  <c r="AD151" i="1" s="1"/>
  <c r="AC152" i="1"/>
  <c r="AC153" i="1"/>
  <c r="AC154" i="1"/>
  <c r="AC155" i="1"/>
  <c r="AC156" i="1"/>
  <c r="AC157" i="1"/>
  <c r="AD157" i="1" s="1"/>
  <c r="AC158" i="1"/>
  <c r="AC159" i="1"/>
  <c r="AC160" i="1"/>
  <c r="AC161" i="1"/>
  <c r="AC162" i="1"/>
  <c r="AC163" i="1"/>
  <c r="AC164" i="1"/>
  <c r="AC165" i="1"/>
  <c r="AC166" i="1"/>
  <c r="AC167" i="1"/>
  <c r="AC168" i="1"/>
  <c r="AC169" i="1"/>
  <c r="AD169" i="1" s="1"/>
  <c r="AC170" i="1"/>
  <c r="AC171" i="1"/>
  <c r="AC172" i="1"/>
  <c r="AC173" i="1"/>
  <c r="AC174" i="1"/>
  <c r="AC175" i="1"/>
  <c r="AD175" i="1" s="1"/>
  <c r="AC176" i="1"/>
  <c r="AC177" i="1"/>
  <c r="AC178" i="1"/>
  <c r="AC179" i="1"/>
  <c r="AC180" i="1"/>
  <c r="AC181" i="1"/>
  <c r="AD181" i="1" s="1"/>
  <c r="AC182" i="1"/>
  <c r="AC183" i="1"/>
  <c r="AC184" i="1"/>
  <c r="AC185" i="1"/>
  <c r="AC186" i="1"/>
  <c r="AC187" i="1"/>
  <c r="AD187" i="1" s="1"/>
  <c r="AC188" i="1"/>
  <c r="AC189" i="1"/>
  <c r="AC190" i="1"/>
  <c r="AC191" i="1"/>
  <c r="AC192" i="1"/>
  <c r="AC193" i="1"/>
  <c r="AD193" i="1" s="1"/>
  <c r="AC194" i="1"/>
  <c r="AC195" i="1"/>
  <c r="AC196" i="1"/>
  <c r="AC197" i="1"/>
  <c r="AC198" i="1"/>
  <c r="AC199" i="1"/>
  <c r="AC200" i="1"/>
  <c r="AC201" i="1"/>
  <c r="AC202" i="1"/>
  <c r="AC203" i="1"/>
  <c r="AC204" i="1"/>
  <c r="AC205" i="1"/>
  <c r="AD205" i="1" s="1"/>
  <c r="AC206" i="1"/>
  <c r="AC207" i="1"/>
  <c r="AC208" i="1"/>
  <c r="AC209" i="1"/>
  <c r="AC210" i="1"/>
  <c r="AC211" i="1"/>
  <c r="AC212" i="1"/>
  <c r="AC213" i="1"/>
  <c r="AC214" i="1"/>
  <c r="AC215" i="1"/>
  <c r="AC216" i="1"/>
  <c r="AC217" i="1"/>
  <c r="AD217" i="1" s="1"/>
  <c r="AC218" i="1"/>
  <c r="AC219" i="1"/>
  <c r="AC220" i="1"/>
  <c r="AC221" i="1"/>
  <c r="AC222" i="1"/>
  <c r="AC223" i="1"/>
  <c r="AC224" i="1"/>
  <c r="AC225" i="1"/>
  <c r="AC226" i="1"/>
  <c r="AC227" i="1"/>
  <c r="AC228" i="1"/>
  <c r="AC229" i="1"/>
  <c r="AD229" i="1" s="1"/>
  <c r="AC230" i="1"/>
  <c r="AC231" i="1"/>
  <c r="AC232" i="1"/>
  <c r="AC233" i="1"/>
  <c r="AC234" i="1"/>
  <c r="AC235" i="1"/>
  <c r="AD235" i="1" s="1"/>
  <c r="AC236" i="1"/>
  <c r="AC237" i="1"/>
  <c r="AC238" i="1"/>
  <c r="AC239" i="1"/>
  <c r="AC240" i="1"/>
  <c r="AC241" i="1"/>
  <c r="AD241" i="1" s="1"/>
  <c r="AC242" i="1"/>
  <c r="AC243" i="1"/>
  <c r="AC244" i="1"/>
  <c r="AC245" i="1"/>
  <c r="AC246" i="1"/>
  <c r="AC247" i="1"/>
  <c r="AD247" i="1" s="1"/>
  <c r="AC248" i="1"/>
  <c r="AC249" i="1"/>
  <c r="AC250" i="1"/>
  <c r="AC251" i="1"/>
  <c r="AC252" i="1"/>
  <c r="AC253" i="1"/>
  <c r="AD253" i="1" s="1"/>
  <c r="AC254" i="1"/>
  <c r="AC255" i="1"/>
  <c r="AC256" i="1"/>
  <c r="AC257" i="1"/>
  <c r="AC258" i="1"/>
  <c r="AC259" i="1"/>
  <c r="AD259" i="1" s="1"/>
  <c r="AC260" i="1"/>
  <c r="AC261" i="1"/>
  <c r="AC262" i="1"/>
  <c r="AC263" i="1"/>
  <c r="AC264" i="1"/>
  <c r="AC265" i="1"/>
  <c r="AD265" i="1" s="1"/>
  <c r="AC266" i="1"/>
  <c r="AC267" i="1"/>
  <c r="AC268" i="1"/>
  <c r="AC269" i="1"/>
  <c r="AC270" i="1"/>
  <c r="AC271" i="1"/>
  <c r="AC272" i="1"/>
  <c r="AC273" i="1"/>
  <c r="AC274" i="1"/>
  <c r="AC275" i="1"/>
  <c r="AC276" i="1"/>
  <c r="AC277" i="1"/>
  <c r="AD277" i="1" s="1"/>
  <c r="AC278" i="1"/>
  <c r="AC279" i="1"/>
  <c r="AC280" i="1"/>
  <c r="AC281" i="1"/>
  <c r="AC282" i="1"/>
  <c r="AC283" i="1"/>
  <c r="AC284" i="1"/>
  <c r="AC285" i="1"/>
  <c r="AC286" i="1"/>
  <c r="AC287" i="1"/>
  <c r="AC288" i="1"/>
  <c r="AC289" i="1"/>
  <c r="AD289" i="1" s="1"/>
  <c r="AC290" i="1"/>
  <c r="AC291" i="1"/>
  <c r="AC292" i="1"/>
  <c r="AC293" i="1"/>
  <c r="AC294" i="1"/>
  <c r="AC295" i="1"/>
  <c r="AD295" i="1" s="1"/>
  <c r="AC296" i="1"/>
  <c r="AC297" i="1"/>
  <c r="AC298" i="1"/>
  <c r="AC299" i="1"/>
  <c r="AC300" i="1"/>
  <c r="AC301" i="1"/>
  <c r="AD301" i="1" s="1"/>
  <c r="AC302" i="1"/>
  <c r="AC303" i="1"/>
  <c r="AC304" i="1"/>
  <c r="AC305" i="1"/>
  <c r="AC306" i="1"/>
  <c r="AC307" i="1"/>
  <c r="AC308" i="1"/>
  <c r="AC309" i="1"/>
  <c r="AC310" i="1"/>
  <c r="AC311" i="1"/>
  <c r="AC312" i="1"/>
  <c r="AC313" i="1"/>
  <c r="AD313" i="1" s="1"/>
  <c r="AC314" i="1"/>
  <c r="AC315" i="1"/>
  <c r="AC316" i="1"/>
  <c r="AC317" i="1"/>
  <c r="AC318" i="1"/>
  <c r="AC319" i="1"/>
  <c r="AD319" i="1" s="1"/>
  <c r="AC320" i="1"/>
  <c r="AC321" i="1"/>
  <c r="AC322" i="1"/>
  <c r="AC323" i="1"/>
  <c r="AC324" i="1"/>
  <c r="AC325" i="1"/>
  <c r="AD325" i="1" s="1"/>
  <c r="AC326" i="1"/>
  <c r="AC327" i="1"/>
  <c r="AC328" i="1"/>
  <c r="AC329" i="1"/>
  <c r="AC330" i="1"/>
  <c r="AC331" i="1"/>
  <c r="AD331" i="1" s="1"/>
  <c r="AC332" i="1"/>
  <c r="AC333" i="1"/>
  <c r="AC334" i="1"/>
  <c r="AC335" i="1"/>
  <c r="AC336" i="1"/>
  <c r="AC337" i="1"/>
  <c r="AD337" i="1" s="1"/>
  <c r="AC338" i="1"/>
  <c r="AC339" i="1"/>
  <c r="AC340" i="1"/>
  <c r="AC341" i="1"/>
  <c r="AC342" i="1"/>
  <c r="AC343" i="1"/>
  <c r="AC344" i="1"/>
  <c r="AC345" i="1"/>
  <c r="AC346" i="1"/>
  <c r="AC347" i="1"/>
  <c r="AC348" i="1"/>
  <c r="AC349" i="1"/>
  <c r="AD349" i="1" s="1"/>
  <c r="AC350" i="1"/>
  <c r="AC351" i="1"/>
  <c r="AC352" i="1"/>
  <c r="AC353" i="1"/>
  <c r="AC354" i="1"/>
  <c r="AC355" i="1"/>
  <c r="AC356" i="1"/>
  <c r="AC357" i="1"/>
  <c r="AC358" i="1"/>
  <c r="AC359" i="1"/>
  <c r="AC360" i="1"/>
  <c r="AC361" i="1"/>
  <c r="AD361" i="1" s="1"/>
  <c r="AC362" i="1"/>
  <c r="AC363" i="1"/>
  <c r="AC364" i="1"/>
  <c r="AC365" i="1"/>
  <c r="AC366" i="1"/>
  <c r="AC367" i="1"/>
  <c r="AC368" i="1"/>
  <c r="AC369" i="1"/>
  <c r="AC370" i="1"/>
  <c r="AC371" i="1"/>
  <c r="AC372" i="1"/>
  <c r="AC373" i="1"/>
  <c r="AD373" i="1" s="1"/>
  <c r="AC374" i="1"/>
  <c r="AC375" i="1"/>
  <c r="AC376" i="1"/>
  <c r="AC377" i="1"/>
  <c r="AC378" i="1"/>
  <c r="AC379" i="1"/>
  <c r="AD379" i="1" s="1"/>
  <c r="AC380" i="1"/>
  <c r="AC381" i="1"/>
  <c r="AC382" i="1"/>
  <c r="AC383" i="1"/>
  <c r="AC384" i="1"/>
  <c r="AC385" i="1"/>
  <c r="AD385" i="1" s="1"/>
  <c r="AC386" i="1"/>
  <c r="AC387" i="1"/>
  <c r="AC388" i="1"/>
  <c r="AC389" i="1"/>
  <c r="AC390" i="1"/>
  <c r="AC391" i="1"/>
  <c r="AD391" i="1" s="1"/>
  <c r="AC392" i="1"/>
  <c r="AC393" i="1"/>
  <c r="AC394" i="1"/>
  <c r="AC395" i="1"/>
  <c r="AC396" i="1"/>
  <c r="AC397" i="1"/>
  <c r="AD397" i="1" s="1"/>
  <c r="AC398" i="1"/>
  <c r="AC399" i="1"/>
  <c r="AC400" i="1"/>
  <c r="AC401" i="1"/>
  <c r="AC402" i="1"/>
  <c r="AC403" i="1"/>
  <c r="AD403" i="1" s="1"/>
  <c r="AC404" i="1"/>
  <c r="AC405" i="1"/>
  <c r="AC406" i="1"/>
  <c r="AC407" i="1"/>
  <c r="AC408" i="1"/>
  <c r="AC409" i="1"/>
  <c r="AD409" i="1" s="1"/>
  <c r="AC410" i="1"/>
  <c r="AC411" i="1"/>
  <c r="AC412" i="1"/>
  <c r="AC413" i="1"/>
  <c r="AC414" i="1"/>
  <c r="AC415" i="1"/>
  <c r="AC416" i="1"/>
  <c r="AC417" i="1"/>
  <c r="AC418" i="1"/>
  <c r="AC419" i="1"/>
  <c r="AC420" i="1"/>
  <c r="AC421" i="1"/>
  <c r="AD421" i="1" s="1"/>
  <c r="AC422" i="1"/>
  <c r="AC423" i="1"/>
  <c r="AC424" i="1"/>
  <c r="AC425" i="1"/>
  <c r="AC426" i="1"/>
  <c r="AC427" i="1"/>
  <c r="AC428" i="1"/>
  <c r="AC429" i="1"/>
  <c r="AC430" i="1"/>
  <c r="AC431" i="1"/>
  <c r="AC432" i="1"/>
  <c r="AC433" i="1"/>
  <c r="AD433" i="1" s="1"/>
  <c r="AC434" i="1"/>
  <c r="AC435" i="1"/>
  <c r="AC436" i="1"/>
  <c r="AC437" i="1"/>
  <c r="AC438" i="1"/>
  <c r="AC439" i="1"/>
  <c r="AD439" i="1" s="1"/>
  <c r="AC440" i="1"/>
  <c r="AC441" i="1"/>
  <c r="AC442" i="1"/>
  <c r="AC443" i="1"/>
  <c r="AC444" i="1"/>
  <c r="AC445" i="1"/>
  <c r="AD445" i="1" s="1"/>
  <c r="AC446" i="1"/>
  <c r="AC447" i="1"/>
  <c r="AC448" i="1"/>
  <c r="AC449" i="1"/>
  <c r="AC450" i="1"/>
  <c r="AC451" i="1"/>
  <c r="AC452" i="1"/>
  <c r="AC453" i="1"/>
  <c r="AC454" i="1"/>
  <c r="AC455" i="1"/>
  <c r="AC456" i="1"/>
  <c r="AC457" i="1"/>
  <c r="AD457" i="1" s="1"/>
  <c r="AC458" i="1"/>
  <c r="AC459" i="1"/>
  <c r="AC460" i="1"/>
  <c r="AC461" i="1"/>
  <c r="AC462" i="1"/>
  <c r="AC463" i="1"/>
  <c r="AD463" i="1" s="1"/>
  <c r="AC464" i="1"/>
  <c r="AC465" i="1"/>
  <c r="AC466" i="1"/>
  <c r="AC467" i="1"/>
  <c r="AC468" i="1"/>
  <c r="AC469" i="1"/>
  <c r="AD469" i="1" s="1"/>
  <c r="AC470" i="1"/>
  <c r="AC471" i="1"/>
  <c r="AC472" i="1"/>
  <c r="AC473" i="1"/>
  <c r="AC474" i="1"/>
  <c r="AC475" i="1"/>
  <c r="AD475" i="1" s="1"/>
  <c r="AC476" i="1"/>
  <c r="AC477" i="1"/>
  <c r="AC478" i="1"/>
  <c r="AC479" i="1"/>
  <c r="AC480" i="1"/>
  <c r="AC481" i="1"/>
  <c r="AD481" i="1" s="1"/>
  <c r="AC482" i="1"/>
  <c r="AC483" i="1"/>
  <c r="AC484" i="1"/>
  <c r="AC485" i="1"/>
  <c r="AC486" i="1"/>
  <c r="AC487" i="1"/>
  <c r="AC488" i="1"/>
  <c r="AC489" i="1"/>
  <c r="AC490" i="1"/>
  <c r="AC491" i="1"/>
  <c r="AC492" i="1"/>
  <c r="AC493" i="1"/>
  <c r="AD493" i="1" s="1"/>
  <c r="AC494" i="1"/>
  <c r="AC495" i="1"/>
  <c r="AC496" i="1"/>
  <c r="AC497" i="1"/>
  <c r="AC498" i="1"/>
  <c r="AC499" i="1"/>
  <c r="AC500" i="1"/>
  <c r="AC501" i="1"/>
  <c r="AC502" i="1"/>
  <c r="AC503" i="1"/>
  <c r="AC504" i="1"/>
  <c r="AC505" i="1"/>
  <c r="AD505" i="1" s="1"/>
  <c r="AC506" i="1"/>
  <c r="AC507" i="1"/>
  <c r="AC508" i="1"/>
  <c r="AC509" i="1"/>
  <c r="AC510" i="1"/>
  <c r="AC511" i="1"/>
  <c r="AC512" i="1"/>
  <c r="AC513" i="1"/>
  <c r="AC514" i="1"/>
  <c r="AC515" i="1"/>
  <c r="AC516" i="1"/>
  <c r="AC517" i="1"/>
  <c r="AD517" i="1" s="1"/>
  <c r="AC518" i="1"/>
  <c r="AC519" i="1"/>
  <c r="AC520" i="1"/>
  <c r="AC521" i="1"/>
  <c r="AC522" i="1"/>
  <c r="AC523" i="1"/>
  <c r="AD523" i="1" s="1"/>
  <c r="AC524" i="1"/>
  <c r="AC525" i="1"/>
  <c r="AC526" i="1"/>
  <c r="AC527" i="1"/>
  <c r="AC528" i="1"/>
  <c r="AC529" i="1"/>
  <c r="AD529" i="1" s="1"/>
  <c r="AC530" i="1"/>
  <c r="AC531" i="1"/>
  <c r="AC532" i="1"/>
  <c r="AC533" i="1"/>
  <c r="AC534" i="1"/>
  <c r="AC535" i="1"/>
  <c r="AD535" i="1" s="1"/>
  <c r="AC536" i="1"/>
  <c r="AC537" i="1"/>
  <c r="AC538" i="1"/>
  <c r="AC539" i="1"/>
  <c r="AC540" i="1"/>
  <c r="AC541" i="1"/>
  <c r="AD541" i="1" s="1"/>
  <c r="AC542" i="1"/>
  <c r="AC543" i="1"/>
  <c r="AC544" i="1"/>
  <c r="AC545" i="1"/>
  <c r="AC546" i="1"/>
  <c r="AC547" i="1"/>
  <c r="AD547" i="1" s="1"/>
  <c r="AC548" i="1"/>
  <c r="AC549" i="1"/>
  <c r="AC550" i="1"/>
  <c r="AC551" i="1"/>
  <c r="AC552" i="1"/>
  <c r="AC553" i="1"/>
  <c r="AD553" i="1" s="1"/>
  <c r="AC554" i="1"/>
  <c r="AC555" i="1"/>
  <c r="AC556" i="1"/>
  <c r="AC557" i="1"/>
  <c r="AC558" i="1"/>
  <c r="AC559" i="1"/>
  <c r="AC560" i="1"/>
  <c r="AC561" i="1"/>
  <c r="AC562" i="1"/>
  <c r="AC563" i="1"/>
  <c r="AC564" i="1"/>
  <c r="AC565" i="1"/>
  <c r="AD565" i="1" s="1"/>
  <c r="AC566" i="1"/>
  <c r="AC567" i="1"/>
  <c r="AC568" i="1"/>
  <c r="AC569" i="1"/>
  <c r="AC570" i="1"/>
  <c r="AC571" i="1"/>
  <c r="AC572" i="1"/>
  <c r="AC573" i="1"/>
  <c r="AC574" i="1"/>
  <c r="AC575" i="1"/>
  <c r="AC576" i="1"/>
  <c r="AC577" i="1"/>
  <c r="AD577" i="1" s="1"/>
  <c r="AC578" i="1"/>
  <c r="AC579" i="1"/>
  <c r="AC580" i="1"/>
  <c r="AC581" i="1"/>
  <c r="AC582" i="1"/>
  <c r="AC583" i="1"/>
  <c r="AD583" i="1" s="1"/>
  <c r="AC584" i="1"/>
  <c r="AC585" i="1"/>
  <c r="AC586" i="1"/>
  <c r="AC587" i="1"/>
  <c r="AC588" i="1"/>
  <c r="AC589" i="1"/>
  <c r="AD589" i="1" s="1"/>
  <c r="AC590" i="1"/>
  <c r="AC591" i="1"/>
  <c r="AC592" i="1"/>
  <c r="AC593" i="1"/>
  <c r="AC594" i="1"/>
  <c r="AC595" i="1"/>
  <c r="AC596" i="1"/>
  <c r="AC597" i="1"/>
  <c r="AC598" i="1"/>
  <c r="AC599" i="1"/>
  <c r="AC600" i="1"/>
  <c r="AC601" i="1"/>
  <c r="AD601" i="1" s="1"/>
  <c r="AC602" i="1"/>
  <c r="AC603" i="1"/>
  <c r="AC604" i="1"/>
  <c r="AC605" i="1"/>
  <c r="AC606" i="1"/>
  <c r="AC607" i="1"/>
  <c r="AD607" i="1" s="1"/>
  <c r="AC608" i="1"/>
  <c r="AC609" i="1"/>
  <c r="AC610" i="1"/>
  <c r="AC611" i="1"/>
  <c r="AC612" i="1"/>
  <c r="AC613" i="1"/>
  <c r="AD613" i="1" s="1"/>
  <c r="AC614" i="1"/>
  <c r="AC615" i="1"/>
  <c r="AC616" i="1"/>
  <c r="AC617" i="1"/>
  <c r="AC618" i="1"/>
  <c r="AC619" i="1"/>
  <c r="AD619" i="1" s="1"/>
  <c r="AC620" i="1"/>
  <c r="AC621" i="1"/>
  <c r="AC622" i="1"/>
  <c r="AC623" i="1"/>
  <c r="AC624" i="1"/>
  <c r="AC625" i="1"/>
  <c r="AD625" i="1" s="1"/>
  <c r="AC626" i="1"/>
  <c r="AC627" i="1"/>
  <c r="AC628" i="1"/>
  <c r="AC629" i="1"/>
  <c r="AC630" i="1"/>
  <c r="AC631" i="1"/>
  <c r="AC632" i="1"/>
  <c r="AC633" i="1"/>
  <c r="AC634" i="1"/>
  <c r="AC635" i="1"/>
  <c r="AC636" i="1"/>
  <c r="AC637" i="1"/>
  <c r="AD637" i="1" s="1"/>
  <c r="AC638" i="1"/>
  <c r="AC639" i="1"/>
  <c r="AC640" i="1"/>
  <c r="AC641" i="1"/>
  <c r="AC642" i="1"/>
  <c r="AC643" i="1"/>
  <c r="AC644" i="1"/>
  <c r="AC645" i="1"/>
  <c r="AC646" i="1"/>
  <c r="AC647" i="1"/>
  <c r="AC648" i="1"/>
  <c r="AC649" i="1"/>
  <c r="AD649" i="1" s="1"/>
  <c r="AC650" i="1"/>
  <c r="AC651" i="1"/>
  <c r="AC652" i="1"/>
  <c r="AC653" i="1"/>
  <c r="AC654" i="1"/>
  <c r="AC655" i="1"/>
  <c r="AC656" i="1"/>
  <c r="AC657" i="1"/>
  <c r="AC658" i="1"/>
  <c r="AC659" i="1"/>
  <c r="AC660" i="1"/>
  <c r="AC661" i="1"/>
  <c r="AD661" i="1" s="1"/>
  <c r="AC662" i="1"/>
  <c r="AC663" i="1"/>
  <c r="AC664" i="1"/>
  <c r="AC665" i="1"/>
  <c r="AC666" i="1"/>
  <c r="AC667" i="1"/>
  <c r="AD667" i="1" s="1"/>
  <c r="AC668" i="1"/>
  <c r="AC669" i="1"/>
  <c r="AC670" i="1"/>
  <c r="AC671" i="1"/>
  <c r="AC672" i="1"/>
  <c r="AC673" i="1"/>
  <c r="AD673" i="1" s="1"/>
  <c r="AC674" i="1"/>
  <c r="AC675" i="1"/>
  <c r="AC676" i="1"/>
  <c r="AC677" i="1"/>
  <c r="AC678" i="1"/>
  <c r="AC679" i="1"/>
  <c r="AD679" i="1" s="1"/>
  <c r="AC680" i="1"/>
  <c r="AC681" i="1"/>
  <c r="AC682" i="1"/>
  <c r="AC683" i="1"/>
  <c r="AC684" i="1"/>
  <c r="AC685" i="1"/>
  <c r="AD685" i="1" s="1"/>
  <c r="AC686" i="1"/>
  <c r="AC687" i="1"/>
  <c r="AC688" i="1"/>
  <c r="AC689" i="1"/>
  <c r="AC690" i="1"/>
  <c r="AC691" i="1"/>
  <c r="AD691" i="1" s="1"/>
  <c r="AC692" i="1"/>
  <c r="AC693" i="1"/>
  <c r="AC694" i="1"/>
  <c r="AC695" i="1"/>
  <c r="AC696" i="1"/>
  <c r="AC697" i="1"/>
  <c r="AD697" i="1" s="1"/>
  <c r="AC698" i="1"/>
  <c r="AC699" i="1"/>
  <c r="AC700" i="1"/>
  <c r="AC701" i="1"/>
  <c r="AC702" i="1"/>
  <c r="AC703" i="1"/>
  <c r="AC704" i="1"/>
  <c r="AC705" i="1"/>
  <c r="AC706" i="1"/>
  <c r="AC707" i="1"/>
  <c r="AC708" i="1"/>
  <c r="AC709" i="1"/>
  <c r="AD709" i="1" s="1"/>
  <c r="AC710" i="1"/>
  <c r="AC711" i="1"/>
  <c r="AC712" i="1"/>
  <c r="AC713" i="1"/>
  <c r="AC714" i="1"/>
  <c r="AC715" i="1"/>
  <c r="AC716" i="1"/>
  <c r="AC717" i="1"/>
  <c r="AC718" i="1"/>
  <c r="AC719" i="1"/>
  <c r="AC720" i="1"/>
  <c r="AC721" i="1"/>
  <c r="AD721" i="1" s="1"/>
  <c r="AC722" i="1"/>
  <c r="AC723" i="1"/>
  <c r="AC724" i="1"/>
  <c r="AC725" i="1"/>
  <c r="AC726" i="1"/>
  <c r="AC727" i="1"/>
  <c r="AD727" i="1" s="1"/>
  <c r="AC728" i="1"/>
  <c r="AC729" i="1"/>
  <c r="AC730" i="1"/>
  <c r="AC731" i="1"/>
  <c r="AC732" i="1"/>
  <c r="AC733" i="1"/>
  <c r="AD733" i="1" s="1"/>
  <c r="AC734" i="1"/>
  <c r="AC735" i="1"/>
  <c r="AC736" i="1"/>
  <c r="AC737" i="1"/>
  <c r="AC738" i="1"/>
  <c r="AC739" i="1"/>
  <c r="AC740" i="1"/>
  <c r="AC741" i="1"/>
  <c r="AC742" i="1"/>
  <c r="AC743" i="1"/>
  <c r="AC744" i="1"/>
  <c r="AC745" i="1"/>
  <c r="AD745" i="1" s="1"/>
  <c r="AC746" i="1"/>
  <c r="AC747" i="1"/>
  <c r="AC748" i="1"/>
  <c r="AC749" i="1"/>
  <c r="AC750" i="1"/>
  <c r="AC751" i="1"/>
  <c r="AD751" i="1" s="1"/>
  <c r="AC752" i="1"/>
  <c r="AC753" i="1"/>
  <c r="AC754" i="1"/>
  <c r="AC755" i="1"/>
  <c r="AC756" i="1"/>
  <c r="AC757" i="1"/>
  <c r="AD757" i="1" s="1"/>
  <c r="AC758" i="1"/>
  <c r="AC759" i="1"/>
  <c r="AC760" i="1"/>
  <c r="AC761" i="1"/>
  <c r="AC762" i="1"/>
  <c r="AC763" i="1"/>
  <c r="AD763" i="1" s="1"/>
  <c r="AC764" i="1"/>
  <c r="AC765" i="1"/>
  <c r="AC766" i="1"/>
  <c r="AC767" i="1"/>
  <c r="AC768" i="1"/>
  <c r="AC769" i="1"/>
  <c r="AD769" i="1" s="1"/>
  <c r="AC770" i="1"/>
  <c r="AC771" i="1"/>
  <c r="AC772" i="1"/>
  <c r="AC773" i="1"/>
  <c r="AC774" i="1"/>
  <c r="AC775" i="1"/>
  <c r="AC776" i="1"/>
  <c r="AC777" i="1"/>
  <c r="AC778" i="1"/>
  <c r="AC779" i="1"/>
  <c r="AC780" i="1"/>
  <c r="AC781" i="1"/>
  <c r="AD781" i="1" s="1"/>
  <c r="AC782" i="1"/>
  <c r="AC783" i="1"/>
  <c r="AC784" i="1"/>
  <c r="AC785" i="1"/>
  <c r="AC786" i="1"/>
  <c r="AC787" i="1"/>
  <c r="AC788" i="1"/>
  <c r="AC789" i="1"/>
  <c r="AC790" i="1"/>
  <c r="AC791" i="1"/>
  <c r="AC792" i="1"/>
  <c r="AC793" i="1"/>
  <c r="AD793" i="1" s="1"/>
  <c r="AC794" i="1"/>
  <c r="AC795" i="1"/>
  <c r="AC796" i="1"/>
  <c r="AC797" i="1"/>
  <c r="AC798" i="1"/>
  <c r="AC799" i="1"/>
  <c r="AC800" i="1"/>
  <c r="AC801" i="1"/>
  <c r="AC802" i="1"/>
  <c r="AC803" i="1"/>
  <c r="AC804" i="1"/>
  <c r="AC805" i="1"/>
  <c r="AD805" i="1" s="1"/>
  <c r="AC806" i="1"/>
  <c r="AC807" i="1"/>
  <c r="AC808" i="1"/>
  <c r="AC809" i="1"/>
  <c r="AC810" i="1"/>
  <c r="AC811" i="1"/>
  <c r="AD811" i="1" s="1"/>
  <c r="AC812" i="1"/>
  <c r="AC813" i="1"/>
  <c r="AC814" i="1"/>
  <c r="AC815" i="1"/>
  <c r="AC816" i="1"/>
  <c r="AC817" i="1"/>
  <c r="AD817" i="1" s="1"/>
  <c r="AC818" i="1"/>
  <c r="AC819" i="1"/>
  <c r="AC820" i="1"/>
  <c r="AC821" i="1"/>
  <c r="AC822" i="1"/>
  <c r="AC823" i="1"/>
  <c r="AD823" i="1" s="1"/>
  <c r="AC824" i="1"/>
  <c r="AC825" i="1"/>
  <c r="AC826" i="1"/>
  <c r="AC827" i="1"/>
  <c r="AC828" i="1"/>
  <c r="AC829" i="1"/>
  <c r="AD829" i="1" s="1"/>
  <c r="AC830" i="1"/>
  <c r="AC831" i="1"/>
  <c r="AC832" i="1"/>
  <c r="AC833" i="1"/>
  <c r="AC834" i="1"/>
  <c r="AC835" i="1"/>
  <c r="AD835" i="1" s="1"/>
  <c r="AC836" i="1"/>
  <c r="AC837" i="1"/>
  <c r="AC838" i="1"/>
  <c r="AC839" i="1"/>
  <c r="AC840" i="1"/>
  <c r="AC841" i="1"/>
  <c r="AD841" i="1" s="1"/>
  <c r="AC842" i="1"/>
  <c r="AC843" i="1"/>
  <c r="AC844" i="1"/>
  <c r="AC845" i="1"/>
  <c r="AC846" i="1"/>
  <c r="AC847" i="1"/>
  <c r="AC848" i="1"/>
  <c r="AC849" i="1"/>
  <c r="AC850" i="1"/>
  <c r="AC851" i="1"/>
  <c r="AC852" i="1"/>
  <c r="AC853" i="1"/>
  <c r="AD853" i="1" s="1"/>
  <c r="AC854" i="1"/>
  <c r="AC855" i="1"/>
  <c r="AC856" i="1"/>
  <c r="AC857" i="1"/>
  <c r="AC858" i="1"/>
  <c r="AC859" i="1"/>
  <c r="AC860" i="1"/>
  <c r="AC861" i="1"/>
  <c r="AC862" i="1"/>
  <c r="AC863" i="1"/>
  <c r="AC864" i="1"/>
  <c r="AC865" i="1"/>
  <c r="AD865" i="1" s="1"/>
  <c r="AC866" i="1"/>
  <c r="AC867" i="1"/>
  <c r="AC868" i="1"/>
  <c r="AC869" i="1"/>
  <c r="AC870" i="1"/>
  <c r="AC871" i="1"/>
  <c r="AD871" i="1" s="1"/>
  <c r="AC872" i="1"/>
  <c r="AC873" i="1"/>
  <c r="AC874" i="1"/>
  <c r="AC875" i="1"/>
  <c r="AC876" i="1"/>
  <c r="AC877" i="1"/>
  <c r="AD877" i="1" s="1"/>
  <c r="AC878" i="1"/>
  <c r="AC879" i="1"/>
  <c r="AC880" i="1"/>
  <c r="AC881" i="1"/>
  <c r="AC882" i="1"/>
  <c r="AC883" i="1"/>
  <c r="AC884" i="1"/>
  <c r="AC885" i="1"/>
  <c r="AC886" i="1"/>
  <c r="AC887" i="1"/>
  <c r="AC888" i="1"/>
  <c r="AC889" i="1"/>
  <c r="AD889" i="1" s="1"/>
  <c r="AC890" i="1"/>
  <c r="AC891" i="1"/>
  <c r="AC892" i="1"/>
  <c r="AC893" i="1"/>
  <c r="AC894" i="1"/>
  <c r="AC895" i="1"/>
  <c r="AD895" i="1" s="1"/>
  <c r="AC896" i="1"/>
  <c r="AC897" i="1"/>
  <c r="AC898" i="1"/>
  <c r="AC899" i="1"/>
  <c r="AC900" i="1"/>
  <c r="AC901" i="1"/>
  <c r="AD901" i="1" s="1"/>
  <c r="AC902" i="1"/>
  <c r="AC903" i="1"/>
  <c r="AC904" i="1"/>
  <c r="AC905" i="1"/>
  <c r="AC906" i="1"/>
  <c r="AC907" i="1"/>
  <c r="AD907" i="1" s="1"/>
  <c r="AC908" i="1"/>
  <c r="AC909" i="1"/>
  <c r="AC910" i="1"/>
  <c r="AC911" i="1"/>
  <c r="AC912" i="1"/>
  <c r="AC913" i="1"/>
  <c r="AD913" i="1" s="1"/>
  <c r="AC914" i="1"/>
  <c r="AC915" i="1"/>
  <c r="AC916" i="1"/>
  <c r="AC917" i="1"/>
  <c r="AC918" i="1"/>
  <c r="AC919" i="1"/>
  <c r="AC920" i="1"/>
  <c r="AC921" i="1"/>
  <c r="AC922" i="1"/>
  <c r="AC923" i="1"/>
  <c r="AC924" i="1"/>
  <c r="AC925" i="1"/>
  <c r="AD925" i="1" s="1"/>
  <c r="AC926" i="1"/>
  <c r="AC927" i="1"/>
  <c r="AC928" i="1"/>
  <c r="AC929" i="1"/>
  <c r="AC930" i="1"/>
  <c r="AC931" i="1"/>
  <c r="AC932" i="1"/>
  <c r="AC933" i="1"/>
  <c r="AC934" i="1"/>
  <c r="AC935" i="1"/>
  <c r="AC936" i="1"/>
  <c r="AC937" i="1"/>
  <c r="AD937" i="1" s="1"/>
  <c r="AC938" i="1"/>
  <c r="AC939" i="1"/>
  <c r="AC940" i="1"/>
  <c r="AC941" i="1"/>
  <c r="AC942" i="1"/>
  <c r="AC943" i="1"/>
  <c r="AC944" i="1"/>
  <c r="AC945" i="1"/>
  <c r="AC946" i="1"/>
  <c r="AC947" i="1"/>
  <c r="AC948" i="1"/>
  <c r="AC949" i="1"/>
  <c r="AD949" i="1" s="1"/>
  <c r="AC950" i="1"/>
  <c r="AC951" i="1"/>
  <c r="AC952" i="1"/>
  <c r="AC953" i="1"/>
  <c r="AC954" i="1"/>
  <c r="AC955" i="1"/>
  <c r="AD955" i="1" s="1"/>
  <c r="AC956" i="1"/>
  <c r="AC957" i="1"/>
  <c r="AC958" i="1"/>
  <c r="AC959" i="1"/>
  <c r="AC960" i="1"/>
  <c r="AC961" i="1"/>
  <c r="AD961" i="1" s="1"/>
  <c r="AC962" i="1"/>
  <c r="AC963" i="1"/>
  <c r="AC964" i="1"/>
  <c r="AC965" i="1"/>
  <c r="AC966" i="1"/>
  <c r="AC967" i="1"/>
  <c r="AD967" i="1" s="1"/>
  <c r="AC968" i="1"/>
  <c r="AC969" i="1"/>
  <c r="AC970" i="1"/>
  <c r="AC971" i="1"/>
  <c r="AC972" i="1"/>
  <c r="AC973" i="1"/>
  <c r="AD973" i="1" s="1"/>
  <c r="AC974" i="1"/>
  <c r="AC975" i="1"/>
  <c r="AC976" i="1"/>
  <c r="AC977" i="1"/>
  <c r="AC978" i="1"/>
  <c r="AC979" i="1"/>
  <c r="AD979" i="1" s="1"/>
  <c r="AC980" i="1"/>
  <c r="AC981" i="1"/>
  <c r="AC982" i="1"/>
  <c r="AC983" i="1"/>
  <c r="AC984" i="1"/>
  <c r="AC985" i="1"/>
  <c r="AD985" i="1" s="1"/>
  <c r="AC986" i="1"/>
  <c r="AC987" i="1"/>
  <c r="AC988" i="1"/>
  <c r="AC989" i="1"/>
  <c r="AC990" i="1"/>
  <c r="AC991" i="1"/>
  <c r="AC992" i="1"/>
  <c r="AC993" i="1"/>
  <c r="AC994" i="1"/>
  <c r="AC995" i="1"/>
  <c r="AC996" i="1"/>
  <c r="AC997" i="1"/>
  <c r="AD997" i="1" s="1"/>
  <c r="AC998" i="1"/>
  <c r="AC999" i="1"/>
  <c r="AC1000" i="1"/>
  <c r="AC1001" i="1"/>
  <c r="AC1002" i="1"/>
  <c r="AC1003" i="1"/>
  <c r="AC1004" i="1"/>
  <c r="AC1005" i="1"/>
  <c r="AC1006" i="1"/>
  <c r="AC1007" i="1"/>
  <c r="AC1008" i="1"/>
  <c r="AC1009" i="1"/>
  <c r="AD1009" i="1" s="1"/>
  <c r="AC1010" i="1"/>
  <c r="AC1011" i="1"/>
  <c r="AC1012" i="1"/>
  <c r="AC1013" i="1"/>
  <c r="AC1014" i="1"/>
  <c r="AC1015" i="1"/>
  <c r="AD1015" i="1" s="1"/>
  <c r="AC1016" i="1"/>
  <c r="AC1017" i="1"/>
  <c r="AC1018" i="1"/>
  <c r="AC1019" i="1"/>
  <c r="AC1020" i="1"/>
  <c r="AC1021" i="1"/>
  <c r="AD1021" i="1" s="1"/>
  <c r="AC1022" i="1"/>
  <c r="AC1023" i="1"/>
  <c r="AC1024" i="1"/>
  <c r="AC1025" i="1"/>
  <c r="AC1026" i="1"/>
  <c r="AC1027" i="1"/>
  <c r="AC1028" i="1"/>
  <c r="AC1029" i="1"/>
  <c r="AC1030" i="1"/>
  <c r="AC1031" i="1"/>
  <c r="AC1032" i="1"/>
  <c r="AC1033" i="1"/>
  <c r="AD1033" i="1" s="1"/>
  <c r="AC1034" i="1"/>
  <c r="AC1035" i="1"/>
  <c r="AC1036" i="1"/>
  <c r="AC1037" i="1"/>
  <c r="AC1038" i="1"/>
  <c r="AC1039" i="1"/>
  <c r="AD1039" i="1" s="1"/>
  <c r="AC1040" i="1"/>
  <c r="AC1041" i="1"/>
  <c r="AC1042" i="1"/>
  <c r="AC1043" i="1"/>
  <c r="AC1044" i="1"/>
  <c r="AC1045" i="1"/>
  <c r="AD1045" i="1" s="1"/>
  <c r="AC1046" i="1"/>
  <c r="AC1047" i="1"/>
  <c r="AC1048" i="1"/>
  <c r="AC1049" i="1"/>
  <c r="AC1050" i="1"/>
  <c r="AC1051" i="1"/>
  <c r="AD1051" i="1" s="1"/>
  <c r="AC1052" i="1"/>
  <c r="AC1053" i="1"/>
  <c r="AC1054" i="1"/>
  <c r="AC1055" i="1"/>
  <c r="AC1056" i="1"/>
  <c r="AC1057" i="1"/>
  <c r="AD1057" i="1" s="1"/>
  <c r="AC1058" i="1"/>
  <c r="AC1059" i="1"/>
  <c r="AC1060" i="1"/>
  <c r="AC1061" i="1"/>
  <c r="AC1062" i="1"/>
  <c r="AC1063" i="1"/>
  <c r="AC1064" i="1"/>
  <c r="AC1065" i="1"/>
  <c r="AC1066" i="1"/>
  <c r="AC1067" i="1"/>
  <c r="AC1068" i="1"/>
  <c r="AC1069" i="1"/>
  <c r="AD1069" i="1" s="1"/>
  <c r="AC1070" i="1"/>
  <c r="AC1071" i="1"/>
  <c r="AC1072" i="1"/>
  <c r="AC1073" i="1"/>
  <c r="AC1074" i="1"/>
  <c r="AC1075" i="1"/>
  <c r="AC1076" i="1"/>
  <c r="AC1077" i="1"/>
  <c r="AC1078" i="1"/>
  <c r="AC1079" i="1"/>
  <c r="AC1080" i="1"/>
  <c r="AC1081" i="1"/>
  <c r="AD1081" i="1" s="1"/>
  <c r="AC1082" i="1"/>
  <c r="AC1083" i="1"/>
  <c r="AC1084" i="1"/>
  <c r="AC1085" i="1"/>
  <c r="AC1086" i="1"/>
  <c r="AC1087" i="1"/>
  <c r="AC1088" i="1"/>
  <c r="AC1089" i="1"/>
  <c r="AC1090" i="1"/>
  <c r="AC1091" i="1"/>
  <c r="AC1092" i="1"/>
  <c r="AC1093" i="1"/>
  <c r="AD1093" i="1" s="1"/>
  <c r="AC1094" i="1"/>
  <c r="AC1095" i="1"/>
  <c r="AC1096" i="1"/>
  <c r="AC1097" i="1"/>
  <c r="AC1098" i="1"/>
  <c r="AC1099" i="1"/>
  <c r="AD1099" i="1" s="1"/>
  <c r="AC1100" i="1"/>
  <c r="AC1101" i="1"/>
  <c r="AC1102" i="1"/>
  <c r="AC1103" i="1"/>
  <c r="AC1104" i="1"/>
  <c r="AC1105" i="1"/>
  <c r="AD1105" i="1" s="1"/>
  <c r="AC1106" i="1"/>
  <c r="AC1107" i="1"/>
  <c r="AC1108" i="1"/>
  <c r="AC1109" i="1"/>
  <c r="AC1110" i="1"/>
  <c r="AC1111" i="1"/>
  <c r="AD1111" i="1" s="1"/>
  <c r="AC1112" i="1"/>
  <c r="AC1113" i="1"/>
  <c r="AC1114" i="1"/>
  <c r="AC1115" i="1"/>
  <c r="AC1116" i="1"/>
  <c r="AC1117" i="1"/>
  <c r="AD1117" i="1" s="1"/>
  <c r="AC1118" i="1"/>
  <c r="AC1119" i="1"/>
  <c r="AC1120" i="1"/>
  <c r="AC1121" i="1"/>
  <c r="AC1122" i="1"/>
  <c r="AC1123" i="1"/>
  <c r="AD1123" i="1" s="1"/>
  <c r="AC1124" i="1"/>
  <c r="AC1125" i="1"/>
  <c r="AC1126" i="1"/>
  <c r="AC1127" i="1"/>
  <c r="AC1128" i="1"/>
  <c r="AC1129" i="1"/>
  <c r="AD1129" i="1" s="1"/>
  <c r="AC1130" i="1"/>
  <c r="AC1131" i="1"/>
  <c r="AC1132" i="1"/>
  <c r="AC1133" i="1"/>
  <c r="AC1134" i="1"/>
  <c r="AC1135" i="1"/>
  <c r="AC1136" i="1"/>
  <c r="AC1137" i="1"/>
  <c r="AC1138" i="1"/>
  <c r="AC1139" i="1"/>
  <c r="AC1140" i="1"/>
  <c r="AC1141" i="1"/>
  <c r="AD1141" i="1" s="1"/>
  <c r="AC1142" i="1"/>
  <c r="AC1143" i="1"/>
  <c r="AC1144" i="1"/>
  <c r="AC1145" i="1"/>
  <c r="AC1146" i="1"/>
  <c r="AC1147" i="1"/>
  <c r="AC1148" i="1"/>
  <c r="AC1149" i="1"/>
  <c r="AC1150" i="1"/>
  <c r="AC1151" i="1"/>
  <c r="AC1152" i="1"/>
  <c r="AC1153" i="1"/>
  <c r="AD1153" i="1" s="1"/>
  <c r="AC1154" i="1"/>
  <c r="AC1155" i="1"/>
  <c r="AC1156" i="1"/>
  <c r="AC1157" i="1"/>
  <c r="AC1158" i="1"/>
  <c r="AC1159" i="1"/>
  <c r="AD1159" i="1" s="1"/>
  <c r="AC1160" i="1"/>
  <c r="AC1161" i="1"/>
  <c r="AC1162" i="1"/>
  <c r="AC1163" i="1"/>
  <c r="AC1164" i="1"/>
  <c r="AC1165" i="1"/>
  <c r="AD1165" i="1" s="1"/>
  <c r="AC1166" i="1"/>
  <c r="AC1167" i="1"/>
  <c r="AC1168" i="1"/>
  <c r="AC1169" i="1"/>
  <c r="AC1170" i="1"/>
  <c r="AC1171" i="1"/>
  <c r="AC1172" i="1"/>
  <c r="AC1173" i="1"/>
  <c r="AC1174" i="1"/>
  <c r="AC1175" i="1"/>
  <c r="AC1176" i="1"/>
  <c r="AC1177" i="1"/>
  <c r="AD1177" i="1" s="1"/>
  <c r="AC1178" i="1"/>
  <c r="AC1179" i="1"/>
  <c r="AC1180" i="1"/>
  <c r="AC1181" i="1"/>
  <c r="AC1182" i="1"/>
  <c r="AC1183" i="1"/>
  <c r="AD1183" i="1" s="1"/>
  <c r="AC1184" i="1"/>
  <c r="AC1185" i="1"/>
  <c r="AC1186" i="1"/>
  <c r="AC1187" i="1"/>
  <c r="AC1188" i="1"/>
  <c r="AC1189" i="1"/>
  <c r="AD1189" i="1" s="1"/>
  <c r="AC1190" i="1"/>
  <c r="AC1191" i="1"/>
  <c r="AC1192" i="1"/>
  <c r="AC1193" i="1"/>
  <c r="AC1194" i="1"/>
  <c r="AC1195" i="1"/>
  <c r="AD1195" i="1" s="1"/>
  <c r="AC1196" i="1"/>
  <c r="AC1197" i="1"/>
  <c r="AC1198" i="1"/>
  <c r="AC1199" i="1"/>
  <c r="AC1200" i="1"/>
  <c r="AC1201" i="1"/>
  <c r="AD1201" i="1" s="1"/>
  <c r="AC1202" i="1"/>
  <c r="AC1203" i="1"/>
  <c r="AC1204" i="1"/>
  <c r="AC1205" i="1"/>
  <c r="AC1206" i="1"/>
  <c r="AC1207" i="1"/>
  <c r="AC1208" i="1"/>
  <c r="AC1209" i="1"/>
  <c r="AC1210" i="1"/>
  <c r="AC1211" i="1"/>
  <c r="AC1212" i="1"/>
  <c r="AC1213" i="1"/>
  <c r="AD1213" i="1" s="1"/>
  <c r="AC1214" i="1"/>
  <c r="AC1215" i="1"/>
  <c r="AC1216" i="1"/>
  <c r="AC1217" i="1"/>
  <c r="AC1218" i="1"/>
  <c r="AC1219" i="1"/>
  <c r="AC1220" i="1"/>
  <c r="AC1221" i="1"/>
  <c r="AC1222" i="1"/>
  <c r="AC1223" i="1"/>
  <c r="AC1224" i="1"/>
  <c r="AC1225" i="1"/>
  <c r="AD1225" i="1" s="1"/>
  <c r="AC1226" i="1"/>
  <c r="AC1227" i="1"/>
  <c r="AC1228" i="1"/>
  <c r="AC1229" i="1"/>
  <c r="AC1230" i="1"/>
  <c r="AC1231" i="1"/>
  <c r="AC1232" i="1"/>
  <c r="AC1233" i="1"/>
  <c r="AC1234" i="1"/>
  <c r="AC1235" i="1"/>
  <c r="AC1236" i="1"/>
  <c r="AC1237" i="1"/>
  <c r="AD1237" i="1" s="1"/>
  <c r="AC1238" i="1"/>
  <c r="AC1239" i="1"/>
  <c r="AC1240" i="1"/>
  <c r="AC1241" i="1"/>
  <c r="AC1242" i="1"/>
  <c r="AC1243" i="1"/>
  <c r="AD1243" i="1" s="1"/>
  <c r="AC1244" i="1"/>
  <c r="AC1245" i="1"/>
  <c r="AC1246" i="1"/>
  <c r="AC1247" i="1"/>
  <c r="AC1248" i="1"/>
  <c r="AC1249" i="1"/>
  <c r="AD1249" i="1" s="1"/>
  <c r="AC1250" i="1"/>
  <c r="AC1251" i="1"/>
  <c r="AC1252" i="1"/>
  <c r="AC1253" i="1"/>
  <c r="AC1254" i="1"/>
  <c r="AC1255" i="1"/>
  <c r="AD1255" i="1" s="1"/>
  <c r="AC1256" i="1"/>
  <c r="AC1257" i="1"/>
  <c r="AC1258" i="1"/>
  <c r="AC1259" i="1"/>
  <c r="AC1260" i="1"/>
  <c r="AC1261" i="1"/>
  <c r="AD1261" i="1" s="1"/>
  <c r="AC1262" i="1"/>
  <c r="AC1263" i="1"/>
  <c r="AC1264" i="1"/>
  <c r="AC1265" i="1"/>
  <c r="AC1266" i="1"/>
  <c r="AC1267" i="1"/>
  <c r="AD1267" i="1" s="1"/>
  <c r="AC1268" i="1"/>
  <c r="AC1269" i="1"/>
  <c r="AC1270" i="1"/>
  <c r="AC1271" i="1"/>
  <c r="AC1272" i="1"/>
  <c r="AC1273" i="1"/>
  <c r="AD1273" i="1" s="1"/>
  <c r="AC1274" i="1"/>
  <c r="AC1275" i="1"/>
  <c r="AC1276" i="1"/>
  <c r="AC1277" i="1"/>
  <c r="AC1278" i="1"/>
  <c r="AC1279" i="1"/>
  <c r="AC1280" i="1"/>
  <c r="AC1281" i="1"/>
  <c r="AC1282" i="1"/>
  <c r="AC1283" i="1"/>
  <c r="AC1284" i="1"/>
  <c r="AC1285" i="1"/>
  <c r="AD1285" i="1" s="1"/>
  <c r="AC1286" i="1"/>
  <c r="AC1287" i="1"/>
  <c r="AC1288" i="1"/>
  <c r="AC1289" i="1"/>
  <c r="AC1290" i="1"/>
  <c r="AC1291" i="1"/>
  <c r="AC1292" i="1"/>
  <c r="AC1293" i="1"/>
  <c r="AC1294" i="1"/>
  <c r="AC1295" i="1"/>
  <c r="AC1296" i="1"/>
  <c r="AC1297" i="1"/>
  <c r="AD1297" i="1" s="1"/>
  <c r="AC1298" i="1"/>
  <c r="AC1299" i="1"/>
  <c r="AC1300" i="1"/>
  <c r="AC1301" i="1"/>
  <c r="AC1302" i="1"/>
  <c r="AC1303" i="1"/>
  <c r="AD1303" i="1" s="1"/>
  <c r="AC1304" i="1"/>
  <c r="AC1305" i="1"/>
  <c r="AC1306" i="1"/>
  <c r="AC1307" i="1"/>
  <c r="AC1308" i="1"/>
  <c r="AC1309" i="1"/>
  <c r="AD1309" i="1" s="1"/>
  <c r="AC1310" i="1"/>
  <c r="AC1311" i="1"/>
  <c r="AC1312" i="1"/>
  <c r="AC1313" i="1"/>
  <c r="AC1314" i="1"/>
  <c r="AC1315" i="1"/>
  <c r="AC1316" i="1"/>
  <c r="AC1317" i="1"/>
  <c r="AC1318" i="1"/>
  <c r="AC1319" i="1"/>
  <c r="AC1320" i="1"/>
  <c r="AC1321" i="1"/>
  <c r="AD1321" i="1" s="1"/>
  <c r="AC1322" i="1"/>
  <c r="AC1323" i="1"/>
  <c r="AC1324" i="1"/>
  <c r="AC1325" i="1"/>
  <c r="AC1326" i="1"/>
  <c r="AC1327" i="1"/>
  <c r="AD1327" i="1" s="1"/>
  <c r="AC1328" i="1"/>
  <c r="AC1329" i="1"/>
  <c r="AC1330" i="1"/>
  <c r="AC1331" i="1"/>
  <c r="AC1332" i="1"/>
  <c r="AC1333" i="1"/>
  <c r="AD1333" i="1" s="1"/>
  <c r="AC1334" i="1"/>
  <c r="AC1335" i="1"/>
  <c r="AC1336" i="1"/>
  <c r="AC1337" i="1"/>
  <c r="AC1338" i="1"/>
  <c r="AC1339" i="1"/>
  <c r="AD1339" i="1" s="1"/>
  <c r="AC1340" i="1"/>
  <c r="AC1341" i="1"/>
  <c r="AC1342" i="1"/>
  <c r="AC1343" i="1"/>
  <c r="AC1344" i="1"/>
  <c r="AC1345" i="1"/>
  <c r="AD1345" i="1" s="1"/>
  <c r="AC1346" i="1"/>
  <c r="AC1347" i="1"/>
  <c r="AC1348" i="1"/>
  <c r="AC1349" i="1"/>
  <c r="AC1350" i="1"/>
  <c r="AC1351" i="1"/>
  <c r="AC1352" i="1"/>
  <c r="AC1353" i="1"/>
  <c r="AC1354" i="1"/>
  <c r="AC1355" i="1"/>
  <c r="AC1356" i="1"/>
  <c r="AC1357" i="1"/>
  <c r="AD1357" i="1" s="1"/>
  <c r="AC1358" i="1"/>
  <c r="AC1359" i="1"/>
  <c r="AC1360" i="1"/>
  <c r="AC1361" i="1"/>
  <c r="AC1362" i="1"/>
  <c r="AC1363" i="1"/>
  <c r="AC1364" i="1"/>
  <c r="AC1365" i="1"/>
  <c r="AC1366" i="1"/>
  <c r="AC1367" i="1"/>
  <c r="AC1368" i="1"/>
  <c r="AC1369" i="1"/>
  <c r="AD1369" i="1" s="1"/>
  <c r="AC1370" i="1"/>
  <c r="AC1371" i="1"/>
  <c r="AC1372" i="1"/>
  <c r="AC1373" i="1"/>
  <c r="AC1374" i="1"/>
  <c r="AC1375" i="1"/>
  <c r="AC1376" i="1"/>
  <c r="AC1377" i="1"/>
  <c r="AC1378" i="1"/>
  <c r="AC1379" i="1"/>
  <c r="AC1380" i="1"/>
  <c r="AC1381" i="1"/>
  <c r="AD1381" i="1" s="1"/>
  <c r="AC1382" i="1"/>
  <c r="AC1383" i="1"/>
  <c r="AC1384" i="1"/>
  <c r="AC1385" i="1"/>
  <c r="AC1386" i="1"/>
  <c r="AC1387" i="1"/>
  <c r="AD1387" i="1" s="1"/>
  <c r="AC1388" i="1"/>
  <c r="AC1389" i="1"/>
  <c r="AC1390" i="1"/>
  <c r="AC1391" i="1"/>
  <c r="AC1392" i="1"/>
  <c r="AC1393" i="1"/>
  <c r="AD1393" i="1" s="1"/>
  <c r="AC1394" i="1"/>
  <c r="AC1395" i="1"/>
  <c r="AC1396" i="1"/>
  <c r="AC1397" i="1"/>
  <c r="AC1398" i="1"/>
  <c r="AC1399" i="1"/>
  <c r="AD1399" i="1" s="1"/>
  <c r="AC1400" i="1"/>
  <c r="AC1401" i="1"/>
  <c r="AC1402" i="1"/>
  <c r="AC1403" i="1"/>
  <c r="AC1404" i="1"/>
  <c r="AC1405" i="1"/>
  <c r="AD1405" i="1" s="1"/>
  <c r="AC1406" i="1"/>
  <c r="AC1407" i="1"/>
  <c r="AC1408" i="1"/>
  <c r="AC1409" i="1"/>
  <c r="AC1410" i="1"/>
  <c r="AC1411" i="1"/>
  <c r="AD1411" i="1" s="1"/>
  <c r="AC1412" i="1"/>
  <c r="AC1413" i="1"/>
  <c r="AC1414" i="1"/>
  <c r="AC1415" i="1"/>
  <c r="AC1416" i="1"/>
  <c r="AC1417" i="1"/>
  <c r="AD1417" i="1" s="1"/>
  <c r="AC1418" i="1"/>
  <c r="AC1419" i="1"/>
  <c r="AC1420" i="1"/>
  <c r="AC1421" i="1"/>
  <c r="AC1422" i="1"/>
  <c r="AC1423" i="1"/>
  <c r="AC1424" i="1"/>
  <c r="AC1425" i="1"/>
  <c r="AC1426" i="1"/>
  <c r="AC1427" i="1"/>
  <c r="AC1428" i="1"/>
  <c r="AC1429" i="1"/>
  <c r="AD1429" i="1" s="1"/>
  <c r="AC1430" i="1"/>
  <c r="AC1431" i="1"/>
  <c r="AC1432" i="1"/>
  <c r="AC1433" i="1"/>
  <c r="AC1434" i="1"/>
  <c r="AC1435" i="1"/>
  <c r="AC1436" i="1"/>
  <c r="AC1437" i="1"/>
  <c r="AC1438" i="1"/>
  <c r="AC1439" i="1"/>
  <c r="AC1440" i="1"/>
  <c r="AC1441" i="1"/>
  <c r="AD1441" i="1" s="1"/>
  <c r="AC1442" i="1"/>
  <c r="AC1443" i="1"/>
  <c r="AC1444" i="1"/>
  <c r="AC1445" i="1"/>
  <c r="AC1446" i="1"/>
  <c r="AC1447" i="1"/>
  <c r="AD1447" i="1" s="1"/>
  <c r="AC1448" i="1"/>
  <c r="AC1449" i="1"/>
  <c r="AC1450" i="1"/>
  <c r="AC1451" i="1"/>
  <c r="AC1452" i="1"/>
  <c r="AC1453" i="1"/>
  <c r="AD1453" i="1" s="1"/>
  <c r="AC1454" i="1"/>
  <c r="AC1455" i="1"/>
  <c r="AC1456" i="1"/>
  <c r="AC1457" i="1"/>
  <c r="AC1458" i="1"/>
  <c r="AC1459" i="1"/>
  <c r="AC1460" i="1"/>
  <c r="AC1461" i="1"/>
  <c r="AC1462" i="1"/>
  <c r="AC1463" i="1"/>
  <c r="AC1464" i="1"/>
  <c r="AC1465" i="1"/>
  <c r="AD1465" i="1" s="1"/>
  <c r="AC1466" i="1"/>
  <c r="AC1467" i="1"/>
  <c r="AC1468" i="1"/>
  <c r="AC1469" i="1"/>
  <c r="AC1470" i="1"/>
  <c r="AC1471" i="1"/>
  <c r="AD1471" i="1" s="1"/>
  <c r="AC1472" i="1"/>
  <c r="AC1473" i="1"/>
  <c r="AC1474" i="1"/>
  <c r="AC1475" i="1"/>
  <c r="AC1476" i="1"/>
  <c r="AC1477" i="1"/>
  <c r="AD1477" i="1" s="1"/>
  <c r="AC1478" i="1"/>
  <c r="AC1479" i="1"/>
  <c r="AC1480" i="1"/>
  <c r="AC1481" i="1"/>
  <c r="AC1482" i="1"/>
  <c r="AC1483" i="1"/>
  <c r="AD1483" i="1" s="1"/>
  <c r="AC1484" i="1"/>
  <c r="AC1485" i="1"/>
  <c r="AC1486" i="1"/>
  <c r="AC1487" i="1"/>
  <c r="AC1488" i="1"/>
  <c r="AC1489" i="1"/>
  <c r="AD1489" i="1" s="1"/>
  <c r="AC1490" i="1"/>
  <c r="AC1491" i="1"/>
  <c r="AC1492" i="1"/>
  <c r="AC1493" i="1"/>
  <c r="AC1494" i="1"/>
  <c r="AC1495" i="1"/>
  <c r="AC1496" i="1"/>
  <c r="AC1497" i="1"/>
  <c r="AC1498" i="1"/>
  <c r="AC1499" i="1"/>
  <c r="AC1500" i="1"/>
  <c r="AC1501" i="1"/>
  <c r="AD1501" i="1" s="1"/>
  <c r="AC1502" i="1"/>
  <c r="AC1503" i="1"/>
  <c r="AC1504" i="1"/>
  <c r="AC1505" i="1"/>
  <c r="AC1506" i="1"/>
  <c r="AC1507" i="1"/>
  <c r="AC1508" i="1"/>
  <c r="AC1509" i="1"/>
  <c r="AC1510" i="1"/>
  <c r="AC1511" i="1"/>
  <c r="AC1512" i="1"/>
  <c r="AC1513" i="1"/>
  <c r="AD1513" i="1" s="1"/>
  <c r="AC1514" i="1"/>
  <c r="AC1515" i="1"/>
  <c r="AC1516" i="1"/>
  <c r="AC1517" i="1"/>
  <c r="AC1518" i="1"/>
  <c r="AC1519" i="1"/>
  <c r="AC1520" i="1"/>
  <c r="AC1521" i="1"/>
  <c r="AC1522" i="1"/>
  <c r="AC1523" i="1"/>
  <c r="AC1524" i="1"/>
  <c r="AC1525" i="1"/>
  <c r="AD1525" i="1" s="1"/>
  <c r="AC1526" i="1"/>
  <c r="AC1527" i="1"/>
  <c r="AC1528" i="1"/>
  <c r="AC1529" i="1"/>
  <c r="AC1530" i="1"/>
  <c r="AC1531" i="1"/>
  <c r="AD1531" i="1" s="1"/>
  <c r="AC1532" i="1"/>
  <c r="AC1533" i="1"/>
  <c r="AC1534" i="1"/>
  <c r="AC1535" i="1"/>
  <c r="AC1536" i="1"/>
  <c r="AC1537" i="1"/>
  <c r="AD1537" i="1" s="1"/>
  <c r="AC1538" i="1"/>
  <c r="AC1539" i="1"/>
  <c r="AC1540" i="1"/>
  <c r="AC1541" i="1"/>
  <c r="AC1542" i="1"/>
  <c r="AC1543" i="1"/>
  <c r="AD1543" i="1" s="1"/>
  <c r="AC1544" i="1"/>
  <c r="AC1545" i="1"/>
  <c r="AC1546" i="1"/>
  <c r="AC1547" i="1"/>
  <c r="AC1548" i="1"/>
  <c r="AC1549" i="1"/>
  <c r="AD1549" i="1" s="1"/>
  <c r="AC1550" i="1"/>
  <c r="AC1551" i="1"/>
  <c r="AC1552" i="1"/>
  <c r="AC1553" i="1"/>
  <c r="AC1554" i="1"/>
  <c r="AC1555" i="1"/>
  <c r="AD1555" i="1" s="1"/>
  <c r="AC1556" i="1"/>
  <c r="AC1557" i="1"/>
  <c r="AC1558" i="1"/>
  <c r="AC1559" i="1"/>
  <c r="AC1560" i="1"/>
  <c r="AC1561" i="1"/>
  <c r="AD1561" i="1" s="1"/>
  <c r="AC1562" i="1"/>
  <c r="AC1563" i="1"/>
  <c r="AC1564" i="1"/>
  <c r="AC1565" i="1"/>
  <c r="AC1566" i="1"/>
  <c r="AC1567" i="1"/>
  <c r="AC1568" i="1"/>
  <c r="AC1569" i="1"/>
  <c r="AC1570" i="1"/>
  <c r="AC1571" i="1"/>
  <c r="AC1572" i="1"/>
  <c r="AC1573" i="1"/>
  <c r="AD1573" i="1" s="1"/>
  <c r="AC1574" i="1"/>
  <c r="AC1575" i="1"/>
  <c r="AC1576" i="1"/>
  <c r="AC1577" i="1"/>
  <c r="AC1578" i="1"/>
  <c r="AC1579" i="1"/>
  <c r="AC1580" i="1"/>
  <c r="AC1581" i="1"/>
  <c r="AC1582" i="1"/>
  <c r="AC1583" i="1"/>
  <c r="AC1584" i="1"/>
  <c r="AC1585" i="1"/>
  <c r="AD1585" i="1" s="1"/>
  <c r="AC1586" i="1"/>
  <c r="AC1587" i="1"/>
  <c r="AC1588" i="1"/>
  <c r="AC1589" i="1"/>
  <c r="AC1590" i="1"/>
  <c r="AC1591" i="1"/>
  <c r="AD1591" i="1" s="1"/>
  <c r="AC1592" i="1"/>
  <c r="AC1593" i="1"/>
  <c r="AC1594" i="1"/>
  <c r="AC1595" i="1"/>
  <c r="AC1596" i="1"/>
  <c r="AC1597" i="1"/>
  <c r="AD1597" i="1" s="1"/>
  <c r="AC1598" i="1"/>
  <c r="AC1599" i="1"/>
  <c r="AC1600" i="1"/>
  <c r="AC1601" i="1"/>
  <c r="AC1602" i="1"/>
  <c r="AC1603" i="1"/>
  <c r="AC1604" i="1"/>
  <c r="AC1605" i="1"/>
  <c r="AC1606" i="1"/>
  <c r="AC1607" i="1"/>
  <c r="AC1608" i="1"/>
  <c r="AC1609" i="1"/>
  <c r="AD1609" i="1" s="1"/>
  <c r="AC1610" i="1"/>
  <c r="AC1611" i="1"/>
  <c r="AC1612" i="1"/>
  <c r="AC1613" i="1"/>
  <c r="AC1614" i="1"/>
  <c r="AC1615" i="1"/>
  <c r="AD1615" i="1" s="1"/>
  <c r="AC1616" i="1"/>
  <c r="AC1617" i="1"/>
  <c r="AC1618" i="1"/>
  <c r="AC1619" i="1"/>
  <c r="AC1620" i="1"/>
  <c r="AC1621" i="1"/>
  <c r="AD1621" i="1" s="1"/>
  <c r="AC1622" i="1"/>
  <c r="AC1623" i="1"/>
  <c r="AC1624" i="1"/>
  <c r="AC1625" i="1"/>
  <c r="AC1626" i="1"/>
  <c r="AC1627" i="1"/>
  <c r="AD1627" i="1" s="1"/>
  <c r="AC1628" i="1"/>
  <c r="AC1629" i="1"/>
  <c r="AC1630" i="1"/>
  <c r="AC1631" i="1"/>
  <c r="AC1632" i="1"/>
  <c r="AC1633" i="1"/>
  <c r="AD1633" i="1" s="1"/>
  <c r="AC1634" i="1"/>
  <c r="AC1635" i="1"/>
  <c r="AC1636" i="1"/>
  <c r="AC1637" i="1"/>
  <c r="AC1638" i="1"/>
  <c r="AC1639" i="1"/>
  <c r="AC1640" i="1"/>
  <c r="AC1641" i="1"/>
  <c r="AC1642" i="1"/>
  <c r="AC1643" i="1"/>
  <c r="AC1644" i="1"/>
  <c r="AC1645" i="1"/>
  <c r="AD1645" i="1" s="1"/>
  <c r="AC1646" i="1"/>
  <c r="AC1647" i="1"/>
  <c r="AC1648" i="1"/>
  <c r="AC1649" i="1"/>
  <c r="AC1650" i="1"/>
  <c r="AC1651" i="1"/>
  <c r="AC1652" i="1"/>
  <c r="AC1653" i="1"/>
  <c r="AC1654" i="1"/>
  <c r="AC1655" i="1"/>
  <c r="AC1656" i="1"/>
  <c r="AC1657" i="1"/>
  <c r="AD1657" i="1" s="1"/>
  <c r="AC1658" i="1"/>
  <c r="AC1659" i="1"/>
  <c r="AC1660" i="1"/>
  <c r="AC1661" i="1"/>
  <c r="AC1662" i="1"/>
  <c r="AC1663" i="1"/>
  <c r="AC1664" i="1"/>
  <c r="AC1665" i="1"/>
  <c r="AC1666" i="1"/>
  <c r="AC1667" i="1"/>
  <c r="AC1668" i="1"/>
  <c r="AC1669" i="1"/>
  <c r="AD1669" i="1" s="1"/>
  <c r="AC1670" i="1"/>
  <c r="AC1671" i="1"/>
  <c r="AC1672" i="1"/>
  <c r="AC1673" i="1"/>
  <c r="AC1674" i="1"/>
  <c r="AC1675" i="1"/>
  <c r="AD1675" i="1" s="1"/>
  <c r="AC1676" i="1"/>
  <c r="AC1677" i="1"/>
  <c r="AC1678" i="1"/>
  <c r="AC1679" i="1"/>
  <c r="AC1680" i="1"/>
  <c r="AC1681" i="1"/>
  <c r="AD1681" i="1" s="1"/>
  <c r="AC1682" i="1"/>
  <c r="AC1683" i="1"/>
  <c r="AC1684" i="1"/>
  <c r="AC1685" i="1"/>
  <c r="AC1686" i="1"/>
  <c r="AC1687" i="1"/>
  <c r="AD1687" i="1" s="1"/>
  <c r="AC1688" i="1"/>
  <c r="AC1689" i="1"/>
  <c r="AC1690" i="1"/>
  <c r="AC1691" i="1"/>
  <c r="AC1692" i="1"/>
  <c r="AC1693" i="1"/>
  <c r="AD1693" i="1" s="1"/>
  <c r="AC1694" i="1"/>
  <c r="AC1695" i="1"/>
  <c r="AC1696" i="1"/>
  <c r="AC1697" i="1"/>
  <c r="AC1698" i="1"/>
  <c r="AC1699" i="1"/>
  <c r="AD1699" i="1" s="1"/>
  <c r="AC1700" i="1"/>
  <c r="AC1701" i="1"/>
  <c r="AC1702" i="1"/>
  <c r="AC1703" i="1"/>
  <c r="AC1704" i="1"/>
  <c r="AC1705" i="1"/>
  <c r="AD1705" i="1" s="1"/>
  <c r="AC1706" i="1"/>
  <c r="AC1707" i="1"/>
  <c r="AC1708" i="1"/>
  <c r="AC1709" i="1"/>
  <c r="AC1710" i="1"/>
  <c r="AC1711" i="1"/>
  <c r="AC1712" i="1"/>
  <c r="AC1713" i="1"/>
  <c r="AC1714" i="1"/>
  <c r="AC1715" i="1"/>
  <c r="AC1716" i="1"/>
  <c r="AC1717" i="1"/>
  <c r="AD1717" i="1" s="1"/>
  <c r="AC1718" i="1"/>
  <c r="AC1719" i="1"/>
  <c r="AC1720" i="1"/>
  <c r="AC1721" i="1"/>
  <c r="AC1722" i="1"/>
  <c r="AC1723" i="1"/>
  <c r="AC1724" i="1"/>
  <c r="AC1725" i="1"/>
  <c r="AC1726" i="1"/>
  <c r="AC1727" i="1"/>
  <c r="AC1728" i="1"/>
  <c r="AC1729" i="1"/>
  <c r="AD1729" i="1" s="1"/>
  <c r="AC1730" i="1"/>
  <c r="AC1731" i="1"/>
  <c r="AC1732" i="1"/>
  <c r="AC1733" i="1"/>
  <c r="AC1734" i="1"/>
  <c r="AC1735" i="1"/>
  <c r="AD1735" i="1" s="1"/>
  <c r="AC1736" i="1"/>
  <c r="AC1737" i="1"/>
  <c r="AC1738" i="1"/>
  <c r="AC1739" i="1"/>
  <c r="AC1740" i="1"/>
  <c r="AC1741" i="1"/>
  <c r="AD1741" i="1" s="1"/>
  <c r="AC1742" i="1"/>
  <c r="AC1743" i="1"/>
  <c r="AC1744" i="1"/>
  <c r="AC1745" i="1"/>
  <c r="AC1746" i="1"/>
  <c r="AC1747" i="1"/>
  <c r="AC1748" i="1"/>
  <c r="AC1749" i="1"/>
  <c r="AC1750" i="1"/>
  <c r="AC1751" i="1"/>
  <c r="AC1752" i="1"/>
  <c r="AC1753" i="1"/>
  <c r="AD1753" i="1" s="1"/>
  <c r="AC1754" i="1"/>
  <c r="AC1755" i="1"/>
  <c r="AC1756" i="1"/>
  <c r="AC1757" i="1"/>
  <c r="AC1758" i="1"/>
  <c r="AC1759" i="1"/>
  <c r="AD1759" i="1" s="1"/>
  <c r="AC1760" i="1"/>
  <c r="AC1761" i="1"/>
  <c r="AC1762" i="1"/>
  <c r="AC1763" i="1"/>
  <c r="AC1764" i="1"/>
  <c r="AC1765" i="1"/>
  <c r="AD1765" i="1" s="1"/>
  <c r="AC1766" i="1"/>
  <c r="AC1767" i="1"/>
  <c r="AC1768" i="1"/>
  <c r="AC1769" i="1"/>
  <c r="AC1770" i="1"/>
  <c r="AC1771" i="1"/>
  <c r="AD1771" i="1" s="1"/>
  <c r="AC1772" i="1"/>
  <c r="AC1773" i="1"/>
  <c r="AC1774" i="1"/>
  <c r="AC1775" i="1"/>
  <c r="AC1776" i="1"/>
  <c r="AC1777" i="1"/>
  <c r="AD1777" i="1" s="1"/>
  <c r="AC1778" i="1"/>
  <c r="AC1779" i="1"/>
  <c r="AC1780" i="1"/>
  <c r="AC1781" i="1"/>
  <c r="AC1782" i="1"/>
  <c r="AC1783" i="1"/>
  <c r="AC1784" i="1"/>
  <c r="AC1785" i="1"/>
  <c r="AC1786" i="1"/>
  <c r="AC1787" i="1"/>
  <c r="AC1788" i="1"/>
  <c r="AC1789" i="1"/>
  <c r="AD1789" i="1" s="1"/>
  <c r="AC1790" i="1"/>
  <c r="AC1791" i="1"/>
  <c r="AC1792" i="1"/>
  <c r="AC1793" i="1"/>
  <c r="AC1794" i="1"/>
  <c r="AC1795" i="1"/>
  <c r="AC1796" i="1"/>
  <c r="AC1797" i="1"/>
  <c r="AC1798" i="1"/>
  <c r="AC1799" i="1"/>
  <c r="AC1800" i="1"/>
  <c r="AC1801" i="1"/>
  <c r="AD1801" i="1" s="1"/>
  <c r="AC1802" i="1"/>
  <c r="AC1803" i="1"/>
  <c r="AC1804" i="1"/>
  <c r="AC1805" i="1"/>
  <c r="AC1806" i="1"/>
  <c r="AC1807" i="1"/>
  <c r="AC1808" i="1"/>
  <c r="AC1809" i="1"/>
  <c r="AC1810" i="1"/>
  <c r="AC1811" i="1"/>
  <c r="AC1812" i="1"/>
  <c r="AC1813" i="1"/>
  <c r="AD1813" i="1" s="1"/>
  <c r="AC1814" i="1"/>
  <c r="AC1815" i="1"/>
  <c r="AC1816" i="1"/>
  <c r="AC1817" i="1"/>
  <c r="AC1818" i="1"/>
  <c r="AC1819" i="1"/>
  <c r="AD1819" i="1" s="1"/>
  <c r="AC1820" i="1"/>
  <c r="AC1821" i="1"/>
  <c r="AC1822" i="1"/>
  <c r="AC1823" i="1"/>
  <c r="AC1824" i="1"/>
  <c r="AC1825" i="1"/>
  <c r="AD1825" i="1" s="1"/>
  <c r="AC1826" i="1"/>
  <c r="AC1827" i="1"/>
  <c r="AC1828" i="1"/>
  <c r="AC1829" i="1"/>
  <c r="AC1830" i="1"/>
  <c r="AC1831" i="1"/>
  <c r="AD1831" i="1" s="1"/>
  <c r="AC1832" i="1"/>
  <c r="AC1833" i="1"/>
  <c r="AC1834" i="1"/>
  <c r="AC1835" i="1"/>
  <c r="AC1836" i="1"/>
  <c r="AC1837" i="1"/>
  <c r="AD1837" i="1" s="1"/>
  <c r="AC1838" i="1"/>
  <c r="AC1839" i="1"/>
  <c r="AC1840" i="1"/>
  <c r="AC1841" i="1"/>
  <c r="AC1842" i="1"/>
  <c r="AC1843" i="1"/>
  <c r="AD1843" i="1" s="1"/>
  <c r="AC1844" i="1"/>
  <c r="AC1845" i="1"/>
  <c r="AC1846" i="1"/>
  <c r="AC1847" i="1"/>
  <c r="AC1848" i="1"/>
  <c r="AC1849" i="1"/>
  <c r="AD1849" i="1" s="1"/>
  <c r="AC1850" i="1"/>
  <c r="AC1851" i="1"/>
  <c r="AC1852" i="1"/>
  <c r="AC1853" i="1"/>
  <c r="AC1854" i="1"/>
  <c r="AC1855" i="1"/>
  <c r="AC1856" i="1"/>
  <c r="AC1857" i="1"/>
  <c r="AC1858" i="1"/>
  <c r="AC1859" i="1"/>
  <c r="AC1860" i="1"/>
  <c r="AC1861" i="1"/>
  <c r="AD1861" i="1" s="1"/>
  <c r="AC1862" i="1"/>
  <c r="AC1863" i="1"/>
  <c r="AC1864" i="1"/>
  <c r="AC1865" i="1"/>
  <c r="AC1866" i="1"/>
  <c r="AC1867" i="1"/>
  <c r="AC1868" i="1"/>
  <c r="AC1869" i="1"/>
  <c r="AC1870" i="1"/>
  <c r="AC1871" i="1"/>
  <c r="AC1872" i="1"/>
  <c r="AC1873" i="1"/>
  <c r="AD1873" i="1" s="1"/>
  <c r="AC1874" i="1"/>
  <c r="AC1875" i="1"/>
  <c r="AC1876" i="1"/>
  <c r="AC1877" i="1"/>
  <c r="AC1878" i="1"/>
  <c r="AC1879" i="1"/>
  <c r="AD1879" i="1" s="1"/>
  <c r="AC1880" i="1"/>
  <c r="AC1881" i="1"/>
  <c r="AC1882" i="1"/>
  <c r="AC1883" i="1"/>
  <c r="AC1884" i="1"/>
  <c r="AC1885" i="1"/>
  <c r="AD1885" i="1" s="1"/>
  <c r="AC1886" i="1"/>
  <c r="AC1887" i="1"/>
  <c r="AC1888" i="1"/>
  <c r="AC1889" i="1"/>
  <c r="AC1890" i="1"/>
  <c r="AC1891" i="1"/>
  <c r="AC1892" i="1"/>
  <c r="AC1893" i="1"/>
  <c r="AC1894" i="1"/>
  <c r="AC1895" i="1"/>
  <c r="AC1896" i="1"/>
  <c r="AC1897" i="1"/>
  <c r="AD1897" i="1" s="1"/>
  <c r="AC1898" i="1"/>
  <c r="AC1899" i="1"/>
  <c r="AC1900" i="1"/>
  <c r="AC1901" i="1"/>
  <c r="AC1902" i="1"/>
  <c r="AC1903" i="1"/>
  <c r="AD1903" i="1" s="1"/>
  <c r="AC1904" i="1"/>
  <c r="AC1905" i="1"/>
  <c r="AC1906" i="1"/>
  <c r="AC1907" i="1"/>
  <c r="AC1908" i="1"/>
  <c r="AC1909" i="1"/>
  <c r="AD1909" i="1" s="1"/>
  <c r="AC1910" i="1"/>
  <c r="AC1911" i="1"/>
  <c r="AC1912" i="1"/>
  <c r="AC1913" i="1"/>
  <c r="AC1914" i="1"/>
  <c r="AC1915" i="1"/>
  <c r="AD1915" i="1" s="1"/>
  <c r="AC1916" i="1"/>
  <c r="AC1917" i="1"/>
  <c r="AC1918" i="1"/>
  <c r="AC1919" i="1"/>
  <c r="AC1920" i="1"/>
  <c r="AC1921" i="1"/>
  <c r="AD1921" i="1" s="1"/>
  <c r="AC1922" i="1"/>
  <c r="AC1923" i="1"/>
  <c r="AC1924" i="1"/>
  <c r="AC1925" i="1"/>
  <c r="AC1926" i="1"/>
  <c r="AC1927" i="1"/>
  <c r="AC1928" i="1"/>
  <c r="AC1929" i="1"/>
  <c r="AC1930" i="1"/>
  <c r="AC1931" i="1"/>
  <c r="AC1932" i="1"/>
  <c r="AC1933" i="1"/>
  <c r="AD1933" i="1" s="1"/>
  <c r="AC1934" i="1"/>
  <c r="AC1935" i="1"/>
  <c r="AC1936" i="1"/>
  <c r="AC1937" i="1"/>
  <c r="AC1938" i="1"/>
  <c r="AC1939" i="1"/>
  <c r="AC1940" i="1"/>
  <c r="AC1941" i="1"/>
  <c r="AC1942" i="1"/>
  <c r="AC1943" i="1"/>
  <c r="AC1944" i="1"/>
  <c r="AC1945" i="1"/>
  <c r="AD1945" i="1" s="1"/>
  <c r="AC1946" i="1"/>
  <c r="AC1947" i="1"/>
  <c r="AC1948" i="1"/>
  <c r="AC1949" i="1"/>
  <c r="AC1950" i="1"/>
  <c r="AC1951" i="1"/>
  <c r="AC1952" i="1"/>
  <c r="AC1953" i="1"/>
  <c r="AC1954" i="1"/>
  <c r="AC1955" i="1"/>
  <c r="AC1956" i="1"/>
  <c r="AC1957" i="1"/>
  <c r="AD1957" i="1" s="1"/>
  <c r="AC1958" i="1"/>
  <c r="AC1959" i="1"/>
  <c r="AC1960" i="1"/>
  <c r="AC1961" i="1"/>
  <c r="AC1962" i="1"/>
  <c r="AC1963" i="1"/>
  <c r="AD1963" i="1" s="1"/>
  <c r="AC1964" i="1"/>
  <c r="AC1965" i="1"/>
  <c r="AC1966" i="1"/>
  <c r="AC1967" i="1"/>
  <c r="AC1968" i="1"/>
  <c r="AC1969" i="1"/>
  <c r="AD1969" i="1" s="1"/>
  <c r="AC1970" i="1"/>
  <c r="AC1971" i="1"/>
  <c r="AC1972" i="1"/>
  <c r="AC1973" i="1"/>
  <c r="AC1974" i="1"/>
  <c r="AC1975" i="1"/>
  <c r="AD1975" i="1" s="1"/>
  <c r="AC1976" i="1"/>
  <c r="AC1977" i="1"/>
  <c r="AC1978" i="1"/>
  <c r="AC1979" i="1"/>
  <c r="AC1980" i="1"/>
  <c r="AC1981" i="1"/>
  <c r="AD1981" i="1" s="1"/>
  <c r="AC1982" i="1"/>
  <c r="AC1983" i="1"/>
  <c r="AC1984" i="1"/>
  <c r="AC1985" i="1"/>
  <c r="AC1986" i="1"/>
  <c r="AC1987" i="1"/>
  <c r="AD1987" i="1" s="1"/>
  <c r="AC1988" i="1"/>
  <c r="AC1989" i="1"/>
  <c r="AC1990" i="1"/>
  <c r="AC1991" i="1"/>
  <c r="AC1992" i="1"/>
  <c r="AC1993" i="1"/>
  <c r="AD1993" i="1" s="1"/>
  <c r="AC1994" i="1"/>
  <c r="AC1995" i="1"/>
  <c r="AC1996" i="1"/>
  <c r="AC1997" i="1"/>
  <c r="AC1998" i="1"/>
  <c r="AC1999" i="1"/>
  <c r="AC2000" i="1"/>
  <c r="AC2001" i="1"/>
  <c r="AC2002" i="1"/>
  <c r="AC2003" i="1"/>
  <c r="AC2004" i="1"/>
  <c r="AC2005" i="1"/>
  <c r="AD2005" i="1" s="1"/>
  <c r="AC2006" i="1"/>
  <c r="AC2007" i="1"/>
  <c r="AC2008" i="1"/>
  <c r="AC2009" i="1"/>
  <c r="AC2010" i="1"/>
  <c r="AC2011" i="1"/>
  <c r="AC2012" i="1"/>
  <c r="AC2013" i="1"/>
  <c r="AC2014" i="1"/>
  <c r="AC2015" i="1"/>
  <c r="AC2016" i="1"/>
  <c r="AC2017" i="1"/>
  <c r="AD2017" i="1" s="1"/>
  <c r="AC2018" i="1"/>
  <c r="AC2019" i="1"/>
  <c r="AC2020" i="1"/>
  <c r="AC2021" i="1"/>
  <c r="AC2022" i="1"/>
  <c r="AC2023" i="1"/>
  <c r="AD2023" i="1" s="1"/>
  <c r="AC2024" i="1"/>
  <c r="AC2025" i="1"/>
  <c r="AC2026" i="1"/>
  <c r="AC2027" i="1"/>
  <c r="AC2028" i="1"/>
  <c r="AC2029" i="1"/>
  <c r="AD2029" i="1" s="1"/>
  <c r="AC2030" i="1"/>
  <c r="AC2031" i="1"/>
  <c r="AC2032" i="1"/>
  <c r="AC2033" i="1"/>
  <c r="AC2034" i="1"/>
  <c r="AC2035" i="1"/>
  <c r="AC2036" i="1"/>
  <c r="AC2037" i="1"/>
  <c r="AC2038" i="1"/>
  <c r="AC2039" i="1"/>
  <c r="AC2040" i="1"/>
  <c r="AC2041" i="1"/>
  <c r="AD2041" i="1" s="1"/>
  <c r="AC2042" i="1"/>
  <c r="AC2043" i="1"/>
  <c r="AC2044" i="1"/>
  <c r="AC2045" i="1"/>
  <c r="AC2046" i="1"/>
  <c r="AC2047" i="1"/>
  <c r="AD2047" i="1" s="1"/>
  <c r="AC2048" i="1"/>
  <c r="AC2049" i="1"/>
  <c r="AC2050" i="1"/>
  <c r="AC2051" i="1"/>
  <c r="AC2052" i="1"/>
  <c r="AC2053" i="1"/>
  <c r="AD2053" i="1" s="1"/>
  <c r="AC2054" i="1"/>
  <c r="AC2055" i="1"/>
  <c r="AC2056" i="1"/>
  <c r="AC2057" i="1"/>
  <c r="AC2058" i="1"/>
  <c r="AC2059" i="1"/>
  <c r="AD2059" i="1" s="1"/>
  <c r="AC2060" i="1"/>
  <c r="AC2061" i="1"/>
  <c r="AC2062" i="1"/>
  <c r="AC2063" i="1"/>
  <c r="AC2064" i="1"/>
  <c r="AC2065" i="1"/>
  <c r="AD2065" i="1" s="1"/>
  <c r="AC2066" i="1"/>
  <c r="AC2067" i="1"/>
  <c r="AC2068" i="1"/>
  <c r="AC2069" i="1"/>
  <c r="AC2070" i="1"/>
  <c r="AC2071" i="1"/>
  <c r="AC2072" i="1"/>
  <c r="AC2073" i="1"/>
  <c r="AC2074" i="1"/>
  <c r="AC2075" i="1"/>
  <c r="AC2076" i="1"/>
  <c r="AC2077" i="1"/>
  <c r="AD2077" i="1" s="1"/>
  <c r="AC2078" i="1"/>
  <c r="AC2079" i="1"/>
  <c r="AC2080" i="1"/>
  <c r="AC2081" i="1"/>
  <c r="AC2082" i="1"/>
  <c r="AC2083" i="1"/>
  <c r="AC2084" i="1"/>
  <c r="AC2085" i="1"/>
  <c r="AC2086" i="1"/>
  <c r="AC2087" i="1"/>
  <c r="AC2088" i="1"/>
  <c r="AC2089" i="1"/>
  <c r="AD2089" i="1" s="1"/>
  <c r="AC2090" i="1"/>
  <c r="AC2091" i="1"/>
  <c r="AC2092" i="1"/>
  <c r="AC2093" i="1"/>
  <c r="AC2094" i="1"/>
  <c r="AC2095" i="1"/>
  <c r="AC2096" i="1"/>
  <c r="AC2097" i="1"/>
  <c r="AC2098" i="1"/>
  <c r="AC2099" i="1"/>
  <c r="AC2100" i="1"/>
  <c r="AC2101" i="1"/>
  <c r="AD2101" i="1" s="1"/>
  <c r="AC2102" i="1"/>
  <c r="AC2103" i="1"/>
  <c r="AC2104" i="1"/>
  <c r="AC2105" i="1"/>
  <c r="AC2106" i="1"/>
  <c r="AC2107" i="1"/>
  <c r="AD2107" i="1" s="1"/>
  <c r="AC2108" i="1"/>
  <c r="AC2109" i="1"/>
  <c r="AC2110" i="1"/>
  <c r="AC2111" i="1"/>
  <c r="AC2112" i="1"/>
  <c r="AC2113" i="1"/>
  <c r="AD2113" i="1" s="1"/>
  <c r="AC2114" i="1"/>
  <c r="AC2115" i="1"/>
  <c r="AC2116" i="1"/>
  <c r="AC2117" i="1"/>
  <c r="AC2118" i="1"/>
  <c r="AC2119" i="1"/>
  <c r="AD2119" i="1" s="1"/>
  <c r="AC2120" i="1"/>
  <c r="AC2121" i="1"/>
  <c r="AC2122" i="1"/>
  <c r="AC2123" i="1"/>
  <c r="AC2124" i="1"/>
  <c r="AC2125" i="1"/>
  <c r="AD2125" i="1" s="1"/>
  <c r="AC2126" i="1"/>
  <c r="AC2127" i="1"/>
  <c r="AC2128" i="1"/>
  <c r="AC2129" i="1"/>
  <c r="AC2130" i="1"/>
  <c r="AC2131" i="1"/>
  <c r="AD2131" i="1" s="1"/>
  <c r="AC2132" i="1"/>
  <c r="AC2133" i="1"/>
  <c r="AC2134" i="1"/>
  <c r="AC2135" i="1"/>
  <c r="AC2136" i="1"/>
  <c r="AC2137" i="1"/>
  <c r="AD2137" i="1" s="1"/>
  <c r="AC2138" i="1"/>
  <c r="AC2139" i="1"/>
  <c r="AC2140" i="1"/>
  <c r="AC2141" i="1"/>
  <c r="AC2142" i="1"/>
  <c r="AC2143" i="1"/>
  <c r="AC2144" i="1"/>
  <c r="AC2145" i="1"/>
  <c r="AC2146" i="1"/>
  <c r="AC2147" i="1"/>
  <c r="AC2148" i="1"/>
  <c r="AC2149" i="1"/>
  <c r="AD2149" i="1" s="1"/>
  <c r="AC2150" i="1"/>
  <c r="AC2151" i="1"/>
  <c r="AC2152" i="1"/>
  <c r="AC2153" i="1"/>
  <c r="AC2154" i="1"/>
  <c r="AC2155" i="1"/>
  <c r="AC2156" i="1"/>
  <c r="AC2157" i="1"/>
  <c r="AC2158" i="1"/>
  <c r="AC2159" i="1"/>
  <c r="AC2160" i="1"/>
  <c r="AC2161" i="1"/>
  <c r="AD2161" i="1" s="1"/>
  <c r="AC2162" i="1"/>
  <c r="AC2163" i="1"/>
  <c r="AC2164" i="1"/>
  <c r="AC2165" i="1"/>
  <c r="AC2166" i="1"/>
  <c r="AC2167" i="1"/>
  <c r="AD2167" i="1" s="1"/>
  <c r="AC2168" i="1"/>
  <c r="AC2169" i="1"/>
  <c r="AC2170" i="1"/>
  <c r="AC2171" i="1"/>
  <c r="AC2172" i="1"/>
  <c r="AC2173" i="1"/>
  <c r="AD2173" i="1" s="1"/>
  <c r="AC2174" i="1"/>
  <c r="AC2175" i="1"/>
  <c r="AC2176" i="1"/>
  <c r="AC2177" i="1"/>
  <c r="AC2178" i="1"/>
  <c r="AC2179" i="1"/>
  <c r="AC2180" i="1"/>
  <c r="AC2181" i="1"/>
  <c r="AC2182" i="1"/>
  <c r="AC2183" i="1"/>
  <c r="AC2184" i="1"/>
  <c r="AC2185" i="1"/>
  <c r="AD2185" i="1" s="1"/>
  <c r="AC2186" i="1"/>
  <c r="AC2187" i="1"/>
  <c r="AC2188" i="1"/>
  <c r="AC2189" i="1"/>
  <c r="AC2190" i="1"/>
  <c r="AC2191" i="1"/>
  <c r="AD2191" i="1" s="1"/>
  <c r="AC2192" i="1"/>
  <c r="AC2193" i="1"/>
  <c r="AC2194" i="1"/>
  <c r="AC2195" i="1"/>
  <c r="AC2196" i="1"/>
  <c r="AC2197" i="1"/>
  <c r="AD2197" i="1" s="1"/>
  <c r="AC2198" i="1"/>
  <c r="AC2199" i="1"/>
  <c r="AC2200" i="1"/>
  <c r="AC2201" i="1"/>
  <c r="AC2202" i="1"/>
  <c r="AC2203" i="1"/>
  <c r="AD2203" i="1" s="1"/>
  <c r="AC2204" i="1"/>
  <c r="AC2205" i="1"/>
  <c r="AC2206" i="1"/>
  <c r="AC2207" i="1"/>
  <c r="AC2208" i="1"/>
  <c r="AC2209" i="1"/>
  <c r="AD2209" i="1" s="1"/>
  <c r="AC2210" i="1"/>
  <c r="AC2211" i="1"/>
  <c r="AC2212" i="1"/>
  <c r="AC2213" i="1"/>
  <c r="AC2214" i="1"/>
  <c r="AC2215" i="1"/>
  <c r="AC2216" i="1"/>
  <c r="AC2217" i="1"/>
  <c r="AC2218" i="1"/>
  <c r="AC2219" i="1"/>
  <c r="AC2220" i="1"/>
  <c r="AC2221" i="1"/>
  <c r="AD2221" i="1" s="1"/>
  <c r="AC2222" i="1"/>
  <c r="AC2223" i="1"/>
  <c r="AC2224" i="1"/>
  <c r="AC2225" i="1"/>
  <c r="AC2226" i="1"/>
  <c r="AC2227" i="1"/>
  <c r="AC2228" i="1"/>
  <c r="AC2229" i="1"/>
  <c r="AC2230" i="1"/>
  <c r="AC2231" i="1"/>
  <c r="AC2232" i="1"/>
  <c r="AC2233" i="1"/>
  <c r="AD2233" i="1" s="1"/>
  <c r="AC2234" i="1"/>
  <c r="AC2235" i="1"/>
  <c r="AC2236" i="1"/>
  <c r="AC2237" i="1"/>
  <c r="AC2238" i="1"/>
  <c r="AC2239" i="1"/>
  <c r="AC2240" i="1"/>
  <c r="AC2241" i="1"/>
  <c r="AC2242" i="1"/>
  <c r="AC2243" i="1"/>
  <c r="AC2244" i="1"/>
  <c r="AC2245" i="1"/>
  <c r="AD2245" i="1" s="1"/>
  <c r="AC2246" i="1"/>
  <c r="AC2247" i="1"/>
  <c r="AC2248" i="1"/>
  <c r="AC2249" i="1"/>
  <c r="AC2250" i="1"/>
  <c r="AC2251" i="1"/>
  <c r="AD2251" i="1" s="1"/>
  <c r="AC2252" i="1"/>
  <c r="AC2253" i="1"/>
  <c r="AC2254" i="1"/>
  <c r="AC2255" i="1"/>
  <c r="AC2256" i="1"/>
  <c r="AC2257" i="1"/>
  <c r="AD2257" i="1" s="1"/>
  <c r="AC2258" i="1"/>
  <c r="AC2259" i="1"/>
  <c r="AC2260" i="1"/>
  <c r="AC2261" i="1"/>
  <c r="AC2262" i="1"/>
  <c r="AC2263" i="1"/>
  <c r="AD2263" i="1" s="1"/>
  <c r="AC2264" i="1"/>
  <c r="AC2265" i="1"/>
  <c r="AC2266" i="1"/>
  <c r="AC2267" i="1"/>
  <c r="AC2268" i="1"/>
  <c r="AC2269" i="1"/>
  <c r="AD2269" i="1" s="1"/>
  <c r="AC2270" i="1"/>
  <c r="AC2271" i="1"/>
  <c r="AC2272" i="1"/>
  <c r="AC2273" i="1"/>
  <c r="AC2274" i="1"/>
  <c r="AC2275" i="1"/>
  <c r="AD2275" i="1" s="1"/>
  <c r="AC2276" i="1"/>
  <c r="AC2277" i="1"/>
  <c r="AC2278" i="1"/>
  <c r="AC2279" i="1"/>
  <c r="AC2280" i="1"/>
  <c r="AC2281" i="1"/>
  <c r="AD2281" i="1" s="1"/>
  <c r="AC2282" i="1"/>
  <c r="AC2283" i="1"/>
  <c r="AC2284" i="1"/>
  <c r="AC2285" i="1"/>
  <c r="AC2286" i="1"/>
  <c r="AC2287" i="1"/>
  <c r="AC2288" i="1"/>
  <c r="AC2289" i="1"/>
  <c r="AC2290" i="1"/>
  <c r="AC2291" i="1"/>
  <c r="AC2292" i="1"/>
  <c r="AC2293" i="1"/>
  <c r="AD2293" i="1" s="1"/>
  <c r="AC2294" i="1"/>
  <c r="AC2295" i="1"/>
  <c r="AC2296" i="1"/>
  <c r="AC2297" i="1"/>
  <c r="AC2298" i="1"/>
  <c r="AC2299" i="1"/>
  <c r="AC2300" i="1"/>
  <c r="AC2301" i="1"/>
  <c r="AC2302" i="1"/>
  <c r="AC2303" i="1"/>
  <c r="AC2304" i="1"/>
  <c r="AC2305" i="1"/>
  <c r="AD2305" i="1" s="1"/>
  <c r="AC2306" i="1"/>
  <c r="AC2307" i="1"/>
  <c r="AC2308" i="1"/>
  <c r="AC2309" i="1"/>
  <c r="AC2310" i="1"/>
  <c r="AC2311" i="1"/>
  <c r="AD2311" i="1" s="1"/>
  <c r="AC2312" i="1"/>
  <c r="AC2313" i="1"/>
  <c r="AC2314" i="1"/>
  <c r="AC2315" i="1"/>
  <c r="AC2316" i="1"/>
  <c r="AC2317" i="1"/>
  <c r="AD2317" i="1" s="1"/>
  <c r="AC2318" i="1"/>
  <c r="AC2319" i="1"/>
  <c r="AC2320" i="1"/>
  <c r="AC2321" i="1"/>
  <c r="AC2322" i="1"/>
  <c r="AC2323" i="1"/>
  <c r="AC2324" i="1"/>
  <c r="AC2325" i="1"/>
  <c r="AC2326" i="1"/>
  <c r="AC2327" i="1"/>
  <c r="AC2328" i="1"/>
  <c r="AC2329" i="1"/>
  <c r="AD2329" i="1" s="1"/>
  <c r="AC2330" i="1"/>
  <c r="AC2331" i="1"/>
  <c r="AC2332" i="1"/>
  <c r="AC2333" i="1"/>
  <c r="AC2334" i="1"/>
  <c r="AC2335" i="1"/>
  <c r="AD2335" i="1" s="1"/>
  <c r="AC2336" i="1"/>
  <c r="AC2337" i="1"/>
  <c r="AC2338" i="1"/>
  <c r="AC2339" i="1"/>
  <c r="AC2340" i="1"/>
  <c r="AC2341" i="1"/>
  <c r="AD2341" i="1" s="1"/>
  <c r="AC2342" i="1"/>
  <c r="AC2343" i="1"/>
  <c r="AC2344" i="1"/>
  <c r="AC2345" i="1"/>
  <c r="AC2346" i="1"/>
  <c r="AC2347" i="1"/>
  <c r="AD2347" i="1" s="1"/>
  <c r="AC2348" i="1"/>
  <c r="AC2349" i="1"/>
  <c r="AC2350" i="1"/>
  <c r="AC2351" i="1"/>
  <c r="AC2352" i="1"/>
  <c r="AC2353" i="1"/>
  <c r="AD2353" i="1" s="1"/>
  <c r="AC2354" i="1"/>
  <c r="AC2355" i="1"/>
  <c r="AC2356" i="1"/>
  <c r="AC2357" i="1"/>
  <c r="AC2358" i="1"/>
  <c r="AC2359" i="1"/>
  <c r="AC2360" i="1"/>
  <c r="AC2361" i="1"/>
  <c r="AC2362" i="1"/>
  <c r="AC2363" i="1"/>
  <c r="AC2364" i="1"/>
  <c r="AC2365" i="1"/>
  <c r="AD2365" i="1" s="1"/>
  <c r="AC2366" i="1"/>
  <c r="AC2367" i="1"/>
  <c r="AC2368" i="1"/>
  <c r="AC2369" i="1"/>
  <c r="AC2370" i="1"/>
  <c r="AC2371" i="1"/>
  <c r="AC2372" i="1"/>
  <c r="AC2373" i="1"/>
  <c r="AC2374" i="1"/>
  <c r="AC2375" i="1"/>
  <c r="AC2376" i="1"/>
  <c r="AC2377" i="1"/>
  <c r="AD2377" i="1" s="1"/>
  <c r="AC2378" i="1"/>
  <c r="AC2379" i="1"/>
  <c r="AC2380" i="1"/>
  <c r="AC2381" i="1"/>
  <c r="AC2382" i="1"/>
  <c r="AC2383" i="1"/>
  <c r="AC2384" i="1"/>
  <c r="AC2385" i="1"/>
  <c r="AC2386" i="1"/>
  <c r="AC2387" i="1"/>
  <c r="AC2388" i="1"/>
  <c r="AC2389" i="1"/>
  <c r="AD2389" i="1" s="1"/>
  <c r="AC2390" i="1"/>
  <c r="AC2391" i="1"/>
  <c r="AC2392" i="1"/>
  <c r="AC2393" i="1"/>
  <c r="AC2394" i="1"/>
  <c r="AC2395" i="1"/>
  <c r="AD2395" i="1" s="1"/>
  <c r="AC2396" i="1"/>
  <c r="AC2397" i="1"/>
  <c r="AC2398" i="1"/>
  <c r="AC2399" i="1"/>
  <c r="AC2400" i="1"/>
  <c r="AC2401" i="1"/>
  <c r="AD2401" i="1" s="1"/>
  <c r="AC2402" i="1"/>
  <c r="AC2403" i="1"/>
  <c r="AC2404" i="1"/>
  <c r="AC2405" i="1"/>
  <c r="AC2406" i="1"/>
  <c r="AC2407" i="1"/>
  <c r="AD2407" i="1" s="1"/>
  <c r="AC2408" i="1"/>
  <c r="AC2409" i="1"/>
  <c r="AC2410" i="1"/>
  <c r="AC2411" i="1"/>
  <c r="AC2412" i="1"/>
  <c r="AC2413" i="1"/>
  <c r="AD2413" i="1" s="1"/>
  <c r="AC2414" i="1"/>
  <c r="AC2415" i="1"/>
  <c r="AC2416" i="1"/>
  <c r="AC2417" i="1"/>
  <c r="AC2418" i="1"/>
  <c r="AC2419" i="1"/>
  <c r="AD2419" i="1" s="1"/>
  <c r="AC2420" i="1"/>
  <c r="AC2421" i="1"/>
  <c r="AC2422" i="1"/>
  <c r="AC2423" i="1"/>
  <c r="AC2424" i="1"/>
  <c r="AC2425" i="1"/>
  <c r="AD2425" i="1" s="1"/>
  <c r="AC2426" i="1"/>
  <c r="AC2427" i="1"/>
  <c r="AC2428" i="1"/>
  <c r="AC2429" i="1"/>
  <c r="AC2430" i="1"/>
  <c r="AC2431" i="1"/>
  <c r="AC2432" i="1"/>
  <c r="AC2433" i="1"/>
  <c r="AC2434" i="1"/>
  <c r="AC2435" i="1"/>
  <c r="AC2436" i="1"/>
  <c r="AC2437" i="1"/>
  <c r="AD2437" i="1" s="1"/>
  <c r="AC2438" i="1"/>
  <c r="AC2439" i="1"/>
  <c r="AC2440" i="1"/>
  <c r="AC2441" i="1"/>
  <c r="AC2442" i="1"/>
  <c r="AC2443" i="1"/>
  <c r="AC2444" i="1"/>
  <c r="AC2445" i="1"/>
  <c r="AC2446" i="1"/>
  <c r="AC2447" i="1"/>
  <c r="AC2448" i="1"/>
  <c r="AC2449" i="1"/>
  <c r="AD2449" i="1" s="1"/>
  <c r="AC2450" i="1"/>
  <c r="AC2451" i="1"/>
  <c r="AC2452" i="1"/>
  <c r="AC2453" i="1"/>
  <c r="AC2454" i="1"/>
  <c r="AC2455" i="1"/>
  <c r="AD2455" i="1" s="1"/>
  <c r="AC2456" i="1"/>
  <c r="AC2457" i="1"/>
  <c r="AC2458" i="1"/>
  <c r="AC2459" i="1"/>
  <c r="AC2460" i="1"/>
  <c r="AC2461" i="1"/>
  <c r="AD2461" i="1" s="1"/>
  <c r="AC2462" i="1"/>
  <c r="AC2463" i="1"/>
  <c r="AC2464" i="1"/>
  <c r="AC2465" i="1"/>
  <c r="AC2466" i="1"/>
  <c r="AC2467" i="1"/>
  <c r="AC2468" i="1"/>
  <c r="AC2469" i="1"/>
  <c r="AC2470" i="1"/>
  <c r="AC2471" i="1"/>
  <c r="AC2472" i="1"/>
  <c r="AC2473" i="1"/>
  <c r="AD2473" i="1" s="1"/>
  <c r="AC2474" i="1"/>
  <c r="AC2475" i="1"/>
  <c r="AC2476" i="1"/>
  <c r="AC2477" i="1"/>
  <c r="AC2478" i="1"/>
  <c r="AC2479" i="1"/>
  <c r="AD2479" i="1" s="1"/>
  <c r="AC2480" i="1"/>
  <c r="AC2481" i="1"/>
  <c r="AC2482" i="1"/>
  <c r="AC2483" i="1"/>
  <c r="AC2484" i="1"/>
  <c r="AC2485" i="1"/>
  <c r="AD2485" i="1" s="1"/>
  <c r="AC2486" i="1"/>
  <c r="AC2487" i="1"/>
  <c r="AC2488" i="1"/>
  <c r="AC2489" i="1"/>
  <c r="AC2490" i="1"/>
  <c r="AC2491" i="1"/>
  <c r="AD2491" i="1" s="1"/>
  <c r="AC2492" i="1"/>
  <c r="AC2493" i="1"/>
  <c r="AC2494" i="1"/>
  <c r="AC2495" i="1"/>
  <c r="AC2496" i="1"/>
  <c r="AC2497" i="1"/>
  <c r="AD2497" i="1" s="1"/>
  <c r="AC2498" i="1"/>
  <c r="AC2499" i="1"/>
  <c r="AC2500" i="1"/>
  <c r="AC2501" i="1"/>
  <c r="AC2502" i="1"/>
  <c r="AC2503" i="1"/>
  <c r="AC2504" i="1"/>
  <c r="AC2505" i="1"/>
  <c r="AC2506" i="1"/>
  <c r="AC2507" i="1"/>
  <c r="AC2508" i="1"/>
  <c r="AC2509" i="1"/>
  <c r="AD2509" i="1" s="1"/>
  <c r="AC2510" i="1"/>
  <c r="AC2511" i="1"/>
  <c r="AC2512" i="1"/>
  <c r="AC2513" i="1"/>
  <c r="AC2514" i="1"/>
  <c r="AC2515" i="1"/>
  <c r="AC2516" i="1"/>
  <c r="AC2517" i="1"/>
  <c r="AC2518" i="1"/>
  <c r="AC2519" i="1"/>
  <c r="AC2520" i="1"/>
  <c r="AC2521" i="1"/>
  <c r="AD2521" i="1" s="1"/>
  <c r="AC2522" i="1"/>
  <c r="AC2523" i="1"/>
  <c r="AC2524" i="1"/>
  <c r="AC2525" i="1"/>
  <c r="AC2526" i="1"/>
  <c r="AC2527" i="1"/>
  <c r="AC2528" i="1"/>
  <c r="AC2529" i="1"/>
  <c r="AC2530" i="1"/>
  <c r="AC2531" i="1"/>
  <c r="AC2532" i="1"/>
  <c r="AC2533" i="1"/>
  <c r="AD2533" i="1" s="1"/>
  <c r="AC2534" i="1"/>
  <c r="AC2535" i="1"/>
  <c r="AC2536" i="1"/>
  <c r="AC2537" i="1"/>
  <c r="AC2538" i="1"/>
  <c r="AC2539" i="1"/>
  <c r="AD2539" i="1" s="1"/>
  <c r="AC2540" i="1"/>
  <c r="AC2541" i="1"/>
  <c r="AC2542" i="1"/>
  <c r="AC2543" i="1"/>
  <c r="AC2544" i="1"/>
  <c r="AC2545" i="1"/>
  <c r="AD2545" i="1" s="1"/>
  <c r="AC2546" i="1"/>
  <c r="AC2547" i="1"/>
  <c r="AC2548" i="1"/>
  <c r="AC2549" i="1"/>
  <c r="AC2550" i="1"/>
  <c r="AC2551" i="1"/>
  <c r="AD2551" i="1" s="1"/>
  <c r="AC2552" i="1"/>
  <c r="AC2553" i="1"/>
  <c r="AC2554" i="1"/>
  <c r="AC2555" i="1"/>
  <c r="AC2556" i="1"/>
  <c r="AC2557" i="1"/>
  <c r="AD2557" i="1" s="1"/>
  <c r="AC2558" i="1"/>
  <c r="AC2559" i="1"/>
  <c r="AC2560" i="1"/>
  <c r="AC2561" i="1"/>
  <c r="AC2562" i="1"/>
  <c r="AC2563" i="1"/>
  <c r="AD2563" i="1" s="1"/>
  <c r="AC2564" i="1"/>
  <c r="AC2565" i="1"/>
  <c r="AC2566" i="1"/>
  <c r="AC2567" i="1"/>
  <c r="AC2568" i="1"/>
  <c r="AC2569" i="1"/>
  <c r="AD2569" i="1" s="1"/>
  <c r="AC2570" i="1"/>
  <c r="AC2571" i="1"/>
  <c r="AC2572" i="1"/>
  <c r="AC2573" i="1"/>
  <c r="AC2574" i="1"/>
  <c r="AC2575" i="1"/>
  <c r="AC2576" i="1"/>
  <c r="AC2577" i="1"/>
  <c r="AC2578" i="1"/>
  <c r="AC2579" i="1"/>
  <c r="AC2580" i="1"/>
  <c r="AC2581" i="1"/>
  <c r="AD2581" i="1" s="1"/>
  <c r="AC2582" i="1"/>
  <c r="AC2583" i="1"/>
  <c r="AC2584" i="1"/>
  <c r="AC2585" i="1"/>
  <c r="AC2586" i="1"/>
  <c r="AC2587" i="1"/>
  <c r="AC2588" i="1"/>
  <c r="AC2589" i="1"/>
  <c r="AC2590" i="1"/>
  <c r="AC2591" i="1"/>
  <c r="AC2592" i="1"/>
  <c r="AC2593" i="1"/>
  <c r="AD2593" i="1" s="1"/>
  <c r="AC2594" i="1"/>
  <c r="AC2595" i="1"/>
  <c r="AC2596" i="1"/>
  <c r="AC2597" i="1"/>
  <c r="AC2598" i="1"/>
  <c r="AC2599" i="1"/>
  <c r="AD2599" i="1" s="1"/>
  <c r="AC2600" i="1"/>
  <c r="AC2601" i="1"/>
  <c r="AC2602" i="1"/>
  <c r="AC2603" i="1"/>
  <c r="AC2604" i="1"/>
  <c r="AC2605" i="1"/>
  <c r="AD2605" i="1" s="1"/>
  <c r="AC2606" i="1"/>
  <c r="AC2607" i="1"/>
  <c r="AC2608" i="1"/>
  <c r="AC2609" i="1"/>
  <c r="AC2610" i="1"/>
  <c r="AC2611" i="1"/>
  <c r="AC2612" i="1"/>
  <c r="AC2613" i="1"/>
  <c r="AC2614" i="1"/>
  <c r="AC2615" i="1"/>
  <c r="AC2616" i="1"/>
  <c r="AC2617" i="1"/>
  <c r="AD2617" i="1" s="1"/>
  <c r="AC2618" i="1"/>
  <c r="AC2619" i="1"/>
  <c r="AC2620" i="1"/>
  <c r="AC2621" i="1"/>
  <c r="AC2622" i="1"/>
  <c r="AC2623" i="1"/>
  <c r="AD2623" i="1" s="1"/>
  <c r="AC2624" i="1"/>
  <c r="AC2625" i="1"/>
  <c r="AC2626" i="1"/>
  <c r="AC2627" i="1"/>
  <c r="AC2628" i="1"/>
  <c r="AC2629" i="1"/>
  <c r="AD2629" i="1" s="1"/>
  <c r="AC2630" i="1"/>
  <c r="AC2631" i="1"/>
  <c r="AC2632" i="1"/>
  <c r="AC2633" i="1"/>
  <c r="AC2634" i="1"/>
  <c r="AC2635" i="1"/>
  <c r="AD2635" i="1" s="1"/>
  <c r="AC2636" i="1"/>
  <c r="AC2637" i="1"/>
  <c r="AC2638" i="1"/>
  <c r="AC2639" i="1"/>
  <c r="AC2640" i="1"/>
  <c r="AC2641" i="1"/>
  <c r="AD2641" i="1" s="1"/>
  <c r="AC2642" i="1"/>
  <c r="AC2643" i="1"/>
  <c r="AC2644" i="1"/>
  <c r="AC2645" i="1"/>
  <c r="AC2646" i="1"/>
  <c r="AC2647" i="1"/>
  <c r="AC2648" i="1"/>
  <c r="AC2649" i="1"/>
  <c r="AC2650" i="1"/>
  <c r="AC2651" i="1"/>
  <c r="AC2652" i="1"/>
  <c r="AC2653" i="1"/>
  <c r="AD2653" i="1" s="1"/>
  <c r="AC2654" i="1"/>
  <c r="AC2655" i="1"/>
  <c r="AC2656" i="1"/>
  <c r="AC2657" i="1"/>
  <c r="AC2658" i="1"/>
  <c r="AC2659" i="1"/>
  <c r="AC2660" i="1"/>
  <c r="AC2661" i="1"/>
  <c r="AC2662" i="1"/>
  <c r="AC2663" i="1"/>
  <c r="AC2664" i="1"/>
  <c r="AC2665" i="1"/>
  <c r="AD2665" i="1" s="1"/>
  <c r="AC2666" i="1"/>
  <c r="AC2667" i="1"/>
  <c r="AC2668" i="1"/>
  <c r="AC2669" i="1"/>
  <c r="AC2670" i="1"/>
  <c r="AC2671" i="1"/>
  <c r="AC2672" i="1"/>
  <c r="AC2673" i="1"/>
  <c r="AC2674" i="1"/>
  <c r="AC2675" i="1"/>
  <c r="AC2676" i="1"/>
  <c r="AC2677" i="1"/>
  <c r="AD2677" i="1" s="1"/>
  <c r="AC2678" i="1"/>
  <c r="AC2679" i="1"/>
  <c r="AC2680" i="1"/>
  <c r="AC2681" i="1"/>
  <c r="AC2682" i="1"/>
  <c r="AC2683" i="1"/>
  <c r="AD2683" i="1" s="1"/>
  <c r="AC2684" i="1"/>
  <c r="AC2685" i="1"/>
  <c r="AC2686" i="1"/>
  <c r="AC2687" i="1"/>
  <c r="AC2688" i="1"/>
  <c r="AC2689" i="1"/>
  <c r="AD2689" i="1" s="1"/>
  <c r="AC2690" i="1"/>
  <c r="AC2691" i="1"/>
  <c r="AC2692" i="1"/>
  <c r="AC2693" i="1"/>
  <c r="AC2694" i="1"/>
  <c r="AC2695" i="1"/>
  <c r="AD2695" i="1" s="1"/>
  <c r="AC2696" i="1"/>
  <c r="AC2697" i="1"/>
  <c r="AC2698" i="1"/>
  <c r="AC2699" i="1"/>
  <c r="AC2700" i="1"/>
  <c r="AC2701" i="1"/>
  <c r="AD2701" i="1" s="1"/>
  <c r="AC2702" i="1"/>
  <c r="AC2703" i="1"/>
  <c r="AC2704" i="1"/>
  <c r="AC2705" i="1"/>
  <c r="AC2706" i="1"/>
  <c r="AC2707" i="1"/>
  <c r="AD2707" i="1" s="1"/>
  <c r="AC2708" i="1"/>
  <c r="AC2709" i="1"/>
  <c r="AC2710" i="1"/>
  <c r="AC2711" i="1"/>
  <c r="AC2712" i="1"/>
  <c r="AC2713" i="1"/>
  <c r="AD2713" i="1" s="1"/>
  <c r="AC2714" i="1"/>
  <c r="AC2715" i="1"/>
  <c r="AC2716" i="1"/>
  <c r="AC2717" i="1"/>
  <c r="AC2718" i="1"/>
  <c r="AC2719" i="1"/>
  <c r="AC2720" i="1"/>
  <c r="AC2721" i="1"/>
  <c r="AC2722" i="1"/>
  <c r="AC2723" i="1"/>
  <c r="AC2724" i="1"/>
  <c r="AC2725" i="1"/>
  <c r="AD2725" i="1" s="1"/>
  <c r="AC2726" i="1"/>
  <c r="AC2727" i="1"/>
  <c r="AC2728" i="1"/>
  <c r="AC2729" i="1"/>
  <c r="AC2730" i="1"/>
  <c r="AC2731" i="1"/>
  <c r="AC2732" i="1"/>
  <c r="AC2733" i="1"/>
  <c r="AC2734" i="1"/>
  <c r="AC2735" i="1"/>
  <c r="AC2736" i="1"/>
  <c r="AC2737" i="1"/>
  <c r="AD2737" i="1" s="1"/>
  <c r="AC2738" i="1"/>
  <c r="AC2739" i="1"/>
  <c r="AC2740" i="1"/>
  <c r="AC2741" i="1"/>
  <c r="AC2742" i="1"/>
  <c r="AC2743" i="1"/>
  <c r="AD2743" i="1" s="1"/>
  <c r="AC2744" i="1"/>
  <c r="AC2745" i="1"/>
  <c r="AC2746" i="1"/>
  <c r="AC2747" i="1"/>
  <c r="AC2748" i="1"/>
  <c r="AC2749" i="1"/>
  <c r="AD2749" i="1" s="1"/>
  <c r="AC2750" i="1"/>
  <c r="AC2751" i="1"/>
  <c r="AC2752" i="1"/>
  <c r="AC2753" i="1"/>
  <c r="AC2754" i="1"/>
  <c r="AC2755" i="1"/>
  <c r="AC2756" i="1"/>
  <c r="AC2757" i="1"/>
  <c r="AC2758" i="1"/>
  <c r="AC2759" i="1"/>
  <c r="AC2760" i="1"/>
  <c r="AC2761" i="1"/>
  <c r="AD2761" i="1" s="1"/>
  <c r="AC2762" i="1"/>
  <c r="AC2763" i="1"/>
  <c r="AC2764" i="1"/>
  <c r="AC2765" i="1"/>
  <c r="AC2766" i="1"/>
  <c r="AC2767" i="1"/>
  <c r="AD2767" i="1" s="1"/>
  <c r="AC2768" i="1"/>
  <c r="AC2769" i="1"/>
  <c r="AC2770" i="1"/>
  <c r="AC2771" i="1"/>
  <c r="AC2772" i="1"/>
  <c r="AC2773" i="1"/>
  <c r="AD2773" i="1" s="1"/>
  <c r="AC2774" i="1"/>
  <c r="AC2775" i="1"/>
  <c r="AC2776" i="1"/>
  <c r="AC2777" i="1"/>
  <c r="AC2778" i="1"/>
  <c r="AC2779" i="1"/>
  <c r="AD2779" i="1" s="1"/>
  <c r="AC2780" i="1"/>
  <c r="AC2781" i="1"/>
  <c r="AC2782" i="1"/>
  <c r="AC2783" i="1"/>
  <c r="AC2784" i="1"/>
  <c r="AC2785" i="1"/>
  <c r="AD2785" i="1" s="1"/>
  <c r="AC2786" i="1"/>
  <c r="AC2787" i="1"/>
  <c r="AC2788" i="1"/>
  <c r="AC2789" i="1"/>
  <c r="AC2790" i="1"/>
  <c r="AC2791" i="1"/>
  <c r="AC2792" i="1"/>
  <c r="AC2793" i="1"/>
  <c r="AC2794" i="1"/>
  <c r="AC2795" i="1"/>
  <c r="AC2796" i="1"/>
  <c r="AC2797" i="1"/>
  <c r="AD2797" i="1" s="1"/>
  <c r="AC2798" i="1"/>
  <c r="AC2799" i="1"/>
  <c r="AC2800" i="1"/>
  <c r="AC2801" i="1"/>
  <c r="AC2802" i="1"/>
  <c r="AC2803" i="1"/>
  <c r="AC2804" i="1"/>
  <c r="AC2805" i="1"/>
  <c r="AC2806" i="1"/>
  <c r="AC2807" i="1"/>
  <c r="AC2808" i="1"/>
  <c r="AC2809" i="1"/>
  <c r="AD2809" i="1" s="1"/>
  <c r="AC2810" i="1"/>
  <c r="AC2811" i="1"/>
  <c r="AC2812" i="1"/>
  <c r="AC2813" i="1"/>
  <c r="AC2814" i="1"/>
  <c r="AC2815" i="1"/>
  <c r="AC2816" i="1"/>
  <c r="AC2817" i="1"/>
  <c r="AC2818" i="1"/>
  <c r="AC2819" i="1"/>
  <c r="AC2820" i="1"/>
  <c r="AC2821" i="1"/>
  <c r="AD2821" i="1" s="1"/>
  <c r="AC2822" i="1"/>
  <c r="AC2823" i="1"/>
  <c r="AC2824" i="1"/>
  <c r="AC2825" i="1"/>
  <c r="AC2826" i="1"/>
  <c r="AC2827" i="1"/>
  <c r="AD2827" i="1" s="1"/>
  <c r="AC2828" i="1"/>
  <c r="AC2829" i="1"/>
  <c r="AC2830" i="1"/>
  <c r="AC2831" i="1"/>
  <c r="AC2832" i="1"/>
  <c r="AC2833" i="1"/>
  <c r="AD2833" i="1" s="1"/>
  <c r="AC2834" i="1"/>
  <c r="AC2835" i="1"/>
  <c r="AC2836" i="1"/>
  <c r="AC2837" i="1"/>
  <c r="AC2838" i="1"/>
  <c r="AC2839" i="1"/>
  <c r="AD2839" i="1" s="1"/>
  <c r="AC2840" i="1"/>
  <c r="AC2841" i="1"/>
  <c r="AC2842" i="1"/>
  <c r="AC2843" i="1"/>
  <c r="AC2844" i="1"/>
  <c r="AC2845" i="1"/>
  <c r="AD2845" i="1" s="1"/>
  <c r="AC2846" i="1"/>
  <c r="AC2847" i="1"/>
  <c r="AC2848" i="1"/>
  <c r="AC2849" i="1"/>
  <c r="AC2850" i="1"/>
  <c r="AC2851" i="1"/>
  <c r="AD2851" i="1" s="1"/>
  <c r="AC2852" i="1"/>
  <c r="AC2853" i="1"/>
  <c r="AC2854" i="1"/>
  <c r="AC2855" i="1"/>
  <c r="AC2856" i="1"/>
  <c r="AC2857" i="1"/>
  <c r="AD2857" i="1" s="1"/>
  <c r="AC2858" i="1"/>
  <c r="AC2859" i="1"/>
  <c r="AC2860" i="1"/>
  <c r="AC2861" i="1"/>
  <c r="AC2862" i="1"/>
  <c r="AC2863" i="1"/>
  <c r="AC2864" i="1"/>
  <c r="AC2865" i="1"/>
  <c r="AC2866" i="1"/>
  <c r="AC2867" i="1"/>
  <c r="AC2868" i="1"/>
  <c r="AC2869" i="1"/>
  <c r="AD2869" i="1" s="1"/>
  <c r="AC2870" i="1"/>
  <c r="AC2871" i="1"/>
  <c r="AC2872" i="1"/>
  <c r="AC2873" i="1"/>
  <c r="AC2874" i="1"/>
  <c r="AC2875" i="1"/>
  <c r="AC2876" i="1"/>
  <c r="AC2877" i="1"/>
  <c r="AC2878" i="1"/>
  <c r="AC2879" i="1"/>
  <c r="AC2880" i="1"/>
  <c r="AC2881" i="1"/>
  <c r="AD2881" i="1" s="1"/>
  <c r="AC2882" i="1"/>
  <c r="AC2883" i="1"/>
  <c r="AC2884" i="1"/>
  <c r="AC2885" i="1"/>
  <c r="AC2886" i="1"/>
  <c r="AC2887" i="1"/>
  <c r="AD2887" i="1" s="1"/>
  <c r="AC2888" i="1"/>
  <c r="AC2889" i="1"/>
  <c r="AC2890" i="1"/>
  <c r="AC2891" i="1"/>
  <c r="AC2892" i="1"/>
  <c r="AC2893" i="1"/>
  <c r="AD2893" i="1" s="1"/>
  <c r="AC2894" i="1"/>
  <c r="AC2895" i="1"/>
  <c r="AC2896" i="1"/>
  <c r="AC2897" i="1"/>
  <c r="AC2898" i="1"/>
  <c r="AC2899" i="1"/>
  <c r="AC2900" i="1"/>
  <c r="AC2901" i="1"/>
  <c r="AC2902" i="1"/>
  <c r="AC2903" i="1"/>
  <c r="AC2904" i="1"/>
  <c r="AC2905" i="1"/>
  <c r="AD2905" i="1" s="1"/>
  <c r="AC2906" i="1"/>
  <c r="AC2907" i="1"/>
  <c r="AC2908" i="1"/>
  <c r="AC2909" i="1"/>
  <c r="AC2910" i="1"/>
  <c r="AC2911" i="1"/>
  <c r="AD2911" i="1" s="1"/>
  <c r="AC2912" i="1"/>
  <c r="AC2913" i="1"/>
  <c r="AC2914" i="1"/>
  <c r="AC2915" i="1"/>
  <c r="AC2916" i="1"/>
  <c r="AC2917" i="1"/>
  <c r="AD2917" i="1" s="1"/>
  <c r="AC2918" i="1"/>
  <c r="AC2919" i="1"/>
  <c r="AC2920" i="1"/>
  <c r="AC2921" i="1"/>
  <c r="AC2922" i="1"/>
  <c r="AC2923" i="1"/>
  <c r="AD2923" i="1" s="1"/>
  <c r="AC2924" i="1"/>
  <c r="AC2925" i="1"/>
  <c r="AC2926" i="1"/>
  <c r="AC2927" i="1"/>
  <c r="AC2928" i="1"/>
  <c r="AC2929" i="1"/>
  <c r="AD2929" i="1" s="1"/>
  <c r="AC2930" i="1"/>
  <c r="AC2931" i="1"/>
  <c r="AC2932" i="1"/>
  <c r="AC2933" i="1"/>
  <c r="AC2934" i="1"/>
  <c r="AC2935" i="1"/>
  <c r="AC2936" i="1"/>
  <c r="AC2937" i="1"/>
  <c r="AC2938" i="1"/>
  <c r="AC2939" i="1"/>
  <c r="AC2940" i="1"/>
  <c r="AC2941" i="1"/>
  <c r="AD2941" i="1" s="1"/>
  <c r="AC2942" i="1"/>
  <c r="AC2943" i="1"/>
  <c r="AC2944" i="1"/>
  <c r="AC2945" i="1"/>
  <c r="AC2946" i="1"/>
  <c r="AC2947" i="1"/>
  <c r="AC2948" i="1"/>
  <c r="AC2949" i="1"/>
  <c r="AC2950" i="1"/>
  <c r="AC2951" i="1"/>
  <c r="AC2952" i="1"/>
  <c r="AC2953" i="1"/>
  <c r="AD2953" i="1" s="1"/>
  <c r="AC2954" i="1"/>
  <c r="AC2955" i="1"/>
  <c r="AC2956" i="1"/>
  <c r="AC2957" i="1"/>
  <c r="AC2958" i="1"/>
  <c r="AC2959" i="1"/>
  <c r="AC2960" i="1"/>
  <c r="AC2961" i="1"/>
  <c r="AC2962" i="1"/>
  <c r="AC2963" i="1"/>
  <c r="AC2964" i="1"/>
  <c r="AC2965" i="1"/>
  <c r="AD2965" i="1" s="1"/>
  <c r="AC2966" i="1"/>
  <c r="AC2967" i="1"/>
  <c r="AC2968" i="1"/>
  <c r="AC2969" i="1"/>
  <c r="AC2970" i="1"/>
  <c r="AC2971" i="1"/>
  <c r="AD2971" i="1" s="1"/>
  <c r="AC2972" i="1"/>
  <c r="AC2973" i="1"/>
  <c r="AC2974" i="1"/>
  <c r="AC2975" i="1"/>
  <c r="AC2976" i="1"/>
  <c r="AC2977" i="1"/>
  <c r="AD2977" i="1" s="1"/>
  <c r="AC2978" i="1"/>
  <c r="AC2979" i="1"/>
  <c r="AC2980" i="1"/>
  <c r="AC2981" i="1"/>
  <c r="AC2982" i="1"/>
  <c r="AC2983" i="1"/>
  <c r="AD2983" i="1" s="1"/>
  <c r="AC2984" i="1"/>
  <c r="AC2985" i="1"/>
  <c r="AC2986" i="1"/>
  <c r="AC2987" i="1"/>
  <c r="AC2988" i="1"/>
  <c r="AC2989" i="1"/>
  <c r="AD2989" i="1" s="1"/>
  <c r="AC2990" i="1"/>
  <c r="AC2991" i="1"/>
  <c r="AC2992" i="1"/>
  <c r="AC2993" i="1"/>
  <c r="AC2994" i="1"/>
  <c r="AC2995" i="1"/>
  <c r="AD2995" i="1" s="1"/>
  <c r="AC2996" i="1"/>
  <c r="AC2997" i="1"/>
  <c r="AC2998" i="1"/>
  <c r="AC2999" i="1"/>
  <c r="AC3000" i="1"/>
  <c r="AC3001" i="1"/>
  <c r="AD3001" i="1" s="1"/>
  <c r="AC3002" i="1"/>
  <c r="AC3003" i="1"/>
  <c r="AC3004" i="1"/>
  <c r="AC3005" i="1"/>
  <c r="AC3006" i="1"/>
  <c r="AC3007" i="1"/>
  <c r="AC3008" i="1"/>
  <c r="AC3009" i="1"/>
  <c r="AC3010" i="1"/>
  <c r="AC3011" i="1"/>
  <c r="AC3012" i="1"/>
  <c r="AC3013" i="1"/>
  <c r="AD3013" i="1" s="1"/>
  <c r="AC3014" i="1"/>
  <c r="AC3015" i="1"/>
  <c r="AC3016" i="1"/>
  <c r="AC3017" i="1"/>
  <c r="AC3018" i="1"/>
  <c r="AC3019" i="1"/>
  <c r="AC3020" i="1"/>
  <c r="AC3021" i="1"/>
  <c r="AC3022" i="1"/>
  <c r="AC3023" i="1"/>
  <c r="AC3024" i="1"/>
  <c r="AC3025" i="1"/>
  <c r="AD3025" i="1" s="1"/>
  <c r="AC3026" i="1"/>
  <c r="AC3027" i="1"/>
  <c r="AC3028" i="1"/>
  <c r="AC3029" i="1"/>
  <c r="AC3030" i="1"/>
  <c r="AC3031" i="1"/>
  <c r="AD3031" i="1" s="1"/>
  <c r="AC3032" i="1"/>
  <c r="AC3033" i="1"/>
  <c r="AC3034" i="1"/>
  <c r="AC3035" i="1"/>
  <c r="AC3036" i="1"/>
  <c r="AC3037" i="1"/>
  <c r="AD3037" i="1" s="1"/>
  <c r="AC3038" i="1"/>
  <c r="AC3039" i="1"/>
  <c r="AC3040" i="1"/>
  <c r="AC3041" i="1"/>
  <c r="AC3042" i="1"/>
  <c r="AC3043" i="1"/>
  <c r="AC3044" i="1"/>
  <c r="AC3045" i="1"/>
  <c r="AC3046" i="1"/>
  <c r="AC3047" i="1"/>
  <c r="AC3048" i="1"/>
  <c r="AC3049" i="1"/>
  <c r="AD3049" i="1" s="1"/>
  <c r="AC3050" i="1"/>
  <c r="AC3051" i="1"/>
  <c r="AC3052" i="1"/>
  <c r="AC3053" i="1"/>
  <c r="AC3054" i="1"/>
  <c r="AC3055" i="1"/>
  <c r="AD3055" i="1" s="1"/>
  <c r="AC3056" i="1"/>
  <c r="AC3057" i="1"/>
  <c r="AC3058" i="1"/>
  <c r="AC3059" i="1"/>
  <c r="AC3060" i="1"/>
  <c r="AC3061" i="1"/>
  <c r="AD3061" i="1" s="1"/>
  <c r="AC3062" i="1"/>
  <c r="AC3063" i="1"/>
  <c r="AC3064" i="1"/>
  <c r="AC3065" i="1"/>
  <c r="AC3066" i="1"/>
  <c r="AC3067" i="1"/>
  <c r="AD3067" i="1" s="1"/>
  <c r="AC3068" i="1"/>
  <c r="AC3069" i="1"/>
  <c r="AC3070" i="1"/>
  <c r="AC3071" i="1"/>
  <c r="AC3072" i="1"/>
  <c r="AC3073" i="1"/>
  <c r="AD3073" i="1" s="1"/>
  <c r="AC3074" i="1"/>
  <c r="AC3075" i="1"/>
  <c r="AC3076" i="1"/>
  <c r="AC3077" i="1"/>
  <c r="AC3078" i="1"/>
  <c r="AC3079" i="1"/>
  <c r="AC3080" i="1"/>
  <c r="AC3081" i="1"/>
  <c r="AC3082" i="1"/>
  <c r="AC3083" i="1"/>
  <c r="AC3084" i="1"/>
  <c r="AC3085" i="1"/>
  <c r="AD3085" i="1" s="1"/>
  <c r="AC3086" i="1"/>
  <c r="AC3087" i="1"/>
  <c r="AC3088" i="1"/>
  <c r="AC3089" i="1"/>
  <c r="AC3090" i="1"/>
  <c r="AC3091" i="1"/>
  <c r="AC3092" i="1"/>
  <c r="AC3093" i="1"/>
  <c r="AC3094" i="1"/>
  <c r="AC3095" i="1"/>
  <c r="AC3096" i="1"/>
  <c r="AC3097" i="1"/>
  <c r="AD3097" i="1" s="1"/>
  <c r="AC3098" i="1"/>
  <c r="AC3099" i="1"/>
  <c r="AC3100" i="1"/>
  <c r="AC3101" i="1"/>
  <c r="AC3102" i="1"/>
  <c r="AC3103" i="1"/>
  <c r="AC3104" i="1"/>
  <c r="AC3105" i="1"/>
  <c r="AC3106" i="1"/>
  <c r="AC3107" i="1"/>
  <c r="AC3108" i="1"/>
  <c r="AC3109" i="1"/>
  <c r="AD3109" i="1" s="1"/>
  <c r="AC3110" i="1"/>
  <c r="AC3111" i="1"/>
  <c r="AC3112" i="1"/>
  <c r="AC3113" i="1"/>
  <c r="AC3114" i="1"/>
  <c r="AC3115" i="1"/>
  <c r="AD3115" i="1" s="1"/>
  <c r="AC3116" i="1"/>
  <c r="AC3117" i="1"/>
  <c r="AC3118" i="1"/>
  <c r="AC3119" i="1"/>
  <c r="AC3120" i="1"/>
  <c r="AC3121" i="1"/>
  <c r="AD3121" i="1" s="1"/>
  <c r="AC3122" i="1"/>
  <c r="AC3123" i="1"/>
  <c r="AC3124" i="1"/>
  <c r="AC3125" i="1"/>
  <c r="AC3126" i="1"/>
  <c r="AC3127" i="1"/>
  <c r="AD3127" i="1" s="1"/>
  <c r="AC3128" i="1"/>
  <c r="AC3129" i="1"/>
  <c r="AC3130" i="1"/>
  <c r="AC3131" i="1"/>
  <c r="AC3132" i="1"/>
  <c r="AC3133" i="1"/>
  <c r="AD3133" i="1" s="1"/>
  <c r="AC3134" i="1"/>
  <c r="AC3135" i="1"/>
  <c r="AC3136" i="1"/>
  <c r="AC3137" i="1"/>
  <c r="AC3138" i="1"/>
  <c r="AC3139" i="1"/>
  <c r="AD3139" i="1" s="1"/>
  <c r="AC3140" i="1"/>
  <c r="AC3141" i="1"/>
  <c r="AC3142" i="1"/>
  <c r="AC3143" i="1"/>
  <c r="AC3144" i="1"/>
  <c r="AC3145" i="1"/>
  <c r="AD3145" i="1" s="1"/>
  <c r="AC3146" i="1"/>
  <c r="AC3147" i="1"/>
  <c r="AC3148" i="1"/>
  <c r="AC3149" i="1"/>
  <c r="AC3150" i="1"/>
  <c r="AC3151" i="1"/>
  <c r="AC3152" i="1"/>
  <c r="AC3153" i="1"/>
  <c r="AC3154" i="1"/>
  <c r="AC3155" i="1"/>
  <c r="AC3156" i="1"/>
  <c r="AC3157" i="1"/>
  <c r="AD3157" i="1" s="1"/>
  <c r="AC3158" i="1"/>
  <c r="AC3159" i="1"/>
  <c r="AC3160" i="1"/>
  <c r="AC3161" i="1"/>
  <c r="AC3162" i="1"/>
  <c r="AC3163" i="1"/>
  <c r="AC3164" i="1"/>
  <c r="AC3165" i="1"/>
  <c r="AC3166" i="1"/>
  <c r="AC3167" i="1"/>
  <c r="AC3168" i="1"/>
  <c r="AC3169" i="1"/>
  <c r="AD3169" i="1" s="1"/>
  <c r="AC3170" i="1"/>
  <c r="AC3171" i="1"/>
  <c r="AC3172" i="1"/>
  <c r="AC3173" i="1"/>
  <c r="AC3174" i="1"/>
  <c r="AC3175" i="1"/>
  <c r="AD3175" i="1" s="1"/>
  <c r="AC3176" i="1"/>
  <c r="AC3177" i="1"/>
  <c r="AC3178" i="1"/>
  <c r="AC3179" i="1"/>
  <c r="AC3180" i="1"/>
  <c r="AC3181" i="1"/>
  <c r="AD3181" i="1" s="1"/>
  <c r="AC3182" i="1"/>
  <c r="AC3183" i="1"/>
  <c r="AC3184" i="1"/>
  <c r="AC3185" i="1"/>
  <c r="AC3186" i="1"/>
  <c r="AC3187" i="1"/>
  <c r="AC3188" i="1"/>
  <c r="AC3189" i="1"/>
  <c r="AC3190" i="1"/>
  <c r="AC3191" i="1"/>
  <c r="AC3192" i="1"/>
  <c r="AC3193" i="1"/>
  <c r="AD3193" i="1" s="1"/>
  <c r="AC3194" i="1"/>
  <c r="AC3195" i="1"/>
  <c r="AC3196" i="1"/>
  <c r="AC3197" i="1"/>
  <c r="AC3198" i="1"/>
  <c r="AC3199" i="1"/>
  <c r="AD3199" i="1" s="1"/>
  <c r="AC3200" i="1"/>
  <c r="AC3201" i="1"/>
  <c r="AC3202" i="1"/>
  <c r="AC3203" i="1"/>
  <c r="AC3204" i="1"/>
  <c r="AC3205" i="1"/>
  <c r="AD3205" i="1" s="1"/>
  <c r="AC3206" i="1"/>
  <c r="AC3207" i="1"/>
  <c r="AC3208" i="1"/>
  <c r="AC3209" i="1"/>
  <c r="AC3210" i="1"/>
  <c r="AC3211" i="1"/>
  <c r="AD3211" i="1" s="1"/>
  <c r="AC3212" i="1"/>
  <c r="AC3213" i="1"/>
  <c r="AC3214" i="1"/>
  <c r="AC3215" i="1"/>
  <c r="AC3216" i="1"/>
  <c r="AC3217" i="1"/>
  <c r="AD3217" i="1" s="1"/>
  <c r="AC3218" i="1"/>
  <c r="AC3219" i="1"/>
  <c r="AC3220" i="1"/>
  <c r="AC3221" i="1"/>
  <c r="AC3222" i="1"/>
  <c r="AC3223" i="1"/>
  <c r="AC3224" i="1"/>
  <c r="AC3225" i="1"/>
  <c r="AC3226" i="1"/>
  <c r="AC3227" i="1"/>
  <c r="AC3228" i="1"/>
  <c r="AC3229" i="1"/>
  <c r="AD3229" i="1" s="1"/>
  <c r="AC3230" i="1"/>
  <c r="AC3231" i="1"/>
  <c r="AC3232" i="1"/>
  <c r="AC3233" i="1"/>
  <c r="AC3234" i="1"/>
  <c r="AC3235" i="1"/>
  <c r="AC3236" i="1"/>
  <c r="AC3237" i="1"/>
  <c r="AC3238" i="1"/>
  <c r="AC3239" i="1"/>
  <c r="AC3240" i="1"/>
  <c r="AC3241" i="1"/>
  <c r="AD3241" i="1" s="1"/>
  <c r="AC3242" i="1"/>
  <c r="AC3243" i="1"/>
  <c r="AC3244" i="1"/>
  <c r="AC3245" i="1"/>
  <c r="AC3246" i="1"/>
  <c r="AC3247" i="1"/>
  <c r="AC3248" i="1"/>
  <c r="AC3249" i="1"/>
  <c r="AC3250" i="1"/>
  <c r="AC3251" i="1"/>
  <c r="AC3252" i="1"/>
  <c r="AC3253" i="1"/>
  <c r="AD3253" i="1" s="1"/>
  <c r="AC3254" i="1"/>
  <c r="AC3255" i="1"/>
  <c r="AC3256" i="1"/>
  <c r="AC3257" i="1"/>
  <c r="AC3258" i="1"/>
  <c r="AC3259" i="1"/>
  <c r="AD3259" i="1" s="1"/>
  <c r="AC3260" i="1"/>
  <c r="AC3261" i="1"/>
  <c r="AC3262" i="1"/>
  <c r="AC3263" i="1"/>
  <c r="AC3264" i="1"/>
  <c r="AC3265" i="1"/>
  <c r="AD3265" i="1" s="1"/>
  <c r="AC3266" i="1"/>
  <c r="AC3267" i="1"/>
  <c r="AC3268" i="1"/>
  <c r="AC3269" i="1"/>
  <c r="AC3270" i="1"/>
  <c r="AC3271" i="1"/>
  <c r="AD3271" i="1" s="1"/>
  <c r="AC3272" i="1"/>
  <c r="AC3273" i="1"/>
  <c r="AC3274" i="1"/>
  <c r="AC3275" i="1"/>
  <c r="AC3276" i="1"/>
  <c r="AC3277" i="1"/>
  <c r="AD3277" i="1" s="1"/>
  <c r="AC3278" i="1"/>
  <c r="AC3279" i="1"/>
  <c r="AC3280" i="1"/>
  <c r="AC3281" i="1"/>
  <c r="AC3282" i="1"/>
  <c r="AC3283" i="1"/>
  <c r="AD3283" i="1" s="1"/>
  <c r="AC3284" i="1"/>
  <c r="AC3285" i="1"/>
  <c r="AC3286" i="1"/>
  <c r="AC3287" i="1"/>
  <c r="AC3288" i="1"/>
  <c r="AC3289" i="1"/>
  <c r="AD3289" i="1" s="1"/>
  <c r="AC3290" i="1"/>
  <c r="AC3291" i="1"/>
  <c r="AC3292" i="1"/>
  <c r="AC3293" i="1"/>
  <c r="AC3294" i="1"/>
  <c r="AC3295" i="1"/>
  <c r="AC3296" i="1"/>
  <c r="AC3297" i="1"/>
  <c r="AC3298" i="1"/>
  <c r="AC3299" i="1"/>
  <c r="AC3300" i="1"/>
  <c r="AC3301" i="1"/>
  <c r="AD3301" i="1" s="1"/>
  <c r="AC3302" i="1"/>
  <c r="AC3303" i="1"/>
  <c r="AC3304" i="1"/>
  <c r="AC3305" i="1"/>
  <c r="AC3306" i="1"/>
  <c r="AC3307" i="1"/>
  <c r="AC3308" i="1"/>
  <c r="AC3309" i="1"/>
  <c r="AC3310" i="1"/>
  <c r="AC3311" i="1"/>
  <c r="AC3312" i="1"/>
  <c r="AC3313" i="1"/>
  <c r="AD3313" i="1" s="1"/>
  <c r="AC3314" i="1"/>
  <c r="AC3315" i="1"/>
  <c r="AC3316" i="1"/>
  <c r="AC3317" i="1"/>
  <c r="AC3318" i="1"/>
  <c r="AC3319" i="1"/>
  <c r="AD3319" i="1" s="1"/>
  <c r="AC3320" i="1"/>
  <c r="AC3321" i="1"/>
  <c r="AC3322" i="1"/>
  <c r="AC3323" i="1"/>
  <c r="AC3324" i="1"/>
  <c r="AC3325" i="1"/>
  <c r="AD3325" i="1" s="1"/>
  <c r="AC3326" i="1"/>
  <c r="AC3327" i="1"/>
  <c r="AC3328" i="1"/>
  <c r="AC3329" i="1"/>
  <c r="AC3330" i="1"/>
  <c r="AC3331" i="1"/>
  <c r="AC3332" i="1"/>
  <c r="AC3333" i="1"/>
  <c r="AC3334" i="1"/>
  <c r="AC3335" i="1"/>
  <c r="AC3336" i="1"/>
  <c r="AC3337" i="1"/>
  <c r="AD3337" i="1" s="1"/>
  <c r="AC3338" i="1"/>
  <c r="AC3339" i="1"/>
  <c r="AC3340" i="1"/>
  <c r="AC3341" i="1"/>
  <c r="AC3342" i="1"/>
  <c r="AC3343" i="1"/>
  <c r="AD3343" i="1" s="1"/>
  <c r="AC3344" i="1"/>
  <c r="AC3345" i="1"/>
  <c r="AC3346" i="1"/>
  <c r="AC3347" i="1"/>
  <c r="AC3348" i="1"/>
  <c r="AC3349" i="1"/>
  <c r="AD3349" i="1" s="1"/>
  <c r="AC3350" i="1"/>
  <c r="AC3351" i="1"/>
  <c r="AC3352" i="1"/>
  <c r="AC3353" i="1"/>
  <c r="AC3354" i="1"/>
  <c r="AC3355" i="1"/>
  <c r="AD3355" i="1" s="1"/>
  <c r="AC3356" i="1"/>
  <c r="AC3357" i="1"/>
  <c r="AC3358" i="1"/>
  <c r="AC3359" i="1"/>
  <c r="AC3360" i="1"/>
  <c r="AC3361" i="1"/>
  <c r="AD3361" i="1" s="1"/>
  <c r="AC3362" i="1"/>
  <c r="AC3363" i="1"/>
  <c r="AC3364" i="1"/>
  <c r="AC3365" i="1"/>
  <c r="AC3366" i="1"/>
  <c r="AC3367" i="1"/>
  <c r="AC3368" i="1"/>
  <c r="AC3369" i="1"/>
  <c r="AC3370" i="1"/>
  <c r="AC3371" i="1"/>
  <c r="AC3372" i="1"/>
  <c r="AC3373" i="1"/>
  <c r="AD3373" i="1" s="1"/>
  <c r="AC3374" i="1"/>
  <c r="AC3375" i="1"/>
  <c r="AC3376" i="1"/>
  <c r="AC3377" i="1"/>
  <c r="AC3378" i="1"/>
  <c r="AC3379" i="1"/>
  <c r="AC3380" i="1"/>
  <c r="AC3381" i="1"/>
  <c r="AC3382" i="1"/>
  <c r="AC3383" i="1"/>
  <c r="AC3384" i="1"/>
  <c r="AC3385" i="1"/>
  <c r="AD3385" i="1" s="1"/>
  <c r="AC3386" i="1"/>
  <c r="AC3387" i="1"/>
  <c r="AC3388" i="1"/>
  <c r="AC3389" i="1"/>
  <c r="AC3390" i="1"/>
  <c r="AC3391" i="1"/>
  <c r="AC3392" i="1"/>
  <c r="AC3393" i="1"/>
  <c r="AC3394" i="1"/>
  <c r="AC3395" i="1"/>
  <c r="AC3396" i="1"/>
  <c r="AC3397" i="1"/>
  <c r="AD3397" i="1" s="1"/>
  <c r="AC3398" i="1"/>
  <c r="AC3399" i="1"/>
  <c r="AC3400" i="1"/>
  <c r="AC3401" i="1"/>
  <c r="AC3402" i="1"/>
  <c r="AC3403" i="1"/>
  <c r="AD3403" i="1" s="1"/>
  <c r="AC3404" i="1"/>
  <c r="AC3405" i="1"/>
  <c r="AC3406" i="1"/>
  <c r="AC3407" i="1"/>
  <c r="AC3408" i="1"/>
  <c r="AC3409" i="1"/>
  <c r="AD3409" i="1" s="1"/>
  <c r="AC3410" i="1"/>
  <c r="AC3411" i="1"/>
  <c r="AC3412" i="1"/>
  <c r="AC3413" i="1"/>
  <c r="AC3414" i="1"/>
  <c r="AC3415" i="1"/>
  <c r="AD3415" i="1" s="1"/>
  <c r="AC3416" i="1"/>
  <c r="AC3417" i="1"/>
  <c r="AC3418" i="1"/>
  <c r="AC3419" i="1"/>
  <c r="AC3420" i="1"/>
  <c r="AC3421" i="1"/>
  <c r="AD3421" i="1" s="1"/>
  <c r="AC3422" i="1"/>
  <c r="AC3423" i="1"/>
  <c r="AC3424" i="1"/>
  <c r="AC3425" i="1"/>
  <c r="AC3426" i="1"/>
  <c r="AC3427" i="1"/>
  <c r="AD3427" i="1" s="1"/>
  <c r="AC3428" i="1"/>
  <c r="AC3429" i="1"/>
  <c r="AC3430" i="1"/>
  <c r="AC3431" i="1"/>
  <c r="AC3432" i="1"/>
  <c r="AC3433" i="1"/>
  <c r="AD3433" i="1" s="1"/>
  <c r="AC3434" i="1"/>
  <c r="AC3435" i="1"/>
  <c r="AC3436" i="1"/>
  <c r="AC3437" i="1"/>
  <c r="AC3438" i="1"/>
  <c r="AC3439" i="1"/>
  <c r="AC3440" i="1"/>
  <c r="AC3441" i="1"/>
  <c r="AC3442" i="1"/>
  <c r="AC3443" i="1"/>
  <c r="AC3444" i="1"/>
  <c r="AC3445" i="1"/>
  <c r="AD3445" i="1" s="1"/>
  <c r="AC3446" i="1"/>
  <c r="AC3447" i="1"/>
  <c r="AC3448" i="1"/>
  <c r="AC3449" i="1"/>
  <c r="AC3450" i="1"/>
  <c r="AC3451" i="1"/>
  <c r="AC3452" i="1"/>
  <c r="AC3453" i="1"/>
  <c r="AC3454" i="1"/>
  <c r="AC3455" i="1"/>
  <c r="AC3456" i="1"/>
  <c r="AC3457" i="1"/>
  <c r="AD3457" i="1" s="1"/>
  <c r="AC3458" i="1"/>
  <c r="AC3459" i="1"/>
  <c r="AC3460" i="1"/>
  <c r="AC3461" i="1"/>
  <c r="AC3462" i="1"/>
  <c r="AC3463" i="1"/>
  <c r="AD3463" i="1" s="1"/>
  <c r="AC3464" i="1"/>
  <c r="AC3465" i="1"/>
  <c r="AC3466" i="1"/>
  <c r="AC3467" i="1"/>
  <c r="AC3468" i="1"/>
  <c r="AC3469" i="1"/>
  <c r="AD3469" i="1" s="1"/>
  <c r="AC3470" i="1"/>
  <c r="AC3471" i="1"/>
  <c r="AC3472" i="1"/>
  <c r="AC3473" i="1"/>
  <c r="AC3474" i="1"/>
  <c r="AC3475" i="1"/>
  <c r="AC3476" i="1"/>
  <c r="AC3477" i="1"/>
  <c r="AC3478" i="1"/>
  <c r="AC3479" i="1"/>
  <c r="AC3480" i="1"/>
  <c r="AC3481" i="1"/>
  <c r="AD3481" i="1" s="1"/>
  <c r="AC3482" i="1"/>
  <c r="AC3483" i="1"/>
  <c r="AC3484" i="1"/>
  <c r="AC3485" i="1"/>
  <c r="AC3486" i="1"/>
  <c r="AC3487" i="1"/>
  <c r="AD3487" i="1" s="1"/>
  <c r="AC3488" i="1"/>
  <c r="AC3489" i="1"/>
  <c r="AC3490" i="1"/>
  <c r="AC3491" i="1"/>
  <c r="AC3492" i="1"/>
  <c r="AC3493" i="1"/>
  <c r="AD3493" i="1" s="1"/>
  <c r="AC3494" i="1"/>
  <c r="AC3495" i="1"/>
  <c r="AC3496" i="1"/>
  <c r="AC3497" i="1"/>
  <c r="AC3498" i="1"/>
  <c r="AC3499" i="1"/>
  <c r="AD3499" i="1" s="1"/>
  <c r="AC3500" i="1"/>
  <c r="AC3501" i="1"/>
  <c r="AC3502" i="1"/>
  <c r="AC3503" i="1"/>
  <c r="AC3504" i="1"/>
  <c r="AC3505" i="1"/>
  <c r="AD3505" i="1" s="1"/>
  <c r="AC3506" i="1"/>
  <c r="AC3507" i="1"/>
  <c r="AC3508" i="1"/>
  <c r="AC3509" i="1"/>
  <c r="AC3510" i="1"/>
  <c r="AC3511" i="1"/>
  <c r="AC3512" i="1"/>
  <c r="AC3513" i="1"/>
  <c r="AC3514" i="1"/>
  <c r="AC3515" i="1"/>
  <c r="AC3516" i="1"/>
  <c r="AC3517" i="1"/>
  <c r="AD3517" i="1" s="1"/>
  <c r="AC3518" i="1"/>
  <c r="AC3519" i="1"/>
  <c r="AC3520" i="1"/>
  <c r="AC3521" i="1"/>
  <c r="AC3522" i="1"/>
  <c r="AC3523" i="1"/>
  <c r="AC3524" i="1"/>
  <c r="AC3525" i="1"/>
  <c r="AC3526" i="1"/>
  <c r="AC3527" i="1"/>
  <c r="AC3528" i="1"/>
  <c r="AC3529" i="1"/>
  <c r="AD3529" i="1" s="1"/>
  <c r="AC3530" i="1"/>
  <c r="AC3531" i="1"/>
  <c r="AC3532" i="1"/>
  <c r="AC3533" i="1"/>
  <c r="AC3534" i="1"/>
  <c r="AC3535" i="1"/>
  <c r="AC3536" i="1"/>
  <c r="AC3537" i="1"/>
  <c r="AC3538" i="1"/>
  <c r="AC3539" i="1"/>
  <c r="AC3540" i="1"/>
  <c r="AC3541" i="1"/>
  <c r="AD3541" i="1" s="1"/>
  <c r="AC3542" i="1"/>
  <c r="AC3543" i="1"/>
  <c r="AC3544" i="1"/>
  <c r="AC3545" i="1"/>
  <c r="AC3546" i="1"/>
  <c r="AC3547" i="1"/>
  <c r="AD3547" i="1" s="1"/>
  <c r="AC3548" i="1"/>
  <c r="AC3549" i="1"/>
  <c r="AC3550" i="1"/>
  <c r="AC3551" i="1"/>
  <c r="AC3552" i="1"/>
  <c r="AC3553" i="1"/>
  <c r="AD3553" i="1" s="1"/>
  <c r="AC3554" i="1"/>
  <c r="AC3555" i="1"/>
  <c r="AC3556" i="1"/>
  <c r="AC3557" i="1"/>
  <c r="AC3558" i="1"/>
  <c r="AC3559" i="1"/>
  <c r="AD3559" i="1" s="1"/>
  <c r="AC3560" i="1"/>
  <c r="AC3561" i="1"/>
  <c r="AC3562" i="1"/>
  <c r="AC3563" i="1"/>
  <c r="AC3564" i="1"/>
  <c r="AC3565" i="1"/>
  <c r="AD3565" i="1" s="1"/>
  <c r="AC3566" i="1"/>
  <c r="AC3567" i="1"/>
  <c r="AC3568" i="1"/>
  <c r="AC3569" i="1"/>
  <c r="AC3570" i="1"/>
  <c r="AC3571" i="1"/>
  <c r="AD3571" i="1" s="1"/>
  <c r="AC3572" i="1"/>
  <c r="AC3573" i="1"/>
  <c r="AC3574" i="1"/>
  <c r="AC3575" i="1"/>
  <c r="AC3576" i="1"/>
  <c r="AC3577" i="1"/>
  <c r="AD3577" i="1" s="1"/>
  <c r="AC3578" i="1"/>
  <c r="AC3579" i="1"/>
  <c r="AC3580" i="1"/>
  <c r="AC3581" i="1"/>
  <c r="AC3582" i="1"/>
  <c r="AC3583" i="1"/>
  <c r="AC3584" i="1"/>
  <c r="AC3585" i="1"/>
  <c r="AC3586" i="1"/>
  <c r="AC3587" i="1"/>
  <c r="AC3588" i="1"/>
  <c r="AC3589" i="1"/>
  <c r="AD3589" i="1" s="1"/>
  <c r="AC3590" i="1"/>
  <c r="AC3591" i="1"/>
  <c r="AC3592" i="1"/>
  <c r="AC3593" i="1"/>
  <c r="AC3594" i="1"/>
  <c r="AC3595" i="1"/>
  <c r="AC3596" i="1"/>
  <c r="AC3597" i="1"/>
  <c r="AC3598" i="1"/>
  <c r="AC3599" i="1"/>
  <c r="AC3600" i="1"/>
  <c r="AC3601" i="1"/>
  <c r="AD3601" i="1" s="1"/>
  <c r="AC3602" i="1"/>
  <c r="AC3603" i="1"/>
  <c r="AC3604" i="1"/>
  <c r="AC3605" i="1"/>
  <c r="AC3606" i="1"/>
  <c r="AC3607" i="1"/>
  <c r="AD3607" i="1" s="1"/>
  <c r="AC3608" i="1"/>
  <c r="AC3609" i="1"/>
  <c r="AC3610" i="1"/>
  <c r="AC3611" i="1"/>
  <c r="AC3612" i="1"/>
  <c r="AC3613" i="1"/>
  <c r="AD3613" i="1" s="1"/>
  <c r="AC3614" i="1"/>
  <c r="AC3615" i="1"/>
  <c r="AC3616" i="1"/>
  <c r="AC3617" i="1"/>
  <c r="AC3618" i="1"/>
  <c r="AC3619" i="1"/>
  <c r="AC3620" i="1"/>
  <c r="AC3621" i="1"/>
  <c r="AC3622" i="1"/>
  <c r="AC3623" i="1"/>
  <c r="AC3624" i="1"/>
  <c r="AC3625" i="1"/>
  <c r="AD3625" i="1" s="1"/>
  <c r="AC3626" i="1"/>
  <c r="AC3627" i="1"/>
  <c r="AC3628" i="1"/>
  <c r="AC3629" i="1"/>
  <c r="AC3630" i="1"/>
  <c r="AC3631" i="1"/>
  <c r="AD3631" i="1" s="1"/>
  <c r="AC3632" i="1"/>
  <c r="AC3633" i="1"/>
  <c r="AC3634" i="1"/>
  <c r="AC3635" i="1"/>
  <c r="AC3636" i="1"/>
  <c r="AC3637" i="1"/>
  <c r="AD3637" i="1" s="1"/>
  <c r="AC3638" i="1"/>
  <c r="AC3639" i="1"/>
  <c r="AC3640" i="1"/>
  <c r="AC3641" i="1"/>
  <c r="AC3642" i="1"/>
  <c r="AC3643" i="1"/>
  <c r="AD3643" i="1" s="1"/>
  <c r="AC3644" i="1"/>
  <c r="AC3645" i="1"/>
  <c r="AC3646" i="1"/>
  <c r="AC3647" i="1"/>
  <c r="AC3648" i="1"/>
  <c r="AC3649" i="1"/>
  <c r="AD3649" i="1" s="1"/>
  <c r="AC3650" i="1"/>
  <c r="AC3651" i="1"/>
  <c r="AC3652" i="1"/>
  <c r="AC3653" i="1"/>
  <c r="AC3654" i="1"/>
  <c r="AC3655" i="1"/>
  <c r="AC3656" i="1"/>
  <c r="AC3657" i="1"/>
  <c r="AC3658" i="1"/>
  <c r="AC3659" i="1"/>
  <c r="AC3660" i="1"/>
  <c r="AC3661" i="1"/>
  <c r="AD3661" i="1" s="1"/>
  <c r="AC3662" i="1"/>
  <c r="AC3663" i="1"/>
  <c r="AC3664" i="1"/>
  <c r="AC3665" i="1"/>
  <c r="AC3666" i="1"/>
  <c r="AC3667" i="1"/>
  <c r="AC3668" i="1"/>
  <c r="AC3669" i="1"/>
  <c r="AC3670" i="1"/>
  <c r="AC3671" i="1"/>
  <c r="AC3672" i="1"/>
  <c r="AC3673" i="1"/>
  <c r="AD3673" i="1" s="1"/>
  <c r="AC3674" i="1"/>
  <c r="AC3675" i="1"/>
  <c r="AC3676" i="1"/>
  <c r="AC3677" i="1"/>
  <c r="AC3678" i="1"/>
  <c r="AC3679" i="1"/>
  <c r="AC3680" i="1"/>
  <c r="AC3681" i="1"/>
  <c r="AC3682" i="1"/>
  <c r="AC3683" i="1"/>
  <c r="AC3684" i="1"/>
  <c r="AC3685" i="1"/>
  <c r="AD3685" i="1" s="1"/>
  <c r="AC3686" i="1"/>
  <c r="AC3687" i="1"/>
  <c r="AC3688" i="1"/>
  <c r="AC3689" i="1"/>
  <c r="AC3690" i="1"/>
  <c r="AC3691" i="1"/>
  <c r="AD3691" i="1" s="1"/>
  <c r="AC3692" i="1"/>
  <c r="AC3693" i="1"/>
  <c r="AC3694" i="1"/>
  <c r="AC3695" i="1"/>
  <c r="AC3696" i="1"/>
  <c r="AC3697" i="1"/>
  <c r="AD3697" i="1" s="1"/>
  <c r="AC3698" i="1"/>
  <c r="AC3699" i="1"/>
  <c r="AC3700" i="1"/>
  <c r="AC3701" i="1"/>
  <c r="AC3702" i="1"/>
  <c r="AC3703" i="1"/>
  <c r="AD3703" i="1" s="1"/>
  <c r="AC3704" i="1"/>
  <c r="AC3705" i="1"/>
  <c r="AC3706" i="1"/>
  <c r="AC3707" i="1"/>
  <c r="AC3708" i="1"/>
  <c r="AC3709" i="1"/>
  <c r="AD3709" i="1" s="1"/>
  <c r="AC3710" i="1"/>
  <c r="AC3711" i="1"/>
  <c r="AC3712" i="1"/>
  <c r="AC3713" i="1"/>
  <c r="AC3714" i="1"/>
  <c r="AC3715" i="1"/>
  <c r="AD3715" i="1" s="1"/>
  <c r="AC3716" i="1"/>
  <c r="AC3717" i="1"/>
  <c r="AC3718" i="1"/>
  <c r="AC3719" i="1"/>
  <c r="AC3720" i="1"/>
  <c r="AC3721" i="1"/>
  <c r="AD3721" i="1" s="1"/>
  <c r="AC3722" i="1"/>
  <c r="AC3723" i="1"/>
  <c r="AC3724" i="1"/>
  <c r="AC3725" i="1"/>
  <c r="AC3726" i="1"/>
  <c r="AC3727" i="1"/>
  <c r="AC3728" i="1"/>
  <c r="AC3729" i="1"/>
  <c r="AC3730" i="1"/>
  <c r="AC3731" i="1"/>
  <c r="AC3732" i="1"/>
  <c r="AC3733" i="1"/>
  <c r="AD3733" i="1" s="1"/>
  <c r="AC3734" i="1"/>
  <c r="AC3735" i="1"/>
  <c r="AC3736" i="1"/>
  <c r="AC3737" i="1"/>
  <c r="AC3738" i="1"/>
  <c r="AC3739" i="1"/>
  <c r="AC3740" i="1"/>
  <c r="AC3741" i="1"/>
  <c r="AC3742" i="1"/>
  <c r="AC3743" i="1"/>
  <c r="AC3744" i="1"/>
  <c r="AC3745" i="1"/>
  <c r="AD3745" i="1" s="1"/>
  <c r="AC3746" i="1"/>
  <c r="AC3747" i="1"/>
  <c r="AC3748" i="1"/>
  <c r="AC3749" i="1"/>
  <c r="AC3750" i="1"/>
  <c r="AC3751" i="1"/>
  <c r="AD3751" i="1" s="1"/>
  <c r="AC3752" i="1"/>
  <c r="AC3753" i="1"/>
  <c r="AC3754" i="1"/>
  <c r="AC3755" i="1"/>
  <c r="AC3756" i="1"/>
  <c r="AC3757" i="1"/>
  <c r="AD3757" i="1" s="1"/>
  <c r="AC3758" i="1"/>
  <c r="AC3759" i="1"/>
  <c r="AC3760" i="1"/>
  <c r="AC3761" i="1"/>
  <c r="AC3762" i="1"/>
  <c r="AC3763" i="1"/>
  <c r="AC3764" i="1"/>
  <c r="AC3765" i="1"/>
  <c r="AC3766" i="1"/>
  <c r="AC3767" i="1"/>
  <c r="AC3768" i="1"/>
  <c r="AC3769" i="1"/>
  <c r="AD3769" i="1" s="1"/>
  <c r="AC3770" i="1"/>
  <c r="AC3771" i="1"/>
  <c r="AC3772" i="1"/>
  <c r="AC3773" i="1"/>
  <c r="AC3774" i="1"/>
  <c r="AC3775" i="1"/>
  <c r="AD3775" i="1" s="1"/>
  <c r="AC3776" i="1"/>
  <c r="AC3777" i="1"/>
  <c r="AC3778" i="1"/>
  <c r="AC3779" i="1"/>
  <c r="AC3780" i="1"/>
  <c r="AC3781" i="1"/>
  <c r="AD3781" i="1" s="1"/>
  <c r="AC3782" i="1"/>
  <c r="AC3783" i="1"/>
  <c r="AC3784" i="1"/>
  <c r="AC3785" i="1"/>
  <c r="AC3786" i="1"/>
  <c r="AC3787" i="1"/>
  <c r="AD3787" i="1" s="1"/>
  <c r="AC3788" i="1"/>
  <c r="AC3789" i="1"/>
  <c r="AC3790" i="1"/>
  <c r="AC3791" i="1"/>
  <c r="AC3792" i="1"/>
  <c r="AC3793" i="1"/>
  <c r="AD3793" i="1" s="1"/>
  <c r="AC3794" i="1"/>
  <c r="AC3795" i="1"/>
  <c r="AC3796" i="1"/>
  <c r="AC3797" i="1"/>
  <c r="AC3798" i="1"/>
  <c r="AC3799" i="1"/>
  <c r="AC3800" i="1"/>
  <c r="AC3801" i="1"/>
  <c r="AC3802" i="1"/>
  <c r="AC3803" i="1"/>
  <c r="AC3804" i="1"/>
  <c r="AC3805" i="1"/>
  <c r="AD3805" i="1" s="1"/>
  <c r="AC3806" i="1"/>
  <c r="AC3807" i="1"/>
  <c r="AC3808" i="1"/>
  <c r="AC3809" i="1"/>
  <c r="AC3810" i="1"/>
  <c r="AC3811" i="1"/>
  <c r="AC3812" i="1"/>
  <c r="AC3813" i="1"/>
  <c r="AC3814" i="1"/>
  <c r="AC3815" i="1"/>
  <c r="AC3816" i="1"/>
  <c r="AC3817" i="1"/>
  <c r="AD3817" i="1" s="1"/>
  <c r="AC3818" i="1"/>
  <c r="AC3819" i="1"/>
  <c r="AC3820" i="1"/>
  <c r="AC3821" i="1"/>
  <c r="AC3822" i="1"/>
  <c r="AC3823" i="1"/>
  <c r="AC3824" i="1"/>
  <c r="AC3825" i="1"/>
  <c r="AC3826" i="1"/>
  <c r="AC3827" i="1"/>
  <c r="AC3828" i="1"/>
  <c r="AC3829" i="1"/>
  <c r="AD3829" i="1" s="1"/>
  <c r="AC3830" i="1"/>
  <c r="AC3831" i="1"/>
  <c r="AC3832" i="1"/>
  <c r="AC3833" i="1"/>
  <c r="AC3834" i="1"/>
  <c r="AC3835" i="1"/>
  <c r="AD3835" i="1" s="1"/>
  <c r="AC3836" i="1"/>
  <c r="AC3837" i="1"/>
  <c r="AC3838" i="1"/>
  <c r="AC3839" i="1"/>
  <c r="AC3840" i="1"/>
  <c r="AC3841" i="1"/>
  <c r="AD3841" i="1" s="1"/>
  <c r="AC3842" i="1"/>
  <c r="AC3843" i="1"/>
  <c r="AC3844" i="1"/>
  <c r="AC3845" i="1"/>
  <c r="AC3846" i="1"/>
  <c r="AC3847" i="1"/>
  <c r="AD3847" i="1" s="1"/>
  <c r="AC3848" i="1"/>
  <c r="AC3849" i="1"/>
  <c r="AC3850" i="1"/>
  <c r="AC3851" i="1"/>
  <c r="AC3852" i="1"/>
  <c r="AC3853" i="1"/>
  <c r="AD3853" i="1" s="1"/>
  <c r="AC3854" i="1"/>
  <c r="AC3855" i="1"/>
  <c r="AC3856" i="1"/>
  <c r="AC3857" i="1"/>
  <c r="AC3858" i="1"/>
  <c r="AC3859" i="1"/>
  <c r="AD3859" i="1" s="1"/>
  <c r="AC3860" i="1"/>
  <c r="AC3861" i="1"/>
  <c r="AC3862" i="1"/>
  <c r="AC3863" i="1"/>
  <c r="AC3864" i="1"/>
  <c r="AC3865" i="1"/>
  <c r="AD3865" i="1" s="1"/>
  <c r="AC3866" i="1"/>
  <c r="AC3867" i="1"/>
  <c r="AC3868" i="1"/>
  <c r="AC3869" i="1"/>
  <c r="AC3870" i="1"/>
  <c r="AC3871" i="1"/>
  <c r="AC3872" i="1"/>
  <c r="AC3873" i="1"/>
  <c r="AC3874" i="1"/>
  <c r="AC3875" i="1"/>
  <c r="AC3876" i="1"/>
  <c r="AC3877" i="1"/>
  <c r="AD3877" i="1" s="1"/>
  <c r="AC3878" i="1"/>
  <c r="AC3879" i="1"/>
  <c r="AC3880" i="1"/>
  <c r="AC3881" i="1"/>
  <c r="AC3882" i="1"/>
  <c r="AC3883" i="1"/>
  <c r="AC3884" i="1"/>
  <c r="AC3885" i="1"/>
  <c r="AC3886" i="1"/>
  <c r="AC3887" i="1"/>
  <c r="AC3888" i="1"/>
  <c r="AC3889" i="1"/>
  <c r="AD3889" i="1" s="1"/>
  <c r="AC3890" i="1"/>
  <c r="AC3891" i="1"/>
  <c r="AC3892" i="1"/>
  <c r="AC3893" i="1"/>
  <c r="AC3894" i="1"/>
  <c r="AC3895" i="1"/>
  <c r="AD3895" i="1" s="1"/>
  <c r="AC3896" i="1"/>
  <c r="AC3897" i="1"/>
  <c r="AC3898" i="1"/>
  <c r="AC3899" i="1"/>
  <c r="AC3900" i="1"/>
  <c r="AC3901" i="1"/>
  <c r="AD3901" i="1" s="1"/>
  <c r="AC3902" i="1"/>
  <c r="AC3903" i="1"/>
  <c r="AC3904" i="1"/>
  <c r="AC3905" i="1"/>
  <c r="AC3906" i="1"/>
  <c r="AC3907" i="1"/>
  <c r="AC3908" i="1"/>
  <c r="AC3909" i="1"/>
  <c r="AC3910" i="1"/>
  <c r="AC3911" i="1"/>
  <c r="AC3912" i="1"/>
  <c r="AC3913" i="1"/>
  <c r="AD3913" i="1" s="1"/>
  <c r="AC3914" i="1"/>
  <c r="AC3915" i="1"/>
  <c r="AC3916" i="1"/>
  <c r="AC3917" i="1"/>
  <c r="AC3918" i="1"/>
  <c r="AC3919" i="1"/>
  <c r="AD3919" i="1" s="1"/>
  <c r="AC3920" i="1"/>
  <c r="AC3921" i="1"/>
  <c r="AC3922" i="1"/>
  <c r="AC3923" i="1"/>
  <c r="AC3924" i="1"/>
  <c r="AC3925" i="1"/>
  <c r="AD3925" i="1" s="1"/>
  <c r="AC3926" i="1"/>
  <c r="AC3927" i="1"/>
  <c r="AC3928" i="1"/>
  <c r="AC3929" i="1"/>
  <c r="AC3930" i="1"/>
  <c r="AC3931" i="1"/>
  <c r="AD3931" i="1" s="1"/>
  <c r="AC3932" i="1"/>
  <c r="AC3933" i="1"/>
  <c r="AC3934" i="1"/>
  <c r="AC3935" i="1"/>
  <c r="AC3936" i="1"/>
  <c r="AC3937" i="1"/>
  <c r="AD3937" i="1" s="1"/>
  <c r="AC3938" i="1"/>
  <c r="AC3939" i="1"/>
  <c r="AC3940" i="1"/>
  <c r="AC3941" i="1"/>
  <c r="AC3942" i="1"/>
  <c r="AC3943" i="1"/>
  <c r="AC3944" i="1"/>
  <c r="AC3945" i="1"/>
  <c r="AC3946" i="1"/>
  <c r="AC3947" i="1"/>
  <c r="AC3948" i="1"/>
  <c r="AC3949" i="1"/>
  <c r="AD3949" i="1" s="1"/>
  <c r="AC3950" i="1"/>
  <c r="AC3951" i="1"/>
  <c r="AC3952" i="1"/>
  <c r="AC3953" i="1"/>
  <c r="AC3954" i="1"/>
  <c r="AC3955" i="1"/>
  <c r="AC3956" i="1"/>
  <c r="AC3957" i="1"/>
  <c r="AC3958" i="1"/>
  <c r="AC3959" i="1"/>
  <c r="AC3960" i="1"/>
  <c r="AC3961" i="1"/>
  <c r="AD3961" i="1" s="1"/>
  <c r="AC3962" i="1"/>
  <c r="AC3963" i="1"/>
  <c r="AC3964" i="1"/>
  <c r="AC3965" i="1"/>
  <c r="AC3966" i="1"/>
  <c r="AC3967" i="1"/>
  <c r="AC3968" i="1"/>
  <c r="AC3969" i="1"/>
  <c r="AC3970" i="1"/>
  <c r="AC3971" i="1"/>
  <c r="AC3972" i="1"/>
  <c r="AC3973" i="1"/>
  <c r="AD3973" i="1" s="1"/>
  <c r="AC3974" i="1"/>
  <c r="AC3975" i="1"/>
  <c r="AC3976" i="1"/>
  <c r="AC3977" i="1"/>
  <c r="AC3978" i="1"/>
  <c r="AC3979" i="1"/>
  <c r="AD3979" i="1" s="1"/>
  <c r="AC3980" i="1"/>
  <c r="AC3981" i="1"/>
  <c r="AC3982" i="1"/>
  <c r="AC3983" i="1"/>
  <c r="AC3984" i="1"/>
  <c r="AC3985" i="1"/>
  <c r="AD3985" i="1" s="1"/>
  <c r="AC3986" i="1"/>
  <c r="AC3987" i="1"/>
  <c r="AC3988" i="1"/>
  <c r="AC3989" i="1"/>
  <c r="AC3990" i="1"/>
  <c r="AC3991" i="1"/>
  <c r="AD3991" i="1" s="1"/>
  <c r="AC3992" i="1"/>
  <c r="AC3993" i="1"/>
  <c r="AC3994" i="1"/>
  <c r="AC3995" i="1"/>
  <c r="AC3996" i="1"/>
  <c r="AC3997" i="1"/>
  <c r="AD3997" i="1" s="1"/>
  <c r="AC3998" i="1"/>
  <c r="AC3999" i="1"/>
  <c r="AC4000" i="1"/>
  <c r="AC4001" i="1"/>
  <c r="AC4002" i="1"/>
  <c r="AC4003" i="1"/>
  <c r="AD4003" i="1" s="1"/>
  <c r="AC4004" i="1"/>
  <c r="AC4005" i="1"/>
  <c r="AC4006" i="1"/>
  <c r="AC4007" i="1"/>
  <c r="AC4008" i="1"/>
  <c r="AC4009" i="1"/>
  <c r="AD4009" i="1" s="1"/>
  <c r="AC4010" i="1"/>
  <c r="AC4011" i="1"/>
  <c r="AC4012" i="1"/>
  <c r="AC4013" i="1"/>
  <c r="AC4014" i="1"/>
  <c r="AC4015" i="1"/>
  <c r="AC4016" i="1"/>
  <c r="AC4017" i="1"/>
  <c r="AC4018" i="1"/>
  <c r="AC4019" i="1"/>
  <c r="AC4020" i="1"/>
  <c r="AC4021" i="1"/>
  <c r="AD4021" i="1" s="1"/>
  <c r="AC4022" i="1"/>
  <c r="AC4023" i="1"/>
  <c r="AC4024" i="1"/>
  <c r="AC4025" i="1"/>
  <c r="AC4026" i="1"/>
  <c r="AC4027" i="1"/>
  <c r="AC4028" i="1"/>
  <c r="AC4029" i="1"/>
  <c r="AC4030" i="1"/>
  <c r="AC4031" i="1"/>
  <c r="AC4032" i="1"/>
  <c r="AC4033" i="1"/>
  <c r="AD4033" i="1" s="1"/>
  <c r="AC4034" i="1"/>
  <c r="AC4035" i="1"/>
  <c r="AC4036" i="1"/>
  <c r="AC4037" i="1"/>
  <c r="AC4038" i="1"/>
  <c r="AC4039" i="1"/>
  <c r="AD4039" i="1" s="1"/>
  <c r="AC4040" i="1"/>
  <c r="AC4041" i="1"/>
  <c r="AC4042" i="1"/>
  <c r="AC4043" i="1"/>
  <c r="AC4044" i="1"/>
  <c r="AC4045" i="1"/>
  <c r="AD4045" i="1" s="1"/>
  <c r="AC4046" i="1"/>
  <c r="AC4047" i="1"/>
  <c r="AC4048" i="1"/>
  <c r="AC4049" i="1"/>
  <c r="AC4050" i="1"/>
  <c r="AC4051" i="1"/>
  <c r="AC4052" i="1"/>
  <c r="AC4053" i="1"/>
  <c r="AC4054" i="1"/>
  <c r="AC4055" i="1"/>
  <c r="AC4056" i="1"/>
  <c r="AC4057" i="1"/>
  <c r="AD4057" i="1" s="1"/>
  <c r="AC4058" i="1"/>
  <c r="AC4059" i="1"/>
  <c r="AC4060" i="1"/>
  <c r="AC4061" i="1"/>
  <c r="AC4062" i="1"/>
  <c r="AC4063" i="1"/>
  <c r="AD4063" i="1" s="1"/>
  <c r="AC4064" i="1"/>
  <c r="AC4065" i="1"/>
  <c r="AC4066" i="1"/>
  <c r="AC4067" i="1"/>
  <c r="AC4068" i="1"/>
  <c r="AC4069" i="1"/>
  <c r="AD4069" i="1" s="1"/>
  <c r="AC4070" i="1"/>
  <c r="AC4071" i="1"/>
  <c r="AC4072" i="1"/>
  <c r="AC4073" i="1"/>
  <c r="AC4074" i="1"/>
  <c r="AC4075" i="1"/>
  <c r="AD4075" i="1" s="1"/>
  <c r="AC4076" i="1"/>
  <c r="AC4077" i="1"/>
  <c r="AC4078" i="1"/>
  <c r="AC4079" i="1"/>
  <c r="AC4080" i="1"/>
  <c r="AC4081" i="1"/>
  <c r="AD4081" i="1" s="1"/>
  <c r="AC4082" i="1"/>
  <c r="AC4083" i="1"/>
  <c r="AC4084" i="1"/>
  <c r="AC4085" i="1"/>
  <c r="AC4086" i="1"/>
  <c r="AC4087" i="1"/>
  <c r="AC4088" i="1"/>
  <c r="AC4089" i="1"/>
  <c r="AC4090" i="1"/>
  <c r="AC4091" i="1"/>
  <c r="AC4092" i="1"/>
  <c r="AC4093" i="1"/>
  <c r="AD4093" i="1" s="1"/>
  <c r="AC4094" i="1"/>
  <c r="AC4095" i="1"/>
  <c r="AC4096" i="1"/>
  <c r="AC4097" i="1"/>
  <c r="AC4098" i="1"/>
  <c r="AC4099" i="1"/>
  <c r="AC4100" i="1"/>
  <c r="AC4101" i="1"/>
  <c r="AC4102" i="1"/>
  <c r="AC4103" i="1"/>
  <c r="AC4104" i="1"/>
  <c r="AC4105" i="1"/>
  <c r="AD4105" i="1" s="1"/>
  <c r="AC4106" i="1"/>
  <c r="AC4107" i="1"/>
  <c r="AC4108" i="1"/>
  <c r="AC4109" i="1"/>
  <c r="AC4110" i="1"/>
  <c r="AC4111" i="1"/>
  <c r="AC4112" i="1"/>
  <c r="AC4113" i="1"/>
  <c r="AC4114" i="1"/>
  <c r="AC4115" i="1"/>
  <c r="AC4116" i="1"/>
  <c r="AC4117" i="1"/>
  <c r="AD4117" i="1" s="1"/>
  <c r="AC4118" i="1"/>
  <c r="AC4119" i="1"/>
  <c r="AC4120" i="1"/>
  <c r="AC4121" i="1"/>
  <c r="AC4122" i="1"/>
  <c r="AC4123" i="1"/>
  <c r="AD4123" i="1" s="1"/>
  <c r="AC4124" i="1"/>
  <c r="AC4125" i="1"/>
  <c r="AC4126" i="1"/>
  <c r="AC4127" i="1"/>
  <c r="AC4128" i="1"/>
  <c r="AC4129" i="1"/>
  <c r="AD4129" i="1" s="1"/>
  <c r="AC4130" i="1"/>
  <c r="AC4131" i="1"/>
  <c r="AC4132" i="1"/>
  <c r="AC4133" i="1"/>
  <c r="AC4134" i="1"/>
  <c r="AC4135" i="1"/>
  <c r="AD4135" i="1" s="1"/>
  <c r="AC4136" i="1"/>
  <c r="AC4137" i="1"/>
  <c r="AC4138" i="1"/>
  <c r="AC4139" i="1"/>
  <c r="AC4140" i="1"/>
  <c r="AC4141" i="1"/>
  <c r="AD4141" i="1" s="1"/>
  <c r="AC4142" i="1"/>
  <c r="AC4143" i="1"/>
  <c r="AC4144" i="1"/>
  <c r="AC4145" i="1"/>
  <c r="AC4146" i="1"/>
  <c r="AC4147" i="1"/>
  <c r="AD4147" i="1" s="1"/>
  <c r="AC4148" i="1"/>
  <c r="AC4149" i="1"/>
  <c r="AC4150" i="1"/>
  <c r="AC4151" i="1"/>
  <c r="AC4152" i="1"/>
  <c r="AC4153" i="1"/>
  <c r="AD4153" i="1" s="1"/>
  <c r="AC4154" i="1"/>
  <c r="AC4155" i="1"/>
  <c r="AC4156" i="1"/>
  <c r="AC4157" i="1"/>
  <c r="AC4158" i="1"/>
  <c r="AC4159" i="1"/>
  <c r="AC4160" i="1"/>
  <c r="AC4161" i="1"/>
  <c r="AC4162" i="1"/>
  <c r="AC4163" i="1"/>
  <c r="AC4164" i="1"/>
  <c r="AC4165" i="1"/>
  <c r="AD4165" i="1" s="1"/>
  <c r="AC4166" i="1"/>
  <c r="AC4167" i="1"/>
  <c r="AC4168" i="1"/>
  <c r="AC4169" i="1"/>
  <c r="AC4170" i="1"/>
  <c r="AC4171" i="1"/>
  <c r="AC4172" i="1"/>
  <c r="AC4173" i="1"/>
  <c r="AC4174" i="1"/>
  <c r="AC4175" i="1"/>
  <c r="AC4176" i="1"/>
  <c r="AC4177" i="1"/>
  <c r="AD4177" i="1" s="1"/>
  <c r="AC4178" i="1"/>
  <c r="AC4179" i="1"/>
  <c r="AC4180" i="1"/>
  <c r="AC4181" i="1"/>
  <c r="AC4182" i="1"/>
  <c r="AC4183" i="1"/>
  <c r="AD4183" i="1" s="1"/>
  <c r="AC4184" i="1"/>
  <c r="AC4185" i="1"/>
  <c r="AC4186" i="1"/>
  <c r="AC4187" i="1"/>
  <c r="AC4188" i="1"/>
  <c r="AC4189" i="1"/>
  <c r="AD4189" i="1" s="1"/>
  <c r="AC4190" i="1"/>
  <c r="AC4191" i="1"/>
  <c r="AC4192" i="1"/>
  <c r="AC4193" i="1"/>
  <c r="AC4194" i="1"/>
  <c r="AC4195" i="1"/>
  <c r="AC4196" i="1"/>
  <c r="AC4197" i="1"/>
  <c r="AC4198" i="1"/>
  <c r="AC4199" i="1"/>
  <c r="AC4200" i="1"/>
  <c r="AC4201" i="1"/>
  <c r="AD4201" i="1" s="1"/>
  <c r="AC4202" i="1"/>
  <c r="AC4203" i="1"/>
  <c r="AC4204" i="1"/>
  <c r="AC4205" i="1"/>
  <c r="AC4206" i="1"/>
  <c r="AC4207" i="1"/>
  <c r="AD4207" i="1" s="1"/>
  <c r="AC4208" i="1"/>
  <c r="AC4209" i="1"/>
  <c r="AC4210" i="1"/>
  <c r="AC4211" i="1"/>
  <c r="AC4212" i="1"/>
  <c r="AC4213" i="1"/>
  <c r="AD4213" i="1" s="1"/>
  <c r="AC4214" i="1"/>
  <c r="AC4215" i="1"/>
  <c r="AC4216" i="1"/>
  <c r="AC4217" i="1"/>
  <c r="AC4218" i="1"/>
  <c r="AC4219" i="1"/>
  <c r="AD4219" i="1" s="1"/>
  <c r="AC4220" i="1"/>
  <c r="AC4221" i="1"/>
  <c r="AC4222" i="1"/>
  <c r="AC4223" i="1"/>
  <c r="AC4224" i="1"/>
  <c r="AC4225" i="1"/>
  <c r="AD4225" i="1" s="1"/>
  <c r="AC4226" i="1"/>
  <c r="AC4227" i="1"/>
  <c r="AC4228" i="1"/>
  <c r="AC4229" i="1"/>
  <c r="AC4230" i="1"/>
  <c r="AC4231" i="1"/>
  <c r="AC4232" i="1"/>
  <c r="AC4233" i="1"/>
  <c r="AC4234" i="1"/>
  <c r="AC4235" i="1"/>
  <c r="AC4236" i="1"/>
  <c r="AC4237" i="1"/>
  <c r="AD4237" i="1" s="1"/>
  <c r="AC4238" i="1"/>
  <c r="AC4239" i="1"/>
  <c r="AC4240" i="1"/>
  <c r="AC4241" i="1"/>
  <c r="AC4242" i="1"/>
  <c r="AC4243" i="1"/>
  <c r="AC4244" i="1"/>
  <c r="AC4245" i="1"/>
  <c r="AC4246" i="1"/>
  <c r="AC4247" i="1"/>
  <c r="AC4248" i="1"/>
  <c r="AC4249" i="1"/>
  <c r="AD4249" i="1" s="1"/>
  <c r="AC4250" i="1"/>
  <c r="AC4251" i="1"/>
  <c r="AC4252" i="1"/>
  <c r="AC4253" i="1"/>
  <c r="AC4254" i="1"/>
  <c r="AC4255" i="1"/>
  <c r="AC4256" i="1"/>
  <c r="AC4257" i="1"/>
  <c r="AC4258" i="1"/>
  <c r="AC4259" i="1"/>
  <c r="AC4260" i="1"/>
  <c r="AC4261" i="1"/>
  <c r="AD4261" i="1" s="1"/>
  <c r="AC4262" i="1"/>
  <c r="AC4263" i="1"/>
  <c r="AC4264" i="1"/>
  <c r="AC4265" i="1"/>
  <c r="AC4266" i="1"/>
  <c r="AC4267" i="1"/>
  <c r="AD4267" i="1" s="1"/>
  <c r="AC4268" i="1"/>
  <c r="AC4269" i="1"/>
  <c r="AC4270" i="1"/>
  <c r="AC4271" i="1"/>
  <c r="AC4272" i="1"/>
  <c r="AC4273" i="1"/>
  <c r="AD4273" i="1" s="1"/>
  <c r="AC4274" i="1"/>
  <c r="AC4275" i="1"/>
  <c r="AC4276" i="1"/>
  <c r="AC4277" i="1"/>
  <c r="AC4278" i="1"/>
  <c r="AC4279" i="1"/>
  <c r="AD4279" i="1" s="1"/>
  <c r="AC4280" i="1"/>
  <c r="AC4281" i="1"/>
  <c r="AC4282" i="1"/>
  <c r="AC4283" i="1"/>
  <c r="AC4284" i="1"/>
  <c r="AC4285" i="1"/>
  <c r="AD4285" i="1" s="1"/>
  <c r="AC4286" i="1"/>
  <c r="AC4287" i="1"/>
  <c r="AC4288" i="1"/>
  <c r="AC4289" i="1"/>
  <c r="AC4290" i="1"/>
  <c r="AC4291" i="1"/>
  <c r="AD4291" i="1" s="1"/>
  <c r="AC4292" i="1"/>
  <c r="AC4293" i="1"/>
  <c r="AC4294" i="1"/>
  <c r="AC4295" i="1"/>
  <c r="AC4296" i="1"/>
  <c r="AC4297" i="1"/>
  <c r="AD4297" i="1" s="1"/>
  <c r="AC4298" i="1"/>
  <c r="AC4299" i="1"/>
  <c r="AC4300" i="1"/>
  <c r="AC4301" i="1"/>
  <c r="AC4302" i="1"/>
  <c r="AC4303" i="1"/>
  <c r="AC4304" i="1"/>
  <c r="AC4305" i="1"/>
  <c r="AC4306" i="1"/>
  <c r="AC4307" i="1"/>
  <c r="AC4308" i="1"/>
  <c r="AC4309" i="1"/>
  <c r="AD4309" i="1" s="1"/>
  <c r="AC4310" i="1"/>
  <c r="AC4311" i="1"/>
  <c r="AC4312" i="1"/>
  <c r="AC4313" i="1"/>
  <c r="AC4314" i="1"/>
  <c r="AC4315" i="1"/>
  <c r="AC4316" i="1"/>
  <c r="AC4317" i="1"/>
  <c r="AC4318" i="1"/>
  <c r="AC4319" i="1"/>
  <c r="AC4320" i="1"/>
  <c r="AC4321" i="1"/>
  <c r="AD4321" i="1" s="1"/>
  <c r="AC4322" i="1"/>
  <c r="AC4323" i="1"/>
  <c r="AC4324" i="1"/>
  <c r="AC4325" i="1"/>
  <c r="AC4326" i="1"/>
  <c r="AC4327" i="1"/>
  <c r="AD4327" i="1" s="1"/>
  <c r="AC4328" i="1"/>
  <c r="AC4329" i="1"/>
  <c r="AC4330" i="1"/>
  <c r="AC4331" i="1"/>
  <c r="AC4332" i="1"/>
  <c r="AC4333" i="1"/>
  <c r="AD4333" i="1" s="1"/>
  <c r="AC4334" i="1"/>
  <c r="AC4335" i="1"/>
  <c r="AC4336" i="1"/>
  <c r="AC4337" i="1"/>
  <c r="AC4338" i="1"/>
  <c r="AC4339" i="1"/>
  <c r="AC4340" i="1"/>
  <c r="AC4341" i="1"/>
  <c r="AC4342" i="1"/>
  <c r="AC4343" i="1"/>
  <c r="AC4344" i="1"/>
  <c r="AC4345" i="1"/>
  <c r="AD4345" i="1" s="1"/>
  <c r="AC4346" i="1"/>
  <c r="AC4347" i="1"/>
  <c r="AC4348" i="1"/>
  <c r="AC4349" i="1"/>
  <c r="AC4350" i="1"/>
  <c r="AC4351" i="1"/>
  <c r="AD4351" i="1" s="1"/>
  <c r="AC4352" i="1"/>
  <c r="AC4353" i="1"/>
  <c r="AC4354" i="1"/>
  <c r="AC4355" i="1"/>
  <c r="AC4356" i="1"/>
  <c r="AC4357" i="1"/>
  <c r="AD4357" i="1" s="1"/>
  <c r="AC4358" i="1"/>
  <c r="AC4359" i="1"/>
  <c r="AC4360" i="1"/>
  <c r="AC4361" i="1"/>
  <c r="AC4362" i="1"/>
  <c r="AC4363" i="1"/>
  <c r="AD4363" i="1" s="1"/>
  <c r="AC4364" i="1"/>
  <c r="AC4365" i="1"/>
  <c r="AC4366" i="1"/>
  <c r="AC4367" i="1"/>
  <c r="AC4368" i="1"/>
  <c r="AC4369" i="1"/>
  <c r="AD4369" i="1" s="1"/>
  <c r="AC4370" i="1"/>
  <c r="AC4371" i="1"/>
  <c r="AC4372" i="1"/>
  <c r="AC4373" i="1"/>
  <c r="AC4374" i="1"/>
  <c r="AC4375" i="1"/>
  <c r="AC4376" i="1"/>
  <c r="AC4377" i="1"/>
  <c r="AC4378" i="1"/>
  <c r="AC4379" i="1"/>
  <c r="AC4380" i="1"/>
  <c r="AC4381" i="1"/>
  <c r="AD4381" i="1" s="1"/>
  <c r="AC4382" i="1"/>
  <c r="AC4383" i="1"/>
  <c r="AC4384" i="1"/>
  <c r="AC4385" i="1"/>
  <c r="AC4386" i="1"/>
  <c r="AC4387" i="1"/>
  <c r="AC4388" i="1"/>
  <c r="AC4389" i="1"/>
  <c r="AC4390" i="1"/>
  <c r="AC4391" i="1"/>
  <c r="AC4392" i="1"/>
  <c r="AC4393" i="1"/>
  <c r="AD4393" i="1" s="1"/>
  <c r="AC4394" i="1"/>
  <c r="AC4395" i="1"/>
  <c r="AC4396" i="1"/>
  <c r="AC4397" i="1"/>
  <c r="AC4398" i="1"/>
  <c r="AC4399" i="1"/>
  <c r="AC4400" i="1"/>
  <c r="AC4401" i="1"/>
  <c r="AC4402" i="1"/>
  <c r="AC4403" i="1"/>
  <c r="AC4404" i="1"/>
  <c r="AC4405" i="1"/>
  <c r="AD4405" i="1" s="1"/>
  <c r="AC4406" i="1"/>
  <c r="AC4407" i="1"/>
  <c r="AC4408" i="1"/>
  <c r="AC4409" i="1"/>
  <c r="AC4410" i="1"/>
  <c r="AC4411" i="1"/>
  <c r="AD4411" i="1" s="1"/>
  <c r="AC4412" i="1"/>
  <c r="AC4413" i="1"/>
  <c r="AC4414" i="1"/>
  <c r="AC4415" i="1"/>
  <c r="AC4416" i="1"/>
  <c r="AC4417" i="1"/>
  <c r="AD4417" i="1" s="1"/>
  <c r="AC4418" i="1"/>
  <c r="AC4419" i="1"/>
  <c r="AC4420" i="1"/>
  <c r="AC4421" i="1"/>
  <c r="AC4422" i="1"/>
  <c r="AC4423" i="1"/>
  <c r="AD4423" i="1" s="1"/>
  <c r="AC4424" i="1"/>
  <c r="AC4425" i="1"/>
  <c r="AC4426" i="1"/>
  <c r="AC4427" i="1"/>
  <c r="AC4428" i="1"/>
  <c r="AC4429" i="1"/>
  <c r="AD4429" i="1" s="1"/>
  <c r="AC4430" i="1"/>
  <c r="AC4431" i="1"/>
  <c r="AC4432" i="1"/>
  <c r="AC4433" i="1"/>
  <c r="AC4434" i="1"/>
  <c r="AC4435" i="1"/>
  <c r="AD4435" i="1" s="1"/>
  <c r="AC4436" i="1"/>
  <c r="AC4437" i="1"/>
  <c r="AC4438" i="1"/>
  <c r="AC4439" i="1"/>
  <c r="AC4440" i="1"/>
  <c r="AC4441" i="1"/>
  <c r="AD4441" i="1" s="1"/>
  <c r="AC4442" i="1"/>
  <c r="AC4443" i="1"/>
  <c r="AC4444" i="1"/>
  <c r="AC4445" i="1"/>
  <c r="AC4446" i="1"/>
  <c r="AC4447" i="1"/>
  <c r="AC4448" i="1"/>
  <c r="AC4449" i="1"/>
  <c r="AC4450" i="1"/>
  <c r="AC4451" i="1"/>
  <c r="AC4452" i="1"/>
  <c r="AC4453" i="1"/>
  <c r="AD4453" i="1" s="1"/>
  <c r="AC4454" i="1"/>
  <c r="AC4455" i="1"/>
  <c r="AC4456" i="1"/>
  <c r="AC4457" i="1"/>
  <c r="AC4458" i="1"/>
  <c r="AC4459" i="1"/>
  <c r="AC4460" i="1"/>
  <c r="AC4461" i="1"/>
  <c r="AC4462" i="1"/>
  <c r="AC4463" i="1"/>
  <c r="AC4464" i="1"/>
  <c r="AC4465" i="1"/>
  <c r="AD4465" i="1" s="1"/>
  <c r="AC4466" i="1"/>
  <c r="AC4467" i="1"/>
  <c r="AC4468" i="1"/>
  <c r="AC4469" i="1"/>
  <c r="AC4470" i="1"/>
  <c r="AC4471" i="1"/>
  <c r="AD4471" i="1" s="1"/>
  <c r="AC4472" i="1"/>
  <c r="AC4473" i="1"/>
  <c r="AC4474" i="1"/>
  <c r="AC4475" i="1"/>
  <c r="AC4476" i="1"/>
  <c r="AC4477" i="1"/>
  <c r="AD4477" i="1" s="1"/>
  <c r="AC4478" i="1"/>
  <c r="AC4479" i="1"/>
  <c r="AC4480" i="1"/>
  <c r="AC4481" i="1"/>
  <c r="AC4482" i="1"/>
  <c r="AC4483" i="1"/>
  <c r="AC4484" i="1"/>
  <c r="AC4485" i="1"/>
  <c r="AC4486" i="1"/>
  <c r="AC4487" i="1"/>
  <c r="AC4488" i="1"/>
  <c r="AC4489" i="1"/>
  <c r="AD4489" i="1" s="1"/>
  <c r="AC4490" i="1"/>
  <c r="AC4491" i="1"/>
  <c r="AC4492" i="1"/>
  <c r="AC4493" i="1"/>
  <c r="AC4494" i="1"/>
  <c r="AC4495" i="1"/>
  <c r="AD4495" i="1" s="1"/>
  <c r="AC4496" i="1"/>
  <c r="AC4497" i="1"/>
  <c r="AC4498" i="1"/>
  <c r="AC4499" i="1"/>
  <c r="AC4500" i="1"/>
  <c r="AC4501" i="1"/>
  <c r="AD4501" i="1" s="1"/>
  <c r="AC4502" i="1"/>
  <c r="AC4503" i="1"/>
  <c r="AC4504" i="1"/>
  <c r="AC4505" i="1"/>
  <c r="AC4506" i="1"/>
  <c r="AC4507" i="1"/>
  <c r="AC4508" i="1"/>
  <c r="AC4509" i="1"/>
  <c r="AC4510" i="1"/>
  <c r="AC4511" i="1"/>
  <c r="AC4512" i="1"/>
  <c r="AC4513" i="1"/>
  <c r="AD4513" i="1" s="1"/>
  <c r="AC4514" i="1"/>
  <c r="AC4515" i="1"/>
  <c r="AC4516" i="1"/>
  <c r="AC4517" i="1"/>
  <c r="AC4518" i="1"/>
  <c r="AC4519" i="1"/>
  <c r="AC4520" i="1"/>
  <c r="AC4521" i="1"/>
  <c r="AC4522" i="1"/>
  <c r="AC4523" i="1"/>
  <c r="AC4524" i="1"/>
  <c r="AC4525" i="1"/>
  <c r="AD4525" i="1" s="1"/>
  <c r="AC4526" i="1"/>
  <c r="AC4527" i="1"/>
  <c r="AC4528" i="1"/>
  <c r="AC4529" i="1"/>
  <c r="AC4530" i="1"/>
  <c r="AC4531" i="1"/>
  <c r="AC4532" i="1"/>
  <c r="AC4533" i="1"/>
  <c r="AC4534" i="1"/>
  <c r="AC4535" i="1"/>
  <c r="AC4536" i="1"/>
  <c r="AC4537" i="1"/>
  <c r="AD4537" i="1" s="1"/>
  <c r="AC4538" i="1"/>
  <c r="AC4539" i="1"/>
  <c r="AC4540" i="1"/>
  <c r="AC4541" i="1"/>
  <c r="AC4542" i="1"/>
  <c r="AC4543" i="1"/>
  <c r="AC4544" i="1"/>
  <c r="AC4545" i="1"/>
  <c r="AC4546" i="1"/>
  <c r="AC4547" i="1"/>
  <c r="AC4548" i="1"/>
  <c r="AC4549" i="1"/>
  <c r="AD4549" i="1" s="1"/>
  <c r="AC4550" i="1"/>
  <c r="AC4551" i="1"/>
  <c r="AC4552" i="1"/>
  <c r="AC4553" i="1"/>
  <c r="AC4554" i="1"/>
  <c r="AC4555" i="1"/>
  <c r="AC4556" i="1"/>
  <c r="AC4557" i="1"/>
  <c r="AC4558" i="1"/>
  <c r="AC4559" i="1"/>
  <c r="AC4560" i="1"/>
  <c r="AC4561" i="1"/>
  <c r="AD4561" i="1" s="1"/>
  <c r="AC4562" i="1"/>
  <c r="AC4563" i="1"/>
  <c r="AC4564" i="1"/>
  <c r="AC4565" i="1"/>
  <c r="AC4566" i="1"/>
  <c r="AC4567" i="1"/>
  <c r="AD4567" i="1" s="1"/>
  <c r="AC4568" i="1"/>
  <c r="AC4569" i="1"/>
  <c r="AC4570" i="1"/>
  <c r="AC4571" i="1"/>
  <c r="AC4572" i="1"/>
  <c r="AC4573" i="1"/>
  <c r="AD4573" i="1" s="1"/>
  <c r="AC4574" i="1"/>
  <c r="AC4575" i="1"/>
  <c r="AC4576" i="1"/>
  <c r="AC4577" i="1"/>
  <c r="AC4578" i="1"/>
  <c r="AC4579" i="1"/>
  <c r="AD4579" i="1" s="1"/>
  <c r="AC4580" i="1"/>
  <c r="AC4581" i="1"/>
  <c r="AC4582" i="1"/>
  <c r="AC4583" i="1"/>
  <c r="AC4584" i="1"/>
  <c r="AC4585" i="1"/>
  <c r="AD4585" i="1" s="1"/>
  <c r="AC4586" i="1"/>
  <c r="AC4587" i="1"/>
  <c r="AC4588" i="1"/>
  <c r="AC4589" i="1"/>
  <c r="AC4590" i="1"/>
  <c r="AC4591" i="1"/>
  <c r="AC4592" i="1"/>
  <c r="AC4593" i="1"/>
  <c r="AC4594" i="1"/>
  <c r="AC4595" i="1"/>
  <c r="AC4596" i="1"/>
  <c r="AC4597" i="1"/>
  <c r="AD4597" i="1" s="1"/>
  <c r="AC4598" i="1"/>
  <c r="AC4599" i="1"/>
  <c r="AC4600" i="1"/>
  <c r="AC4601" i="1"/>
  <c r="AC4602" i="1"/>
  <c r="AC4603" i="1"/>
  <c r="AC4604" i="1"/>
  <c r="AC4605" i="1"/>
  <c r="AC4606" i="1"/>
  <c r="AC4607" i="1"/>
  <c r="AC4608" i="1"/>
  <c r="AC4609" i="1"/>
  <c r="AD4609" i="1" s="1"/>
  <c r="AC4610" i="1"/>
  <c r="AC4611" i="1"/>
  <c r="AC4612" i="1"/>
  <c r="AC4613" i="1"/>
  <c r="AC4614" i="1"/>
  <c r="AC4615" i="1"/>
  <c r="AD4615" i="1" s="1"/>
  <c r="AC4616" i="1"/>
  <c r="AC4617" i="1"/>
  <c r="AC4618" i="1"/>
  <c r="AC4619" i="1"/>
  <c r="AC4620" i="1"/>
  <c r="AC4621" i="1"/>
  <c r="AD4621" i="1" s="1"/>
  <c r="AC4622" i="1"/>
  <c r="AC4623" i="1"/>
  <c r="AC4624" i="1"/>
  <c r="AC4625" i="1"/>
  <c r="AC4626" i="1"/>
  <c r="AC4627" i="1"/>
  <c r="AC4628" i="1"/>
  <c r="AC4629" i="1"/>
  <c r="AC4630" i="1"/>
  <c r="AC4631" i="1"/>
  <c r="AC4632" i="1"/>
  <c r="AC4633" i="1"/>
  <c r="AD4633" i="1" s="1"/>
  <c r="AC4634" i="1"/>
  <c r="AC4635" i="1"/>
  <c r="AC4636" i="1"/>
  <c r="AC4637" i="1"/>
  <c r="AC4638" i="1"/>
  <c r="AC4639" i="1"/>
  <c r="AD4639" i="1" s="1"/>
  <c r="AC4640" i="1"/>
  <c r="AC4641" i="1"/>
  <c r="AC4642" i="1"/>
  <c r="AC4643" i="1"/>
  <c r="AC4644" i="1"/>
  <c r="AC4645" i="1"/>
  <c r="AD4645" i="1" s="1"/>
  <c r="AC4646" i="1"/>
  <c r="AC4647" i="1"/>
  <c r="AC4648" i="1"/>
  <c r="AC4649" i="1"/>
  <c r="AC4650" i="1"/>
  <c r="AC4651" i="1"/>
  <c r="AC4652" i="1"/>
  <c r="AC4653" i="1"/>
  <c r="AC4654" i="1"/>
  <c r="AC4655" i="1"/>
  <c r="AC4656" i="1"/>
  <c r="AC4657" i="1"/>
  <c r="AD4657" i="1" s="1"/>
  <c r="AC4658" i="1"/>
  <c r="AC4659" i="1"/>
  <c r="AC4660" i="1"/>
  <c r="AC4661" i="1"/>
  <c r="AC4662" i="1"/>
  <c r="AC4663" i="1"/>
  <c r="AC4664" i="1"/>
  <c r="AC4665" i="1"/>
  <c r="AC4666" i="1"/>
  <c r="AC4667" i="1"/>
  <c r="AC4668" i="1"/>
  <c r="AC4669" i="1"/>
  <c r="AD4669" i="1" s="1"/>
  <c r="AC4670" i="1"/>
  <c r="AC4671" i="1"/>
  <c r="AC4672" i="1"/>
  <c r="AC4673" i="1"/>
  <c r="AC4674" i="1"/>
  <c r="AC4675" i="1"/>
  <c r="AC4676" i="1"/>
  <c r="AC4677" i="1"/>
  <c r="AC4678" i="1"/>
  <c r="AC4679" i="1"/>
  <c r="AC4680" i="1"/>
  <c r="AC4681" i="1"/>
  <c r="AD4681" i="1" s="1"/>
  <c r="AC4682" i="1"/>
  <c r="AC4683" i="1"/>
  <c r="AC4684" i="1"/>
  <c r="AC4685" i="1"/>
  <c r="AC4686" i="1"/>
  <c r="AC4687" i="1"/>
  <c r="AC4688" i="1"/>
  <c r="AC4689" i="1"/>
  <c r="AC4690" i="1"/>
  <c r="AC4691" i="1"/>
  <c r="AC4692" i="1"/>
  <c r="AC4693" i="1"/>
  <c r="AD4693" i="1" s="1"/>
  <c r="AC4694" i="1"/>
  <c r="AC4695" i="1"/>
  <c r="AC4696" i="1"/>
  <c r="AC4697" i="1"/>
  <c r="AC4698" i="1"/>
  <c r="AC4699" i="1"/>
  <c r="AC4700" i="1"/>
  <c r="AC4701" i="1"/>
  <c r="AC4702" i="1"/>
  <c r="AC4703" i="1"/>
  <c r="AC4704" i="1"/>
  <c r="AC4705" i="1"/>
  <c r="AD4705" i="1" s="1"/>
  <c r="AC4706" i="1"/>
  <c r="AC4707" i="1"/>
  <c r="AC4708" i="1"/>
  <c r="AC4709" i="1"/>
  <c r="AC4710" i="1"/>
  <c r="AC4711" i="1"/>
  <c r="AD4711" i="1" s="1"/>
  <c r="AC4712" i="1"/>
  <c r="AC4713" i="1"/>
  <c r="AC4714" i="1"/>
  <c r="AC4715" i="1"/>
  <c r="AC4716" i="1"/>
  <c r="AC4717" i="1"/>
  <c r="AD4717" i="1" s="1"/>
  <c r="AC4718" i="1"/>
  <c r="AC4719" i="1"/>
  <c r="AC4720" i="1"/>
  <c r="AC4721" i="1"/>
  <c r="AC4722" i="1"/>
  <c r="AC4723" i="1"/>
  <c r="AD4723" i="1" s="1"/>
  <c r="AC4724" i="1"/>
  <c r="AC4725" i="1"/>
  <c r="AC4726" i="1"/>
  <c r="AC4727" i="1"/>
  <c r="AC4728" i="1"/>
  <c r="AC4729" i="1"/>
  <c r="AD4729" i="1" s="1"/>
  <c r="AC4730" i="1"/>
  <c r="AC4731" i="1"/>
  <c r="AC4732" i="1"/>
  <c r="AC4733" i="1"/>
  <c r="AC4734" i="1"/>
  <c r="AC4735" i="1"/>
  <c r="AC4736" i="1"/>
  <c r="AC4737" i="1"/>
  <c r="AC4738" i="1"/>
  <c r="AC4739" i="1"/>
  <c r="AC4740" i="1"/>
  <c r="AC4741" i="1"/>
  <c r="AD4741" i="1" s="1"/>
  <c r="AC4742" i="1"/>
  <c r="AC4743" i="1"/>
  <c r="AC4744" i="1"/>
  <c r="AC4745" i="1"/>
  <c r="AC4746" i="1"/>
  <c r="AC4747" i="1"/>
  <c r="AC4748" i="1"/>
  <c r="AC4749" i="1"/>
  <c r="AC4750" i="1"/>
  <c r="AC4751" i="1"/>
  <c r="AC4752" i="1"/>
  <c r="AC4753" i="1"/>
  <c r="AD4753" i="1" s="1"/>
  <c r="AC4754" i="1"/>
  <c r="AC4755" i="1"/>
  <c r="AC4756" i="1"/>
  <c r="AC4757" i="1"/>
  <c r="AC4758" i="1"/>
  <c r="AC4759" i="1"/>
  <c r="AD4759" i="1" s="1"/>
  <c r="AC4760" i="1"/>
  <c r="AC4761" i="1"/>
  <c r="AC4762" i="1"/>
  <c r="AC4763" i="1"/>
  <c r="AC4764" i="1"/>
  <c r="AC4765" i="1"/>
  <c r="AD4765" i="1" s="1"/>
  <c r="AC4766" i="1"/>
  <c r="AC4767" i="1"/>
  <c r="AC4768" i="1"/>
  <c r="AC4769" i="1"/>
  <c r="AC4770" i="1"/>
  <c r="AC4771" i="1"/>
  <c r="AC4772" i="1"/>
  <c r="AC4773" i="1"/>
  <c r="AC4774" i="1"/>
  <c r="AC4775" i="1"/>
  <c r="AC4776" i="1"/>
  <c r="AC4777" i="1"/>
  <c r="AD4777" i="1" s="1"/>
  <c r="AC4778" i="1"/>
  <c r="AC4779" i="1"/>
  <c r="AC4780" i="1"/>
  <c r="AC4781" i="1"/>
  <c r="AC4782" i="1"/>
  <c r="AC4783" i="1"/>
  <c r="AD4783" i="1" s="1"/>
  <c r="AC4784" i="1"/>
  <c r="AC4785" i="1"/>
  <c r="AC4786" i="1"/>
  <c r="AC4787" i="1"/>
  <c r="AC4788" i="1"/>
  <c r="AC4789" i="1"/>
  <c r="AD4789" i="1" s="1"/>
  <c r="AC4790" i="1"/>
  <c r="AC4791" i="1"/>
  <c r="AC4792" i="1"/>
  <c r="AC4793" i="1"/>
  <c r="AC4794" i="1"/>
  <c r="AC4795" i="1"/>
  <c r="AC4796" i="1"/>
  <c r="AC4797" i="1"/>
  <c r="AC4798" i="1"/>
  <c r="AC4799" i="1"/>
  <c r="AC4800" i="1"/>
  <c r="AC4801" i="1"/>
  <c r="AD4801" i="1" s="1"/>
  <c r="AC4802" i="1"/>
  <c r="AC4803" i="1"/>
  <c r="AC4804" i="1"/>
  <c r="AC4805" i="1"/>
  <c r="AC4806" i="1"/>
  <c r="AC4807" i="1"/>
  <c r="AC4808" i="1"/>
  <c r="AC4809" i="1"/>
  <c r="AC4810" i="1"/>
  <c r="AC4811" i="1"/>
  <c r="AC4812" i="1"/>
  <c r="AC4813" i="1"/>
  <c r="AD4813" i="1" s="1"/>
  <c r="AC4814" i="1"/>
  <c r="AC4815" i="1"/>
  <c r="AC4816" i="1"/>
  <c r="AC4817" i="1"/>
  <c r="AC4818" i="1"/>
  <c r="AC4819" i="1"/>
  <c r="AC4820" i="1"/>
  <c r="AC4821" i="1"/>
  <c r="AC4822" i="1"/>
  <c r="AC4823" i="1"/>
  <c r="AC4824" i="1"/>
  <c r="AC4825" i="1"/>
  <c r="AD4825" i="1" s="1"/>
  <c r="AC4826" i="1"/>
  <c r="AC4827" i="1"/>
  <c r="AC4828" i="1"/>
  <c r="AC4829" i="1"/>
  <c r="AC4830" i="1"/>
  <c r="AC4831" i="1"/>
  <c r="AC4832" i="1"/>
  <c r="AC4833" i="1"/>
  <c r="AC4834" i="1"/>
  <c r="AC4835" i="1"/>
  <c r="AC4836" i="1"/>
  <c r="AC4837" i="1"/>
  <c r="AD4837" i="1" s="1"/>
  <c r="AC4838" i="1"/>
  <c r="AC4839" i="1"/>
  <c r="AC4840" i="1"/>
  <c r="AC4841" i="1"/>
  <c r="AC4842" i="1"/>
  <c r="AC4843" i="1"/>
  <c r="AC4844" i="1"/>
  <c r="AC4845" i="1"/>
  <c r="AC4846" i="1"/>
  <c r="AC4847" i="1"/>
  <c r="AC4848" i="1"/>
  <c r="AC4849" i="1"/>
  <c r="AD4849" i="1" s="1"/>
  <c r="AC4850" i="1"/>
  <c r="AC4851" i="1"/>
  <c r="AC4852" i="1"/>
  <c r="AC4853" i="1"/>
  <c r="AC4854" i="1"/>
  <c r="AC4855" i="1"/>
  <c r="AD4855" i="1" s="1"/>
  <c r="AC4856" i="1"/>
  <c r="AC4857" i="1"/>
  <c r="AC4858" i="1"/>
  <c r="AC4859" i="1"/>
  <c r="AC4860" i="1"/>
  <c r="AC4861" i="1"/>
  <c r="AD4861" i="1" s="1"/>
  <c r="AC4862" i="1"/>
  <c r="AC4863" i="1"/>
  <c r="AC4864" i="1"/>
  <c r="AC4865" i="1"/>
  <c r="AC4866" i="1"/>
  <c r="AC4867" i="1"/>
  <c r="AD4867" i="1" s="1"/>
  <c r="AC4868" i="1"/>
  <c r="AC4869" i="1"/>
  <c r="AC4870" i="1"/>
  <c r="AC4871" i="1"/>
  <c r="AC4872" i="1"/>
  <c r="AC4873" i="1"/>
  <c r="AD4873" i="1" s="1"/>
  <c r="AC4874" i="1"/>
  <c r="AC4875" i="1"/>
  <c r="AC4876" i="1"/>
  <c r="AC4877" i="1"/>
  <c r="AC4878" i="1"/>
  <c r="AC4879" i="1"/>
  <c r="AC4880" i="1"/>
  <c r="AC4881" i="1"/>
  <c r="AC4882" i="1"/>
  <c r="AC4883" i="1"/>
  <c r="AC4884" i="1"/>
  <c r="AC4885" i="1"/>
  <c r="AD4885" i="1" s="1"/>
  <c r="AC4886" i="1"/>
  <c r="AC4887" i="1"/>
  <c r="AC4888" i="1"/>
  <c r="AC4889" i="1"/>
  <c r="AC4890" i="1"/>
  <c r="AC4891" i="1"/>
  <c r="AC4892" i="1"/>
  <c r="AC4893" i="1"/>
  <c r="AC4894" i="1"/>
  <c r="AC4895" i="1"/>
  <c r="AC4896" i="1"/>
  <c r="AC4897" i="1"/>
  <c r="AD4897" i="1" s="1"/>
  <c r="AC4898" i="1"/>
  <c r="AC4899" i="1"/>
  <c r="AC4900" i="1"/>
  <c r="AC4901" i="1"/>
  <c r="AC4902" i="1"/>
  <c r="AC4903" i="1"/>
  <c r="AD4903" i="1" s="1"/>
  <c r="AC4904" i="1"/>
  <c r="AC4905" i="1"/>
  <c r="AC4906" i="1"/>
  <c r="AC4907" i="1"/>
  <c r="AC4908" i="1"/>
  <c r="AC4909" i="1"/>
  <c r="AD4909" i="1" s="1"/>
  <c r="AC4910" i="1"/>
  <c r="AC4911" i="1"/>
  <c r="AC4912" i="1"/>
  <c r="AC4913" i="1"/>
  <c r="AC4914" i="1"/>
  <c r="AC4915" i="1"/>
  <c r="AC4916" i="1"/>
  <c r="AC4917" i="1"/>
  <c r="AC4918" i="1"/>
  <c r="AC4919" i="1"/>
  <c r="AC4920" i="1"/>
  <c r="AC4921" i="1"/>
  <c r="AD4921" i="1" s="1"/>
  <c r="AC4922" i="1"/>
  <c r="AC4923" i="1"/>
  <c r="AC4924" i="1"/>
  <c r="AC4925" i="1"/>
  <c r="AC4926" i="1"/>
  <c r="AC4927" i="1"/>
  <c r="AD4927" i="1" s="1"/>
  <c r="AC4928" i="1"/>
  <c r="AC4929" i="1"/>
  <c r="AC4930" i="1"/>
  <c r="AC4931" i="1"/>
  <c r="AC4932" i="1"/>
  <c r="AC4933" i="1"/>
  <c r="AD4933" i="1" s="1"/>
  <c r="AC4934" i="1"/>
  <c r="AC4935" i="1"/>
  <c r="AC4936" i="1"/>
  <c r="AC4937" i="1"/>
  <c r="AC4938" i="1"/>
  <c r="AC4939" i="1"/>
  <c r="AC4940" i="1"/>
  <c r="AC4941" i="1"/>
  <c r="AC4942" i="1"/>
  <c r="AC4943" i="1"/>
  <c r="AC4944" i="1"/>
  <c r="AC4945" i="1"/>
  <c r="AD4945" i="1" s="1"/>
  <c r="AC4946" i="1"/>
  <c r="AC4947" i="1"/>
  <c r="AC4948" i="1"/>
  <c r="AC4949" i="1"/>
  <c r="AC4950" i="1"/>
  <c r="AC4951" i="1"/>
  <c r="AC4952" i="1"/>
  <c r="AC4953" i="1"/>
  <c r="AC4954" i="1"/>
  <c r="AC4955" i="1"/>
  <c r="AC4956" i="1"/>
  <c r="AC4957" i="1"/>
  <c r="AD4957" i="1" s="1"/>
  <c r="AC4958" i="1"/>
  <c r="AC4959" i="1"/>
  <c r="AC4960" i="1"/>
  <c r="AC4961" i="1"/>
  <c r="AC4962" i="1"/>
  <c r="AC4963" i="1"/>
  <c r="AC4964" i="1"/>
  <c r="AC4965" i="1"/>
  <c r="AC4966" i="1"/>
  <c r="AC4967" i="1"/>
  <c r="AC4968" i="1"/>
  <c r="AC4969" i="1"/>
  <c r="AD4969" i="1" s="1"/>
  <c r="AC4970" i="1"/>
  <c r="AC4971" i="1"/>
  <c r="AC4972" i="1"/>
  <c r="AC4973" i="1"/>
  <c r="AC4974" i="1"/>
  <c r="AC4975" i="1"/>
  <c r="AC4976" i="1"/>
  <c r="AC4977" i="1"/>
  <c r="AC4978" i="1"/>
  <c r="AC4979" i="1"/>
  <c r="AC4980" i="1"/>
  <c r="AC4981" i="1"/>
  <c r="AD4981" i="1" s="1"/>
  <c r="AC4982" i="1"/>
  <c r="AC4983" i="1"/>
  <c r="AC4984" i="1"/>
  <c r="AC4985" i="1"/>
  <c r="AC4986" i="1"/>
  <c r="AC4987" i="1"/>
  <c r="AC4988" i="1"/>
  <c r="AC4989" i="1"/>
  <c r="AC4990" i="1"/>
  <c r="AC4991" i="1"/>
  <c r="AC4992" i="1"/>
  <c r="AC4993" i="1"/>
  <c r="AD4993" i="1" s="1"/>
  <c r="AC4994" i="1"/>
  <c r="AC4995" i="1"/>
  <c r="AC4996" i="1"/>
  <c r="AC4997" i="1"/>
  <c r="AC4998" i="1"/>
  <c r="AC4999" i="1"/>
  <c r="AD4999" i="1" s="1"/>
  <c r="AC5000" i="1"/>
  <c r="AC5001" i="1"/>
  <c r="AC5002" i="1"/>
  <c r="AC5003" i="1"/>
  <c r="AC5004" i="1"/>
  <c r="AC5005" i="1"/>
  <c r="AD5005" i="1" s="1"/>
  <c r="AC5006" i="1"/>
  <c r="AC5007" i="1"/>
  <c r="AC5008" i="1"/>
  <c r="AC5009" i="1"/>
  <c r="AC5010" i="1"/>
  <c r="AC5011" i="1"/>
  <c r="AD5011" i="1" s="1"/>
  <c r="AC5012" i="1"/>
  <c r="AC5013" i="1"/>
  <c r="AC5014" i="1"/>
  <c r="AC5015" i="1"/>
  <c r="AC5016" i="1"/>
  <c r="AC5017" i="1"/>
  <c r="AD5017" i="1" s="1"/>
  <c r="AC5018" i="1"/>
  <c r="AC5019" i="1"/>
  <c r="AC5020" i="1"/>
  <c r="AC5021" i="1"/>
  <c r="AC5022" i="1"/>
  <c r="AC5023" i="1"/>
  <c r="AC5024" i="1"/>
  <c r="AC5025" i="1"/>
  <c r="AC5026" i="1"/>
  <c r="AC5027" i="1"/>
  <c r="AC5028" i="1"/>
  <c r="AC5029" i="1"/>
  <c r="AD5029" i="1" s="1"/>
  <c r="AC5030" i="1"/>
  <c r="AC5031" i="1"/>
  <c r="AC5032" i="1"/>
  <c r="AC5033" i="1"/>
  <c r="AC5034" i="1"/>
  <c r="AC5035" i="1"/>
  <c r="AC5036" i="1"/>
  <c r="AC5037" i="1"/>
  <c r="AC5038" i="1"/>
  <c r="AC5039" i="1"/>
  <c r="AC5040" i="1"/>
  <c r="AC5041" i="1"/>
  <c r="AD5041" i="1" s="1"/>
  <c r="AC5042" i="1"/>
  <c r="AC5043" i="1"/>
  <c r="AC5044" i="1"/>
  <c r="AC5045" i="1"/>
  <c r="AC5046" i="1"/>
  <c r="AC5047" i="1"/>
  <c r="AD5047" i="1" s="1"/>
  <c r="AC5048" i="1"/>
  <c r="AC5049" i="1"/>
  <c r="AC5050" i="1"/>
  <c r="AC5051" i="1"/>
  <c r="AC5052" i="1"/>
  <c r="AC5053" i="1"/>
  <c r="AD5053" i="1" s="1"/>
  <c r="AC5054" i="1"/>
  <c r="AC5055" i="1"/>
  <c r="AC5056" i="1"/>
  <c r="AC5057" i="1"/>
  <c r="AC5058" i="1"/>
  <c r="AC5059" i="1"/>
  <c r="AC5060" i="1"/>
  <c r="AC5061" i="1"/>
  <c r="AC5062" i="1"/>
  <c r="AC5063" i="1"/>
  <c r="AC5064" i="1"/>
  <c r="AC5065" i="1"/>
  <c r="AD5065" i="1" s="1"/>
  <c r="AC5066" i="1"/>
  <c r="AC5067" i="1"/>
  <c r="AC5068" i="1"/>
  <c r="AC5069" i="1"/>
  <c r="AC5070" i="1"/>
  <c r="AC5071" i="1"/>
  <c r="AD5071" i="1" s="1"/>
  <c r="AC5072" i="1"/>
  <c r="AC5073" i="1"/>
  <c r="AC5074" i="1"/>
  <c r="AC5075" i="1"/>
  <c r="AC5076" i="1"/>
  <c r="AC5077" i="1"/>
  <c r="AD5077" i="1" s="1"/>
  <c r="AC5078" i="1"/>
  <c r="AC5079" i="1"/>
  <c r="AC5080" i="1"/>
  <c r="AC5081" i="1"/>
  <c r="AC5082" i="1"/>
  <c r="AC5083" i="1"/>
  <c r="AC5084" i="1"/>
  <c r="AC5085" i="1"/>
  <c r="AC5086" i="1"/>
  <c r="AC5087" i="1"/>
  <c r="AC5088" i="1"/>
  <c r="AC5089" i="1"/>
  <c r="AD5089" i="1" s="1"/>
  <c r="AC5090" i="1"/>
  <c r="AC5091" i="1"/>
  <c r="AC5092" i="1"/>
  <c r="AC5093" i="1"/>
  <c r="AC5094" i="1"/>
  <c r="AC5095" i="1"/>
  <c r="AC5096" i="1"/>
  <c r="AC5097" i="1"/>
  <c r="AC5098" i="1"/>
  <c r="AC5099" i="1"/>
  <c r="AC5100" i="1"/>
  <c r="AC5101" i="1"/>
  <c r="AD5101" i="1" s="1"/>
  <c r="AC5102" i="1"/>
  <c r="AC5103" i="1"/>
  <c r="AC5104" i="1"/>
  <c r="AC5105" i="1"/>
  <c r="AC5106" i="1"/>
  <c r="AC5107" i="1"/>
  <c r="AC5108" i="1"/>
  <c r="AC5109" i="1"/>
  <c r="AC5110" i="1"/>
  <c r="AC5111" i="1"/>
  <c r="AC5112" i="1"/>
  <c r="AC5113" i="1"/>
  <c r="AD5113" i="1" s="1"/>
  <c r="AC5114" i="1"/>
  <c r="AC5115" i="1"/>
  <c r="AC5116" i="1"/>
  <c r="AC5117" i="1"/>
  <c r="AC5118" i="1"/>
  <c r="AC5119" i="1"/>
  <c r="AC5120" i="1"/>
  <c r="AC5121" i="1"/>
  <c r="AC5122" i="1"/>
  <c r="AC5123" i="1"/>
  <c r="AC5124" i="1"/>
  <c r="AC5125" i="1"/>
  <c r="AD5125" i="1" s="1"/>
  <c r="AC5126" i="1"/>
  <c r="AC5127" i="1"/>
  <c r="AC5128" i="1"/>
  <c r="AC5129" i="1"/>
  <c r="AC5130" i="1"/>
  <c r="AC5131" i="1"/>
  <c r="AC5132" i="1"/>
  <c r="AC5133" i="1"/>
  <c r="AC5134" i="1"/>
  <c r="AC5135" i="1"/>
  <c r="AC5136" i="1"/>
  <c r="AC5137" i="1"/>
  <c r="AD5137" i="1" s="1"/>
  <c r="AC5138" i="1"/>
  <c r="AC5139" i="1"/>
  <c r="AC5140" i="1"/>
  <c r="AC5141" i="1"/>
  <c r="AC5142" i="1"/>
  <c r="AC5143" i="1"/>
  <c r="AD5143" i="1" s="1"/>
  <c r="AC5144" i="1"/>
  <c r="AC5145" i="1"/>
  <c r="AC5146" i="1"/>
  <c r="AC5147" i="1"/>
  <c r="AC5148" i="1"/>
  <c r="AC5149" i="1"/>
  <c r="AD5149" i="1" s="1"/>
  <c r="AC5150" i="1"/>
  <c r="AC5151" i="1"/>
  <c r="AC5152" i="1"/>
  <c r="AC5153" i="1"/>
  <c r="AC5154" i="1"/>
  <c r="AC5155" i="1"/>
  <c r="AD5155" i="1" s="1"/>
  <c r="AC5156" i="1"/>
  <c r="AC5157" i="1"/>
  <c r="AC5158" i="1"/>
  <c r="AC5159" i="1"/>
  <c r="AC5160" i="1"/>
  <c r="AC5161" i="1"/>
  <c r="AD5161" i="1" s="1"/>
  <c r="AC5162" i="1"/>
  <c r="AC5163" i="1"/>
  <c r="AC5164" i="1"/>
  <c r="AC5165" i="1"/>
  <c r="AC5166" i="1"/>
  <c r="AC5167" i="1"/>
  <c r="AC5168" i="1"/>
  <c r="AC5169" i="1"/>
  <c r="AC5170" i="1"/>
  <c r="AC5171" i="1"/>
  <c r="AC5172" i="1"/>
  <c r="AC5173" i="1"/>
  <c r="AD5173" i="1" s="1"/>
  <c r="AC5174" i="1"/>
  <c r="AC5175" i="1"/>
  <c r="AC5176" i="1"/>
  <c r="AC5177" i="1"/>
  <c r="AC5178" i="1"/>
  <c r="AC5179" i="1"/>
  <c r="AC5180" i="1"/>
  <c r="AC5181" i="1"/>
  <c r="AC5182" i="1"/>
  <c r="AC5183" i="1"/>
  <c r="AC5184" i="1"/>
  <c r="AC5185" i="1"/>
  <c r="AD5185" i="1" s="1"/>
  <c r="AC5186" i="1"/>
  <c r="AC5187" i="1"/>
  <c r="AC5188" i="1"/>
  <c r="AC5189" i="1"/>
  <c r="AC5190" i="1"/>
  <c r="AC5191" i="1"/>
  <c r="AD5191" i="1" s="1"/>
  <c r="AC5192" i="1"/>
  <c r="AC5193" i="1"/>
  <c r="AC5194" i="1"/>
  <c r="AC5195" i="1"/>
  <c r="AC5196" i="1"/>
  <c r="AC5197" i="1"/>
  <c r="AD5197" i="1" s="1"/>
  <c r="AC5198" i="1"/>
  <c r="AC5199" i="1"/>
  <c r="AC5200" i="1"/>
  <c r="AC5201" i="1"/>
  <c r="AC5202" i="1"/>
  <c r="AC5203" i="1"/>
  <c r="AC5204" i="1"/>
  <c r="AC5205" i="1"/>
  <c r="AC5206" i="1"/>
  <c r="AC5207" i="1"/>
  <c r="AC5208" i="1"/>
  <c r="AC5209" i="1"/>
  <c r="AD5209" i="1" s="1"/>
  <c r="AC5210" i="1"/>
  <c r="AC5211" i="1"/>
  <c r="AC5212" i="1"/>
  <c r="AC5213" i="1"/>
  <c r="AC5214" i="1"/>
  <c r="AC5215" i="1"/>
  <c r="AD5215" i="1" s="1"/>
  <c r="AC5216" i="1"/>
  <c r="AC5217" i="1"/>
  <c r="AC5218" i="1"/>
  <c r="AC5219" i="1"/>
  <c r="AC5220" i="1"/>
  <c r="AC5221" i="1"/>
  <c r="AD5221" i="1" s="1"/>
  <c r="AC5222" i="1"/>
  <c r="AC5223" i="1"/>
  <c r="AC5224" i="1"/>
  <c r="AC5225" i="1"/>
  <c r="AC5226" i="1"/>
  <c r="AC5227" i="1"/>
  <c r="AC5228" i="1"/>
  <c r="AC5229" i="1"/>
  <c r="AC5230" i="1"/>
  <c r="AC5231" i="1"/>
  <c r="AC5232" i="1"/>
  <c r="AC5233" i="1"/>
  <c r="AD5233" i="1" s="1"/>
  <c r="AC5234" i="1"/>
  <c r="AC5235" i="1"/>
  <c r="AC5236" i="1"/>
  <c r="AC5237" i="1"/>
  <c r="AC5238" i="1"/>
  <c r="AC5239" i="1"/>
  <c r="AC5240" i="1"/>
  <c r="AC5241" i="1"/>
  <c r="AC5242" i="1"/>
  <c r="AC5243" i="1"/>
  <c r="AC5244" i="1"/>
  <c r="AC5245" i="1"/>
  <c r="AD5245" i="1" s="1"/>
  <c r="AC5246" i="1"/>
  <c r="AC5247" i="1"/>
  <c r="AC5248" i="1"/>
  <c r="AC5249" i="1"/>
  <c r="AC5250" i="1"/>
  <c r="AC5251" i="1"/>
  <c r="AC5252" i="1"/>
  <c r="AC5253" i="1"/>
  <c r="AC5254" i="1"/>
  <c r="AC5255" i="1"/>
  <c r="AC5256" i="1"/>
  <c r="AC5257" i="1"/>
  <c r="AD5257" i="1" s="1"/>
  <c r="AC5258" i="1"/>
  <c r="AC5259" i="1"/>
  <c r="AC5260" i="1"/>
  <c r="AC5261" i="1"/>
  <c r="AC5262" i="1"/>
  <c r="AC5263" i="1"/>
  <c r="AC5264" i="1"/>
  <c r="AC5265" i="1"/>
  <c r="AC5266" i="1"/>
  <c r="AC5267" i="1"/>
  <c r="AC5268" i="1"/>
  <c r="AC5269" i="1"/>
  <c r="AD5269" i="1" s="1"/>
  <c r="AC5270" i="1"/>
  <c r="AC5271" i="1"/>
  <c r="AC5272" i="1"/>
  <c r="AC5273" i="1"/>
  <c r="AC5274" i="1"/>
  <c r="AC5275" i="1"/>
  <c r="AC5276" i="1"/>
  <c r="AC5277" i="1"/>
  <c r="AC5278" i="1"/>
  <c r="AC5279" i="1"/>
  <c r="AC5280" i="1"/>
  <c r="AC5281" i="1"/>
  <c r="AD5281" i="1" s="1"/>
  <c r="AC5282" i="1"/>
  <c r="AC5283" i="1"/>
  <c r="AC5284" i="1"/>
  <c r="AC5285" i="1"/>
  <c r="AC5286" i="1"/>
  <c r="AC5287" i="1"/>
  <c r="AD5287" i="1" s="1"/>
  <c r="AC5288" i="1"/>
  <c r="AC5289" i="1"/>
  <c r="AC5290" i="1"/>
  <c r="AC5291" i="1"/>
  <c r="AC5292" i="1"/>
  <c r="AC5293" i="1"/>
  <c r="AD5293" i="1" s="1"/>
  <c r="AC5294" i="1"/>
  <c r="AC5295" i="1"/>
  <c r="AC5296" i="1"/>
  <c r="AC5297" i="1"/>
  <c r="AC5298" i="1"/>
  <c r="AC5299" i="1"/>
  <c r="AD5299" i="1" s="1"/>
  <c r="AC5300" i="1"/>
  <c r="AC5301" i="1"/>
  <c r="AC5302" i="1"/>
  <c r="AC5303" i="1"/>
  <c r="AC5304" i="1"/>
  <c r="AC5305" i="1"/>
  <c r="AD5305" i="1" s="1"/>
  <c r="AC5306" i="1"/>
  <c r="AC5307" i="1"/>
  <c r="AC5308" i="1"/>
  <c r="AC5309" i="1"/>
  <c r="AC5310" i="1"/>
  <c r="AC5311" i="1"/>
  <c r="AC5312" i="1"/>
  <c r="AC5313" i="1"/>
  <c r="AC5314" i="1"/>
  <c r="AC5315" i="1"/>
  <c r="AC5316" i="1"/>
  <c r="AC5317" i="1"/>
  <c r="AD5317" i="1" s="1"/>
  <c r="AC5318" i="1"/>
  <c r="AC5319" i="1"/>
  <c r="AC5320" i="1"/>
  <c r="AC5321" i="1"/>
  <c r="AC5322" i="1"/>
  <c r="AC5323" i="1"/>
  <c r="AC5324" i="1"/>
  <c r="AC5325" i="1"/>
  <c r="AC5326" i="1"/>
  <c r="AC5327" i="1"/>
  <c r="AC5328" i="1"/>
  <c r="AC5329" i="1"/>
  <c r="AD5329" i="1" s="1"/>
  <c r="AC5330" i="1"/>
  <c r="AC5331" i="1"/>
  <c r="AC5332" i="1"/>
  <c r="AC5333" i="1"/>
  <c r="AC5334" i="1"/>
  <c r="AC5335" i="1"/>
  <c r="AD5335" i="1" s="1"/>
  <c r="AC5336" i="1"/>
  <c r="AC5337" i="1"/>
  <c r="AC5338" i="1"/>
  <c r="AC5339" i="1"/>
  <c r="AC5340" i="1"/>
  <c r="AC5341" i="1"/>
  <c r="AD5341" i="1" s="1"/>
  <c r="AC5342" i="1"/>
  <c r="AC5343" i="1"/>
  <c r="AC5344" i="1"/>
  <c r="AC5345" i="1"/>
  <c r="AC5346" i="1"/>
  <c r="AC5347" i="1"/>
  <c r="AC5348" i="1"/>
  <c r="AC5349" i="1"/>
  <c r="AC5350" i="1"/>
  <c r="AC5351" i="1"/>
  <c r="AC5352" i="1"/>
  <c r="AC5353" i="1"/>
  <c r="AD5353" i="1" s="1"/>
  <c r="AC5354" i="1"/>
  <c r="AC5355" i="1"/>
  <c r="AC5356" i="1"/>
  <c r="AC5357" i="1"/>
  <c r="AC5358" i="1"/>
  <c r="AC5359" i="1"/>
  <c r="AD5359" i="1" s="1"/>
  <c r="AC5360" i="1"/>
  <c r="AC5361" i="1"/>
  <c r="AC5362" i="1"/>
  <c r="AC5363" i="1"/>
  <c r="AC5364" i="1"/>
  <c r="AC5365" i="1"/>
  <c r="AD5365" i="1" s="1"/>
  <c r="AC5366" i="1"/>
  <c r="AC5367" i="1"/>
  <c r="AC5368" i="1"/>
  <c r="AC5369" i="1"/>
  <c r="AC5370" i="1"/>
  <c r="AC5371" i="1"/>
  <c r="AC5372" i="1"/>
  <c r="AC5373" i="1"/>
  <c r="AC5374" i="1"/>
  <c r="AC5375" i="1"/>
  <c r="AC5376" i="1"/>
  <c r="AC5377" i="1"/>
  <c r="AD5377" i="1" s="1"/>
  <c r="AC5378" i="1"/>
  <c r="AC5379" i="1"/>
  <c r="AC5380" i="1"/>
  <c r="AC5381" i="1"/>
  <c r="AC5382" i="1"/>
  <c r="AC5383" i="1"/>
  <c r="AC5384" i="1"/>
  <c r="AC5385" i="1"/>
  <c r="AC5386" i="1"/>
  <c r="AC5387" i="1"/>
  <c r="AC5388" i="1"/>
  <c r="AC5389" i="1"/>
  <c r="AD5389" i="1" s="1"/>
  <c r="AC5390" i="1"/>
  <c r="AC5391" i="1"/>
  <c r="AC5392" i="1"/>
  <c r="AC5393" i="1"/>
  <c r="AC5394" i="1"/>
  <c r="AC5395" i="1"/>
  <c r="AC5396" i="1"/>
  <c r="AC5397" i="1"/>
  <c r="AC5398" i="1"/>
  <c r="AC5399" i="1"/>
  <c r="AC5400" i="1"/>
  <c r="AC5401" i="1"/>
  <c r="AD5401" i="1" s="1"/>
  <c r="AC5402" i="1"/>
  <c r="AC5403" i="1"/>
  <c r="AC5404" i="1"/>
  <c r="AC5405" i="1"/>
  <c r="AC5406" i="1"/>
  <c r="AC5407" i="1"/>
  <c r="AC5408" i="1"/>
  <c r="AC5409" i="1"/>
  <c r="AC5410" i="1"/>
  <c r="AC5411" i="1"/>
  <c r="AC5412" i="1"/>
  <c r="AC5413" i="1"/>
  <c r="AD5413" i="1" s="1"/>
  <c r="AC5414" i="1"/>
  <c r="AC5415" i="1"/>
  <c r="AC5416" i="1"/>
  <c r="AC5417" i="1"/>
  <c r="AC5418" i="1"/>
  <c r="AC5419" i="1"/>
  <c r="AC5420" i="1"/>
  <c r="AC5421" i="1"/>
  <c r="AC5422" i="1"/>
  <c r="AC5423" i="1"/>
  <c r="AC5424" i="1"/>
  <c r="AC5425" i="1"/>
  <c r="AD5425" i="1" s="1"/>
  <c r="AC5426" i="1"/>
  <c r="AC5427" i="1"/>
  <c r="AC5428" i="1"/>
  <c r="AC5429" i="1"/>
  <c r="AC5430" i="1"/>
  <c r="AC5431" i="1"/>
  <c r="AD5431" i="1" s="1"/>
  <c r="AC5432" i="1"/>
  <c r="AC5433" i="1"/>
  <c r="AC5434" i="1"/>
  <c r="AC5435" i="1"/>
  <c r="AC5436" i="1"/>
  <c r="AC5437" i="1"/>
  <c r="AD5437" i="1" s="1"/>
  <c r="AC5438" i="1"/>
  <c r="AC5439" i="1"/>
  <c r="AC5440" i="1"/>
  <c r="AC5441" i="1"/>
  <c r="AC5442" i="1"/>
  <c r="AC5443" i="1"/>
  <c r="AD5443" i="1" s="1"/>
  <c r="AC5444" i="1"/>
  <c r="AC5445" i="1"/>
  <c r="AC5446" i="1"/>
  <c r="AC5447" i="1"/>
  <c r="AC5448" i="1"/>
  <c r="AC5449" i="1"/>
  <c r="AD5449" i="1" s="1"/>
  <c r="AC5450" i="1"/>
  <c r="AC5451" i="1"/>
  <c r="AC5452" i="1"/>
  <c r="AC5453" i="1"/>
  <c r="AC5454" i="1"/>
  <c r="AC5455" i="1"/>
  <c r="AC5456" i="1"/>
  <c r="AC5457" i="1"/>
  <c r="AC5458" i="1"/>
  <c r="AC5459" i="1"/>
  <c r="AC5460" i="1"/>
  <c r="AC5461" i="1"/>
  <c r="AD5461" i="1" s="1"/>
  <c r="AC5462" i="1"/>
  <c r="AC5463" i="1"/>
  <c r="AC5464" i="1"/>
  <c r="AC5465" i="1"/>
  <c r="AC5466" i="1"/>
  <c r="AC5467" i="1"/>
  <c r="AC5468" i="1"/>
  <c r="AC5469" i="1"/>
  <c r="AC5470" i="1"/>
  <c r="AC5471" i="1"/>
  <c r="AC5472" i="1"/>
  <c r="AC5473" i="1"/>
  <c r="AD5473" i="1" s="1"/>
  <c r="AC5474" i="1"/>
  <c r="AC5475" i="1"/>
  <c r="AC5476" i="1"/>
  <c r="AC5477" i="1"/>
  <c r="AC5478" i="1"/>
  <c r="AC5479" i="1"/>
  <c r="AD5479" i="1" s="1"/>
  <c r="AC5480" i="1"/>
  <c r="AC5481" i="1"/>
  <c r="AC5482" i="1"/>
  <c r="AC5483" i="1"/>
  <c r="AC5484" i="1"/>
  <c r="AC5485" i="1"/>
  <c r="AD5485" i="1" s="1"/>
  <c r="AC5486" i="1"/>
  <c r="AC5487" i="1"/>
  <c r="AC5488" i="1"/>
  <c r="AC5489" i="1"/>
  <c r="AC5490" i="1"/>
  <c r="AC5491" i="1"/>
  <c r="AC5492" i="1"/>
  <c r="AC5493" i="1"/>
  <c r="AC5494" i="1"/>
  <c r="AC5495" i="1"/>
  <c r="AC5496" i="1"/>
  <c r="AC5497" i="1"/>
  <c r="AD5497" i="1" s="1"/>
  <c r="AC5498" i="1"/>
  <c r="AC5499" i="1"/>
  <c r="AC5500" i="1"/>
  <c r="AC5501" i="1"/>
  <c r="AC5502" i="1"/>
  <c r="AC5503" i="1"/>
  <c r="AD5503" i="1" s="1"/>
  <c r="AC5504" i="1"/>
  <c r="AC5505" i="1"/>
  <c r="AC5506" i="1"/>
  <c r="AC5507" i="1"/>
  <c r="AC5508" i="1"/>
  <c r="AC5509" i="1"/>
  <c r="AD5509" i="1" s="1"/>
  <c r="AC5510" i="1"/>
  <c r="AC5511" i="1"/>
  <c r="AC5512" i="1"/>
  <c r="AC5513" i="1"/>
  <c r="AC5514" i="1"/>
  <c r="AC5515" i="1"/>
  <c r="AC5516" i="1"/>
  <c r="AC5517" i="1"/>
  <c r="AC5518" i="1"/>
  <c r="AC5519" i="1"/>
  <c r="AC5520" i="1"/>
  <c r="AC5521" i="1"/>
  <c r="AD5521" i="1" s="1"/>
  <c r="AC5522" i="1"/>
  <c r="AC5523" i="1"/>
  <c r="AC5524" i="1"/>
  <c r="AC5525" i="1"/>
  <c r="AC5526" i="1"/>
  <c r="AC5527" i="1"/>
  <c r="AC5528" i="1"/>
  <c r="AC5529" i="1"/>
  <c r="AC5530" i="1"/>
  <c r="AC5531" i="1"/>
  <c r="AC5532" i="1"/>
  <c r="AC5533" i="1"/>
  <c r="AD5533" i="1" s="1"/>
  <c r="AC5534" i="1"/>
  <c r="AC5535" i="1"/>
  <c r="AC5536" i="1"/>
  <c r="AC5537" i="1"/>
  <c r="AC5538" i="1"/>
  <c r="AC5539" i="1"/>
  <c r="AC5540" i="1"/>
  <c r="AC5541" i="1"/>
  <c r="AC5542" i="1"/>
  <c r="AC5543" i="1"/>
  <c r="AC5544" i="1"/>
  <c r="AC5545" i="1"/>
  <c r="AD5545" i="1" s="1"/>
  <c r="AC5546" i="1"/>
  <c r="AC5547" i="1"/>
  <c r="AC5548" i="1"/>
  <c r="AC5549" i="1"/>
  <c r="AC5550" i="1"/>
  <c r="AC5551" i="1"/>
  <c r="AC5552" i="1"/>
  <c r="AC5553" i="1"/>
  <c r="AC5554" i="1"/>
  <c r="AC5555" i="1"/>
  <c r="AC5556" i="1"/>
  <c r="AC5557" i="1"/>
  <c r="AD5557" i="1" s="1"/>
  <c r="AC5558" i="1"/>
  <c r="AC5559" i="1"/>
  <c r="AC5560" i="1"/>
  <c r="AC5561" i="1"/>
  <c r="AC5562" i="1"/>
  <c r="AC5563" i="1"/>
  <c r="AC5564" i="1"/>
  <c r="AC5565" i="1"/>
  <c r="AC5566" i="1"/>
  <c r="AC5567" i="1"/>
  <c r="AC5568" i="1"/>
  <c r="AC5569" i="1"/>
  <c r="AD5569" i="1" s="1"/>
  <c r="AC5570" i="1"/>
  <c r="AC5571" i="1"/>
  <c r="AC5572" i="1"/>
  <c r="AC5573" i="1"/>
  <c r="AC5574" i="1"/>
  <c r="AC5575" i="1"/>
  <c r="AD5575" i="1" s="1"/>
  <c r="AC5576" i="1"/>
  <c r="AC5577" i="1"/>
  <c r="AC5578" i="1"/>
  <c r="AC5579" i="1"/>
  <c r="AC5580" i="1"/>
  <c r="AC5581" i="1"/>
  <c r="AD5581" i="1" s="1"/>
  <c r="AC5582" i="1"/>
  <c r="AC5583" i="1"/>
  <c r="AC5584" i="1"/>
  <c r="AC5585" i="1"/>
  <c r="AC5586" i="1"/>
  <c r="AC5587" i="1"/>
  <c r="AD5587" i="1" s="1"/>
  <c r="AC5588" i="1"/>
  <c r="AC5589" i="1"/>
  <c r="AC5590" i="1"/>
  <c r="AC5591" i="1"/>
  <c r="AC5592" i="1"/>
  <c r="AC5593" i="1"/>
  <c r="AD5593" i="1" s="1"/>
  <c r="AC5594" i="1"/>
  <c r="AC5595" i="1"/>
  <c r="AC5596" i="1"/>
  <c r="AC5597" i="1"/>
  <c r="AC5598" i="1"/>
  <c r="AC5599" i="1"/>
  <c r="AC5600" i="1"/>
  <c r="AC5601" i="1"/>
  <c r="AC5602" i="1"/>
  <c r="AC5603" i="1"/>
  <c r="AC5604" i="1"/>
  <c r="AC5605" i="1"/>
  <c r="AD5605" i="1" s="1"/>
  <c r="AC5606" i="1"/>
  <c r="AC5607" i="1"/>
  <c r="AC5608" i="1"/>
  <c r="AC5609" i="1"/>
  <c r="AC5610" i="1"/>
  <c r="AC5611" i="1"/>
  <c r="AC5612" i="1"/>
  <c r="AC5613" i="1"/>
  <c r="AC5614" i="1"/>
  <c r="AC5615" i="1"/>
  <c r="AC5616" i="1"/>
  <c r="AC5617" i="1"/>
  <c r="AD5617" i="1" s="1"/>
  <c r="AC5618" i="1"/>
  <c r="AC5619" i="1"/>
  <c r="AC5620" i="1"/>
  <c r="AC5621" i="1"/>
  <c r="AC5622" i="1"/>
  <c r="AC5623" i="1"/>
  <c r="AD5623" i="1" s="1"/>
  <c r="AC5624" i="1"/>
  <c r="AC5625" i="1"/>
  <c r="AC5626" i="1"/>
  <c r="AC5627" i="1"/>
  <c r="AC5628" i="1"/>
  <c r="AC5629" i="1"/>
  <c r="AD5629" i="1" s="1"/>
  <c r="AC5630" i="1"/>
  <c r="AC5631" i="1"/>
  <c r="AC5632" i="1"/>
  <c r="AC5633" i="1"/>
  <c r="AC5634" i="1"/>
  <c r="AC5635" i="1"/>
  <c r="AC5636" i="1"/>
  <c r="AC5637" i="1"/>
  <c r="AC5638" i="1"/>
  <c r="AC5639" i="1"/>
  <c r="AC5640" i="1"/>
  <c r="AC5641" i="1"/>
  <c r="AD5641" i="1" s="1"/>
  <c r="AC5642" i="1"/>
  <c r="AC5643" i="1"/>
  <c r="AC5644" i="1"/>
  <c r="AC5645" i="1"/>
  <c r="AC5646" i="1"/>
  <c r="AC5647" i="1"/>
  <c r="AD5647" i="1" s="1"/>
  <c r="AC5648" i="1"/>
  <c r="AC5649" i="1"/>
  <c r="AC5650" i="1"/>
  <c r="AC5651" i="1"/>
  <c r="AC5652" i="1"/>
  <c r="AC5653" i="1"/>
  <c r="AD5653" i="1" s="1"/>
  <c r="AC5654" i="1"/>
  <c r="AC5655" i="1"/>
  <c r="AC5656" i="1"/>
  <c r="AC5657" i="1"/>
  <c r="AC5658" i="1"/>
  <c r="AC5659" i="1"/>
  <c r="AC5660" i="1"/>
  <c r="AC5661" i="1"/>
  <c r="AC5662" i="1"/>
  <c r="AC5663" i="1"/>
  <c r="AC5664" i="1"/>
  <c r="AC5665" i="1"/>
  <c r="AD5665" i="1" s="1"/>
  <c r="AC5666" i="1"/>
  <c r="AC5667" i="1"/>
  <c r="AC5668" i="1"/>
  <c r="AC5669" i="1"/>
  <c r="AC5670" i="1"/>
  <c r="AC5671" i="1"/>
  <c r="AC5672" i="1"/>
  <c r="AC5673" i="1"/>
  <c r="AC5674" i="1"/>
  <c r="AC5675" i="1"/>
  <c r="AC5676" i="1"/>
  <c r="AC5677" i="1"/>
  <c r="AD5677" i="1" s="1"/>
  <c r="AC5678" i="1"/>
  <c r="AC5679" i="1"/>
  <c r="AC5680" i="1"/>
  <c r="AC5681" i="1"/>
  <c r="AC5682" i="1"/>
  <c r="AC5683" i="1"/>
  <c r="AC5684" i="1"/>
  <c r="AC5685" i="1"/>
  <c r="AC5686" i="1"/>
  <c r="AC5687" i="1"/>
  <c r="AC5688" i="1"/>
  <c r="AC5689" i="1"/>
  <c r="AD5689" i="1" s="1"/>
  <c r="AC5690" i="1"/>
  <c r="AC5691" i="1"/>
  <c r="AC5692" i="1"/>
  <c r="AC5693" i="1"/>
  <c r="AC5694" i="1"/>
  <c r="AC5695" i="1"/>
  <c r="AC5696" i="1"/>
  <c r="AC5697" i="1"/>
  <c r="AC5698" i="1"/>
  <c r="AC5699" i="1"/>
  <c r="AC5700" i="1"/>
  <c r="AC5701" i="1"/>
  <c r="AD5701" i="1" s="1"/>
  <c r="AC5702" i="1"/>
  <c r="AC5703" i="1"/>
  <c r="AC5704" i="1"/>
  <c r="AC5705" i="1"/>
  <c r="AC5706" i="1"/>
  <c r="AC5707" i="1"/>
  <c r="AC5708" i="1"/>
  <c r="AC5709" i="1"/>
  <c r="AC5710" i="1"/>
  <c r="AC5711" i="1"/>
  <c r="AC5712" i="1"/>
  <c r="AC5713" i="1"/>
  <c r="AD5713" i="1" s="1"/>
  <c r="AC5714" i="1"/>
  <c r="AC5715" i="1"/>
  <c r="AC5716" i="1"/>
  <c r="AC5717" i="1"/>
  <c r="AC5718" i="1"/>
  <c r="AC5719" i="1"/>
  <c r="AD5719" i="1" s="1"/>
  <c r="AC5720" i="1"/>
  <c r="AC5721" i="1"/>
  <c r="AC5722" i="1"/>
  <c r="AC5723" i="1"/>
  <c r="AC5724" i="1"/>
  <c r="AC5725" i="1"/>
  <c r="AD5725" i="1" s="1"/>
  <c r="AC5726" i="1"/>
  <c r="AC5727" i="1"/>
  <c r="AC5728" i="1"/>
  <c r="AC5729" i="1"/>
  <c r="AC5730" i="1"/>
  <c r="AC5731" i="1"/>
  <c r="AD5731" i="1" s="1"/>
  <c r="AC5732" i="1"/>
  <c r="AC5733" i="1"/>
  <c r="AC5734" i="1"/>
  <c r="AC5735" i="1"/>
  <c r="AC5736" i="1"/>
  <c r="AC5737" i="1"/>
  <c r="AD5737" i="1" s="1"/>
  <c r="AC5738" i="1"/>
  <c r="AC5739" i="1"/>
  <c r="AC5740" i="1"/>
  <c r="AC5741" i="1"/>
  <c r="AC5742" i="1"/>
  <c r="AC5743" i="1"/>
  <c r="AC5744" i="1"/>
  <c r="AC5745" i="1"/>
  <c r="AC5746" i="1"/>
  <c r="AC5747" i="1"/>
  <c r="AC5748" i="1"/>
  <c r="AC5749" i="1"/>
  <c r="AD5749" i="1" s="1"/>
  <c r="AC5750" i="1"/>
  <c r="AC5751" i="1"/>
  <c r="AC5752" i="1"/>
  <c r="AC5753" i="1"/>
  <c r="AC5754" i="1"/>
  <c r="AC5755" i="1"/>
  <c r="AC5756" i="1"/>
  <c r="AC5757" i="1"/>
  <c r="AC5758" i="1"/>
  <c r="AC5759" i="1"/>
  <c r="AC5760" i="1"/>
  <c r="AC5761" i="1"/>
  <c r="AD5761" i="1" s="1"/>
  <c r="AC5762" i="1"/>
  <c r="AC5763" i="1"/>
  <c r="AC5764" i="1"/>
  <c r="AC5765" i="1"/>
  <c r="AC5766" i="1"/>
  <c r="AC5767" i="1"/>
  <c r="AD5767" i="1" s="1"/>
  <c r="AC5768" i="1"/>
  <c r="AC5769" i="1"/>
  <c r="AC5770" i="1"/>
  <c r="AC5771" i="1"/>
  <c r="AC5772" i="1"/>
  <c r="AC5773" i="1"/>
  <c r="AD5773" i="1" s="1"/>
  <c r="AC5774" i="1"/>
  <c r="AC5775" i="1"/>
  <c r="AC5776" i="1"/>
  <c r="AC5777" i="1"/>
  <c r="AC5778" i="1"/>
  <c r="AC5779" i="1"/>
  <c r="AC5780" i="1"/>
  <c r="AC5781" i="1"/>
  <c r="AC5782" i="1"/>
  <c r="AC5783" i="1"/>
  <c r="AC5784" i="1"/>
  <c r="AC5785" i="1"/>
  <c r="AD5785" i="1" s="1"/>
  <c r="AC5786" i="1"/>
  <c r="AC5787" i="1"/>
  <c r="AC5788" i="1"/>
  <c r="AC5789" i="1"/>
  <c r="AC5790" i="1"/>
  <c r="AC5791" i="1"/>
  <c r="AD5791" i="1" s="1"/>
  <c r="AC5792" i="1"/>
  <c r="AC5793" i="1"/>
  <c r="AC5794" i="1"/>
  <c r="AC5795" i="1"/>
  <c r="AC5796" i="1"/>
  <c r="AC5797" i="1"/>
  <c r="AD5797" i="1" s="1"/>
  <c r="AC5798" i="1"/>
  <c r="AC5799" i="1"/>
  <c r="AC5800" i="1"/>
  <c r="AC5801" i="1"/>
  <c r="AC5802" i="1"/>
  <c r="AC5803" i="1"/>
  <c r="AC5804" i="1"/>
  <c r="AC5805" i="1"/>
  <c r="AC5806" i="1"/>
  <c r="AC5807" i="1"/>
  <c r="AC5808" i="1"/>
  <c r="AC5809" i="1"/>
  <c r="AD5809" i="1" s="1"/>
  <c r="AC5810" i="1"/>
  <c r="AC5811" i="1"/>
  <c r="AC5812" i="1"/>
  <c r="AC5813" i="1"/>
  <c r="AC5814" i="1"/>
  <c r="AC5815" i="1"/>
  <c r="AC5816" i="1"/>
  <c r="AC5817" i="1"/>
  <c r="AC5818" i="1"/>
  <c r="AC5819" i="1"/>
  <c r="AC5820" i="1"/>
  <c r="AC5821" i="1"/>
  <c r="AD5821" i="1" s="1"/>
  <c r="AC5822" i="1"/>
  <c r="AC5823" i="1"/>
  <c r="AC5824" i="1"/>
  <c r="AC5825" i="1"/>
  <c r="AC5826" i="1"/>
  <c r="AC5827" i="1"/>
  <c r="AC5828" i="1"/>
  <c r="AC5829" i="1"/>
  <c r="AC5830" i="1"/>
  <c r="AC5831" i="1"/>
  <c r="AC5832" i="1"/>
  <c r="AC5833" i="1"/>
  <c r="AD5833" i="1" s="1"/>
  <c r="AC5834" i="1"/>
  <c r="AC5835" i="1"/>
  <c r="AC5836" i="1"/>
  <c r="AC5837" i="1"/>
  <c r="AC5838" i="1"/>
  <c r="AC5839" i="1"/>
  <c r="AC5840" i="1"/>
  <c r="AC5841" i="1"/>
  <c r="AC5842" i="1"/>
  <c r="AC5843" i="1"/>
  <c r="AC5844" i="1"/>
  <c r="AC5845" i="1"/>
  <c r="AD5845" i="1" s="1"/>
  <c r="AC5846" i="1"/>
  <c r="AC5847" i="1"/>
  <c r="AC5848" i="1"/>
  <c r="AC5849" i="1"/>
  <c r="AC5850" i="1"/>
  <c r="AC5851" i="1"/>
  <c r="AC5852" i="1"/>
  <c r="AC5853" i="1"/>
  <c r="AC5854" i="1"/>
  <c r="AC5855" i="1"/>
  <c r="AC5856" i="1"/>
  <c r="AC5857" i="1"/>
  <c r="AD5857" i="1" s="1"/>
  <c r="AC5858" i="1"/>
  <c r="AC5859" i="1"/>
  <c r="AC5860" i="1"/>
  <c r="AC5861" i="1"/>
  <c r="AC5862" i="1"/>
  <c r="AC5863" i="1"/>
  <c r="AD5863" i="1" s="1"/>
  <c r="AC5864" i="1"/>
  <c r="AC5865" i="1"/>
  <c r="AC5866" i="1"/>
  <c r="AC5867" i="1"/>
  <c r="AC5868" i="1"/>
  <c r="AC5869" i="1"/>
  <c r="AD5869" i="1" s="1"/>
  <c r="AC5870" i="1"/>
  <c r="AC5871" i="1"/>
  <c r="AC5872" i="1"/>
  <c r="AC5873" i="1"/>
  <c r="AC5874" i="1"/>
  <c r="AC5875" i="1"/>
  <c r="AD5875" i="1" s="1"/>
  <c r="AC5876" i="1"/>
  <c r="AC5877" i="1"/>
  <c r="AC5878" i="1"/>
  <c r="AC5879" i="1"/>
  <c r="AC5880" i="1"/>
  <c r="AC5881" i="1"/>
  <c r="AD5881" i="1" s="1"/>
  <c r="AC5882" i="1"/>
  <c r="AC5883" i="1"/>
  <c r="AC5884" i="1"/>
  <c r="AC5885" i="1"/>
  <c r="AC5886" i="1"/>
  <c r="AC5887" i="1"/>
  <c r="AC5888" i="1"/>
  <c r="AC5889" i="1"/>
  <c r="AC5890" i="1"/>
  <c r="AC5891" i="1"/>
  <c r="AC5892" i="1"/>
  <c r="AC5893" i="1"/>
  <c r="AD5893" i="1" s="1"/>
  <c r="AC5894" i="1"/>
  <c r="AC5895" i="1"/>
  <c r="AC5896" i="1"/>
  <c r="AC5897" i="1"/>
  <c r="AC5898" i="1"/>
  <c r="AC5899" i="1"/>
  <c r="AC5900" i="1"/>
  <c r="AC5901" i="1"/>
  <c r="AC5902" i="1"/>
  <c r="AC5903" i="1"/>
  <c r="AC5904" i="1"/>
  <c r="AC5905" i="1"/>
  <c r="AD5905" i="1" s="1"/>
  <c r="AC5906" i="1"/>
  <c r="AC5907" i="1"/>
  <c r="AC5908" i="1"/>
  <c r="AC5909" i="1"/>
  <c r="AC5910" i="1"/>
  <c r="AC5911" i="1"/>
  <c r="AD5911" i="1" s="1"/>
  <c r="AC5912" i="1"/>
  <c r="AC5913" i="1"/>
  <c r="AC5914" i="1"/>
  <c r="AC5915" i="1"/>
  <c r="AC5916" i="1"/>
  <c r="AC5917" i="1"/>
  <c r="AD5917" i="1" s="1"/>
  <c r="AC5918" i="1"/>
  <c r="AC5919" i="1"/>
  <c r="AC5920" i="1"/>
  <c r="AC5921" i="1"/>
  <c r="AC5922" i="1"/>
  <c r="AC5923" i="1"/>
  <c r="AC5924" i="1"/>
  <c r="AC5925" i="1"/>
  <c r="AC5926" i="1"/>
  <c r="AC5927" i="1"/>
  <c r="AC5928" i="1"/>
  <c r="AC5929" i="1"/>
  <c r="AD5929" i="1" s="1"/>
  <c r="AC5930" i="1"/>
  <c r="AC5931" i="1"/>
  <c r="AC5932" i="1"/>
  <c r="AC5933" i="1"/>
  <c r="AC5934" i="1"/>
  <c r="AC5935" i="1"/>
  <c r="AD5935" i="1" s="1"/>
  <c r="AC5936" i="1"/>
  <c r="AC5937" i="1"/>
  <c r="AC5938" i="1"/>
  <c r="AC5939" i="1"/>
  <c r="AC5940" i="1"/>
  <c r="AC5941" i="1"/>
  <c r="AD5941" i="1" s="1"/>
  <c r="AC5942" i="1"/>
  <c r="AC5943" i="1"/>
  <c r="AC5944" i="1"/>
  <c r="AC5945" i="1"/>
  <c r="AC5946" i="1"/>
  <c r="AC5947" i="1"/>
  <c r="AC5948" i="1"/>
  <c r="AC5949" i="1"/>
  <c r="AC5950" i="1"/>
  <c r="AC5951" i="1"/>
  <c r="AC5952" i="1"/>
  <c r="AC5953" i="1"/>
  <c r="AD5953" i="1" s="1"/>
  <c r="AC5954" i="1"/>
  <c r="AC5955" i="1"/>
  <c r="AC5956" i="1"/>
  <c r="AC5957" i="1"/>
  <c r="AC5958" i="1"/>
  <c r="AC5959" i="1"/>
  <c r="AC5960" i="1"/>
  <c r="AC5961" i="1"/>
  <c r="AC5962" i="1"/>
  <c r="AC5963" i="1"/>
  <c r="AC5964" i="1"/>
  <c r="AC5965" i="1"/>
  <c r="AD5965" i="1" s="1"/>
  <c r="AC5966" i="1"/>
  <c r="AC5967" i="1"/>
  <c r="AC5968" i="1"/>
  <c r="AC5969" i="1"/>
  <c r="AC5970" i="1"/>
  <c r="AC5971" i="1"/>
  <c r="AC5972" i="1"/>
  <c r="AC5973" i="1"/>
  <c r="AC5974" i="1"/>
  <c r="AC5975" i="1"/>
  <c r="AC5976" i="1"/>
  <c r="AC5977" i="1"/>
  <c r="AD5977" i="1" s="1"/>
  <c r="AC5978" i="1"/>
  <c r="AC5979" i="1"/>
  <c r="AC5980" i="1"/>
  <c r="AC5981" i="1"/>
  <c r="AC5982" i="1"/>
  <c r="AC5983" i="1"/>
  <c r="AC5984" i="1"/>
  <c r="AC5985" i="1"/>
  <c r="AC5986" i="1"/>
  <c r="AC5987" i="1"/>
  <c r="AC5988" i="1"/>
  <c r="AC5989" i="1"/>
  <c r="AD5989" i="1" s="1"/>
  <c r="AC5990" i="1"/>
  <c r="AC5991" i="1"/>
  <c r="AC5992" i="1"/>
  <c r="AC5993" i="1"/>
  <c r="AC5994" i="1"/>
  <c r="AC5995" i="1"/>
  <c r="AC5996" i="1"/>
  <c r="AC5997" i="1"/>
  <c r="AC5998" i="1"/>
  <c r="AC5999" i="1"/>
  <c r="AC6000" i="1"/>
  <c r="AC6001" i="1"/>
  <c r="AD6001" i="1" s="1"/>
  <c r="AC6002" i="1"/>
  <c r="AC6003" i="1"/>
  <c r="AC6004" i="1"/>
  <c r="AC6005" i="1"/>
  <c r="AC6006" i="1"/>
  <c r="AC6007" i="1"/>
  <c r="AD6007" i="1" s="1"/>
  <c r="AC6008" i="1"/>
  <c r="AC6009" i="1"/>
  <c r="AC6010" i="1"/>
  <c r="AC6011" i="1"/>
  <c r="AC6012" i="1"/>
  <c r="AC6013" i="1"/>
  <c r="AD6013" i="1" s="1"/>
  <c r="AC6014" i="1"/>
  <c r="AC6015" i="1"/>
  <c r="AC6016" i="1"/>
  <c r="AC6017" i="1"/>
  <c r="AC6018" i="1"/>
  <c r="AC6019" i="1"/>
  <c r="AD6019" i="1" s="1"/>
  <c r="AC6020" i="1"/>
  <c r="AC6021" i="1"/>
  <c r="AC6022" i="1"/>
  <c r="AC6023" i="1"/>
  <c r="AC6024" i="1"/>
  <c r="AC6025" i="1"/>
  <c r="AD6025" i="1" s="1"/>
  <c r="AC6026" i="1"/>
  <c r="AC6027" i="1"/>
  <c r="AC6028" i="1"/>
  <c r="AC6029" i="1"/>
  <c r="AC6030" i="1"/>
  <c r="AC6031" i="1"/>
  <c r="AC6032" i="1"/>
  <c r="AC6033" i="1"/>
  <c r="AC6034" i="1"/>
  <c r="AC6035" i="1"/>
  <c r="AC6036" i="1"/>
  <c r="AC6037" i="1"/>
  <c r="AD6037" i="1" s="1"/>
  <c r="AC6038" i="1"/>
  <c r="AC6039" i="1"/>
  <c r="AC6040" i="1"/>
  <c r="AC6041" i="1"/>
  <c r="AC6042" i="1"/>
  <c r="AC6043" i="1"/>
  <c r="AC6044" i="1"/>
  <c r="AC6045" i="1"/>
  <c r="AC6046" i="1"/>
  <c r="AC6047" i="1"/>
  <c r="AC6048" i="1"/>
  <c r="AC6049" i="1"/>
  <c r="AD6049" i="1" s="1"/>
  <c r="AC6050" i="1"/>
  <c r="AC6051" i="1"/>
  <c r="AC6052" i="1"/>
  <c r="AC6053" i="1"/>
  <c r="AC6054" i="1"/>
  <c r="AC6055" i="1"/>
  <c r="AD6055" i="1" s="1"/>
  <c r="AC6056" i="1"/>
  <c r="AC6057" i="1"/>
  <c r="AC6058" i="1"/>
  <c r="AC6059" i="1"/>
  <c r="AC6060" i="1"/>
  <c r="AC6061" i="1"/>
  <c r="AD6061" i="1" s="1"/>
  <c r="AC6062" i="1"/>
  <c r="AC6063" i="1"/>
  <c r="AC6064" i="1"/>
  <c r="AC6065" i="1"/>
  <c r="AC6066" i="1"/>
  <c r="AC6067" i="1"/>
  <c r="AC6068" i="1"/>
  <c r="AC6069" i="1"/>
  <c r="AC6070" i="1"/>
  <c r="AC6071" i="1"/>
  <c r="AC6072" i="1"/>
  <c r="AC6073" i="1"/>
  <c r="AD6073" i="1" s="1"/>
  <c r="AC6074" i="1"/>
  <c r="AC6075" i="1"/>
  <c r="AC6076" i="1"/>
  <c r="AC6077" i="1"/>
  <c r="AC6078" i="1"/>
  <c r="AC6079" i="1"/>
  <c r="AD6079" i="1" s="1"/>
  <c r="AC6080" i="1"/>
  <c r="AC6081" i="1"/>
  <c r="AC6082" i="1"/>
  <c r="AC6083" i="1"/>
  <c r="AC6084" i="1"/>
  <c r="AC6085" i="1"/>
  <c r="AD6085" i="1" s="1"/>
  <c r="AC6086" i="1"/>
  <c r="AC6087" i="1"/>
  <c r="AC6088" i="1"/>
  <c r="AC6089" i="1"/>
  <c r="AC6090" i="1"/>
  <c r="AC6091" i="1"/>
  <c r="AC6092" i="1"/>
  <c r="AC6093" i="1"/>
  <c r="AC6094" i="1"/>
  <c r="AC6095" i="1"/>
  <c r="AC6096" i="1"/>
  <c r="AC6097" i="1"/>
  <c r="AD6097" i="1" s="1"/>
  <c r="AC6098" i="1"/>
  <c r="AC6099" i="1"/>
  <c r="AC6100" i="1"/>
  <c r="AC6101" i="1"/>
  <c r="AC6102" i="1"/>
  <c r="AC6103" i="1"/>
  <c r="AC6104" i="1"/>
  <c r="AC6105" i="1"/>
  <c r="AC6106" i="1"/>
  <c r="AC6107" i="1"/>
  <c r="AC6108" i="1"/>
  <c r="AC6109" i="1"/>
  <c r="AD6109" i="1" s="1"/>
  <c r="AC6110" i="1"/>
  <c r="AC6111" i="1"/>
  <c r="AC6112" i="1"/>
  <c r="AC6113" i="1"/>
  <c r="AC6114" i="1"/>
  <c r="AC6115" i="1"/>
  <c r="AC6116" i="1"/>
  <c r="AC6117" i="1"/>
  <c r="AC6118" i="1"/>
  <c r="AC6119" i="1"/>
  <c r="AC6120" i="1"/>
  <c r="AC6121" i="1"/>
  <c r="AD6121" i="1" s="1"/>
  <c r="AC6122" i="1"/>
  <c r="AC6123" i="1"/>
  <c r="AC6124" i="1"/>
  <c r="AC6125" i="1"/>
  <c r="AC6126" i="1"/>
  <c r="AC6127" i="1"/>
  <c r="AC6128" i="1"/>
  <c r="AC6129" i="1"/>
  <c r="AC6130" i="1"/>
  <c r="AC6131" i="1"/>
  <c r="AC6132" i="1"/>
  <c r="AC6133" i="1"/>
  <c r="AC6134" i="1"/>
  <c r="AC6135" i="1"/>
  <c r="AC6136" i="1"/>
  <c r="AC6137" i="1"/>
  <c r="AC6138" i="1"/>
  <c r="AC6139" i="1"/>
  <c r="AC6140" i="1"/>
  <c r="AC6141" i="1"/>
  <c r="AC6142" i="1"/>
  <c r="AC6143" i="1"/>
  <c r="AC6144" i="1"/>
  <c r="AC6145" i="1"/>
  <c r="AC6146" i="1"/>
  <c r="AC6147" i="1"/>
  <c r="AC6148" i="1"/>
  <c r="AC6149" i="1"/>
  <c r="AC6150" i="1"/>
  <c r="AC6151" i="1"/>
  <c r="AC6152" i="1"/>
  <c r="AC6153" i="1"/>
  <c r="AC6154" i="1"/>
  <c r="AC6155" i="1"/>
  <c r="AC6156" i="1"/>
  <c r="AC6157" i="1"/>
  <c r="AC6158" i="1"/>
  <c r="AC6159" i="1"/>
  <c r="AC6160" i="1"/>
  <c r="AC6161" i="1"/>
  <c r="AC6162" i="1"/>
  <c r="AC6163" i="1"/>
  <c r="AC6164" i="1"/>
  <c r="AC6165" i="1"/>
  <c r="AC6166" i="1"/>
  <c r="AC6167" i="1"/>
  <c r="AC6168" i="1"/>
  <c r="AC6169" i="1"/>
  <c r="AC6170" i="1"/>
  <c r="AC6171" i="1"/>
  <c r="AC6172" i="1"/>
  <c r="AC6173" i="1"/>
  <c r="AC6174" i="1"/>
  <c r="AC6175" i="1"/>
  <c r="AC6176" i="1"/>
  <c r="AC6177" i="1"/>
  <c r="AC6178" i="1"/>
  <c r="AC6179" i="1"/>
  <c r="AC6180" i="1"/>
  <c r="AC6181" i="1"/>
  <c r="AC6182" i="1"/>
  <c r="AC6183" i="1"/>
  <c r="AC6184" i="1"/>
  <c r="AC6185" i="1"/>
  <c r="AC6186" i="1"/>
  <c r="AC6187" i="1"/>
  <c r="AC6188" i="1"/>
  <c r="AC6189" i="1"/>
  <c r="AC6190" i="1"/>
  <c r="AC6191" i="1"/>
  <c r="AC6192" i="1"/>
  <c r="AC6193" i="1"/>
  <c r="AC6194" i="1"/>
  <c r="AC6195" i="1"/>
  <c r="AC6196" i="1"/>
  <c r="AC6197" i="1"/>
  <c r="AC6198" i="1"/>
  <c r="AC6199" i="1"/>
  <c r="AC6200" i="1"/>
  <c r="AC6201" i="1"/>
  <c r="AC6202" i="1"/>
  <c r="AC6203" i="1"/>
  <c r="AC6204" i="1"/>
  <c r="AC6205" i="1"/>
  <c r="AC6206" i="1"/>
  <c r="AC6207" i="1"/>
  <c r="AC6208" i="1"/>
  <c r="AC6209" i="1"/>
  <c r="AC6210" i="1"/>
  <c r="AC6211" i="1"/>
  <c r="AC6212" i="1"/>
  <c r="AC6213" i="1"/>
  <c r="AC6214" i="1"/>
  <c r="AC6215" i="1"/>
  <c r="AC6216" i="1"/>
  <c r="AC6217" i="1"/>
  <c r="AC6218" i="1"/>
  <c r="AC6219" i="1"/>
  <c r="AC6220" i="1"/>
  <c r="AC6221" i="1"/>
  <c r="AC6222" i="1"/>
  <c r="AC6223" i="1"/>
  <c r="AC6224" i="1"/>
  <c r="AC6225" i="1"/>
  <c r="AC6226" i="1"/>
  <c r="AC6227" i="1"/>
  <c r="AC6228" i="1"/>
  <c r="AC6229" i="1"/>
  <c r="AC6230" i="1"/>
  <c r="AC6231" i="1"/>
  <c r="AC6232" i="1"/>
  <c r="AC6233" i="1"/>
  <c r="AC6234" i="1"/>
  <c r="AC6235" i="1"/>
  <c r="AC6236" i="1"/>
  <c r="AC6237" i="1"/>
  <c r="AC6238" i="1"/>
  <c r="AC6239" i="1"/>
  <c r="AC6240" i="1"/>
  <c r="AC6241" i="1"/>
  <c r="AC6242" i="1"/>
  <c r="AC6243" i="1"/>
  <c r="AC6244" i="1"/>
  <c r="AC6245" i="1"/>
  <c r="AC6246" i="1"/>
  <c r="AC6247" i="1"/>
  <c r="AC6248" i="1"/>
  <c r="AC6249" i="1"/>
  <c r="AC6250" i="1"/>
  <c r="AC6251" i="1"/>
  <c r="AC6252" i="1"/>
  <c r="AC6253" i="1"/>
  <c r="AC6254" i="1"/>
  <c r="AC6255" i="1"/>
  <c r="AC6256" i="1"/>
  <c r="AC6257" i="1"/>
  <c r="AC6258" i="1"/>
  <c r="AC6259" i="1"/>
  <c r="AC6260" i="1"/>
  <c r="AC6261" i="1"/>
  <c r="AC6262" i="1"/>
  <c r="AC6263" i="1"/>
  <c r="AC6264" i="1"/>
  <c r="AC6265" i="1"/>
  <c r="AC6266" i="1"/>
  <c r="AC6267" i="1"/>
  <c r="AC6268" i="1"/>
  <c r="AC6269" i="1"/>
  <c r="AC6270" i="1"/>
  <c r="AC6271" i="1"/>
  <c r="AC6272" i="1"/>
  <c r="AC6273" i="1"/>
  <c r="AC6274" i="1"/>
  <c r="AC6275" i="1"/>
  <c r="AC6276" i="1"/>
  <c r="AC6277" i="1"/>
  <c r="AC6278" i="1"/>
  <c r="AC6279" i="1"/>
  <c r="AC6280" i="1"/>
  <c r="AC6281" i="1"/>
  <c r="AC6282" i="1"/>
  <c r="AC6283" i="1"/>
  <c r="AC6284" i="1"/>
  <c r="AC6285" i="1"/>
  <c r="AC6286" i="1"/>
  <c r="AC6287" i="1"/>
  <c r="AC6288" i="1"/>
  <c r="AC6289" i="1"/>
  <c r="AC6290" i="1"/>
  <c r="AC6291" i="1"/>
  <c r="AC6292" i="1"/>
  <c r="AC6293" i="1"/>
  <c r="AC6294" i="1"/>
  <c r="AC6295" i="1"/>
  <c r="AC6296" i="1"/>
  <c r="AC6297" i="1"/>
  <c r="AC6298" i="1"/>
  <c r="AC6299" i="1"/>
  <c r="AC6300" i="1"/>
  <c r="AC6301" i="1"/>
  <c r="AC6302" i="1"/>
  <c r="AC6303" i="1"/>
  <c r="AC6304" i="1"/>
  <c r="AC6305" i="1"/>
  <c r="AC6306" i="1"/>
  <c r="AC6307" i="1"/>
  <c r="AC6308" i="1"/>
  <c r="AC6309" i="1"/>
  <c r="AC6310" i="1"/>
  <c r="AC6311" i="1"/>
  <c r="AC6312" i="1"/>
  <c r="AC6313" i="1"/>
  <c r="AC6314" i="1"/>
  <c r="AC6315" i="1"/>
  <c r="AC6316" i="1"/>
  <c r="AC6317" i="1"/>
  <c r="AC6318" i="1"/>
  <c r="AC6319" i="1"/>
  <c r="AC6320" i="1"/>
  <c r="AC6321" i="1"/>
  <c r="AC6322" i="1"/>
  <c r="AC6323" i="1"/>
  <c r="AC6324" i="1"/>
  <c r="AC6325" i="1"/>
  <c r="AC6326" i="1"/>
  <c r="AC6327" i="1"/>
  <c r="AC6328" i="1"/>
  <c r="AC6329" i="1"/>
  <c r="AC6330" i="1"/>
  <c r="AC6331" i="1"/>
  <c r="AC6332" i="1"/>
  <c r="AC6333" i="1"/>
  <c r="AC6334" i="1"/>
  <c r="AC6335" i="1"/>
  <c r="AC6336" i="1"/>
  <c r="AC6337" i="1"/>
  <c r="AC6338" i="1"/>
  <c r="AC6339" i="1"/>
  <c r="AC6340" i="1"/>
  <c r="AC6341" i="1"/>
  <c r="AC6342" i="1"/>
  <c r="AC6343" i="1"/>
  <c r="AC6344" i="1"/>
  <c r="AC6345" i="1"/>
  <c r="AC6346" i="1"/>
  <c r="AC6347" i="1"/>
  <c r="AC6348" i="1"/>
  <c r="AC6349" i="1"/>
  <c r="AC6350" i="1"/>
  <c r="AC6351" i="1"/>
  <c r="AC6352" i="1"/>
  <c r="AC6353" i="1"/>
  <c r="AC6354" i="1"/>
  <c r="AC6355" i="1"/>
  <c r="AC6356" i="1"/>
  <c r="AC6357" i="1"/>
  <c r="AC6358" i="1"/>
  <c r="AC6359" i="1"/>
  <c r="AC6360" i="1"/>
  <c r="AC6361" i="1"/>
  <c r="AC6362" i="1"/>
  <c r="AC6363" i="1"/>
  <c r="AC6364" i="1"/>
  <c r="AC6365" i="1"/>
  <c r="AC6366" i="1"/>
  <c r="AC6367" i="1"/>
  <c r="AC6368" i="1"/>
  <c r="AC6369" i="1"/>
  <c r="AC6370" i="1"/>
  <c r="AC6371" i="1"/>
  <c r="AC6372" i="1"/>
  <c r="AC6373" i="1"/>
  <c r="AC6374" i="1"/>
  <c r="AC6375" i="1"/>
  <c r="AC6376" i="1"/>
  <c r="AC6377" i="1"/>
  <c r="AC6378" i="1"/>
  <c r="AC6379" i="1"/>
  <c r="AC6380" i="1"/>
  <c r="AC6381" i="1"/>
  <c r="AC6382" i="1"/>
  <c r="AC6383" i="1"/>
  <c r="AC6384" i="1"/>
  <c r="AC6385" i="1"/>
  <c r="AC6386" i="1"/>
  <c r="AC6387" i="1"/>
  <c r="AC6388" i="1"/>
  <c r="AC6389" i="1"/>
  <c r="AC6390" i="1"/>
  <c r="AC6391" i="1"/>
  <c r="AC6392" i="1"/>
  <c r="AC6393" i="1"/>
  <c r="AC6394" i="1"/>
  <c r="AC6395" i="1"/>
  <c r="AC6396" i="1"/>
  <c r="AC6397" i="1"/>
  <c r="AC6398" i="1"/>
  <c r="AC6399" i="1"/>
  <c r="AC6400" i="1"/>
  <c r="AC6401" i="1"/>
  <c r="AC6402" i="1"/>
  <c r="AC6403" i="1"/>
  <c r="AC6404" i="1"/>
  <c r="AC6405" i="1"/>
  <c r="AC6406" i="1"/>
  <c r="AC6407" i="1"/>
  <c r="AC6408" i="1"/>
  <c r="AC6409" i="1"/>
  <c r="AC6410" i="1"/>
  <c r="AC6411" i="1"/>
  <c r="AC6412" i="1"/>
  <c r="AC6413" i="1"/>
  <c r="AC6414" i="1"/>
  <c r="AC6415" i="1"/>
  <c r="AC6416" i="1"/>
  <c r="AC6417" i="1"/>
  <c r="AC6418" i="1"/>
  <c r="AC6419" i="1"/>
  <c r="AC6420" i="1"/>
  <c r="AC6421" i="1"/>
  <c r="AC6422" i="1"/>
  <c r="AC6423" i="1"/>
  <c r="AC6424" i="1"/>
  <c r="AC6425" i="1"/>
  <c r="AC6426" i="1"/>
  <c r="AC6427" i="1"/>
  <c r="AC6428" i="1"/>
  <c r="AC6429" i="1"/>
  <c r="AC6430" i="1"/>
  <c r="AC6431" i="1"/>
  <c r="AC6432" i="1"/>
  <c r="AC6433" i="1"/>
  <c r="AC6434" i="1"/>
  <c r="AC6435" i="1"/>
  <c r="AC6436" i="1"/>
  <c r="AC6437" i="1"/>
  <c r="AC6438" i="1"/>
  <c r="AC6439" i="1"/>
  <c r="AC6440" i="1"/>
  <c r="AC6441" i="1"/>
  <c r="AC6442" i="1"/>
  <c r="AC6443" i="1"/>
  <c r="AC6444" i="1"/>
  <c r="AC6445" i="1"/>
  <c r="AC6446" i="1"/>
  <c r="AC6447" i="1"/>
  <c r="AC6448" i="1"/>
  <c r="AC6449" i="1"/>
  <c r="AC6450" i="1"/>
  <c r="AC6451" i="1"/>
  <c r="AC6452" i="1"/>
  <c r="AC6453" i="1"/>
  <c r="AC6454" i="1"/>
  <c r="AC6455" i="1"/>
  <c r="AC6456" i="1"/>
  <c r="AC6457" i="1"/>
  <c r="AC6458" i="1"/>
  <c r="AC6459" i="1"/>
  <c r="AC6460" i="1"/>
  <c r="AC6461" i="1"/>
  <c r="AC6462" i="1"/>
  <c r="AC6463" i="1"/>
  <c r="AC6464" i="1"/>
  <c r="AC6465" i="1"/>
  <c r="AC6466" i="1"/>
  <c r="AC6467" i="1"/>
  <c r="AC6468" i="1"/>
  <c r="AC6469" i="1"/>
  <c r="AC6470" i="1"/>
  <c r="AC6471" i="1"/>
  <c r="AC6472" i="1"/>
  <c r="AC6473" i="1"/>
  <c r="AC6474" i="1"/>
  <c r="AC6475" i="1"/>
  <c r="AC6476" i="1"/>
  <c r="AC6477" i="1"/>
  <c r="AC6478" i="1"/>
  <c r="AC6479" i="1"/>
  <c r="AC6480" i="1"/>
  <c r="AC6481" i="1"/>
  <c r="AC6482" i="1"/>
  <c r="AC6483" i="1"/>
  <c r="AC6484" i="1"/>
  <c r="AC6485" i="1"/>
  <c r="AC6486" i="1"/>
  <c r="AC6487" i="1"/>
  <c r="AC6488" i="1"/>
  <c r="AC6489" i="1"/>
  <c r="AC6490" i="1"/>
  <c r="AC6491" i="1"/>
  <c r="AC6492" i="1"/>
  <c r="AC6493" i="1"/>
  <c r="AC6494" i="1"/>
  <c r="AC6495" i="1"/>
  <c r="AC6496" i="1"/>
  <c r="AC6497" i="1"/>
  <c r="AC6498" i="1"/>
  <c r="AC6499" i="1"/>
  <c r="AC6500" i="1"/>
  <c r="AC6501" i="1"/>
  <c r="AC6502" i="1"/>
  <c r="AC6503" i="1"/>
  <c r="AC6504" i="1"/>
  <c r="AC6505" i="1"/>
  <c r="AC6506" i="1"/>
  <c r="AC6507" i="1"/>
  <c r="AC6508" i="1"/>
  <c r="AC6509" i="1"/>
  <c r="AC6510" i="1"/>
  <c r="AC6511" i="1"/>
  <c r="AC6512" i="1"/>
  <c r="AC6513" i="1"/>
  <c r="AC6514" i="1"/>
  <c r="AC6515" i="1"/>
  <c r="AC6516" i="1"/>
  <c r="AC6517" i="1"/>
  <c r="AC6518" i="1"/>
  <c r="AC6519" i="1"/>
  <c r="AC6520" i="1"/>
  <c r="AC6521" i="1"/>
  <c r="AC6522" i="1"/>
  <c r="AC6523" i="1"/>
  <c r="AC6524" i="1"/>
  <c r="AC6525" i="1"/>
  <c r="AC6526" i="1"/>
  <c r="AC6527" i="1"/>
  <c r="AC6528" i="1"/>
  <c r="AC6529" i="1"/>
  <c r="AC6530" i="1"/>
  <c r="AC6531" i="1"/>
  <c r="AC6532" i="1"/>
  <c r="AC6533" i="1"/>
  <c r="AC6534" i="1"/>
  <c r="AC6535" i="1"/>
  <c r="AC6536" i="1"/>
  <c r="AC6537" i="1"/>
  <c r="AC6538" i="1"/>
  <c r="AC6539" i="1"/>
  <c r="AC6540" i="1"/>
  <c r="AC6541" i="1"/>
  <c r="AC6542" i="1"/>
  <c r="AC6543" i="1"/>
  <c r="AC6544" i="1"/>
  <c r="AC6545" i="1"/>
  <c r="AC6546" i="1"/>
  <c r="AC6547" i="1"/>
  <c r="AC6548" i="1"/>
  <c r="AC6549" i="1"/>
  <c r="AC6550" i="1"/>
  <c r="AC6551" i="1"/>
  <c r="AC6552" i="1"/>
  <c r="AC6553" i="1"/>
  <c r="AC6554" i="1"/>
  <c r="AC6555" i="1"/>
  <c r="AC6556" i="1"/>
  <c r="AC6557" i="1"/>
  <c r="AC6558" i="1"/>
  <c r="AC6559" i="1"/>
  <c r="AC6560" i="1"/>
  <c r="AC6561" i="1"/>
  <c r="AC6562" i="1"/>
  <c r="AC6563" i="1"/>
  <c r="AC6564" i="1"/>
  <c r="AC6565" i="1"/>
  <c r="AC6566" i="1"/>
  <c r="AC6567" i="1"/>
  <c r="AC6568" i="1"/>
  <c r="AC6569" i="1"/>
  <c r="AC6570" i="1"/>
  <c r="AC6571" i="1"/>
  <c r="AC6572" i="1"/>
  <c r="AC6573" i="1"/>
  <c r="AC6574" i="1"/>
  <c r="AC6575" i="1"/>
  <c r="AC6576" i="1"/>
  <c r="AC6577" i="1"/>
  <c r="AC6578" i="1"/>
  <c r="AC6579" i="1"/>
  <c r="AC6580" i="1"/>
  <c r="AC6581" i="1"/>
  <c r="AC6582" i="1"/>
  <c r="AC6583" i="1"/>
  <c r="AC6584" i="1"/>
  <c r="AC6585" i="1"/>
  <c r="AC6586" i="1"/>
  <c r="AC6587" i="1"/>
  <c r="AC6588" i="1"/>
  <c r="AC6589" i="1"/>
  <c r="AC6590" i="1"/>
  <c r="AC6591" i="1"/>
  <c r="AC6592" i="1"/>
  <c r="AC6593" i="1"/>
  <c r="AC6594" i="1"/>
  <c r="AC6595" i="1"/>
  <c r="AC6596" i="1"/>
  <c r="AC6597" i="1"/>
  <c r="AC6598" i="1"/>
  <c r="AC6599" i="1"/>
  <c r="AC6600" i="1"/>
  <c r="AC6601" i="1"/>
  <c r="AC6602" i="1"/>
  <c r="AC6603" i="1"/>
  <c r="AC6604" i="1"/>
  <c r="AC6605" i="1"/>
  <c r="AC6606" i="1"/>
  <c r="AC6607" i="1"/>
  <c r="AC6608" i="1"/>
  <c r="AC6609" i="1"/>
  <c r="AC6610" i="1"/>
  <c r="AC6611" i="1"/>
  <c r="AC6612" i="1"/>
  <c r="AC6613" i="1"/>
  <c r="AC6614" i="1"/>
  <c r="AC6615" i="1"/>
  <c r="AC6616" i="1"/>
  <c r="AC6617" i="1"/>
  <c r="AC6618" i="1"/>
  <c r="AC6619" i="1"/>
  <c r="AC6620" i="1"/>
  <c r="AC6621" i="1"/>
  <c r="AC6622" i="1"/>
  <c r="AC6623" i="1"/>
  <c r="AC6624" i="1"/>
  <c r="AC6625" i="1"/>
  <c r="AC6626" i="1"/>
  <c r="AC6627" i="1"/>
  <c r="AC6628" i="1"/>
  <c r="AC6629" i="1"/>
  <c r="AC6630" i="1"/>
  <c r="AC6631" i="1"/>
  <c r="AC6632" i="1"/>
  <c r="AC6633" i="1"/>
  <c r="AC6634" i="1"/>
  <c r="AC6635" i="1"/>
  <c r="AC6636" i="1"/>
  <c r="AC6637" i="1"/>
  <c r="AC6638" i="1"/>
  <c r="AC6639" i="1"/>
  <c r="AC6640" i="1"/>
  <c r="AC6641" i="1"/>
  <c r="AC6642" i="1"/>
  <c r="AC6643" i="1"/>
  <c r="AC6644" i="1"/>
  <c r="AC6645" i="1"/>
  <c r="AC6646" i="1"/>
  <c r="AC6647" i="1"/>
  <c r="AC6648" i="1"/>
  <c r="AC6649" i="1"/>
  <c r="AC6650" i="1"/>
  <c r="AC6651" i="1"/>
  <c r="AC6652" i="1"/>
  <c r="AC6653" i="1"/>
  <c r="AC6654" i="1"/>
  <c r="AC6655" i="1"/>
  <c r="AC6656" i="1"/>
  <c r="AC6657" i="1"/>
  <c r="AC6658" i="1"/>
  <c r="AC6659" i="1"/>
  <c r="AC6660" i="1"/>
  <c r="AC6661" i="1"/>
  <c r="AC6662" i="1"/>
  <c r="AC6663" i="1"/>
  <c r="AC6664" i="1"/>
  <c r="AC6665" i="1"/>
  <c r="AC6666" i="1"/>
  <c r="AC6667" i="1"/>
  <c r="AC6668" i="1"/>
  <c r="AC6669" i="1"/>
  <c r="AC6670" i="1"/>
  <c r="AC6671" i="1"/>
  <c r="AC6672" i="1"/>
  <c r="AC6673" i="1"/>
  <c r="AC6674" i="1"/>
  <c r="AC6675" i="1"/>
  <c r="AC6676" i="1"/>
  <c r="AC6677" i="1"/>
  <c r="AC6678" i="1"/>
  <c r="AC6679" i="1"/>
  <c r="AC6680" i="1"/>
  <c r="AC6681" i="1"/>
  <c r="AC6682" i="1"/>
  <c r="AC6683" i="1"/>
  <c r="AC6684" i="1"/>
  <c r="AC6685" i="1"/>
  <c r="AC6686" i="1"/>
  <c r="AC6687" i="1"/>
  <c r="AC6688" i="1"/>
  <c r="AC6689" i="1"/>
  <c r="AC6690" i="1"/>
  <c r="AC6691" i="1"/>
  <c r="AC6692" i="1"/>
  <c r="AC6693" i="1"/>
  <c r="AC6694" i="1"/>
  <c r="AC6695" i="1"/>
  <c r="AC6696" i="1"/>
  <c r="AC6697" i="1"/>
  <c r="AC6698" i="1"/>
  <c r="AC6699" i="1"/>
  <c r="AC6700" i="1"/>
  <c r="AC6701" i="1"/>
  <c r="AC6702" i="1"/>
  <c r="AC6703" i="1"/>
  <c r="AC6704" i="1"/>
  <c r="AC6705" i="1"/>
  <c r="AC6706" i="1"/>
  <c r="AC6707" i="1"/>
  <c r="AC6708" i="1"/>
  <c r="AC6709" i="1"/>
  <c r="AC6710" i="1"/>
  <c r="AC6711" i="1"/>
  <c r="AC6712" i="1"/>
  <c r="AC6713" i="1"/>
  <c r="AC6714" i="1"/>
  <c r="AC6715" i="1"/>
  <c r="AC6716" i="1"/>
  <c r="AC6717" i="1"/>
  <c r="AC6718" i="1"/>
  <c r="AC6719" i="1"/>
  <c r="AC6720" i="1"/>
  <c r="AC6721" i="1"/>
  <c r="AC6722" i="1"/>
  <c r="AC6723" i="1"/>
  <c r="AC6724" i="1"/>
  <c r="AC6725" i="1"/>
  <c r="AC6726" i="1"/>
  <c r="AC6727" i="1"/>
  <c r="AC6728" i="1"/>
  <c r="AC6729" i="1"/>
  <c r="AC6730" i="1"/>
  <c r="AC6731" i="1"/>
  <c r="AC6732" i="1"/>
  <c r="AC6733" i="1"/>
  <c r="AC6734" i="1"/>
  <c r="AC6735" i="1"/>
  <c r="AC6736" i="1"/>
  <c r="AC6737" i="1"/>
  <c r="AC6738" i="1"/>
  <c r="AC6739" i="1"/>
  <c r="AC6740" i="1"/>
  <c r="AC6741" i="1"/>
  <c r="AC6742" i="1"/>
  <c r="AC6743" i="1"/>
  <c r="AC6744" i="1"/>
  <c r="AC6745" i="1"/>
  <c r="AC6746" i="1"/>
  <c r="AC6747" i="1"/>
  <c r="AC6748" i="1"/>
  <c r="AC6749" i="1"/>
  <c r="AC6750" i="1"/>
  <c r="AC6751" i="1"/>
  <c r="AC6752" i="1"/>
  <c r="AC6753" i="1"/>
  <c r="AC6754" i="1"/>
  <c r="AC6755" i="1"/>
  <c r="AC6756" i="1"/>
  <c r="AC6757" i="1"/>
  <c r="AC6758" i="1"/>
  <c r="AC6759" i="1"/>
  <c r="AC6760" i="1"/>
  <c r="AC6761" i="1"/>
  <c r="AC6762" i="1"/>
  <c r="AC6763" i="1"/>
  <c r="AC6764" i="1"/>
  <c r="AC6765" i="1"/>
  <c r="AC6766" i="1"/>
  <c r="AC6767" i="1"/>
  <c r="AC6768" i="1"/>
  <c r="AC6769" i="1"/>
  <c r="AC6770" i="1"/>
  <c r="AC6771" i="1"/>
  <c r="AC6772" i="1"/>
  <c r="AC6773" i="1"/>
  <c r="AC6774" i="1"/>
  <c r="AC6775" i="1"/>
  <c r="AC6776" i="1"/>
  <c r="AC6777" i="1"/>
  <c r="AC6778" i="1"/>
  <c r="AC6779" i="1"/>
  <c r="AC6780" i="1"/>
  <c r="AC6781" i="1"/>
  <c r="AC6782" i="1"/>
  <c r="AC6783" i="1"/>
  <c r="AC6784" i="1"/>
  <c r="AC6785" i="1"/>
  <c r="AC6786" i="1"/>
  <c r="AC6787" i="1"/>
  <c r="AC6788" i="1"/>
  <c r="AC6789" i="1"/>
  <c r="AC6790" i="1"/>
  <c r="AC6791" i="1"/>
  <c r="AC6792" i="1"/>
  <c r="AC6793" i="1"/>
  <c r="AC6794" i="1"/>
  <c r="AC6795" i="1"/>
  <c r="AC6796" i="1"/>
  <c r="AC6797" i="1"/>
  <c r="AC6798" i="1"/>
  <c r="AC6799" i="1"/>
  <c r="AC6800" i="1"/>
  <c r="AC6801" i="1"/>
  <c r="AC6802" i="1"/>
  <c r="AC6803" i="1"/>
  <c r="AC6804" i="1"/>
  <c r="AC6805" i="1"/>
  <c r="AC6806" i="1"/>
  <c r="AC6807" i="1"/>
  <c r="AC6808" i="1"/>
  <c r="AC6809" i="1"/>
  <c r="AC6810" i="1"/>
  <c r="AC6811" i="1"/>
  <c r="AC6812" i="1"/>
  <c r="AC6813" i="1"/>
  <c r="AC6814" i="1"/>
  <c r="AC6815" i="1"/>
  <c r="AC6816" i="1"/>
  <c r="AC6817" i="1"/>
  <c r="AC6818" i="1"/>
  <c r="AC6819" i="1"/>
  <c r="AC6820" i="1"/>
  <c r="AC6821" i="1"/>
  <c r="AC6822" i="1"/>
  <c r="AC6823" i="1"/>
  <c r="AC6824" i="1"/>
  <c r="AC6825" i="1"/>
  <c r="AC6826" i="1"/>
  <c r="AC6827" i="1"/>
  <c r="AC6828" i="1"/>
  <c r="AC6829" i="1"/>
  <c r="AC6830" i="1"/>
  <c r="AC6831" i="1"/>
  <c r="AC6832" i="1"/>
  <c r="AC6833" i="1"/>
  <c r="AC6834" i="1"/>
  <c r="AC6835" i="1"/>
  <c r="AC6836" i="1"/>
  <c r="AC6837" i="1"/>
  <c r="AC6838" i="1"/>
  <c r="AC6839" i="1"/>
  <c r="AC6840" i="1"/>
  <c r="AC6841" i="1"/>
  <c r="AC6842" i="1"/>
  <c r="AC6843" i="1"/>
  <c r="AC6844" i="1"/>
  <c r="AC6845" i="1"/>
  <c r="AC6846" i="1"/>
  <c r="AC6847" i="1"/>
  <c r="AC6848" i="1"/>
  <c r="AC6849" i="1"/>
  <c r="AC6850" i="1"/>
  <c r="AC6851" i="1"/>
  <c r="AC6852" i="1"/>
  <c r="AC6853" i="1"/>
  <c r="AC6854" i="1"/>
  <c r="AC6855" i="1"/>
  <c r="AC6856" i="1"/>
  <c r="AC6857" i="1"/>
  <c r="AC6858" i="1"/>
  <c r="AC6859" i="1"/>
  <c r="AC6860" i="1"/>
  <c r="AC6861" i="1"/>
  <c r="AC6862" i="1"/>
  <c r="AC6863" i="1"/>
  <c r="AC6864" i="1"/>
  <c r="AC6865" i="1"/>
  <c r="AC6866" i="1"/>
  <c r="AC6867" i="1"/>
  <c r="AC6868" i="1"/>
  <c r="AC6869" i="1"/>
  <c r="AC6870" i="1"/>
  <c r="AC6871" i="1"/>
  <c r="AC6872" i="1"/>
  <c r="AC6873" i="1"/>
  <c r="AC6874" i="1"/>
  <c r="AC6875" i="1"/>
  <c r="AC6876" i="1"/>
  <c r="AC6877" i="1"/>
  <c r="AC6878" i="1"/>
  <c r="AC6879" i="1"/>
  <c r="AC6880" i="1"/>
  <c r="AC6881" i="1"/>
  <c r="AC6882" i="1"/>
  <c r="AC6883" i="1"/>
  <c r="AC6884" i="1"/>
  <c r="AC6885" i="1"/>
  <c r="AC6886" i="1"/>
  <c r="AC6887" i="1"/>
  <c r="AC6888" i="1"/>
  <c r="AC6889" i="1"/>
  <c r="AC6890" i="1"/>
  <c r="AC6891" i="1"/>
  <c r="AC6892" i="1"/>
  <c r="AC6893" i="1"/>
  <c r="AC6894" i="1"/>
  <c r="AC6895" i="1"/>
  <c r="AC6896" i="1"/>
  <c r="AC6897" i="1"/>
  <c r="AC6898" i="1"/>
  <c r="AC6899" i="1"/>
  <c r="AC6900" i="1"/>
  <c r="AC6901" i="1"/>
  <c r="AC6902" i="1"/>
  <c r="AC6903" i="1"/>
  <c r="AC6904" i="1"/>
  <c r="AC6905" i="1"/>
  <c r="AC6906" i="1"/>
  <c r="AC6907" i="1"/>
  <c r="AC6908" i="1"/>
  <c r="AC6909" i="1"/>
  <c r="AC6910" i="1"/>
  <c r="AC6911" i="1"/>
  <c r="AC6912" i="1"/>
  <c r="AC6913" i="1"/>
  <c r="AC6914" i="1"/>
  <c r="AC6915" i="1"/>
  <c r="AC6916" i="1"/>
  <c r="AC6917" i="1"/>
  <c r="AC6918" i="1"/>
  <c r="AC6919" i="1"/>
  <c r="AC6920" i="1"/>
  <c r="AC6921" i="1"/>
  <c r="AC6922" i="1"/>
  <c r="AC6923" i="1"/>
  <c r="AC6924" i="1"/>
  <c r="AC6925" i="1"/>
  <c r="AC6926" i="1"/>
  <c r="AC6927" i="1"/>
  <c r="AC6928" i="1"/>
  <c r="AC6929" i="1"/>
  <c r="AC6930" i="1"/>
  <c r="AC6931" i="1"/>
  <c r="AC6932" i="1"/>
  <c r="AC6933" i="1"/>
  <c r="AC6934" i="1"/>
  <c r="AC6935" i="1"/>
  <c r="AC6936" i="1"/>
  <c r="AC6937" i="1"/>
  <c r="AC6938" i="1"/>
  <c r="AC6939" i="1"/>
  <c r="AC6940" i="1"/>
  <c r="AC6941" i="1"/>
  <c r="AC6942" i="1"/>
  <c r="AC6943" i="1"/>
  <c r="AC6944" i="1"/>
  <c r="AC6945" i="1"/>
  <c r="AC6946" i="1"/>
  <c r="AC6947" i="1"/>
  <c r="AC6948" i="1"/>
  <c r="AC6949" i="1"/>
  <c r="AC6950" i="1"/>
  <c r="AC6951" i="1"/>
  <c r="AC6952" i="1"/>
  <c r="AC6953" i="1"/>
  <c r="AC6954" i="1"/>
  <c r="AC6955" i="1"/>
  <c r="AC6956" i="1"/>
  <c r="AC6957" i="1"/>
  <c r="AC6958" i="1"/>
  <c r="AC6959" i="1"/>
  <c r="AC6960" i="1"/>
  <c r="AC6961" i="1"/>
  <c r="AC6962" i="1"/>
  <c r="AC6963" i="1"/>
  <c r="AC6964" i="1"/>
  <c r="AC6965" i="1"/>
  <c r="AC6966" i="1"/>
  <c r="AC6967" i="1"/>
  <c r="AC6968" i="1"/>
  <c r="AC6969" i="1"/>
  <c r="AC6970" i="1"/>
  <c r="AC6971" i="1"/>
  <c r="AC6972" i="1"/>
  <c r="AC6973" i="1"/>
  <c r="AC6974" i="1"/>
  <c r="AC6975" i="1"/>
  <c r="AC6976" i="1"/>
  <c r="AC6977" i="1"/>
  <c r="AC6978" i="1"/>
  <c r="AC6979" i="1"/>
  <c r="AC6980" i="1"/>
  <c r="AC6981" i="1"/>
  <c r="AC6982" i="1"/>
  <c r="AC6983" i="1"/>
  <c r="AC6984" i="1"/>
  <c r="AC6985" i="1"/>
  <c r="AC6986" i="1"/>
  <c r="AC6987" i="1"/>
  <c r="AC6988" i="1"/>
  <c r="AC6989" i="1"/>
  <c r="AC6990" i="1"/>
  <c r="AC6991" i="1"/>
  <c r="AC6992" i="1"/>
  <c r="AC6993" i="1"/>
  <c r="AC6994" i="1"/>
  <c r="AC6995" i="1"/>
  <c r="AC6996" i="1"/>
  <c r="AC6997" i="1"/>
  <c r="AC6998" i="1"/>
  <c r="AC6999" i="1"/>
  <c r="AC7000" i="1"/>
  <c r="AC7001" i="1"/>
  <c r="AC7002" i="1"/>
  <c r="AC7003" i="1"/>
  <c r="AC7004" i="1"/>
  <c r="AC7005" i="1"/>
  <c r="AC7006" i="1"/>
  <c r="AC7007" i="1"/>
  <c r="AC7008" i="1"/>
  <c r="AC7009" i="1"/>
  <c r="AC7010" i="1"/>
  <c r="AC7011" i="1"/>
  <c r="AC7012" i="1"/>
  <c r="AC7013" i="1"/>
  <c r="AC7014" i="1"/>
  <c r="AC7015" i="1"/>
  <c r="AC7016" i="1"/>
  <c r="AC7017" i="1"/>
  <c r="AC7018" i="1"/>
  <c r="AC7019" i="1"/>
  <c r="AC7020" i="1"/>
  <c r="AC7021" i="1"/>
  <c r="AC7022" i="1"/>
  <c r="AC7023" i="1"/>
  <c r="AC7024" i="1"/>
  <c r="AC7025" i="1"/>
  <c r="AC7026" i="1"/>
  <c r="AC7027" i="1"/>
  <c r="AC7028" i="1"/>
  <c r="AC7029" i="1"/>
  <c r="AC7030" i="1"/>
  <c r="AC7031" i="1"/>
  <c r="AC7032" i="1"/>
  <c r="AC7033" i="1"/>
  <c r="AC7034" i="1"/>
  <c r="AC7035" i="1"/>
  <c r="AC7036" i="1"/>
  <c r="AC7037" i="1"/>
  <c r="AC7038" i="1"/>
  <c r="AC7039" i="1"/>
  <c r="AC7040" i="1"/>
  <c r="AC7041" i="1"/>
  <c r="AC7042" i="1"/>
  <c r="AC7043" i="1"/>
  <c r="AC7044" i="1"/>
  <c r="AC7045" i="1"/>
  <c r="AC7046" i="1"/>
  <c r="AC7047" i="1"/>
  <c r="AC7048" i="1"/>
  <c r="AC7049" i="1"/>
  <c r="AC7050" i="1"/>
  <c r="AC7051" i="1"/>
  <c r="AC7052" i="1"/>
  <c r="AC7053" i="1"/>
  <c r="AC7054" i="1"/>
  <c r="AC7055" i="1"/>
  <c r="AC7056" i="1"/>
  <c r="AC7057" i="1"/>
  <c r="AC7058" i="1"/>
  <c r="AC7059" i="1"/>
  <c r="AC7060" i="1"/>
  <c r="AC7061" i="1"/>
  <c r="AC7062" i="1"/>
  <c r="AC7063" i="1"/>
  <c r="AC7064" i="1"/>
  <c r="AC7065" i="1"/>
  <c r="AC7066" i="1"/>
  <c r="AC7067" i="1"/>
  <c r="AC7068" i="1"/>
  <c r="AC7069" i="1"/>
  <c r="AC7070" i="1"/>
  <c r="AC7071" i="1"/>
  <c r="AC7072" i="1"/>
  <c r="AC7073" i="1"/>
  <c r="AC7074" i="1"/>
  <c r="AC7075" i="1"/>
  <c r="AC7076" i="1"/>
  <c r="AC7077" i="1"/>
  <c r="AC7078" i="1"/>
  <c r="AC7079" i="1"/>
  <c r="AC7080" i="1"/>
  <c r="AC7081" i="1"/>
  <c r="AC7082" i="1"/>
  <c r="AC7083" i="1"/>
  <c r="AC7084" i="1"/>
  <c r="AC7085" i="1"/>
  <c r="AC7086" i="1"/>
  <c r="AC7087" i="1"/>
  <c r="AC7088" i="1"/>
  <c r="AC7089" i="1"/>
  <c r="AC7090" i="1"/>
  <c r="AC7091" i="1"/>
  <c r="AC7092" i="1"/>
  <c r="AC7093" i="1"/>
  <c r="AC7094" i="1"/>
  <c r="AC7095" i="1"/>
  <c r="AC7096" i="1"/>
  <c r="AC7097" i="1"/>
  <c r="AC7098" i="1"/>
  <c r="AC7099" i="1"/>
  <c r="AC7100" i="1"/>
  <c r="AC7101" i="1"/>
  <c r="AC7102" i="1"/>
  <c r="AC7103" i="1"/>
  <c r="AC7104" i="1"/>
  <c r="AC7105" i="1"/>
  <c r="AC7106" i="1"/>
  <c r="AC7107" i="1"/>
  <c r="AC7108" i="1"/>
  <c r="AC7109" i="1"/>
  <c r="AC7110" i="1"/>
  <c r="AC7111" i="1"/>
  <c r="AC7112" i="1"/>
  <c r="AC7113" i="1"/>
  <c r="AC7114" i="1"/>
  <c r="AC7115" i="1"/>
  <c r="AC7116" i="1"/>
  <c r="AC7117" i="1"/>
  <c r="AC7118" i="1"/>
  <c r="AC7119" i="1"/>
  <c r="AC7120" i="1"/>
  <c r="AC7121" i="1"/>
  <c r="AC7122" i="1"/>
  <c r="AC7123" i="1"/>
  <c r="AC7124" i="1"/>
  <c r="AC7125" i="1"/>
  <c r="AC7126" i="1"/>
  <c r="AC7127" i="1"/>
  <c r="AC7128" i="1"/>
  <c r="AC7129" i="1"/>
  <c r="AC7130" i="1"/>
  <c r="AC7131" i="1"/>
  <c r="AC7132" i="1"/>
  <c r="AC7133" i="1"/>
  <c r="AC7134" i="1"/>
  <c r="AC7135" i="1"/>
  <c r="AC7136" i="1"/>
  <c r="AC7137" i="1"/>
  <c r="AC7138" i="1"/>
  <c r="AC7139" i="1"/>
  <c r="AC7140" i="1"/>
  <c r="AC7141" i="1"/>
  <c r="AC7142" i="1"/>
  <c r="AC7143" i="1"/>
  <c r="AC7144" i="1"/>
  <c r="AC7145" i="1"/>
  <c r="AC7146" i="1"/>
  <c r="AC7147" i="1"/>
  <c r="AC7148" i="1"/>
  <c r="AC7149" i="1"/>
  <c r="AC7150" i="1"/>
  <c r="AC7151" i="1"/>
  <c r="AC7152" i="1"/>
  <c r="AC7153" i="1"/>
  <c r="AC7154" i="1"/>
  <c r="AC7155" i="1"/>
  <c r="AC7156" i="1"/>
  <c r="AC7157" i="1"/>
  <c r="AC7158" i="1"/>
  <c r="AC7159" i="1"/>
  <c r="AC7160" i="1"/>
  <c r="AC7161" i="1"/>
  <c r="AC7162" i="1"/>
  <c r="AC7163" i="1"/>
  <c r="AC7164" i="1"/>
  <c r="AC7165" i="1"/>
  <c r="AC7166" i="1"/>
  <c r="AC7167" i="1"/>
  <c r="AC7168" i="1"/>
  <c r="AC7169" i="1"/>
  <c r="AC7170" i="1"/>
  <c r="AC7171" i="1"/>
  <c r="AC7172" i="1"/>
  <c r="AC7173" i="1"/>
  <c r="AC7174" i="1"/>
  <c r="AC7175" i="1"/>
  <c r="AC7176" i="1"/>
  <c r="AC7177" i="1"/>
  <c r="AC7178" i="1"/>
  <c r="AC7179" i="1"/>
  <c r="AC7180" i="1"/>
  <c r="AC7181" i="1"/>
  <c r="AC7182" i="1"/>
  <c r="AC7183" i="1"/>
  <c r="AC7184" i="1"/>
  <c r="AC7185" i="1"/>
  <c r="AC7186" i="1"/>
  <c r="AC7187" i="1"/>
  <c r="AC7188" i="1"/>
  <c r="AC7189" i="1"/>
  <c r="AC7190" i="1"/>
  <c r="AC7191" i="1"/>
  <c r="AC7192" i="1"/>
  <c r="AC7193" i="1"/>
  <c r="AC7194" i="1"/>
  <c r="AC7195" i="1"/>
  <c r="AC7196" i="1"/>
  <c r="AC7197" i="1"/>
  <c r="AC7198" i="1"/>
  <c r="AC7199" i="1"/>
  <c r="AC7200" i="1"/>
  <c r="AC7201" i="1"/>
  <c r="AC7202" i="1"/>
  <c r="AC7203" i="1"/>
  <c r="AC7204" i="1"/>
  <c r="AC7205" i="1"/>
  <c r="AC7206" i="1"/>
  <c r="AC7207" i="1"/>
  <c r="AC7208" i="1"/>
  <c r="AC7209" i="1"/>
  <c r="AC7210" i="1"/>
  <c r="AC7211" i="1"/>
  <c r="AC7212" i="1"/>
  <c r="AC7213" i="1"/>
  <c r="AC7214" i="1"/>
  <c r="AC7215" i="1"/>
  <c r="AC7216" i="1"/>
  <c r="AC7217" i="1"/>
  <c r="AC7218" i="1"/>
  <c r="AC7219" i="1"/>
  <c r="AC7220" i="1"/>
  <c r="AC7221" i="1"/>
  <c r="AC7222" i="1"/>
  <c r="AC7223" i="1"/>
  <c r="AC7224" i="1"/>
  <c r="AC7225" i="1"/>
  <c r="AC7226" i="1"/>
  <c r="AC7227" i="1"/>
  <c r="AC7228" i="1"/>
  <c r="AC7229" i="1"/>
  <c r="AC7230" i="1"/>
  <c r="AC7231" i="1"/>
  <c r="AC7232" i="1"/>
  <c r="AC7233" i="1"/>
  <c r="AC7234" i="1"/>
  <c r="AC7235" i="1"/>
  <c r="AC7236" i="1"/>
  <c r="AC7237" i="1"/>
  <c r="AC7238" i="1"/>
  <c r="AC7239" i="1"/>
  <c r="AC7240" i="1"/>
  <c r="AC7241" i="1"/>
  <c r="AC7242" i="1"/>
  <c r="AC7243" i="1"/>
  <c r="AC7244" i="1"/>
  <c r="AC7245" i="1"/>
  <c r="AC7246" i="1"/>
  <c r="AC7247" i="1"/>
  <c r="AC7248" i="1"/>
  <c r="AC7249" i="1"/>
  <c r="AC7250" i="1"/>
  <c r="AC7251" i="1"/>
  <c r="AC7252" i="1"/>
  <c r="AC7253" i="1"/>
  <c r="AC7254" i="1"/>
  <c r="AC7255" i="1"/>
  <c r="AC7256" i="1"/>
  <c r="AC7257" i="1"/>
  <c r="AC7258" i="1"/>
  <c r="AC7259" i="1"/>
  <c r="AC7260" i="1"/>
  <c r="AC7261" i="1"/>
  <c r="AC7262" i="1"/>
  <c r="AC7263" i="1"/>
  <c r="AC7264" i="1"/>
  <c r="AC7265" i="1"/>
  <c r="AC7266" i="1"/>
  <c r="AC7267" i="1"/>
  <c r="AC7268" i="1"/>
  <c r="AC7269" i="1"/>
  <c r="AC7270" i="1"/>
  <c r="AC7271" i="1"/>
  <c r="AC7272" i="1"/>
  <c r="AC7273" i="1"/>
  <c r="AC7274" i="1"/>
  <c r="AC7275" i="1"/>
  <c r="AC7276" i="1"/>
  <c r="AC7277" i="1"/>
  <c r="AC7278" i="1"/>
  <c r="AC7279" i="1"/>
  <c r="AC7280" i="1"/>
  <c r="AC7281" i="1"/>
  <c r="AC7282" i="1"/>
  <c r="AC7283" i="1"/>
  <c r="AC7284" i="1"/>
  <c r="AC7285" i="1"/>
  <c r="AC7286" i="1"/>
  <c r="AC7287" i="1"/>
  <c r="AC7288" i="1"/>
  <c r="AC7289" i="1"/>
  <c r="AC7290" i="1"/>
  <c r="AC7291" i="1"/>
  <c r="AC7292" i="1"/>
  <c r="AC7293" i="1"/>
  <c r="AC7294" i="1"/>
  <c r="AC7295" i="1"/>
  <c r="AC7296" i="1"/>
  <c r="AC7297" i="1"/>
  <c r="AC7298" i="1"/>
  <c r="AC7299" i="1"/>
  <c r="AC7300" i="1"/>
  <c r="AC7301" i="1"/>
  <c r="AC7302" i="1"/>
  <c r="AC7303" i="1"/>
  <c r="AC7304" i="1"/>
  <c r="AC7305" i="1"/>
  <c r="AC7306" i="1"/>
  <c r="AC7307" i="1"/>
  <c r="AC7308" i="1"/>
  <c r="AC7309" i="1"/>
  <c r="AC7310" i="1"/>
  <c r="AC7311" i="1"/>
  <c r="AC7312" i="1"/>
  <c r="AC7313" i="1"/>
  <c r="AC7314" i="1"/>
  <c r="AC7315" i="1"/>
  <c r="AC7316" i="1"/>
  <c r="AC7317" i="1"/>
  <c r="AC7318" i="1"/>
  <c r="AC7319" i="1"/>
  <c r="AC7320" i="1"/>
  <c r="AC7321" i="1"/>
  <c r="AC7322" i="1"/>
  <c r="AC7323" i="1"/>
  <c r="AC7324" i="1"/>
  <c r="AC7325" i="1"/>
  <c r="AC7326" i="1"/>
  <c r="AC7327" i="1"/>
  <c r="AC7328" i="1"/>
  <c r="AC7329" i="1"/>
  <c r="AC7330" i="1"/>
  <c r="AC7331" i="1"/>
  <c r="AC7332" i="1"/>
  <c r="AC7333" i="1"/>
  <c r="AC7334" i="1"/>
  <c r="AC7335" i="1"/>
  <c r="AC7336" i="1"/>
  <c r="AC7337" i="1"/>
  <c r="AC7338" i="1"/>
  <c r="AC7339" i="1"/>
  <c r="AC7340" i="1"/>
  <c r="AC7341" i="1"/>
  <c r="AC7342" i="1"/>
  <c r="AC7343" i="1"/>
  <c r="AC7344" i="1"/>
  <c r="AC7345" i="1"/>
  <c r="AC7346" i="1"/>
  <c r="AC7347" i="1"/>
  <c r="AC7348" i="1"/>
  <c r="AC7349" i="1"/>
  <c r="AC7350" i="1"/>
  <c r="AC7351" i="1"/>
  <c r="AC7352" i="1"/>
  <c r="AC7353" i="1"/>
  <c r="AC7354" i="1"/>
  <c r="AC7355" i="1"/>
  <c r="AC7356" i="1"/>
  <c r="AC7357" i="1"/>
  <c r="AC7358" i="1"/>
  <c r="AC7359" i="1"/>
  <c r="AC7360" i="1"/>
  <c r="AC7361" i="1"/>
  <c r="AC7362" i="1"/>
  <c r="AC7363" i="1"/>
  <c r="AC7364" i="1"/>
  <c r="AC7365" i="1"/>
  <c r="AC7366" i="1"/>
  <c r="AC7367" i="1"/>
  <c r="AC7368" i="1"/>
  <c r="AC7369" i="1"/>
  <c r="AC7370" i="1"/>
  <c r="AC7371" i="1"/>
  <c r="AC7372" i="1"/>
  <c r="AC7373" i="1"/>
  <c r="AC7374" i="1"/>
  <c r="AC7375" i="1"/>
  <c r="AC7376" i="1"/>
  <c r="AC7377" i="1"/>
  <c r="AC7378" i="1"/>
  <c r="AC7379" i="1"/>
  <c r="AC7380" i="1"/>
  <c r="AC7381" i="1"/>
  <c r="AC7382" i="1"/>
  <c r="AC7383" i="1"/>
  <c r="AC7384" i="1"/>
  <c r="AC7385" i="1"/>
  <c r="AC7386" i="1"/>
  <c r="AC7387" i="1"/>
  <c r="AC7388" i="1"/>
  <c r="AC7389" i="1"/>
  <c r="AC7390" i="1"/>
  <c r="AC7391" i="1"/>
  <c r="AC7392" i="1"/>
  <c r="AC7393" i="1"/>
  <c r="AC7394" i="1"/>
  <c r="AC7395" i="1"/>
  <c r="AC7396" i="1"/>
  <c r="AC7397" i="1"/>
  <c r="AC7398" i="1"/>
  <c r="AC7399" i="1"/>
  <c r="AC7400" i="1"/>
  <c r="AC7401" i="1"/>
  <c r="AC7402" i="1"/>
  <c r="AC7403" i="1"/>
  <c r="AC7404" i="1"/>
  <c r="AC7405" i="1"/>
  <c r="AC7406" i="1"/>
  <c r="AC7407" i="1"/>
  <c r="AC7408" i="1"/>
  <c r="AC7409" i="1"/>
  <c r="AC7410" i="1"/>
  <c r="AC7411" i="1"/>
  <c r="AC7412" i="1"/>
  <c r="AC7413" i="1"/>
  <c r="AC7414" i="1"/>
  <c r="AC7415" i="1"/>
  <c r="AC7416" i="1"/>
  <c r="AC7417" i="1"/>
  <c r="AC7418" i="1"/>
  <c r="AC7419" i="1"/>
  <c r="AC7420" i="1"/>
  <c r="AC7421" i="1"/>
  <c r="AC7422" i="1"/>
  <c r="AC7423" i="1"/>
  <c r="AC7424" i="1"/>
  <c r="AC7425" i="1"/>
  <c r="AC7426" i="1"/>
  <c r="AC7427" i="1"/>
  <c r="AC7428" i="1"/>
  <c r="AC7429" i="1"/>
  <c r="AC7430" i="1"/>
  <c r="AC7431" i="1"/>
  <c r="AC7432" i="1"/>
  <c r="AC7433" i="1"/>
  <c r="AC7434" i="1"/>
  <c r="AC7435" i="1"/>
  <c r="AC7436" i="1"/>
  <c r="AC7437" i="1"/>
  <c r="AC7438" i="1"/>
  <c r="AC7439" i="1"/>
  <c r="AC7440" i="1"/>
  <c r="AC7441" i="1"/>
  <c r="AC7442" i="1"/>
  <c r="AC7443" i="1"/>
  <c r="AC7444" i="1"/>
  <c r="AC7445" i="1"/>
  <c r="AC7446" i="1"/>
  <c r="AC7447" i="1"/>
  <c r="AC7448" i="1"/>
  <c r="AC7449" i="1"/>
  <c r="AC7450" i="1"/>
  <c r="AC7451" i="1"/>
  <c r="AC7452" i="1"/>
  <c r="AC7453" i="1"/>
  <c r="AC7454" i="1"/>
  <c r="AC7455" i="1"/>
  <c r="AC7456" i="1"/>
  <c r="AC7457" i="1"/>
  <c r="AC7458" i="1"/>
  <c r="AC7459" i="1"/>
  <c r="AC7460" i="1"/>
  <c r="AC7461" i="1"/>
  <c r="AC7462" i="1"/>
  <c r="AC7463" i="1"/>
  <c r="AC7464" i="1"/>
  <c r="AC7465" i="1"/>
  <c r="AC7466" i="1"/>
  <c r="AC7467" i="1"/>
  <c r="AC7468" i="1"/>
  <c r="AC7469" i="1"/>
  <c r="AC7470" i="1"/>
  <c r="AC7471" i="1"/>
  <c r="AC7472" i="1"/>
  <c r="AC7473" i="1"/>
  <c r="AC7474" i="1"/>
  <c r="AC7475" i="1"/>
  <c r="AC7476" i="1"/>
  <c r="AC7477" i="1"/>
  <c r="AC7478" i="1"/>
  <c r="AC7479" i="1"/>
  <c r="AC7480" i="1"/>
  <c r="AC7481" i="1"/>
  <c r="AC7482" i="1"/>
  <c r="AC7483" i="1"/>
  <c r="AC7484" i="1"/>
  <c r="AC7485" i="1"/>
  <c r="AC7486" i="1"/>
  <c r="AC7487" i="1"/>
  <c r="AC7488" i="1"/>
  <c r="AC7489" i="1"/>
  <c r="AC7490" i="1"/>
  <c r="AC7491" i="1"/>
  <c r="AC7492" i="1"/>
  <c r="AC7493" i="1"/>
  <c r="AC7494" i="1"/>
  <c r="AC7495" i="1"/>
  <c r="AC7496" i="1"/>
  <c r="AC7497" i="1"/>
  <c r="AC7498" i="1"/>
  <c r="AC7499" i="1"/>
  <c r="AC7500" i="1"/>
  <c r="AC7501" i="1"/>
  <c r="AC7502" i="1"/>
  <c r="AC7503" i="1"/>
  <c r="AC7504" i="1"/>
  <c r="AC7505" i="1"/>
  <c r="AC7506" i="1"/>
  <c r="AC7507" i="1"/>
  <c r="AC7508" i="1"/>
  <c r="AC7509" i="1"/>
  <c r="AC7510" i="1"/>
  <c r="AC7511" i="1"/>
  <c r="AC7512" i="1"/>
  <c r="AC7513" i="1"/>
  <c r="AC7514" i="1"/>
  <c r="AC7515" i="1"/>
  <c r="AC7516" i="1"/>
  <c r="AC7517" i="1"/>
  <c r="AC7518" i="1"/>
  <c r="AC7519" i="1"/>
  <c r="AC7520" i="1"/>
  <c r="AC7521" i="1"/>
  <c r="AC7522" i="1"/>
  <c r="AC7523" i="1"/>
  <c r="AC7524" i="1"/>
  <c r="AC7525" i="1"/>
  <c r="AC7526" i="1"/>
  <c r="AC7527" i="1"/>
  <c r="AC7528" i="1"/>
  <c r="AC7529" i="1"/>
  <c r="AC7530" i="1"/>
  <c r="AC7531" i="1"/>
  <c r="AC7532" i="1"/>
  <c r="AC7533" i="1"/>
  <c r="AC7534" i="1"/>
  <c r="AC7535" i="1"/>
  <c r="AC7536" i="1"/>
  <c r="AC7537" i="1"/>
  <c r="AC7538" i="1"/>
  <c r="AC7539" i="1"/>
  <c r="AC7540" i="1"/>
  <c r="AC7541" i="1"/>
  <c r="AC7542" i="1"/>
  <c r="AC7543" i="1"/>
  <c r="AC7544" i="1"/>
  <c r="AC7545" i="1"/>
  <c r="AC7546" i="1"/>
  <c r="AC7547" i="1"/>
  <c r="AC7548" i="1"/>
  <c r="AC7549" i="1"/>
  <c r="AC7550" i="1"/>
  <c r="AC7551" i="1"/>
  <c r="AC7552" i="1"/>
  <c r="AC7553" i="1"/>
  <c r="AC7554" i="1"/>
  <c r="AC7555" i="1"/>
  <c r="AC7556" i="1"/>
  <c r="AC7557" i="1"/>
  <c r="AC7558" i="1"/>
  <c r="AC7559" i="1"/>
  <c r="AC7560" i="1"/>
  <c r="AC7561" i="1"/>
  <c r="AC7562" i="1"/>
  <c r="AC7563" i="1"/>
  <c r="AC7564" i="1"/>
  <c r="AC7565" i="1"/>
  <c r="AC7566" i="1"/>
  <c r="AC7567" i="1"/>
  <c r="AC7568" i="1"/>
  <c r="AC7569" i="1"/>
  <c r="AC7570" i="1"/>
  <c r="AC7571" i="1"/>
  <c r="AC7572" i="1"/>
  <c r="AC7573" i="1"/>
  <c r="AC7574" i="1"/>
  <c r="AC7575" i="1"/>
  <c r="AC7576" i="1"/>
  <c r="AC7577" i="1"/>
  <c r="AC7578" i="1"/>
  <c r="AC7579" i="1"/>
  <c r="AC7580" i="1"/>
  <c r="AC7581" i="1"/>
  <c r="AC7582" i="1"/>
  <c r="AC7583" i="1"/>
  <c r="AC7584" i="1"/>
  <c r="AC7585" i="1"/>
  <c r="AC7586" i="1"/>
  <c r="AC7587" i="1"/>
  <c r="AC7588" i="1"/>
  <c r="AC7589" i="1"/>
  <c r="AC7590" i="1"/>
  <c r="AC7591" i="1"/>
  <c r="AC7592" i="1"/>
  <c r="AC7593" i="1"/>
  <c r="AC7594" i="1"/>
  <c r="AC7595" i="1"/>
  <c r="AC7596" i="1"/>
  <c r="AC7597" i="1"/>
  <c r="AC7598" i="1"/>
  <c r="AC7599" i="1"/>
  <c r="AC7600" i="1"/>
  <c r="AC7601" i="1"/>
  <c r="AC7602" i="1"/>
  <c r="AC7603" i="1"/>
  <c r="AC7604" i="1"/>
  <c r="AC7605" i="1"/>
  <c r="AC7606" i="1"/>
  <c r="AC7607" i="1"/>
  <c r="AC7608" i="1"/>
  <c r="AC7609" i="1"/>
  <c r="AC7610" i="1"/>
  <c r="AC7611" i="1"/>
  <c r="AC7612" i="1"/>
  <c r="AC7613" i="1"/>
  <c r="AC7614" i="1"/>
  <c r="AC7615" i="1"/>
  <c r="AC7616" i="1"/>
  <c r="AC7617" i="1"/>
  <c r="AC7618" i="1"/>
  <c r="AC7619" i="1"/>
  <c r="AC7620" i="1"/>
  <c r="AC7621" i="1"/>
  <c r="AC7622" i="1"/>
  <c r="AC7623" i="1"/>
  <c r="AC7624" i="1"/>
  <c r="AC7625" i="1"/>
  <c r="AC7626" i="1"/>
  <c r="AC7627" i="1"/>
  <c r="AC7628" i="1"/>
  <c r="AC7629" i="1"/>
  <c r="AC7630" i="1"/>
  <c r="AC7631" i="1"/>
  <c r="AC7632" i="1"/>
  <c r="AC7633" i="1"/>
  <c r="AC7634" i="1"/>
  <c r="AC7635" i="1"/>
  <c r="AC7636" i="1"/>
  <c r="AC7637" i="1"/>
  <c r="AC7638" i="1"/>
  <c r="AC7639" i="1"/>
  <c r="AC7640" i="1"/>
  <c r="AC7641" i="1"/>
  <c r="AC7642" i="1"/>
  <c r="AC7643" i="1"/>
  <c r="AC7644" i="1"/>
  <c r="AC7645" i="1"/>
  <c r="AC7646" i="1"/>
  <c r="AC7647" i="1"/>
  <c r="AC7648" i="1"/>
  <c r="AC7649" i="1"/>
  <c r="AC7650" i="1"/>
  <c r="AC7651" i="1"/>
  <c r="AC7652" i="1"/>
  <c r="AC7653" i="1"/>
  <c r="AC7654" i="1"/>
  <c r="AC7655" i="1"/>
  <c r="AC7656" i="1"/>
  <c r="AC7657" i="1"/>
  <c r="AC7658" i="1"/>
  <c r="AC7659" i="1"/>
  <c r="AC7660" i="1"/>
  <c r="AC7661" i="1"/>
  <c r="AC7662" i="1"/>
  <c r="AC7663" i="1"/>
  <c r="AC7664" i="1"/>
  <c r="AC7665" i="1"/>
  <c r="AC7666" i="1"/>
  <c r="AC7667" i="1"/>
  <c r="AC7668" i="1"/>
  <c r="AC7669" i="1"/>
  <c r="AC7670" i="1"/>
  <c r="AC7671" i="1"/>
  <c r="AC7672" i="1"/>
  <c r="AC7673" i="1"/>
  <c r="AC7674" i="1"/>
  <c r="AC7675" i="1"/>
  <c r="AC7676" i="1"/>
  <c r="AC7677" i="1"/>
  <c r="AC7678" i="1"/>
  <c r="AC7679" i="1"/>
  <c r="AC7680" i="1"/>
  <c r="AC7681" i="1"/>
  <c r="AC7682" i="1"/>
  <c r="AC7683" i="1"/>
  <c r="AC7684" i="1"/>
  <c r="AC7685" i="1"/>
  <c r="AC7686" i="1"/>
  <c r="AC7687" i="1"/>
  <c r="AC7688" i="1"/>
  <c r="AC7689" i="1"/>
  <c r="AC7690" i="1"/>
  <c r="AC7691" i="1"/>
  <c r="AC7692" i="1"/>
  <c r="AC7693" i="1"/>
  <c r="AC7694" i="1"/>
  <c r="AC7695" i="1"/>
  <c r="AC7696" i="1"/>
  <c r="AC7697" i="1"/>
  <c r="AC7698" i="1"/>
  <c r="AC7699" i="1"/>
  <c r="AC7700" i="1"/>
  <c r="AC7701" i="1"/>
  <c r="AC7702" i="1"/>
  <c r="AC7703" i="1"/>
  <c r="AC7704" i="1"/>
  <c r="AC7705" i="1"/>
  <c r="AC7706" i="1"/>
  <c r="AC7707" i="1"/>
  <c r="AC7708" i="1"/>
  <c r="AC7709" i="1"/>
  <c r="AC7710" i="1"/>
  <c r="AC7711" i="1"/>
  <c r="AC7712" i="1"/>
  <c r="AC7713" i="1"/>
  <c r="AC7714" i="1"/>
  <c r="AC7715" i="1"/>
  <c r="AC7716" i="1"/>
  <c r="AC7717" i="1"/>
  <c r="AC7718" i="1"/>
  <c r="AC7719" i="1"/>
  <c r="AC7720" i="1"/>
  <c r="AC7721" i="1"/>
  <c r="AC7722" i="1"/>
  <c r="AC7723" i="1"/>
  <c r="AC7724" i="1"/>
  <c r="AC7725" i="1"/>
  <c r="AC7726" i="1"/>
  <c r="AC7727" i="1"/>
  <c r="AC7728" i="1"/>
  <c r="AC7729" i="1"/>
  <c r="AC7730" i="1"/>
  <c r="AC7731" i="1"/>
  <c r="AC7732" i="1"/>
  <c r="AC7733" i="1"/>
  <c r="AC7734" i="1"/>
  <c r="AC7735" i="1"/>
  <c r="AC7736" i="1"/>
  <c r="AC7737" i="1"/>
  <c r="AC7738" i="1"/>
  <c r="AC7739" i="1"/>
  <c r="AC7740" i="1"/>
  <c r="AC7741" i="1"/>
  <c r="AC7742" i="1"/>
  <c r="AC7743" i="1"/>
  <c r="AC7744" i="1"/>
  <c r="AC7745" i="1"/>
  <c r="AC7746" i="1"/>
  <c r="AC7747" i="1"/>
  <c r="AC7748" i="1"/>
  <c r="AC7749" i="1"/>
  <c r="AC7750" i="1"/>
  <c r="AC7751" i="1"/>
  <c r="AC7752" i="1"/>
  <c r="AC7753" i="1"/>
  <c r="AC7754" i="1"/>
  <c r="AC7755" i="1"/>
  <c r="AC7756" i="1"/>
  <c r="AC7757" i="1"/>
  <c r="AC7758" i="1"/>
  <c r="AC7759" i="1"/>
  <c r="AC7760" i="1"/>
  <c r="AC7761" i="1"/>
  <c r="AC7762" i="1"/>
  <c r="AC7763" i="1"/>
  <c r="AC7764" i="1"/>
  <c r="AC7765" i="1"/>
  <c r="AC7766" i="1"/>
  <c r="AC7767" i="1"/>
  <c r="AC7768" i="1"/>
  <c r="AC7769" i="1"/>
  <c r="AC7770" i="1"/>
  <c r="AC7771" i="1"/>
  <c r="AC7772" i="1"/>
  <c r="AC7773" i="1"/>
  <c r="AC7774" i="1"/>
  <c r="AC7775" i="1"/>
  <c r="AC7776" i="1"/>
  <c r="AC7777" i="1"/>
  <c r="AC7778" i="1"/>
  <c r="AC7779" i="1"/>
  <c r="AC7780" i="1"/>
  <c r="AC7781" i="1"/>
  <c r="AC7782" i="1"/>
  <c r="AC7783" i="1"/>
  <c r="AC7784" i="1"/>
  <c r="AC7785" i="1"/>
  <c r="AC7786" i="1"/>
  <c r="AC7787" i="1"/>
  <c r="AC7788" i="1"/>
  <c r="AC7789" i="1"/>
  <c r="AC7790" i="1"/>
  <c r="AC7791" i="1"/>
  <c r="AC7792" i="1"/>
  <c r="AC7793" i="1"/>
  <c r="AC7794" i="1"/>
  <c r="AC7795" i="1"/>
  <c r="AC7796" i="1"/>
  <c r="AC7797" i="1"/>
  <c r="AC7798" i="1"/>
  <c r="AC7799" i="1"/>
  <c r="AC7800" i="1"/>
  <c r="AC7801" i="1"/>
  <c r="AC7802" i="1"/>
  <c r="AC7803" i="1"/>
  <c r="AC7804" i="1"/>
  <c r="AC7805" i="1"/>
  <c r="AC7806" i="1"/>
  <c r="AC7807" i="1"/>
  <c r="AC7808" i="1"/>
  <c r="AC7809" i="1"/>
  <c r="AC7810" i="1"/>
  <c r="AC7811" i="1"/>
  <c r="AC7812" i="1"/>
  <c r="AC7813" i="1"/>
  <c r="AC7814" i="1"/>
  <c r="AC7815" i="1"/>
  <c r="AC7816" i="1"/>
  <c r="AC7817" i="1"/>
  <c r="AC7818" i="1"/>
  <c r="AC7819" i="1"/>
  <c r="AC7820" i="1"/>
  <c r="AC7821" i="1"/>
  <c r="AC7822" i="1"/>
  <c r="AC7823" i="1"/>
  <c r="AC7824" i="1"/>
  <c r="AC7825" i="1"/>
  <c r="AC7826" i="1"/>
  <c r="AC7827" i="1"/>
  <c r="AC7828" i="1"/>
  <c r="AC7829" i="1"/>
  <c r="AC7830" i="1"/>
  <c r="AC7831" i="1"/>
  <c r="AC7832" i="1"/>
  <c r="AC7833" i="1"/>
  <c r="AC7834" i="1"/>
  <c r="AC7835" i="1"/>
  <c r="AC7836" i="1"/>
  <c r="AC7837" i="1"/>
  <c r="AC7838" i="1"/>
  <c r="AC7839" i="1"/>
  <c r="AC7840" i="1"/>
  <c r="AC7841" i="1"/>
  <c r="AC7842" i="1"/>
  <c r="AC7843" i="1"/>
  <c r="AC7844" i="1"/>
  <c r="AC7845" i="1"/>
  <c r="AC7846" i="1"/>
  <c r="AC7847" i="1"/>
  <c r="AC7848" i="1"/>
  <c r="AC7849" i="1"/>
  <c r="AC7850" i="1"/>
  <c r="AC7851" i="1"/>
  <c r="AC7852" i="1"/>
  <c r="AC7853" i="1"/>
  <c r="AC7854" i="1"/>
  <c r="AC7855" i="1"/>
  <c r="AC7856" i="1"/>
  <c r="AC7857" i="1"/>
  <c r="AC7858" i="1"/>
  <c r="AC7859" i="1"/>
  <c r="AC7860" i="1"/>
  <c r="AC7861" i="1"/>
  <c r="AC7862" i="1"/>
  <c r="AC7863" i="1"/>
  <c r="AC7864" i="1"/>
  <c r="AC7865" i="1"/>
  <c r="AC7866" i="1"/>
  <c r="AC7867" i="1"/>
  <c r="AC7868" i="1"/>
  <c r="AC7869" i="1"/>
  <c r="AC7870" i="1"/>
  <c r="AC7871" i="1"/>
  <c r="AC7872" i="1"/>
  <c r="AC7873" i="1"/>
  <c r="AC7874" i="1"/>
  <c r="AC7875" i="1"/>
  <c r="AC7876" i="1"/>
  <c r="AC7877" i="1"/>
  <c r="AC7878" i="1"/>
  <c r="AC7879" i="1"/>
  <c r="AC7880" i="1"/>
  <c r="AC7881" i="1"/>
  <c r="AC7882" i="1"/>
  <c r="AC7883" i="1"/>
  <c r="AC7884" i="1"/>
  <c r="AC7885" i="1"/>
  <c r="AC7886" i="1"/>
  <c r="AC7887" i="1"/>
  <c r="AC7888" i="1"/>
  <c r="AC7889" i="1"/>
  <c r="AC7890" i="1"/>
  <c r="AC7891" i="1"/>
  <c r="AC7892" i="1"/>
  <c r="AC7893" i="1"/>
  <c r="AC7894" i="1"/>
  <c r="AC7895" i="1"/>
  <c r="AC7896" i="1"/>
  <c r="AC7897" i="1"/>
  <c r="AC7898" i="1"/>
  <c r="AC7899" i="1"/>
  <c r="AC7900" i="1"/>
  <c r="AC7901" i="1"/>
  <c r="AC7902" i="1"/>
  <c r="AC7903" i="1"/>
  <c r="AC7904" i="1"/>
  <c r="AC7905" i="1"/>
  <c r="AC7906" i="1"/>
  <c r="AC7907" i="1"/>
  <c r="AC7908" i="1"/>
  <c r="AC7909" i="1"/>
  <c r="AC7910" i="1"/>
  <c r="AC7911" i="1"/>
  <c r="AC7912" i="1"/>
  <c r="AC7913" i="1"/>
  <c r="AC7914" i="1"/>
  <c r="AC7915" i="1"/>
  <c r="AC7916" i="1"/>
  <c r="AC7917" i="1"/>
  <c r="AC7918" i="1"/>
  <c r="AC7919" i="1"/>
  <c r="AC7920" i="1"/>
  <c r="AC7921" i="1"/>
  <c r="AC7922" i="1"/>
  <c r="AC7923" i="1"/>
  <c r="AC7924" i="1"/>
  <c r="AC7925" i="1"/>
  <c r="AC7926" i="1"/>
  <c r="AC7927" i="1"/>
  <c r="AC7928" i="1"/>
  <c r="AC7929" i="1"/>
  <c r="AC7930" i="1"/>
  <c r="AC7931" i="1"/>
  <c r="AC7932" i="1"/>
  <c r="AC7933" i="1"/>
  <c r="AC7934" i="1"/>
  <c r="AC7935" i="1"/>
  <c r="AC7936" i="1"/>
  <c r="AC7937" i="1"/>
  <c r="AC7938" i="1"/>
  <c r="AC7939" i="1"/>
  <c r="AC7940" i="1"/>
  <c r="AC7941" i="1"/>
  <c r="AC7942" i="1"/>
  <c r="AC7943" i="1"/>
  <c r="AC7944" i="1"/>
  <c r="AC7945" i="1"/>
  <c r="AC7946" i="1"/>
  <c r="AC7947" i="1"/>
  <c r="AC7948" i="1"/>
  <c r="AC7949" i="1"/>
  <c r="AC7950" i="1"/>
  <c r="AC7951" i="1"/>
  <c r="AC7952" i="1"/>
  <c r="AC7953" i="1"/>
  <c r="AC7954" i="1"/>
  <c r="AC7955" i="1"/>
  <c r="AC7956" i="1"/>
  <c r="AC7957" i="1"/>
  <c r="AC7958" i="1"/>
  <c r="AC7959" i="1"/>
  <c r="AC7960" i="1"/>
  <c r="AC7961" i="1"/>
  <c r="AC7962" i="1"/>
  <c r="AC7963" i="1"/>
  <c r="AC7964" i="1"/>
  <c r="AC7965" i="1"/>
  <c r="AC7966" i="1"/>
  <c r="AC7967" i="1"/>
  <c r="AC7968" i="1"/>
  <c r="AC7969" i="1"/>
  <c r="AC7970" i="1"/>
  <c r="AC7971" i="1"/>
  <c r="AC7972" i="1"/>
  <c r="AC7973" i="1"/>
  <c r="AC7974" i="1"/>
  <c r="AC7975" i="1"/>
  <c r="AC7976" i="1"/>
  <c r="AC7977" i="1"/>
  <c r="AC7978" i="1"/>
  <c r="AC7979" i="1"/>
  <c r="AC7980" i="1"/>
  <c r="AC7981" i="1"/>
  <c r="AC7982" i="1"/>
  <c r="AC7983" i="1"/>
  <c r="AC7984" i="1"/>
  <c r="AC7985" i="1"/>
  <c r="AC7986" i="1"/>
  <c r="AC7987" i="1"/>
  <c r="AC7988" i="1"/>
  <c r="AC7989" i="1"/>
  <c r="AC7990" i="1"/>
  <c r="AC7991" i="1"/>
  <c r="AC7992" i="1"/>
  <c r="AC7993" i="1"/>
  <c r="AC7994" i="1"/>
  <c r="AC7995" i="1"/>
  <c r="AC7996" i="1"/>
  <c r="AC7997" i="1"/>
  <c r="AC7998" i="1"/>
  <c r="AC7999" i="1"/>
  <c r="AC8000" i="1"/>
  <c r="AC8001" i="1"/>
  <c r="AC8002" i="1"/>
  <c r="AC8003" i="1"/>
  <c r="AC8004" i="1"/>
  <c r="AC8005" i="1"/>
  <c r="AC8006" i="1"/>
  <c r="AC8007" i="1"/>
  <c r="AC8008" i="1"/>
  <c r="AC8009" i="1"/>
  <c r="AC8010" i="1"/>
  <c r="AC8011" i="1"/>
  <c r="AC8012" i="1"/>
  <c r="AC8013" i="1"/>
  <c r="AC8014" i="1"/>
  <c r="AC8015" i="1"/>
  <c r="AC8016" i="1"/>
  <c r="AC8017" i="1"/>
  <c r="AC8018" i="1"/>
  <c r="AC8019" i="1"/>
  <c r="AC8020" i="1"/>
  <c r="AC8021" i="1"/>
  <c r="AC8022" i="1"/>
  <c r="AC8023" i="1"/>
  <c r="AC8024" i="1"/>
  <c r="AC8025" i="1"/>
  <c r="AC8026" i="1"/>
  <c r="AC8027" i="1"/>
  <c r="AC8028" i="1"/>
  <c r="AC8029" i="1"/>
  <c r="AC8030" i="1"/>
  <c r="AC8031" i="1"/>
  <c r="AC8032" i="1"/>
  <c r="AC8033" i="1"/>
  <c r="AC8034" i="1"/>
  <c r="AC8035" i="1"/>
  <c r="AC8036" i="1"/>
  <c r="AC8037" i="1"/>
  <c r="AC8038" i="1"/>
  <c r="AC8039" i="1"/>
  <c r="AC8040" i="1"/>
  <c r="AC8041" i="1"/>
  <c r="AC8042" i="1"/>
  <c r="AC8043" i="1"/>
  <c r="AC8044" i="1"/>
  <c r="AC8045" i="1"/>
  <c r="AC8046" i="1"/>
  <c r="AC8047" i="1"/>
  <c r="AC8048" i="1"/>
  <c r="AC8049" i="1"/>
  <c r="AC8050" i="1"/>
  <c r="AC8051" i="1"/>
  <c r="AC8052" i="1"/>
  <c r="AC8053" i="1"/>
  <c r="AC8054" i="1"/>
  <c r="AC8055" i="1"/>
  <c r="AC8056" i="1"/>
  <c r="AC8057" i="1"/>
  <c r="AC8058" i="1"/>
  <c r="AC8059" i="1"/>
  <c r="AC8060" i="1"/>
  <c r="AC8061" i="1"/>
  <c r="AC8062" i="1"/>
  <c r="AC8063" i="1"/>
  <c r="AC8064" i="1"/>
  <c r="AC8065" i="1"/>
  <c r="AC8066" i="1"/>
  <c r="AC8067" i="1"/>
  <c r="AC8068" i="1"/>
  <c r="AC8069" i="1"/>
  <c r="AC8070" i="1"/>
  <c r="AC8071" i="1"/>
  <c r="AC8072" i="1"/>
  <c r="AC8073" i="1"/>
  <c r="AC8074" i="1"/>
  <c r="AC8075" i="1"/>
  <c r="AC8076" i="1"/>
  <c r="AC8077" i="1"/>
  <c r="AC8078" i="1"/>
  <c r="AC8079" i="1"/>
  <c r="AC8080" i="1"/>
  <c r="AC8081" i="1"/>
  <c r="AC8082" i="1"/>
  <c r="AC8083" i="1"/>
  <c r="AC8084" i="1"/>
  <c r="AC8085" i="1"/>
  <c r="AC8086" i="1"/>
  <c r="AC8087" i="1"/>
  <c r="AC8088" i="1"/>
  <c r="AC8089" i="1"/>
  <c r="AC8090" i="1"/>
  <c r="AC8091" i="1"/>
  <c r="AC8092" i="1"/>
  <c r="AC8093" i="1"/>
  <c r="AC8094" i="1"/>
  <c r="AC8095" i="1"/>
  <c r="AC8096" i="1"/>
  <c r="AC8097" i="1"/>
  <c r="AC8098" i="1"/>
  <c r="AC8099" i="1"/>
  <c r="AC8100" i="1"/>
  <c r="AC8101" i="1"/>
  <c r="AC8102" i="1"/>
  <c r="AC8103" i="1"/>
  <c r="AC8104" i="1"/>
  <c r="AC8105" i="1"/>
  <c r="AC8106" i="1"/>
  <c r="AC8107" i="1"/>
  <c r="AC8108" i="1"/>
  <c r="AC8109" i="1"/>
  <c r="AC8110" i="1"/>
  <c r="AC8111" i="1"/>
  <c r="AC8112" i="1"/>
  <c r="AC8113" i="1"/>
  <c r="AC8114" i="1"/>
  <c r="AC8115" i="1"/>
  <c r="AC8116" i="1"/>
  <c r="AC8117" i="1"/>
  <c r="AC8118" i="1"/>
  <c r="AC8119" i="1"/>
  <c r="AC8120" i="1"/>
  <c r="AC8121" i="1"/>
  <c r="AC8122" i="1"/>
  <c r="AC8123" i="1"/>
  <c r="AC8124" i="1"/>
  <c r="AC8125" i="1"/>
  <c r="AC8126" i="1"/>
  <c r="AC8127" i="1"/>
  <c r="AC8128" i="1"/>
  <c r="AC8129" i="1"/>
  <c r="AC8130" i="1"/>
  <c r="AC8131" i="1"/>
  <c r="AC8132" i="1"/>
  <c r="AC8133" i="1"/>
  <c r="AC8134" i="1"/>
  <c r="AC8135" i="1"/>
  <c r="AC8136" i="1"/>
  <c r="AC8137" i="1"/>
  <c r="AC8138" i="1"/>
  <c r="AC8139" i="1"/>
  <c r="AC8140" i="1"/>
  <c r="AC8141" i="1"/>
  <c r="AC8142" i="1"/>
  <c r="AC8143" i="1"/>
  <c r="AC8144" i="1"/>
  <c r="AC8145" i="1"/>
  <c r="AC8146" i="1"/>
  <c r="AC8147" i="1"/>
  <c r="AC8148" i="1"/>
  <c r="AC8149" i="1"/>
  <c r="AC8150" i="1"/>
  <c r="AC8151" i="1"/>
  <c r="AC8152" i="1"/>
  <c r="AC8153" i="1"/>
  <c r="AC8154" i="1"/>
  <c r="AC8155" i="1"/>
  <c r="AC8156" i="1"/>
  <c r="AC8157" i="1"/>
  <c r="AC8158" i="1"/>
  <c r="AC8159" i="1"/>
  <c r="AC8160" i="1"/>
  <c r="AC8161" i="1"/>
  <c r="AC8162" i="1"/>
  <c r="AC8163" i="1"/>
  <c r="AC8164" i="1"/>
  <c r="AC8165" i="1"/>
  <c r="AC8166" i="1"/>
  <c r="AC8167" i="1"/>
  <c r="AC8168" i="1"/>
  <c r="AC8169" i="1"/>
  <c r="AC8170" i="1"/>
  <c r="AC8171" i="1"/>
  <c r="AC8172" i="1"/>
  <c r="AC8173" i="1"/>
  <c r="AC8174" i="1"/>
  <c r="AC8175" i="1"/>
  <c r="AC8176" i="1"/>
  <c r="AC8177" i="1"/>
  <c r="AC8178" i="1"/>
  <c r="AC8179" i="1"/>
  <c r="AC8180" i="1"/>
  <c r="AC8181" i="1"/>
  <c r="AC8182" i="1"/>
  <c r="AC8183" i="1"/>
  <c r="AC8184" i="1"/>
  <c r="AC8185" i="1"/>
  <c r="AC8186" i="1"/>
  <c r="AC8187" i="1"/>
  <c r="AC8188" i="1"/>
  <c r="AC8189" i="1"/>
  <c r="AC8190" i="1"/>
  <c r="AC8191" i="1"/>
  <c r="AC8192" i="1"/>
  <c r="AC8193" i="1"/>
  <c r="AC8194" i="1"/>
  <c r="AC8195" i="1"/>
  <c r="AC8196" i="1"/>
  <c r="AC8197" i="1"/>
  <c r="AC8198" i="1"/>
  <c r="AC8199" i="1"/>
  <c r="AC8200" i="1"/>
  <c r="AC8201" i="1"/>
  <c r="AC8202" i="1"/>
  <c r="AC8203" i="1"/>
  <c r="AC8204" i="1"/>
  <c r="AC8205" i="1"/>
  <c r="AC8206" i="1"/>
  <c r="AC8207" i="1"/>
  <c r="AC8208" i="1"/>
  <c r="AC8209" i="1"/>
  <c r="AC8210" i="1"/>
  <c r="AC8211" i="1"/>
  <c r="AC8212" i="1"/>
  <c r="AC8213" i="1"/>
  <c r="AC8214" i="1"/>
  <c r="AC8215" i="1"/>
  <c r="AC8216" i="1"/>
  <c r="AC8217" i="1"/>
  <c r="AC8218" i="1"/>
  <c r="AC8219" i="1"/>
  <c r="AC8220" i="1"/>
  <c r="AC8221" i="1"/>
  <c r="AC8222" i="1"/>
  <c r="AC8223" i="1"/>
  <c r="AC8224" i="1"/>
  <c r="AC8225" i="1"/>
  <c r="AC8226" i="1"/>
  <c r="AC8227" i="1"/>
  <c r="AC8228" i="1"/>
  <c r="AC8229" i="1"/>
  <c r="AC8230" i="1"/>
  <c r="AC8231" i="1"/>
  <c r="AC8232" i="1"/>
  <c r="AC8233" i="1"/>
  <c r="AC8234" i="1"/>
  <c r="AC8235" i="1"/>
  <c r="AC8236" i="1"/>
  <c r="AC8237" i="1"/>
  <c r="AC8238" i="1"/>
  <c r="AC8239" i="1"/>
  <c r="AC8240" i="1"/>
  <c r="AC8241" i="1"/>
  <c r="AC8242" i="1"/>
  <c r="AC8243" i="1"/>
  <c r="AC8244" i="1"/>
  <c r="AC8245" i="1"/>
  <c r="AC8246" i="1"/>
  <c r="AC8247" i="1"/>
  <c r="AC8248" i="1"/>
  <c r="AC8249" i="1"/>
  <c r="AC8250" i="1"/>
  <c r="AC8251" i="1"/>
  <c r="AC8252" i="1"/>
  <c r="AC8253" i="1"/>
  <c r="AC8254" i="1"/>
  <c r="AC8255" i="1"/>
  <c r="AC8256" i="1"/>
  <c r="AC8257" i="1"/>
  <c r="AC8258" i="1"/>
  <c r="AC8259" i="1"/>
  <c r="AC8260" i="1"/>
  <c r="AC8261" i="1"/>
  <c r="AC8262" i="1"/>
  <c r="AC8263" i="1"/>
  <c r="AC8264" i="1"/>
  <c r="AC8265" i="1"/>
  <c r="AC8266" i="1"/>
  <c r="AC8267" i="1"/>
  <c r="AC8268" i="1"/>
  <c r="AC8269" i="1"/>
  <c r="AC8270" i="1"/>
  <c r="AC8271" i="1"/>
  <c r="AC8272" i="1"/>
  <c r="AC8273" i="1"/>
  <c r="AC8274" i="1"/>
  <c r="AC8275" i="1"/>
  <c r="AC8276" i="1"/>
  <c r="AC8277" i="1"/>
  <c r="AC8278" i="1"/>
  <c r="AC8279" i="1"/>
  <c r="AC8280" i="1"/>
  <c r="AC8281" i="1"/>
  <c r="AC8282" i="1"/>
  <c r="AC8283" i="1"/>
  <c r="AC8284" i="1"/>
  <c r="AC8285" i="1"/>
  <c r="AC8286" i="1"/>
  <c r="AC8287" i="1"/>
  <c r="AC8288" i="1"/>
  <c r="AC8289" i="1"/>
  <c r="AC8290" i="1"/>
  <c r="AC8291" i="1"/>
  <c r="AC8292" i="1"/>
  <c r="AC8293" i="1"/>
  <c r="AC8294" i="1"/>
  <c r="AC8295" i="1"/>
  <c r="AC8296" i="1"/>
  <c r="AC8297" i="1"/>
  <c r="AC8298" i="1"/>
  <c r="AC8299" i="1"/>
  <c r="AC8300" i="1"/>
  <c r="AC8301" i="1"/>
  <c r="AC8302" i="1"/>
  <c r="AC8303" i="1"/>
  <c r="AC8304" i="1"/>
  <c r="AC8305" i="1"/>
  <c r="AC8306" i="1"/>
  <c r="AC8307" i="1"/>
  <c r="AC8308" i="1"/>
  <c r="AC8309" i="1"/>
  <c r="AC8310" i="1"/>
  <c r="AC8311" i="1"/>
  <c r="AC8312" i="1"/>
  <c r="AC8313" i="1"/>
  <c r="AC8314" i="1"/>
  <c r="AC8315" i="1"/>
  <c r="AC8316" i="1"/>
  <c r="AC8317" i="1"/>
  <c r="AC8318" i="1"/>
  <c r="AC8319" i="1"/>
  <c r="AC8320" i="1"/>
  <c r="AC8321" i="1"/>
  <c r="AC8322" i="1"/>
  <c r="AC8323" i="1"/>
  <c r="AC8324" i="1"/>
  <c r="AC8325" i="1"/>
  <c r="AC8326" i="1"/>
  <c r="AC8327" i="1"/>
  <c r="AC8328" i="1"/>
  <c r="AC8329" i="1"/>
  <c r="AC8330" i="1"/>
  <c r="AC8331" i="1"/>
  <c r="AC8332" i="1"/>
  <c r="AC8333" i="1"/>
  <c r="AC8334" i="1"/>
  <c r="AC8335" i="1"/>
  <c r="AC8336" i="1"/>
  <c r="AC8337" i="1"/>
  <c r="AC8338" i="1"/>
  <c r="AC8339" i="1"/>
  <c r="AC8340" i="1"/>
  <c r="AC8341" i="1"/>
  <c r="AC8342" i="1"/>
  <c r="AC8343" i="1"/>
  <c r="AC8344" i="1"/>
  <c r="AC8345" i="1"/>
  <c r="AC8346" i="1"/>
  <c r="AC8347" i="1"/>
  <c r="AC8348" i="1"/>
  <c r="AC8349" i="1"/>
  <c r="AC8350" i="1"/>
  <c r="AC8351" i="1"/>
  <c r="AC8352" i="1"/>
  <c r="AC8353" i="1"/>
  <c r="AC8354" i="1"/>
  <c r="AC8355" i="1"/>
  <c r="AC8356" i="1"/>
  <c r="AC8357" i="1"/>
  <c r="AC8358" i="1"/>
  <c r="AC8359" i="1"/>
  <c r="AC8360" i="1"/>
  <c r="AC8361" i="1"/>
  <c r="AC8362" i="1"/>
  <c r="AC8363" i="1"/>
  <c r="AC8364" i="1"/>
  <c r="AC8365" i="1"/>
  <c r="AC8366" i="1"/>
  <c r="AC8367" i="1"/>
  <c r="AC8368" i="1"/>
  <c r="AC8369" i="1"/>
  <c r="AC8370" i="1"/>
  <c r="AC8371" i="1"/>
  <c r="AC8372" i="1"/>
  <c r="AC8373" i="1"/>
  <c r="AC8374" i="1"/>
  <c r="AC8375" i="1"/>
  <c r="AC8376" i="1"/>
  <c r="AC8377" i="1"/>
  <c r="AC8378" i="1"/>
  <c r="AC8379" i="1"/>
  <c r="AC8380" i="1"/>
  <c r="AC8381" i="1"/>
  <c r="AC8382" i="1"/>
  <c r="AC8383" i="1"/>
  <c r="AC8384" i="1"/>
  <c r="AC8385" i="1"/>
  <c r="AC8386" i="1"/>
  <c r="AC8387" i="1"/>
  <c r="AC8388" i="1"/>
  <c r="AC8389" i="1"/>
  <c r="AC8390" i="1"/>
  <c r="AC8391" i="1"/>
  <c r="AC8392" i="1"/>
  <c r="AC8393" i="1"/>
  <c r="AC8394" i="1"/>
  <c r="AC8395" i="1"/>
  <c r="AC8396" i="1"/>
  <c r="AC8397" i="1"/>
  <c r="AC8398" i="1"/>
  <c r="AC8399" i="1"/>
  <c r="AC8400" i="1"/>
  <c r="AC8401" i="1"/>
  <c r="AC8402" i="1"/>
  <c r="AD8402" i="1" s="1"/>
  <c r="AC8403" i="1"/>
  <c r="AC8404" i="1"/>
  <c r="AC8405" i="1"/>
  <c r="AC8406" i="1"/>
  <c r="AC8407" i="1"/>
  <c r="AC8408" i="1"/>
  <c r="AC8409" i="1"/>
  <c r="AC8410" i="1"/>
  <c r="AC8411" i="1"/>
  <c r="AC8412" i="1"/>
  <c r="AC8413" i="1"/>
  <c r="AD8413" i="1" s="1"/>
  <c r="AC8414" i="1"/>
  <c r="AC8415" i="1"/>
  <c r="AC8416" i="1"/>
  <c r="AC8417" i="1"/>
  <c r="AC8418" i="1"/>
  <c r="AC8419" i="1"/>
  <c r="AD8419" i="1" s="1"/>
  <c r="AC8420" i="1"/>
  <c r="AC8421" i="1"/>
  <c r="AC8422" i="1"/>
  <c r="AC8423" i="1"/>
  <c r="AC8424" i="1"/>
  <c r="AC8425" i="1"/>
  <c r="AD8425" i="1" s="1"/>
  <c r="AC8426" i="1"/>
  <c r="AC8427" i="1"/>
  <c r="AC8428" i="1"/>
  <c r="AC8429" i="1"/>
  <c r="AC8430" i="1"/>
  <c r="AC8431" i="1"/>
  <c r="AC8432" i="1"/>
  <c r="AC8433" i="1"/>
  <c r="AC8434" i="1"/>
  <c r="AC8435" i="1"/>
  <c r="AC8436" i="1"/>
  <c r="AC8437" i="1"/>
  <c r="AD8437" i="1" s="1"/>
  <c r="AC8438" i="1"/>
  <c r="AC8439" i="1"/>
  <c r="AC8440" i="1"/>
  <c r="AC8441" i="1"/>
  <c r="AC8442" i="1"/>
  <c r="AC8443" i="1"/>
  <c r="AC8444" i="1"/>
  <c r="AC8445" i="1"/>
  <c r="AC8446" i="1"/>
  <c r="AC8447" i="1"/>
  <c r="AC8448" i="1"/>
  <c r="AC8449" i="1"/>
  <c r="AD8449" i="1" s="1"/>
  <c r="AC8450" i="1"/>
  <c r="AC8451" i="1"/>
  <c r="AC8452" i="1"/>
  <c r="AC8453" i="1"/>
  <c r="AC8454" i="1"/>
  <c r="AC8455" i="1"/>
  <c r="AC8456" i="1"/>
  <c r="AC8457" i="1"/>
  <c r="AC8458" i="1"/>
  <c r="AC8459" i="1"/>
  <c r="AC8460" i="1"/>
  <c r="AC8461" i="1"/>
  <c r="AD8461" i="1" s="1"/>
  <c r="AC8462" i="1"/>
  <c r="AC8463" i="1"/>
  <c r="AC8464" i="1"/>
  <c r="AC8465" i="1"/>
  <c r="AC8466" i="1"/>
  <c r="AC8467" i="1"/>
  <c r="AC8468" i="1"/>
  <c r="AC8469" i="1"/>
  <c r="AC8470" i="1"/>
  <c r="AC8471" i="1"/>
  <c r="AC8472" i="1"/>
  <c r="AC8473" i="1"/>
  <c r="AD8473" i="1" s="1"/>
  <c r="AC8474" i="1"/>
  <c r="AC8475" i="1"/>
  <c r="AC8476" i="1"/>
  <c r="AC8477" i="1"/>
  <c r="AC8478" i="1"/>
  <c r="AC8479" i="1"/>
  <c r="AC8480" i="1"/>
  <c r="AC8481" i="1"/>
  <c r="AC8482" i="1"/>
  <c r="AC8483" i="1"/>
  <c r="AC8484" i="1"/>
  <c r="AC8485" i="1"/>
  <c r="AD8485" i="1" s="1"/>
  <c r="AC8486" i="1"/>
  <c r="AC8487" i="1"/>
  <c r="AC8488" i="1"/>
  <c r="AC8489" i="1"/>
  <c r="AC8490" i="1"/>
  <c r="AC8491" i="1"/>
  <c r="AD8491" i="1" s="1"/>
  <c r="AC8492" i="1"/>
  <c r="AC8493" i="1"/>
  <c r="AC8494" i="1"/>
  <c r="AC8495" i="1"/>
  <c r="AC8496" i="1"/>
  <c r="AC8497" i="1"/>
  <c r="AD8497" i="1" s="1"/>
  <c r="AC8498" i="1"/>
  <c r="AC8499" i="1"/>
  <c r="AC8500" i="1"/>
  <c r="AC8501" i="1"/>
  <c r="AC8502" i="1"/>
  <c r="AC8503" i="1"/>
  <c r="AC8504" i="1"/>
  <c r="AC8505" i="1"/>
  <c r="AC8506" i="1"/>
  <c r="AC8507" i="1"/>
  <c r="AC8508" i="1"/>
  <c r="AC8509" i="1"/>
  <c r="AD8509" i="1" s="1"/>
  <c r="AC8510" i="1"/>
  <c r="AC8511" i="1"/>
  <c r="AC8512" i="1"/>
  <c r="AC8513" i="1"/>
  <c r="AC8514" i="1"/>
  <c r="AC8515" i="1"/>
  <c r="AC8516" i="1"/>
  <c r="AC8517" i="1"/>
  <c r="AC8518" i="1"/>
  <c r="AC8519" i="1"/>
  <c r="AC8520" i="1"/>
  <c r="AC8521" i="1"/>
  <c r="AD8521" i="1" s="1"/>
  <c r="AC8522" i="1"/>
  <c r="AC8523" i="1"/>
  <c r="AC8524" i="1"/>
  <c r="AC8525" i="1"/>
  <c r="AC8526" i="1"/>
  <c r="AC8527" i="1"/>
  <c r="AC8528" i="1"/>
  <c r="AC8529" i="1"/>
  <c r="AC8530" i="1"/>
  <c r="AC8531" i="1"/>
  <c r="AC8532" i="1"/>
  <c r="AC8533" i="1"/>
  <c r="AD8533" i="1" s="1"/>
  <c r="AC8534" i="1"/>
  <c r="AC8535" i="1"/>
  <c r="AC8536" i="1"/>
  <c r="AC8537" i="1"/>
  <c r="AC8538" i="1"/>
  <c r="AC8539" i="1"/>
  <c r="AC8540" i="1"/>
  <c r="AC8541" i="1"/>
  <c r="AC8542" i="1"/>
  <c r="AC8543" i="1"/>
  <c r="AC8544" i="1"/>
  <c r="AC8545" i="1"/>
  <c r="AD8545" i="1" s="1"/>
  <c r="AC8546" i="1"/>
  <c r="AC8547" i="1"/>
  <c r="AC8548" i="1"/>
  <c r="AC8549" i="1"/>
  <c r="AC8550" i="1"/>
  <c r="AC8551" i="1"/>
  <c r="AC8552" i="1"/>
  <c r="AC8553" i="1"/>
  <c r="AC8554" i="1"/>
  <c r="AC8555" i="1"/>
  <c r="AC8556" i="1"/>
  <c r="AC8557" i="1"/>
  <c r="AD8557" i="1" s="1"/>
  <c r="AC8558" i="1"/>
  <c r="AC8559" i="1"/>
  <c r="AC8560" i="1"/>
  <c r="AC8561" i="1"/>
  <c r="AC8562" i="1"/>
  <c r="AC8563" i="1"/>
  <c r="AD8563" i="1" s="1"/>
  <c r="AC8564" i="1"/>
  <c r="AC8565" i="1"/>
  <c r="AC8566" i="1"/>
  <c r="AC8567" i="1"/>
  <c r="AC8568" i="1"/>
  <c r="AC8569" i="1"/>
  <c r="AD8569" i="1" s="1"/>
  <c r="AC8570" i="1"/>
  <c r="AC8571" i="1"/>
  <c r="AC8572" i="1"/>
  <c r="AC8573" i="1"/>
  <c r="AC8574" i="1"/>
  <c r="AC8575" i="1"/>
  <c r="AC8576" i="1"/>
  <c r="AC8577" i="1"/>
  <c r="AC8578" i="1"/>
  <c r="AC8579" i="1"/>
  <c r="AC8580" i="1"/>
  <c r="AC8581" i="1"/>
  <c r="AD8581" i="1" s="1"/>
  <c r="AC8582" i="1"/>
  <c r="AC8583" i="1"/>
  <c r="AC8584" i="1"/>
  <c r="AC8585" i="1"/>
  <c r="AC8586" i="1"/>
  <c r="AC8587" i="1"/>
  <c r="AC8588" i="1"/>
  <c r="AC8589" i="1"/>
  <c r="AC8590" i="1"/>
  <c r="AC8591" i="1"/>
  <c r="AC8592" i="1"/>
  <c r="AC8593" i="1"/>
  <c r="AD8593" i="1" s="1"/>
  <c r="AC8594" i="1"/>
  <c r="AC8595" i="1"/>
  <c r="AC8596" i="1"/>
  <c r="AC8597" i="1"/>
  <c r="AC8598" i="1"/>
  <c r="AC8599" i="1"/>
  <c r="AC8600" i="1"/>
  <c r="AC8601" i="1"/>
  <c r="AC8602" i="1"/>
  <c r="AC8603" i="1"/>
  <c r="AC8604" i="1"/>
  <c r="AC8605" i="1"/>
  <c r="AD8605" i="1" s="1"/>
  <c r="AC8606" i="1"/>
  <c r="AC8607" i="1"/>
  <c r="AC8608" i="1"/>
  <c r="AC8609" i="1"/>
  <c r="AC8610" i="1"/>
  <c r="AC8611" i="1"/>
  <c r="AC8612" i="1"/>
  <c r="AC8613" i="1"/>
  <c r="AC8614" i="1"/>
  <c r="AC8615" i="1"/>
  <c r="AC8616" i="1"/>
  <c r="AC8617" i="1"/>
  <c r="AD8617" i="1" s="1"/>
  <c r="AC8618" i="1"/>
  <c r="AC8619" i="1"/>
  <c r="AC8620" i="1"/>
  <c r="AC8621" i="1"/>
  <c r="AC8622" i="1"/>
  <c r="AC8623" i="1"/>
  <c r="AC8624" i="1"/>
  <c r="AC8625" i="1"/>
  <c r="AC8626" i="1"/>
  <c r="AC8627" i="1"/>
  <c r="AC8628" i="1"/>
  <c r="AC8629" i="1"/>
  <c r="AD8629" i="1" s="1"/>
  <c r="AC8630" i="1"/>
  <c r="AC8631" i="1"/>
  <c r="AC8632" i="1"/>
  <c r="AC8633" i="1"/>
  <c r="AC8634" i="1"/>
  <c r="AC8635" i="1"/>
  <c r="AD8635" i="1" s="1"/>
  <c r="AC8636" i="1"/>
  <c r="AC8637" i="1"/>
  <c r="AC8638" i="1"/>
  <c r="AC8639" i="1"/>
  <c r="AC8640" i="1"/>
  <c r="AC8641" i="1"/>
  <c r="AD8641" i="1" s="1"/>
  <c r="AC8642" i="1"/>
  <c r="AC8643" i="1"/>
  <c r="AC8644" i="1"/>
  <c r="AC8645" i="1"/>
  <c r="AC8646" i="1"/>
  <c r="AC8647" i="1"/>
  <c r="AC8648" i="1"/>
  <c r="AC8649" i="1"/>
  <c r="AC8650" i="1"/>
  <c r="AC8651" i="1"/>
  <c r="AC8652" i="1"/>
  <c r="AC8653" i="1"/>
  <c r="AD8653" i="1" s="1"/>
  <c r="AC8654" i="1"/>
  <c r="AC8655" i="1"/>
  <c r="AC8656" i="1"/>
  <c r="AC8657" i="1"/>
  <c r="AC8658" i="1"/>
  <c r="AC8659" i="1"/>
  <c r="AC8660" i="1"/>
  <c r="AC8661" i="1"/>
  <c r="AC8662" i="1"/>
  <c r="AC8663" i="1"/>
  <c r="AC8664" i="1"/>
  <c r="AC8665" i="1"/>
  <c r="AD8665" i="1" s="1"/>
  <c r="AC8666" i="1"/>
  <c r="AC8667" i="1"/>
  <c r="AC8668" i="1"/>
  <c r="AC8669" i="1"/>
  <c r="AC8670" i="1"/>
  <c r="AC8671" i="1"/>
  <c r="AC8672" i="1"/>
  <c r="AC8673" i="1"/>
  <c r="AC8674" i="1"/>
  <c r="AC8675" i="1"/>
  <c r="AC8676" i="1"/>
  <c r="AC8677" i="1"/>
  <c r="AD8677" i="1" s="1"/>
  <c r="AC8678" i="1"/>
  <c r="AC8679" i="1"/>
  <c r="AC8680" i="1"/>
  <c r="AC8681" i="1"/>
  <c r="AC8682" i="1"/>
  <c r="AC8683" i="1"/>
  <c r="AC8684" i="1"/>
  <c r="AC8685" i="1"/>
  <c r="AC8686" i="1"/>
  <c r="AC8687" i="1"/>
  <c r="AC8688" i="1"/>
  <c r="AC8689" i="1"/>
  <c r="AD8689" i="1" s="1"/>
  <c r="AC8690" i="1"/>
  <c r="AC8691" i="1"/>
  <c r="AC8692" i="1"/>
  <c r="AC8693" i="1"/>
  <c r="AC8694" i="1"/>
  <c r="AC8695" i="1"/>
  <c r="AC8696" i="1"/>
  <c r="AC8697" i="1"/>
  <c r="AC8698" i="1"/>
  <c r="AC8699" i="1"/>
  <c r="AC8700" i="1"/>
  <c r="AC8701" i="1"/>
  <c r="AD8701" i="1" s="1"/>
  <c r="AC8702" i="1"/>
  <c r="AC8703" i="1"/>
  <c r="AC8704" i="1"/>
  <c r="AC8705" i="1"/>
  <c r="AC8706" i="1"/>
  <c r="AC8707" i="1"/>
  <c r="AD8707" i="1" s="1"/>
  <c r="AC8708" i="1"/>
  <c r="AC8709" i="1"/>
  <c r="AC8710" i="1"/>
  <c r="AC8711" i="1"/>
  <c r="AC8712" i="1"/>
  <c r="AC8713" i="1"/>
  <c r="AD8713" i="1" s="1"/>
  <c r="AC8714" i="1"/>
  <c r="AC8715" i="1"/>
  <c r="AC8716" i="1"/>
  <c r="AC8717" i="1"/>
  <c r="AC8718" i="1"/>
  <c r="AC8719" i="1"/>
  <c r="AC8720" i="1"/>
  <c r="AC8721" i="1"/>
  <c r="AC8722" i="1"/>
  <c r="AC8723" i="1"/>
  <c r="AC8724" i="1"/>
  <c r="AC8725" i="1"/>
  <c r="AD8725" i="1" s="1"/>
  <c r="AC8726" i="1"/>
  <c r="AC8727" i="1"/>
  <c r="AC8728" i="1"/>
  <c r="AC8729" i="1"/>
  <c r="AC8730" i="1"/>
  <c r="AC8731" i="1"/>
  <c r="AC8732" i="1"/>
  <c r="AC8733" i="1"/>
  <c r="AC8734" i="1"/>
  <c r="AC8735" i="1"/>
  <c r="AC8736" i="1"/>
  <c r="AC8737" i="1"/>
  <c r="AD8737" i="1" s="1"/>
  <c r="AC8738" i="1"/>
  <c r="AC8739" i="1"/>
  <c r="AC8740" i="1"/>
  <c r="AC8741" i="1"/>
  <c r="AC8742" i="1"/>
  <c r="AC8743" i="1"/>
  <c r="AC8744" i="1"/>
  <c r="AC8745" i="1"/>
  <c r="AC8746" i="1"/>
  <c r="AC8747" i="1"/>
  <c r="AC8748" i="1"/>
  <c r="AC8749" i="1"/>
  <c r="AD8749" i="1" s="1"/>
  <c r="AC8750" i="1"/>
  <c r="AC8751" i="1"/>
  <c r="AC8752" i="1"/>
  <c r="AC8753" i="1"/>
  <c r="AC8754" i="1"/>
  <c r="AC8755" i="1"/>
  <c r="AC8756" i="1"/>
  <c r="AC8757" i="1"/>
  <c r="AC8758" i="1"/>
  <c r="AC8759" i="1"/>
  <c r="AC8760" i="1"/>
  <c r="AC8761" i="1"/>
  <c r="AD8761" i="1" s="1"/>
  <c r="AC8762" i="1"/>
  <c r="AC8763" i="1"/>
  <c r="AC8764" i="1"/>
  <c r="AC8765" i="1"/>
  <c r="AC8766" i="1"/>
  <c r="AC8767" i="1"/>
  <c r="AC8768" i="1"/>
  <c r="AC8769" i="1"/>
  <c r="AC8770" i="1"/>
  <c r="AC8771" i="1"/>
  <c r="AC8772" i="1"/>
  <c r="AC8773" i="1"/>
  <c r="AD8773" i="1" s="1"/>
  <c r="AC8774" i="1"/>
  <c r="AC8775" i="1"/>
  <c r="AC8776" i="1"/>
  <c r="AC8777" i="1"/>
  <c r="AC8778" i="1"/>
  <c r="AC8779" i="1"/>
  <c r="AD8779" i="1" s="1"/>
  <c r="AC8780" i="1"/>
  <c r="AC8781" i="1"/>
  <c r="AC8782" i="1"/>
  <c r="AC8783" i="1"/>
  <c r="AC8784" i="1"/>
  <c r="AC8785" i="1"/>
  <c r="AD8785" i="1" s="1"/>
  <c r="AC8786" i="1"/>
  <c r="AC8787" i="1"/>
  <c r="AC8788" i="1"/>
  <c r="AC8789" i="1"/>
  <c r="AC8790" i="1"/>
  <c r="AC8791" i="1"/>
  <c r="AC8792" i="1"/>
  <c r="AC8793" i="1"/>
  <c r="AC8794" i="1"/>
  <c r="AC8795" i="1"/>
  <c r="AC8796" i="1"/>
  <c r="AC8797" i="1"/>
  <c r="AD8797" i="1" s="1"/>
  <c r="AC8798" i="1"/>
  <c r="AC8799" i="1"/>
  <c r="AC8800" i="1"/>
  <c r="AC8801" i="1"/>
  <c r="AC8802" i="1"/>
  <c r="AC8803" i="1"/>
  <c r="AC8804" i="1"/>
  <c r="AC8805" i="1"/>
  <c r="AC8806" i="1"/>
  <c r="AC8807" i="1"/>
  <c r="AC8808" i="1"/>
  <c r="AC8809" i="1"/>
  <c r="AD8809" i="1" s="1"/>
  <c r="AC8810" i="1"/>
  <c r="AC8811" i="1"/>
  <c r="AC8812" i="1"/>
  <c r="AC8813" i="1"/>
  <c r="AC8814" i="1"/>
  <c r="AC8815" i="1"/>
  <c r="AC8816" i="1"/>
  <c r="AC8817" i="1"/>
  <c r="AC8818" i="1"/>
  <c r="AC8819" i="1"/>
  <c r="AC8820" i="1"/>
  <c r="AC8821" i="1"/>
  <c r="AD8821" i="1" s="1"/>
  <c r="AC8822" i="1"/>
  <c r="AC8823" i="1"/>
  <c r="AC8824" i="1"/>
  <c r="AC8825" i="1"/>
  <c r="AC8826" i="1"/>
  <c r="AC8827" i="1"/>
  <c r="AC8828" i="1"/>
  <c r="AC8829" i="1"/>
  <c r="AC8830" i="1"/>
  <c r="AC8831" i="1"/>
  <c r="AC8832" i="1"/>
  <c r="AC8833" i="1"/>
  <c r="AD8833" i="1" s="1"/>
  <c r="AC8834" i="1"/>
  <c r="AC8835" i="1"/>
  <c r="AC8836" i="1"/>
  <c r="AC8837" i="1"/>
  <c r="AC8838" i="1"/>
  <c r="AC8839" i="1"/>
  <c r="AC8840" i="1"/>
  <c r="AC8841" i="1"/>
  <c r="AC8842" i="1"/>
  <c r="AC8843" i="1"/>
  <c r="AC8844" i="1"/>
  <c r="AC8845" i="1"/>
  <c r="AD8845" i="1" s="1"/>
  <c r="AC8846" i="1"/>
  <c r="AC8847" i="1"/>
  <c r="AC8848" i="1"/>
  <c r="AC8849" i="1"/>
  <c r="AC8850" i="1"/>
  <c r="AC8851" i="1"/>
  <c r="AD8851" i="1" s="1"/>
  <c r="AC8852" i="1"/>
  <c r="AC8853" i="1"/>
  <c r="AC8854" i="1"/>
  <c r="AC8855" i="1"/>
  <c r="AC8856" i="1"/>
  <c r="AC8857" i="1"/>
  <c r="AD8857" i="1" s="1"/>
  <c r="AC8858" i="1"/>
  <c r="AC8859" i="1"/>
  <c r="AC8860" i="1"/>
  <c r="AC8861" i="1"/>
  <c r="AC8862" i="1"/>
  <c r="AC8863" i="1"/>
  <c r="AC8864" i="1"/>
  <c r="AC8865" i="1"/>
  <c r="AC8866" i="1"/>
  <c r="AC8867" i="1"/>
  <c r="AC8868" i="1"/>
  <c r="AC8869" i="1"/>
  <c r="AD8869" i="1" s="1"/>
  <c r="AC8870" i="1"/>
  <c r="AC8871" i="1"/>
  <c r="AC8872" i="1"/>
  <c r="AC8873" i="1"/>
  <c r="AC8874" i="1"/>
  <c r="AC8875" i="1"/>
  <c r="AC8876" i="1"/>
  <c r="AC8877" i="1"/>
  <c r="AC8878" i="1"/>
  <c r="AC8879" i="1"/>
  <c r="AC8880" i="1"/>
  <c r="AC8881" i="1"/>
  <c r="AD8881" i="1" s="1"/>
  <c r="AC8882" i="1"/>
  <c r="AC8883" i="1"/>
  <c r="AC8884" i="1"/>
  <c r="AC8885" i="1"/>
  <c r="AC8886" i="1"/>
  <c r="AC8887" i="1"/>
  <c r="AC8888" i="1"/>
  <c r="AC8889" i="1"/>
  <c r="AC8890" i="1"/>
  <c r="AC8891" i="1"/>
  <c r="AC8892" i="1"/>
  <c r="AC8893" i="1"/>
  <c r="AD8893" i="1" s="1"/>
  <c r="AC8894" i="1"/>
  <c r="AC8895" i="1"/>
  <c r="AC8896" i="1"/>
  <c r="AC8897" i="1"/>
  <c r="AC8898" i="1"/>
  <c r="AC8899" i="1"/>
  <c r="AC8900" i="1"/>
  <c r="AC8901" i="1"/>
  <c r="AC8902" i="1"/>
  <c r="AC8903" i="1"/>
  <c r="AC8904" i="1"/>
  <c r="AC8905" i="1"/>
  <c r="AD8905" i="1" s="1"/>
  <c r="AC8906" i="1"/>
  <c r="AC8907" i="1"/>
  <c r="AC8908" i="1"/>
  <c r="AC8909" i="1"/>
  <c r="AC8910" i="1"/>
  <c r="AC8911" i="1"/>
  <c r="AC8912" i="1"/>
  <c r="AC8913" i="1"/>
  <c r="AC8914" i="1"/>
  <c r="AC8915" i="1"/>
  <c r="AC8916" i="1"/>
  <c r="AC8917" i="1"/>
  <c r="AD8917" i="1" s="1"/>
  <c r="AC8918" i="1"/>
  <c r="AC8919" i="1"/>
  <c r="AC8920" i="1"/>
  <c r="AC8921" i="1"/>
  <c r="AC8922" i="1"/>
  <c r="AC8923" i="1"/>
  <c r="AD8923" i="1" s="1"/>
  <c r="AC8924" i="1"/>
  <c r="AC8925" i="1"/>
  <c r="AC8926" i="1"/>
  <c r="AC8927" i="1"/>
  <c r="AC8928" i="1"/>
  <c r="AC8929" i="1"/>
  <c r="AD8929" i="1" s="1"/>
  <c r="AC8930" i="1"/>
  <c r="AC8931" i="1"/>
  <c r="AC8932" i="1"/>
  <c r="AC8933" i="1"/>
  <c r="AC8934" i="1"/>
  <c r="AC8935" i="1"/>
  <c r="AC8936" i="1"/>
  <c r="AC8937" i="1"/>
  <c r="AC8938" i="1"/>
  <c r="AC8939" i="1"/>
  <c r="AC8940" i="1"/>
  <c r="AC8941" i="1"/>
  <c r="AD8941" i="1" s="1"/>
  <c r="AC8942" i="1"/>
  <c r="AC8943" i="1"/>
  <c r="AC8944" i="1"/>
  <c r="AC8945" i="1"/>
  <c r="AC8946" i="1"/>
  <c r="AC8947" i="1"/>
  <c r="AC8948" i="1"/>
  <c r="AC8949" i="1"/>
  <c r="AC8950" i="1"/>
  <c r="AC8951" i="1"/>
  <c r="AC8952" i="1"/>
  <c r="AC8953" i="1"/>
  <c r="AD8953" i="1" s="1"/>
  <c r="AC8954" i="1"/>
  <c r="AC8955" i="1"/>
  <c r="AC8956" i="1"/>
  <c r="AC8957" i="1"/>
  <c r="AC8958" i="1"/>
  <c r="AC8959" i="1"/>
  <c r="AC8960" i="1"/>
  <c r="AC8961" i="1"/>
  <c r="AC8962" i="1"/>
  <c r="AC8963" i="1"/>
  <c r="AC8964" i="1"/>
  <c r="AC8965" i="1"/>
  <c r="AD8965" i="1" s="1"/>
  <c r="AC8966" i="1"/>
  <c r="AC8967" i="1"/>
  <c r="AC8968" i="1"/>
  <c r="AC8969" i="1"/>
  <c r="AC8970" i="1"/>
  <c r="AC8971" i="1"/>
  <c r="AC8972" i="1"/>
  <c r="AC8973" i="1"/>
  <c r="AC8974" i="1"/>
  <c r="AC8975" i="1"/>
  <c r="AC8976" i="1"/>
  <c r="AC8977" i="1"/>
  <c r="AD8977" i="1" s="1"/>
  <c r="AC8978" i="1"/>
  <c r="AC8979" i="1"/>
  <c r="AC8980" i="1"/>
  <c r="AC8981" i="1"/>
  <c r="AC8982" i="1"/>
  <c r="AC8983" i="1"/>
  <c r="AC8984" i="1"/>
  <c r="AC8985" i="1"/>
  <c r="AC8986" i="1"/>
  <c r="AC8987" i="1"/>
  <c r="AC8988" i="1"/>
  <c r="AC8989" i="1"/>
  <c r="AD8989" i="1" s="1"/>
  <c r="AC8990" i="1"/>
  <c r="AC8991" i="1"/>
  <c r="AC8992" i="1"/>
  <c r="AC8993" i="1"/>
  <c r="AC8994" i="1"/>
  <c r="AC8995" i="1"/>
  <c r="AD8995" i="1" s="1"/>
  <c r="AC8996" i="1"/>
  <c r="AC8997" i="1"/>
  <c r="AC8998" i="1"/>
  <c r="AC8999" i="1"/>
  <c r="AC9000" i="1"/>
  <c r="AC9001" i="1"/>
  <c r="AD9001" i="1" s="1"/>
  <c r="AC9002" i="1"/>
  <c r="AC9003" i="1"/>
  <c r="AC9004" i="1"/>
  <c r="AC9005" i="1"/>
  <c r="AC9006" i="1"/>
  <c r="AC9007" i="1"/>
  <c r="AC9008" i="1"/>
  <c r="AC9009" i="1"/>
  <c r="AC9010" i="1"/>
  <c r="AC9011" i="1"/>
  <c r="AC9012" i="1"/>
  <c r="AC9013" i="1"/>
  <c r="AD9013" i="1" s="1"/>
  <c r="AC9014" i="1"/>
  <c r="AC9015" i="1"/>
  <c r="AC9016" i="1"/>
  <c r="AC9017" i="1"/>
  <c r="AC9018" i="1"/>
  <c r="AC9019" i="1"/>
  <c r="AC9020" i="1"/>
  <c r="AC9021" i="1"/>
  <c r="AC9022" i="1"/>
  <c r="AC9023" i="1"/>
  <c r="AC9024" i="1"/>
  <c r="AC9025" i="1"/>
  <c r="AD9025" i="1" s="1"/>
  <c r="AC9026" i="1"/>
  <c r="AC9027" i="1"/>
  <c r="AC9028" i="1"/>
  <c r="AC9029" i="1"/>
  <c r="AC9030" i="1"/>
  <c r="AC9031" i="1"/>
  <c r="AC9032" i="1"/>
  <c r="AC9033" i="1"/>
  <c r="AC9034" i="1"/>
  <c r="AC9035" i="1"/>
  <c r="AC9036" i="1"/>
  <c r="AC9037" i="1"/>
  <c r="AD9037" i="1" s="1"/>
  <c r="AC9038" i="1"/>
  <c r="AC9039" i="1"/>
  <c r="AC9040" i="1"/>
  <c r="AC9041" i="1"/>
  <c r="AC9042" i="1"/>
  <c r="AC9043" i="1"/>
  <c r="AC9044" i="1"/>
  <c r="AC9045" i="1"/>
  <c r="AC9046" i="1"/>
  <c r="AC9047" i="1"/>
  <c r="AC9048" i="1"/>
  <c r="AC9049" i="1"/>
  <c r="AD9049" i="1" s="1"/>
  <c r="AC9050" i="1"/>
  <c r="AC9051" i="1"/>
  <c r="AC9052" i="1"/>
  <c r="AC9053" i="1"/>
  <c r="AC9054" i="1"/>
  <c r="AC9055" i="1"/>
  <c r="AC9056" i="1"/>
  <c r="AC9057" i="1"/>
  <c r="AC9058" i="1"/>
  <c r="AC9059" i="1"/>
  <c r="AC9060" i="1"/>
  <c r="AC9061" i="1"/>
  <c r="AD9061" i="1" s="1"/>
  <c r="AC9062" i="1"/>
  <c r="AC9063" i="1"/>
  <c r="AC9064" i="1"/>
  <c r="AC9065" i="1"/>
  <c r="AC9066" i="1"/>
  <c r="AC9067" i="1"/>
  <c r="AD9067" i="1" s="1"/>
  <c r="AC9068" i="1"/>
  <c r="AC9069" i="1"/>
  <c r="AC9070" i="1"/>
  <c r="AC9071" i="1"/>
  <c r="AC9072" i="1"/>
  <c r="AC9073" i="1"/>
  <c r="AD9073" i="1" s="1"/>
  <c r="AC9074" i="1"/>
  <c r="AC9075" i="1"/>
  <c r="AC9076" i="1"/>
  <c r="AC9077" i="1"/>
  <c r="AC9078" i="1"/>
  <c r="AC9079" i="1"/>
  <c r="AC9080" i="1"/>
  <c r="AC9081" i="1"/>
  <c r="AC9082" i="1"/>
  <c r="AC9083" i="1"/>
  <c r="AC9084" i="1"/>
  <c r="AC9085" i="1"/>
  <c r="AD9085" i="1" s="1"/>
  <c r="AC9086" i="1"/>
  <c r="AC9087" i="1"/>
  <c r="AC9088" i="1"/>
  <c r="AC9089" i="1"/>
  <c r="AC9090" i="1"/>
  <c r="AC9091" i="1"/>
  <c r="AC9092" i="1"/>
  <c r="AC9093" i="1"/>
  <c r="AC9094" i="1"/>
  <c r="AC9095" i="1"/>
  <c r="AC9096" i="1"/>
  <c r="AC9097" i="1"/>
  <c r="AD9097" i="1" s="1"/>
  <c r="AC9098" i="1"/>
  <c r="AC9099" i="1"/>
  <c r="AC9100" i="1"/>
  <c r="AC9101" i="1"/>
  <c r="AC9102" i="1"/>
  <c r="AC9103" i="1"/>
  <c r="AC9104" i="1"/>
  <c r="AC9105" i="1"/>
  <c r="AC9106" i="1"/>
  <c r="AC9107" i="1"/>
  <c r="AC9108" i="1"/>
  <c r="AC9109" i="1"/>
  <c r="AD9109" i="1" s="1"/>
  <c r="AC9110" i="1"/>
  <c r="AC9111" i="1"/>
  <c r="AC9112" i="1"/>
  <c r="AC9113" i="1"/>
  <c r="AC9114" i="1"/>
  <c r="AC9115" i="1"/>
  <c r="AC9116" i="1"/>
  <c r="AC9117" i="1"/>
  <c r="AC9118" i="1"/>
  <c r="AC9119" i="1"/>
  <c r="AC9120" i="1"/>
  <c r="AC9121" i="1"/>
  <c r="AD9121" i="1" s="1"/>
  <c r="AC9122" i="1"/>
  <c r="AC9123" i="1"/>
  <c r="AC9124" i="1"/>
  <c r="AC9125" i="1"/>
  <c r="AC9126" i="1"/>
  <c r="AC9127" i="1"/>
  <c r="AC9128" i="1"/>
  <c r="AC9129" i="1"/>
  <c r="AC9130" i="1"/>
  <c r="AC9131" i="1"/>
  <c r="AC9132" i="1"/>
  <c r="AC9133" i="1"/>
  <c r="AD9133" i="1" s="1"/>
  <c r="AC9134" i="1"/>
  <c r="AC9135" i="1"/>
  <c r="AC9136" i="1"/>
  <c r="AC9137" i="1"/>
  <c r="AC9138" i="1"/>
  <c r="AC9139" i="1"/>
  <c r="AD9139" i="1" s="1"/>
  <c r="AC9140" i="1"/>
  <c r="AC9141" i="1"/>
  <c r="AC9142" i="1"/>
  <c r="AC9143" i="1"/>
  <c r="AC9144" i="1"/>
  <c r="AC9145" i="1"/>
  <c r="AD9145" i="1" s="1"/>
  <c r="AC9146" i="1"/>
  <c r="AC9147" i="1"/>
  <c r="AC9148" i="1"/>
  <c r="AC9149" i="1"/>
  <c r="AC9150" i="1"/>
  <c r="AC9151" i="1"/>
  <c r="AC9152" i="1"/>
  <c r="AC9153" i="1"/>
  <c r="AC9154" i="1"/>
  <c r="AC9155" i="1"/>
  <c r="AC9156" i="1"/>
  <c r="AC9157" i="1"/>
  <c r="AD9157" i="1" s="1"/>
  <c r="AC9158" i="1"/>
  <c r="AC9159" i="1"/>
  <c r="AC9160" i="1"/>
  <c r="AC9161" i="1"/>
  <c r="AC9162" i="1"/>
  <c r="AC9163" i="1"/>
  <c r="AC9164" i="1"/>
  <c r="AC9165" i="1"/>
  <c r="AC9166" i="1"/>
  <c r="AC9167" i="1"/>
  <c r="AC9168" i="1"/>
  <c r="AC9169" i="1"/>
  <c r="AD9169" i="1" s="1"/>
  <c r="AC9170" i="1"/>
  <c r="AC9171" i="1"/>
  <c r="AC9172" i="1"/>
  <c r="AC9173" i="1"/>
  <c r="AC9174" i="1"/>
  <c r="AC9175" i="1"/>
  <c r="AC9176" i="1"/>
  <c r="AC9177" i="1"/>
  <c r="AC9178" i="1"/>
  <c r="AC9179" i="1"/>
  <c r="AC9180" i="1"/>
  <c r="AC9181" i="1"/>
  <c r="AD9181" i="1" s="1"/>
  <c r="AC9182" i="1"/>
  <c r="AC9183" i="1"/>
  <c r="AC9184" i="1"/>
  <c r="AC9185" i="1"/>
  <c r="AC9186" i="1"/>
  <c r="AC9187" i="1"/>
  <c r="AC9188" i="1"/>
  <c r="AC9189" i="1"/>
  <c r="AC9190" i="1"/>
  <c r="AC9191" i="1"/>
  <c r="AC9192" i="1"/>
  <c r="AC9193" i="1"/>
  <c r="AD9193" i="1" s="1"/>
  <c r="AC9194" i="1"/>
  <c r="AC9195" i="1"/>
  <c r="AC9196" i="1"/>
  <c r="AC9197" i="1"/>
  <c r="AC9198" i="1"/>
  <c r="AC9199" i="1"/>
  <c r="AC9200" i="1"/>
  <c r="AC9201" i="1"/>
  <c r="AC9202" i="1"/>
  <c r="AC9203" i="1"/>
  <c r="AC9204" i="1"/>
  <c r="AC9205" i="1"/>
  <c r="AD9205" i="1" s="1"/>
  <c r="AC9206" i="1"/>
  <c r="AC9207" i="1"/>
  <c r="AC9208" i="1"/>
  <c r="AC9209" i="1"/>
  <c r="AC9210" i="1"/>
  <c r="AC9211" i="1"/>
  <c r="AD9211" i="1" s="1"/>
  <c r="AC9212" i="1"/>
  <c r="AC9213" i="1"/>
  <c r="AC9214" i="1"/>
  <c r="AC9215" i="1"/>
  <c r="AC9216" i="1"/>
  <c r="AC9217" i="1"/>
  <c r="AD9217" i="1" s="1"/>
  <c r="AC9218" i="1"/>
  <c r="AC9219" i="1"/>
  <c r="AC9220" i="1"/>
  <c r="AC9221" i="1"/>
  <c r="AC9222" i="1"/>
  <c r="AC9223" i="1"/>
  <c r="AC9224" i="1"/>
  <c r="AC9225" i="1"/>
  <c r="AC9226" i="1"/>
  <c r="AC9227" i="1"/>
  <c r="AC9228" i="1"/>
  <c r="AC9229" i="1"/>
  <c r="AD9229" i="1" s="1"/>
  <c r="AC9230" i="1"/>
  <c r="AC9231" i="1"/>
  <c r="AC9232" i="1"/>
  <c r="AC9233" i="1"/>
  <c r="AC9234" i="1"/>
  <c r="AC9235" i="1"/>
  <c r="AC9236" i="1"/>
  <c r="AC9237" i="1"/>
  <c r="AC9238" i="1"/>
  <c r="AC9239" i="1"/>
  <c r="AC9240" i="1"/>
  <c r="AC9241" i="1"/>
  <c r="AD9241" i="1" s="1"/>
  <c r="AC9242" i="1"/>
  <c r="AC9243" i="1"/>
  <c r="AC9244" i="1"/>
  <c r="AC9245" i="1"/>
  <c r="AC9246" i="1"/>
  <c r="AC9247" i="1"/>
  <c r="AC9248" i="1"/>
  <c r="AC9249" i="1"/>
  <c r="AC9250" i="1"/>
  <c r="AC9251" i="1"/>
  <c r="AC9252" i="1"/>
  <c r="AC9253" i="1"/>
  <c r="AD9253" i="1" s="1"/>
  <c r="AC9254" i="1"/>
  <c r="AC9255" i="1"/>
  <c r="AC9256" i="1"/>
  <c r="AC9257" i="1"/>
  <c r="AC9258" i="1"/>
  <c r="AC9259" i="1"/>
  <c r="AC9260" i="1"/>
  <c r="AC9261" i="1"/>
  <c r="AC9262" i="1"/>
  <c r="AC9263" i="1"/>
  <c r="AC9264" i="1"/>
  <c r="AC9265" i="1"/>
  <c r="AD9265" i="1" s="1"/>
  <c r="AC9266" i="1"/>
  <c r="AC9267" i="1"/>
  <c r="AC9268" i="1"/>
  <c r="AC9269" i="1"/>
  <c r="AC9270" i="1"/>
  <c r="AC9271" i="1"/>
  <c r="AC9272" i="1"/>
  <c r="AC9273" i="1"/>
  <c r="AC9274" i="1"/>
  <c r="AC9275" i="1"/>
  <c r="AC9276" i="1"/>
  <c r="AC9277" i="1"/>
  <c r="AD9277" i="1" s="1"/>
  <c r="AC9278" i="1"/>
  <c r="AC9279" i="1"/>
  <c r="AC9280" i="1"/>
  <c r="AC9281" i="1"/>
  <c r="AC9282" i="1"/>
  <c r="AC9283" i="1"/>
  <c r="AD9283" i="1" s="1"/>
  <c r="AC9284" i="1"/>
  <c r="AC9285" i="1"/>
  <c r="AC9286" i="1"/>
  <c r="AC9287" i="1"/>
  <c r="AC9288" i="1"/>
  <c r="AC9289" i="1"/>
  <c r="AD9289" i="1" s="1"/>
  <c r="AC9290" i="1"/>
  <c r="AC9291" i="1"/>
  <c r="AC9292" i="1"/>
  <c r="AC9293" i="1"/>
  <c r="AC9294" i="1"/>
  <c r="AC9295" i="1"/>
  <c r="AC9296" i="1"/>
  <c r="AC9297" i="1"/>
  <c r="AC9298" i="1"/>
  <c r="AC9299" i="1"/>
  <c r="AC9300" i="1"/>
  <c r="AC9301" i="1"/>
  <c r="AD9301" i="1" s="1"/>
  <c r="AC9302" i="1"/>
  <c r="AC9303" i="1"/>
  <c r="AC9304" i="1"/>
  <c r="AC9305" i="1"/>
  <c r="AC9306" i="1"/>
  <c r="AC9307" i="1"/>
  <c r="AC9308" i="1"/>
  <c r="AC9309" i="1"/>
  <c r="AC9310" i="1"/>
  <c r="AC9311" i="1"/>
  <c r="AC9312" i="1"/>
  <c r="AC9313" i="1"/>
  <c r="AD9313" i="1" s="1"/>
  <c r="AC9314" i="1"/>
  <c r="AC9315" i="1"/>
  <c r="AC9316" i="1"/>
  <c r="AC9317" i="1"/>
  <c r="AC9318" i="1"/>
  <c r="AC9319" i="1"/>
  <c r="AC9320" i="1"/>
  <c r="AC9321" i="1"/>
  <c r="AC9322" i="1"/>
  <c r="AC9323" i="1"/>
  <c r="AC9324" i="1"/>
  <c r="AC9325" i="1"/>
  <c r="AD9325" i="1" s="1"/>
  <c r="AC9326" i="1"/>
  <c r="AC9327" i="1"/>
  <c r="AC9328" i="1"/>
  <c r="AC9329" i="1"/>
  <c r="AC9330" i="1"/>
  <c r="AC9331" i="1"/>
  <c r="AC9332" i="1"/>
  <c r="AC9333" i="1"/>
  <c r="AC9334" i="1"/>
  <c r="AC9335" i="1"/>
  <c r="AC9336" i="1"/>
  <c r="AC9337" i="1"/>
  <c r="AD9337" i="1" s="1"/>
  <c r="AC9338" i="1"/>
  <c r="AC9339" i="1"/>
  <c r="AC9340" i="1"/>
  <c r="AC9341" i="1"/>
  <c r="AC9342" i="1"/>
  <c r="AC9343" i="1"/>
  <c r="AC9344" i="1"/>
  <c r="AC9345" i="1"/>
  <c r="AC9346" i="1"/>
  <c r="AC9347" i="1"/>
  <c r="AC9348" i="1"/>
  <c r="AC9349" i="1"/>
  <c r="AD9349" i="1" s="1"/>
  <c r="AC9350" i="1"/>
  <c r="AC9351" i="1"/>
  <c r="AC9352" i="1"/>
  <c r="AC9353" i="1"/>
  <c r="AC9354" i="1"/>
  <c r="AC9355" i="1"/>
  <c r="AD9355" i="1" s="1"/>
  <c r="AC9356" i="1"/>
  <c r="AC9357" i="1"/>
  <c r="AC9358" i="1"/>
  <c r="AC9359" i="1"/>
  <c r="AC9360" i="1"/>
  <c r="AC9361" i="1"/>
  <c r="AD9361" i="1" s="1"/>
  <c r="AC9362" i="1"/>
  <c r="AC9363" i="1"/>
  <c r="AC9364" i="1"/>
  <c r="AC9365" i="1"/>
  <c r="AC9366" i="1"/>
  <c r="AC9367" i="1"/>
  <c r="AC9368" i="1"/>
  <c r="AC9369" i="1"/>
  <c r="AC9370" i="1"/>
  <c r="AC9371" i="1"/>
  <c r="AC9372" i="1"/>
  <c r="AC9373" i="1"/>
  <c r="AD9373" i="1" s="1"/>
  <c r="AC9374" i="1"/>
  <c r="AC9375" i="1"/>
  <c r="AC9376" i="1"/>
  <c r="AC9377" i="1"/>
  <c r="AC9378" i="1"/>
  <c r="AC9379" i="1"/>
  <c r="AC9380" i="1"/>
  <c r="AC9381" i="1"/>
  <c r="AC9382" i="1"/>
  <c r="AC9383" i="1"/>
  <c r="AC9384" i="1"/>
  <c r="AC9385" i="1"/>
  <c r="AD9385" i="1" s="1"/>
  <c r="AC9386" i="1"/>
  <c r="AC9387" i="1"/>
  <c r="AC9388" i="1"/>
  <c r="AC9389" i="1"/>
  <c r="AC9390" i="1"/>
  <c r="AC9391" i="1"/>
  <c r="AC9392" i="1"/>
  <c r="AC9393" i="1"/>
  <c r="AC9394" i="1"/>
  <c r="AC9395" i="1"/>
  <c r="AC9396" i="1"/>
  <c r="AC9397" i="1"/>
  <c r="AD9397" i="1" s="1"/>
  <c r="AC9398" i="1"/>
  <c r="AC9399" i="1"/>
  <c r="AC9400" i="1"/>
  <c r="AC9401" i="1"/>
  <c r="AC9402" i="1"/>
  <c r="AC9403" i="1"/>
  <c r="AC9404" i="1"/>
  <c r="AC9405" i="1"/>
  <c r="AC9406" i="1"/>
  <c r="AC9407" i="1"/>
  <c r="AC9408" i="1"/>
  <c r="AC9409" i="1"/>
  <c r="AD9409" i="1" s="1"/>
  <c r="AC9410" i="1"/>
  <c r="AC9411" i="1"/>
  <c r="AC9412" i="1"/>
  <c r="AC9413" i="1"/>
  <c r="AC9414" i="1"/>
  <c r="AC9415" i="1"/>
  <c r="AC9416" i="1"/>
  <c r="AC9417" i="1"/>
  <c r="AC9418" i="1"/>
  <c r="AC9419" i="1"/>
  <c r="AC9420" i="1"/>
  <c r="AC9421" i="1"/>
  <c r="AD9421" i="1" s="1"/>
  <c r="AC9422" i="1"/>
  <c r="AC9423" i="1"/>
  <c r="AC9424" i="1"/>
  <c r="AC9425" i="1"/>
  <c r="AC9426" i="1"/>
  <c r="AC9427" i="1"/>
  <c r="AD9427" i="1" s="1"/>
  <c r="AC9428" i="1"/>
  <c r="AC9429" i="1"/>
  <c r="AC9430" i="1"/>
  <c r="AC9431" i="1"/>
  <c r="AC9432" i="1"/>
  <c r="AC9433" i="1"/>
  <c r="AC9434" i="1"/>
  <c r="AC9435" i="1"/>
  <c r="AC9436" i="1"/>
  <c r="AC9437" i="1"/>
  <c r="AC9438" i="1"/>
  <c r="AC9439" i="1"/>
  <c r="AD9439" i="1" s="1"/>
  <c r="AC9440" i="1"/>
  <c r="AC9441" i="1"/>
  <c r="AC9442" i="1"/>
  <c r="AC9443" i="1"/>
  <c r="AC9444" i="1"/>
  <c r="AC9445" i="1"/>
  <c r="AC9446" i="1"/>
  <c r="AC9447" i="1"/>
  <c r="AC9448" i="1"/>
  <c r="AC9449" i="1"/>
  <c r="AC9450" i="1"/>
  <c r="AC9451" i="1"/>
  <c r="AD9451" i="1" s="1"/>
  <c r="AC9452" i="1"/>
  <c r="AC9453" i="1"/>
  <c r="AC9454" i="1"/>
  <c r="AC9455" i="1"/>
  <c r="AC9456" i="1"/>
  <c r="AC9457" i="1"/>
  <c r="AC9458" i="1"/>
  <c r="AC9459" i="1"/>
  <c r="AC9460" i="1"/>
  <c r="AC9461" i="1"/>
  <c r="AC9462" i="1"/>
  <c r="AC9463" i="1"/>
  <c r="AD9463" i="1" s="1"/>
  <c r="AC9464" i="1"/>
  <c r="AC9465" i="1"/>
  <c r="AC9466" i="1"/>
  <c r="AC9467" i="1"/>
  <c r="AC9468" i="1"/>
  <c r="AC9469" i="1"/>
  <c r="AC9470" i="1"/>
  <c r="AC9471" i="1"/>
  <c r="AC9472" i="1"/>
  <c r="AC9473" i="1"/>
  <c r="AC9474" i="1"/>
  <c r="AC9475" i="1"/>
  <c r="AD9475" i="1" s="1"/>
  <c r="AC9476" i="1"/>
  <c r="AC9477" i="1"/>
  <c r="AC9478" i="1"/>
  <c r="AC9479" i="1"/>
  <c r="AC9480" i="1"/>
  <c r="AC9481" i="1"/>
  <c r="AC9482" i="1"/>
  <c r="AC9483" i="1"/>
  <c r="AC9484" i="1"/>
  <c r="AC9485" i="1"/>
  <c r="AC9486" i="1"/>
  <c r="AC9487" i="1"/>
  <c r="AD9487" i="1" s="1"/>
  <c r="AC9488" i="1"/>
  <c r="AC9489" i="1"/>
  <c r="AC9490" i="1"/>
  <c r="AC9491" i="1"/>
  <c r="AC9492" i="1"/>
  <c r="AC9493" i="1"/>
  <c r="AC9494" i="1"/>
  <c r="AC9495" i="1"/>
  <c r="AC9496" i="1"/>
  <c r="AC9497" i="1"/>
  <c r="AC9498" i="1"/>
  <c r="AC9499" i="1"/>
  <c r="AD9499" i="1" s="1"/>
  <c r="AC9500" i="1"/>
  <c r="AC9501" i="1"/>
  <c r="AC9502" i="1"/>
  <c r="AC9503" i="1"/>
  <c r="AC9504" i="1"/>
  <c r="AC9505" i="1"/>
  <c r="AC9506" i="1"/>
  <c r="AC9507" i="1"/>
  <c r="AC9508" i="1"/>
  <c r="AC9509" i="1"/>
  <c r="AC9510" i="1"/>
  <c r="AC9511" i="1"/>
  <c r="AD9511" i="1" s="1"/>
  <c r="AC9512" i="1"/>
  <c r="AC9513" i="1"/>
  <c r="AC9514" i="1"/>
  <c r="AC9515" i="1"/>
  <c r="AC9516" i="1"/>
  <c r="AC9517" i="1"/>
  <c r="AC9518" i="1"/>
  <c r="AC9519" i="1"/>
  <c r="AC9520" i="1"/>
  <c r="AC9521" i="1"/>
  <c r="AC9522" i="1"/>
  <c r="AC9523" i="1"/>
  <c r="AD9523" i="1" s="1"/>
  <c r="AC9524" i="1"/>
  <c r="AC9525" i="1"/>
  <c r="AC9526" i="1"/>
  <c r="AC9527" i="1"/>
  <c r="AC9528" i="1"/>
  <c r="AC9529" i="1"/>
  <c r="AC9530" i="1"/>
  <c r="AC9531" i="1"/>
  <c r="AC9532" i="1"/>
  <c r="AC9533" i="1"/>
  <c r="AC9534" i="1"/>
  <c r="AC9535" i="1"/>
  <c r="AD9535" i="1" s="1"/>
  <c r="AC9536" i="1"/>
  <c r="AC9537" i="1"/>
  <c r="AC9538" i="1"/>
  <c r="AC9539" i="1"/>
  <c r="AC9540" i="1"/>
  <c r="AC9541" i="1"/>
  <c r="AC9542" i="1"/>
  <c r="AC9543" i="1"/>
  <c r="AC9544" i="1"/>
  <c r="AC9545" i="1"/>
  <c r="AC9546" i="1"/>
  <c r="AC9547" i="1"/>
  <c r="AD9547" i="1" s="1"/>
  <c r="AC9548" i="1"/>
  <c r="AC9549" i="1"/>
  <c r="AC9550" i="1"/>
  <c r="AC9551" i="1"/>
  <c r="AC9552" i="1"/>
  <c r="AC9553" i="1"/>
  <c r="AC9554" i="1"/>
  <c r="AC9555" i="1"/>
  <c r="AC9556" i="1"/>
  <c r="AC9557" i="1"/>
  <c r="AC9558" i="1"/>
  <c r="AC9559" i="1"/>
  <c r="AD9559" i="1" s="1"/>
  <c r="AC9560" i="1"/>
  <c r="AC9561" i="1"/>
  <c r="AC9562" i="1"/>
  <c r="AC9563" i="1"/>
  <c r="AC9564" i="1"/>
  <c r="AC9565" i="1"/>
  <c r="AC9566" i="1"/>
  <c r="AC9567" i="1"/>
  <c r="AC9568" i="1"/>
  <c r="AC9569" i="1"/>
  <c r="AC9570" i="1"/>
  <c r="AC9571" i="1"/>
  <c r="AD9571" i="1" s="1"/>
  <c r="AC9572" i="1"/>
  <c r="AC9573" i="1"/>
  <c r="AC9574" i="1"/>
  <c r="AC9575" i="1"/>
  <c r="AC9576" i="1"/>
  <c r="AC9577" i="1"/>
  <c r="AC9578" i="1"/>
  <c r="AC9579" i="1"/>
  <c r="AC9580" i="1"/>
  <c r="AC9581" i="1"/>
  <c r="AC9582" i="1"/>
  <c r="AC9583" i="1"/>
  <c r="AD9583" i="1" s="1"/>
  <c r="AC9584" i="1"/>
  <c r="AC9585" i="1"/>
  <c r="AC9586" i="1"/>
  <c r="AC9587" i="1"/>
  <c r="AC9588" i="1"/>
  <c r="AC9589" i="1"/>
  <c r="AC9590" i="1"/>
  <c r="AC9591" i="1"/>
  <c r="AC9592" i="1"/>
  <c r="AC9593" i="1"/>
  <c r="AC9594" i="1"/>
  <c r="AC9595" i="1"/>
  <c r="AD9595" i="1" s="1"/>
  <c r="AC9596" i="1"/>
  <c r="AC9597" i="1"/>
  <c r="AC9598" i="1"/>
  <c r="AC9599" i="1"/>
  <c r="AC9600" i="1"/>
  <c r="AC9601" i="1"/>
  <c r="AC9602" i="1"/>
  <c r="AC9603" i="1"/>
  <c r="AC9604" i="1"/>
  <c r="AC9605" i="1"/>
  <c r="AC9606" i="1"/>
  <c r="AC9607" i="1"/>
  <c r="AD9607" i="1" s="1"/>
  <c r="AC9608" i="1"/>
  <c r="AC9609" i="1"/>
  <c r="AC9610" i="1"/>
  <c r="AC9611" i="1"/>
  <c r="AC9612" i="1"/>
  <c r="AC9613" i="1"/>
  <c r="AC9614" i="1"/>
  <c r="AC9615" i="1"/>
  <c r="AC9616" i="1"/>
  <c r="AC9617" i="1"/>
  <c r="AC9618" i="1"/>
  <c r="AC9619" i="1"/>
  <c r="AD9619" i="1" s="1"/>
  <c r="AC9620" i="1"/>
  <c r="AC9621" i="1"/>
  <c r="AC9622" i="1"/>
  <c r="AC9623" i="1"/>
  <c r="AC9624" i="1"/>
  <c r="AC9625" i="1"/>
  <c r="AC9626" i="1"/>
  <c r="AC9627" i="1"/>
  <c r="AC9628" i="1"/>
  <c r="AC9629" i="1"/>
  <c r="AC9630" i="1"/>
  <c r="AC9631" i="1"/>
  <c r="AD9631" i="1" s="1"/>
  <c r="AC9632" i="1"/>
  <c r="AC9633" i="1"/>
  <c r="AC9634" i="1"/>
  <c r="AC9635" i="1"/>
  <c r="AC9636" i="1"/>
  <c r="AC9637" i="1"/>
  <c r="AC9638" i="1"/>
  <c r="AC9639" i="1"/>
  <c r="AC9640" i="1"/>
  <c r="AC9641" i="1"/>
  <c r="AC9642" i="1"/>
  <c r="AC9643" i="1"/>
  <c r="AD9643" i="1" s="1"/>
  <c r="AC9644" i="1"/>
  <c r="AC9645" i="1"/>
  <c r="AC9646" i="1"/>
  <c r="AC9647" i="1"/>
  <c r="AC9648" i="1"/>
  <c r="AC9649" i="1"/>
  <c r="AC9650" i="1"/>
  <c r="AC9651" i="1"/>
  <c r="AC9652" i="1"/>
  <c r="AC9653" i="1"/>
  <c r="AC9654" i="1"/>
  <c r="AC9655" i="1"/>
  <c r="AD9655" i="1" s="1"/>
  <c r="AC9656" i="1"/>
  <c r="AC9657" i="1"/>
  <c r="AC9658" i="1"/>
  <c r="AC9659" i="1"/>
  <c r="AC9660" i="1"/>
  <c r="AC9661" i="1"/>
  <c r="AC9662" i="1"/>
  <c r="AC9663" i="1"/>
  <c r="AC9664" i="1"/>
  <c r="AC9665" i="1"/>
  <c r="AC9666" i="1"/>
  <c r="AC9667" i="1"/>
  <c r="AD9667" i="1" s="1"/>
  <c r="AC9668" i="1"/>
  <c r="AC9669" i="1"/>
  <c r="AC9670" i="1"/>
  <c r="AC9671" i="1"/>
  <c r="AC9672" i="1"/>
  <c r="AC9673" i="1"/>
  <c r="AC9674" i="1"/>
  <c r="AC9675" i="1"/>
  <c r="AC9676" i="1"/>
  <c r="AC9677" i="1"/>
  <c r="AC9678" i="1"/>
  <c r="AC9679" i="1"/>
  <c r="AD9679" i="1" s="1"/>
  <c r="AC9680" i="1"/>
  <c r="AC9681" i="1"/>
  <c r="AC9682" i="1"/>
  <c r="AC9683" i="1"/>
  <c r="AC9684" i="1"/>
  <c r="AC9685" i="1"/>
  <c r="AC9686" i="1"/>
  <c r="AC9687" i="1"/>
  <c r="AC9688" i="1"/>
  <c r="AC9689" i="1"/>
  <c r="AC9690" i="1"/>
  <c r="AC9691" i="1"/>
  <c r="AD9691" i="1" s="1"/>
  <c r="AC9692" i="1"/>
  <c r="AC9693" i="1"/>
  <c r="AC9694" i="1"/>
  <c r="AC9695" i="1"/>
  <c r="AC9696" i="1"/>
  <c r="AC9697" i="1"/>
  <c r="AC9698" i="1"/>
  <c r="AC9699" i="1"/>
  <c r="AC9700" i="1"/>
  <c r="AC9701" i="1"/>
  <c r="AC9702" i="1"/>
  <c r="AC9703" i="1"/>
  <c r="AD9703" i="1" s="1"/>
  <c r="AC9704" i="1"/>
  <c r="AC9705" i="1"/>
  <c r="AC9706" i="1"/>
  <c r="AC9707" i="1"/>
  <c r="AC9708" i="1"/>
  <c r="AC9709" i="1"/>
  <c r="AC9710" i="1"/>
  <c r="AC9711" i="1"/>
  <c r="AC9712" i="1"/>
  <c r="AC9713" i="1"/>
  <c r="AC9714" i="1"/>
  <c r="AC9715" i="1"/>
  <c r="AD9715" i="1" s="1"/>
  <c r="AC9716" i="1"/>
  <c r="AC9717" i="1"/>
  <c r="AC9718" i="1"/>
  <c r="AC9719" i="1"/>
  <c r="AC9720" i="1"/>
  <c r="AC9721" i="1"/>
  <c r="AC9722" i="1"/>
  <c r="AC9723" i="1"/>
  <c r="AC9724" i="1"/>
  <c r="AC9725" i="1"/>
  <c r="AC9726" i="1"/>
  <c r="AC9727" i="1"/>
  <c r="AD9727" i="1" s="1"/>
  <c r="AC9728" i="1"/>
  <c r="AC9729" i="1"/>
  <c r="AC9730" i="1"/>
  <c r="AC9731" i="1"/>
  <c r="AC9732" i="1"/>
  <c r="AC9733" i="1"/>
  <c r="AC9734" i="1"/>
  <c r="AC9735" i="1"/>
  <c r="AC9736" i="1"/>
  <c r="AC9737" i="1"/>
  <c r="AC9738" i="1"/>
  <c r="AC9739" i="1"/>
  <c r="AD9739" i="1" s="1"/>
  <c r="AC9740" i="1"/>
  <c r="AC9741" i="1"/>
  <c r="AC9742" i="1"/>
  <c r="AC9743" i="1"/>
  <c r="AC9744" i="1"/>
  <c r="AC9745" i="1"/>
  <c r="AC9746" i="1"/>
  <c r="AC9747" i="1"/>
  <c r="AC9748" i="1"/>
  <c r="AC9749" i="1"/>
  <c r="AC9750" i="1"/>
  <c r="AC9751" i="1"/>
  <c r="AD9751" i="1" s="1"/>
  <c r="AC9752" i="1"/>
  <c r="AC9753" i="1"/>
  <c r="AC9754" i="1"/>
  <c r="AC9755" i="1"/>
  <c r="AC9756" i="1"/>
  <c r="AC9757" i="1"/>
  <c r="AC9758" i="1"/>
  <c r="AC9759" i="1"/>
  <c r="AC9760" i="1"/>
  <c r="AC9761" i="1"/>
  <c r="AC9762" i="1"/>
  <c r="AC9763" i="1"/>
  <c r="AD9763" i="1" s="1"/>
  <c r="AC9764" i="1"/>
  <c r="AC9765" i="1"/>
  <c r="AC9766" i="1"/>
  <c r="AC9767" i="1"/>
  <c r="AC9768" i="1"/>
  <c r="AC9769" i="1"/>
  <c r="AC9770" i="1"/>
  <c r="AC9771" i="1"/>
  <c r="AC9772" i="1"/>
  <c r="AC9773" i="1"/>
  <c r="AC9774" i="1"/>
  <c r="AC9775" i="1"/>
  <c r="AD9775" i="1" s="1"/>
  <c r="AC9776" i="1"/>
  <c r="AC9777" i="1"/>
  <c r="AC9778" i="1"/>
  <c r="AC9779" i="1"/>
  <c r="AC9780" i="1"/>
  <c r="AC9781" i="1"/>
  <c r="AC9782" i="1"/>
  <c r="AC9783" i="1"/>
  <c r="AC9784" i="1"/>
  <c r="AC9785" i="1"/>
  <c r="AC9786" i="1"/>
  <c r="AC9787" i="1"/>
  <c r="AD9787" i="1" s="1"/>
  <c r="AC9788" i="1"/>
  <c r="AC9789" i="1"/>
  <c r="AC9790" i="1"/>
  <c r="AC9791" i="1"/>
  <c r="AC9792" i="1"/>
  <c r="AC9793" i="1"/>
  <c r="AC9794" i="1"/>
  <c r="AC9795" i="1"/>
  <c r="AC9796" i="1"/>
  <c r="AC9797" i="1"/>
  <c r="AC9798" i="1"/>
  <c r="AC9799" i="1"/>
  <c r="AD9799" i="1" s="1"/>
  <c r="AC9800" i="1"/>
  <c r="AC9801" i="1"/>
  <c r="AC9802" i="1"/>
  <c r="AC9803" i="1"/>
  <c r="AC9804" i="1"/>
  <c r="AC9805" i="1"/>
  <c r="AC9806" i="1"/>
  <c r="AC9807" i="1"/>
  <c r="AC9808" i="1"/>
  <c r="AC9809" i="1"/>
  <c r="AC9810" i="1"/>
  <c r="AC9811" i="1"/>
  <c r="AD9811" i="1" s="1"/>
  <c r="AC9812" i="1"/>
  <c r="AC9813" i="1"/>
  <c r="AC9814" i="1"/>
  <c r="AC9815" i="1"/>
  <c r="AC9816" i="1"/>
  <c r="AC9817" i="1"/>
  <c r="AC9818" i="1"/>
  <c r="AC9819" i="1"/>
  <c r="AC9820" i="1"/>
  <c r="AC9821" i="1"/>
  <c r="AC9822" i="1"/>
  <c r="AC9823" i="1"/>
  <c r="AD9823" i="1" s="1"/>
  <c r="AC9824" i="1"/>
  <c r="AC9825" i="1"/>
  <c r="AC9826" i="1"/>
  <c r="AC9827" i="1"/>
  <c r="AC9828" i="1"/>
  <c r="AC9829" i="1"/>
  <c r="AC9830" i="1"/>
  <c r="AC9831" i="1"/>
  <c r="AC9832" i="1"/>
  <c r="AC9833" i="1"/>
  <c r="AC9834" i="1"/>
  <c r="AC9835" i="1"/>
  <c r="AD9835" i="1" s="1"/>
  <c r="AC9836" i="1"/>
  <c r="AC9837" i="1"/>
  <c r="AC9838" i="1"/>
  <c r="AC9839" i="1"/>
  <c r="AC9840" i="1"/>
  <c r="AC9841" i="1"/>
  <c r="AC9842" i="1"/>
  <c r="AC9843" i="1"/>
  <c r="AC9844" i="1"/>
  <c r="AC9845" i="1"/>
  <c r="AC9846" i="1"/>
  <c r="AC9847" i="1"/>
  <c r="AD9847" i="1" s="1"/>
  <c r="AC9848" i="1"/>
  <c r="AC9849" i="1"/>
  <c r="AC9850" i="1"/>
  <c r="AC9851" i="1"/>
  <c r="AC9852" i="1"/>
  <c r="AC9853" i="1"/>
  <c r="AC9854" i="1"/>
  <c r="AC9855" i="1"/>
  <c r="AC9856" i="1"/>
  <c r="AC9857" i="1"/>
  <c r="AC9858" i="1"/>
  <c r="AC9859" i="1"/>
  <c r="AD9859" i="1" s="1"/>
  <c r="AC9860" i="1"/>
  <c r="AC9861" i="1"/>
  <c r="AC9862" i="1"/>
  <c r="AC9863" i="1"/>
  <c r="AC9864" i="1"/>
  <c r="AC9865" i="1"/>
  <c r="AC9866" i="1"/>
  <c r="AC9867" i="1"/>
  <c r="AC9868" i="1"/>
  <c r="AC9869" i="1"/>
  <c r="AC9870" i="1"/>
  <c r="AC9871" i="1"/>
  <c r="AD9871" i="1" s="1"/>
  <c r="AC9872" i="1"/>
  <c r="AC9873" i="1"/>
  <c r="AC9874" i="1"/>
  <c r="AC9875" i="1"/>
  <c r="AC9876" i="1"/>
  <c r="AC9877" i="1"/>
  <c r="AC9878" i="1"/>
  <c r="AC9879" i="1"/>
  <c r="AC9880" i="1"/>
  <c r="AC9881" i="1"/>
  <c r="AC9882" i="1"/>
  <c r="AC9883" i="1"/>
  <c r="AD9883" i="1" s="1"/>
  <c r="AC9884" i="1"/>
  <c r="AC9885" i="1"/>
  <c r="AC9886" i="1"/>
  <c r="AC9887" i="1"/>
  <c r="AC9888" i="1"/>
  <c r="AC9889" i="1"/>
  <c r="AC9890" i="1"/>
  <c r="AC9891" i="1"/>
  <c r="AC9892" i="1"/>
  <c r="AC9893" i="1"/>
  <c r="AC9894" i="1"/>
  <c r="AC9895" i="1"/>
  <c r="AD9895" i="1" s="1"/>
  <c r="AC9896" i="1"/>
  <c r="AC9897" i="1"/>
  <c r="AC9898" i="1"/>
  <c r="AC9899" i="1"/>
  <c r="AC9900" i="1"/>
  <c r="AC9901" i="1"/>
  <c r="AC9902" i="1"/>
  <c r="AC9903" i="1"/>
  <c r="AC9904" i="1"/>
  <c r="AC9905" i="1"/>
  <c r="AC9906" i="1"/>
  <c r="AC9907" i="1"/>
  <c r="AD9907" i="1" s="1"/>
  <c r="AC9908" i="1"/>
  <c r="AC9909" i="1"/>
  <c r="AC9910" i="1"/>
  <c r="AC9911" i="1"/>
  <c r="AC9912" i="1"/>
  <c r="AC9913" i="1"/>
  <c r="AC9914" i="1"/>
  <c r="AC9915" i="1"/>
  <c r="AC9916" i="1"/>
  <c r="AC9917" i="1"/>
  <c r="AC9918" i="1"/>
  <c r="AC9919" i="1"/>
  <c r="AD9919" i="1" s="1"/>
  <c r="AC9920" i="1"/>
  <c r="AC9921" i="1"/>
  <c r="AC9922" i="1"/>
  <c r="AC9923" i="1"/>
  <c r="AC9924" i="1"/>
  <c r="AC9925" i="1"/>
  <c r="AC9926" i="1"/>
  <c r="AC9927" i="1"/>
  <c r="AC9928" i="1"/>
  <c r="AC9929" i="1"/>
  <c r="AC9930" i="1"/>
  <c r="AC9931" i="1"/>
  <c r="AD9931" i="1" s="1"/>
  <c r="AC9932" i="1"/>
  <c r="AC9933" i="1"/>
  <c r="AC9934" i="1"/>
  <c r="AC9935" i="1"/>
  <c r="AC9936" i="1"/>
  <c r="AC9937" i="1"/>
  <c r="AC9938" i="1"/>
  <c r="AC9939" i="1"/>
  <c r="AC9940" i="1"/>
  <c r="AC9941" i="1"/>
  <c r="AC9942" i="1"/>
  <c r="AC9943" i="1"/>
  <c r="AD9943" i="1" s="1"/>
  <c r="AC9944" i="1"/>
  <c r="AC9945" i="1"/>
  <c r="AC9946" i="1"/>
  <c r="AC9947" i="1"/>
  <c r="AC9948" i="1"/>
  <c r="AC9949" i="1"/>
  <c r="AC9950" i="1"/>
  <c r="AC9951" i="1"/>
  <c r="AC9952" i="1"/>
  <c r="AC9953" i="1"/>
  <c r="AC9954" i="1"/>
  <c r="AC9955" i="1"/>
  <c r="AD9955" i="1" s="1"/>
  <c r="AC9956" i="1"/>
  <c r="AC9957" i="1"/>
  <c r="AC9958" i="1"/>
  <c r="AC9959" i="1"/>
  <c r="AC9960" i="1"/>
  <c r="AC9961" i="1"/>
  <c r="AC9962" i="1"/>
  <c r="AC9963" i="1"/>
  <c r="AC9964" i="1"/>
  <c r="AC9965" i="1"/>
  <c r="AC9966" i="1"/>
  <c r="AC9967" i="1"/>
  <c r="AD9967" i="1" s="1"/>
  <c r="AC9968" i="1"/>
  <c r="AC9969" i="1"/>
  <c r="AC9970" i="1"/>
  <c r="AC9971" i="1"/>
  <c r="AC9972" i="1"/>
  <c r="AC9973" i="1"/>
  <c r="AC9974" i="1"/>
  <c r="AC9975" i="1"/>
  <c r="AC9976" i="1"/>
  <c r="AC9977" i="1"/>
  <c r="AC9978" i="1"/>
  <c r="AC9979" i="1"/>
  <c r="AD9979" i="1" s="1"/>
  <c r="AC9980" i="1"/>
  <c r="AC9981" i="1"/>
  <c r="AC9982" i="1"/>
  <c r="AC9983" i="1"/>
  <c r="AC9984" i="1"/>
  <c r="AC9985" i="1"/>
  <c r="AC9986" i="1"/>
  <c r="AC9987" i="1"/>
  <c r="AC9988" i="1"/>
  <c r="AC9989" i="1"/>
  <c r="AC9990" i="1"/>
  <c r="AC9991" i="1"/>
  <c r="AD9991" i="1" s="1"/>
  <c r="AC9992" i="1"/>
  <c r="AC9993" i="1"/>
  <c r="AC9994" i="1"/>
  <c r="AC9995" i="1"/>
  <c r="AC9996" i="1"/>
  <c r="AC9997" i="1"/>
  <c r="AC9998" i="1"/>
  <c r="AC9999" i="1"/>
  <c r="AC10000" i="1"/>
  <c r="AC10001" i="1"/>
  <c r="AC10002" i="1"/>
  <c r="AC10003" i="1"/>
  <c r="AD10003" i="1" s="1"/>
  <c r="AC10004" i="1"/>
  <c r="AC10005" i="1"/>
  <c r="AC10006" i="1"/>
  <c r="AC10007" i="1"/>
  <c r="AC10008" i="1"/>
  <c r="AC10009" i="1"/>
  <c r="AC10010" i="1"/>
  <c r="AC10011" i="1"/>
  <c r="AC10012" i="1"/>
  <c r="AC10013" i="1"/>
  <c r="AC10014" i="1"/>
  <c r="AC10015" i="1"/>
  <c r="AD10015" i="1" s="1"/>
  <c r="AC10016" i="1"/>
  <c r="AC10017" i="1"/>
  <c r="AC10018" i="1"/>
  <c r="AC10019" i="1"/>
  <c r="AC10020" i="1"/>
  <c r="AC10021" i="1"/>
  <c r="AC10022" i="1"/>
  <c r="AC10023" i="1"/>
  <c r="AC10024" i="1"/>
  <c r="AC10025" i="1"/>
  <c r="AC10026" i="1"/>
  <c r="AC10027" i="1"/>
  <c r="AD10027" i="1" s="1"/>
  <c r="AC10028" i="1"/>
  <c r="AC10029" i="1"/>
  <c r="AC10030" i="1"/>
  <c r="AC10031" i="1"/>
  <c r="AC10032" i="1"/>
  <c r="AC10033" i="1"/>
  <c r="AC10034" i="1"/>
  <c r="AC10035" i="1"/>
  <c r="AC10036" i="1"/>
  <c r="AC10037" i="1"/>
  <c r="AC10038" i="1"/>
  <c r="AC10039" i="1"/>
  <c r="AD10039" i="1" s="1"/>
  <c r="AC10040" i="1"/>
  <c r="AC10041" i="1"/>
  <c r="AC10042" i="1"/>
  <c r="AC10043" i="1"/>
  <c r="AC10044" i="1"/>
  <c r="AC10045" i="1"/>
  <c r="AC10046" i="1"/>
  <c r="AC10047" i="1"/>
  <c r="AC10048" i="1"/>
  <c r="AC10049" i="1"/>
  <c r="AC10050" i="1"/>
  <c r="AC10051" i="1"/>
  <c r="AD10051" i="1" s="1"/>
  <c r="AC10052" i="1"/>
  <c r="AC10053" i="1"/>
  <c r="AC10054" i="1"/>
  <c r="AC10055" i="1"/>
  <c r="AC10056" i="1"/>
  <c r="AC10057" i="1"/>
  <c r="AC10058" i="1"/>
  <c r="AC10059" i="1"/>
  <c r="AC10060" i="1"/>
  <c r="AC10061" i="1"/>
  <c r="AC10062" i="1"/>
  <c r="AC10063" i="1"/>
  <c r="AD10063" i="1" s="1"/>
  <c r="AC10064" i="1"/>
  <c r="AC10065" i="1"/>
  <c r="AC10066" i="1"/>
  <c r="AC10067" i="1"/>
  <c r="AC10068" i="1"/>
  <c r="AC10069" i="1"/>
  <c r="AC10070" i="1"/>
  <c r="AC10071" i="1"/>
  <c r="AC10072" i="1"/>
  <c r="AC10073" i="1"/>
  <c r="AC10074" i="1"/>
  <c r="AC10075" i="1"/>
  <c r="AD10075" i="1" s="1"/>
  <c r="AC10076" i="1"/>
  <c r="AC10077" i="1"/>
  <c r="AC10078" i="1"/>
  <c r="AC10079" i="1"/>
  <c r="AC10080" i="1"/>
  <c r="AC10081" i="1"/>
  <c r="AC10082" i="1"/>
  <c r="AC10083" i="1"/>
  <c r="AC10084" i="1"/>
  <c r="AC10085" i="1"/>
  <c r="AC10086" i="1"/>
  <c r="AC10087" i="1"/>
  <c r="AD10087" i="1" s="1"/>
  <c r="AC10088" i="1"/>
  <c r="AC10089" i="1"/>
  <c r="AC10090" i="1"/>
  <c r="AC10091" i="1"/>
  <c r="AC10092" i="1"/>
  <c r="AC10093" i="1"/>
  <c r="AC10094" i="1"/>
  <c r="AC10095" i="1"/>
  <c r="AC10096" i="1"/>
  <c r="AC10097" i="1"/>
  <c r="AC10098" i="1"/>
  <c r="AC10099" i="1"/>
  <c r="AD10099" i="1" s="1"/>
  <c r="AC10100" i="1"/>
  <c r="AC10101" i="1"/>
  <c r="AC10102" i="1"/>
  <c r="AC10103" i="1"/>
  <c r="AC10104" i="1"/>
  <c r="AC10105" i="1"/>
  <c r="AC10106" i="1"/>
  <c r="AC10107" i="1"/>
  <c r="AC10108" i="1"/>
  <c r="AC10109" i="1"/>
  <c r="AC10110" i="1"/>
  <c r="AC10111" i="1"/>
  <c r="AD10111" i="1" s="1"/>
  <c r="AC10112" i="1"/>
  <c r="AC10113" i="1"/>
  <c r="AC10114" i="1"/>
  <c r="AC10115" i="1"/>
  <c r="AC10116" i="1"/>
  <c r="AC10117" i="1"/>
  <c r="AC10118" i="1"/>
  <c r="AC10119" i="1"/>
  <c r="AC10120" i="1"/>
  <c r="AC10121" i="1"/>
  <c r="AC10122" i="1"/>
  <c r="AC10123" i="1"/>
  <c r="AD10123" i="1" s="1"/>
  <c r="AC10124" i="1"/>
  <c r="AC10125" i="1"/>
  <c r="AC10126" i="1"/>
  <c r="AC10127" i="1"/>
  <c r="AC10128" i="1"/>
  <c r="AC10129" i="1"/>
  <c r="AC10130" i="1"/>
  <c r="AC10131" i="1"/>
  <c r="AC10132" i="1"/>
  <c r="AC10133" i="1"/>
  <c r="AC10134" i="1"/>
  <c r="AC10135" i="1"/>
  <c r="AD10135" i="1" s="1"/>
  <c r="AC10136" i="1"/>
  <c r="AC10137" i="1"/>
  <c r="AC10138" i="1"/>
  <c r="AC10139" i="1"/>
  <c r="AC10140" i="1"/>
  <c r="AC10141" i="1"/>
  <c r="AC10142" i="1"/>
  <c r="AC10143" i="1"/>
  <c r="AC10144" i="1"/>
  <c r="AC10145" i="1"/>
  <c r="AC10146" i="1"/>
  <c r="AC10147" i="1"/>
  <c r="AD10147" i="1" s="1"/>
  <c r="AC10148" i="1"/>
  <c r="AC10149" i="1"/>
  <c r="AC10150" i="1"/>
  <c r="AC10151" i="1"/>
  <c r="AC10152" i="1"/>
  <c r="AC10153" i="1"/>
  <c r="AC10154" i="1"/>
  <c r="AC10155" i="1"/>
  <c r="AC10156" i="1"/>
  <c r="AC10157" i="1"/>
  <c r="AC10158" i="1"/>
  <c r="AC10159" i="1"/>
  <c r="AD10159" i="1" s="1"/>
  <c r="AC10160" i="1"/>
  <c r="AC10161" i="1"/>
  <c r="AC10162" i="1"/>
  <c r="AC10163" i="1"/>
  <c r="AC10164" i="1"/>
  <c r="AC10165" i="1"/>
  <c r="AC10166" i="1"/>
  <c r="AC10167" i="1"/>
  <c r="AC10168" i="1"/>
  <c r="AC10169" i="1"/>
  <c r="AC10170" i="1"/>
  <c r="AC10171" i="1"/>
  <c r="AD10171" i="1" s="1"/>
  <c r="AC10172" i="1"/>
  <c r="AC10173" i="1"/>
  <c r="AC10174" i="1"/>
  <c r="AC10175" i="1"/>
  <c r="AC10176" i="1"/>
  <c r="AC10177" i="1"/>
  <c r="AC10178" i="1"/>
  <c r="AC10179" i="1"/>
  <c r="AC10180" i="1"/>
  <c r="AC10181" i="1"/>
  <c r="AC10182" i="1"/>
  <c r="AC10183" i="1"/>
  <c r="AD10183" i="1" s="1"/>
  <c r="AC10184" i="1"/>
  <c r="AC10185" i="1"/>
  <c r="AC10186" i="1"/>
  <c r="AC10187" i="1"/>
  <c r="AC10188" i="1"/>
  <c r="AC10189" i="1"/>
  <c r="AC10190" i="1"/>
  <c r="AC10191" i="1"/>
  <c r="AC10192" i="1"/>
  <c r="AC10193" i="1"/>
  <c r="AC10194" i="1"/>
  <c r="AC10195" i="1"/>
  <c r="AD10195" i="1" s="1"/>
  <c r="AC10196" i="1"/>
  <c r="AC10197" i="1"/>
  <c r="AC10198" i="1"/>
  <c r="AC10199" i="1"/>
  <c r="AC10200" i="1"/>
  <c r="AC10201" i="1"/>
  <c r="AC10202" i="1"/>
  <c r="AC10203" i="1"/>
  <c r="AC10204" i="1"/>
  <c r="AC10205" i="1"/>
  <c r="AC10206" i="1"/>
  <c r="AC10207" i="1"/>
  <c r="AD10207" i="1" s="1"/>
  <c r="AC10208" i="1"/>
  <c r="AC10209" i="1"/>
  <c r="AC10210" i="1"/>
  <c r="AC10211" i="1"/>
  <c r="AC10212" i="1"/>
  <c r="AC10213" i="1"/>
  <c r="AC10214" i="1"/>
  <c r="AC10215" i="1"/>
  <c r="AC10216" i="1"/>
  <c r="AC10217" i="1"/>
  <c r="AC10218" i="1"/>
  <c r="AC10219" i="1"/>
  <c r="AD10219" i="1" s="1"/>
  <c r="AC10220" i="1"/>
  <c r="AC10221" i="1"/>
  <c r="AC10222" i="1"/>
  <c r="AC10223" i="1"/>
  <c r="AC10224" i="1"/>
  <c r="AC10225" i="1"/>
  <c r="AC10226" i="1"/>
  <c r="AC10227" i="1"/>
  <c r="AC10228" i="1"/>
  <c r="AC10229" i="1"/>
  <c r="AC10230" i="1"/>
  <c r="AC10231" i="1"/>
  <c r="AD10231" i="1" s="1"/>
  <c r="AC10232" i="1"/>
  <c r="AC10233" i="1"/>
  <c r="AC10234" i="1"/>
  <c r="AC10235" i="1"/>
  <c r="AC10236" i="1"/>
  <c r="AC10237" i="1"/>
  <c r="AC10238" i="1"/>
  <c r="AC10239" i="1"/>
  <c r="AC10240" i="1"/>
  <c r="AC10241" i="1"/>
  <c r="AC10242" i="1"/>
  <c r="AC10243" i="1"/>
  <c r="AD10243" i="1" s="1"/>
  <c r="AC10244" i="1"/>
  <c r="AC10245" i="1"/>
  <c r="AC10246" i="1"/>
  <c r="AC10247" i="1"/>
  <c r="AC10248" i="1"/>
  <c r="AC10249" i="1"/>
  <c r="AC10250" i="1"/>
  <c r="AC10251" i="1"/>
  <c r="AC10252" i="1"/>
  <c r="AC10253" i="1"/>
  <c r="AC10254" i="1"/>
  <c r="AC10255" i="1"/>
  <c r="AD10255" i="1" s="1"/>
  <c r="AC10256" i="1"/>
  <c r="AC10257" i="1"/>
  <c r="AC10258" i="1"/>
  <c r="AC10259" i="1"/>
  <c r="AC10260" i="1"/>
  <c r="AC10261" i="1"/>
  <c r="AC10262" i="1"/>
  <c r="AC10263" i="1"/>
  <c r="AC10264" i="1"/>
  <c r="AC10265" i="1"/>
  <c r="AC10266" i="1"/>
  <c r="AC10267" i="1"/>
  <c r="AD10267" i="1" s="1"/>
  <c r="AC10268" i="1"/>
  <c r="AC10269" i="1"/>
  <c r="AC10270" i="1"/>
  <c r="AC10271" i="1"/>
  <c r="AC10272" i="1"/>
  <c r="AC10273" i="1"/>
  <c r="AC10274" i="1"/>
  <c r="AC10275" i="1"/>
  <c r="AC10276" i="1"/>
  <c r="AC10277" i="1"/>
  <c r="AC10278" i="1"/>
  <c r="AC10279" i="1"/>
  <c r="AD10279" i="1" s="1"/>
  <c r="AC10280" i="1"/>
  <c r="AC10281" i="1"/>
  <c r="AC10282" i="1"/>
  <c r="AC10283" i="1"/>
  <c r="AC10284" i="1"/>
  <c r="AC10285" i="1"/>
  <c r="AC10286" i="1"/>
  <c r="AC10287" i="1"/>
  <c r="AC10288" i="1"/>
  <c r="AC10289" i="1"/>
  <c r="AC10290" i="1"/>
  <c r="AC10291" i="1"/>
  <c r="AD10291" i="1" s="1"/>
  <c r="AC10292" i="1"/>
  <c r="AC10293" i="1"/>
  <c r="AC10294" i="1"/>
  <c r="AC10295" i="1"/>
  <c r="AC10296" i="1"/>
  <c r="AC10297" i="1"/>
  <c r="AC10298" i="1"/>
  <c r="AC10299" i="1"/>
  <c r="AC10300" i="1"/>
  <c r="AC10301" i="1"/>
  <c r="AC10302" i="1"/>
  <c r="AC10303" i="1"/>
  <c r="AD10303" i="1" s="1"/>
  <c r="AC10304" i="1"/>
  <c r="AC10305" i="1"/>
  <c r="AC10306" i="1"/>
  <c r="AC10307" i="1"/>
  <c r="AC10308" i="1"/>
  <c r="AC10309" i="1"/>
  <c r="AC10310" i="1"/>
  <c r="AC10311" i="1"/>
  <c r="AC10312" i="1"/>
  <c r="AC10313" i="1"/>
  <c r="AC10314" i="1"/>
  <c r="AC10315" i="1"/>
  <c r="AD10315" i="1" s="1"/>
  <c r="AC10316" i="1"/>
  <c r="AC10317" i="1"/>
  <c r="AC10318" i="1"/>
  <c r="AC10319" i="1"/>
  <c r="AC10320" i="1"/>
  <c r="AC10321" i="1"/>
  <c r="AC10322" i="1"/>
  <c r="AC10323" i="1"/>
  <c r="AC10324" i="1"/>
  <c r="AC10325" i="1"/>
  <c r="AC10326" i="1"/>
  <c r="AC10327" i="1"/>
  <c r="AD10327" i="1" s="1"/>
  <c r="AC10328" i="1"/>
  <c r="AC10329" i="1"/>
  <c r="AC10330" i="1"/>
  <c r="AC10331" i="1"/>
  <c r="AC10332" i="1"/>
  <c r="AC10333" i="1"/>
  <c r="AC10334" i="1"/>
  <c r="AC10335" i="1"/>
  <c r="AC10336" i="1"/>
  <c r="AC10337" i="1"/>
  <c r="AC10338" i="1"/>
  <c r="AC10339" i="1"/>
  <c r="AD10339" i="1" s="1"/>
  <c r="AC10340" i="1"/>
  <c r="AC10341" i="1"/>
  <c r="AC10342" i="1"/>
  <c r="AC10343" i="1"/>
  <c r="AC10344" i="1"/>
  <c r="AC10345" i="1"/>
  <c r="AC10346" i="1"/>
  <c r="AC10347" i="1"/>
  <c r="AC10348" i="1"/>
  <c r="AC10349" i="1"/>
  <c r="AC10350" i="1"/>
  <c r="AC10351" i="1"/>
  <c r="AD10351" i="1" s="1"/>
  <c r="AC10352" i="1"/>
  <c r="AC10353" i="1"/>
  <c r="AC10354" i="1"/>
  <c r="AC10355" i="1"/>
  <c r="AC10356" i="1"/>
  <c r="AC10357" i="1"/>
  <c r="AC10358" i="1"/>
  <c r="AC10359" i="1"/>
  <c r="AC10360" i="1"/>
  <c r="AC10361" i="1"/>
  <c r="AC10362" i="1"/>
  <c r="AC10363" i="1"/>
  <c r="AD10363" i="1" s="1"/>
  <c r="AC10364" i="1"/>
  <c r="AC10365" i="1"/>
  <c r="AC10366" i="1"/>
  <c r="AC10367" i="1"/>
  <c r="AC10368" i="1"/>
  <c r="AC10369" i="1"/>
  <c r="AC10370" i="1"/>
  <c r="AC10371" i="1"/>
  <c r="AC10372" i="1"/>
  <c r="AC10373" i="1"/>
  <c r="AC10374" i="1"/>
  <c r="AC10375" i="1"/>
  <c r="AD10375" i="1" s="1"/>
  <c r="AC10376" i="1"/>
  <c r="AC10377" i="1"/>
  <c r="AC10378" i="1"/>
  <c r="AC10379" i="1"/>
  <c r="AC10380" i="1"/>
  <c r="AC10381" i="1"/>
  <c r="AC10382" i="1"/>
  <c r="AC10383" i="1"/>
  <c r="AC10384" i="1"/>
  <c r="AC10385" i="1"/>
  <c r="AC10386" i="1"/>
  <c r="AC10387" i="1"/>
  <c r="AD10387" i="1" s="1"/>
  <c r="AC10388" i="1"/>
  <c r="AC10389" i="1"/>
  <c r="AC10390" i="1"/>
  <c r="AC10391" i="1"/>
  <c r="AC10392" i="1"/>
  <c r="AC10393" i="1"/>
  <c r="AC10394" i="1"/>
  <c r="AC10395" i="1"/>
  <c r="AC10396" i="1"/>
  <c r="AC10397" i="1"/>
  <c r="AC10398" i="1"/>
  <c r="AC10399" i="1"/>
  <c r="AD10399" i="1" s="1"/>
  <c r="AC10400" i="1"/>
  <c r="AC10401" i="1"/>
  <c r="AC10402" i="1"/>
  <c r="AC10403" i="1"/>
  <c r="AC10404" i="1"/>
  <c r="AC10405" i="1"/>
  <c r="AC10406" i="1"/>
  <c r="AC10407" i="1"/>
  <c r="AC10408" i="1"/>
  <c r="AC10409" i="1"/>
  <c r="AC10410" i="1"/>
  <c r="AC10411" i="1"/>
  <c r="AD10411" i="1" s="1"/>
  <c r="AC10412" i="1"/>
  <c r="AC10413" i="1"/>
  <c r="AC10414" i="1"/>
  <c r="AC10415" i="1"/>
  <c r="AC10416" i="1"/>
  <c r="AC10417" i="1"/>
  <c r="AC10418" i="1"/>
  <c r="AC10419" i="1"/>
  <c r="AC10420" i="1"/>
  <c r="AC10421" i="1"/>
  <c r="AC10422" i="1"/>
  <c r="AC10423" i="1"/>
  <c r="AD10423" i="1" s="1"/>
  <c r="AC10424" i="1"/>
  <c r="AC10425" i="1"/>
  <c r="AC10426" i="1"/>
  <c r="AC10427" i="1"/>
  <c r="AC10428" i="1"/>
  <c r="AC10429" i="1"/>
  <c r="AC10430" i="1"/>
  <c r="AC10431" i="1"/>
  <c r="AC10432" i="1"/>
  <c r="AC10433" i="1"/>
  <c r="AC10434" i="1"/>
  <c r="AC10435" i="1"/>
  <c r="AD10435" i="1" s="1"/>
  <c r="AC10436" i="1"/>
  <c r="AC10437" i="1"/>
  <c r="AC10438" i="1"/>
  <c r="AC10439" i="1"/>
  <c r="AC10440" i="1"/>
  <c r="AC10441" i="1"/>
  <c r="AC10442" i="1"/>
  <c r="AC10443" i="1"/>
  <c r="AC10444" i="1"/>
  <c r="AC10445" i="1"/>
  <c r="AC10446" i="1"/>
  <c r="AC10447" i="1"/>
  <c r="AD10447" i="1" s="1"/>
  <c r="AC10448" i="1"/>
  <c r="AC10449" i="1"/>
  <c r="AC10450" i="1"/>
  <c r="AC10451" i="1"/>
  <c r="AC10452" i="1"/>
  <c r="AC10453" i="1"/>
  <c r="AC10454" i="1"/>
  <c r="AC10455" i="1"/>
  <c r="AC10456" i="1"/>
  <c r="AC10457" i="1"/>
  <c r="AC10458" i="1"/>
  <c r="AC10459" i="1"/>
  <c r="AD10459" i="1" s="1"/>
  <c r="AC10460" i="1"/>
  <c r="AC10461" i="1"/>
  <c r="AC10462" i="1"/>
  <c r="AC10463" i="1"/>
  <c r="AC10464" i="1"/>
  <c r="AC10465" i="1"/>
  <c r="AC10466" i="1"/>
  <c r="AC10467" i="1"/>
  <c r="AC10468" i="1"/>
  <c r="AC10469" i="1"/>
  <c r="AC10470" i="1"/>
  <c r="AC10471" i="1"/>
  <c r="AD10471" i="1" s="1"/>
  <c r="AC10472" i="1"/>
  <c r="AC10473" i="1"/>
  <c r="AC10474" i="1"/>
  <c r="AC10475" i="1"/>
  <c r="AC10476" i="1"/>
  <c r="AC10477" i="1"/>
  <c r="AC10478" i="1"/>
  <c r="AC10479" i="1"/>
  <c r="AC10480" i="1"/>
  <c r="AC10481" i="1"/>
  <c r="AC10482" i="1"/>
  <c r="AC10483" i="1"/>
  <c r="AD10483" i="1" s="1"/>
  <c r="AC10484" i="1"/>
  <c r="AC10485" i="1"/>
  <c r="AC10486" i="1"/>
  <c r="AC10487" i="1"/>
  <c r="AC10488" i="1"/>
  <c r="AC10489" i="1"/>
  <c r="AC10490" i="1"/>
  <c r="AC10491" i="1"/>
  <c r="AC10492" i="1"/>
  <c r="AC10493" i="1"/>
  <c r="AC10494" i="1"/>
  <c r="AC10495" i="1"/>
  <c r="AD10495" i="1" s="1"/>
  <c r="AC10496" i="1"/>
  <c r="AC10497" i="1"/>
  <c r="AC10498" i="1"/>
  <c r="AC10499" i="1"/>
  <c r="AC10500" i="1"/>
  <c r="AC10501" i="1"/>
  <c r="AC10502" i="1"/>
  <c r="AC10503" i="1"/>
  <c r="AC10504" i="1"/>
  <c r="AC10505" i="1"/>
  <c r="AC10506" i="1"/>
  <c r="AC10507" i="1"/>
  <c r="AD10507" i="1" s="1"/>
  <c r="AC10508" i="1"/>
  <c r="AC10509" i="1"/>
  <c r="AC10510" i="1"/>
  <c r="AC10511" i="1"/>
  <c r="AC10512" i="1"/>
  <c r="AC10513" i="1"/>
  <c r="AC10514" i="1"/>
  <c r="AC10515" i="1"/>
  <c r="AC10516" i="1"/>
  <c r="AC10517" i="1"/>
  <c r="AC10518" i="1"/>
  <c r="AC10519" i="1"/>
  <c r="AD10519" i="1" s="1"/>
  <c r="AC10520" i="1"/>
  <c r="AC10521" i="1"/>
  <c r="AC10522" i="1"/>
  <c r="AC10523" i="1"/>
  <c r="AC10524" i="1"/>
  <c r="AC10525" i="1"/>
  <c r="AC10526" i="1"/>
  <c r="AC10527" i="1"/>
  <c r="AC10528" i="1"/>
  <c r="AC10529" i="1"/>
  <c r="AC10530" i="1"/>
  <c r="AC10531" i="1"/>
  <c r="AD10531" i="1" s="1"/>
  <c r="AC10532" i="1"/>
  <c r="AC10533" i="1"/>
  <c r="AC10534" i="1"/>
  <c r="AC10535" i="1"/>
  <c r="AC10536" i="1"/>
  <c r="AC10537" i="1"/>
  <c r="AC10538" i="1"/>
  <c r="AC10539" i="1"/>
  <c r="AC10540" i="1"/>
  <c r="AC10541" i="1"/>
  <c r="AC10542" i="1"/>
  <c r="AC10543" i="1"/>
  <c r="AD10543" i="1" s="1"/>
  <c r="AC10544" i="1"/>
  <c r="AC10545" i="1"/>
  <c r="AC10546" i="1"/>
  <c r="AC10547" i="1"/>
  <c r="AC10548" i="1"/>
  <c r="AC10549" i="1"/>
  <c r="AC10550" i="1"/>
  <c r="AC10551" i="1"/>
  <c r="AC10552" i="1"/>
  <c r="AC10553" i="1"/>
  <c r="AC10554" i="1"/>
  <c r="AC10555" i="1"/>
  <c r="AD10555" i="1" s="1"/>
  <c r="AC10556" i="1"/>
  <c r="AC10557" i="1"/>
  <c r="AC10558" i="1"/>
  <c r="AC10559" i="1"/>
  <c r="AC10560" i="1"/>
  <c r="AC10561" i="1"/>
  <c r="AC10562" i="1"/>
  <c r="AC10563" i="1"/>
  <c r="AC10564" i="1"/>
  <c r="AC10565" i="1"/>
  <c r="AC10566" i="1"/>
  <c r="AC10567" i="1"/>
  <c r="AD10567" i="1" s="1"/>
  <c r="AC10568" i="1"/>
  <c r="AC10569" i="1"/>
  <c r="AC10570" i="1"/>
  <c r="AC10571" i="1"/>
  <c r="AC10572" i="1"/>
  <c r="AC10573" i="1"/>
  <c r="AC10574" i="1"/>
  <c r="AC10575" i="1"/>
  <c r="AC10576" i="1"/>
  <c r="AC10577" i="1"/>
  <c r="AC10578" i="1"/>
  <c r="AC10579" i="1"/>
  <c r="AD10579" i="1" s="1"/>
  <c r="AC10580" i="1"/>
  <c r="AC10581" i="1"/>
  <c r="AC10582" i="1"/>
  <c r="AC10583" i="1"/>
  <c r="AC10584" i="1"/>
  <c r="AC10585" i="1"/>
  <c r="AC10586" i="1"/>
  <c r="AC10587" i="1"/>
  <c r="AC10588" i="1"/>
  <c r="AC10589" i="1"/>
  <c r="AC10590" i="1"/>
  <c r="AC10591" i="1"/>
  <c r="AD10591" i="1" s="1"/>
  <c r="AC10592" i="1"/>
  <c r="AC10593" i="1"/>
  <c r="AC10594" i="1"/>
  <c r="AC10595" i="1"/>
  <c r="AC10596" i="1"/>
  <c r="AC10597" i="1"/>
  <c r="AC10598" i="1"/>
  <c r="AC10599" i="1"/>
  <c r="AC10600" i="1"/>
  <c r="AC10601" i="1"/>
  <c r="AC10602" i="1"/>
  <c r="AC10603" i="1"/>
  <c r="AD10603" i="1" s="1"/>
  <c r="AC10604" i="1"/>
  <c r="AC10605" i="1"/>
  <c r="AC10606" i="1"/>
  <c r="AC10607" i="1"/>
  <c r="AC10608" i="1"/>
  <c r="AC10609" i="1"/>
  <c r="AC10610" i="1"/>
  <c r="AC10611" i="1"/>
  <c r="AC10612" i="1"/>
  <c r="AC10613" i="1"/>
  <c r="AC10614" i="1"/>
  <c r="AC10615" i="1"/>
  <c r="AD10615" i="1" s="1"/>
  <c r="AC10616" i="1"/>
  <c r="AC10617" i="1"/>
  <c r="AC10618" i="1"/>
  <c r="AC10619" i="1"/>
  <c r="AC10620" i="1"/>
  <c r="AC10621" i="1"/>
  <c r="AC10622" i="1"/>
  <c r="AC10623" i="1"/>
  <c r="AC10624" i="1"/>
  <c r="AC10625" i="1"/>
  <c r="AC10626" i="1"/>
  <c r="AC10627" i="1"/>
  <c r="AD10627" i="1" s="1"/>
  <c r="AC10628" i="1"/>
  <c r="AC10629" i="1"/>
  <c r="AC10630" i="1"/>
  <c r="AC10631" i="1"/>
  <c r="AC10632" i="1"/>
  <c r="AC10633" i="1"/>
  <c r="AC10634" i="1"/>
  <c r="AC10635" i="1"/>
  <c r="AC10636" i="1"/>
  <c r="AC10637" i="1"/>
  <c r="AC10638" i="1"/>
  <c r="AC10639" i="1"/>
  <c r="AD10639" i="1" s="1"/>
  <c r="AC10640" i="1"/>
  <c r="AC10641" i="1"/>
  <c r="AC10642" i="1"/>
  <c r="AC10643" i="1"/>
  <c r="AC10644" i="1"/>
  <c r="AC10645" i="1"/>
  <c r="AC10646" i="1"/>
  <c r="AC10647" i="1"/>
  <c r="AC10648" i="1"/>
  <c r="AC10649" i="1"/>
  <c r="AC10650" i="1"/>
  <c r="AC10651" i="1"/>
  <c r="AD10651" i="1" s="1"/>
  <c r="AC10652" i="1"/>
  <c r="AC10653" i="1"/>
  <c r="AC10654" i="1"/>
  <c r="AC10655" i="1"/>
  <c r="AC10656" i="1"/>
  <c r="AC10657" i="1"/>
  <c r="AC10658" i="1"/>
  <c r="AC10659" i="1"/>
  <c r="AC10660" i="1"/>
  <c r="AC10661" i="1"/>
  <c r="AC10662" i="1"/>
  <c r="AC10663" i="1"/>
  <c r="AD10663" i="1" s="1"/>
  <c r="AC10664" i="1"/>
  <c r="AC10665" i="1"/>
  <c r="AC10666" i="1"/>
  <c r="AC10667" i="1"/>
  <c r="AC10668" i="1"/>
  <c r="AC10669" i="1"/>
  <c r="AC10670" i="1"/>
  <c r="AC10671" i="1"/>
  <c r="AC10672" i="1"/>
  <c r="AC10673" i="1"/>
  <c r="AC10674" i="1"/>
  <c r="AC10675" i="1"/>
  <c r="AD10675" i="1" s="1"/>
  <c r="AC10676" i="1"/>
  <c r="AC10677" i="1"/>
  <c r="AC10678" i="1"/>
  <c r="AC10679" i="1"/>
  <c r="AC10680" i="1"/>
  <c r="AC10681" i="1"/>
  <c r="AC10682" i="1"/>
  <c r="AC10683" i="1"/>
  <c r="AC10684" i="1"/>
  <c r="AC10685" i="1"/>
  <c r="AC10686" i="1"/>
  <c r="AC10687" i="1"/>
  <c r="AD10687" i="1" s="1"/>
  <c r="AC10688" i="1"/>
  <c r="AC10689" i="1"/>
  <c r="AC10690" i="1"/>
  <c r="AC10691" i="1"/>
  <c r="AC10692" i="1"/>
  <c r="AC10693" i="1"/>
  <c r="AC10694" i="1"/>
  <c r="AC10695" i="1"/>
  <c r="AC10696" i="1"/>
  <c r="AC10697" i="1"/>
  <c r="AC10698" i="1"/>
  <c r="AC10699" i="1"/>
  <c r="AD10699" i="1" s="1"/>
  <c r="AC10700" i="1"/>
  <c r="AC10701" i="1"/>
  <c r="AC10702" i="1"/>
  <c r="AC10703" i="1"/>
  <c r="AC10704" i="1"/>
  <c r="AC10705" i="1"/>
  <c r="AC10706" i="1"/>
  <c r="AC10707" i="1"/>
  <c r="AC10708" i="1"/>
  <c r="AC10709" i="1"/>
  <c r="AC10710" i="1"/>
  <c r="AC10711" i="1"/>
  <c r="AD10711" i="1" s="1"/>
  <c r="AC10712" i="1"/>
  <c r="AC10713" i="1"/>
  <c r="AC10714" i="1"/>
  <c r="AC10715" i="1"/>
  <c r="AC10716" i="1"/>
  <c r="AC10717" i="1"/>
  <c r="AC10718" i="1"/>
  <c r="AC10719" i="1"/>
  <c r="AC10720" i="1"/>
  <c r="AC10721" i="1"/>
  <c r="AC10722" i="1"/>
  <c r="AC10723" i="1"/>
  <c r="AD10723" i="1" s="1"/>
  <c r="AC10724" i="1"/>
  <c r="AC10725" i="1"/>
  <c r="AC10726" i="1"/>
  <c r="AC10727" i="1"/>
  <c r="AC10728" i="1"/>
  <c r="AC10729" i="1"/>
  <c r="AC10730" i="1"/>
  <c r="AC10731" i="1"/>
  <c r="AC10732" i="1"/>
  <c r="AC10733" i="1"/>
  <c r="AC10734" i="1"/>
  <c r="AC10735" i="1"/>
  <c r="AD10735" i="1" s="1"/>
  <c r="AC10736" i="1"/>
  <c r="AC10737" i="1"/>
  <c r="AC10738" i="1"/>
  <c r="AC10739" i="1"/>
  <c r="AC10740" i="1"/>
  <c r="AC10741" i="1"/>
  <c r="AC10742" i="1"/>
  <c r="AC10743" i="1"/>
  <c r="AC10744" i="1"/>
  <c r="AC10745" i="1"/>
  <c r="AC10746" i="1"/>
  <c r="AC10747" i="1"/>
  <c r="AD10747" i="1" s="1"/>
  <c r="AC10748" i="1"/>
  <c r="AC10749" i="1"/>
  <c r="AC10750" i="1"/>
  <c r="AC10751" i="1"/>
  <c r="AC10752" i="1"/>
  <c r="AC10753" i="1"/>
  <c r="AC10754" i="1"/>
  <c r="AC10755" i="1"/>
  <c r="AC10756" i="1"/>
  <c r="AC10757" i="1"/>
  <c r="AC10758" i="1"/>
  <c r="AC10759" i="1"/>
  <c r="AD10759" i="1" s="1"/>
  <c r="AC10760" i="1"/>
  <c r="AC10761" i="1"/>
  <c r="AC10762" i="1"/>
  <c r="AC10763" i="1"/>
  <c r="AC10764" i="1"/>
  <c r="AC10765" i="1"/>
  <c r="AC10766" i="1"/>
  <c r="AC10767" i="1"/>
  <c r="AC10768" i="1"/>
  <c r="AC10769" i="1"/>
  <c r="AC10770" i="1"/>
  <c r="AC10771" i="1"/>
  <c r="AD10771" i="1" s="1"/>
  <c r="AC10772" i="1"/>
  <c r="AC10773" i="1"/>
  <c r="AC10774" i="1"/>
  <c r="AC10775" i="1"/>
  <c r="AC10776" i="1"/>
  <c r="AC10777" i="1"/>
  <c r="AC10778" i="1"/>
  <c r="AC10779" i="1"/>
  <c r="AC10780" i="1"/>
  <c r="AC10781" i="1"/>
  <c r="AC10782" i="1"/>
  <c r="AC10783" i="1"/>
  <c r="AD10783" i="1" s="1"/>
  <c r="AC10784" i="1"/>
  <c r="AC10785" i="1"/>
  <c r="AC10786" i="1"/>
  <c r="AC10787" i="1"/>
  <c r="AC10788" i="1"/>
  <c r="AC10789" i="1"/>
  <c r="AC10790" i="1"/>
  <c r="AC10791" i="1"/>
  <c r="AC10792" i="1"/>
  <c r="AC10793" i="1"/>
  <c r="AC10794" i="1"/>
  <c r="AC10795" i="1"/>
  <c r="AD10795" i="1" s="1"/>
  <c r="AC10796" i="1"/>
  <c r="AC10797" i="1"/>
  <c r="AC10798" i="1"/>
  <c r="AC10799" i="1"/>
  <c r="AC10800" i="1"/>
  <c r="AC10801" i="1"/>
  <c r="AC10802" i="1"/>
  <c r="AC10803" i="1"/>
  <c r="AC10804" i="1"/>
  <c r="AC10805" i="1"/>
  <c r="AC10806" i="1"/>
  <c r="AC10807" i="1"/>
  <c r="AD10807" i="1" s="1"/>
  <c r="AC10808" i="1"/>
  <c r="AC10809" i="1"/>
  <c r="AC10810" i="1"/>
  <c r="AC10811" i="1"/>
  <c r="AC10812" i="1"/>
  <c r="AC10813" i="1"/>
  <c r="AC10814" i="1"/>
  <c r="AC10815" i="1"/>
  <c r="AC10816" i="1"/>
  <c r="AC10817" i="1"/>
  <c r="AC10818" i="1"/>
  <c r="AC10819" i="1"/>
  <c r="AD10819" i="1" s="1"/>
  <c r="AC10820" i="1"/>
  <c r="AC10821" i="1"/>
  <c r="AC10822" i="1"/>
  <c r="AC10823" i="1"/>
  <c r="AC10824" i="1"/>
  <c r="AC10825" i="1"/>
  <c r="AC10826" i="1"/>
  <c r="AC10827" i="1"/>
  <c r="AC10828" i="1"/>
  <c r="AC10829" i="1"/>
  <c r="AC10830" i="1"/>
  <c r="AC10831" i="1"/>
  <c r="AD10831" i="1" s="1"/>
  <c r="AC10832" i="1"/>
  <c r="AC10833" i="1"/>
  <c r="AC10834" i="1"/>
  <c r="AC10835" i="1"/>
  <c r="AC10836" i="1"/>
  <c r="AC10837" i="1"/>
  <c r="AC10838" i="1"/>
  <c r="AC10839" i="1"/>
  <c r="AC10840" i="1"/>
  <c r="AC10841" i="1"/>
  <c r="AC10842" i="1"/>
  <c r="AC10843" i="1"/>
  <c r="AD10843" i="1" s="1"/>
  <c r="AC10844" i="1"/>
  <c r="AC10845" i="1"/>
  <c r="AC10846" i="1"/>
  <c r="AC10847" i="1"/>
  <c r="AC10848" i="1"/>
  <c r="AC10849" i="1"/>
  <c r="AC10850" i="1"/>
  <c r="AC10851" i="1"/>
  <c r="AC10852" i="1"/>
  <c r="AC10853" i="1"/>
  <c r="AC10854" i="1"/>
  <c r="AC10855" i="1"/>
  <c r="AD10855" i="1" s="1"/>
  <c r="AC10856" i="1"/>
  <c r="AC10857" i="1"/>
  <c r="AC10858" i="1"/>
  <c r="AC10859" i="1"/>
  <c r="AC10860" i="1"/>
  <c r="AC10861" i="1"/>
  <c r="AC10862" i="1"/>
  <c r="AC10863" i="1"/>
  <c r="AC10864" i="1"/>
  <c r="AC10865" i="1"/>
  <c r="AC10866" i="1"/>
  <c r="AC10867" i="1"/>
  <c r="AD10867" i="1" s="1"/>
  <c r="AC10868" i="1"/>
  <c r="AC10869" i="1"/>
  <c r="AC10870" i="1"/>
  <c r="AC10871" i="1"/>
  <c r="AC10872" i="1"/>
  <c r="AC10873" i="1"/>
  <c r="AC10874" i="1"/>
  <c r="AC10875" i="1"/>
  <c r="AC10876" i="1"/>
  <c r="AC10877" i="1"/>
  <c r="AC10878" i="1"/>
  <c r="AC10879" i="1"/>
  <c r="AD10879" i="1" s="1"/>
  <c r="AC10880" i="1"/>
  <c r="AC10881" i="1"/>
  <c r="AC10882" i="1"/>
  <c r="AC10883" i="1"/>
  <c r="AC10884" i="1"/>
  <c r="AC10885" i="1"/>
  <c r="AC10886" i="1"/>
  <c r="AC10887" i="1"/>
  <c r="AC10888" i="1"/>
  <c r="AC10889" i="1"/>
  <c r="AC10890" i="1"/>
  <c r="AC10891" i="1"/>
  <c r="AD10891" i="1" s="1"/>
  <c r="AC10892" i="1"/>
  <c r="AC10893" i="1"/>
  <c r="AC10894" i="1"/>
  <c r="AC10895" i="1"/>
  <c r="AC10896" i="1"/>
  <c r="AC10897" i="1"/>
  <c r="AC10898" i="1"/>
  <c r="AC10899" i="1"/>
  <c r="AC10900" i="1"/>
  <c r="AC10901" i="1"/>
  <c r="AC10902" i="1"/>
  <c r="AC10903" i="1"/>
  <c r="AD10903" i="1" s="1"/>
  <c r="AC10904" i="1"/>
  <c r="AC10905" i="1"/>
  <c r="AC10906" i="1"/>
  <c r="AC10907" i="1"/>
  <c r="AC10908" i="1"/>
  <c r="AC10909" i="1"/>
  <c r="AC10910" i="1"/>
  <c r="AC10911" i="1"/>
  <c r="AC10912" i="1"/>
  <c r="AC10913" i="1"/>
  <c r="AC10914" i="1"/>
  <c r="AC10915" i="1"/>
  <c r="AD10915" i="1" s="1"/>
  <c r="AC10916" i="1"/>
  <c r="AC10917" i="1"/>
  <c r="AC10918" i="1"/>
  <c r="AC10919" i="1"/>
  <c r="AC10920" i="1"/>
  <c r="AC10921" i="1"/>
  <c r="AC10922" i="1"/>
  <c r="AC10923" i="1"/>
  <c r="AC10924" i="1"/>
  <c r="AC10925" i="1"/>
  <c r="AC10926" i="1"/>
  <c r="AC10927" i="1"/>
  <c r="AD10927" i="1" s="1"/>
  <c r="AC10928" i="1"/>
  <c r="AC10929" i="1"/>
  <c r="AC10930" i="1"/>
  <c r="AC10931" i="1"/>
  <c r="AC10932" i="1"/>
  <c r="AC10933" i="1"/>
  <c r="AC10934" i="1"/>
  <c r="AC10935" i="1"/>
  <c r="AC10936" i="1"/>
  <c r="AC10937" i="1"/>
  <c r="AC10938" i="1"/>
  <c r="AC10939" i="1"/>
  <c r="AD10939" i="1" s="1"/>
  <c r="AC10940" i="1"/>
  <c r="AC10941" i="1"/>
  <c r="AC10942" i="1"/>
  <c r="AC10943" i="1"/>
  <c r="AC10944" i="1"/>
  <c r="AC10945" i="1"/>
  <c r="AC10946" i="1"/>
  <c r="AC10947" i="1"/>
  <c r="AC10948" i="1"/>
  <c r="AC10949" i="1"/>
  <c r="AC10950" i="1"/>
  <c r="AC10951" i="1"/>
  <c r="AD10951" i="1" s="1"/>
  <c r="AC10952" i="1"/>
  <c r="AC10953" i="1"/>
  <c r="AC10954" i="1"/>
  <c r="AC10955" i="1"/>
  <c r="AC10956" i="1"/>
  <c r="AC10957" i="1"/>
  <c r="AC10958" i="1"/>
  <c r="AC10959" i="1"/>
  <c r="AC10960" i="1"/>
  <c r="AC10961" i="1"/>
  <c r="AC10962" i="1"/>
  <c r="AC10963" i="1"/>
  <c r="AD10963" i="1" s="1"/>
  <c r="AC10964" i="1"/>
  <c r="AC10965" i="1"/>
  <c r="AC10966" i="1"/>
  <c r="AC10967" i="1"/>
  <c r="AC10968" i="1"/>
  <c r="AC10969" i="1"/>
  <c r="AC10970" i="1"/>
  <c r="AC10971" i="1"/>
  <c r="AC10972" i="1"/>
  <c r="AC10973" i="1"/>
  <c r="AC10974" i="1"/>
  <c r="AC10975" i="1"/>
  <c r="AD10975" i="1" s="1"/>
  <c r="AC10976" i="1"/>
  <c r="AC10977" i="1"/>
  <c r="AC10978" i="1"/>
  <c r="AC10979" i="1"/>
  <c r="AC10980" i="1"/>
  <c r="AC10981" i="1"/>
  <c r="AC10982" i="1"/>
  <c r="AC10983" i="1"/>
  <c r="AC10984" i="1"/>
  <c r="AC10985" i="1"/>
  <c r="AC10986" i="1"/>
  <c r="AC10987" i="1"/>
  <c r="AD10987" i="1" s="1"/>
  <c r="AC10988" i="1"/>
  <c r="AC10989" i="1"/>
  <c r="AC10990" i="1"/>
  <c r="AC10991" i="1"/>
  <c r="AC10992" i="1"/>
  <c r="AC10993" i="1"/>
  <c r="AC10994" i="1"/>
  <c r="AC10995" i="1"/>
  <c r="AC10996" i="1"/>
  <c r="AC10997" i="1"/>
  <c r="AC10998" i="1"/>
  <c r="AC10999" i="1"/>
  <c r="AD10999" i="1" s="1"/>
  <c r="AC11000" i="1"/>
  <c r="AC11001" i="1"/>
  <c r="AC11002" i="1"/>
  <c r="AC11003" i="1"/>
  <c r="AC11004" i="1"/>
  <c r="AC11005" i="1"/>
  <c r="AC11006" i="1"/>
  <c r="AC11007" i="1"/>
  <c r="AC11008" i="1"/>
  <c r="AC11009" i="1"/>
  <c r="AC11010" i="1"/>
  <c r="AC11011" i="1"/>
  <c r="AD11011" i="1" s="1"/>
  <c r="AC11012" i="1"/>
  <c r="AC11013" i="1"/>
  <c r="AC11014" i="1"/>
  <c r="AC11015" i="1"/>
  <c r="AC11016" i="1"/>
  <c r="AC11017" i="1"/>
  <c r="AC11018" i="1"/>
  <c r="AC11019" i="1"/>
  <c r="AC11020" i="1"/>
  <c r="AC11021" i="1"/>
  <c r="AC11022" i="1"/>
  <c r="AC11023" i="1"/>
  <c r="AD11023" i="1" s="1"/>
  <c r="AC11024" i="1"/>
  <c r="AC11025" i="1"/>
  <c r="AC11026" i="1"/>
  <c r="AC11027" i="1"/>
  <c r="AC11028" i="1"/>
  <c r="AC11029" i="1"/>
  <c r="AC11030" i="1"/>
  <c r="AC11031" i="1"/>
  <c r="AC11032" i="1"/>
  <c r="AC11033" i="1"/>
  <c r="AC11034" i="1"/>
  <c r="AC11035" i="1"/>
  <c r="AD11035" i="1" s="1"/>
  <c r="AC11036" i="1"/>
  <c r="AC11037" i="1"/>
  <c r="AC11038" i="1"/>
  <c r="AC11039" i="1"/>
  <c r="AC11040" i="1"/>
  <c r="AC11041" i="1"/>
  <c r="AC11042" i="1"/>
  <c r="AC11043" i="1"/>
  <c r="AC11044" i="1"/>
  <c r="AC11045" i="1"/>
  <c r="AC11046" i="1"/>
  <c r="AC11047" i="1"/>
  <c r="AD11047" i="1" s="1"/>
  <c r="AC11048" i="1"/>
  <c r="AC11049" i="1"/>
  <c r="AC11050" i="1"/>
  <c r="AC11051" i="1"/>
  <c r="AC11052" i="1"/>
  <c r="AC11053" i="1"/>
  <c r="AC11054" i="1"/>
  <c r="AC11055" i="1"/>
  <c r="AC11056" i="1"/>
  <c r="AC11057" i="1"/>
  <c r="AC11058" i="1"/>
  <c r="AC11059" i="1"/>
  <c r="AD11059" i="1" s="1"/>
  <c r="AC11060" i="1"/>
  <c r="AC11061" i="1"/>
  <c r="AC11062" i="1"/>
  <c r="AC11063" i="1"/>
  <c r="AC11064" i="1"/>
  <c r="AC11065" i="1"/>
  <c r="AC11066" i="1"/>
  <c r="AC11067" i="1"/>
  <c r="AC11068" i="1"/>
  <c r="AC11069" i="1"/>
  <c r="AC11070" i="1"/>
  <c r="AC11071" i="1"/>
  <c r="AD11071" i="1" s="1"/>
  <c r="AC11072" i="1"/>
  <c r="AC11073" i="1"/>
  <c r="AC11074" i="1"/>
  <c r="AC11075" i="1"/>
  <c r="AC11076" i="1"/>
  <c r="AC11077" i="1"/>
  <c r="AC11078" i="1"/>
  <c r="AC11079" i="1"/>
  <c r="AC11080" i="1"/>
  <c r="AC11081" i="1"/>
  <c r="AC11082" i="1"/>
  <c r="AC11083" i="1"/>
  <c r="AD11083" i="1" s="1"/>
  <c r="AC11084" i="1"/>
  <c r="AC11085" i="1"/>
  <c r="AC11086" i="1"/>
  <c r="AC11087" i="1"/>
  <c r="AC11088" i="1"/>
  <c r="AC11089" i="1"/>
  <c r="AC11090" i="1"/>
  <c r="AC11091" i="1"/>
  <c r="AC11092" i="1"/>
  <c r="AC11093" i="1"/>
  <c r="AC11094" i="1"/>
  <c r="AC11095" i="1"/>
  <c r="AD11095" i="1" s="1"/>
  <c r="AC11096" i="1"/>
  <c r="AC11097" i="1"/>
  <c r="AC11098" i="1"/>
  <c r="AC11099" i="1"/>
  <c r="AC11100" i="1"/>
  <c r="AC11101" i="1"/>
  <c r="AC11102" i="1"/>
  <c r="AC11103" i="1"/>
  <c r="AC11104" i="1"/>
  <c r="AC11105" i="1"/>
  <c r="AC11106" i="1"/>
  <c r="AC11107" i="1"/>
  <c r="AD11107" i="1" s="1"/>
  <c r="AC11108" i="1"/>
  <c r="AC11109" i="1"/>
  <c r="AC11110" i="1"/>
  <c r="AC11111" i="1"/>
  <c r="AC11112" i="1"/>
  <c r="AC11113" i="1"/>
  <c r="AC11114" i="1"/>
  <c r="AC11115" i="1"/>
  <c r="AC11116" i="1"/>
  <c r="AC11117" i="1"/>
  <c r="AC11118" i="1"/>
  <c r="AC11119" i="1"/>
  <c r="AD11119" i="1" s="1"/>
  <c r="AC11120" i="1"/>
  <c r="AC11121" i="1"/>
  <c r="AC11122" i="1"/>
  <c r="AC11123" i="1"/>
  <c r="AC11124" i="1"/>
  <c r="AC11125" i="1"/>
  <c r="AC11126" i="1"/>
  <c r="AC11127" i="1"/>
  <c r="AC11128" i="1"/>
  <c r="AC11129" i="1"/>
  <c r="AC11130" i="1"/>
  <c r="AC11131" i="1"/>
  <c r="AD11131" i="1" s="1"/>
  <c r="AC11132" i="1"/>
  <c r="AC11133" i="1"/>
  <c r="AC11134" i="1"/>
  <c r="AC11135" i="1"/>
  <c r="AC11136" i="1"/>
  <c r="AC11137" i="1"/>
  <c r="AC11138" i="1"/>
  <c r="AC11139" i="1"/>
  <c r="AC11140" i="1"/>
  <c r="AC11141" i="1"/>
  <c r="AC11142" i="1"/>
  <c r="AC11143" i="1"/>
  <c r="AD11143" i="1" s="1"/>
  <c r="AC11144" i="1"/>
  <c r="AC11145" i="1"/>
  <c r="AC11146" i="1"/>
  <c r="AC11147" i="1"/>
  <c r="AC11148" i="1"/>
  <c r="AC11149" i="1"/>
  <c r="AC11150" i="1"/>
  <c r="AC11151" i="1"/>
  <c r="AC11152" i="1"/>
  <c r="AC11153" i="1"/>
  <c r="AC11154" i="1"/>
  <c r="AC11155" i="1"/>
  <c r="AD11155" i="1" s="1"/>
  <c r="AC11156" i="1"/>
  <c r="AC11157" i="1"/>
  <c r="AC11158" i="1"/>
  <c r="AC11159" i="1"/>
  <c r="AC11160" i="1"/>
  <c r="AC11161" i="1"/>
  <c r="AC11162" i="1"/>
  <c r="AC11163" i="1"/>
  <c r="AC11164" i="1"/>
  <c r="AC11165" i="1"/>
  <c r="AC11166" i="1"/>
  <c r="AC11167" i="1"/>
  <c r="AD11167" i="1" s="1"/>
  <c r="AC11168" i="1"/>
  <c r="AC11169" i="1"/>
  <c r="AC11170" i="1"/>
  <c r="AC11171" i="1"/>
  <c r="AC11172" i="1"/>
  <c r="AC11173" i="1"/>
  <c r="AC11174" i="1"/>
  <c r="AC11175" i="1"/>
  <c r="AC11176" i="1"/>
  <c r="AC11177" i="1"/>
  <c r="AC11178" i="1"/>
  <c r="AC11179" i="1"/>
  <c r="AD11179" i="1" s="1"/>
  <c r="AC11180" i="1"/>
  <c r="AC11181" i="1"/>
  <c r="AC11182" i="1"/>
  <c r="AC11183" i="1"/>
  <c r="AC11184" i="1"/>
  <c r="AC11185" i="1"/>
  <c r="AC11186" i="1"/>
  <c r="AC11187" i="1"/>
  <c r="AC11188" i="1"/>
  <c r="AC11189" i="1"/>
  <c r="AC11190" i="1"/>
  <c r="AC11191" i="1"/>
  <c r="AD11191" i="1" s="1"/>
  <c r="AC11192" i="1"/>
  <c r="AC11193" i="1"/>
  <c r="AC11194" i="1"/>
  <c r="AC11195" i="1"/>
  <c r="AC11196" i="1"/>
  <c r="AC11197" i="1"/>
  <c r="AC11198" i="1"/>
  <c r="AC11199" i="1"/>
  <c r="AC11200" i="1"/>
  <c r="AC11201" i="1"/>
  <c r="AC11202" i="1"/>
  <c r="AC11203" i="1"/>
  <c r="AD11203" i="1" s="1"/>
  <c r="AC11204" i="1"/>
  <c r="AC11205" i="1"/>
  <c r="AC11206" i="1"/>
  <c r="AC11207" i="1"/>
  <c r="AC11208" i="1"/>
  <c r="AC11209" i="1"/>
  <c r="AC11210" i="1"/>
  <c r="AC11211" i="1"/>
  <c r="AC11212" i="1"/>
  <c r="AC11213" i="1"/>
  <c r="AC11214" i="1"/>
  <c r="AC11215" i="1"/>
  <c r="AD11215" i="1" s="1"/>
  <c r="AC11216" i="1"/>
  <c r="AC11217" i="1"/>
  <c r="AC11218" i="1"/>
  <c r="AC11219" i="1"/>
  <c r="AC11220" i="1"/>
  <c r="AC11221" i="1"/>
  <c r="AC11222" i="1"/>
  <c r="AC11223" i="1"/>
  <c r="AC11224" i="1"/>
  <c r="AC11225" i="1"/>
  <c r="AC11226" i="1"/>
  <c r="AC11227" i="1"/>
  <c r="AD11227" i="1" s="1"/>
  <c r="AC11228" i="1"/>
  <c r="AC11229" i="1"/>
  <c r="AC11230" i="1"/>
  <c r="AC11231" i="1"/>
  <c r="AC11232" i="1"/>
  <c r="AC11233" i="1"/>
  <c r="AC11234" i="1"/>
  <c r="AC11235" i="1"/>
  <c r="AC11236" i="1"/>
  <c r="AC11237" i="1"/>
  <c r="AC11238" i="1"/>
  <c r="AC11239" i="1"/>
  <c r="AD11239" i="1" s="1"/>
  <c r="AC11240" i="1"/>
  <c r="AC11241" i="1"/>
  <c r="AC11242" i="1"/>
  <c r="AC11243" i="1"/>
  <c r="AC11244" i="1"/>
  <c r="AC11245" i="1"/>
  <c r="AC11246" i="1"/>
  <c r="AC11247" i="1"/>
  <c r="AC11248" i="1"/>
  <c r="AC11249" i="1"/>
  <c r="AC11250" i="1"/>
  <c r="AC11251" i="1"/>
  <c r="AD11251" i="1" s="1"/>
  <c r="AC11252" i="1"/>
  <c r="AC11253" i="1"/>
  <c r="AC11254" i="1"/>
  <c r="AC11255" i="1"/>
  <c r="AC11256" i="1"/>
  <c r="AC11257" i="1"/>
  <c r="AC11258" i="1"/>
  <c r="AC11259" i="1"/>
  <c r="AC11260" i="1"/>
  <c r="AC11261" i="1"/>
  <c r="AC11262" i="1"/>
  <c r="AC11263" i="1"/>
  <c r="AD11263" i="1" s="1"/>
  <c r="AC11264" i="1"/>
  <c r="AC11265" i="1"/>
  <c r="AC11266" i="1"/>
  <c r="AC11267" i="1"/>
  <c r="AC11268" i="1"/>
  <c r="AC11269" i="1"/>
  <c r="AC11270" i="1"/>
  <c r="AC11271" i="1"/>
  <c r="AC11272" i="1"/>
  <c r="AC11273" i="1"/>
  <c r="AC11274" i="1"/>
  <c r="AC11275" i="1"/>
  <c r="AD11275" i="1" s="1"/>
  <c r="AC11276" i="1"/>
  <c r="AC11277" i="1"/>
  <c r="AC11278" i="1"/>
  <c r="AC11279" i="1"/>
  <c r="AC11280" i="1"/>
  <c r="AC11281" i="1"/>
  <c r="AC11282" i="1"/>
  <c r="AC11283" i="1"/>
  <c r="AC11284" i="1"/>
  <c r="AC11285" i="1"/>
  <c r="AC11286" i="1"/>
  <c r="AC11287" i="1"/>
  <c r="AD11287" i="1" s="1"/>
  <c r="AC11288" i="1"/>
  <c r="AC11289" i="1"/>
  <c r="AC11290" i="1"/>
  <c r="AC11291" i="1"/>
  <c r="AC11292" i="1"/>
  <c r="AC11293" i="1"/>
  <c r="AC11294" i="1"/>
  <c r="AC11295" i="1"/>
  <c r="AC11296" i="1"/>
  <c r="AC11297" i="1"/>
  <c r="AC11298" i="1"/>
  <c r="AC11299" i="1"/>
  <c r="AD11299" i="1" s="1"/>
  <c r="AC11300" i="1"/>
  <c r="AC11301" i="1"/>
  <c r="AC11302" i="1"/>
  <c r="AC11303" i="1"/>
  <c r="AC11304" i="1"/>
  <c r="AC11305" i="1"/>
  <c r="AC11306" i="1"/>
  <c r="AC11307" i="1"/>
  <c r="AC11308" i="1"/>
  <c r="AC11309" i="1"/>
  <c r="AC11310" i="1"/>
  <c r="AC11311" i="1"/>
  <c r="AD11311" i="1" s="1"/>
  <c r="AC11312" i="1"/>
  <c r="AC11313" i="1"/>
  <c r="AC11314" i="1"/>
  <c r="AC11315" i="1"/>
  <c r="AC11316" i="1"/>
  <c r="AC11317" i="1"/>
  <c r="AC11318" i="1"/>
  <c r="AC11319" i="1"/>
  <c r="AC11320" i="1"/>
  <c r="AC11321" i="1"/>
  <c r="AC11322" i="1"/>
  <c r="AC11323" i="1"/>
  <c r="AD11323" i="1" s="1"/>
  <c r="AC11324" i="1"/>
  <c r="AC11325" i="1"/>
  <c r="AC11326" i="1"/>
  <c r="AC11327" i="1"/>
  <c r="AC11328" i="1"/>
  <c r="AC11329" i="1"/>
  <c r="AC11330" i="1"/>
  <c r="AC11331" i="1"/>
  <c r="AC11332" i="1"/>
  <c r="AC11333" i="1"/>
  <c r="AC11334" i="1"/>
  <c r="AC11335" i="1"/>
  <c r="AD11335" i="1" s="1"/>
  <c r="AC11336" i="1"/>
  <c r="AC11337" i="1"/>
  <c r="AC11338" i="1"/>
  <c r="AC11339" i="1"/>
  <c r="AC11340" i="1"/>
  <c r="AC11341" i="1"/>
  <c r="AC11342" i="1"/>
  <c r="AC11343" i="1"/>
  <c r="AC11344" i="1"/>
  <c r="AC11345" i="1"/>
  <c r="AC11346" i="1"/>
  <c r="AC11347" i="1"/>
  <c r="AD11347" i="1" s="1"/>
  <c r="AC11348" i="1"/>
  <c r="AC11349" i="1"/>
  <c r="AC11350" i="1"/>
  <c r="AC11351" i="1"/>
  <c r="AC11352" i="1"/>
  <c r="AC11353" i="1"/>
  <c r="AC11354" i="1"/>
  <c r="AC11355" i="1"/>
  <c r="AC11356" i="1"/>
  <c r="AC11357" i="1"/>
  <c r="AC11358" i="1"/>
  <c r="AC11359" i="1"/>
  <c r="AD11359" i="1" s="1"/>
  <c r="AC11360" i="1"/>
  <c r="AC11361" i="1"/>
  <c r="AC11362" i="1"/>
  <c r="AC11363" i="1"/>
  <c r="AC11364" i="1"/>
  <c r="AC11365" i="1"/>
  <c r="AC11366" i="1"/>
  <c r="AC11367" i="1"/>
  <c r="AC11368" i="1"/>
  <c r="AC11369" i="1"/>
  <c r="AC11370" i="1"/>
  <c r="AC11371" i="1"/>
  <c r="AD11371" i="1" s="1"/>
  <c r="AC11372" i="1"/>
  <c r="AC11373" i="1"/>
  <c r="AC11374" i="1"/>
  <c r="AC11375" i="1"/>
  <c r="AC11376" i="1"/>
  <c r="AC11377" i="1"/>
  <c r="AC11378" i="1"/>
  <c r="AC11379" i="1"/>
  <c r="AC11380" i="1"/>
  <c r="AC11381" i="1"/>
  <c r="AC11382" i="1"/>
  <c r="AC11383" i="1"/>
  <c r="AD11383" i="1" s="1"/>
  <c r="AC11384" i="1"/>
  <c r="AC11385" i="1"/>
  <c r="AC11386" i="1"/>
  <c r="AC11387" i="1"/>
  <c r="AC11388" i="1"/>
  <c r="AC11389" i="1"/>
  <c r="AC11390" i="1"/>
  <c r="AC11391" i="1"/>
  <c r="AC11392" i="1"/>
  <c r="AC11393" i="1"/>
  <c r="AC11394" i="1"/>
  <c r="AC11395" i="1"/>
  <c r="AD11395" i="1" s="1"/>
  <c r="AC11396" i="1"/>
  <c r="AC11397" i="1"/>
  <c r="AC11398" i="1"/>
  <c r="AC11399" i="1"/>
  <c r="AC11400" i="1"/>
  <c r="AC11401" i="1"/>
  <c r="AC11402" i="1"/>
  <c r="AC11403" i="1"/>
  <c r="AC11404" i="1"/>
  <c r="AC11405" i="1"/>
  <c r="AC11406" i="1"/>
  <c r="AC11407" i="1"/>
  <c r="AD11407" i="1" s="1"/>
  <c r="AC11408" i="1"/>
  <c r="AC11409" i="1"/>
  <c r="AC11410" i="1"/>
  <c r="AC11411" i="1"/>
  <c r="AC11412" i="1"/>
  <c r="AC11413" i="1"/>
  <c r="AC11414" i="1"/>
  <c r="AC11415" i="1"/>
  <c r="AC11416" i="1"/>
  <c r="AC11417" i="1"/>
  <c r="AC11418" i="1"/>
  <c r="AC11419" i="1"/>
  <c r="AD11419" i="1" s="1"/>
  <c r="AC11420" i="1"/>
  <c r="AC11421" i="1"/>
  <c r="AC11422" i="1"/>
  <c r="AC11423" i="1"/>
  <c r="AC11424" i="1"/>
  <c r="AC11425" i="1"/>
  <c r="AC11426" i="1"/>
  <c r="AC11427" i="1"/>
  <c r="AC11428" i="1"/>
  <c r="AC11429" i="1"/>
  <c r="AC11430" i="1"/>
  <c r="AC11431" i="1"/>
  <c r="AD11431" i="1" s="1"/>
  <c r="AC11432" i="1"/>
  <c r="AC11433" i="1"/>
  <c r="AC11434" i="1"/>
  <c r="AC11435" i="1"/>
  <c r="AC11436" i="1"/>
  <c r="AC11437" i="1"/>
  <c r="AC11438" i="1"/>
  <c r="AC11439" i="1"/>
  <c r="AC11440" i="1"/>
  <c r="AC11441" i="1"/>
  <c r="AC11442" i="1"/>
  <c r="AC11443" i="1"/>
  <c r="AD11443" i="1" s="1"/>
  <c r="AC11444" i="1"/>
  <c r="AC11445" i="1"/>
  <c r="AC11446" i="1"/>
  <c r="AC11447" i="1"/>
  <c r="AC11448" i="1"/>
  <c r="AC11449" i="1"/>
  <c r="AC11450" i="1"/>
  <c r="AC11451" i="1"/>
  <c r="AC11452" i="1"/>
  <c r="AC11453" i="1"/>
  <c r="AC11454" i="1"/>
  <c r="AC11455" i="1"/>
  <c r="AD11455" i="1" s="1"/>
  <c r="AC11456" i="1"/>
  <c r="AC11457" i="1"/>
  <c r="AC11458" i="1"/>
  <c r="AC11459" i="1"/>
  <c r="AC11460" i="1"/>
  <c r="AC11461" i="1"/>
  <c r="AC11462" i="1"/>
  <c r="AC11463" i="1"/>
  <c r="AC11464" i="1"/>
  <c r="AC11465" i="1"/>
  <c r="AC11466" i="1"/>
  <c r="AC11467" i="1"/>
  <c r="AD11467" i="1" s="1"/>
  <c r="AC11468" i="1"/>
  <c r="AC11469" i="1"/>
  <c r="AC11470" i="1"/>
  <c r="AC11471" i="1"/>
  <c r="AC11472" i="1"/>
  <c r="AC11473" i="1"/>
  <c r="AC11474" i="1"/>
  <c r="AC11475" i="1"/>
  <c r="AC11476" i="1"/>
  <c r="AC11477" i="1"/>
  <c r="AC11478" i="1"/>
  <c r="AC11479" i="1"/>
  <c r="AD11479" i="1" s="1"/>
  <c r="AC11480" i="1"/>
  <c r="AC11481" i="1"/>
  <c r="AC11482" i="1"/>
  <c r="AC11483" i="1"/>
  <c r="AC11484" i="1"/>
  <c r="AC11485" i="1"/>
  <c r="AC11486" i="1"/>
  <c r="AC11487" i="1"/>
  <c r="AC11488" i="1"/>
  <c r="AC11489" i="1"/>
  <c r="AC11490" i="1"/>
  <c r="AC11491" i="1"/>
  <c r="AD11491" i="1" s="1"/>
  <c r="AC11492" i="1"/>
  <c r="AC11493" i="1"/>
  <c r="AC11494" i="1"/>
  <c r="AC11495" i="1"/>
  <c r="AC11496" i="1"/>
  <c r="AC11497" i="1"/>
  <c r="AC11498" i="1"/>
  <c r="AC11499" i="1"/>
  <c r="AC11500" i="1"/>
  <c r="AC11501" i="1"/>
  <c r="AC11502" i="1"/>
  <c r="AC11503" i="1"/>
  <c r="AD11503" i="1" s="1"/>
  <c r="AC11504" i="1"/>
  <c r="AC11505" i="1"/>
  <c r="AC11506" i="1"/>
  <c r="AC11507" i="1"/>
  <c r="AC11508" i="1"/>
  <c r="AC11509" i="1"/>
  <c r="AC11510" i="1"/>
  <c r="AC11511" i="1"/>
  <c r="AC11512" i="1"/>
  <c r="AC11513" i="1"/>
  <c r="AC11514" i="1"/>
  <c r="AC11515" i="1"/>
  <c r="AD11515" i="1" s="1"/>
  <c r="AC11516" i="1"/>
  <c r="AC11517" i="1"/>
  <c r="AC11518" i="1"/>
  <c r="AC11519" i="1"/>
  <c r="AC11520" i="1"/>
  <c r="AC11521" i="1"/>
  <c r="AC11522" i="1"/>
  <c r="AC11523" i="1"/>
  <c r="AC11524" i="1"/>
  <c r="AC11525" i="1"/>
  <c r="AC11526" i="1"/>
  <c r="AC11527" i="1"/>
  <c r="AD11527" i="1" s="1"/>
  <c r="AC11528" i="1"/>
  <c r="AC11529" i="1"/>
  <c r="AC11530" i="1"/>
  <c r="AC11531" i="1"/>
  <c r="AC11532" i="1"/>
  <c r="AC11533" i="1"/>
  <c r="AC11534" i="1"/>
  <c r="AC11535" i="1"/>
  <c r="AC11536" i="1"/>
  <c r="AC11537" i="1"/>
  <c r="AC11538" i="1"/>
  <c r="AC11539" i="1"/>
  <c r="AD11539" i="1" s="1"/>
  <c r="AC11540" i="1"/>
  <c r="AC11541" i="1"/>
  <c r="AC11542" i="1"/>
  <c r="AC11543" i="1"/>
  <c r="AC11544" i="1"/>
  <c r="AC11545" i="1"/>
  <c r="AC11546" i="1"/>
  <c r="AC11547" i="1"/>
  <c r="AC11548" i="1"/>
  <c r="AC11549" i="1"/>
  <c r="AC11550" i="1"/>
  <c r="AC11551" i="1"/>
  <c r="AD11551" i="1" s="1"/>
  <c r="AC11552" i="1"/>
  <c r="AC11553" i="1"/>
  <c r="AC11554" i="1"/>
  <c r="AC11555" i="1"/>
  <c r="AC11556" i="1"/>
  <c r="AC11557" i="1"/>
  <c r="AC11558" i="1"/>
  <c r="AC11559" i="1"/>
  <c r="AC11560" i="1"/>
  <c r="AC11561" i="1"/>
  <c r="AC11562" i="1"/>
  <c r="AC11563" i="1"/>
  <c r="AD11563" i="1" s="1"/>
  <c r="AC11564" i="1"/>
  <c r="AC11565" i="1"/>
  <c r="AC11566" i="1"/>
  <c r="AC11567" i="1"/>
  <c r="AC11568" i="1"/>
  <c r="AC11569" i="1"/>
  <c r="AC11570" i="1"/>
  <c r="AC11571" i="1"/>
  <c r="AC11572" i="1"/>
  <c r="AC11573" i="1"/>
  <c r="AC11574" i="1"/>
  <c r="AC11575" i="1"/>
  <c r="AD11575" i="1" s="1"/>
  <c r="AC11576" i="1"/>
  <c r="AC11577" i="1"/>
  <c r="AC11578" i="1"/>
  <c r="AC11579" i="1"/>
  <c r="AC11580" i="1"/>
  <c r="AC11581" i="1"/>
  <c r="AC11582" i="1"/>
  <c r="AC11583" i="1"/>
  <c r="AC11584" i="1"/>
  <c r="AC11585" i="1"/>
  <c r="AC11586" i="1"/>
  <c r="AC11587" i="1"/>
  <c r="AD11587" i="1" s="1"/>
  <c r="AC11588" i="1"/>
  <c r="AC11589" i="1"/>
  <c r="AC11590" i="1"/>
  <c r="AC11591" i="1"/>
  <c r="AC11592" i="1"/>
  <c r="AC11593" i="1"/>
  <c r="AC11594" i="1"/>
  <c r="AC11595" i="1"/>
  <c r="AC11596" i="1"/>
  <c r="AC11597" i="1"/>
  <c r="AC11598" i="1"/>
  <c r="AC11599" i="1"/>
  <c r="AD11599" i="1" s="1"/>
  <c r="AC11600" i="1"/>
  <c r="AC11601" i="1"/>
  <c r="AC11602" i="1"/>
  <c r="AC11603" i="1"/>
  <c r="AC11604" i="1"/>
  <c r="AC11605" i="1"/>
  <c r="AC11606" i="1"/>
  <c r="AC11607" i="1"/>
  <c r="AC11608" i="1"/>
  <c r="AC11609" i="1"/>
  <c r="AC11610" i="1"/>
  <c r="AC11611" i="1"/>
  <c r="AD11611" i="1" s="1"/>
  <c r="AC11612" i="1"/>
  <c r="AC11613" i="1"/>
  <c r="AC11614" i="1"/>
  <c r="AC11615" i="1"/>
  <c r="AC11616" i="1"/>
  <c r="AC11617" i="1"/>
  <c r="AC11618" i="1"/>
  <c r="AC11619" i="1"/>
  <c r="AC11620" i="1"/>
  <c r="AC11621" i="1"/>
  <c r="AC11622" i="1"/>
  <c r="AC11623" i="1"/>
  <c r="AD11623" i="1" s="1"/>
  <c r="AC11624" i="1"/>
  <c r="AC11625" i="1"/>
  <c r="AC11626" i="1"/>
  <c r="AC11627" i="1"/>
  <c r="AC11628" i="1"/>
  <c r="AC11629" i="1"/>
  <c r="AC11630" i="1"/>
  <c r="AC11631" i="1"/>
  <c r="AC11632" i="1"/>
  <c r="AC11633" i="1"/>
  <c r="AC11634" i="1"/>
  <c r="AC11635" i="1"/>
  <c r="AD11635" i="1" s="1"/>
  <c r="AC11636" i="1"/>
  <c r="AC11637" i="1"/>
  <c r="AC11638" i="1"/>
  <c r="AC11639" i="1"/>
  <c r="AC11640" i="1"/>
  <c r="AC11641" i="1"/>
  <c r="AC11642" i="1"/>
  <c r="AC11643" i="1"/>
  <c r="AC11644" i="1"/>
  <c r="AC11645" i="1"/>
  <c r="AC11646" i="1"/>
  <c r="AC11647" i="1"/>
  <c r="AD11647" i="1" s="1"/>
  <c r="AC11648" i="1"/>
  <c r="AC11649" i="1"/>
  <c r="AC11650" i="1"/>
  <c r="AC11651" i="1"/>
  <c r="AC11652" i="1"/>
  <c r="AC11653" i="1"/>
  <c r="AC11654" i="1"/>
  <c r="AC11655" i="1"/>
  <c r="AC11656" i="1"/>
  <c r="AC11657" i="1"/>
  <c r="AC11658" i="1"/>
  <c r="AC11659" i="1"/>
  <c r="AD11659" i="1" s="1"/>
  <c r="AC11660" i="1"/>
  <c r="AC11661" i="1"/>
  <c r="AC11662" i="1"/>
  <c r="AC11663" i="1"/>
  <c r="AC11664" i="1"/>
  <c r="AC11665" i="1"/>
  <c r="AC11666" i="1"/>
  <c r="AC11667" i="1"/>
  <c r="AC11668" i="1"/>
  <c r="AC11669" i="1"/>
  <c r="AC11670" i="1"/>
  <c r="AC11671" i="1"/>
  <c r="AD11671" i="1" s="1"/>
  <c r="AC11672" i="1"/>
  <c r="AC11673" i="1"/>
  <c r="AC11674" i="1"/>
  <c r="AC11675" i="1"/>
  <c r="AC11676" i="1"/>
  <c r="AC11677" i="1"/>
  <c r="AC11678" i="1"/>
  <c r="AC11679" i="1"/>
  <c r="AC11680" i="1"/>
  <c r="AC11681" i="1"/>
  <c r="AC11682" i="1"/>
  <c r="AC11683" i="1"/>
  <c r="AD11683" i="1" s="1"/>
  <c r="AC11684" i="1"/>
  <c r="AC11685" i="1"/>
  <c r="AC11686" i="1"/>
  <c r="AC11687" i="1"/>
  <c r="AC11688" i="1"/>
  <c r="AC11689" i="1"/>
  <c r="AC11690" i="1"/>
  <c r="AC11691" i="1"/>
  <c r="AC11692" i="1"/>
  <c r="AC11693" i="1"/>
  <c r="AC11694" i="1"/>
  <c r="AC11695" i="1"/>
  <c r="AD11695" i="1" s="1"/>
  <c r="AC11696" i="1"/>
  <c r="AC11697" i="1"/>
  <c r="AC11698" i="1"/>
  <c r="AC11699" i="1"/>
  <c r="AC11700" i="1"/>
  <c r="AC11701" i="1"/>
  <c r="AC11702" i="1"/>
  <c r="AC11703" i="1"/>
  <c r="AC11704" i="1"/>
  <c r="AC11705" i="1"/>
  <c r="AC11706" i="1"/>
  <c r="AC11707" i="1"/>
  <c r="AD11707" i="1" s="1"/>
  <c r="AC11708" i="1"/>
  <c r="AC11709" i="1"/>
  <c r="AC11710" i="1"/>
  <c r="AC11711" i="1"/>
  <c r="AC11712" i="1"/>
  <c r="AC11713" i="1"/>
  <c r="AC11714" i="1"/>
  <c r="AC11715" i="1"/>
  <c r="AC11716" i="1"/>
  <c r="AC11717" i="1"/>
  <c r="AC11718" i="1"/>
  <c r="AC11719" i="1"/>
  <c r="AD11719" i="1" s="1"/>
  <c r="AC11720" i="1"/>
  <c r="AC11721" i="1"/>
  <c r="AC11722" i="1"/>
  <c r="AC11723" i="1"/>
  <c r="AC11724" i="1"/>
  <c r="AC11725" i="1"/>
  <c r="AC11726" i="1"/>
  <c r="AC11727" i="1"/>
  <c r="AC11728" i="1"/>
  <c r="AC11729" i="1"/>
  <c r="AC11730" i="1"/>
  <c r="AC11731" i="1"/>
  <c r="AD11731" i="1" s="1"/>
  <c r="AC11732" i="1"/>
  <c r="AC11733" i="1"/>
  <c r="AC11734" i="1"/>
  <c r="AC11735" i="1"/>
  <c r="AC11736" i="1"/>
  <c r="AC11737" i="1"/>
  <c r="AC11738" i="1"/>
  <c r="AC11739" i="1"/>
  <c r="AC11740" i="1"/>
  <c r="AC11741" i="1"/>
  <c r="AC11742" i="1"/>
  <c r="AC11743" i="1"/>
  <c r="AD11743" i="1" s="1"/>
  <c r="AC11744" i="1"/>
  <c r="AC11745" i="1"/>
  <c r="AC11746" i="1"/>
  <c r="AC11747" i="1"/>
  <c r="AC11748" i="1"/>
  <c r="AC11749" i="1"/>
  <c r="AC11750" i="1"/>
  <c r="AC11751" i="1"/>
  <c r="AC11752" i="1"/>
  <c r="AC11753" i="1"/>
  <c r="AC11754" i="1"/>
  <c r="AC11755" i="1"/>
  <c r="AD11755" i="1" s="1"/>
  <c r="AC11756" i="1"/>
  <c r="AC11757" i="1"/>
  <c r="AC11758" i="1"/>
  <c r="AC11759" i="1"/>
  <c r="AC11760" i="1"/>
  <c r="AC11761" i="1"/>
  <c r="AC11762" i="1"/>
  <c r="AC11763" i="1"/>
  <c r="AC11764" i="1"/>
  <c r="AC11765" i="1"/>
  <c r="AC11766" i="1"/>
  <c r="AC11767" i="1"/>
  <c r="AD11767" i="1" s="1"/>
  <c r="AC11768" i="1"/>
  <c r="AC11769" i="1"/>
  <c r="AC11770" i="1"/>
  <c r="AC11771" i="1"/>
  <c r="AC11772" i="1"/>
  <c r="AC11773" i="1"/>
  <c r="AC11774" i="1"/>
  <c r="AC11775" i="1"/>
  <c r="AC11776" i="1"/>
  <c r="AC11777" i="1"/>
  <c r="AC11778" i="1"/>
  <c r="AC11779" i="1"/>
  <c r="AD11779" i="1" s="1"/>
  <c r="AC11780" i="1"/>
  <c r="AC11781" i="1"/>
  <c r="AC11782" i="1"/>
  <c r="AC11783" i="1"/>
  <c r="AC11784" i="1"/>
  <c r="AC11785" i="1"/>
  <c r="AC11786" i="1"/>
  <c r="AC11787" i="1"/>
  <c r="AC11788" i="1"/>
  <c r="AC11789" i="1"/>
  <c r="AC11790" i="1"/>
  <c r="AC11791" i="1"/>
  <c r="AD11791" i="1" s="1"/>
  <c r="AC11792" i="1"/>
  <c r="AC11793" i="1"/>
  <c r="AC11794" i="1"/>
  <c r="AC11795" i="1"/>
  <c r="AC11796" i="1"/>
  <c r="AC11797" i="1"/>
  <c r="AC11798" i="1"/>
  <c r="AC11799" i="1"/>
  <c r="AC11800" i="1"/>
  <c r="AC11801" i="1"/>
  <c r="AC11802" i="1"/>
  <c r="AC11803" i="1"/>
  <c r="AD11803" i="1" s="1"/>
  <c r="AC11804" i="1"/>
  <c r="AC11805" i="1"/>
  <c r="AC11806" i="1"/>
  <c r="AC11807" i="1"/>
  <c r="AC11808" i="1"/>
  <c r="AC11809" i="1"/>
  <c r="AC11810" i="1"/>
  <c r="AC11811" i="1"/>
  <c r="AC11812" i="1"/>
  <c r="AC11813" i="1"/>
  <c r="AC11814" i="1"/>
  <c r="AC11815" i="1"/>
  <c r="AD11815" i="1" s="1"/>
  <c r="AC11816" i="1"/>
  <c r="AC11817" i="1"/>
  <c r="AC11818" i="1"/>
  <c r="AC11819" i="1"/>
  <c r="AC11820" i="1"/>
  <c r="AC11821" i="1"/>
  <c r="AC11822" i="1"/>
  <c r="AC11823" i="1"/>
  <c r="AC11824" i="1"/>
  <c r="AC11825" i="1"/>
  <c r="AC11826" i="1"/>
  <c r="AC11827" i="1"/>
  <c r="AD11827" i="1" s="1"/>
  <c r="AC11828" i="1"/>
  <c r="AC11829" i="1"/>
  <c r="AC11830" i="1"/>
  <c r="AC11831" i="1"/>
  <c r="AC11832" i="1"/>
  <c r="AC11833" i="1"/>
  <c r="AC11834" i="1"/>
  <c r="AC11835" i="1"/>
  <c r="AC11836" i="1"/>
  <c r="AC11837" i="1"/>
  <c r="AC11838" i="1"/>
  <c r="AC11839" i="1"/>
  <c r="AD11839" i="1" s="1"/>
  <c r="AC11840" i="1"/>
  <c r="AC11841" i="1"/>
  <c r="AC11842" i="1"/>
  <c r="AC11843" i="1"/>
  <c r="AC11844" i="1"/>
  <c r="AC11845" i="1"/>
  <c r="AC11846" i="1"/>
  <c r="AC11847" i="1"/>
  <c r="AC11848" i="1"/>
  <c r="AC11849" i="1"/>
  <c r="AC11850" i="1"/>
  <c r="AC11851" i="1"/>
  <c r="AD11851" i="1" s="1"/>
  <c r="AC11852" i="1"/>
  <c r="AC11853" i="1"/>
  <c r="AC11854" i="1"/>
  <c r="AC11855" i="1"/>
  <c r="AC11856" i="1"/>
  <c r="AC11857" i="1"/>
  <c r="AC11858" i="1"/>
  <c r="AC11859" i="1"/>
  <c r="AC11860" i="1"/>
  <c r="AC11861" i="1"/>
  <c r="AC11862" i="1"/>
  <c r="AC11863" i="1"/>
  <c r="AD11863" i="1" s="1"/>
  <c r="AC11864" i="1"/>
  <c r="AC11865" i="1"/>
  <c r="AC11866" i="1"/>
  <c r="AC11867" i="1"/>
  <c r="AC11868" i="1"/>
  <c r="AC11869" i="1"/>
  <c r="AC11870" i="1"/>
  <c r="AC11871" i="1"/>
  <c r="AC11872" i="1"/>
  <c r="AC11873" i="1"/>
  <c r="AC11874" i="1"/>
  <c r="AC11875" i="1"/>
  <c r="AD11875" i="1" s="1"/>
  <c r="AC11876" i="1"/>
  <c r="AC11877" i="1"/>
  <c r="AC11878" i="1"/>
  <c r="AC11879" i="1"/>
  <c r="AC11880" i="1"/>
  <c r="AC11881" i="1"/>
  <c r="AC11882" i="1"/>
  <c r="AC11883" i="1"/>
  <c r="AC11884" i="1"/>
  <c r="AC11885" i="1"/>
  <c r="AC11886" i="1"/>
  <c r="AC11887" i="1"/>
  <c r="AD11887" i="1" s="1"/>
  <c r="AC11888" i="1"/>
  <c r="AC11889" i="1"/>
  <c r="AC11890" i="1"/>
  <c r="AC11891" i="1"/>
  <c r="AC11892" i="1"/>
  <c r="AC11893" i="1"/>
  <c r="AC11894" i="1"/>
  <c r="AC11895" i="1"/>
  <c r="AC11896" i="1"/>
  <c r="AC11897" i="1"/>
  <c r="AC11898" i="1"/>
  <c r="AC11899" i="1"/>
  <c r="AD11899" i="1" s="1"/>
  <c r="AC11900" i="1"/>
  <c r="AC11901" i="1"/>
  <c r="AC11902" i="1"/>
  <c r="AC11903" i="1"/>
  <c r="AC11904" i="1"/>
  <c r="AC11905" i="1"/>
  <c r="AC11906" i="1"/>
  <c r="AC11907" i="1"/>
  <c r="AC11908" i="1"/>
  <c r="AC11909" i="1"/>
  <c r="AC11910" i="1"/>
  <c r="AC11911" i="1"/>
  <c r="AD11911" i="1" s="1"/>
  <c r="AC11912" i="1"/>
  <c r="AC11913" i="1"/>
  <c r="AC11914" i="1"/>
  <c r="AC11915" i="1"/>
  <c r="AC11916" i="1"/>
  <c r="AC11917" i="1"/>
  <c r="AC11918" i="1"/>
  <c r="AC11919" i="1"/>
  <c r="AC11920" i="1"/>
  <c r="AC11921" i="1"/>
  <c r="AC11922" i="1"/>
  <c r="AC11923" i="1"/>
  <c r="AD11923" i="1" s="1"/>
  <c r="AC11924" i="1"/>
  <c r="AC11925" i="1"/>
  <c r="AC11926" i="1"/>
  <c r="AC11927" i="1"/>
  <c r="AC11928" i="1"/>
  <c r="AC11929" i="1"/>
  <c r="AC11930" i="1"/>
  <c r="AC11931" i="1"/>
  <c r="AC11932" i="1"/>
  <c r="AC11933" i="1"/>
  <c r="AC11934" i="1"/>
  <c r="AC11935" i="1"/>
  <c r="AD11935" i="1" s="1"/>
  <c r="AC11936" i="1"/>
  <c r="AC11937" i="1"/>
  <c r="AC11938" i="1"/>
  <c r="AC11939" i="1"/>
  <c r="AC11940" i="1"/>
  <c r="AC11941" i="1"/>
  <c r="AC11942" i="1"/>
  <c r="AC11943" i="1"/>
  <c r="AC11944" i="1"/>
  <c r="AC11945" i="1"/>
  <c r="AC11946" i="1"/>
  <c r="AC11947" i="1"/>
  <c r="AD11947" i="1" s="1"/>
  <c r="AC11948" i="1"/>
  <c r="AC11949" i="1"/>
  <c r="AC11950" i="1"/>
  <c r="AC11951" i="1"/>
  <c r="AC11952" i="1"/>
  <c r="AC11953" i="1"/>
  <c r="AC11954" i="1"/>
  <c r="AC11955" i="1"/>
  <c r="AC11956" i="1"/>
  <c r="AC11957" i="1"/>
  <c r="AC11958" i="1"/>
  <c r="AC11959" i="1"/>
  <c r="AD11959" i="1" s="1"/>
  <c r="AC11960" i="1"/>
  <c r="AC11961" i="1"/>
  <c r="AC11962" i="1"/>
  <c r="AC11963" i="1"/>
  <c r="AC11964" i="1"/>
  <c r="AC11965" i="1"/>
  <c r="AC11966" i="1"/>
  <c r="AC11967" i="1"/>
  <c r="AC11968" i="1"/>
  <c r="AC11969" i="1"/>
  <c r="AC11970" i="1"/>
  <c r="AC11971" i="1"/>
  <c r="AD11971" i="1" s="1"/>
  <c r="AC11972" i="1"/>
  <c r="AC11973" i="1"/>
  <c r="AC11974" i="1"/>
  <c r="AC11975" i="1"/>
  <c r="AC11976" i="1"/>
  <c r="AC11977" i="1"/>
  <c r="AC11978" i="1"/>
  <c r="AC11979" i="1"/>
  <c r="AC11980" i="1"/>
  <c r="AC11981" i="1"/>
  <c r="AC11982" i="1"/>
  <c r="AC11983" i="1"/>
  <c r="AD11983" i="1" s="1"/>
  <c r="AC11984" i="1"/>
  <c r="AC11985" i="1"/>
  <c r="AC11986" i="1"/>
  <c r="AC11987" i="1"/>
  <c r="AC11988" i="1"/>
  <c r="AC11989" i="1"/>
  <c r="AC11990" i="1"/>
  <c r="AC11991" i="1"/>
  <c r="AC11992" i="1"/>
  <c r="AC11993" i="1"/>
  <c r="AC11994" i="1"/>
  <c r="AC11995" i="1"/>
  <c r="AD11995" i="1" s="1"/>
  <c r="AC11996" i="1"/>
  <c r="AC11997" i="1"/>
  <c r="AC11998" i="1"/>
  <c r="AC11999" i="1"/>
  <c r="AC12000" i="1"/>
  <c r="AC12001" i="1"/>
  <c r="AC12002" i="1"/>
  <c r="AC12003" i="1"/>
  <c r="AC12004" i="1"/>
  <c r="AC12005" i="1"/>
  <c r="AC12006" i="1"/>
  <c r="AC12007" i="1"/>
  <c r="AD12007" i="1" s="1"/>
  <c r="AC12008" i="1"/>
  <c r="AC12009" i="1"/>
  <c r="AC12010" i="1"/>
  <c r="AC12011" i="1"/>
  <c r="AC12012" i="1"/>
  <c r="AC12013" i="1"/>
  <c r="AC12014" i="1"/>
  <c r="AC12015" i="1"/>
  <c r="AC12016" i="1"/>
  <c r="AC12017" i="1"/>
  <c r="AC12018" i="1"/>
  <c r="AC12019" i="1"/>
  <c r="AD12019" i="1" s="1"/>
  <c r="AC12020" i="1"/>
  <c r="AC12021" i="1"/>
  <c r="AC12022" i="1"/>
  <c r="AC12023" i="1"/>
  <c r="AC12024" i="1"/>
  <c r="AC12025" i="1"/>
  <c r="AC12026" i="1"/>
  <c r="AC12027" i="1"/>
  <c r="AC12028" i="1"/>
  <c r="AC12029" i="1"/>
  <c r="AC12030" i="1"/>
  <c r="AC12031" i="1"/>
  <c r="AD12031" i="1" s="1"/>
  <c r="AC12032" i="1"/>
  <c r="AC12033" i="1"/>
  <c r="AC12034" i="1"/>
  <c r="AC12035" i="1"/>
  <c r="AC12036" i="1"/>
  <c r="AC12037" i="1"/>
  <c r="AC12038" i="1"/>
  <c r="AC12039" i="1"/>
  <c r="AC12040" i="1"/>
  <c r="AC12041" i="1"/>
  <c r="AC12042" i="1"/>
  <c r="AC12043" i="1"/>
  <c r="AD12043" i="1" s="1"/>
  <c r="AC12044" i="1"/>
  <c r="AC12045" i="1"/>
  <c r="AC12046" i="1"/>
  <c r="AC12047" i="1"/>
  <c r="AC12048" i="1"/>
  <c r="AC12049" i="1"/>
  <c r="AC12050" i="1"/>
  <c r="AC12051" i="1"/>
  <c r="AC12052" i="1"/>
  <c r="AC12053" i="1"/>
  <c r="AC12054" i="1"/>
  <c r="AC12055" i="1"/>
  <c r="AD12055" i="1" s="1"/>
  <c r="AC12056" i="1"/>
  <c r="AC12057" i="1"/>
  <c r="AC12058" i="1"/>
  <c r="AC12059" i="1"/>
  <c r="AC12060" i="1"/>
  <c r="AC12061" i="1"/>
  <c r="AC12062" i="1"/>
  <c r="AC12063" i="1"/>
  <c r="AC12064" i="1"/>
  <c r="AC12065" i="1"/>
  <c r="AC12066" i="1"/>
  <c r="AC12067" i="1"/>
  <c r="AD12067" i="1" s="1"/>
  <c r="AC12068" i="1"/>
  <c r="AC12069" i="1"/>
  <c r="AC12070" i="1"/>
  <c r="AC12071" i="1"/>
  <c r="AC12072" i="1"/>
  <c r="AC12073" i="1"/>
  <c r="AC12074" i="1"/>
  <c r="AC12075" i="1"/>
  <c r="AC12076" i="1"/>
  <c r="AC12077" i="1"/>
  <c r="AC12078" i="1"/>
  <c r="AC12079" i="1"/>
  <c r="AD12079" i="1" s="1"/>
  <c r="AC12080" i="1"/>
  <c r="AC12081" i="1"/>
  <c r="AC12082" i="1"/>
  <c r="AC12083" i="1"/>
  <c r="AC12084" i="1"/>
  <c r="AC12085" i="1"/>
  <c r="AC12086" i="1"/>
  <c r="AC12087" i="1"/>
  <c r="AC12088" i="1"/>
  <c r="AC12089" i="1"/>
  <c r="AC12090" i="1"/>
  <c r="AC12091" i="1"/>
  <c r="AD12091" i="1" s="1"/>
  <c r="AC12092" i="1"/>
  <c r="AC12093" i="1"/>
  <c r="AC12094" i="1"/>
  <c r="AC12095" i="1"/>
  <c r="AC12096" i="1"/>
  <c r="AC12097" i="1"/>
  <c r="AC12098" i="1"/>
  <c r="AC12099" i="1"/>
  <c r="AC12100" i="1"/>
  <c r="AC12101" i="1"/>
  <c r="AC12102" i="1"/>
  <c r="AC12103" i="1"/>
  <c r="AD12103" i="1" s="1"/>
  <c r="AC12104" i="1"/>
  <c r="AC12105" i="1"/>
  <c r="AC12106" i="1"/>
  <c r="AC12107" i="1"/>
  <c r="AC12108" i="1"/>
  <c r="AC12109" i="1"/>
  <c r="AC12110" i="1"/>
  <c r="AC12111" i="1"/>
  <c r="AC12112" i="1"/>
  <c r="AC12113" i="1"/>
  <c r="AC12114" i="1"/>
  <c r="AC12115" i="1"/>
  <c r="AD12115" i="1" s="1"/>
  <c r="AC12116" i="1"/>
  <c r="AC12117" i="1"/>
  <c r="AC12118" i="1"/>
  <c r="AC12119" i="1"/>
  <c r="AC12120" i="1"/>
  <c r="AC12121" i="1"/>
  <c r="AC12122" i="1"/>
  <c r="AC12123" i="1"/>
  <c r="AC12124" i="1"/>
  <c r="AC12125" i="1"/>
  <c r="AC12126" i="1"/>
  <c r="AC12127" i="1"/>
  <c r="AD12127" i="1" s="1"/>
  <c r="AC12128" i="1"/>
  <c r="AC12129" i="1"/>
  <c r="AC12130" i="1"/>
  <c r="AC12131" i="1"/>
  <c r="AC12132" i="1"/>
  <c r="AC12133" i="1"/>
  <c r="AC12134" i="1"/>
  <c r="AC12135" i="1"/>
  <c r="AC12136" i="1"/>
  <c r="AC12137" i="1"/>
  <c r="AC12138" i="1"/>
  <c r="AC12139" i="1"/>
  <c r="AD12139" i="1" s="1"/>
  <c r="AC12140" i="1"/>
  <c r="AC12141" i="1"/>
  <c r="AC12142" i="1"/>
  <c r="AC12143" i="1"/>
  <c r="AC12144" i="1"/>
  <c r="AC12145" i="1"/>
  <c r="AC12146" i="1"/>
  <c r="AC12147" i="1"/>
  <c r="AC12148" i="1"/>
  <c r="AC12149" i="1"/>
  <c r="AC12150" i="1"/>
  <c r="AC12151" i="1"/>
  <c r="AD12151" i="1" s="1"/>
  <c r="AC12152" i="1"/>
  <c r="AC12153" i="1"/>
  <c r="AC12154" i="1"/>
  <c r="AC12155" i="1"/>
  <c r="AC12156" i="1"/>
  <c r="AC12157" i="1"/>
  <c r="AC12158" i="1"/>
  <c r="AC12159" i="1"/>
  <c r="AC12160" i="1"/>
  <c r="AC12161" i="1"/>
  <c r="AC12162" i="1"/>
  <c r="AC12163" i="1"/>
  <c r="AD12163" i="1" s="1"/>
  <c r="AC12164" i="1"/>
  <c r="AC12165" i="1"/>
  <c r="AC12166" i="1"/>
  <c r="AC12167" i="1"/>
  <c r="AC12168" i="1"/>
  <c r="AC12169" i="1"/>
  <c r="AC12170" i="1"/>
  <c r="AC12171" i="1"/>
  <c r="AC12172" i="1"/>
  <c r="AC12173" i="1"/>
  <c r="AC12174" i="1"/>
  <c r="AC12175" i="1"/>
  <c r="AD12175" i="1" s="1"/>
  <c r="AC12176" i="1"/>
  <c r="AC12177" i="1"/>
  <c r="AC12178" i="1"/>
  <c r="AC12179" i="1"/>
  <c r="AC12180" i="1"/>
  <c r="AC12181" i="1"/>
  <c r="AC12182" i="1"/>
  <c r="AC12183" i="1"/>
  <c r="AC12184" i="1"/>
  <c r="AC12185" i="1"/>
  <c r="AC12186" i="1"/>
  <c r="AC12187" i="1"/>
  <c r="AD12187" i="1" s="1"/>
  <c r="AC12188" i="1"/>
  <c r="AC12189" i="1"/>
  <c r="AC12190" i="1"/>
  <c r="AC12191" i="1"/>
  <c r="AC12192" i="1"/>
  <c r="AC12193" i="1"/>
  <c r="AC12194" i="1"/>
  <c r="AC12195" i="1"/>
  <c r="AC12196" i="1"/>
  <c r="AC12197" i="1"/>
  <c r="AC12198" i="1"/>
  <c r="AC12199" i="1"/>
  <c r="AD12199" i="1" s="1"/>
  <c r="AC12200" i="1"/>
  <c r="AC12201" i="1"/>
  <c r="AC12202" i="1"/>
  <c r="AC12203" i="1"/>
  <c r="AC12204" i="1"/>
  <c r="AC12205" i="1"/>
  <c r="AC12206" i="1"/>
  <c r="AC12207" i="1"/>
  <c r="AC12208" i="1"/>
  <c r="AC12209" i="1"/>
  <c r="AC12210" i="1"/>
  <c r="AC12211" i="1"/>
  <c r="AD12211" i="1" s="1"/>
  <c r="AC12212" i="1"/>
  <c r="AC12213" i="1"/>
  <c r="AC12214" i="1"/>
  <c r="AC12215" i="1"/>
  <c r="AC12216" i="1"/>
  <c r="AC12217" i="1"/>
  <c r="AC12218" i="1"/>
  <c r="AC12219" i="1"/>
  <c r="AC12220" i="1"/>
  <c r="AC12221" i="1"/>
  <c r="AC12222" i="1"/>
  <c r="AC12223" i="1"/>
  <c r="AD12223" i="1" s="1"/>
  <c r="AC12224" i="1"/>
  <c r="AC12225" i="1"/>
  <c r="AC12226" i="1"/>
  <c r="AC12227" i="1"/>
  <c r="AC12228" i="1"/>
  <c r="AC12229" i="1"/>
  <c r="AC12230" i="1"/>
  <c r="AC12231" i="1"/>
  <c r="AC12232" i="1"/>
  <c r="AC12233" i="1"/>
  <c r="AC12234" i="1"/>
  <c r="AC12235" i="1"/>
  <c r="AD12235" i="1" s="1"/>
  <c r="AC12236" i="1"/>
  <c r="AC12237" i="1"/>
  <c r="AC12238" i="1"/>
  <c r="AC12239" i="1"/>
  <c r="AC12240" i="1"/>
  <c r="AC12241" i="1"/>
  <c r="AC12242" i="1"/>
  <c r="AC12243" i="1"/>
  <c r="AC12244" i="1"/>
  <c r="AC12245" i="1"/>
  <c r="AC12246" i="1"/>
  <c r="AC12247" i="1"/>
  <c r="AD12247" i="1" s="1"/>
  <c r="AC12248" i="1"/>
  <c r="AC12249" i="1"/>
  <c r="AC12250" i="1"/>
  <c r="AC12251" i="1"/>
  <c r="AC12252" i="1"/>
  <c r="AC12253" i="1"/>
  <c r="AC12254" i="1"/>
  <c r="AC12255" i="1"/>
  <c r="AC12256" i="1"/>
  <c r="AC12257" i="1"/>
  <c r="AC12258" i="1"/>
  <c r="AC12259" i="1"/>
  <c r="AD12259" i="1" s="1"/>
  <c r="AC12260" i="1"/>
  <c r="AC12261" i="1"/>
  <c r="AC12262" i="1"/>
  <c r="AC12263" i="1"/>
  <c r="AC12264" i="1"/>
  <c r="AC12265" i="1"/>
  <c r="AC12266" i="1"/>
  <c r="AC12267" i="1"/>
  <c r="AC12268" i="1"/>
  <c r="AC12269" i="1"/>
  <c r="AC12270" i="1"/>
  <c r="AC12271" i="1"/>
  <c r="AD12271" i="1" s="1"/>
  <c r="AC12272" i="1"/>
  <c r="AC12273" i="1"/>
  <c r="AC12274" i="1"/>
  <c r="AC12275" i="1"/>
  <c r="AC12276" i="1"/>
  <c r="AC12277" i="1"/>
  <c r="AC12278" i="1"/>
  <c r="AC12279" i="1"/>
  <c r="AC12280" i="1"/>
  <c r="AC12281" i="1"/>
  <c r="AC12282" i="1"/>
  <c r="AC12283" i="1"/>
  <c r="AD12283" i="1" s="1"/>
  <c r="AC12284" i="1"/>
  <c r="AC12285" i="1"/>
  <c r="AC12286" i="1"/>
  <c r="AC12287" i="1"/>
  <c r="AC12288" i="1"/>
  <c r="AC12289" i="1"/>
  <c r="AC12290" i="1"/>
  <c r="AC12291" i="1"/>
  <c r="AC12292" i="1"/>
  <c r="AC12293" i="1"/>
  <c r="AC12294" i="1"/>
  <c r="AC12295" i="1"/>
  <c r="AD12295" i="1" s="1"/>
  <c r="AC12296" i="1"/>
  <c r="AC12297" i="1"/>
  <c r="AC12298" i="1"/>
  <c r="AC12299" i="1"/>
  <c r="AC12300" i="1"/>
  <c r="AC12301" i="1"/>
  <c r="AC12302" i="1"/>
  <c r="AC12303" i="1"/>
  <c r="AC12304" i="1"/>
  <c r="AC12305" i="1"/>
  <c r="AC12306" i="1"/>
  <c r="AC12307" i="1"/>
  <c r="AD12307" i="1" s="1"/>
  <c r="AC12308" i="1"/>
  <c r="AC12309" i="1"/>
  <c r="AC12310" i="1"/>
  <c r="AC12311" i="1"/>
  <c r="AC12312" i="1"/>
  <c r="AC12313" i="1"/>
  <c r="AC12314" i="1"/>
  <c r="AC12315" i="1"/>
  <c r="AC12316" i="1"/>
  <c r="AC12317" i="1"/>
  <c r="AC12318" i="1"/>
  <c r="AC12319" i="1"/>
  <c r="AD12319" i="1" s="1"/>
  <c r="AC12320" i="1"/>
  <c r="AC12321" i="1"/>
  <c r="AC12322" i="1"/>
  <c r="AC12323" i="1"/>
  <c r="AC12324" i="1"/>
  <c r="AC12325" i="1"/>
  <c r="AC12326" i="1"/>
  <c r="AC12327" i="1"/>
  <c r="AC12328" i="1"/>
  <c r="AC12329" i="1"/>
  <c r="AC12330" i="1"/>
  <c r="AC12331" i="1"/>
  <c r="AD12331" i="1" s="1"/>
  <c r="AC12332" i="1"/>
  <c r="AC12333" i="1"/>
  <c r="AC12334" i="1"/>
  <c r="AC12335" i="1"/>
  <c r="AC12336" i="1"/>
  <c r="AC12337" i="1"/>
  <c r="AC12338" i="1"/>
  <c r="AC12339" i="1"/>
  <c r="AC12340" i="1"/>
  <c r="AC12341" i="1"/>
  <c r="AC12342" i="1"/>
  <c r="AC12343" i="1"/>
  <c r="AD12343" i="1" s="1"/>
  <c r="AC12344" i="1"/>
  <c r="AC12345" i="1"/>
  <c r="AC12346" i="1"/>
  <c r="AC12347" i="1"/>
  <c r="AC12348" i="1"/>
  <c r="AC12349" i="1"/>
  <c r="AC12350" i="1"/>
  <c r="AC12351" i="1"/>
  <c r="AC12352" i="1"/>
  <c r="AC12353" i="1"/>
  <c r="AC12354" i="1"/>
  <c r="AC12355" i="1"/>
  <c r="AD12355" i="1" s="1"/>
  <c r="AC12356" i="1"/>
  <c r="AC12357" i="1"/>
  <c r="AC12358" i="1"/>
  <c r="AC12359" i="1"/>
  <c r="AC12360" i="1"/>
  <c r="AC12361" i="1"/>
  <c r="AC12362" i="1"/>
  <c r="AC12363" i="1"/>
  <c r="AC12364" i="1"/>
  <c r="AC12365" i="1"/>
  <c r="AC12366" i="1"/>
  <c r="AC12367" i="1"/>
  <c r="AD12367" i="1" s="1"/>
  <c r="AC12368" i="1"/>
  <c r="AC12369" i="1"/>
  <c r="AC12370" i="1"/>
  <c r="AC12371" i="1"/>
  <c r="AC12372" i="1"/>
  <c r="AC12373" i="1"/>
  <c r="AC12374" i="1"/>
  <c r="AC12375" i="1"/>
  <c r="AC12376" i="1"/>
  <c r="AC12377" i="1"/>
  <c r="AC12378" i="1"/>
  <c r="AC12379" i="1"/>
  <c r="AD12379" i="1" s="1"/>
  <c r="AC12380" i="1"/>
  <c r="AC12381" i="1"/>
  <c r="AC12382" i="1"/>
  <c r="AC12383" i="1"/>
  <c r="AC12384" i="1"/>
  <c r="AC12385" i="1"/>
  <c r="AC12386" i="1"/>
  <c r="AC12387" i="1"/>
  <c r="AC12388" i="1"/>
  <c r="AC12389" i="1"/>
  <c r="AC12390" i="1"/>
  <c r="AC12391" i="1"/>
  <c r="AD12391" i="1" s="1"/>
  <c r="AC12392" i="1"/>
  <c r="AC12393" i="1"/>
  <c r="AC12394" i="1"/>
  <c r="AC12395" i="1"/>
  <c r="AC12396" i="1"/>
  <c r="AC12397" i="1"/>
  <c r="AC12398" i="1"/>
  <c r="AC12399" i="1"/>
  <c r="AC12400" i="1"/>
  <c r="AC12401" i="1"/>
  <c r="AC12402" i="1"/>
  <c r="AC12403" i="1"/>
  <c r="AD12403" i="1" s="1"/>
  <c r="AC12404" i="1"/>
  <c r="AC12405" i="1"/>
  <c r="AC12406" i="1"/>
  <c r="AC12407" i="1"/>
  <c r="AC12408" i="1"/>
  <c r="AC12409" i="1"/>
  <c r="AC12410" i="1"/>
  <c r="AC12411" i="1"/>
  <c r="AC12412" i="1"/>
  <c r="AC12413" i="1"/>
  <c r="AC12414" i="1"/>
  <c r="AC12415" i="1"/>
  <c r="AD12415" i="1" s="1"/>
  <c r="AC12416" i="1"/>
  <c r="AC12417" i="1"/>
  <c r="AC12418" i="1"/>
  <c r="AC12419" i="1"/>
  <c r="AC12420" i="1"/>
  <c r="AC12421" i="1"/>
  <c r="AC12422" i="1"/>
  <c r="AC12423" i="1"/>
  <c r="AC12424" i="1"/>
  <c r="AC12425" i="1"/>
  <c r="AC12426" i="1"/>
  <c r="AC12427" i="1"/>
  <c r="AD12427" i="1" s="1"/>
  <c r="AC12428" i="1"/>
  <c r="AC12429" i="1"/>
  <c r="AC12430" i="1"/>
  <c r="AC12431" i="1"/>
  <c r="AC12432" i="1"/>
  <c r="AC12433" i="1"/>
  <c r="AC12434" i="1"/>
  <c r="AC12435" i="1"/>
  <c r="AC12436" i="1"/>
  <c r="AC12437" i="1"/>
  <c r="AC12438" i="1"/>
  <c r="AC12439" i="1"/>
  <c r="AD12439" i="1" s="1"/>
  <c r="AC12440" i="1"/>
  <c r="AC12441" i="1"/>
  <c r="AC12442" i="1"/>
  <c r="AC12443" i="1"/>
  <c r="AC12444" i="1"/>
  <c r="AC12445" i="1"/>
  <c r="AC12446" i="1"/>
  <c r="AC12447" i="1"/>
  <c r="AC12448" i="1"/>
  <c r="AC12449" i="1"/>
  <c r="AC12450" i="1"/>
  <c r="AC12451" i="1"/>
  <c r="AD12451" i="1" s="1"/>
  <c r="AC12452" i="1"/>
  <c r="AC12453" i="1"/>
  <c r="AC12454" i="1"/>
  <c r="AC12455" i="1"/>
  <c r="AC12456" i="1"/>
  <c r="AC12457" i="1"/>
  <c r="AC12458" i="1"/>
  <c r="AC12459" i="1"/>
  <c r="AC12460" i="1"/>
  <c r="AC12461" i="1"/>
  <c r="AC12462" i="1"/>
  <c r="AC12463" i="1"/>
  <c r="AD12463" i="1" s="1"/>
  <c r="AC12464" i="1"/>
  <c r="AC12465" i="1"/>
  <c r="AC12466" i="1"/>
  <c r="AC12467" i="1"/>
  <c r="AC12468" i="1"/>
  <c r="AC12469" i="1"/>
  <c r="AC12470" i="1"/>
  <c r="AC12471" i="1"/>
  <c r="AC12472" i="1"/>
  <c r="AC12473" i="1"/>
  <c r="AC12474" i="1"/>
  <c r="AC12475" i="1"/>
  <c r="AD12475" i="1" s="1"/>
  <c r="AC12476" i="1"/>
  <c r="AC12477" i="1"/>
  <c r="AC12478" i="1"/>
  <c r="AC12479" i="1"/>
  <c r="AC12480" i="1"/>
  <c r="AC12481" i="1"/>
  <c r="AC12482" i="1"/>
  <c r="AC12483" i="1"/>
  <c r="AC12484" i="1"/>
  <c r="AC12485" i="1"/>
  <c r="AC12486" i="1"/>
  <c r="AC12487" i="1"/>
  <c r="AD12487" i="1" s="1"/>
  <c r="AC12488" i="1"/>
  <c r="AC12489" i="1"/>
  <c r="AC12490" i="1"/>
  <c r="AC12491" i="1"/>
  <c r="AC12492" i="1"/>
  <c r="AC12493" i="1"/>
  <c r="AC12494" i="1"/>
  <c r="AC12495" i="1"/>
  <c r="AC12496" i="1"/>
  <c r="AC12497" i="1"/>
  <c r="AC12498" i="1"/>
  <c r="AC12499" i="1"/>
  <c r="AD12499" i="1" s="1"/>
  <c r="AC12500" i="1"/>
  <c r="AC12501" i="1"/>
  <c r="AC12502" i="1"/>
  <c r="AC12503" i="1"/>
  <c r="AC12504" i="1"/>
  <c r="AC12505" i="1"/>
  <c r="AC12506" i="1"/>
  <c r="AC12507" i="1"/>
  <c r="AC12508" i="1"/>
  <c r="AC12509" i="1"/>
  <c r="AC12510" i="1"/>
  <c r="AC12511" i="1"/>
  <c r="AD12511" i="1" s="1"/>
  <c r="AC12512" i="1"/>
  <c r="AC12513" i="1"/>
  <c r="AC12514" i="1"/>
  <c r="AC12515" i="1"/>
  <c r="AC12516" i="1"/>
  <c r="AC12517" i="1"/>
  <c r="AC12518" i="1"/>
  <c r="AC12519" i="1"/>
  <c r="AC12520" i="1"/>
  <c r="AC12521" i="1"/>
  <c r="AC12522" i="1"/>
  <c r="AC12523" i="1"/>
  <c r="AD12523" i="1" s="1"/>
  <c r="AC12524" i="1"/>
  <c r="AC12525" i="1"/>
  <c r="AC12526" i="1"/>
  <c r="AC12527" i="1"/>
  <c r="AC12528" i="1"/>
  <c r="AC12529" i="1"/>
  <c r="AC12530" i="1"/>
  <c r="AC12531" i="1"/>
  <c r="AC12532" i="1"/>
  <c r="AC12533" i="1"/>
  <c r="AC12534" i="1"/>
  <c r="AC12535" i="1"/>
  <c r="AD12535" i="1" s="1"/>
  <c r="AC12536" i="1"/>
  <c r="AC12537" i="1"/>
  <c r="AC12538" i="1"/>
  <c r="AC12539" i="1"/>
  <c r="AC12540" i="1"/>
  <c r="AC12541" i="1"/>
  <c r="AC12542" i="1"/>
  <c r="AC12543" i="1"/>
  <c r="AC12544" i="1"/>
  <c r="AC12545" i="1"/>
  <c r="AC12546" i="1"/>
  <c r="AC12547" i="1"/>
  <c r="AD12547" i="1" s="1"/>
  <c r="AC12548" i="1"/>
  <c r="AC12549" i="1"/>
  <c r="AC12550" i="1"/>
  <c r="AC12551" i="1"/>
  <c r="AC12552" i="1"/>
  <c r="AC12553" i="1"/>
  <c r="AC12554" i="1"/>
  <c r="AC12555" i="1"/>
  <c r="AC12556" i="1"/>
  <c r="AC12557" i="1"/>
  <c r="AC12558" i="1"/>
  <c r="AC12559" i="1"/>
  <c r="AD12559" i="1" s="1"/>
  <c r="AC12560" i="1"/>
  <c r="AC12561" i="1"/>
  <c r="AC12562" i="1"/>
  <c r="AC12563" i="1"/>
  <c r="AC12564" i="1"/>
  <c r="AC12565" i="1"/>
  <c r="AC12566" i="1"/>
  <c r="AC12567" i="1"/>
  <c r="AC12568" i="1"/>
  <c r="AC12569" i="1"/>
  <c r="AC12570" i="1"/>
  <c r="AC12571" i="1"/>
  <c r="AD12571" i="1" s="1"/>
  <c r="AC12572" i="1"/>
  <c r="AC12573" i="1"/>
  <c r="AC12574" i="1"/>
  <c r="AC12575" i="1"/>
  <c r="AC12576" i="1"/>
  <c r="AC12577" i="1"/>
  <c r="AC12578" i="1"/>
  <c r="AC12579" i="1"/>
  <c r="AC12580" i="1"/>
  <c r="AC12581" i="1"/>
  <c r="AC12582" i="1"/>
  <c r="AC12583" i="1"/>
  <c r="AD12583" i="1" s="1"/>
  <c r="AC12584" i="1"/>
  <c r="AC12585" i="1"/>
  <c r="AC12586" i="1"/>
  <c r="AC12587" i="1"/>
  <c r="AC12588" i="1"/>
  <c r="AC12589" i="1"/>
  <c r="AC12590" i="1"/>
  <c r="AC12591" i="1"/>
  <c r="AC12592" i="1"/>
  <c r="AC12593" i="1"/>
  <c r="AC12594" i="1"/>
  <c r="AC12595" i="1"/>
  <c r="AD12595" i="1" s="1"/>
  <c r="AC12596" i="1"/>
  <c r="AC12597" i="1"/>
  <c r="AC12598" i="1"/>
  <c r="AC12599" i="1"/>
  <c r="AC12600" i="1"/>
  <c r="AC12601" i="1"/>
  <c r="AC12602" i="1"/>
  <c r="AC12603" i="1"/>
  <c r="AC12604" i="1"/>
  <c r="AC12605" i="1"/>
  <c r="AC12606" i="1"/>
  <c r="AC12607" i="1"/>
  <c r="AD12607" i="1" s="1"/>
  <c r="AC12608" i="1"/>
  <c r="AC12609" i="1"/>
  <c r="AC12610" i="1"/>
  <c r="AC12611" i="1"/>
  <c r="AC12612" i="1"/>
  <c r="AC12613" i="1"/>
  <c r="AC12614" i="1"/>
  <c r="AC12615" i="1"/>
  <c r="AC12616" i="1"/>
  <c r="AC12617" i="1"/>
  <c r="AC12618" i="1"/>
  <c r="AC12619" i="1"/>
  <c r="AD12619" i="1" s="1"/>
  <c r="AC12620" i="1"/>
  <c r="AC12621" i="1"/>
  <c r="AC12622" i="1"/>
  <c r="AC12623" i="1"/>
  <c r="AC12624" i="1"/>
  <c r="AC12625" i="1"/>
  <c r="AC12626" i="1"/>
  <c r="AC12627" i="1"/>
  <c r="AC12628" i="1"/>
  <c r="AC12629" i="1"/>
  <c r="AC12630" i="1"/>
  <c r="AC12631" i="1"/>
  <c r="AD12631" i="1" s="1"/>
  <c r="AC12632" i="1"/>
  <c r="AC12633" i="1"/>
  <c r="AC12634" i="1"/>
  <c r="AC12635" i="1"/>
  <c r="AC12636" i="1"/>
  <c r="AC12637" i="1"/>
  <c r="AC12638" i="1"/>
  <c r="AC12639" i="1"/>
  <c r="AC12640" i="1"/>
  <c r="AC12641" i="1"/>
  <c r="AC12642" i="1"/>
  <c r="AC12643" i="1"/>
  <c r="AD12643" i="1" s="1"/>
  <c r="AC12644" i="1"/>
  <c r="AC12645" i="1"/>
  <c r="AC12646" i="1"/>
  <c r="AC12647" i="1"/>
  <c r="AC12648" i="1"/>
  <c r="AC12649" i="1"/>
  <c r="AC12650" i="1"/>
  <c r="AC12651" i="1"/>
  <c r="AC12652" i="1"/>
  <c r="AC12653" i="1"/>
  <c r="AC12654" i="1"/>
  <c r="AC12655" i="1"/>
  <c r="AD12655" i="1" s="1"/>
  <c r="AC12656" i="1"/>
  <c r="AC12657" i="1"/>
  <c r="AC12658" i="1"/>
  <c r="AC12659" i="1"/>
  <c r="AC12660" i="1"/>
  <c r="AC12661" i="1"/>
  <c r="AC12662" i="1"/>
  <c r="AC12663" i="1"/>
  <c r="AC12664" i="1"/>
  <c r="AC12665" i="1"/>
  <c r="AC12666" i="1"/>
  <c r="AC12667" i="1"/>
  <c r="AD12667" i="1" s="1"/>
  <c r="AC12668" i="1"/>
  <c r="AC12669" i="1"/>
  <c r="AC12670" i="1"/>
  <c r="AC12671" i="1"/>
  <c r="AC12672" i="1"/>
  <c r="AC12673" i="1"/>
  <c r="AC12674" i="1"/>
  <c r="AC12675" i="1"/>
  <c r="AC12676" i="1"/>
  <c r="AC12677" i="1"/>
  <c r="AC12678" i="1"/>
  <c r="AC12679" i="1"/>
  <c r="AD12679" i="1" s="1"/>
  <c r="AC12680" i="1"/>
  <c r="AC12681" i="1"/>
  <c r="AC12682" i="1"/>
  <c r="AC12683" i="1"/>
  <c r="AC12684" i="1"/>
  <c r="AC12685" i="1"/>
  <c r="AC12686" i="1"/>
  <c r="AC12687" i="1"/>
  <c r="AC12688" i="1"/>
  <c r="AC12689" i="1"/>
  <c r="AC12690" i="1"/>
  <c r="AC12691" i="1"/>
  <c r="AD12691" i="1" s="1"/>
  <c r="AC12692" i="1"/>
  <c r="AC12693" i="1"/>
  <c r="AC12694" i="1"/>
  <c r="AC12695" i="1"/>
  <c r="AC12696" i="1"/>
  <c r="AC12697" i="1"/>
  <c r="AC12698" i="1"/>
  <c r="AC12699" i="1"/>
  <c r="AC12700" i="1"/>
  <c r="AC12701" i="1"/>
  <c r="AC12702" i="1"/>
  <c r="AC12703" i="1"/>
  <c r="AD12703" i="1" s="1"/>
  <c r="AC12704" i="1"/>
  <c r="AC12705" i="1"/>
  <c r="AC12706" i="1"/>
  <c r="AC12707" i="1"/>
  <c r="AC12708" i="1"/>
  <c r="AC12709" i="1"/>
  <c r="AC12710" i="1"/>
  <c r="AC12711" i="1"/>
  <c r="AC12712" i="1"/>
  <c r="AC12713" i="1"/>
  <c r="AC12714" i="1"/>
  <c r="AC12715" i="1"/>
  <c r="AD12715" i="1" s="1"/>
  <c r="AC12716" i="1"/>
  <c r="AC12717" i="1"/>
  <c r="AC12718" i="1"/>
  <c r="AC12719" i="1"/>
  <c r="AC12720" i="1"/>
  <c r="AC12721" i="1"/>
  <c r="AC12722" i="1"/>
  <c r="AC12723" i="1"/>
  <c r="AC12724" i="1"/>
  <c r="AC12725" i="1"/>
  <c r="AC12726" i="1"/>
  <c r="AC12727" i="1"/>
  <c r="AD12727" i="1" s="1"/>
  <c r="AC12728" i="1"/>
  <c r="AC12729" i="1"/>
  <c r="AC12730" i="1"/>
  <c r="AC12731" i="1"/>
  <c r="AC12732" i="1"/>
  <c r="AC12733" i="1"/>
  <c r="AC12734" i="1"/>
  <c r="AC12735" i="1"/>
  <c r="AC12736" i="1"/>
  <c r="AC12737" i="1"/>
  <c r="AC12738" i="1"/>
  <c r="AC12739" i="1"/>
  <c r="AD12739" i="1" s="1"/>
  <c r="AC12740" i="1"/>
  <c r="AC12741" i="1"/>
  <c r="AC12742" i="1"/>
  <c r="AC12743" i="1"/>
  <c r="AC12744" i="1"/>
  <c r="AC12745" i="1"/>
  <c r="AC12746" i="1"/>
  <c r="AC12747" i="1"/>
  <c r="AC12748" i="1"/>
  <c r="AC12749" i="1"/>
  <c r="AC12750" i="1"/>
  <c r="AC12751" i="1"/>
  <c r="AD12751" i="1" s="1"/>
  <c r="AC12752" i="1"/>
  <c r="AC12753" i="1"/>
  <c r="AC12754" i="1"/>
  <c r="AC12755" i="1"/>
  <c r="AC12756" i="1"/>
  <c r="AC12757" i="1"/>
  <c r="AC12758" i="1"/>
  <c r="AC12759" i="1"/>
  <c r="AC12760" i="1"/>
  <c r="AC12761" i="1"/>
  <c r="AC12762" i="1"/>
  <c r="AC12763" i="1"/>
  <c r="AD12763" i="1" s="1"/>
  <c r="AC12764" i="1"/>
  <c r="AC12765" i="1"/>
  <c r="AC12766" i="1"/>
  <c r="AC12767" i="1"/>
  <c r="AC12768" i="1"/>
  <c r="AC12769" i="1"/>
  <c r="AC12770" i="1"/>
  <c r="AC12771" i="1"/>
  <c r="AC12772" i="1"/>
  <c r="AC12773" i="1"/>
  <c r="AC12774" i="1"/>
  <c r="AC12775" i="1"/>
  <c r="AD12775" i="1" s="1"/>
  <c r="AC12776" i="1"/>
  <c r="AC12777" i="1"/>
  <c r="AC12778" i="1"/>
  <c r="AC12779" i="1"/>
  <c r="AC12780" i="1"/>
  <c r="AC12781" i="1"/>
  <c r="AC12782" i="1"/>
  <c r="AC12783" i="1"/>
  <c r="AC12784" i="1"/>
  <c r="AC12785" i="1"/>
  <c r="AC12786" i="1"/>
  <c r="AC12787" i="1"/>
  <c r="AD12787" i="1" s="1"/>
  <c r="AC12788" i="1"/>
  <c r="AC12789" i="1"/>
  <c r="AC12790" i="1"/>
  <c r="AC12791" i="1"/>
  <c r="AC12792" i="1"/>
  <c r="AC12793" i="1"/>
  <c r="AC12794" i="1"/>
  <c r="AC12795" i="1"/>
  <c r="AC12796" i="1"/>
  <c r="AC12797" i="1"/>
  <c r="AC12798" i="1"/>
  <c r="AC12799" i="1"/>
  <c r="AD12799" i="1" s="1"/>
  <c r="AC12800" i="1"/>
  <c r="AC12801" i="1"/>
  <c r="AC12802" i="1"/>
  <c r="AC12803" i="1"/>
  <c r="AC12804" i="1"/>
  <c r="AC12805" i="1"/>
  <c r="AC12806" i="1"/>
  <c r="AC12807" i="1"/>
  <c r="AC12808" i="1"/>
  <c r="AC12809" i="1"/>
  <c r="AC12810" i="1"/>
  <c r="AC12811" i="1"/>
  <c r="AD12811" i="1" s="1"/>
  <c r="AC12812" i="1"/>
  <c r="AC12813" i="1"/>
  <c r="AC12814" i="1"/>
  <c r="AC12815" i="1"/>
  <c r="AC12816" i="1"/>
  <c r="AC12817" i="1"/>
  <c r="AC12818" i="1"/>
  <c r="AC12819" i="1"/>
  <c r="AC12820" i="1"/>
  <c r="AC12821" i="1"/>
  <c r="AC12822" i="1"/>
  <c r="AC12823" i="1"/>
  <c r="AD12823" i="1" s="1"/>
  <c r="AC12824" i="1"/>
  <c r="AC12825" i="1"/>
  <c r="AC12826" i="1"/>
  <c r="AC12827" i="1"/>
  <c r="AC12828" i="1"/>
  <c r="AC12829" i="1"/>
  <c r="AC12830" i="1"/>
  <c r="AC12831" i="1"/>
  <c r="AC12832" i="1"/>
  <c r="AC12833" i="1"/>
  <c r="AC12834" i="1"/>
  <c r="AC12835" i="1"/>
  <c r="AD12835" i="1" s="1"/>
  <c r="AC12836" i="1"/>
  <c r="AC12837" i="1"/>
  <c r="AC12838" i="1"/>
  <c r="AC12839" i="1"/>
  <c r="AC12840" i="1"/>
  <c r="AC12841" i="1"/>
  <c r="AC12842" i="1"/>
  <c r="AC12843" i="1"/>
  <c r="AC12844" i="1"/>
  <c r="AC12845" i="1"/>
  <c r="AC12846" i="1"/>
  <c r="AC12847" i="1"/>
  <c r="AD12847" i="1" s="1"/>
  <c r="AC12848" i="1"/>
  <c r="AC12849" i="1"/>
  <c r="AC12850" i="1"/>
  <c r="AC12851" i="1"/>
  <c r="AC12852" i="1"/>
  <c r="AC12853" i="1"/>
  <c r="AC12854" i="1"/>
  <c r="AC12855" i="1"/>
  <c r="AC12856" i="1"/>
  <c r="AC12857" i="1"/>
  <c r="AC12858" i="1"/>
  <c r="AC12859" i="1"/>
  <c r="AD12859" i="1" s="1"/>
  <c r="AC12860" i="1"/>
  <c r="AC12861" i="1"/>
  <c r="AC12862" i="1"/>
  <c r="AC12863" i="1"/>
  <c r="AC12864" i="1"/>
  <c r="AC12865" i="1"/>
  <c r="AC12866" i="1"/>
  <c r="AC12867" i="1"/>
  <c r="AC12868" i="1"/>
  <c r="AC12869" i="1"/>
  <c r="AC12870" i="1"/>
  <c r="AC12871" i="1"/>
  <c r="AD12871" i="1" s="1"/>
  <c r="AC12872" i="1"/>
  <c r="AC12873" i="1"/>
  <c r="AC12874" i="1"/>
  <c r="AC12875" i="1"/>
  <c r="AC12876" i="1"/>
  <c r="AC12877" i="1"/>
  <c r="AC12878" i="1"/>
  <c r="AC12879" i="1"/>
  <c r="AC12880" i="1"/>
  <c r="AC12881" i="1"/>
  <c r="AC12882" i="1"/>
  <c r="AC12883" i="1"/>
  <c r="AD12883" i="1" s="1"/>
  <c r="AC12884" i="1"/>
  <c r="AC12885" i="1"/>
  <c r="AC12886" i="1"/>
  <c r="AC12887" i="1"/>
  <c r="AC12888" i="1"/>
  <c r="AC12889" i="1"/>
  <c r="AC12890" i="1"/>
  <c r="AC12891" i="1"/>
  <c r="AC12892" i="1"/>
  <c r="AC12893" i="1"/>
  <c r="AC12894" i="1"/>
  <c r="AC12895" i="1"/>
  <c r="AD12895" i="1" s="1"/>
  <c r="AC12896" i="1"/>
  <c r="AC12897" i="1"/>
  <c r="AC12898" i="1"/>
  <c r="AC12899" i="1"/>
  <c r="AC12900" i="1"/>
  <c r="AC12901" i="1"/>
  <c r="AC12902" i="1"/>
  <c r="AC12903" i="1"/>
  <c r="AC12904" i="1"/>
  <c r="AC12905" i="1"/>
  <c r="AC12906" i="1"/>
  <c r="AC12907" i="1"/>
  <c r="AD12907" i="1" s="1"/>
  <c r="AC12908" i="1"/>
  <c r="AC12909" i="1"/>
  <c r="AC12910" i="1"/>
  <c r="AC12911" i="1"/>
  <c r="AC12912" i="1"/>
  <c r="AC12913" i="1"/>
  <c r="AC12914" i="1"/>
  <c r="AC12915" i="1"/>
  <c r="AC12916" i="1"/>
  <c r="AC12917" i="1"/>
  <c r="AC12918" i="1"/>
  <c r="AC12919" i="1"/>
  <c r="AD12919" i="1" s="1"/>
  <c r="AC12920" i="1"/>
  <c r="AC12921" i="1"/>
  <c r="AC12922" i="1"/>
  <c r="AC12923" i="1"/>
  <c r="AC12924" i="1"/>
  <c r="AC12925" i="1"/>
  <c r="AC12926" i="1"/>
  <c r="AC12927" i="1"/>
  <c r="AC12928" i="1"/>
  <c r="AC12929" i="1"/>
  <c r="AC12930" i="1"/>
  <c r="AC12931" i="1"/>
  <c r="AD12931" i="1" s="1"/>
  <c r="AC12932" i="1"/>
  <c r="AC12933" i="1"/>
  <c r="AC12934" i="1"/>
  <c r="AC12935" i="1"/>
  <c r="AC12936" i="1"/>
  <c r="AC12937" i="1"/>
  <c r="AC12938" i="1"/>
  <c r="AC12939" i="1"/>
  <c r="AC12940" i="1"/>
  <c r="AC12941" i="1"/>
  <c r="AC12942" i="1"/>
  <c r="AC12943" i="1"/>
  <c r="AD12943" i="1" s="1"/>
  <c r="AC12944" i="1"/>
  <c r="AC12945" i="1"/>
  <c r="AC12946" i="1"/>
  <c r="AC12947" i="1"/>
  <c r="AC12948" i="1"/>
  <c r="AC12949" i="1"/>
  <c r="AC12950" i="1"/>
  <c r="AC12951" i="1"/>
  <c r="AC12952" i="1"/>
  <c r="AC12953" i="1"/>
  <c r="AC12954" i="1"/>
  <c r="AC12955" i="1"/>
  <c r="AD12955" i="1" s="1"/>
  <c r="AC12956" i="1"/>
  <c r="AC12957" i="1"/>
  <c r="AC12958" i="1"/>
  <c r="AC12959" i="1"/>
  <c r="AC12960" i="1"/>
  <c r="AC12961" i="1"/>
  <c r="AC12962" i="1"/>
  <c r="AC12963" i="1"/>
  <c r="AC12964" i="1"/>
  <c r="AC12965" i="1"/>
  <c r="AC12966" i="1"/>
  <c r="AC12967" i="1"/>
  <c r="AD12967" i="1" s="1"/>
  <c r="AC12968" i="1"/>
  <c r="AC12969" i="1"/>
  <c r="AC12970" i="1"/>
  <c r="AC12971" i="1"/>
  <c r="AC12972" i="1"/>
  <c r="AC12973" i="1"/>
  <c r="AC12974" i="1"/>
  <c r="AC12975" i="1"/>
  <c r="AC12976" i="1"/>
  <c r="AC12977" i="1"/>
  <c r="AC12978" i="1"/>
  <c r="AC12979" i="1"/>
  <c r="AD12979" i="1" s="1"/>
  <c r="AC12980" i="1"/>
  <c r="AC12981" i="1"/>
  <c r="AC12982" i="1"/>
  <c r="AC12983" i="1"/>
  <c r="AC12984" i="1"/>
  <c r="AC12985" i="1"/>
  <c r="AC12986" i="1"/>
  <c r="AC12987" i="1"/>
  <c r="AC12988" i="1"/>
  <c r="AC12989" i="1"/>
  <c r="AC12990" i="1"/>
  <c r="AC12991" i="1"/>
  <c r="AD12991" i="1" s="1"/>
  <c r="AC12992" i="1"/>
  <c r="AC12993" i="1"/>
  <c r="AC12994" i="1"/>
  <c r="AC12995" i="1"/>
  <c r="AC12996" i="1"/>
  <c r="AC12997" i="1"/>
  <c r="AC12998" i="1"/>
  <c r="AC12999" i="1"/>
  <c r="AC13000" i="1"/>
  <c r="AC13001" i="1"/>
  <c r="AC13002" i="1"/>
  <c r="AC13003" i="1"/>
  <c r="AD13003" i="1" s="1"/>
  <c r="AC13004" i="1"/>
  <c r="AC13005" i="1"/>
  <c r="AC13006" i="1"/>
  <c r="AC13007" i="1"/>
  <c r="AC13008" i="1"/>
  <c r="AC13009" i="1"/>
  <c r="AC13010" i="1"/>
  <c r="AC13011" i="1"/>
  <c r="AC13012" i="1"/>
  <c r="AC13013" i="1"/>
  <c r="AC13014" i="1"/>
  <c r="AC13015" i="1"/>
  <c r="AD13015" i="1" s="1"/>
  <c r="AC13016" i="1"/>
  <c r="AC13017" i="1"/>
  <c r="AC13018" i="1"/>
  <c r="AC13019" i="1"/>
  <c r="AC13020" i="1"/>
  <c r="AC13021" i="1"/>
  <c r="AC13022" i="1"/>
  <c r="AC13023" i="1"/>
  <c r="AC13024" i="1"/>
  <c r="AC13025" i="1"/>
  <c r="AC13026" i="1"/>
  <c r="AC13027" i="1"/>
  <c r="AD13027" i="1" s="1"/>
  <c r="AC13028" i="1"/>
  <c r="AC13029" i="1"/>
  <c r="AC13030" i="1"/>
  <c r="AC13031" i="1"/>
  <c r="AC13032" i="1"/>
  <c r="AC13033" i="1"/>
  <c r="AC13034" i="1"/>
  <c r="AC13035" i="1"/>
  <c r="AC13036" i="1"/>
  <c r="AC13037" i="1"/>
  <c r="AC13038" i="1"/>
  <c r="AC13039" i="1"/>
  <c r="AD13039" i="1" s="1"/>
  <c r="AC13040" i="1"/>
  <c r="AC13041" i="1"/>
  <c r="AC13042" i="1"/>
  <c r="AC13043" i="1"/>
  <c r="AC13044" i="1"/>
  <c r="AC13045" i="1"/>
  <c r="AC13046" i="1"/>
  <c r="AC13047" i="1"/>
  <c r="AC13048" i="1"/>
  <c r="AC13049" i="1"/>
  <c r="AC13050" i="1"/>
  <c r="AC13051" i="1"/>
  <c r="AD13051" i="1" s="1"/>
  <c r="AC13052" i="1"/>
  <c r="AC13053" i="1"/>
  <c r="AC13054" i="1"/>
  <c r="AC13055" i="1"/>
  <c r="AC13056" i="1"/>
  <c r="AC13057" i="1"/>
  <c r="AC13058" i="1"/>
  <c r="AC13059" i="1"/>
  <c r="AC13060" i="1"/>
  <c r="AC13061" i="1"/>
  <c r="AC13062" i="1"/>
  <c r="AC13063" i="1"/>
  <c r="AD13063" i="1" s="1"/>
  <c r="AC13064" i="1"/>
  <c r="AC13065" i="1"/>
  <c r="AC13066" i="1"/>
  <c r="AC13067" i="1"/>
  <c r="AC13068" i="1"/>
  <c r="AC13069" i="1"/>
  <c r="AC13070" i="1"/>
  <c r="AC13071" i="1"/>
  <c r="AC13072" i="1"/>
  <c r="AC13073" i="1"/>
  <c r="AC13074" i="1"/>
  <c r="AC13075" i="1"/>
  <c r="AD13075" i="1" s="1"/>
  <c r="AC13076" i="1"/>
  <c r="AC13077" i="1"/>
  <c r="AC13078" i="1"/>
  <c r="AC13079" i="1"/>
  <c r="AC13080" i="1"/>
  <c r="AC13081" i="1"/>
  <c r="AC13082" i="1"/>
  <c r="AC13083" i="1"/>
  <c r="AC13084" i="1"/>
  <c r="AC13085" i="1"/>
  <c r="AC13086" i="1"/>
  <c r="AC13087" i="1"/>
  <c r="AD13087" i="1" s="1"/>
  <c r="AC13088" i="1"/>
  <c r="AC13089" i="1"/>
  <c r="AC13090" i="1"/>
  <c r="AC13091" i="1"/>
  <c r="AC13092" i="1"/>
  <c r="AC13093" i="1"/>
  <c r="AC13094" i="1"/>
  <c r="AC13095" i="1"/>
  <c r="AC13096" i="1"/>
  <c r="AC13097" i="1"/>
  <c r="AC13098" i="1"/>
  <c r="AC13099" i="1"/>
  <c r="AD13099" i="1" s="1"/>
  <c r="AC13100" i="1"/>
  <c r="AC13101" i="1"/>
  <c r="AC13102" i="1"/>
  <c r="AC13103" i="1"/>
  <c r="AC13104" i="1"/>
  <c r="AC13105" i="1"/>
  <c r="AC13106" i="1"/>
  <c r="AC13107" i="1"/>
  <c r="AC13108" i="1"/>
  <c r="AC13109" i="1"/>
  <c r="AC13110" i="1"/>
  <c r="AC13111" i="1"/>
  <c r="AD13111" i="1" s="1"/>
  <c r="AC13112" i="1"/>
  <c r="AC13113" i="1"/>
  <c r="AC13114" i="1"/>
  <c r="AC13115" i="1"/>
  <c r="AC13116" i="1"/>
  <c r="AC13117" i="1"/>
  <c r="AC13118" i="1"/>
  <c r="AC13119" i="1"/>
  <c r="AC13120" i="1"/>
  <c r="AC13121" i="1"/>
  <c r="AC13122" i="1"/>
  <c r="AC13123" i="1"/>
  <c r="AD13123" i="1" s="1"/>
  <c r="AC13124" i="1"/>
  <c r="AC13125" i="1"/>
  <c r="AC13126" i="1"/>
  <c r="AC13127" i="1"/>
  <c r="AC13128" i="1"/>
  <c r="AC13129" i="1"/>
  <c r="AC13130" i="1"/>
  <c r="AC13131" i="1"/>
  <c r="AC13132" i="1"/>
  <c r="AC13133" i="1"/>
  <c r="AC13134" i="1"/>
  <c r="AC13135" i="1"/>
  <c r="AD13135" i="1" s="1"/>
  <c r="AC13136" i="1"/>
  <c r="AC13137" i="1"/>
  <c r="AC13138" i="1"/>
  <c r="AC13139" i="1"/>
  <c r="AC13140" i="1"/>
  <c r="AC13141" i="1"/>
  <c r="AC13142" i="1"/>
  <c r="AC13143" i="1"/>
  <c r="AC13144" i="1"/>
  <c r="AC13145" i="1"/>
  <c r="AC13146" i="1"/>
  <c r="AC13147" i="1"/>
  <c r="AD13147" i="1" s="1"/>
  <c r="AC13148" i="1"/>
  <c r="AC13149" i="1"/>
  <c r="AC13150" i="1"/>
  <c r="AC13151" i="1"/>
  <c r="AC13152" i="1"/>
  <c r="AC13153" i="1"/>
  <c r="AC13154" i="1"/>
  <c r="AC13155" i="1"/>
  <c r="AC13156" i="1"/>
  <c r="AC13157" i="1"/>
  <c r="AC13158" i="1"/>
  <c r="AC13159" i="1"/>
  <c r="AD13159" i="1" s="1"/>
  <c r="AC13160" i="1"/>
  <c r="AC13161" i="1"/>
  <c r="AC13162" i="1"/>
  <c r="AC13163" i="1"/>
  <c r="AC13164" i="1"/>
  <c r="AC13165" i="1"/>
  <c r="AC13166" i="1"/>
  <c r="AC13167" i="1"/>
  <c r="AC13168" i="1"/>
  <c r="AC13169" i="1"/>
  <c r="AC13170" i="1"/>
  <c r="AC13171" i="1"/>
  <c r="AD13171" i="1" s="1"/>
  <c r="AC13172" i="1"/>
  <c r="AC13173" i="1"/>
  <c r="AC13174" i="1"/>
  <c r="AC13175" i="1"/>
  <c r="AC13176" i="1"/>
  <c r="AC13177" i="1"/>
  <c r="AC13178" i="1"/>
  <c r="AC13179" i="1"/>
  <c r="AC13180" i="1"/>
  <c r="AC13181" i="1"/>
  <c r="AC13182" i="1"/>
  <c r="AC13183" i="1"/>
  <c r="AD13183" i="1" s="1"/>
  <c r="AC13184" i="1"/>
  <c r="AC13185" i="1"/>
  <c r="AC13186" i="1"/>
  <c r="AC13187" i="1"/>
  <c r="AC13188" i="1"/>
  <c r="AC13189" i="1"/>
  <c r="AC13190" i="1"/>
  <c r="AC13191" i="1"/>
  <c r="AC13192" i="1"/>
  <c r="AC13193" i="1"/>
  <c r="AC13194" i="1"/>
  <c r="AC13195" i="1"/>
  <c r="AD13195" i="1" s="1"/>
  <c r="AC13196" i="1"/>
  <c r="AC13197" i="1"/>
  <c r="AC13198" i="1"/>
  <c r="AC13199" i="1"/>
  <c r="AC13200" i="1"/>
  <c r="AC13201" i="1"/>
  <c r="AC13202" i="1"/>
  <c r="AC13203" i="1"/>
  <c r="AC13204" i="1"/>
  <c r="AC13205" i="1"/>
  <c r="AC13206" i="1"/>
  <c r="AC13207" i="1"/>
  <c r="AD13207" i="1" s="1"/>
  <c r="AC13208" i="1"/>
  <c r="AC13209" i="1"/>
  <c r="AC13210" i="1"/>
  <c r="AC13211" i="1"/>
  <c r="AC13212" i="1"/>
  <c r="AC13213" i="1"/>
  <c r="AC13214" i="1"/>
  <c r="AC13215" i="1"/>
  <c r="AC13216" i="1"/>
  <c r="AC13217" i="1"/>
  <c r="AC13218" i="1"/>
  <c r="AC13219" i="1"/>
  <c r="AD13219" i="1" s="1"/>
  <c r="AC13220" i="1"/>
  <c r="AC13221" i="1"/>
  <c r="AC13222" i="1"/>
  <c r="AC13223" i="1"/>
  <c r="AC13224" i="1"/>
  <c r="AC13225" i="1"/>
  <c r="AC13226" i="1"/>
  <c r="AC13227" i="1"/>
  <c r="AC13228" i="1"/>
  <c r="AC13229" i="1"/>
  <c r="AC13230" i="1"/>
  <c r="AC13231" i="1"/>
  <c r="AD13231" i="1" s="1"/>
  <c r="AC13232" i="1"/>
  <c r="AC13233" i="1"/>
  <c r="AC13234" i="1"/>
  <c r="AC13235" i="1"/>
  <c r="AC13236" i="1"/>
  <c r="AC13237" i="1"/>
  <c r="AC13238" i="1"/>
  <c r="AC13239" i="1"/>
  <c r="AC13240" i="1"/>
  <c r="AC13241" i="1"/>
  <c r="AC13242" i="1"/>
  <c r="AC13243" i="1"/>
  <c r="AD13243" i="1" s="1"/>
  <c r="AC13244" i="1"/>
  <c r="AC13245" i="1"/>
  <c r="AC13246" i="1"/>
  <c r="AC13247" i="1"/>
  <c r="AC13248" i="1"/>
  <c r="AC13249" i="1"/>
  <c r="AC13250" i="1"/>
  <c r="AC13251" i="1"/>
  <c r="AC13252" i="1"/>
  <c r="AC13253" i="1"/>
  <c r="AC13254" i="1"/>
  <c r="AC13255" i="1"/>
  <c r="AD13255" i="1" s="1"/>
  <c r="AC13256" i="1"/>
  <c r="AC13257" i="1"/>
  <c r="AC13258" i="1"/>
  <c r="AC13259" i="1"/>
  <c r="AC13260" i="1"/>
  <c r="AC13261" i="1"/>
  <c r="AC13262" i="1"/>
  <c r="AC13263" i="1"/>
  <c r="AC13264" i="1"/>
  <c r="AC13265" i="1"/>
  <c r="AC13266" i="1"/>
  <c r="AC13267" i="1"/>
  <c r="AD13267" i="1" s="1"/>
  <c r="AC13268" i="1"/>
  <c r="AC13269" i="1"/>
  <c r="AC13270" i="1"/>
  <c r="AC13271" i="1"/>
  <c r="AC13272" i="1"/>
  <c r="AC13273" i="1"/>
  <c r="AC13274" i="1"/>
  <c r="AC13275" i="1"/>
  <c r="AC13276" i="1"/>
  <c r="AC13277" i="1"/>
  <c r="AC13278" i="1"/>
  <c r="AC13279" i="1"/>
  <c r="AD13279" i="1" s="1"/>
  <c r="AC13280" i="1"/>
  <c r="AC13281" i="1"/>
  <c r="AC13282" i="1"/>
  <c r="AC13283" i="1"/>
  <c r="AC13284" i="1"/>
  <c r="AC13285" i="1"/>
  <c r="AC13286" i="1"/>
  <c r="AC13287" i="1"/>
  <c r="AC13288" i="1"/>
  <c r="AC13289" i="1"/>
  <c r="AC13290" i="1"/>
  <c r="AC13291" i="1"/>
  <c r="AD13291" i="1" s="1"/>
  <c r="AC13292" i="1"/>
  <c r="AC13293" i="1"/>
  <c r="AC13294" i="1"/>
  <c r="AC13295" i="1"/>
  <c r="AC13296" i="1"/>
  <c r="AC13297" i="1"/>
  <c r="AC13298" i="1"/>
  <c r="AC13299" i="1"/>
  <c r="AC13300" i="1"/>
  <c r="AC13301" i="1"/>
  <c r="AC13302" i="1"/>
  <c r="AC13303" i="1"/>
  <c r="AD13303" i="1" s="1"/>
  <c r="AC13304" i="1"/>
  <c r="AC13305" i="1"/>
  <c r="AC13306" i="1"/>
  <c r="AC13307" i="1"/>
  <c r="AC13308" i="1"/>
  <c r="AC13309" i="1"/>
  <c r="AC13310" i="1"/>
  <c r="AC13311" i="1"/>
  <c r="AC13312" i="1"/>
  <c r="AC13313" i="1"/>
  <c r="AC13314" i="1"/>
  <c r="AC13315" i="1"/>
  <c r="AD13315" i="1" s="1"/>
  <c r="AC13316" i="1"/>
  <c r="AC13317" i="1"/>
  <c r="AC13318" i="1"/>
  <c r="AC13319" i="1"/>
  <c r="AC13320" i="1"/>
  <c r="AC13321" i="1"/>
  <c r="AC13322" i="1"/>
  <c r="AC13323" i="1"/>
  <c r="AC13324" i="1"/>
  <c r="AC13325" i="1"/>
  <c r="AC13326" i="1"/>
  <c r="AC13327" i="1"/>
  <c r="AD13327" i="1" s="1"/>
  <c r="AC13328" i="1"/>
  <c r="AC13329" i="1"/>
  <c r="AC13330" i="1"/>
  <c r="AC13331" i="1"/>
  <c r="AC13332" i="1"/>
  <c r="AC13333" i="1"/>
  <c r="AC13334" i="1"/>
  <c r="AC13335" i="1"/>
  <c r="AC13336" i="1"/>
  <c r="AC13337" i="1"/>
  <c r="AC13338" i="1"/>
  <c r="AC13339" i="1"/>
  <c r="AD13339" i="1" s="1"/>
  <c r="AC13340" i="1"/>
  <c r="AC13341" i="1"/>
  <c r="AC13342" i="1"/>
  <c r="AC13343" i="1"/>
  <c r="AC13344" i="1"/>
  <c r="AC13345" i="1"/>
  <c r="AC13346" i="1"/>
  <c r="AC13347" i="1"/>
  <c r="AC13348" i="1"/>
  <c r="AC13349" i="1"/>
  <c r="AC13350" i="1"/>
  <c r="AC13351" i="1"/>
  <c r="AD13351" i="1" s="1"/>
  <c r="AC13352" i="1"/>
  <c r="AC13353" i="1"/>
  <c r="AC13354" i="1"/>
  <c r="AC13355" i="1"/>
  <c r="AC13356" i="1"/>
  <c r="AC13357" i="1"/>
  <c r="AC13358" i="1"/>
  <c r="AC13359" i="1"/>
  <c r="AC13360" i="1"/>
  <c r="AC13361" i="1"/>
  <c r="AC13362" i="1"/>
  <c r="AC13363" i="1"/>
  <c r="AD13363" i="1" s="1"/>
  <c r="AC13364" i="1"/>
  <c r="AC13365" i="1"/>
  <c r="AC13366" i="1"/>
  <c r="AC13367" i="1"/>
  <c r="AC13368" i="1"/>
  <c r="AC13369" i="1"/>
  <c r="AC13370" i="1"/>
  <c r="AC13371" i="1"/>
  <c r="AC13372" i="1"/>
  <c r="AC13373" i="1"/>
  <c r="AC13374" i="1"/>
  <c r="AC13375" i="1"/>
  <c r="AD13375" i="1" s="1"/>
  <c r="AC13376" i="1"/>
  <c r="AC13377" i="1"/>
  <c r="AC13378" i="1"/>
  <c r="AC13379" i="1"/>
  <c r="AC13380" i="1"/>
  <c r="AC13381" i="1"/>
  <c r="AC13382" i="1"/>
  <c r="AC13383" i="1"/>
  <c r="AC13384" i="1"/>
  <c r="AC13385" i="1"/>
  <c r="AC13386" i="1"/>
  <c r="AC13387" i="1"/>
  <c r="AD13387" i="1" s="1"/>
  <c r="AC13388" i="1"/>
  <c r="AC13389" i="1"/>
  <c r="AC13390" i="1"/>
  <c r="AC13391" i="1"/>
  <c r="AC13392" i="1"/>
  <c r="AC13393" i="1"/>
  <c r="AC13394" i="1"/>
  <c r="AC13395" i="1"/>
  <c r="AC13396" i="1"/>
  <c r="AC13397" i="1"/>
  <c r="AC13398" i="1"/>
  <c r="AC13399" i="1"/>
  <c r="AC13400" i="1"/>
  <c r="AC13401" i="1"/>
  <c r="AC13402" i="1"/>
  <c r="AC13403" i="1"/>
  <c r="AC13404" i="1"/>
  <c r="AC13405" i="1"/>
  <c r="AC13406" i="1"/>
  <c r="AC13407" i="1"/>
  <c r="AC13408" i="1"/>
  <c r="AC13409" i="1"/>
  <c r="AC13410" i="1"/>
  <c r="AC13411" i="1"/>
  <c r="AC13412" i="1"/>
  <c r="AC13413" i="1"/>
  <c r="AC13414" i="1"/>
  <c r="AC13415" i="1"/>
  <c r="AC13416" i="1"/>
  <c r="AC13417" i="1"/>
  <c r="AC13418" i="1"/>
  <c r="AC13419" i="1"/>
  <c r="AC13420" i="1"/>
  <c r="AC13421" i="1"/>
  <c r="AC13422" i="1"/>
  <c r="AC13423" i="1"/>
  <c r="AC13424" i="1"/>
  <c r="AC13425" i="1"/>
  <c r="AC13426" i="1"/>
  <c r="AC13427" i="1"/>
  <c r="AC13428" i="1"/>
  <c r="AC13429" i="1"/>
  <c r="AC13430" i="1"/>
  <c r="AC13431" i="1"/>
  <c r="AC13432" i="1"/>
  <c r="AC13433" i="1"/>
  <c r="AC13434" i="1"/>
  <c r="AC13435" i="1"/>
  <c r="AC13436" i="1"/>
  <c r="AC13437" i="1"/>
  <c r="AC13438" i="1"/>
  <c r="AC13439" i="1"/>
  <c r="AC13440" i="1"/>
  <c r="AC13441" i="1"/>
  <c r="AC13442" i="1"/>
  <c r="AC13443" i="1"/>
  <c r="AC13444" i="1"/>
  <c r="AC13445" i="1"/>
  <c r="AC13446" i="1"/>
  <c r="AC13447" i="1"/>
  <c r="AC13448" i="1"/>
  <c r="AC13449" i="1"/>
  <c r="AC13450" i="1"/>
  <c r="AC13451" i="1"/>
  <c r="AC13452" i="1"/>
  <c r="AC13453" i="1"/>
  <c r="AC13454" i="1"/>
  <c r="AC13455" i="1"/>
  <c r="AC13456" i="1"/>
  <c r="AC13457" i="1"/>
  <c r="AC13458" i="1"/>
  <c r="AC13459" i="1"/>
  <c r="AC13460" i="1"/>
  <c r="AC13461" i="1"/>
  <c r="AC13462" i="1"/>
  <c r="AC13463" i="1"/>
  <c r="AC13464" i="1"/>
  <c r="AC13465" i="1"/>
  <c r="AC13466" i="1"/>
  <c r="AC13467" i="1"/>
  <c r="AC13468" i="1"/>
  <c r="AC13469" i="1"/>
  <c r="AC13470" i="1"/>
  <c r="AC13471" i="1"/>
  <c r="AC13472" i="1"/>
  <c r="AC13473" i="1"/>
  <c r="AC13474" i="1"/>
  <c r="AC13475" i="1"/>
  <c r="AC13476" i="1"/>
  <c r="AC13477" i="1"/>
  <c r="AC13478" i="1"/>
  <c r="AC13479" i="1"/>
  <c r="AC13480" i="1"/>
  <c r="AC13481" i="1"/>
  <c r="AC13482" i="1"/>
  <c r="AC13483" i="1"/>
  <c r="AC13484" i="1"/>
  <c r="AC13485" i="1"/>
  <c r="AC13486" i="1"/>
  <c r="AC13487" i="1"/>
  <c r="AC13488" i="1"/>
  <c r="AC13489" i="1"/>
  <c r="AC13490" i="1"/>
  <c r="AC13491" i="1"/>
  <c r="AC13492" i="1"/>
  <c r="AC13493" i="1"/>
  <c r="AC13494" i="1"/>
  <c r="AC13495" i="1"/>
  <c r="AC13496" i="1"/>
  <c r="AC13497" i="1"/>
  <c r="AC13498" i="1"/>
  <c r="AC13499" i="1"/>
  <c r="AC13500" i="1"/>
  <c r="AC13501" i="1"/>
  <c r="AC13502" i="1"/>
  <c r="AC13503" i="1"/>
  <c r="AC13504" i="1"/>
  <c r="AC13505" i="1"/>
  <c r="AC13506" i="1"/>
  <c r="AC13507" i="1"/>
  <c r="AC13508" i="1"/>
  <c r="AC13509" i="1"/>
  <c r="AC13510" i="1"/>
  <c r="AC13511" i="1"/>
  <c r="AC13512" i="1"/>
  <c r="AC13513" i="1"/>
  <c r="AC13514" i="1"/>
  <c r="AC13515" i="1"/>
  <c r="AC13516" i="1"/>
  <c r="AC13517" i="1"/>
  <c r="AC13518" i="1"/>
  <c r="AC13519" i="1"/>
  <c r="AC13520" i="1"/>
  <c r="AC13521" i="1"/>
  <c r="AC13522" i="1"/>
  <c r="AC13523" i="1"/>
  <c r="AC13524" i="1"/>
  <c r="AC13525" i="1"/>
  <c r="AC13526" i="1"/>
  <c r="AC13527" i="1"/>
  <c r="AC13528" i="1"/>
  <c r="AC13529" i="1"/>
  <c r="AC13530" i="1"/>
  <c r="AC13531" i="1"/>
  <c r="AC13532" i="1"/>
  <c r="AC13533" i="1"/>
  <c r="AC13534" i="1"/>
  <c r="AC13535" i="1"/>
  <c r="AC13536" i="1"/>
  <c r="AC13537" i="1"/>
  <c r="AC13538" i="1"/>
  <c r="AC13539" i="1"/>
  <c r="AC13540" i="1"/>
  <c r="AC13541" i="1"/>
  <c r="AC13542" i="1"/>
  <c r="AC13543" i="1"/>
  <c r="AC13544" i="1"/>
  <c r="AC13545" i="1"/>
  <c r="AC13546" i="1"/>
  <c r="AC13547" i="1"/>
  <c r="AC13548" i="1"/>
  <c r="AC13549" i="1"/>
  <c r="AC13550" i="1"/>
  <c r="AC13551" i="1"/>
  <c r="AC13552" i="1"/>
  <c r="AC13553" i="1"/>
  <c r="AC13554" i="1"/>
  <c r="AC13555" i="1"/>
  <c r="AC13556" i="1"/>
  <c r="AC13557" i="1"/>
  <c r="AC13558" i="1"/>
  <c r="AC13559" i="1"/>
  <c r="AC13560" i="1"/>
  <c r="AC13561" i="1"/>
  <c r="AC13562" i="1"/>
  <c r="AC13563" i="1"/>
  <c r="AC13564" i="1"/>
  <c r="AC13565" i="1"/>
  <c r="AC13566" i="1"/>
  <c r="AC13567" i="1"/>
  <c r="AC13568" i="1"/>
  <c r="AC13569" i="1"/>
  <c r="AC13570" i="1"/>
  <c r="AC13571" i="1"/>
  <c r="AC13572" i="1"/>
  <c r="AC13573" i="1"/>
  <c r="AC13574" i="1"/>
  <c r="AC13575" i="1"/>
  <c r="AC13576" i="1"/>
  <c r="AC13577" i="1"/>
  <c r="AC13578" i="1"/>
  <c r="AC13579" i="1"/>
  <c r="AC13580" i="1"/>
  <c r="AC13581" i="1"/>
  <c r="AC13582" i="1"/>
  <c r="AC13583" i="1"/>
  <c r="AC13584" i="1"/>
  <c r="AC13585" i="1"/>
  <c r="AC13586" i="1"/>
  <c r="AC13587" i="1"/>
  <c r="AC13588" i="1"/>
  <c r="AC13589" i="1"/>
  <c r="AC13590" i="1"/>
  <c r="AC13591" i="1"/>
  <c r="AC13592" i="1"/>
  <c r="AC13593" i="1"/>
  <c r="AC13594" i="1"/>
  <c r="AC13595" i="1"/>
  <c r="AC13596" i="1"/>
  <c r="AC13597" i="1"/>
  <c r="AC13598" i="1"/>
  <c r="AC13599" i="1"/>
  <c r="AC13600" i="1"/>
  <c r="AC13601" i="1"/>
  <c r="AC13602" i="1"/>
  <c r="AC13603" i="1"/>
  <c r="AC13604" i="1"/>
  <c r="AC13605" i="1"/>
  <c r="AC13606" i="1"/>
  <c r="AC13607" i="1"/>
  <c r="AC13608" i="1"/>
  <c r="AC13609" i="1"/>
  <c r="AC13610" i="1"/>
  <c r="AC13611" i="1"/>
  <c r="AC13612" i="1"/>
  <c r="AC13613" i="1"/>
  <c r="AC13614" i="1"/>
  <c r="AC13615" i="1"/>
  <c r="AC13616" i="1"/>
  <c r="AC13617" i="1"/>
  <c r="AC13618" i="1"/>
  <c r="AC13619" i="1"/>
  <c r="AC13620" i="1"/>
  <c r="AC13621" i="1"/>
  <c r="AC13622" i="1"/>
  <c r="AC13623" i="1"/>
  <c r="AC13624" i="1"/>
  <c r="AC13625" i="1"/>
  <c r="AC13626" i="1"/>
  <c r="AC13627" i="1"/>
  <c r="AC13628" i="1"/>
  <c r="AC13629" i="1"/>
  <c r="AC13630" i="1"/>
  <c r="AC13631" i="1"/>
  <c r="AC13632" i="1"/>
  <c r="AC13633" i="1"/>
  <c r="AC13634" i="1"/>
  <c r="AC13635" i="1"/>
  <c r="AC13636" i="1"/>
  <c r="AC13637" i="1"/>
  <c r="AC13638" i="1"/>
  <c r="AC13639" i="1"/>
  <c r="AC13640" i="1"/>
  <c r="AC13641" i="1"/>
  <c r="AC13642" i="1"/>
  <c r="AC13643" i="1"/>
  <c r="AC13644" i="1"/>
  <c r="AC13645" i="1"/>
  <c r="AC13646" i="1"/>
  <c r="AC13647" i="1"/>
  <c r="AC13648" i="1"/>
  <c r="AC13649" i="1"/>
  <c r="AC13650" i="1"/>
  <c r="AC13651" i="1"/>
  <c r="AC13652" i="1"/>
  <c r="AC13653" i="1"/>
  <c r="AC13654" i="1"/>
  <c r="AC13655" i="1"/>
  <c r="AC13656" i="1"/>
  <c r="AC13657" i="1"/>
  <c r="AC13658" i="1"/>
  <c r="AC13659" i="1"/>
  <c r="AC13660" i="1"/>
  <c r="AC13661" i="1"/>
  <c r="AC13662" i="1"/>
  <c r="AC13663" i="1"/>
  <c r="AC13664" i="1"/>
  <c r="AC13665" i="1"/>
  <c r="AC13666" i="1"/>
  <c r="AC13667" i="1"/>
  <c r="AC13668" i="1"/>
  <c r="AC13669" i="1"/>
  <c r="AC13670" i="1"/>
  <c r="AC13671" i="1"/>
  <c r="AC13672" i="1"/>
  <c r="AC13673" i="1"/>
  <c r="AC13674" i="1"/>
  <c r="AC13675" i="1"/>
  <c r="AC13676" i="1"/>
  <c r="AC13677" i="1"/>
  <c r="AC13678" i="1"/>
  <c r="AC13679" i="1"/>
  <c r="AC13680" i="1"/>
  <c r="AC13681" i="1"/>
  <c r="AC13682" i="1"/>
  <c r="AC13683" i="1"/>
  <c r="AC13684" i="1"/>
  <c r="AC13685" i="1"/>
  <c r="AC13686" i="1"/>
  <c r="AC13687" i="1"/>
  <c r="AC13688" i="1"/>
  <c r="AC13689" i="1"/>
  <c r="AC13690" i="1"/>
  <c r="AC13691" i="1"/>
  <c r="AC13692" i="1"/>
  <c r="AC13693" i="1"/>
  <c r="AC13694" i="1"/>
  <c r="AC13695" i="1"/>
  <c r="AC13696" i="1"/>
  <c r="AC13697" i="1"/>
  <c r="AC13698" i="1"/>
  <c r="AC13699" i="1"/>
  <c r="AC13700" i="1"/>
  <c r="AC13701" i="1"/>
  <c r="AC13702" i="1"/>
  <c r="AC13703" i="1"/>
  <c r="AC13704" i="1"/>
  <c r="AC13705" i="1"/>
  <c r="AC13706" i="1"/>
  <c r="AC13707" i="1"/>
  <c r="AC13708" i="1"/>
  <c r="AC13709" i="1"/>
  <c r="AC13710" i="1"/>
  <c r="AC13711" i="1"/>
  <c r="AC13712" i="1"/>
  <c r="AC13713" i="1"/>
  <c r="AC13714" i="1"/>
  <c r="AC13715" i="1"/>
  <c r="AC13716" i="1"/>
  <c r="AC13717" i="1"/>
  <c r="AC13718" i="1"/>
  <c r="AC13719" i="1"/>
  <c r="AC13720" i="1"/>
  <c r="AC13721" i="1"/>
  <c r="AC13722" i="1"/>
  <c r="AC13723" i="1"/>
  <c r="AC13724" i="1"/>
  <c r="AC13725" i="1"/>
  <c r="AC13726" i="1"/>
  <c r="AC13727" i="1"/>
  <c r="AC13728" i="1"/>
  <c r="AC13729" i="1"/>
  <c r="AC13730" i="1"/>
  <c r="AC13731" i="1"/>
  <c r="AC13732" i="1"/>
  <c r="AC13733" i="1"/>
  <c r="AC13734" i="1"/>
  <c r="AC13735" i="1"/>
  <c r="AC13736" i="1"/>
  <c r="AC13737" i="1"/>
  <c r="AC13738" i="1"/>
  <c r="AC13739" i="1"/>
  <c r="AC13740" i="1"/>
  <c r="AC13741" i="1"/>
  <c r="AC13742" i="1"/>
  <c r="AC13743" i="1"/>
  <c r="AC13744" i="1"/>
  <c r="AC13745" i="1"/>
  <c r="AC13746" i="1"/>
  <c r="AC13747" i="1"/>
  <c r="AC13748" i="1"/>
  <c r="AC13749" i="1"/>
  <c r="AC13750" i="1"/>
  <c r="AC13751" i="1"/>
  <c r="AC13752" i="1"/>
  <c r="AC13753" i="1"/>
  <c r="AC13754" i="1"/>
  <c r="AC13755" i="1"/>
  <c r="AC13756" i="1"/>
  <c r="AC13757" i="1"/>
  <c r="AC13758" i="1"/>
  <c r="AC13759" i="1"/>
  <c r="AC13760" i="1"/>
  <c r="AC13761" i="1"/>
  <c r="AC13762" i="1"/>
  <c r="AC13763" i="1"/>
  <c r="AC13764" i="1"/>
  <c r="AC13765" i="1"/>
  <c r="AC13766" i="1"/>
  <c r="AC13767" i="1"/>
  <c r="AC13768" i="1"/>
  <c r="AC13769" i="1"/>
  <c r="AC13770" i="1"/>
  <c r="AC13771" i="1"/>
  <c r="AC13772" i="1"/>
  <c r="AC13773" i="1"/>
  <c r="AC13774" i="1"/>
  <c r="AC13775" i="1"/>
  <c r="AC13776" i="1"/>
  <c r="AC13777" i="1"/>
  <c r="AC13778" i="1"/>
  <c r="AC13779" i="1"/>
  <c r="AC13780" i="1"/>
  <c r="AC13781" i="1"/>
  <c r="AC13782" i="1"/>
  <c r="AC13783" i="1"/>
  <c r="AC13784" i="1"/>
  <c r="AC13785" i="1"/>
  <c r="AC13786" i="1"/>
  <c r="AC13787" i="1"/>
  <c r="AC13788" i="1"/>
  <c r="AC13789" i="1"/>
  <c r="AC13790" i="1"/>
  <c r="AC13791" i="1"/>
  <c r="AC13792" i="1"/>
  <c r="AC13793" i="1"/>
  <c r="AC13794" i="1"/>
  <c r="AC13795" i="1"/>
  <c r="AC13796" i="1"/>
  <c r="AC13797" i="1"/>
  <c r="AC13798" i="1"/>
  <c r="AC13799" i="1"/>
  <c r="AC13800" i="1"/>
  <c r="AC13801" i="1"/>
  <c r="AC13802" i="1"/>
  <c r="AC13803" i="1"/>
  <c r="AC13804" i="1"/>
  <c r="AC13805" i="1"/>
  <c r="AC13806" i="1"/>
  <c r="AC13807" i="1"/>
  <c r="AC13808" i="1"/>
  <c r="AC13809" i="1"/>
  <c r="AC13810" i="1"/>
  <c r="AC13811" i="1"/>
  <c r="AC13812" i="1"/>
  <c r="AC13813" i="1"/>
  <c r="AC13814" i="1"/>
  <c r="AC13815" i="1"/>
  <c r="AC13816" i="1"/>
  <c r="AC13817" i="1"/>
  <c r="AC13818" i="1"/>
  <c r="AC13819" i="1"/>
  <c r="AC13820" i="1"/>
  <c r="AC13821" i="1"/>
  <c r="AC13822" i="1"/>
  <c r="AC13823" i="1"/>
  <c r="AC13824" i="1"/>
  <c r="AC13825" i="1"/>
  <c r="AC13826" i="1"/>
  <c r="AC13827" i="1"/>
  <c r="AC13828" i="1"/>
  <c r="AC13829" i="1"/>
  <c r="AC13830" i="1"/>
  <c r="AC13831" i="1"/>
  <c r="AC13832" i="1"/>
  <c r="AC13833" i="1"/>
  <c r="AC13834" i="1"/>
  <c r="AC13835" i="1"/>
  <c r="AC13836" i="1"/>
  <c r="AC13837" i="1"/>
  <c r="AC13838" i="1"/>
  <c r="AC13839" i="1"/>
  <c r="AC13840" i="1"/>
  <c r="AC13841" i="1"/>
  <c r="AC13842" i="1"/>
  <c r="AC13843" i="1"/>
  <c r="AC13844" i="1"/>
  <c r="AC13845" i="1"/>
  <c r="AC13846" i="1"/>
  <c r="AC13847" i="1"/>
  <c r="AC13848" i="1"/>
  <c r="AC13849" i="1"/>
  <c r="AC13850" i="1"/>
  <c r="AC13851" i="1"/>
  <c r="AC13852" i="1"/>
  <c r="AC13853" i="1"/>
  <c r="AC13854" i="1"/>
  <c r="AC13855" i="1"/>
  <c r="AC13856" i="1"/>
  <c r="AC13857" i="1"/>
  <c r="AC13858" i="1"/>
  <c r="AC13859" i="1"/>
  <c r="AC13860" i="1"/>
  <c r="AC13861" i="1"/>
  <c r="AC13862" i="1"/>
  <c r="AC13863" i="1"/>
  <c r="AC13864" i="1"/>
  <c r="AC13865" i="1"/>
  <c r="AC13866" i="1"/>
  <c r="AC13867" i="1"/>
  <c r="AC13868" i="1"/>
  <c r="AC13869" i="1"/>
  <c r="AC13870" i="1"/>
  <c r="AC13871" i="1"/>
  <c r="AC13872" i="1"/>
  <c r="AC13873" i="1"/>
  <c r="AC13874" i="1"/>
  <c r="AC13875" i="1"/>
  <c r="AC13876" i="1"/>
  <c r="AC13877" i="1"/>
  <c r="AC13878" i="1"/>
  <c r="AC13879" i="1"/>
  <c r="AC13880" i="1"/>
  <c r="AC13881" i="1"/>
  <c r="AC13882" i="1"/>
  <c r="AC13883" i="1"/>
  <c r="AC13884" i="1"/>
  <c r="AC13885" i="1"/>
  <c r="AC13886" i="1"/>
  <c r="AC13887" i="1"/>
  <c r="AC13888" i="1"/>
  <c r="AC13889" i="1"/>
  <c r="AC13890" i="1"/>
  <c r="AC13891" i="1"/>
  <c r="AC13892" i="1"/>
  <c r="AC13893" i="1"/>
  <c r="AC13894" i="1"/>
  <c r="AC13895" i="1"/>
  <c r="AC13896" i="1"/>
  <c r="AC13897" i="1"/>
  <c r="AC13898" i="1"/>
  <c r="AC13899" i="1"/>
  <c r="AC13900" i="1"/>
  <c r="AC13901" i="1"/>
  <c r="AC13902" i="1"/>
  <c r="AC13903" i="1"/>
  <c r="AC13904" i="1"/>
  <c r="AC13905" i="1"/>
  <c r="AC13906" i="1"/>
  <c r="AC13907" i="1"/>
  <c r="AC13908" i="1"/>
  <c r="AC13909" i="1"/>
  <c r="AC13910" i="1"/>
  <c r="AC13911" i="1"/>
  <c r="AC13912" i="1"/>
  <c r="AC13913" i="1"/>
  <c r="AC13914" i="1"/>
  <c r="AC13915" i="1"/>
  <c r="AC13916" i="1"/>
  <c r="AC13917" i="1"/>
  <c r="AC13918" i="1"/>
  <c r="AC13919" i="1"/>
  <c r="AC13920" i="1"/>
  <c r="AC13921" i="1"/>
  <c r="AC13922" i="1"/>
  <c r="AC13923" i="1"/>
  <c r="AC13924" i="1"/>
  <c r="AC13925" i="1"/>
  <c r="AC13926" i="1"/>
  <c r="AC13927" i="1"/>
  <c r="AC13928" i="1"/>
  <c r="AC13929" i="1"/>
  <c r="AC13930" i="1"/>
  <c r="AC13931" i="1"/>
  <c r="AC13932" i="1"/>
  <c r="AC13933" i="1"/>
  <c r="AC13934" i="1"/>
  <c r="AC13935" i="1"/>
  <c r="AC13936" i="1"/>
  <c r="AC13937" i="1"/>
  <c r="AC13938" i="1"/>
  <c r="AC13939" i="1"/>
  <c r="AC13940" i="1"/>
  <c r="AC13941" i="1"/>
  <c r="AC13942" i="1"/>
  <c r="AC13943" i="1"/>
  <c r="AC13944" i="1"/>
  <c r="AC13945" i="1"/>
  <c r="AC13946" i="1"/>
  <c r="AC13947" i="1"/>
  <c r="AC13948" i="1"/>
  <c r="AC13949" i="1"/>
  <c r="AC13950" i="1"/>
  <c r="AC13951" i="1"/>
  <c r="AC13952" i="1"/>
  <c r="AC13953" i="1"/>
  <c r="AC13954" i="1"/>
  <c r="AC13955" i="1"/>
  <c r="AC13956" i="1"/>
  <c r="AC13957" i="1"/>
  <c r="AC13958" i="1"/>
  <c r="AC13959" i="1"/>
  <c r="AC13960" i="1"/>
  <c r="AC13961" i="1"/>
  <c r="AC13962" i="1"/>
  <c r="AC13963" i="1"/>
  <c r="AC13964" i="1"/>
  <c r="AC13965" i="1"/>
  <c r="AC13966" i="1"/>
  <c r="AC13967" i="1"/>
  <c r="AC13968" i="1"/>
  <c r="AC13969" i="1"/>
  <c r="AC13970" i="1"/>
  <c r="AC13971" i="1"/>
  <c r="AC13972" i="1"/>
  <c r="AC13973" i="1"/>
  <c r="AC13974" i="1"/>
  <c r="AC13975" i="1"/>
  <c r="AC13976" i="1"/>
  <c r="AC13977" i="1"/>
  <c r="AC13978" i="1"/>
  <c r="AC13979" i="1"/>
  <c r="AC13980" i="1"/>
  <c r="AC13981" i="1"/>
  <c r="AC13982" i="1"/>
  <c r="AC13983" i="1"/>
  <c r="AC13984" i="1"/>
  <c r="AC13985" i="1"/>
  <c r="AC13986" i="1"/>
  <c r="AC13987" i="1"/>
  <c r="AC13988" i="1"/>
  <c r="AC13989" i="1"/>
  <c r="AC13990" i="1"/>
  <c r="AC13991" i="1"/>
  <c r="AC13992" i="1"/>
  <c r="AC13993" i="1"/>
  <c r="AC13994" i="1"/>
  <c r="AC13995" i="1"/>
  <c r="AC13996" i="1"/>
  <c r="AC13997" i="1"/>
  <c r="AC13998" i="1"/>
  <c r="AC13999" i="1"/>
  <c r="AC14000" i="1"/>
  <c r="AC14001" i="1"/>
  <c r="AC14002" i="1"/>
  <c r="AC14003" i="1"/>
  <c r="AC14004" i="1"/>
  <c r="AC14005" i="1"/>
  <c r="AC14006" i="1"/>
  <c r="AC14007" i="1"/>
  <c r="AC14008" i="1"/>
  <c r="AC14009" i="1"/>
  <c r="AC14010" i="1"/>
  <c r="AC14011" i="1"/>
  <c r="AC14012" i="1"/>
  <c r="AC14013" i="1"/>
  <c r="AC14014" i="1"/>
  <c r="AC14015" i="1"/>
  <c r="AC14016" i="1"/>
  <c r="AC14017" i="1"/>
  <c r="AC14018" i="1"/>
  <c r="AC14019" i="1"/>
  <c r="AC14020" i="1"/>
  <c r="AC14021" i="1"/>
  <c r="AC14022" i="1"/>
  <c r="AC14023" i="1"/>
  <c r="AC14024" i="1"/>
  <c r="AC14025" i="1"/>
  <c r="AC14026" i="1"/>
  <c r="AC14027" i="1"/>
  <c r="AC14028" i="1"/>
  <c r="AC14029" i="1"/>
  <c r="AC14030" i="1"/>
  <c r="AC14031" i="1"/>
  <c r="AC14032" i="1"/>
  <c r="AC14033" i="1"/>
  <c r="AC14034" i="1"/>
  <c r="AC14035" i="1"/>
  <c r="AC14036" i="1"/>
  <c r="AC14037" i="1"/>
  <c r="AC14038" i="1"/>
  <c r="AC14039" i="1"/>
  <c r="AC14040" i="1"/>
  <c r="AC14041" i="1"/>
  <c r="AC14042" i="1"/>
  <c r="AC14043" i="1"/>
  <c r="AC14044" i="1"/>
  <c r="AC14045" i="1"/>
  <c r="AC14046" i="1"/>
  <c r="AC14047" i="1"/>
  <c r="AC14048" i="1"/>
  <c r="AC14049" i="1"/>
  <c r="AC14050" i="1"/>
  <c r="AC14051" i="1"/>
  <c r="AC14052" i="1"/>
  <c r="AC14053" i="1"/>
  <c r="AC14054" i="1"/>
  <c r="AC14055" i="1"/>
  <c r="AC14056" i="1"/>
  <c r="AC14057" i="1"/>
  <c r="AC14058" i="1"/>
  <c r="AC14059" i="1"/>
  <c r="AC14060" i="1"/>
  <c r="AC14061" i="1"/>
  <c r="AC14062" i="1"/>
  <c r="AC14063" i="1"/>
  <c r="AC14064" i="1"/>
  <c r="AC14065" i="1"/>
  <c r="AC14066" i="1"/>
  <c r="AC14067" i="1"/>
  <c r="AC14068" i="1"/>
  <c r="AC14069" i="1"/>
  <c r="AC14070" i="1"/>
  <c r="AC14071" i="1"/>
  <c r="AC14072" i="1"/>
  <c r="AC14073" i="1"/>
  <c r="AC14074" i="1"/>
  <c r="AC14075" i="1"/>
  <c r="AC14076" i="1"/>
  <c r="AC14077" i="1"/>
  <c r="AC14078" i="1"/>
  <c r="AC14079" i="1"/>
  <c r="AC14080" i="1"/>
  <c r="AC14081" i="1"/>
  <c r="AC14082" i="1"/>
  <c r="AC14083" i="1"/>
  <c r="AC14084" i="1"/>
  <c r="AC14085" i="1"/>
  <c r="AC14086" i="1"/>
  <c r="AC14087" i="1"/>
  <c r="AC14088" i="1"/>
  <c r="AC14089" i="1"/>
  <c r="AC14090" i="1"/>
  <c r="AC14091" i="1"/>
  <c r="AC14092" i="1"/>
  <c r="AC14093" i="1"/>
  <c r="AC14094" i="1"/>
  <c r="AC14095" i="1"/>
  <c r="AC14096" i="1"/>
  <c r="AC14097" i="1"/>
  <c r="AC14098" i="1"/>
  <c r="AC14099" i="1"/>
  <c r="AC14100" i="1"/>
  <c r="AC14101" i="1"/>
  <c r="AC14102" i="1"/>
  <c r="AC14103" i="1"/>
  <c r="AC14104" i="1"/>
  <c r="AC14105" i="1"/>
  <c r="AC14106" i="1"/>
  <c r="AC14107" i="1"/>
  <c r="AC14108" i="1"/>
  <c r="AC14109" i="1"/>
  <c r="AC14110" i="1"/>
  <c r="AC14111" i="1"/>
  <c r="AC14112" i="1"/>
  <c r="AC14113" i="1"/>
  <c r="AC14114" i="1"/>
  <c r="AC14115" i="1"/>
  <c r="AC14116" i="1"/>
  <c r="AC14117" i="1"/>
  <c r="AC14118" i="1"/>
  <c r="AC14119" i="1"/>
  <c r="AC14120" i="1"/>
  <c r="AC14121" i="1"/>
  <c r="AC14122" i="1"/>
  <c r="AC14123" i="1"/>
  <c r="AC14124" i="1"/>
  <c r="AC14125" i="1"/>
  <c r="AC14126" i="1"/>
  <c r="AC14127" i="1"/>
  <c r="AC14128" i="1"/>
  <c r="AC14129" i="1"/>
  <c r="AC14130" i="1"/>
  <c r="AC14131" i="1"/>
  <c r="AC14132" i="1"/>
  <c r="AC14133" i="1"/>
  <c r="AC14134" i="1"/>
  <c r="AC14135" i="1"/>
  <c r="AC14136" i="1"/>
  <c r="AC14137" i="1"/>
  <c r="AC14138" i="1"/>
  <c r="AC14139" i="1"/>
  <c r="AC14140" i="1"/>
  <c r="AC14141" i="1"/>
  <c r="AC14142" i="1"/>
  <c r="AC14143" i="1"/>
  <c r="AC14144" i="1"/>
  <c r="AC14145" i="1"/>
  <c r="AC14146" i="1"/>
  <c r="AC14147" i="1"/>
  <c r="AC14148" i="1"/>
  <c r="AC14149" i="1"/>
  <c r="AC14150" i="1"/>
  <c r="AC14151" i="1"/>
  <c r="AC14152" i="1"/>
  <c r="AC14153" i="1"/>
  <c r="AC14154" i="1"/>
  <c r="AC14155" i="1"/>
  <c r="AC14156" i="1"/>
  <c r="AC14157" i="1"/>
  <c r="AC14158" i="1"/>
  <c r="AC14159" i="1"/>
  <c r="AC14160" i="1"/>
  <c r="AC14161" i="1"/>
  <c r="AC14162" i="1"/>
  <c r="AC14163" i="1"/>
  <c r="AC14164" i="1"/>
  <c r="AC14165" i="1"/>
  <c r="AC14166" i="1"/>
  <c r="AC14167" i="1"/>
  <c r="AC14168" i="1"/>
  <c r="AC14169" i="1"/>
  <c r="AC14170" i="1"/>
  <c r="AC14171" i="1"/>
  <c r="AC14172" i="1"/>
  <c r="AC14173" i="1"/>
  <c r="AC14174" i="1"/>
  <c r="AC14175" i="1"/>
  <c r="AC14176" i="1"/>
  <c r="AC14177" i="1"/>
  <c r="AC14178" i="1"/>
  <c r="AC14179" i="1"/>
  <c r="AC14180" i="1"/>
  <c r="AC14181" i="1"/>
  <c r="AC14182" i="1"/>
  <c r="AC14183" i="1"/>
  <c r="AC14184" i="1"/>
  <c r="AC14185" i="1"/>
  <c r="AC14186" i="1"/>
  <c r="AC14187" i="1"/>
  <c r="AC14188" i="1"/>
  <c r="AC14189" i="1"/>
  <c r="AC14190" i="1"/>
  <c r="AC14191" i="1"/>
  <c r="AC14192" i="1"/>
  <c r="AC14193" i="1"/>
  <c r="AC14194" i="1"/>
  <c r="AC14195" i="1"/>
  <c r="AC14196" i="1"/>
  <c r="AC14197" i="1"/>
  <c r="AC14198" i="1"/>
  <c r="AC14199" i="1"/>
  <c r="AC14200" i="1"/>
  <c r="AC14201" i="1"/>
  <c r="AC14202" i="1"/>
  <c r="AC14203" i="1"/>
  <c r="AC14204" i="1"/>
  <c r="AC14205" i="1"/>
  <c r="AC14206" i="1"/>
  <c r="AC14207" i="1"/>
  <c r="AC14208" i="1"/>
  <c r="AC14209" i="1"/>
  <c r="AC14210" i="1"/>
  <c r="AC14211" i="1"/>
  <c r="AC14212" i="1"/>
  <c r="AC14213" i="1"/>
  <c r="AC14214" i="1"/>
  <c r="AC14215" i="1"/>
  <c r="AC14216" i="1"/>
  <c r="AC14217" i="1"/>
  <c r="AC14218" i="1"/>
  <c r="AC14219" i="1"/>
  <c r="AC14220" i="1"/>
  <c r="AC14221" i="1"/>
  <c r="AC14222" i="1"/>
  <c r="AC14223" i="1"/>
  <c r="AC14224" i="1"/>
  <c r="AC14225" i="1"/>
  <c r="AC14226" i="1"/>
  <c r="AC14227" i="1"/>
  <c r="AC14228" i="1"/>
  <c r="AC14229" i="1"/>
  <c r="AC14230" i="1"/>
  <c r="AC14231" i="1"/>
  <c r="AC14232" i="1"/>
  <c r="AC14233" i="1"/>
  <c r="AC14234" i="1"/>
  <c r="AC14235" i="1"/>
  <c r="AC14236" i="1"/>
  <c r="AC14237" i="1"/>
  <c r="AC14238" i="1"/>
  <c r="AC14239" i="1"/>
  <c r="AC14240" i="1"/>
  <c r="AC14241" i="1"/>
  <c r="AC14242" i="1"/>
  <c r="AC14243" i="1"/>
  <c r="AC14244" i="1"/>
  <c r="AC14245" i="1"/>
  <c r="AC14246" i="1"/>
  <c r="AC14247" i="1"/>
  <c r="AC14248" i="1"/>
  <c r="AC14249" i="1"/>
  <c r="AC14250" i="1"/>
  <c r="AC14251" i="1"/>
  <c r="AC14252" i="1"/>
  <c r="AC14253" i="1"/>
  <c r="AC14254" i="1"/>
  <c r="AC14255" i="1"/>
  <c r="AC14256" i="1"/>
  <c r="AC14257" i="1"/>
  <c r="AC14258" i="1"/>
  <c r="AC14259" i="1"/>
  <c r="AC14260" i="1"/>
  <c r="AC14261" i="1"/>
  <c r="AC14262" i="1"/>
  <c r="AC14263" i="1"/>
  <c r="AC14264" i="1"/>
  <c r="AC14265" i="1"/>
  <c r="AC14266" i="1"/>
  <c r="AC14267" i="1"/>
  <c r="AC14268" i="1"/>
  <c r="AC14269" i="1"/>
  <c r="AC14270" i="1"/>
  <c r="AC14271" i="1"/>
  <c r="AC14272" i="1"/>
  <c r="AC14273" i="1"/>
  <c r="AC14274" i="1"/>
  <c r="AC14275" i="1"/>
  <c r="AC14276" i="1"/>
  <c r="AC14277" i="1"/>
  <c r="AC14278" i="1"/>
  <c r="AC14279" i="1"/>
  <c r="AC14280" i="1"/>
  <c r="AC14281" i="1"/>
  <c r="AC14282" i="1"/>
  <c r="AC14283" i="1"/>
  <c r="AC14284" i="1"/>
  <c r="AC14285" i="1"/>
  <c r="AC14286" i="1"/>
  <c r="AC14287" i="1"/>
  <c r="AC14288" i="1"/>
  <c r="AC14289" i="1"/>
  <c r="AC14290" i="1"/>
  <c r="AC14291" i="1"/>
  <c r="AC14292" i="1"/>
  <c r="AC14293" i="1"/>
  <c r="AC14294" i="1"/>
  <c r="AC14295" i="1"/>
  <c r="AC14296" i="1"/>
  <c r="AC14297" i="1"/>
  <c r="AC14298" i="1"/>
  <c r="AC14299" i="1"/>
  <c r="AC14300" i="1"/>
  <c r="AC14301" i="1"/>
  <c r="AC14302" i="1"/>
  <c r="AC14303" i="1"/>
  <c r="AC14304" i="1"/>
  <c r="AC14305" i="1"/>
  <c r="AC14306" i="1"/>
  <c r="AC14307" i="1"/>
  <c r="AC14308" i="1"/>
  <c r="AC14309" i="1"/>
  <c r="AC14310" i="1"/>
  <c r="AC14311" i="1"/>
  <c r="AC14312" i="1"/>
  <c r="AC14313" i="1"/>
  <c r="AC14314" i="1"/>
  <c r="AC14315" i="1"/>
  <c r="AC14316" i="1"/>
  <c r="AC14317" i="1"/>
  <c r="AC14318" i="1"/>
  <c r="AC14319" i="1"/>
  <c r="AC14320" i="1"/>
  <c r="AC14321" i="1"/>
  <c r="AC14322" i="1"/>
  <c r="AC14323" i="1"/>
  <c r="AC14324" i="1"/>
  <c r="AC14325" i="1"/>
  <c r="AC14326" i="1"/>
  <c r="AC14327" i="1"/>
  <c r="AC14328" i="1"/>
  <c r="AC14329" i="1"/>
  <c r="AC14330" i="1"/>
  <c r="AC14331" i="1"/>
  <c r="AC14332" i="1"/>
  <c r="AC14333" i="1"/>
  <c r="AC14334" i="1"/>
  <c r="AC14335" i="1"/>
  <c r="AC14336" i="1"/>
  <c r="AC14337" i="1"/>
  <c r="AC14338" i="1"/>
  <c r="AC14339" i="1"/>
  <c r="AC14340" i="1"/>
  <c r="AC14341" i="1"/>
  <c r="AC14342" i="1"/>
  <c r="AC14343" i="1"/>
  <c r="AC14344" i="1"/>
  <c r="AC14345" i="1"/>
  <c r="AC14346" i="1"/>
  <c r="AC14347" i="1"/>
  <c r="AC14348" i="1"/>
  <c r="AC14349" i="1"/>
  <c r="AC14350" i="1"/>
  <c r="AC14351" i="1"/>
  <c r="AC14352" i="1"/>
  <c r="AC14353" i="1"/>
  <c r="AC14354" i="1"/>
  <c r="AC14355" i="1"/>
  <c r="AC14356" i="1"/>
  <c r="AC14357" i="1"/>
  <c r="AC14358" i="1"/>
  <c r="AC14359" i="1"/>
  <c r="AC14360" i="1"/>
  <c r="AC14361" i="1"/>
  <c r="AC14362" i="1"/>
  <c r="AC14363" i="1"/>
  <c r="AC14364" i="1"/>
  <c r="AC14365" i="1"/>
  <c r="AC14366" i="1"/>
  <c r="AC14367" i="1"/>
  <c r="AC14368" i="1"/>
  <c r="AC14369" i="1"/>
  <c r="AC14370" i="1"/>
  <c r="AC14371" i="1"/>
  <c r="AC14372" i="1"/>
  <c r="AC14373" i="1"/>
  <c r="AC14374" i="1"/>
  <c r="AC14375" i="1"/>
  <c r="AC14376" i="1"/>
  <c r="AC14377" i="1"/>
  <c r="AC14378" i="1"/>
  <c r="AC14379" i="1"/>
  <c r="AC14380" i="1"/>
  <c r="AC14381" i="1"/>
  <c r="AC14382" i="1"/>
  <c r="AC14383" i="1"/>
  <c r="AC14384" i="1"/>
  <c r="AC14385" i="1"/>
  <c r="AC14386" i="1"/>
  <c r="AC14387" i="1"/>
  <c r="AC14388" i="1"/>
  <c r="AC14389" i="1"/>
  <c r="AC14390" i="1"/>
  <c r="AC14391" i="1"/>
  <c r="AC14392" i="1"/>
  <c r="AC14393" i="1"/>
  <c r="AC14394" i="1"/>
  <c r="AC14395" i="1"/>
  <c r="AC14396" i="1"/>
  <c r="AC14397" i="1"/>
  <c r="AC14398" i="1"/>
  <c r="AC14399" i="1"/>
  <c r="AC14400" i="1"/>
  <c r="AC14401" i="1"/>
  <c r="AC14402" i="1"/>
  <c r="AC14403" i="1"/>
  <c r="AC14404" i="1"/>
  <c r="AC14405" i="1"/>
  <c r="AC14406" i="1"/>
  <c r="AC14407" i="1"/>
  <c r="AC14408" i="1"/>
  <c r="AC14409" i="1"/>
  <c r="AC14410" i="1"/>
  <c r="AC14411" i="1"/>
  <c r="AC14412" i="1"/>
  <c r="AC14413" i="1"/>
  <c r="AC14414" i="1"/>
  <c r="AC14415" i="1"/>
  <c r="AC14416" i="1"/>
  <c r="AC14417" i="1"/>
  <c r="AC14418" i="1"/>
  <c r="AC14419" i="1"/>
  <c r="AC14420" i="1"/>
  <c r="AC14421" i="1"/>
  <c r="AC14422" i="1"/>
  <c r="AC14423" i="1"/>
  <c r="AC14424" i="1"/>
  <c r="AC14425" i="1"/>
  <c r="AC14426" i="1"/>
  <c r="AC14427" i="1"/>
  <c r="AC14428" i="1"/>
  <c r="AC14429" i="1"/>
  <c r="AC14430" i="1"/>
  <c r="AC14431" i="1"/>
  <c r="AC14432" i="1"/>
  <c r="AC14433" i="1"/>
  <c r="AC14434" i="1"/>
  <c r="AC14435" i="1"/>
  <c r="AC14436" i="1"/>
  <c r="AC14437" i="1"/>
  <c r="AC14438" i="1"/>
  <c r="AC14439" i="1"/>
  <c r="AC14440" i="1"/>
  <c r="AC14441" i="1"/>
  <c r="AC14442" i="1"/>
  <c r="AC14443" i="1"/>
  <c r="AC14444" i="1"/>
  <c r="AC14445" i="1"/>
  <c r="AC14446" i="1"/>
  <c r="AC14447" i="1"/>
  <c r="AC14448" i="1"/>
  <c r="AC14449" i="1"/>
  <c r="AC14450" i="1"/>
  <c r="AC14451" i="1"/>
  <c r="AC14452" i="1"/>
  <c r="AC14453" i="1"/>
  <c r="AC14454" i="1"/>
  <c r="AC14455" i="1"/>
  <c r="AC14456" i="1"/>
  <c r="AC14457" i="1"/>
  <c r="AC14458" i="1"/>
  <c r="AC14459" i="1"/>
  <c r="AC14460" i="1"/>
  <c r="AC14461" i="1"/>
  <c r="AC14462" i="1"/>
  <c r="AC14463" i="1"/>
  <c r="AC14464" i="1"/>
  <c r="AC14465" i="1"/>
  <c r="AC14466" i="1"/>
  <c r="AC14467" i="1"/>
  <c r="AC14468" i="1"/>
  <c r="AC14469" i="1"/>
  <c r="AC14470" i="1"/>
  <c r="AC14471" i="1"/>
  <c r="AC14472" i="1"/>
  <c r="AC14473" i="1"/>
  <c r="AC14474" i="1"/>
  <c r="AC14475" i="1"/>
  <c r="AC14476" i="1"/>
  <c r="AC14477" i="1"/>
  <c r="AC14478" i="1"/>
  <c r="AC14479" i="1"/>
  <c r="AC14480" i="1"/>
  <c r="AC14481" i="1"/>
  <c r="AC14482" i="1"/>
  <c r="AC14483" i="1"/>
  <c r="AC14484" i="1"/>
  <c r="AC14485" i="1"/>
  <c r="AC14486" i="1"/>
  <c r="AC14487" i="1"/>
  <c r="AC14488" i="1"/>
  <c r="AC14489" i="1"/>
  <c r="AC14490" i="1"/>
  <c r="AC14491" i="1"/>
  <c r="AC14492" i="1"/>
  <c r="AC14493" i="1"/>
  <c r="AC14494" i="1"/>
  <c r="AC14495" i="1"/>
  <c r="AC14496" i="1"/>
  <c r="AC14497" i="1"/>
  <c r="AC14498" i="1"/>
  <c r="AC14499" i="1"/>
  <c r="AC14500" i="1"/>
  <c r="AC14501" i="1"/>
  <c r="AC14502" i="1"/>
  <c r="AC14503" i="1"/>
  <c r="AC14504" i="1"/>
  <c r="AC14505" i="1"/>
  <c r="AC14506" i="1"/>
  <c r="AC14507" i="1"/>
  <c r="AC14508" i="1"/>
  <c r="AC14509" i="1"/>
  <c r="AC14510" i="1"/>
  <c r="AC14511" i="1"/>
  <c r="AC14512" i="1"/>
  <c r="AC14513" i="1"/>
  <c r="AC14514" i="1"/>
  <c r="AC14515" i="1"/>
  <c r="AC14516" i="1"/>
  <c r="AC14517" i="1"/>
  <c r="AC14518" i="1"/>
  <c r="AC14519" i="1"/>
  <c r="AC14520" i="1"/>
  <c r="AC14521" i="1"/>
  <c r="AC14522" i="1"/>
  <c r="AC14523" i="1"/>
  <c r="AC14524" i="1"/>
  <c r="AC14525" i="1"/>
  <c r="AC14526" i="1"/>
  <c r="AC14527" i="1"/>
  <c r="AC14528" i="1"/>
  <c r="AC14529" i="1"/>
  <c r="AC14530" i="1"/>
  <c r="AC14531" i="1"/>
  <c r="AC14532" i="1"/>
  <c r="AC14533" i="1"/>
  <c r="AC14534" i="1"/>
  <c r="AC14535" i="1"/>
  <c r="AC14536" i="1"/>
  <c r="AC14537" i="1"/>
  <c r="AC14538" i="1"/>
  <c r="AC14539" i="1"/>
  <c r="AC14540" i="1"/>
  <c r="AC14541" i="1"/>
  <c r="AC14542" i="1"/>
  <c r="AC14543" i="1"/>
  <c r="AC14544" i="1"/>
  <c r="AC14545" i="1"/>
  <c r="AC14546" i="1"/>
  <c r="AC14547" i="1"/>
  <c r="AC14548" i="1"/>
  <c r="AC14549" i="1"/>
  <c r="AC14550" i="1"/>
  <c r="AC14551" i="1"/>
  <c r="AC14552" i="1"/>
  <c r="AC14553" i="1"/>
  <c r="AC14554" i="1"/>
  <c r="AC14555" i="1"/>
  <c r="AC14556" i="1"/>
  <c r="AC14557" i="1"/>
  <c r="AC14558" i="1"/>
  <c r="AC14559" i="1"/>
  <c r="AC14560" i="1"/>
  <c r="AC14561" i="1"/>
  <c r="AC14562" i="1"/>
  <c r="AC14563" i="1"/>
  <c r="AC14564" i="1"/>
  <c r="AC14565" i="1"/>
  <c r="AC14566" i="1"/>
  <c r="AC14567" i="1"/>
  <c r="AC14568" i="1"/>
  <c r="AC14569" i="1"/>
  <c r="AC14570" i="1"/>
  <c r="AC14571" i="1"/>
  <c r="AC14572" i="1"/>
  <c r="AC14573" i="1"/>
  <c r="AC14574" i="1"/>
  <c r="AC14575" i="1"/>
  <c r="AC14576" i="1"/>
  <c r="AC14577" i="1"/>
  <c r="AC14578" i="1"/>
  <c r="AC14579" i="1"/>
  <c r="AC14580" i="1"/>
  <c r="AC14581" i="1"/>
  <c r="AC14582" i="1"/>
  <c r="AC14583" i="1"/>
  <c r="AC14584" i="1"/>
  <c r="AC14585" i="1"/>
  <c r="AC14586" i="1"/>
  <c r="AC14587" i="1"/>
  <c r="AC14588" i="1"/>
  <c r="AC14589" i="1"/>
  <c r="AC14590" i="1"/>
  <c r="AC14591" i="1"/>
  <c r="AC14592" i="1"/>
  <c r="AC14593" i="1"/>
  <c r="AC14594" i="1"/>
  <c r="AC14595" i="1"/>
  <c r="AC14596" i="1"/>
  <c r="AC14597" i="1"/>
  <c r="AC14598" i="1"/>
  <c r="AC14599" i="1"/>
  <c r="AC14600" i="1"/>
  <c r="AC14601" i="1"/>
  <c r="AC14602" i="1"/>
  <c r="AC14603" i="1"/>
  <c r="AC14604" i="1"/>
  <c r="AC14605" i="1"/>
  <c r="AC14606" i="1"/>
  <c r="AC14607" i="1"/>
  <c r="AC14608" i="1"/>
  <c r="AC14609" i="1"/>
  <c r="AC14610" i="1"/>
  <c r="AC14611" i="1"/>
  <c r="AC14612" i="1"/>
  <c r="AC14613" i="1"/>
  <c r="AC14614" i="1"/>
  <c r="AC14615" i="1"/>
  <c r="AC14616" i="1"/>
  <c r="AC14617" i="1"/>
  <c r="AC14618" i="1"/>
  <c r="AC14619" i="1"/>
  <c r="AC14620" i="1"/>
  <c r="AC14621" i="1"/>
  <c r="AC14622" i="1"/>
  <c r="AC14623" i="1"/>
  <c r="AC14624" i="1"/>
  <c r="AC14625" i="1"/>
  <c r="AC14626" i="1"/>
  <c r="AC14627" i="1"/>
  <c r="AC14628" i="1"/>
  <c r="AC14629" i="1"/>
  <c r="AC14630" i="1"/>
  <c r="AC14631" i="1"/>
  <c r="AC14632" i="1"/>
  <c r="AC14633" i="1"/>
  <c r="AC14634" i="1"/>
  <c r="AC14635" i="1"/>
  <c r="AC14636" i="1"/>
  <c r="AC14637" i="1"/>
  <c r="AC14638" i="1"/>
  <c r="AC14639" i="1"/>
  <c r="AC14640" i="1"/>
  <c r="AC14641" i="1"/>
  <c r="AC14642" i="1"/>
  <c r="AC14643" i="1"/>
  <c r="AC14644" i="1"/>
  <c r="AC14645" i="1"/>
  <c r="AC14646" i="1"/>
  <c r="AC14647" i="1"/>
  <c r="AC14648" i="1"/>
  <c r="AC14649" i="1"/>
  <c r="AC14650" i="1"/>
  <c r="AC14651" i="1"/>
  <c r="AC14652" i="1"/>
  <c r="AC14653" i="1"/>
  <c r="AC14654" i="1"/>
  <c r="AC14655" i="1"/>
  <c r="AC14656" i="1"/>
  <c r="AC14657" i="1"/>
  <c r="AC14658" i="1"/>
  <c r="AC14659" i="1"/>
  <c r="AC14660" i="1"/>
  <c r="AC14661" i="1"/>
  <c r="AC14662" i="1"/>
  <c r="AC14663" i="1"/>
  <c r="AC14664" i="1"/>
  <c r="AC14665" i="1"/>
  <c r="AC14666" i="1"/>
  <c r="AC14667" i="1"/>
  <c r="AC14668" i="1"/>
  <c r="AC14669" i="1"/>
  <c r="AC14670" i="1"/>
  <c r="AC14671" i="1"/>
  <c r="AC14672" i="1"/>
  <c r="AC14673" i="1"/>
  <c r="AC14674" i="1"/>
  <c r="AC14675" i="1"/>
  <c r="AC14676" i="1"/>
  <c r="AC14677" i="1"/>
  <c r="AC14678" i="1"/>
  <c r="AC14679" i="1"/>
  <c r="AC14680" i="1"/>
  <c r="AC14681" i="1"/>
  <c r="AC14682" i="1"/>
  <c r="AC14683" i="1"/>
  <c r="AC14684" i="1"/>
  <c r="AC14685" i="1"/>
  <c r="AC14686" i="1"/>
  <c r="AC14687" i="1"/>
  <c r="AC14688" i="1"/>
  <c r="AC14689" i="1"/>
  <c r="AC14690" i="1"/>
  <c r="AC14691" i="1"/>
  <c r="AC14692" i="1"/>
  <c r="AC14693" i="1"/>
  <c r="AC14694" i="1"/>
  <c r="AC14695" i="1"/>
  <c r="AC14696" i="1"/>
  <c r="AC14697" i="1"/>
  <c r="AC14698" i="1"/>
  <c r="AC14699" i="1"/>
  <c r="AC14700" i="1"/>
  <c r="AC14701" i="1"/>
  <c r="AC14702" i="1"/>
  <c r="AC14703" i="1"/>
  <c r="AC14704" i="1"/>
  <c r="AC14705" i="1"/>
  <c r="AC14706" i="1"/>
  <c r="AC14707" i="1"/>
  <c r="AC14708" i="1"/>
  <c r="AC14709" i="1"/>
  <c r="AC14710" i="1"/>
  <c r="AC14711" i="1"/>
  <c r="AC14712" i="1"/>
  <c r="AC14713" i="1"/>
  <c r="AC14714" i="1"/>
  <c r="AC14715" i="1"/>
  <c r="AC14716" i="1"/>
  <c r="AC14717" i="1"/>
  <c r="AC14718" i="1"/>
  <c r="AC14719" i="1"/>
  <c r="AC14720" i="1"/>
  <c r="AC14721" i="1"/>
  <c r="AC14722" i="1"/>
  <c r="AC14723" i="1"/>
  <c r="AC14724" i="1"/>
  <c r="AC14725" i="1"/>
  <c r="AC14726" i="1"/>
  <c r="AC14727" i="1"/>
  <c r="AC14728" i="1"/>
  <c r="AC14729" i="1"/>
  <c r="AC14730" i="1"/>
  <c r="AC14731" i="1"/>
  <c r="AC14732" i="1"/>
  <c r="AC14733" i="1"/>
  <c r="AC14734" i="1"/>
  <c r="AC14735" i="1"/>
  <c r="AC14736" i="1"/>
  <c r="AC14737" i="1"/>
  <c r="AC14738" i="1"/>
  <c r="AC14739" i="1"/>
  <c r="AC14740" i="1"/>
  <c r="AC14741" i="1"/>
  <c r="AC14742" i="1"/>
  <c r="AC14743" i="1"/>
  <c r="AC14744" i="1"/>
  <c r="AC14745" i="1"/>
  <c r="AC14746" i="1"/>
  <c r="AC14747" i="1"/>
  <c r="AC14748" i="1"/>
  <c r="AC14749" i="1"/>
  <c r="AC14750" i="1"/>
  <c r="AC14751" i="1"/>
  <c r="AC14752" i="1"/>
  <c r="AC14753" i="1"/>
  <c r="AC14754" i="1"/>
  <c r="AC14755" i="1"/>
  <c r="AC14756" i="1"/>
  <c r="AC14757" i="1"/>
  <c r="AC14758" i="1"/>
  <c r="AC14759" i="1"/>
  <c r="AC14760" i="1"/>
  <c r="AC14761" i="1"/>
  <c r="AC14762" i="1"/>
  <c r="AC14763" i="1"/>
  <c r="AC14764" i="1"/>
  <c r="AC14765" i="1"/>
  <c r="AC14766" i="1"/>
  <c r="AC14767" i="1"/>
  <c r="AC14768" i="1"/>
  <c r="AC14769" i="1"/>
  <c r="AC14770" i="1"/>
  <c r="AC14771" i="1"/>
  <c r="AC14772" i="1"/>
  <c r="AC14773" i="1"/>
  <c r="AC14774" i="1"/>
  <c r="AC14775" i="1"/>
  <c r="AC14776" i="1"/>
  <c r="AC14777" i="1"/>
  <c r="AC14778" i="1"/>
  <c r="AC14779" i="1"/>
  <c r="AC14780" i="1"/>
  <c r="AC14781" i="1"/>
  <c r="AC14782" i="1"/>
  <c r="AC14783" i="1"/>
  <c r="AC14784" i="1"/>
  <c r="AC14785" i="1"/>
  <c r="AC14786" i="1"/>
  <c r="AC14787" i="1"/>
  <c r="AC14788" i="1"/>
  <c r="AC14789" i="1"/>
  <c r="AC14790" i="1"/>
  <c r="AC14791" i="1"/>
  <c r="AC14792" i="1"/>
  <c r="AC14793" i="1"/>
  <c r="AC14794" i="1"/>
  <c r="AC14795" i="1"/>
  <c r="AC14796" i="1"/>
  <c r="AC14797" i="1"/>
  <c r="AC14798" i="1"/>
  <c r="AC14799" i="1"/>
  <c r="AC14800" i="1"/>
  <c r="AC14801" i="1"/>
  <c r="AC14802" i="1"/>
  <c r="AC14803" i="1"/>
  <c r="AC14804" i="1"/>
  <c r="AC14805" i="1"/>
  <c r="AC14806" i="1"/>
  <c r="AC14807" i="1"/>
  <c r="AC14808" i="1"/>
  <c r="AC14809" i="1"/>
  <c r="AC14810" i="1"/>
  <c r="AC14811" i="1"/>
  <c r="AC14812" i="1"/>
  <c r="AC14813" i="1"/>
  <c r="AC14814" i="1"/>
  <c r="AC14815" i="1"/>
  <c r="AC14816" i="1"/>
  <c r="AC14817" i="1"/>
  <c r="AC14818" i="1"/>
  <c r="AC14819" i="1"/>
  <c r="AC14820" i="1"/>
  <c r="AC14821" i="1"/>
  <c r="AC14822" i="1"/>
  <c r="AC14823" i="1"/>
  <c r="AC14824" i="1"/>
  <c r="AC14825" i="1"/>
  <c r="AC14826" i="1"/>
  <c r="AC14827" i="1"/>
  <c r="AC14828" i="1"/>
  <c r="AC14829" i="1"/>
  <c r="AC14830" i="1"/>
  <c r="AC14831" i="1"/>
  <c r="AC14832" i="1"/>
  <c r="AC14833" i="1"/>
  <c r="AC14834" i="1"/>
  <c r="AC14835" i="1"/>
  <c r="AC14836" i="1"/>
  <c r="AC14837" i="1"/>
  <c r="AC14838" i="1"/>
  <c r="AC14839" i="1"/>
  <c r="AC14840" i="1"/>
  <c r="AC14841" i="1"/>
  <c r="AC14842" i="1"/>
  <c r="AC14843" i="1"/>
  <c r="AC14844" i="1"/>
  <c r="AC14845" i="1"/>
  <c r="AC14846" i="1"/>
  <c r="AC14847" i="1"/>
  <c r="AC14848" i="1"/>
  <c r="AC14849" i="1"/>
  <c r="AC14850" i="1"/>
  <c r="AC14851" i="1"/>
  <c r="AC14852" i="1"/>
  <c r="AC14853" i="1"/>
  <c r="AC14854" i="1"/>
  <c r="AC14855" i="1"/>
  <c r="AC14856" i="1"/>
  <c r="AC14857" i="1"/>
  <c r="AC14858" i="1"/>
  <c r="AC14859" i="1"/>
  <c r="AC14860" i="1"/>
  <c r="AC14861" i="1"/>
  <c r="AC14862" i="1"/>
  <c r="AC14863" i="1"/>
  <c r="AC14864" i="1"/>
  <c r="AC14865" i="1"/>
  <c r="AC14866" i="1"/>
  <c r="AC14867" i="1"/>
  <c r="AC14868" i="1"/>
  <c r="AC14869" i="1"/>
  <c r="AC14870" i="1"/>
  <c r="AC14871" i="1"/>
  <c r="AC14872" i="1"/>
  <c r="AC14873" i="1"/>
  <c r="AC14874" i="1"/>
  <c r="AC14875" i="1"/>
  <c r="AC14876" i="1"/>
  <c r="AC14877" i="1"/>
  <c r="AC14878" i="1"/>
  <c r="AC14879" i="1"/>
  <c r="AC14880" i="1"/>
  <c r="AC14881" i="1"/>
  <c r="AC14882" i="1"/>
  <c r="AC14883" i="1"/>
  <c r="AC14884" i="1"/>
  <c r="AC14885" i="1"/>
  <c r="AC14886" i="1"/>
  <c r="AC14887" i="1"/>
  <c r="AC14888" i="1"/>
  <c r="AC14889" i="1"/>
  <c r="AC14890" i="1"/>
  <c r="AC14891" i="1"/>
  <c r="AC14892" i="1"/>
  <c r="AC14893" i="1"/>
  <c r="AC14894" i="1"/>
  <c r="AC14895" i="1"/>
  <c r="AC14896" i="1"/>
  <c r="AC14897" i="1"/>
  <c r="AC14898" i="1"/>
  <c r="AC14899" i="1"/>
  <c r="AC14900" i="1"/>
  <c r="AC14901" i="1"/>
  <c r="AC14902" i="1"/>
  <c r="AC14903" i="1"/>
  <c r="AC14904" i="1"/>
  <c r="AC14905" i="1"/>
  <c r="AC14906" i="1"/>
  <c r="AC14907" i="1"/>
  <c r="AC14908" i="1"/>
  <c r="AC14909" i="1"/>
  <c r="AC14910" i="1"/>
  <c r="AC14911" i="1"/>
  <c r="AC14912" i="1"/>
  <c r="AC14913" i="1"/>
  <c r="AC14914" i="1"/>
  <c r="AC14915" i="1"/>
  <c r="AC14916" i="1"/>
  <c r="AC14917" i="1"/>
  <c r="AC14918" i="1"/>
  <c r="AC14919" i="1"/>
  <c r="AC14920" i="1"/>
  <c r="AC14921" i="1"/>
  <c r="AC14922" i="1"/>
  <c r="AC14923" i="1"/>
  <c r="AC14924" i="1"/>
  <c r="AC14925" i="1"/>
  <c r="AC14926" i="1"/>
  <c r="AC14927" i="1"/>
  <c r="AC14928" i="1"/>
  <c r="AC14929" i="1"/>
  <c r="AC14930" i="1"/>
  <c r="AC14931" i="1"/>
  <c r="AC14932" i="1"/>
  <c r="AC14933" i="1"/>
  <c r="AC14934" i="1"/>
  <c r="AC14935" i="1"/>
  <c r="AC14936" i="1"/>
  <c r="AC14937" i="1"/>
  <c r="AC14938" i="1"/>
  <c r="AC14939" i="1"/>
  <c r="AC14940" i="1"/>
  <c r="AC14941" i="1"/>
  <c r="AC14942" i="1"/>
  <c r="AC14943" i="1"/>
  <c r="AC14944" i="1"/>
  <c r="AC14945" i="1"/>
  <c r="AC14946" i="1"/>
  <c r="AC14947" i="1"/>
  <c r="AC14948" i="1"/>
  <c r="AC14949" i="1"/>
  <c r="AC14950" i="1"/>
  <c r="AC14951" i="1"/>
  <c r="AC14952" i="1"/>
  <c r="AC14953" i="1"/>
  <c r="AC14954" i="1"/>
  <c r="AC14955" i="1"/>
  <c r="AC14956" i="1"/>
  <c r="AC14957" i="1"/>
  <c r="AC14958" i="1"/>
  <c r="AC14959" i="1"/>
  <c r="AC14960" i="1"/>
  <c r="AC14961" i="1"/>
  <c r="AC14962" i="1"/>
  <c r="AC14963" i="1"/>
  <c r="AC14964" i="1"/>
  <c r="AC14965" i="1"/>
  <c r="AC14966" i="1"/>
  <c r="AC14967" i="1"/>
  <c r="AC14968" i="1"/>
  <c r="AC14969" i="1"/>
  <c r="AC14970" i="1"/>
  <c r="AC14971" i="1"/>
  <c r="AC14972" i="1"/>
  <c r="AC14973" i="1"/>
  <c r="AC14974" i="1"/>
  <c r="AC14975" i="1"/>
  <c r="AC14976" i="1"/>
  <c r="AC14977" i="1"/>
  <c r="AC14978" i="1"/>
  <c r="AC14979" i="1"/>
  <c r="AC14980" i="1"/>
  <c r="AC14981" i="1"/>
  <c r="AC14982" i="1"/>
  <c r="AC14983" i="1"/>
  <c r="AC14984" i="1"/>
  <c r="AC14985" i="1"/>
  <c r="AC14986" i="1"/>
  <c r="AC14987" i="1"/>
  <c r="AC14988" i="1"/>
  <c r="AC14989" i="1"/>
  <c r="AC14990" i="1"/>
  <c r="AC14991" i="1"/>
  <c r="AC14992" i="1"/>
  <c r="AC14993" i="1"/>
  <c r="AC14994" i="1"/>
  <c r="AC14995" i="1"/>
  <c r="AC14996" i="1"/>
  <c r="AC14997" i="1"/>
  <c r="AC14998" i="1"/>
  <c r="AC14999" i="1"/>
  <c r="AC15000" i="1"/>
  <c r="AC15001" i="1"/>
  <c r="AC15002" i="1"/>
  <c r="AC15003" i="1"/>
  <c r="AC15004" i="1"/>
  <c r="AC15005" i="1"/>
  <c r="AC15006" i="1"/>
  <c r="AC15007" i="1"/>
  <c r="AC15008" i="1"/>
  <c r="AC15009" i="1"/>
  <c r="AC15010" i="1"/>
  <c r="AC15011" i="1"/>
  <c r="AC15012" i="1"/>
  <c r="AC15013" i="1"/>
  <c r="AC15014" i="1"/>
  <c r="AC15015" i="1"/>
  <c r="AC15016" i="1"/>
  <c r="AC15017" i="1"/>
  <c r="AC15018" i="1"/>
  <c r="AC15019" i="1"/>
  <c r="AC15020" i="1"/>
  <c r="AC15021" i="1"/>
  <c r="AC15022" i="1"/>
  <c r="AC15023" i="1"/>
  <c r="AC15024" i="1"/>
  <c r="AC15025" i="1"/>
  <c r="AC15026" i="1"/>
  <c r="AC15027" i="1"/>
  <c r="AC15028" i="1"/>
  <c r="AC15029" i="1"/>
  <c r="AC15030" i="1"/>
  <c r="AC15031" i="1"/>
  <c r="AC15032" i="1"/>
  <c r="AC15033" i="1"/>
  <c r="AC15034" i="1"/>
  <c r="AC15035" i="1"/>
  <c r="AC15036" i="1"/>
  <c r="AC15037" i="1"/>
  <c r="AC15038" i="1"/>
  <c r="AC15039" i="1"/>
  <c r="AC15040" i="1"/>
  <c r="AC15041" i="1"/>
  <c r="AC15042" i="1"/>
  <c r="AC15043" i="1"/>
  <c r="AC15044" i="1"/>
  <c r="AC15045" i="1"/>
  <c r="AC15046" i="1"/>
  <c r="AC15047" i="1"/>
  <c r="AC15048" i="1"/>
  <c r="AC15049" i="1"/>
  <c r="AC15050" i="1"/>
  <c r="AC15051" i="1"/>
  <c r="AC15052" i="1"/>
  <c r="AC15053" i="1"/>
  <c r="AC15054" i="1"/>
  <c r="AC15055" i="1"/>
  <c r="AC15056" i="1"/>
  <c r="AC15057" i="1"/>
  <c r="AC15058" i="1"/>
  <c r="AC15059" i="1"/>
  <c r="AC15060" i="1"/>
  <c r="AC15061" i="1"/>
  <c r="AC15062" i="1"/>
  <c r="AC15063" i="1"/>
  <c r="AC15064" i="1"/>
  <c r="AC15065" i="1"/>
  <c r="AC15066" i="1"/>
  <c r="AC15067" i="1"/>
  <c r="AC15068" i="1"/>
  <c r="AC15069" i="1"/>
  <c r="AC15070" i="1"/>
  <c r="AC15071" i="1"/>
  <c r="AC15072" i="1"/>
  <c r="AC15073" i="1"/>
  <c r="AC15074" i="1"/>
  <c r="AC15075" i="1"/>
  <c r="AC15076" i="1"/>
  <c r="AC15077" i="1"/>
  <c r="AC15078" i="1"/>
  <c r="AC15079" i="1"/>
  <c r="AC15080" i="1"/>
  <c r="AC15081" i="1"/>
  <c r="AC15082" i="1"/>
  <c r="AC15083" i="1"/>
  <c r="AC15084" i="1"/>
  <c r="AC15085" i="1"/>
  <c r="AC15086" i="1"/>
  <c r="AC15087" i="1"/>
  <c r="AC15088" i="1"/>
  <c r="AC15089" i="1"/>
  <c r="AC15090" i="1"/>
  <c r="AC15091" i="1"/>
  <c r="AC15092" i="1"/>
  <c r="AC15093" i="1"/>
  <c r="AC15094" i="1"/>
  <c r="AC15095" i="1"/>
  <c r="AC15096" i="1"/>
  <c r="AC15097" i="1"/>
  <c r="AC15098" i="1"/>
  <c r="AC15099" i="1"/>
  <c r="AC15100" i="1"/>
  <c r="AC15101" i="1"/>
  <c r="AC15102" i="1"/>
  <c r="AC15103" i="1"/>
  <c r="AC15104" i="1"/>
  <c r="AC15105" i="1"/>
  <c r="AC15106" i="1"/>
  <c r="AC15107" i="1"/>
  <c r="AC15108" i="1"/>
  <c r="AC15109" i="1"/>
  <c r="AC15110" i="1"/>
  <c r="AC15111" i="1"/>
  <c r="AC15112" i="1"/>
  <c r="AC15113" i="1"/>
  <c r="AC15114" i="1"/>
  <c r="AC15115" i="1"/>
  <c r="AC15116" i="1"/>
  <c r="AC15117" i="1"/>
  <c r="AC15118" i="1"/>
  <c r="AC15119" i="1"/>
  <c r="AC15120" i="1"/>
  <c r="AC15121" i="1"/>
  <c r="AC15122" i="1"/>
  <c r="AC15123" i="1"/>
  <c r="AC15124" i="1"/>
  <c r="AC15125" i="1"/>
  <c r="AC15126" i="1"/>
  <c r="AC15127" i="1"/>
  <c r="AC15128" i="1"/>
  <c r="AC15129" i="1"/>
  <c r="AC15130" i="1"/>
  <c r="AC15131" i="1"/>
  <c r="AC15132" i="1"/>
  <c r="AC15133" i="1"/>
  <c r="AC15134" i="1"/>
  <c r="AC15135" i="1"/>
  <c r="AC15136" i="1"/>
  <c r="AC15137" i="1"/>
  <c r="AC15138" i="1"/>
  <c r="AC15139" i="1"/>
  <c r="AC15140" i="1"/>
  <c r="AC15141" i="1"/>
  <c r="AC15142" i="1"/>
  <c r="AC15143" i="1"/>
  <c r="AC15144" i="1"/>
  <c r="AC15145" i="1"/>
  <c r="AC15146" i="1"/>
  <c r="AC15147" i="1"/>
  <c r="AC15148" i="1"/>
  <c r="AC15149" i="1"/>
  <c r="AC15150" i="1"/>
  <c r="AC15151" i="1"/>
  <c r="AC15152" i="1"/>
  <c r="AC15153" i="1"/>
  <c r="AC15154" i="1"/>
  <c r="AC15155" i="1"/>
  <c r="AC15156" i="1"/>
  <c r="AC15157" i="1"/>
  <c r="AC15158" i="1"/>
  <c r="AC15159" i="1"/>
  <c r="AC15160" i="1"/>
  <c r="AC15161" i="1"/>
  <c r="AC15162" i="1"/>
  <c r="AC15163" i="1"/>
  <c r="AC15164" i="1"/>
  <c r="AC15165" i="1"/>
  <c r="AC15166" i="1"/>
  <c r="AC15167" i="1"/>
  <c r="AC15168" i="1"/>
  <c r="AC15169" i="1"/>
  <c r="AC15170" i="1"/>
  <c r="AC15171" i="1"/>
  <c r="AC15172" i="1"/>
  <c r="AC15173" i="1"/>
  <c r="AC15174" i="1"/>
  <c r="AC15175" i="1"/>
  <c r="AC15176" i="1"/>
  <c r="AC15177" i="1"/>
  <c r="AC15178" i="1"/>
  <c r="AC15179" i="1"/>
  <c r="AC15180" i="1"/>
  <c r="AC15181" i="1"/>
  <c r="AC15182" i="1"/>
  <c r="AC15183" i="1"/>
  <c r="AC15184" i="1"/>
  <c r="AC15185" i="1"/>
  <c r="AC15186" i="1"/>
  <c r="AC15187" i="1"/>
  <c r="AC15188" i="1"/>
  <c r="AC15189" i="1"/>
  <c r="AC15190" i="1"/>
  <c r="AC15191" i="1"/>
  <c r="AC15192" i="1"/>
  <c r="AC15193" i="1"/>
  <c r="AC15194" i="1"/>
  <c r="AC15195" i="1"/>
  <c r="AC15196" i="1"/>
  <c r="AC15197" i="1"/>
  <c r="AC15198" i="1"/>
  <c r="AC15199" i="1"/>
  <c r="AC15200" i="1"/>
  <c r="AC15201" i="1"/>
  <c r="AC15202" i="1"/>
  <c r="AC15203" i="1"/>
  <c r="AC15204" i="1"/>
  <c r="AC15205" i="1"/>
  <c r="AC15206" i="1"/>
  <c r="AC15207" i="1"/>
  <c r="AC15208" i="1"/>
  <c r="AC15209" i="1"/>
  <c r="AC15210" i="1"/>
  <c r="AC15211" i="1"/>
  <c r="AC15212" i="1"/>
  <c r="AC15213" i="1"/>
  <c r="AC15214" i="1"/>
  <c r="AC15215" i="1"/>
  <c r="AC15216" i="1"/>
  <c r="AC15217" i="1"/>
  <c r="AC15218" i="1"/>
  <c r="AC15219" i="1"/>
  <c r="AC15220" i="1"/>
  <c r="AC15221" i="1"/>
  <c r="AC15222" i="1"/>
  <c r="AC15223" i="1"/>
  <c r="AC15224" i="1"/>
  <c r="AC15225" i="1"/>
  <c r="AC15226" i="1"/>
  <c r="AC15227" i="1"/>
  <c r="AC15228" i="1"/>
  <c r="AC15229" i="1"/>
  <c r="AC15230" i="1"/>
  <c r="AC15231" i="1"/>
  <c r="AC15232" i="1"/>
  <c r="AC15233" i="1"/>
  <c r="AC15234" i="1"/>
  <c r="AC15235" i="1"/>
  <c r="AC15236" i="1"/>
  <c r="AC15237" i="1"/>
  <c r="AC15238" i="1"/>
  <c r="AC15239" i="1"/>
  <c r="AC15240" i="1"/>
  <c r="AC15241" i="1"/>
  <c r="AC15242" i="1"/>
  <c r="AC15243" i="1"/>
  <c r="AC15244" i="1"/>
  <c r="AC15245" i="1"/>
  <c r="AC15246" i="1"/>
  <c r="AC15247" i="1"/>
  <c r="AC15248" i="1"/>
  <c r="AC15249" i="1"/>
  <c r="AC15250" i="1"/>
  <c r="AC15251" i="1"/>
  <c r="AC15252" i="1"/>
  <c r="AC15253" i="1"/>
  <c r="AC15254" i="1"/>
  <c r="AC15255" i="1"/>
  <c r="AC15256" i="1"/>
  <c r="AC15257" i="1"/>
  <c r="AC15258" i="1"/>
  <c r="AC15259" i="1"/>
  <c r="AC15260" i="1"/>
  <c r="AC15261" i="1"/>
  <c r="AC15262" i="1"/>
  <c r="AC15263" i="1"/>
  <c r="AC15264" i="1"/>
  <c r="AC15265" i="1"/>
  <c r="AC15266" i="1"/>
  <c r="AC15267" i="1"/>
  <c r="AC15268" i="1"/>
  <c r="AC15269" i="1"/>
  <c r="AC15270" i="1"/>
  <c r="AC15271" i="1"/>
  <c r="AC15272" i="1"/>
  <c r="AC15273" i="1"/>
  <c r="AC15274" i="1"/>
  <c r="AC15275" i="1"/>
  <c r="AC15276" i="1"/>
  <c r="AC15277" i="1"/>
  <c r="AC15278" i="1"/>
  <c r="AC15279" i="1"/>
  <c r="AC15280" i="1"/>
  <c r="AC15281" i="1"/>
  <c r="AC15282" i="1"/>
  <c r="AC15283" i="1"/>
  <c r="AC15284" i="1"/>
  <c r="AC15285" i="1"/>
  <c r="AC15286" i="1"/>
  <c r="AC15287" i="1"/>
  <c r="AC15288" i="1"/>
  <c r="AC15289" i="1"/>
  <c r="AC15290" i="1"/>
  <c r="AC15291" i="1"/>
  <c r="AC15292" i="1"/>
  <c r="AC15293" i="1"/>
  <c r="AC15294" i="1"/>
  <c r="AC15295" i="1"/>
  <c r="AC15296" i="1"/>
  <c r="AC15297" i="1"/>
  <c r="AC15298" i="1"/>
  <c r="AC15299" i="1"/>
  <c r="AC15300" i="1"/>
  <c r="AC15301" i="1"/>
  <c r="AC15302" i="1"/>
  <c r="AC15303" i="1"/>
  <c r="AC15304" i="1"/>
  <c r="AC15305" i="1"/>
  <c r="AC15306" i="1"/>
  <c r="AC15307" i="1"/>
  <c r="AC15308" i="1"/>
  <c r="AC15309" i="1"/>
  <c r="AC15310" i="1"/>
  <c r="AC15311" i="1"/>
  <c r="AC15312" i="1"/>
  <c r="AC15313" i="1"/>
  <c r="AC15314" i="1"/>
  <c r="AC15315" i="1"/>
  <c r="AC15316" i="1"/>
  <c r="AC15317" i="1"/>
  <c r="AC15318" i="1"/>
  <c r="AC15319" i="1"/>
  <c r="AC15320" i="1"/>
  <c r="AC15321" i="1"/>
  <c r="AC15322" i="1"/>
  <c r="AC15323" i="1"/>
  <c r="AC15324" i="1"/>
  <c r="AC15325" i="1"/>
  <c r="AC15326" i="1"/>
  <c r="AC15327" i="1"/>
  <c r="AC15328" i="1"/>
  <c r="AC15329" i="1"/>
  <c r="AC15330" i="1"/>
  <c r="AC15331" i="1"/>
  <c r="AC15332" i="1"/>
  <c r="AC15333" i="1"/>
  <c r="AC15334" i="1"/>
  <c r="AC15335" i="1"/>
  <c r="AC15336" i="1"/>
  <c r="AC15337" i="1"/>
  <c r="AC15338" i="1"/>
  <c r="AC15339" i="1"/>
  <c r="AC15340" i="1"/>
  <c r="AC15341" i="1"/>
  <c r="AC15342" i="1"/>
  <c r="AC15343" i="1"/>
  <c r="AC15344" i="1"/>
  <c r="AC15345" i="1"/>
  <c r="AC15346" i="1"/>
  <c r="AC15347" i="1"/>
  <c r="AC15348" i="1"/>
  <c r="AC15349" i="1"/>
  <c r="AC15350" i="1"/>
  <c r="AC15351" i="1"/>
  <c r="AC15352" i="1"/>
  <c r="AC15353" i="1"/>
  <c r="AC15354" i="1"/>
  <c r="AC15355" i="1"/>
  <c r="AC15356" i="1"/>
  <c r="AC15357" i="1"/>
  <c r="AC15358" i="1"/>
  <c r="AC15359" i="1"/>
  <c r="AC15360" i="1"/>
  <c r="AC15361" i="1"/>
  <c r="AC15362" i="1"/>
  <c r="AC15363" i="1"/>
  <c r="AC15364" i="1"/>
  <c r="AC15365" i="1"/>
  <c r="AC15366" i="1"/>
  <c r="AC15367" i="1"/>
  <c r="AC15368" i="1"/>
  <c r="AC15369" i="1"/>
  <c r="AC15370" i="1"/>
  <c r="AC15371" i="1"/>
  <c r="AC15372" i="1"/>
  <c r="AC15373" i="1"/>
  <c r="AC15374" i="1"/>
  <c r="AC15375" i="1"/>
  <c r="AC15376" i="1"/>
  <c r="AC15377" i="1"/>
  <c r="AC15378" i="1"/>
  <c r="AC15379" i="1"/>
  <c r="AC15380" i="1"/>
  <c r="AC15381" i="1"/>
  <c r="AC15382" i="1"/>
  <c r="AC15383" i="1"/>
  <c r="AC15384" i="1"/>
  <c r="AC15385" i="1"/>
  <c r="AC15386" i="1"/>
  <c r="AC15387" i="1"/>
  <c r="AC15388" i="1"/>
  <c r="AC15389" i="1"/>
  <c r="AC15390" i="1"/>
  <c r="AC15391" i="1"/>
  <c r="AC15392" i="1"/>
  <c r="AC15393" i="1"/>
  <c r="AC15394" i="1"/>
  <c r="AC15395" i="1"/>
  <c r="AC15396" i="1"/>
  <c r="AC15397" i="1"/>
  <c r="AC15398" i="1"/>
  <c r="AC15399" i="1"/>
  <c r="AC15400" i="1"/>
  <c r="AC15401" i="1"/>
  <c r="AC15402" i="1"/>
  <c r="AC15403" i="1"/>
  <c r="AC15404" i="1"/>
  <c r="AC15405" i="1"/>
  <c r="AC15406" i="1"/>
  <c r="AC15407" i="1"/>
  <c r="AC15408" i="1"/>
  <c r="AC15409" i="1"/>
  <c r="AC15410" i="1"/>
  <c r="AC15411" i="1"/>
  <c r="AC15412" i="1"/>
  <c r="AC15413" i="1"/>
  <c r="AC15414" i="1"/>
  <c r="AC15415" i="1"/>
  <c r="AC15416" i="1"/>
  <c r="AC15417" i="1"/>
  <c r="AC15418" i="1"/>
  <c r="AC15419" i="1"/>
  <c r="AC15420" i="1"/>
  <c r="AC15421" i="1"/>
  <c r="AC15422" i="1"/>
  <c r="AC15423" i="1"/>
  <c r="AC15424" i="1"/>
  <c r="AC15425" i="1"/>
  <c r="AC15426" i="1"/>
  <c r="AC15427" i="1"/>
  <c r="AC15428" i="1"/>
  <c r="AC15429" i="1"/>
  <c r="AC15430" i="1"/>
  <c r="AC15431" i="1"/>
  <c r="AC15432" i="1"/>
  <c r="AC15433" i="1"/>
  <c r="AC15434" i="1"/>
  <c r="AC15435" i="1"/>
  <c r="AC15436" i="1"/>
  <c r="AC15437" i="1"/>
  <c r="AC15438" i="1"/>
  <c r="AC15439" i="1"/>
  <c r="AC15440" i="1"/>
  <c r="AC15441" i="1"/>
  <c r="AC15442" i="1"/>
  <c r="AC15443" i="1"/>
  <c r="AC15444" i="1"/>
  <c r="AC15445" i="1"/>
  <c r="AC15446" i="1"/>
  <c r="AC15447" i="1"/>
  <c r="AC15448" i="1"/>
  <c r="AC15449" i="1"/>
  <c r="AC15450" i="1"/>
  <c r="AC15451" i="1"/>
  <c r="AC15452" i="1"/>
  <c r="AC15453" i="1"/>
  <c r="AC15454" i="1"/>
  <c r="AC15455" i="1"/>
  <c r="AC15456" i="1"/>
  <c r="AC15457" i="1"/>
  <c r="AC15458" i="1"/>
  <c r="AC15459" i="1"/>
  <c r="AC15460" i="1"/>
  <c r="AC15461" i="1"/>
  <c r="AC15462" i="1"/>
  <c r="AC15463" i="1"/>
  <c r="AC15464" i="1"/>
  <c r="AC15465" i="1"/>
  <c r="AC15466" i="1"/>
  <c r="AC15467" i="1"/>
  <c r="AC15468" i="1"/>
  <c r="AC15469" i="1"/>
  <c r="AC15470" i="1"/>
  <c r="AC15471" i="1"/>
  <c r="AC15472" i="1"/>
  <c r="AC15473" i="1"/>
  <c r="AC15474" i="1"/>
  <c r="AC15475" i="1"/>
  <c r="AC15476" i="1"/>
  <c r="AC15477" i="1"/>
  <c r="AC15478" i="1"/>
  <c r="AC15479" i="1"/>
  <c r="AC15480" i="1"/>
  <c r="AC15481" i="1"/>
  <c r="AC15482" i="1"/>
  <c r="AC15483" i="1"/>
  <c r="AC15484" i="1"/>
  <c r="AC15485" i="1"/>
  <c r="AC15486" i="1"/>
  <c r="AC15487" i="1"/>
  <c r="AC15488" i="1"/>
  <c r="AC15489" i="1"/>
  <c r="AC15490" i="1"/>
  <c r="AC15491" i="1"/>
  <c r="AC15492" i="1"/>
  <c r="AC15493" i="1"/>
  <c r="AC15494" i="1"/>
  <c r="AC15495" i="1"/>
  <c r="AC15496" i="1"/>
  <c r="AC15497" i="1"/>
  <c r="AC15498" i="1"/>
  <c r="AC15499" i="1"/>
  <c r="AC15500" i="1"/>
  <c r="AC15501" i="1"/>
  <c r="AC15502" i="1"/>
  <c r="AC15503" i="1"/>
  <c r="AC15504" i="1"/>
  <c r="AC15505" i="1"/>
  <c r="AC15506" i="1"/>
  <c r="AC15507" i="1"/>
  <c r="AC15508" i="1"/>
  <c r="AC15509" i="1"/>
  <c r="AC15510" i="1"/>
  <c r="AC15511" i="1"/>
  <c r="AC15512" i="1"/>
  <c r="AC15513" i="1"/>
  <c r="AC15514" i="1"/>
  <c r="AC15515" i="1"/>
  <c r="AC15516" i="1"/>
  <c r="AC15517" i="1"/>
  <c r="AC15518" i="1"/>
  <c r="AC15519" i="1"/>
  <c r="AC15520" i="1"/>
  <c r="AC15521" i="1"/>
  <c r="AC15522" i="1"/>
  <c r="AC15523" i="1"/>
  <c r="AC15524" i="1"/>
  <c r="AC15525" i="1"/>
  <c r="AC15526" i="1"/>
  <c r="AC15527" i="1"/>
  <c r="AC15528" i="1"/>
  <c r="AC15529" i="1"/>
  <c r="AC15530" i="1"/>
  <c r="AC15531" i="1"/>
  <c r="AC15532" i="1"/>
  <c r="AC15533" i="1"/>
  <c r="AC15534" i="1"/>
  <c r="AC15535" i="1"/>
  <c r="AC15536" i="1"/>
  <c r="AC15537" i="1"/>
  <c r="AC15538" i="1"/>
  <c r="AC15539" i="1"/>
  <c r="AC15540" i="1"/>
  <c r="AC15541" i="1"/>
  <c r="AC15542" i="1"/>
  <c r="AC15543" i="1"/>
  <c r="AC15544" i="1"/>
  <c r="AC15545" i="1"/>
  <c r="AC15546" i="1"/>
  <c r="AC15547" i="1"/>
  <c r="AC15548" i="1"/>
  <c r="AC15549" i="1"/>
  <c r="AC15550" i="1"/>
  <c r="AC15551" i="1"/>
  <c r="AC15552" i="1"/>
  <c r="AC15553" i="1"/>
  <c r="AC15554" i="1"/>
  <c r="AC15555" i="1"/>
  <c r="AC15556" i="1"/>
  <c r="AC15557" i="1"/>
  <c r="AC15558" i="1"/>
  <c r="AC15559" i="1"/>
  <c r="AC15560" i="1"/>
  <c r="AC15561" i="1"/>
  <c r="AC15562" i="1"/>
  <c r="AC15563" i="1"/>
  <c r="AC15564" i="1"/>
  <c r="AC15565" i="1"/>
  <c r="AC15566" i="1"/>
  <c r="AC15567" i="1"/>
  <c r="AC15568" i="1"/>
  <c r="AC15569" i="1"/>
  <c r="AC15570" i="1"/>
  <c r="AC15571" i="1"/>
  <c r="AC15572" i="1"/>
  <c r="AC15573" i="1"/>
  <c r="AC15574" i="1"/>
  <c r="AC15575" i="1"/>
  <c r="AC15576" i="1"/>
  <c r="AC15577" i="1"/>
  <c r="AC15578" i="1"/>
  <c r="AC15579" i="1"/>
  <c r="AC15580" i="1"/>
  <c r="AC15581" i="1"/>
  <c r="AC15582" i="1"/>
  <c r="AC15583" i="1"/>
  <c r="AC15584" i="1"/>
  <c r="AC15585" i="1"/>
  <c r="AC15586" i="1"/>
  <c r="AC15587" i="1"/>
  <c r="AC15588" i="1"/>
  <c r="AC15589" i="1"/>
  <c r="AC15590" i="1"/>
  <c r="AC15591" i="1"/>
  <c r="AC15592" i="1"/>
  <c r="AC15593" i="1"/>
  <c r="AC15594" i="1"/>
  <c r="AC15595" i="1"/>
  <c r="AC15596" i="1"/>
  <c r="AC15597" i="1"/>
  <c r="AC15598" i="1"/>
  <c r="AC15599" i="1"/>
  <c r="AC15600" i="1"/>
  <c r="AC15601" i="1"/>
  <c r="AC15602" i="1"/>
  <c r="AC15603" i="1"/>
  <c r="AC15604" i="1"/>
  <c r="AC15605" i="1"/>
  <c r="AC15606" i="1"/>
  <c r="AC15607" i="1"/>
  <c r="AC15608" i="1"/>
  <c r="AC15609" i="1"/>
  <c r="AC15610" i="1"/>
  <c r="AC15611" i="1"/>
  <c r="AC15612" i="1"/>
  <c r="AC15613" i="1"/>
  <c r="AC15614" i="1"/>
  <c r="AC15615" i="1"/>
  <c r="AC15616" i="1"/>
  <c r="AC15617" i="1"/>
  <c r="AC15618" i="1"/>
  <c r="AC15619" i="1"/>
  <c r="AC15620" i="1"/>
  <c r="AC15621" i="1"/>
  <c r="AC15622" i="1"/>
  <c r="AC15623" i="1"/>
  <c r="AC15624" i="1"/>
  <c r="AC15625" i="1"/>
  <c r="AC15626" i="1"/>
  <c r="AC15627" i="1"/>
  <c r="AC15628" i="1"/>
  <c r="AC15629" i="1"/>
  <c r="AC15630" i="1"/>
  <c r="AC15631" i="1"/>
  <c r="AC15632" i="1"/>
  <c r="AC15633" i="1"/>
  <c r="AC15634" i="1"/>
  <c r="AC15635" i="1"/>
  <c r="AC15636" i="1"/>
  <c r="AC15637" i="1"/>
  <c r="AC15638" i="1"/>
  <c r="AC15639" i="1"/>
  <c r="AC15640" i="1"/>
  <c r="AC15641" i="1"/>
  <c r="AC15642" i="1"/>
  <c r="AC15643" i="1"/>
  <c r="AC15644" i="1"/>
  <c r="AC15645" i="1"/>
  <c r="AC15646" i="1"/>
  <c r="AC15647" i="1"/>
  <c r="AC15648" i="1"/>
  <c r="AC15649" i="1"/>
  <c r="AC15650" i="1"/>
  <c r="AC15651" i="1"/>
  <c r="AC15652" i="1"/>
  <c r="AC15653" i="1"/>
  <c r="AC15654" i="1"/>
  <c r="AC15655" i="1"/>
  <c r="AC15656" i="1"/>
  <c r="AC15657" i="1"/>
  <c r="AC15658" i="1"/>
  <c r="AC15659" i="1"/>
  <c r="AC15660" i="1"/>
  <c r="AC15661" i="1"/>
  <c r="AC15662" i="1"/>
  <c r="AC15663" i="1"/>
  <c r="AC15664" i="1"/>
  <c r="AC15665" i="1"/>
  <c r="AC15666" i="1"/>
  <c r="AC15667" i="1"/>
  <c r="AC15668" i="1"/>
  <c r="AC15669" i="1"/>
  <c r="AC15670" i="1"/>
  <c r="AC15671" i="1"/>
  <c r="AC15672" i="1"/>
  <c r="AC15673" i="1"/>
  <c r="AC15674" i="1"/>
  <c r="AC15675" i="1"/>
  <c r="AC15676" i="1"/>
  <c r="AC15677" i="1"/>
  <c r="AC15678" i="1"/>
  <c r="AC15679" i="1"/>
  <c r="AC15680" i="1"/>
  <c r="AC15681" i="1"/>
  <c r="AC15682" i="1"/>
  <c r="AC15683" i="1"/>
  <c r="AC15684" i="1"/>
  <c r="AC15685" i="1"/>
  <c r="AC15686" i="1"/>
  <c r="AC15687" i="1"/>
  <c r="AC15688" i="1"/>
  <c r="AC15689" i="1"/>
  <c r="AC15690" i="1"/>
  <c r="AC15691" i="1"/>
  <c r="AC15692" i="1"/>
  <c r="AC15693" i="1"/>
  <c r="AC15694" i="1"/>
  <c r="AC15695" i="1"/>
  <c r="AC15696" i="1"/>
  <c r="AC15697" i="1"/>
  <c r="AC15698" i="1"/>
  <c r="AC15699" i="1"/>
  <c r="AC15700" i="1"/>
  <c r="AC15701" i="1"/>
  <c r="AC15702" i="1"/>
  <c r="AC15703" i="1"/>
  <c r="AC15704" i="1"/>
  <c r="AC15705" i="1"/>
  <c r="AC15706" i="1"/>
  <c r="AC15707" i="1"/>
  <c r="AC15708" i="1"/>
  <c r="AC15709" i="1"/>
  <c r="AC15710" i="1"/>
  <c r="AC15711" i="1"/>
  <c r="AC15712" i="1"/>
  <c r="AC15713" i="1"/>
  <c r="AC15714" i="1"/>
  <c r="AC15715" i="1"/>
  <c r="AC15716" i="1"/>
  <c r="AC15717" i="1"/>
  <c r="AC15718" i="1"/>
  <c r="AC15719" i="1"/>
  <c r="AC15720" i="1"/>
  <c r="AC15721" i="1"/>
  <c r="AC15722" i="1"/>
  <c r="AC15723" i="1"/>
  <c r="AC15724" i="1"/>
  <c r="AC15725" i="1"/>
  <c r="AC15726" i="1"/>
  <c r="AC15727" i="1"/>
  <c r="AC15728" i="1"/>
  <c r="AC15729" i="1"/>
  <c r="AC15730" i="1"/>
  <c r="AC15731" i="1"/>
  <c r="AC15732" i="1"/>
  <c r="AC15733" i="1"/>
  <c r="AC15734" i="1"/>
  <c r="AC15735" i="1"/>
  <c r="AC15736" i="1"/>
  <c r="AC15737" i="1"/>
  <c r="AC15738" i="1"/>
  <c r="AC15739" i="1"/>
  <c r="AC15740" i="1"/>
  <c r="AC15741" i="1"/>
  <c r="AC15742" i="1"/>
  <c r="AC15743" i="1"/>
  <c r="AC15744" i="1"/>
  <c r="AC15745" i="1"/>
  <c r="AC15746" i="1"/>
  <c r="AC15747" i="1"/>
  <c r="AC15748" i="1"/>
  <c r="AC15749" i="1"/>
  <c r="AC15750" i="1"/>
  <c r="AC15751" i="1"/>
  <c r="AC15752" i="1"/>
  <c r="AC15753" i="1"/>
  <c r="AC15754" i="1"/>
  <c r="AC15755" i="1"/>
  <c r="AC15756" i="1"/>
  <c r="AC15757" i="1"/>
  <c r="AC15758" i="1"/>
  <c r="AC15759" i="1"/>
  <c r="AC15760" i="1"/>
  <c r="AC15761" i="1"/>
  <c r="AC15762" i="1"/>
  <c r="AC15763" i="1"/>
  <c r="AC15764" i="1"/>
  <c r="AC15765" i="1"/>
  <c r="AC15766" i="1"/>
  <c r="AC15767" i="1"/>
  <c r="AC15768" i="1"/>
  <c r="AC15769" i="1"/>
  <c r="AC15770" i="1"/>
  <c r="AC15771" i="1"/>
  <c r="AC15772" i="1"/>
  <c r="AC15773" i="1"/>
  <c r="AC15774" i="1"/>
  <c r="AC15775" i="1"/>
  <c r="AC15776" i="1"/>
  <c r="AC15777" i="1"/>
  <c r="AC15778" i="1"/>
  <c r="AC15779" i="1"/>
  <c r="AC15780" i="1"/>
  <c r="AC15781" i="1"/>
  <c r="AC15782" i="1"/>
  <c r="AC15783" i="1"/>
  <c r="AC15784" i="1"/>
  <c r="AC15785" i="1"/>
  <c r="AC15786" i="1"/>
  <c r="AC15787" i="1"/>
  <c r="AC15788" i="1"/>
  <c r="AC15789" i="1"/>
  <c r="AC15790" i="1"/>
  <c r="AC15791" i="1"/>
  <c r="AC15792" i="1"/>
  <c r="AC15793" i="1"/>
  <c r="AC15794" i="1"/>
  <c r="AC15795" i="1"/>
  <c r="AC15796" i="1"/>
  <c r="AC15797" i="1"/>
  <c r="AC15798" i="1"/>
  <c r="AC15799" i="1"/>
  <c r="AC15800" i="1"/>
  <c r="AC15801" i="1"/>
  <c r="AC15802" i="1"/>
  <c r="AC15803" i="1"/>
  <c r="AC15804" i="1"/>
  <c r="AC15805" i="1"/>
  <c r="AC15806" i="1"/>
  <c r="AC15807" i="1"/>
  <c r="AC15808" i="1"/>
  <c r="AC15809" i="1"/>
  <c r="AC15810" i="1"/>
  <c r="AC15811" i="1"/>
  <c r="AC15812" i="1"/>
  <c r="AC15813" i="1"/>
  <c r="AC15814" i="1"/>
  <c r="AC15815" i="1"/>
  <c r="AC15816" i="1"/>
  <c r="AC15817" i="1"/>
  <c r="AC15818" i="1"/>
  <c r="AC15819" i="1"/>
  <c r="AC15820" i="1"/>
  <c r="AC15821" i="1"/>
  <c r="AC15822" i="1"/>
  <c r="AC15823" i="1"/>
  <c r="AC15824" i="1"/>
  <c r="AC15825" i="1"/>
  <c r="AC15826" i="1"/>
  <c r="AC15827" i="1"/>
  <c r="AC15828" i="1"/>
  <c r="AC15829" i="1"/>
  <c r="AC15830" i="1"/>
  <c r="AC15831" i="1"/>
  <c r="AC15832" i="1"/>
  <c r="AC15833" i="1"/>
  <c r="AC15834" i="1"/>
  <c r="AC15835" i="1"/>
  <c r="AC15836" i="1"/>
  <c r="AC15837" i="1"/>
  <c r="AC15838" i="1"/>
  <c r="AC15839" i="1"/>
  <c r="AC15840" i="1"/>
  <c r="AC15841" i="1"/>
  <c r="AC15842" i="1"/>
  <c r="AC15843" i="1"/>
  <c r="AC15844" i="1"/>
  <c r="AC15845" i="1"/>
  <c r="AC15846" i="1"/>
  <c r="AC15847" i="1"/>
  <c r="AC15848" i="1"/>
  <c r="AC15849" i="1"/>
  <c r="AC15850" i="1"/>
  <c r="AC15851" i="1"/>
  <c r="AC15852" i="1"/>
  <c r="AC15853" i="1"/>
  <c r="AC15854" i="1"/>
  <c r="AC15855" i="1"/>
  <c r="AC15856" i="1"/>
  <c r="AC15857" i="1"/>
  <c r="AC15858" i="1"/>
  <c r="AC15859" i="1"/>
  <c r="AC15860" i="1"/>
  <c r="AC15861" i="1"/>
  <c r="AC15862" i="1"/>
  <c r="AC15863" i="1"/>
  <c r="AC15864" i="1"/>
  <c r="AC15865" i="1"/>
  <c r="AC15866" i="1"/>
  <c r="AC15867" i="1"/>
  <c r="AC15868" i="1"/>
  <c r="AC15869" i="1"/>
  <c r="AC15870" i="1"/>
  <c r="AC15871" i="1"/>
  <c r="AC15872" i="1"/>
  <c r="AC15873" i="1"/>
  <c r="AC15874" i="1"/>
  <c r="AC15875" i="1"/>
  <c r="AC15876" i="1"/>
  <c r="AC15877" i="1"/>
  <c r="AC15878" i="1"/>
  <c r="AC15879" i="1"/>
  <c r="AC15880" i="1"/>
  <c r="AC15881" i="1"/>
  <c r="AC15882" i="1"/>
  <c r="AC15883" i="1"/>
  <c r="AC15884" i="1"/>
  <c r="AC15885" i="1"/>
  <c r="AC15886" i="1"/>
  <c r="AC15887" i="1"/>
  <c r="AC15888" i="1"/>
  <c r="AC15889" i="1"/>
  <c r="AC15890" i="1"/>
  <c r="AC15891" i="1"/>
  <c r="AC15892" i="1"/>
  <c r="AC15893" i="1"/>
  <c r="AC15894" i="1"/>
  <c r="AC15895" i="1"/>
  <c r="AC15896" i="1"/>
  <c r="AC15897" i="1"/>
  <c r="AC15898" i="1"/>
  <c r="AC15899" i="1"/>
  <c r="AC15900" i="1"/>
  <c r="AC15901" i="1"/>
  <c r="AC15902" i="1"/>
  <c r="AC15903" i="1"/>
  <c r="AC15904" i="1"/>
  <c r="AC15905" i="1"/>
  <c r="AC15906" i="1"/>
  <c r="AC15907" i="1"/>
  <c r="AC15908" i="1"/>
  <c r="AC15909" i="1"/>
  <c r="AC15910" i="1"/>
  <c r="AC15911" i="1"/>
  <c r="AC15912" i="1"/>
  <c r="AC15913" i="1"/>
  <c r="AC15914" i="1"/>
  <c r="AC15915" i="1"/>
  <c r="AC15916" i="1"/>
  <c r="AC15917" i="1"/>
  <c r="AC15918" i="1"/>
  <c r="AC15919" i="1"/>
  <c r="AC15920" i="1"/>
  <c r="AC15921" i="1"/>
  <c r="AC15922" i="1"/>
  <c r="AC15923" i="1"/>
  <c r="AC15924" i="1"/>
  <c r="AC15925" i="1"/>
  <c r="AC15926" i="1"/>
  <c r="AC15927" i="1"/>
  <c r="AC15928" i="1"/>
  <c r="AC15929" i="1"/>
  <c r="AC15930" i="1"/>
  <c r="AC15931" i="1"/>
  <c r="AC15932" i="1"/>
  <c r="AC15933" i="1"/>
  <c r="AC15934" i="1"/>
  <c r="AC15935" i="1"/>
  <c r="AC15936" i="1"/>
  <c r="AC15937" i="1"/>
  <c r="AC15938" i="1"/>
  <c r="AC15939" i="1"/>
  <c r="AC15940" i="1"/>
  <c r="AC15941" i="1"/>
  <c r="AC15942" i="1"/>
  <c r="AC15943" i="1"/>
  <c r="AC15944" i="1"/>
  <c r="AC15945" i="1"/>
  <c r="AC15946" i="1"/>
  <c r="AC15947" i="1"/>
  <c r="AC15948" i="1"/>
  <c r="AC15949" i="1"/>
  <c r="AC15950" i="1"/>
  <c r="AC15951" i="1"/>
  <c r="AC15952" i="1"/>
  <c r="AC15953" i="1"/>
  <c r="AC15954" i="1"/>
  <c r="AC15955" i="1"/>
  <c r="AC15956" i="1"/>
  <c r="AC15957" i="1"/>
  <c r="AC15958" i="1"/>
  <c r="AC15959" i="1"/>
  <c r="AC15960" i="1"/>
  <c r="AC15961" i="1"/>
  <c r="AC15962" i="1"/>
  <c r="AC15963" i="1"/>
  <c r="AC15964" i="1"/>
  <c r="AC15965" i="1"/>
  <c r="AC15966" i="1"/>
  <c r="AC15967" i="1"/>
  <c r="AC15968" i="1"/>
  <c r="AC15969" i="1"/>
  <c r="AC15970" i="1"/>
  <c r="AC15971" i="1"/>
  <c r="AC15972" i="1"/>
  <c r="AC15973" i="1"/>
  <c r="AC15974" i="1"/>
  <c r="AC15975" i="1"/>
  <c r="AC15976" i="1"/>
  <c r="AC15977" i="1"/>
  <c r="AC15978" i="1"/>
  <c r="AC15979" i="1"/>
  <c r="AC15980" i="1"/>
  <c r="AC15981" i="1"/>
  <c r="AC15982" i="1"/>
  <c r="AC15983" i="1"/>
  <c r="AC15984" i="1"/>
  <c r="AC15985" i="1"/>
  <c r="AC15986" i="1"/>
  <c r="AC15987" i="1"/>
  <c r="AC15988" i="1"/>
  <c r="AC15989" i="1"/>
  <c r="AC15990" i="1"/>
  <c r="AC15991" i="1"/>
  <c r="AC15992" i="1"/>
  <c r="AC15993" i="1"/>
  <c r="AC15994" i="1"/>
  <c r="AC15995" i="1"/>
  <c r="AC15996" i="1"/>
  <c r="AC15997" i="1"/>
  <c r="AC15998" i="1"/>
  <c r="AC15999" i="1"/>
  <c r="AC16000" i="1"/>
  <c r="AC16001" i="1"/>
  <c r="AC16002" i="1"/>
  <c r="AC16003" i="1"/>
  <c r="AC16004" i="1"/>
  <c r="AC16005" i="1"/>
  <c r="AC16006" i="1"/>
  <c r="AC16007" i="1"/>
  <c r="AC16008" i="1"/>
  <c r="AC16009" i="1"/>
  <c r="AC16010" i="1"/>
  <c r="AC16011" i="1"/>
  <c r="AC16012" i="1"/>
  <c r="AC16013" i="1"/>
  <c r="AC16014" i="1"/>
  <c r="AC16015" i="1"/>
  <c r="AC16016" i="1"/>
  <c r="AC16017" i="1"/>
  <c r="AC16018" i="1"/>
  <c r="AC16019" i="1"/>
  <c r="AC16020" i="1"/>
  <c r="AC16021" i="1"/>
  <c r="AC16022" i="1"/>
  <c r="AC16023" i="1"/>
  <c r="AC16024" i="1"/>
  <c r="AC16025" i="1"/>
  <c r="AC16026" i="1"/>
  <c r="AC16027" i="1"/>
  <c r="AC16028" i="1"/>
  <c r="AC16029" i="1"/>
  <c r="AC16030" i="1"/>
  <c r="AC16031" i="1"/>
  <c r="AC16032" i="1"/>
  <c r="AC16033" i="1"/>
  <c r="AC16034" i="1"/>
  <c r="AC16035" i="1"/>
  <c r="AC16036" i="1"/>
  <c r="AC16037" i="1"/>
  <c r="AC16038" i="1"/>
  <c r="AC16039" i="1"/>
  <c r="AC16040" i="1"/>
  <c r="AC16041" i="1"/>
  <c r="AC16042" i="1"/>
  <c r="AC16043" i="1"/>
  <c r="AC16044" i="1"/>
  <c r="AC16045" i="1"/>
  <c r="AC16046" i="1"/>
  <c r="AC16047" i="1"/>
  <c r="AC16048" i="1"/>
  <c r="AC16049" i="1"/>
  <c r="AC16050" i="1"/>
  <c r="AC16051" i="1"/>
  <c r="AC16052" i="1"/>
  <c r="AC16053" i="1"/>
  <c r="AC16054" i="1"/>
  <c r="AC16055" i="1"/>
  <c r="AC16056" i="1"/>
  <c r="AC16057" i="1"/>
  <c r="AC16058" i="1"/>
  <c r="AC16059" i="1"/>
  <c r="AC16060" i="1"/>
  <c r="AC16061" i="1"/>
  <c r="AC16062" i="1"/>
  <c r="AC16063" i="1"/>
  <c r="AC16064" i="1"/>
  <c r="AC16065" i="1"/>
  <c r="AC16066" i="1"/>
  <c r="AC16067" i="1"/>
  <c r="AC16068" i="1"/>
  <c r="AC16069" i="1"/>
  <c r="AC16070" i="1"/>
  <c r="AC16071" i="1"/>
  <c r="AC16072" i="1"/>
  <c r="AC16073" i="1"/>
  <c r="AC16074" i="1"/>
  <c r="AC16075" i="1"/>
  <c r="AC16076" i="1"/>
  <c r="AC16077" i="1"/>
  <c r="AC16078" i="1"/>
  <c r="AC16079" i="1"/>
  <c r="AC16080" i="1"/>
  <c r="AC16081" i="1"/>
  <c r="AC16082" i="1"/>
  <c r="AC16083" i="1"/>
  <c r="AC16084" i="1"/>
  <c r="AC16085" i="1"/>
  <c r="AC16086" i="1"/>
  <c r="AC16087" i="1"/>
  <c r="AC16088" i="1"/>
  <c r="AC16089" i="1"/>
  <c r="AC16090" i="1"/>
  <c r="AC16091" i="1"/>
  <c r="AC16092" i="1"/>
  <c r="AC16093" i="1"/>
  <c r="AC16094" i="1"/>
  <c r="AC16095" i="1"/>
  <c r="AC16096" i="1"/>
  <c r="AC16097" i="1"/>
  <c r="AC16098" i="1"/>
  <c r="AC16099" i="1"/>
  <c r="AC16100" i="1"/>
  <c r="AC16101" i="1"/>
  <c r="AC16102" i="1"/>
  <c r="AC16103" i="1"/>
  <c r="AC16104" i="1"/>
  <c r="AC16105" i="1"/>
  <c r="AC16106" i="1"/>
  <c r="AC16107" i="1"/>
  <c r="AC16108" i="1"/>
  <c r="AC16109" i="1"/>
  <c r="AC16110" i="1"/>
  <c r="AC16111" i="1"/>
  <c r="AC16112" i="1"/>
  <c r="AC16113" i="1"/>
  <c r="AC16114" i="1"/>
  <c r="AC16115" i="1"/>
  <c r="AC16116" i="1"/>
  <c r="AC16117" i="1"/>
  <c r="AC16118" i="1"/>
  <c r="AC16119" i="1"/>
  <c r="AC16120" i="1"/>
  <c r="AC16121" i="1"/>
  <c r="AC16122" i="1"/>
  <c r="AC16123" i="1"/>
  <c r="AC16124" i="1"/>
  <c r="AC16125" i="1"/>
  <c r="AC16126" i="1"/>
  <c r="AC16127" i="1"/>
  <c r="AC16128" i="1"/>
  <c r="AC16129" i="1"/>
  <c r="AC16130" i="1"/>
  <c r="AC16131" i="1"/>
  <c r="AC16132" i="1"/>
  <c r="AC16133" i="1"/>
  <c r="AC16134" i="1"/>
  <c r="AC16135" i="1"/>
  <c r="AC16136" i="1"/>
  <c r="AC16137" i="1"/>
  <c r="AC16138" i="1"/>
  <c r="AC16139" i="1"/>
  <c r="AC16140" i="1"/>
  <c r="AC16141" i="1"/>
  <c r="AC16142" i="1"/>
  <c r="AC16143" i="1"/>
  <c r="AC16144" i="1"/>
  <c r="AC16145" i="1"/>
  <c r="AC16146" i="1"/>
  <c r="AC16147" i="1"/>
  <c r="AC16148" i="1"/>
  <c r="AC16149" i="1"/>
  <c r="AC16150" i="1"/>
  <c r="AC16151" i="1"/>
  <c r="AC16152" i="1"/>
  <c r="AC16153" i="1"/>
  <c r="AC16154" i="1"/>
  <c r="AC16155" i="1"/>
  <c r="AC16156" i="1"/>
  <c r="AC16157" i="1"/>
  <c r="AC16158" i="1"/>
  <c r="AC16159" i="1"/>
  <c r="AC16160" i="1"/>
  <c r="AC16161" i="1"/>
  <c r="AC16162" i="1"/>
  <c r="AC16163" i="1"/>
  <c r="AC16164" i="1"/>
  <c r="AC16165" i="1"/>
  <c r="AC16166" i="1"/>
  <c r="AC16167" i="1"/>
  <c r="AC16168" i="1"/>
  <c r="AC16169" i="1"/>
  <c r="AC16170" i="1"/>
  <c r="AC16171" i="1"/>
  <c r="AC16172" i="1"/>
  <c r="AC16173" i="1"/>
  <c r="AC16174" i="1"/>
  <c r="AC16175" i="1"/>
  <c r="AC16176" i="1"/>
  <c r="AC16177" i="1"/>
  <c r="AC16178" i="1"/>
  <c r="AC16179" i="1"/>
  <c r="AC16180" i="1"/>
  <c r="AC16181" i="1"/>
  <c r="AC16182" i="1"/>
  <c r="AC16183" i="1"/>
  <c r="AC16184" i="1"/>
  <c r="AC16185" i="1"/>
  <c r="AC16186" i="1"/>
  <c r="AC16187" i="1"/>
  <c r="AC16188" i="1"/>
  <c r="AC16189" i="1"/>
  <c r="AC16190" i="1"/>
  <c r="AC16191" i="1"/>
  <c r="AC16192" i="1"/>
  <c r="AC16193" i="1"/>
  <c r="AC16194" i="1"/>
  <c r="AC16195" i="1"/>
  <c r="AC16196" i="1"/>
  <c r="AC16197" i="1"/>
  <c r="AC16198" i="1"/>
  <c r="AC16199" i="1"/>
  <c r="AC16200" i="1"/>
  <c r="AC16201" i="1"/>
  <c r="AC16202" i="1"/>
  <c r="AC16203" i="1"/>
  <c r="AC16204" i="1"/>
  <c r="AC16205" i="1"/>
  <c r="AC16206" i="1"/>
  <c r="AC16207" i="1"/>
  <c r="AC16208" i="1"/>
  <c r="AC16209" i="1"/>
  <c r="AC16210" i="1"/>
  <c r="AC16211" i="1"/>
  <c r="AC16212" i="1"/>
  <c r="AC16213" i="1"/>
  <c r="AC16214" i="1"/>
  <c r="AC16215" i="1"/>
  <c r="AC16216" i="1"/>
  <c r="AC16217" i="1"/>
  <c r="AC16218" i="1"/>
  <c r="AC16219" i="1"/>
  <c r="AC16220" i="1"/>
  <c r="AC16221" i="1"/>
  <c r="AC16222" i="1"/>
  <c r="AC16223" i="1"/>
  <c r="AC16224" i="1"/>
  <c r="AC16225" i="1"/>
  <c r="AC16226" i="1"/>
  <c r="AC16227" i="1"/>
  <c r="AC16228" i="1"/>
  <c r="AC16229" i="1"/>
  <c r="AC16230" i="1"/>
  <c r="AC16231" i="1"/>
  <c r="AC16232" i="1"/>
  <c r="AC16233" i="1"/>
  <c r="AC16234" i="1"/>
  <c r="AC16235" i="1"/>
  <c r="AC16236" i="1"/>
  <c r="AC16237" i="1"/>
  <c r="AC16238" i="1"/>
  <c r="AC16239" i="1"/>
  <c r="AC16240" i="1"/>
  <c r="AC16241" i="1"/>
  <c r="AC16242" i="1"/>
  <c r="AC16243" i="1"/>
  <c r="AC16244" i="1"/>
  <c r="AC16245" i="1"/>
  <c r="AC16246" i="1"/>
  <c r="AC16247" i="1"/>
  <c r="AC16248" i="1"/>
  <c r="AC16249" i="1"/>
  <c r="AC16250" i="1"/>
  <c r="AC16251" i="1"/>
  <c r="AC16252" i="1"/>
  <c r="AC16253" i="1"/>
  <c r="AC16254" i="1"/>
  <c r="AC16255" i="1"/>
  <c r="AC16256" i="1"/>
  <c r="AC16257" i="1"/>
  <c r="AC16258" i="1"/>
  <c r="AC16259" i="1"/>
  <c r="AC16260" i="1"/>
  <c r="AC16261" i="1"/>
  <c r="AC16262" i="1"/>
  <c r="AC16263" i="1"/>
  <c r="AC16264" i="1"/>
  <c r="AC16265" i="1"/>
  <c r="AC16266" i="1"/>
  <c r="AC16267" i="1"/>
  <c r="AC16268" i="1"/>
  <c r="AC16269" i="1"/>
  <c r="AC16270" i="1"/>
  <c r="AC16271" i="1"/>
  <c r="AC16272" i="1"/>
  <c r="AC16273" i="1"/>
  <c r="AC16274" i="1"/>
  <c r="AC16275" i="1"/>
  <c r="AC16276" i="1"/>
  <c r="AC16277" i="1"/>
  <c r="AC16278" i="1"/>
  <c r="AC16279" i="1"/>
  <c r="AC16280" i="1"/>
  <c r="AC16281" i="1"/>
  <c r="AC16282" i="1"/>
  <c r="AC16283" i="1"/>
  <c r="AC16284" i="1"/>
  <c r="AC16285" i="1"/>
  <c r="AC16286" i="1"/>
  <c r="AC16287" i="1"/>
  <c r="AC16288" i="1"/>
  <c r="AC16289" i="1"/>
  <c r="AC16290" i="1"/>
  <c r="AC16291" i="1"/>
  <c r="AC16292" i="1"/>
  <c r="AC16293" i="1"/>
  <c r="AC16294" i="1"/>
  <c r="AC16295" i="1"/>
  <c r="AC16296" i="1"/>
  <c r="AC16297" i="1"/>
  <c r="AC16298" i="1"/>
  <c r="AC16299" i="1"/>
  <c r="AC16300" i="1"/>
  <c r="AC16301" i="1"/>
  <c r="AC16302" i="1"/>
  <c r="AC16303" i="1"/>
  <c r="AC16304" i="1"/>
  <c r="AC16305" i="1"/>
  <c r="AC16306" i="1"/>
  <c r="AC16307" i="1"/>
  <c r="AC16308" i="1"/>
  <c r="AC16309" i="1"/>
  <c r="AC16310" i="1"/>
  <c r="AC16311" i="1"/>
  <c r="AC16312" i="1"/>
  <c r="AC16313" i="1"/>
  <c r="AC16314" i="1"/>
  <c r="AC16315" i="1"/>
  <c r="AC16316" i="1"/>
  <c r="AC16317" i="1"/>
  <c r="AC16318" i="1"/>
  <c r="AC16319" i="1"/>
  <c r="AC16320" i="1"/>
  <c r="AC16321" i="1"/>
  <c r="AC16322" i="1"/>
  <c r="AC16323" i="1"/>
  <c r="AC16324" i="1"/>
  <c r="AC16325" i="1"/>
  <c r="AC16326" i="1"/>
  <c r="AC16327" i="1"/>
  <c r="AC16328" i="1"/>
  <c r="AC16329" i="1"/>
  <c r="AC16330" i="1"/>
  <c r="AC16331" i="1"/>
  <c r="AC16332" i="1"/>
  <c r="AC16333" i="1"/>
  <c r="AC16334" i="1"/>
  <c r="AC16335" i="1"/>
  <c r="AC16336" i="1"/>
  <c r="AC16337" i="1"/>
  <c r="AC16338" i="1"/>
  <c r="AC16339" i="1"/>
  <c r="AC16340" i="1"/>
  <c r="AC16341" i="1"/>
  <c r="AC16342" i="1"/>
  <c r="AC16343" i="1"/>
  <c r="AC16344" i="1"/>
  <c r="AC16345" i="1"/>
  <c r="AC16346" i="1"/>
  <c r="AC16347" i="1"/>
  <c r="AC16348" i="1"/>
  <c r="AC16349" i="1"/>
  <c r="AC16350" i="1"/>
  <c r="AC16351" i="1"/>
  <c r="AC16352" i="1"/>
  <c r="AC16353" i="1"/>
  <c r="AC16354" i="1"/>
  <c r="AC16355" i="1"/>
  <c r="AC16356" i="1"/>
  <c r="AC16357" i="1"/>
  <c r="AC16358" i="1"/>
  <c r="AC16359" i="1"/>
  <c r="AC16360" i="1"/>
  <c r="AC16361" i="1"/>
  <c r="AC16362" i="1"/>
  <c r="AC16363" i="1"/>
  <c r="AC16364" i="1"/>
  <c r="AC16365" i="1"/>
  <c r="AC16366" i="1"/>
  <c r="AC16367" i="1"/>
  <c r="AC16368" i="1"/>
  <c r="AC16369" i="1"/>
  <c r="AC16370" i="1"/>
  <c r="AC16371" i="1"/>
  <c r="AC16372" i="1"/>
  <c r="AC16373" i="1"/>
  <c r="AC16374" i="1"/>
  <c r="AC16375" i="1"/>
  <c r="AC16376" i="1"/>
  <c r="AC16377" i="1"/>
  <c r="AC16378" i="1"/>
  <c r="AC16379" i="1"/>
  <c r="AC16380" i="1"/>
  <c r="AC16381" i="1"/>
  <c r="AC16382" i="1"/>
  <c r="AC16383" i="1"/>
  <c r="AC16384" i="1"/>
  <c r="AC16385" i="1"/>
  <c r="AC16386" i="1"/>
  <c r="AC16387" i="1"/>
  <c r="AC16388" i="1"/>
  <c r="AC16389" i="1"/>
  <c r="AC16390" i="1"/>
  <c r="AC16391" i="1"/>
  <c r="AC16392" i="1"/>
  <c r="AC16393" i="1"/>
  <c r="AC16394" i="1"/>
  <c r="AC16395" i="1"/>
  <c r="AC16396" i="1"/>
  <c r="AC16397" i="1"/>
  <c r="AC16398" i="1"/>
  <c r="AC16399" i="1"/>
  <c r="AC16400" i="1"/>
  <c r="AC16401" i="1"/>
  <c r="AC16402" i="1"/>
  <c r="AC16403" i="1"/>
  <c r="AC16404" i="1"/>
  <c r="AC16405" i="1"/>
  <c r="AC16406" i="1"/>
  <c r="AC16407" i="1"/>
  <c r="AC16408" i="1"/>
  <c r="AC16409" i="1"/>
  <c r="AC16410" i="1"/>
  <c r="AC16411" i="1"/>
  <c r="AC16412" i="1"/>
  <c r="AC16413" i="1"/>
  <c r="AC16414" i="1"/>
  <c r="AC16415" i="1"/>
  <c r="AC16416" i="1"/>
  <c r="AC16417" i="1"/>
  <c r="AC16418" i="1"/>
  <c r="AC16419" i="1"/>
  <c r="AC16420" i="1"/>
  <c r="AC16421" i="1"/>
  <c r="AC16422" i="1"/>
  <c r="AC16423" i="1"/>
  <c r="AC16424" i="1"/>
  <c r="AC16425" i="1"/>
  <c r="AC16426" i="1"/>
  <c r="AC16427" i="1"/>
  <c r="AC16428" i="1"/>
  <c r="AC16429" i="1"/>
  <c r="AC16430" i="1"/>
  <c r="AC16431" i="1"/>
  <c r="AC16432" i="1"/>
  <c r="AC16433" i="1"/>
  <c r="AC16434" i="1"/>
  <c r="AC16435" i="1"/>
  <c r="AC16436" i="1"/>
  <c r="AC16437" i="1"/>
  <c r="AC16438" i="1"/>
  <c r="AC16439" i="1"/>
  <c r="AC16440" i="1"/>
  <c r="AC16441" i="1"/>
  <c r="AC16442" i="1"/>
  <c r="AC16443" i="1"/>
  <c r="AC16444" i="1"/>
  <c r="AC16445" i="1"/>
  <c r="AC16446" i="1"/>
  <c r="AC16447" i="1"/>
  <c r="AC16448" i="1"/>
  <c r="AC16449" i="1"/>
  <c r="AC16450" i="1"/>
  <c r="AC16451" i="1"/>
  <c r="AC16452" i="1"/>
  <c r="AC16453" i="1"/>
  <c r="AC16454" i="1"/>
  <c r="AC16455" i="1"/>
  <c r="AC16456" i="1"/>
  <c r="AC16457" i="1"/>
  <c r="AC16458" i="1"/>
  <c r="AC16459" i="1"/>
  <c r="AC16460" i="1"/>
  <c r="AC16461" i="1"/>
  <c r="AC16462" i="1"/>
  <c r="AC16463" i="1"/>
  <c r="AC16464" i="1"/>
  <c r="AC16465" i="1"/>
  <c r="AC16466" i="1"/>
  <c r="AC16467" i="1"/>
  <c r="AC16468" i="1"/>
  <c r="AC16469" i="1"/>
  <c r="AC16470" i="1"/>
  <c r="AC16471" i="1"/>
  <c r="AC16472" i="1"/>
  <c r="AC16473" i="1"/>
  <c r="AC16474" i="1"/>
  <c r="AC16475" i="1"/>
  <c r="AC16476" i="1"/>
  <c r="AC16477" i="1"/>
  <c r="AC16478" i="1"/>
  <c r="AC16479" i="1"/>
  <c r="AC16480" i="1"/>
  <c r="AC16481" i="1"/>
  <c r="AC16482" i="1"/>
  <c r="AC16483" i="1"/>
  <c r="AC16484" i="1"/>
  <c r="AC16485" i="1"/>
  <c r="AC16486" i="1"/>
  <c r="AC16487" i="1"/>
  <c r="AC16488" i="1"/>
  <c r="AC16489" i="1"/>
  <c r="AC16490" i="1"/>
  <c r="AC16491" i="1"/>
  <c r="AC16492" i="1"/>
  <c r="AC16493" i="1"/>
  <c r="AC16494" i="1"/>
  <c r="AC16495" i="1"/>
  <c r="AC16496" i="1"/>
  <c r="AC16497" i="1"/>
  <c r="AC16498" i="1"/>
  <c r="AC16499" i="1"/>
  <c r="AC16500" i="1"/>
  <c r="AC16501" i="1"/>
  <c r="AC16502" i="1"/>
  <c r="AC16503" i="1"/>
  <c r="AC16504" i="1"/>
  <c r="AC16505" i="1"/>
  <c r="AC16506" i="1"/>
  <c r="AC16507" i="1"/>
  <c r="AC16508" i="1"/>
  <c r="AC16509" i="1"/>
  <c r="AC16510" i="1"/>
  <c r="AC16511" i="1"/>
  <c r="AC16512" i="1"/>
  <c r="AC16513" i="1"/>
  <c r="AC16514" i="1"/>
  <c r="AC16515" i="1"/>
  <c r="AC16516" i="1"/>
  <c r="AC16517" i="1"/>
  <c r="AC16518" i="1"/>
  <c r="AC16519" i="1"/>
  <c r="AC16520" i="1"/>
  <c r="AC16521" i="1"/>
  <c r="AC16522" i="1"/>
  <c r="AC16523" i="1"/>
  <c r="AC16524" i="1"/>
  <c r="AC16525" i="1"/>
  <c r="AC16526" i="1"/>
  <c r="AC16527" i="1"/>
  <c r="AC16528" i="1"/>
  <c r="AC16529" i="1"/>
  <c r="AC16530" i="1"/>
  <c r="AC16531" i="1"/>
  <c r="AC16532" i="1"/>
  <c r="AC16533" i="1"/>
  <c r="AC16534" i="1"/>
  <c r="AC16535" i="1"/>
  <c r="AC16536" i="1"/>
  <c r="AC16537" i="1"/>
  <c r="AC16538" i="1"/>
  <c r="AC16539" i="1"/>
  <c r="AC16540" i="1"/>
  <c r="AC16541" i="1"/>
  <c r="AC16542" i="1"/>
  <c r="AC16543" i="1"/>
  <c r="AC16544" i="1"/>
  <c r="AC16545" i="1"/>
  <c r="AC16546" i="1"/>
  <c r="AC16547" i="1"/>
  <c r="AC16548" i="1"/>
  <c r="AC16549" i="1"/>
  <c r="AC16550" i="1"/>
  <c r="AC16551" i="1"/>
  <c r="AC16552" i="1"/>
  <c r="AC16553" i="1"/>
  <c r="AC16554" i="1"/>
  <c r="AC16555" i="1"/>
  <c r="AC16556" i="1"/>
  <c r="AC16557" i="1"/>
  <c r="AC16558" i="1"/>
  <c r="AC16559" i="1"/>
  <c r="AC16560" i="1"/>
  <c r="AC16561" i="1"/>
  <c r="AC16562" i="1"/>
  <c r="AC16563" i="1"/>
  <c r="AC16564" i="1"/>
  <c r="AC16565" i="1"/>
  <c r="AC16566" i="1"/>
  <c r="AC16567" i="1"/>
  <c r="AC16568" i="1"/>
  <c r="AC16569" i="1"/>
  <c r="AC16570" i="1"/>
  <c r="AC16571" i="1"/>
  <c r="AC16572" i="1"/>
  <c r="AC16573" i="1"/>
  <c r="AC16574" i="1"/>
  <c r="AC16575" i="1"/>
  <c r="AC16576" i="1"/>
  <c r="AC16577" i="1"/>
  <c r="AC16578" i="1"/>
  <c r="AC16579" i="1"/>
  <c r="AC16580" i="1"/>
  <c r="AC16581" i="1"/>
  <c r="AC16582" i="1"/>
  <c r="AC16583" i="1"/>
  <c r="AC16584" i="1"/>
  <c r="AC16585" i="1"/>
  <c r="AC16586" i="1"/>
  <c r="AC16587" i="1"/>
  <c r="AC16588" i="1"/>
  <c r="AC16589" i="1"/>
  <c r="AC16590" i="1"/>
  <c r="AC16591" i="1"/>
  <c r="AC16592" i="1"/>
  <c r="AC16593" i="1"/>
  <c r="AC16594" i="1"/>
  <c r="AC16595" i="1"/>
  <c r="AC16596" i="1"/>
  <c r="AC16597" i="1"/>
  <c r="AC16598" i="1"/>
  <c r="AC16599" i="1"/>
  <c r="AC16600" i="1"/>
  <c r="AC16601" i="1"/>
  <c r="AC16602" i="1"/>
  <c r="AC16603" i="1"/>
  <c r="AC16604" i="1"/>
  <c r="AC16605" i="1"/>
  <c r="AC16606" i="1"/>
  <c r="AC16607" i="1"/>
  <c r="AC16608" i="1"/>
  <c r="AC16609" i="1"/>
  <c r="AC16610" i="1"/>
  <c r="AC16611" i="1"/>
  <c r="AC16612" i="1"/>
  <c r="AC16613" i="1"/>
  <c r="AC16614" i="1"/>
  <c r="AC16615" i="1"/>
  <c r="AC16616" i="1"/>
  <c r="AC16617" i="1"/>
  <c r="AC16618" i="1"/>
  <c r="AC16619" i="1"/>
  <c r="AC16620" i="1"/>
  <c r="AC16621" i="1"/>
  <c r="AC16622" i="1"/>
  <c r="AC16623" i="1"/>
  <c r="AC16624" i="1"/>
  <c r="AC16625" i="1"/>
  <c r="AC16626" i="1"/>
  <c r="AC16627" i="1"/>
  <c r="AC16628" i="1"/>
  <c r="AC16629" i="1"/>
  <c r="AC16630" i="1"/>
  <c r="AC16631" i="1"/>
  <c r="AC16632" i="1"/>
  <c r="AC16633" i="1"/>
  <c r="AC16634" i="1"/>
  <c r="AC16635" i="1"/>
  <c r="AC16636" i="1"/>
  <c r="AC16637" i="1"/>
  <c r="AC16638" i="1"/>
  <c r="AC16639" i="1"/>
  <c r="AC16640" i="1"/>
  <c r="AC16641" i="1"/>
  <c r="AC16642" i="1"/>
  <c r="AC16643" i="1"/>
  <c r="AC16644" i="1"/>
  <c r="AC16645" i="1"/>
  <c r="AC16646" i="1"/>
  <c r="AC16647" i="1"/>
  <c r="AC16648" i="1"/>
  <c r="AC16649" i="1"/>
  <c r="AC16650" i="1"/>
  <c r="AC16651" i="1"/>
  <c r="AC16652" i="1"/>
  <c r="AC16653" i="1"/>
  <c r="AC16654" i="1"/>
  <c r="AC16655" i="1"/>
  <c r="AC16656" i="1"/>
  <c r="AC16657" i="1"/>
  <c r="AC16658" i="1"/>
  <c r="AC16659" i="1"/>
  <c r="AC16660" i="1"/>
  <c r="AC16661" i="1"/>
  <c r="AC16662" i="1"/>
  <c r="AC16663" i="1"/>
  <c r="AC16664" i="1"/>
  <c r="AC16665" i="1"/>
  <c r="AC16666" i="1"/>
  <c r="AC16667" i="1"/>
  <c r="AC16668" i="1"/>
  <c r="AC16669" i="1"/>
  <c r="AC16670" i="1"/>
  <c r="AC16671" i="1"/>
  <c r="AC16672" i="1"/>
  <c r="AC16673" i="1"/>
  <c r="AC16674" i="1"/>
  <c r="AC16675" i="1"/>
  <c r="AC16676" i="1"/>
  <c r="AC16677" i="1"/>
  <c r="AC16678" i="1"/>
  <c r="AC16679" i="1"/>
  <c r="AC16680" i="1"/>
  <c r="AC16681" i="1"/>
  <c r="AC16682" i="1"/>
  <c r="AC16683" i="1"/>
  <c r="AC16684" i="1"/>
  <c r="AC16685" i="1"/>
  <c r="AC16686" i="1"/>
  <c r="AC16687" i="1"/>
  <c r="AC16688" i="1"/>
  <c r="AC16689" i="1"/>
  <c r="AC16690" i="1"/>
  <c r="AC16691" i="1"/>
  <c r="AC16692" i="1"/>
  <c r="AC16693" i="1"/>
  <c r="AC16694" i="1"/>
  <c r="AC16695" i="1"/>
  <c r="AC16696" i="1"/>
  <c r="AC16697" i="1"/>
  <c r="AC16698" i="1"/>
  <c r="AC16699" i="1"/>
  <c r="AC16700" i="1"/>
  <c r="AC16701" i="1"/>
  <c r="AC16702" i="1"/>
  <c r="AC16703" i="1"/>
  <c r="AC16704" i="1"/>
  <c r="AC16705" i="1"/>
  <c r="AC16706" i="1"/>
  <c r="AC16707" i="1"/>
  <c r="AC16708" i="1"/>
  <c r="AC16709" i="1"/>
  <c r="AC16710" i="1"/>
  <c r="AC16711" i="1"/>
  <c r="AC16712" i="1"/>
  <c r="AC16713" i="1"/>
  <c r="AC16714" i="1"/>
  <c r="AC16715" i="1"/>
  <c r="AC16716" i="1"/>
  <c r="AC16717" i="1"/>
  <c r="AC16718" i="1"/>
  <c r="AC16719" i="1"/>
  <c r="AC16720" i="1"/>
  <c r="AC16721" i="1"/>
  <c r="AC16722" i="1"/>
  <c r="AC16723" i="1"/>
  <c r="AC16724" i="1"/>
  <c r="AC16725" i="1"/>
  <c r="AC16726" i="1"/>
  <c r="AC16727" i="1"/>
  <c r="AC16728" i="1"/>
  <c r="AC16729" i="1"/>
  <c r="AC16730" i="1"/>
  <c r="AC16731" i="1"/>
  <c r="AC16732" i="1"/>
  <c r="AC16733" i="1"/>
  <c r="AC16734" i="1"/>
  <c r="AC16735" i="1"/>
  <c r="AC16736" i="1"/>
  <c r="AC16737" i="1"/>
  <c r="AC16738" i="1"/>
  <c r="AC16739" i="1"/>
  <c r="AC16740" i="1"/>
  <c r="AC16741" i="1"/>
  <c r="AC16742" i="1"/>
  <c r="AC16743" i="1"/>
  <c r="AC16744" i="1"/>
  <c r="AC16745" i="1"/>
  <c r="AC16746" i="1"/>
  <c r="AC16747" i="1"/>
  <c r="AC16748" i="1"/>
  <c r="AC16749" i="1"/>
  <c r="AC16750" i="1"/>
  <c r="AC16751" i="1"/>
  <c r="AC16752" i="1"/>
  <c r="AC16753" i="1"/>
  <c r="AC16754" i="1"/>
  <c r="AC16755" i="1"/>
  <c r="AC16756" i="1"/>
  <c r="AC16757" i="1"/>
  <c r="AC16758" i="1"/>
  <c r="AC16759" i="1"/>
  <c r="AC16760" i="1"/>
  <c r="AC16761" i="1"/>
  <c r="AC16762" i="1"/>
  <c r="AC16763" i="1"/>
  <c r="AC16764" i="1"/>
  <c r="AC16765" i="1"/>
  <c r="AC16766" i="1"/>
  <c r="AC16767" i="1"/>
  <c r="AC16768" i="1"/>
  <c r="AC16769" i="1"/>
  <c r="AC16770" i="1"/>
  <c r="AC16771" i="1"/>
  <c r="AC16772" i="1"/>
  <c r="AC16773" i="1"/>
  <c r="AC16774" i="1"/>
  <c r="AC16775" i="1"/>
  <c r="AC16776" i="1"/>
  <c r="AC16777" i="1"/>
  <c r="AC16778" i="1"/>
  <c r="AC16779" i="1"/>
  <c r="AC16780" i="1"/>
  <c r="AC16781" i="1"/>
  <c r="AC16782" i="1"/>
  <c r="AC16783" i="1"/>
  <c r="AC16784" i="1"/>
  <c r="AC16785" i="1"/>
  <c r="AC16786" i="1"/>
  <c r="AC16787" i="1"/>
  <c r="AC16788" i="1"/>
  <c r="AC16789" i="1"/>
  <c r="AC16790" i="1"/>
  <c r="AC16791" i="1"/>
  <c r="AC16792" i="1"/>
  <c r="AC16793" i="1"/>
  <c r="AC16794" i="1"/>
  <c r="AC16795" i="1"/>
  <c r="AC16796" i="1"/>
  <c r="AC16797" i="1"/>
  <c r="AC16798" i="1"/>
  <c r="AC16799" i="1"/>
  <c r="AC16800" i="1"/>
  <c r="AC16801" i="1"/>
  <c r="AC16802" i="1"/>
  <c r="AC16803" i="1"/>
  <c r="AC16804" i="1"/>
  <c r="AC16805" i="1"/>
  <c r="AC16806" i="1"/>
  <c r="AC16807" i="1"/>
  <c r="AC16808" i="1"/>
  <c r="AC16809" i="1"/>
  <c r="AC16810" i="1"/>
  <c r="AC16811" i="1"/>
  <c r="AC16812" i="1"/>
  <c r="AC16813" i="1"/>
  <c r="AC16814" i="1"/>
  <c r="AC16815" i="1"/>
  <c r="AC16816" i="1"/>
  <c r="AC16817" i="1"/>
  <c r="AC16818" i="1"/>
  <c r="AC16819" i="1"/>
  <c r="AC16820" i="1"/>
  <c r="AC16821" i="1"/>
  <c r="AC16822" i="1"/>
  <c r="AC16823" i="1"/>
  <c r="AC16824" i="1"/>
  <c r="AC16825" i="1"/>
  <c r="AC16826" i="1"/>
  <c r="AC16827" i="1"/>
  <c r="AC16828" i="1"/>
  <c r="AC16829" i="1"/>
  <c r="AC16830" i="1"/>
  <c r="AC16831" i="1"/>
  <c r="AC16832" i="1"/>
  <c r="AC16833" i="1"/>
  <c r="AC16834" i="1"/>
  <c r="AC16835" i="1"/>
  <c r="AC16836" i="1"/>
  <c r="AC16837" i="1"/>
  <c r="AC16838" i="1"/>
  <c r="AC16839" i="1"/>
  <c r="AC16840" i="1"/>
  <c r="AC16841" i="1"/>
  <c r="AC16842" i="1"/>
  <c r="AC16843" i="1"/>
  <c r="AC16844" i="1"/>
  <c r="AC16845" i="1"/>
  <c r="AC16846" i="1"/>
  <c r="AC16847" i="1"/>
  <c r="AC16848" i="1"/>
  <c r="AC16849" i="1"/>
  <c r="AC16850" i="1"/>
  <c r="AC16851" i="1"/>
  <c r="AC16852" i="1"/>
  <c r="AC16853" i="1"/>
  <c r="AC16854" i="1"/>
  <c r="AC16855" i="1"/>
  <c r="AC16856" i="1"/>
  <c r="AC16857" i="1"/>
  <c r="AC16858" i="1"/>
  <c r="AC16859" i="1"/>
  <c r="AC16860" i="1"/>
  <c r="AC16861" i="1"/>
  <c r="AC16862" i="1"/>
  <c r="AC16863" i="1"/>
  <c r="AC16864" i="1"/>
  <c r="AC16865" i="1"/>
  <c r="AC16866" i="1"/>
  <c r="AC16867" i="1"/>
  <c r="AC16868" i="1"/>
  <c r="AC16869" i="1"/>
  <c r="AC16870" i="1"/>
  <c r="AC16871" i="1"/>
  <c r="AC16872" i="1"/>
  <c r="AC16873" i="1"/>
  <c r="AC16874" i="1"/>
  <c r="AC16875" i="1"/>
  <c r="AC16876" i="1"/>
  <c r="AC16877" i="1"/>
  <c r="AC16878" i="1"/>
  <c r="AC16879" i="1"/>
  <c r="AC16880" i="1"/>
  <c r="AC16881" i="1"/>
  <c r="AC16882" i="1"/>
  <c r="AC16883" i="1"/>
  <c r="AC16884" i="1"/>
  <c r="AC16885" i="1"/>
  <c r="AC16886" i="1"/>
  <c r="AC16887" i="1"/>
  <c r="AC16888" i="1"/>
  <c r="AC16889" i="1"/>
  <c r="AC16890" i="1"/>
  <c r="AC16891" i="1"/>
  <c r="AC16892" i="1"/>
  <c r="AC16893" i="1"/>
  <c r="AC16894" i="1"/>
  <c r="AC16895" i="1"/>
  <c r="AC16896" i="1"/>
  <c r="AC16897" i="1"/>
  <c r="AC16898" i="1"/>
  <c r="AC16899" i="1"/>
  <c r="AC16900" i="1"/>
  <c r="AC16901" i="1"/>
  <c r="AC16902" i="1"/>
  <c r="AC16903" i="1"/>
  <c r="AC16904" i="1"/>
  <c r="AC16905" i="1"/>
  <c r="AC16906" i="1"/>
  <c r="AC16907" i="1"/>
  <c r="AC16908" i="1"/>
  <c r="AC16909" i="1"/>
  <c r="AC16910" i="1"/>
  <c r="AC16911" i="1"/>
  <c r="AC16912" i="1"/>
  <c r="AC16913" i="1"/>
  <c r="AC16914" i="1"/>
  <c r="AC16915" i="1"/>
  <c r="AC16916" i="1"/>
  <c r="AC16917" i="1"/>
  <c r="AC16918" i="1"/>
  <c r="AC16919" i="1"/>
  <c r="AC16920" i="1"/>
  <c r="AC16921" i="1"/>
  <c r="AC16922" i="1"/>
  <c r="AC16923" i="1"/>
  <c r="AC16924" i="1"/>
  <c r="AC16925" i="1"/>
  <c r="AC16926" i="1"/>
  <c r="AC16927" i="1"/>
  <c r="AC16928" i="1"/>
  <c r="AC16929" i="1"/>
  <c r="AC16930" i="1"/>
  <c r="AC16931" i="1"/>
  <c r="AC16932" i="1"/>
  <c r="AC16933" i="1"/>
  <c r="AC16934" i="1"/>
  <c r="AC16935" i="1"/>
  <c r="AC16936" i="1"/>
  <c r="AC16937" i="1"/>
  <c r="AC16938" i="1"/>
  <c r="AC16939" i="1"/>
  <c r="AC16940" i="1"/>
  <c r="AC16941" i="1"/>
  <c r="AC16942" i="1"/>
  <c r="AC16943" i="1"/>
  <c r="AC16944" i="1"/>
  <c r="AC16945" i="1"/>
  <c r="AC16946" i="1"/>
  <c r="AC16947" i="1"/>
  <c r="AC16948" i="1"/>
  <c r="AC16949" i="1"/>
  <c r="AC16950" i="1"/>
  <c r="AC16951" i="1"/>
  <c r="AC16952" i="1"/>
  <c r="AC16953" i="1"/>
  <c r="AC16954" i="1"/>
  <c r="AC16955" i="1"/>
  <c r="AC16956" i="1"/>
  <c r="AC16957" i="1"/>
  <c r="AC16958" i="1"/>
  <c r="AC16959" i="1"/>
  <c r="AC16960" i="1"/>
  <c r="AC16961" i="1"/>
  <c r="AC16962" i="1"/>
  <c r="AC16963" i="1"/>
  <c r="AC16964" i="1"/>
  <c r="AC16965" i="1"/>
  <c r="AC16966" i="1"/>
  <c r="AC16967" i="1"/>
  <c r="AC16968" i="1"/>
  <c r="AC16969" i="1"/>
  <c r="AC16970" i="1"/>
  <c r="AC16971" i="1"/>
  <c r="AC16972" i="1"/>
  <c r="AC16973" i="1"/>
  <c r="AC16974" i="1"/>
  <c r="AC16975" i="1"/>
  <c r="AC16976" i="1"/>
  <c r="AC16977" i="1"/>
  <c r="AC16978" i="1"/>
  <c r="AC16979" i="1"/>
  <c r="AC16980" i="1"/>
  <c r="AC16981" i="1"/>
  <c r="AC16982" i="1"/>
  <c r="AC16983" i="1"/>
  <c r="AC16984" i="1"/>
  <c r="AC16985" i="1"/>
  <c r="AC16986" i="1"/>
  <c r="AC16987" i="1"/>
  <c r="AC16988" i="1"/>
  <c r="AC16989" i="1"/>
  <c r="AC16990" i="1"/>
  <c r="AC16991" i="1"/>
  <c r="AC16992" i="1"/>
  <c r="AC16993" i="1"/>
  <c r="AC16994" i="1"/>
  <c r="AC16995" i="1"/>
  <c r="AC16996" i="1"/>
  <c r="AC16997" i="1"/>
  <c r="AC16998" i="1"/>
  <c r="AC16999" i="1"/>
  <c r="AC17000" i="1"/>
  <c r="AC17001" i="1"/>
  <c r="AC17002" i="1"/>
  <c r="AC17003" i="1"/>
  <c r="AC17004" i="1"/>
  <c r="AC17005" i="1"/>
  <c r="AC17006" i="1"/>
  <c r="AC17007" i="1"/>
  <c r="AC17008" i="1"/>
  <c r="AC17009" i="1"/>
  <c r="AC17010" i="1"/>
  <c r="AC17011" i="1"/>
  <c r="AC17012" i="1"/>
  <c r="AC17013" i="1"/>
  <c r="AC17014" i="1"/>
  <c r="AC17015" i="1"/>
  <c r="AC17016" i="1"/>
  <c r="AC17017" i="1"/>
  <c r="AC17018" i="1"/>
  <c r="AC17019" i="1"/>
  <c r="AC17020" i="1"/>
  <c r="AC17021" i="1"/>
  <c r="AC17022" i="1"/>
  <c r="AC17023" i="1"/>
  <c r="AC17024" i="1"/>
  <c r="AC17025" i="1"/>
  <c r="AC17026" i="1"/>
  <c r="AC17027" i="1"/>
  <c r="AC17028" i="1"/>
  <c r="AC17029" i="1"/>
  <c r="AC17030" i="1"/>
  <c r="AC17031" i="1"/>
  <c r="AC17032" i="1"/>
  <c r="AC17033" i="1"/>
  <c r="AC17034" i="1"/>
  <c r="AC17035" i="1"/>
  <c r="AC17036" i="1"/>
  <c r="AC17037" i="1"/>
  <c r="AC17038" i="1"/>
  <c r="AC17039" i="1"/>
  <c r="AC17040" i="1"/>
  <c r="AC17041" i="1"/>
  <c r="AC17042" i="1"/>
  <c r="AC17043" i="1"/>
  <c r="AC17044" i="1"/>
  <c r="AC17045" i="1"/>
  <c r="AC17046" i="1"/>
  <c r="AC17047" i="1"/>
  <c r="AC17048" i="1"/>
  <c r="AC17049" i="1"/>
  <c r="AC17050" i="1"/>
  <c r="AC17051" i="1"/>
  <c r="AC17052" i="1"/>
  <c r="AC17053" i="1"/>
  <c r="AC17054" i="1"/>
  <c r="AC17055" i="1"/>
  <c r="AC17056" i="1"/>
  <c r="AC17057" i="1"/>
  <c r="AC17058" i="1"/>
  <c r="AC17059" i="1"/>
  <c r="AC17060" i="1"/>
  <c r="AC17061" i="1"/>
  <c r="AC17062" i="1"/>
  <c r="AC17063" i="1"/>
  <c r="AC17064" i="1"/>
  <c r="AC17065" i="1"/>
  <c r="AC17066" i="1"/>
  <c r="AC17067" i="1"/>
  <c r="AC17068" i="1"/>
  <c r="AC17069" i="1"/>
  <c r="AC17070" i="1"/>
  <c r="AC17071" i="1"/>
  <c r="AC17072" i="1"/>
  <c r="AC17073" i="1"/>
  <c r="AC17074" i="1"/>
  <c r="AC17075" i="1"/>
  <c r="AC17076" i="1"/>
  <c r="AC17077" i="1"/>
  <c r="AC17078" i="1"/>
  <c r="AC17079" i="1"/>
  <c r="AC17080" i="1"/>
  <c r="AC17081" i="1"/>
  <c r="AC17082" i="1"/>
  <c r="AC17083" i="1"/>
  <c r="AC17084" i="1"/>
  <c r="AC17085" i="1"/>
  <c r="AC17086" i="1"/>
  <c r="AC17087" i="1"/>
  <c r="AC17088" i="1"/>
  <c r="AC17089" i="1"/>
  <c r="AC17090" i="1"/>
  <c r="AC17091" i="1"/>
  <c r="AC17092" i="1"/>
  <c r="AC17093" i="1"/>
  <c r="AC17094" i="1"/>
  <c r="AC17095" i="1"/>
  <c r="AC17096" i="1"/>
  <c r="AC17097" i="1"/>
  <c r="AC17098" i="1"/>
  <c r="AC17099" i="1"/>
  <c r="AC17100" i="1"/>
  <c r="AC17101" i="1"/>
  <c r="AC17102" i="1"/>
  <c r="AC17103" i="1"/>
  <c r="AC17104" i="1"/>
  <c r="AC17105" i="1"/>
  <c r="AC17106" i="1"/>
  <c r="AC17107" i="1"/>
  <c r="AC17108" i="1"/>
  <c r="AC17109" i="1"/>
  <c r="AC17110" i="1"/>
  <c r="AC17111" i="1"/>
  <c r="AC17112" i="1"/>
  <c r="AC17113" i="1"/>
  <c r="AC17114" i="1"/>
  <c r="AC17115" i="1"/>
  <c r="AC17116" i="1"/>
  <c r="AC17117" i="1"/>
  <c r="AC17118" i="1"/>
  <c r="AC17119" i="1"/>
  <c r="AC17120" i="1"/>
  <c r="AC17121" i="1"/>
  <c r="AC17122" i="1"/>
  <c r="AC17123" i="1"/>
  <c r="AC17124" i="1"/>
  <c r="AC17125" i="1"/>
  <c r="AC17126" i="1"/>
  <c r="AC17127" i="1"/>
  <c r="AC17128" i="1"/>
  <c r="AC17129" i="1"/>
  <c r="AC17130" i="1"/>
  <c r="AC17131" i="1"/>
  <c r="AC17132" i="1"/>
  <c r="AC17133" i="1"/>
  <c r="AC17134" i="1"/>
  <c r="AC17135" i="1"/>
  <c r="AC17136" i="1"/>
  <c r="AC17137" i="1"/>
  <c r="AC17138" i="1"/>
  <c r="AC17139" i="1"/>
  <c r="AC17140" i="1"/>
  <c r="AC17141" i="1"/>
  <c r="AC17142" i="1"/>
  <c r="AC17143" i="1"/>
  <c r="AC17144" i="1"/>
  <c r="AC17145" i="1"/>
  <c r="AC17146" i="1"/>
  <c r="AC17147" i="1"/>
  <c r="AC17148" i="1"/>
  <c r="AC17149" i="1"/>
  <c r="AC17150" i="1"/>
  <c r="AC17151" i="1"/>
  <c r="AC17152" i="1"/>
  <c r="AC17153" i="1"/>
  <c r="AC17154" i="1"/>
  <c r="AC17155" i="1"/>
  <c r="AC17156" i="1"/>
  <c r="AC17157" i="1"/>
  <c r="AC17158" i="1"/>
  <c r="AC17159" i="1"/>
  <c r="AC17160" i="1"/>
  <c r="AC17161" i="1"/>
  <c r="AC17162" i="1"/>
  <c r="AC17163" i="1"/>
  <c r="AC17164" i="1"/>
  <c r="AC17165" i="1"/>
  <c r="AC17166" i="1"/>
  <c r="AC17167" i="1"/>
  <c r="AC17168" i="1"/>
  <c r="AC17169" i="1"/>
  <c r="AC17170" i="1"/>
  <c r="AC17171" i="1"/>
  <c r="AC17172" i="1"/>
  <c r="AC17173" i="1"/>
  <c r="AC17174" i="1"/>
  <c r="AC17175" i="1"/>
  <c r="AC17176" i="1"/>
  <c r="AC17177" i="1"/>
  <c r="AC17178" i="1"/>
  <c r="AC17179" i="1"/>
  <c r="AC17180" i="1"/>
  <c r="AC17181" i="1"/>
  <c r="AC17182" i="1"/>
  <c r="AC17183" i="1"/>
  <c r="AC17184" i="1"/>
  <c r="AC17185" i="1"/>
  <c r="AC17186" i="1"/>
  <c r="AC17187" i="1"/>
  <c r="AC17188" i="1"/>
  <c r="AC17189" i="1"/>
  <c r="AC17190" i="1"/>
  <c r="AC17191" i="1"/>
  <c r="AC17192" i="1"/>
  <c r="AC17193" i="1"/>
  <c r="AC17194" i="1"/>
  <c r="AC17195" i="1"/>
  <c r="AC17196" i="1"/>
  <c r="AC17197" i="1"/>
  <c r="AC17198" i="1"/>
  <c r="AC17199" i="1"/>
  <c r="AC17200" i="1"/>
  <c r="AC17201" i="1"/>
  <c r="AC17202" i="1"/>
  <c r="AC17203" i="1"/>
  <c r="AC17204" i="1"/>
  <c r="AC17205" i="1"/>
  <c r="AC17206" i="1"/>
  <c r="AC17207" i="1"/>
  <c r="AC17208" i="1"/>
  <c r="AC17209" i="1"/>
  <c r="AC17210" i="1"/>
  <c r="AC17211" i="1"/>
  <c r="AC17212" i="1"/>
  <c r="AC17213" i="1"/>
  <c r="AC17214" i="1"/>
  <c r="AC17215" i="1"/>
  <c r="AC17216" i="1"/>
  <c r="AC17217" i="1"/>
  <c r="AC17218" i="1"/>
  <c r="AC17219" i="1"/>
  <c r="AC17220" i="1"/>
  <c r="AC17221" i="1"/>
  <c r="AC17222" i="1"/>
  <c r="AC17223" i="1"/>
  <c r="AC17224" i="1"/>
  <c r="AC17225" i="1"/>
  <c r="AC17226" i="1"/>
  <c r="AC17227" i="1"/>
  <c r="AC17228" i="1"/>
  <c r="AC17229" i="1"/>
  <c r="AC17230" i="1"/>
  <c r="AC17231" i="1"/>
  <c r="AC17232" i="1"/>
  <c r="AC17233" i="1"/>
  <c r="AC17234" i="1"/>
  <c r="AC17235" i="1"/>
  <c r="AC17236" i="1"/>
  <c r="AC17237" i="1"/>
  <c r="AC17238" i="1"/>
  <c r="AC17239" i="1"/>
  <c r="AC17240" i="1"/>
  <c r="AC17241" i="1"/>
  <c r="AC17242" i="1"/>
  <c r="AC17243" i="1"/>
  <c r="AC17244" i="1"/>
  <c r="AC17245" i="1"/>
  <c r="AC17246" i="1"/>
  <c r="AC17247" i="1"/>
  <c r="AC17248" i="1"/>
  <c r="AC17249" i="1"/>
  <c r="AC17250" i="1"/>
  <c r="AC17251" i="1"/>
  <c r="AC17252" i="1"/>
  <c r="AC17253" i="1"/>
  <c r="AC17254" i="1"/>
  <c r="AC17255" i="1"/>
  <c r="AC17256" i="1"/>
  <c r="AC17257" i="1"/>
  <c r="AC17258" i="1"/>
  <c r="AC17259" i="1"/>
  <c r="AC17260" i="1"/>
  <c r="AC17261" i="1"/>
  <c r="AC17262" i="1"/>
  <c r="AC17263" i="1"/>
  <c r="AC17264" i="1"/>
  <c r="AC17265" i="1"/>
  <c r="AC17266" i="1"/>
  <c r="AC17267" i="1"/>
  <c r="AC17268" i="1"/>
  <c r="AC17269" i="1"/>
  <c r="AC17270" i="1"/>
  <c r="AC17271" i="1"/>
  <c r="AC17272" i="1"/>
  <c r="AC17273" i="1"/>
  <c r="AC17274" i="1"/>
  <c r="AC17275" i="1"/>
  <c r="AC17276" i="1"/>
  <c r="AC17277" i="1"/>
  <c r="AC17278" i="1"/>
  <c r="AC17279" i="1"/>
  <c r="AC17280" i="1"/>
  <c r="AC17281" i="1"/>
  <c r="AC17282" i="1"/>
  <c r="AC17283" i="1"/>
  <c r="AC17284" i="1"/>
  <c r="AC17285" i="1"/>
  <c r="AC17286" i="1"/>
  <c r="AC17287" i="1"/>
  <c r="AC17288" i="1"/>
  <c r="AC17289" i="1"/>
  <c r="AC17290" i="1"/>
  <c r="AC17291" i="1"/>
  <c r="AC17292" i="1"/>
  <c r="AC17293" i="1"/>
  <c r="AC17294" i="1"/>
  <c r="AC17295" i="1"/>
  <c r="AC17296" i="1"/>
  <c r="AC17297" i="1"/>
  <c r="AC17298" i="1"/>
  <c r="AC17299" i="1"/>
  <c r="AC17300" i="1"/>
  <c r="AC17301" i="1"/>
  <c r="AC17302" i="1"/>
  <c r="AC17303" i="1"/>
  <c r="AC17304" i="1"/>
  <c r="AC17305" i="1"/>
  <c r="AC17306" i="1"/>
  <c r="AC17307" i="1"/>
  <c r="AC17308" i="1"/>
  <c r="AC17309" i="1"/>
  <c r="AC17310" i="1"/>
  <c r="AC17311" i="1"/>
  <c r="AC17312" i="1"/>
  <c r="AC17313" i="1"/>
  <c r="AC17314" i="1"/>
  <c r="AC17315" i="1"/>
  <c r="AC17316" i="1"/>
  <c r="AC17317" i="1"/>
  <c r="AC17318" i="1"/>
  <c r="AC17319" i="1"/>
  <c r="AC17320" i="1"/>
  <c r="AC17321" i="1"/>
  <c r="AC17322" i="1"/>
  <c r="AC17323" i="1"/>
  <c r="AC17324" i="1"/>
  <c r="AC17325" i="1"/>
  <c r="AC17326" i="1"/>
  <c r="AC17327" i="1"/>
  <c r="AC17328" i="1"/>
  <c r="AC17329" i="1"/>
  <c r="AC17330" i="1"/>
  <c r="AC17331" i="1"/>
  <c r="AC17332" i="1"/>
  <c r="AC17333" i="1"/>
  <c r="AC17334" i="1"/>
  <c r="AC17335" i="1"/>
  <c r="AC17336" i="1"/>
  <c r="AC17337" i="1"/>
  <c r="AC17338" i="1"/>
  <c r="AC17339" i="1"/>
  <c r="AC17340" i="1"/>
  <c r="AC17341" i="1"/>
  <c r="AC17342" i="1"/>
  <c r="AC17343" i="1"/>
  <c r="AC17344" i="1"/>
  <c r="AC17345" i="1"/>
  <c r="AC17346" i="1"/>
  <c r="AC17347" i="1"/>
  <c r="AC17348" i="1"/>
  <c r="AC17349" i="1"/>
  <c r="AC17350" i="1"/>
  <c r="AC17351" i="1"/>
  <c r="AC17352" i="1"/>
  <c r="AC17353" i="1"/>
  <c r="AC17354" i="1"/>
  <c r="AC17355" i="1"/>
  <c r="AC17356" i="1"/>
  <c r="AC17357" i="1"/>
  <c r="AC17358" i="1"/>
  <c r="AC17359" i="1"/>
  <c r="AC17360" i="1"/>
  <c r="AC17361" i="1"/>
  <c r="AC17362" i="1"/>
  <c r="AC17363" i="1"/>
  <c r="AC17364" i="1"/>
  <c r="AC17365" i="1"/>
  <c r="AC17366" i="1"/>
  <c r="AC17367" i="1"/>
  <c r="AC17368" i="1"/>
  <c r="AC17369" i="1"/>
  <c r="AC17370" i="1"/>
  <c r="AC17371" i="1"/>
  <c r="AC17372" i="1"/>
  <c r="AC17373" i="1"/>
  <c r="AC17374" i="1"/>
  <c r="AC17375" i="1"/>
  <c r="AC17376" i="1"/>
  <c r="AC17377" i="1"/>
  <c r="AC17378" i="1"/>
  <c r="AC17379" i="1"/>
  <c r="AC17380" i="1"/>
  <c r="AC17381" i="1"/>
  <c r="AC17382" i="1"/>
  <c r="AC17383" i="1"/>
  <c r="AC17384" i="1"/>
  <c r="AC17385" i="1"/>
  <c r="AC17386" i="1"/>
  <c r="AC17387" i="1"/>
  <c r="AC17388" i="1"/>
  <c r="AC17389" i="1"/>
  <c r="AC17390" i="1"/>
  <c r="AC17391" i="1"/>
  <c r="AC17392" i="1"/>
  <c r="AC17393" i="1"/>
  <c r="AC17394" i="1"/>
  <c r="AC17395" i="1"/>
  <c r="AC17396" i="1"/>
  <c r="AC17397" i="1"/>
  <c r="AC17398" i="1"/>
  <c r="AC17399" i="1"/>
  <c r="AC17400" i="1"/>
  <c r="AC17401" i="1"/>
  <c r="AC17402" i="1"/>
  <c r="AC17403" i="1"/>
  <c r="AC17404" i="1"/>
  <c r="AC17405" i="1"/>
  <c r="AC17406" i="1"/>
  <c r="AC17407" i="1"/>
  <c r="AC17408" i="1"/>
  <c r="AC17409" i="1"/>
  <c r="AC17410" i="1"/>
  <c r="AC17411" i="1"/>
  <c r="AC17412" i="1"/>
  <c r="AC17413" i="1"/>
  <c r="AC17414" i="1"/>
  <c r="AC17415" i="1"/>
  <c r="AC17416" i="1"/>
  <c r="AC17417" i="1"/>
  <c r="AC17418" i="1"/>
  <c r="AC17419" i="1"/>
  <c r="AC17420" i="1"/>
  <c r="AC17421" i="1"/>
  <c r="AC17422" i="1"/>
  <c r="AC17423" i="1"/>
  <c r="AC17424" i="1"/>
  <c r="AC17425" i="1"/>
  <c r="AC17426" i="1"/>
  <c r="AC17427" i="1"/>
  <c r="AC17428" i="1"/>
  <c r="AC17429" i="1"/>
  <c r="AC17430" i="1"/>
  <c r="AC17431" i="1"/>
  <c r="AC17432" i="1"/>
  <c r="AC17433" i="1"/>
  <c r="AC17434" i="1"/>
  <c r="AC17435" i="1"/>
  <c r="AC17436" i="1"/>
  <c r="AC17437" i="1"/>
  <c r="AC17438" i="1"/>
  <c r="AC17439" i="1"/>
  <c r="AC17440" i="1"/>
  <c r="AC17441" i="1"/>
  <c r="AC17442" i="1"/>
  <c r="AC17443" i="1"/>
  <c r="AC17444" i="1"/>
  <c r="AC17445" i="1"/>
  <c r="AC17446" i="1"/>
  <c r="AC17447" i="1"/>
  <c r="AC17448" i="1"/>
  <c r="AC17449" i="1"/>
  <c r="AC17450" i="1"/>
  <c r="AC17451" i="1"/>
  <c r="AC17452" i="1"/>
  <c r="AC17453" i="1"/>
  <c r="AC17454" i="1"/>
  <c r="AC17455" i="1"/>
  <c r="AC17456" i="1"/>
  <c r="AC17457" i="1"/>
  <c r="AC17458" i="1"/>
  <c r="AC17459" i="1"/>
  <c r="AC17460" i="1"/>
  <c r="AC17461" i="1"/>
  <c r="AC17462" i="1"/>
  <c r="AC17463" i="1"/>
  <c r="AC17464" i="1"/>
  <c r="AC17465" i="1"/>
  <c r="AC17466" i="1"/>
  <c r="AC17467" i="1"/>
  <c r="AC17468" i="1"/>
  <c r="AC17469" i="1"/>
  <c r="AC17470" i="1"/>
  <c r="AC17471" i="1"/>
  <c r="AC17472" i="1"/>
  <c r="AC17473" i="1"/>
  <c r="AC17474" i="1"/>
  <c r="AC17475" i="1"/>
  <c r="AC17476" i="1"/>
  <c r="AC17477" i="1"/>
  <c r="AC17478" i="1"/>
  <c r="AC17479" i="1"/>
  <c r="AC17480" i="1"/>
  <c r="AC17481" i="1"/>
  <c r="AC17482" i="1"/>
  <c r="AC17483" i="1"/>
  <c r="AC17484" i="1"/>
  <c r="AC17485" i="1"/>
  <c r="AC17486" i="1"/>
  <c r="AC17487" i="1"/>
  <c r="AC17488" i="1"/>
  <c r="AC17489" i="1"/>
  <c r="AC17490" i="1"/>
  <c r="AC17491" i="1"/>
  <c r="AC17492" i="1"/>
  <c r="AC17493" i="1"/>
  <c r="AC17494" i="1"/>
  <c r="AC17495" i="1"/>
  <c r="AC17496" i="1"/>
  <c r="AC17497" i="1"/>
  <c r="AC17498" i="1"/>
  <c r="AC17499" i="1"/>
  <c r="AC17500" i="1"/>
  <c r="AC17501" i="1"/>
  <c r="AC17502" i="1"/>
  <c r="AC17503" i="1"/>
  <c r="AC17504" i="1"/>
  <c r="AC17505" i="1"/>
  <c r="AC17506" i="1"/>
  <c r="AC17507" i="1"/>
  <c r="AC17508" i="1"/>
  <c r="AC17509" i="1"/>
  <c r="AC17510" i="1"/>
  <c r="AC17511" i="1"/>
  <c r="AC17512" i="1"/>
  <c r="AC17513" i="1"/>
  <c r="AC17514" i="1"/>
  <c r="AC17515" i="1"/>
  <c r="AC17516" i="1"/>
  <c r="AC17517" i="1"/>
  <c r="AC17518" i="1"/>
  <c r="AC17519" i="1"/>
  <c r="AC17520" i="1"/>
  <c r="AC17521" i="1"/>
  <c r="AC17522" i="1"/>
  <c r="AC17523" i="1"/>
  <c r="AC17524" i="1"/>
  <c r="AC17525" i="1"/>
  <c r="AC17526" i="1"/>
  <c r="AC17527" i="1"/>
  <c r="AC17528" i="1"/>
  <c r="AC17529" i="1"/>
  <c r="AC17530" i="1"/>
  <c r="AC17531" i="1"/>
  <c r="AC17532" i="1"/>
  <c r="AC17533" i="1"/>
  <c r="AC17534" i="1"/>
  <c r="AC17535" i="1"/>
  <c r="AC17536" i="1"/>
  <c r="AC17537" i="1"/>
  <c r="AC17538" i="1"/>
  <c r="AC17539" i="1"/>
  <c r="AC17540" i="1"/>
  <c r="AC17541" i="1"/>
  <c r="AC17542" i="1"/>
  <c r="AC17543" i="1"/>
  <c r="AC17544" i="1"/>
  <c r="AC17545" i="1"/>
  <c r="AC17546" i="1"/>
  <c r="AC17547" i="1"/>
  <c r="AC17548" i="1"/>
  <c r="AC17549" i="1"/>
  <c r="AC17550" i="1"/>
  <c r="AC17551" i="1"/>
  <c r="AC17552" i="1"/>
  <c r="AC17553" i="1"/>
  <c r="AC17554" i="1"/>
  <c r="AC17555" i="1"/>
  <c r="AC17556" i="1"/>
  <c r="AC17557" i="1"/>
  <c r="AC17558" i="1"/>
  <c r="AC17559" i="1"/>
  <c r="AC17560" i="1"/>
  <c r="AC17561" i="1"/>
  <c r="AC17562" i="1"/>
  <c r="AC17563" i="1"/>
  <c r="AC17564" i="1"/>
  <c r="AC17565" i="1"/>
  <c r="AC17566" i="1"/>
  <c r="AC17567" i="1"/>
  <c r="AC17568" i="1"/>
  <c r="AC17569" i="1"/>
  <c r="AC17570" i="1"/>
  <c r="AC17571" i="1"/>
  <c r="AC17572" i="1"/>
  <c r="AC17573" i="1"/>
  <c r="AC17574" i="1"/>
  <c r="AC17575" i="1"/>
  <c r="AC17576" i="1"/>
  <c r="AC17577" i="1"/>
  <c r="AC17578" i="1"/>
  <c r="AC17579" i="1"/>
  <c r="AC17580" i="1"/>
  <c r="AC17581" i="1"/>
  <c r="AC17582" i="1"/>
  <c r="AC17583" i="1"/>
  <c r="AC17584" i="1"/>
  <c r="AC17585" i="1"/>
  <c r="AC17586" i="1"/>
  <c r="AC17587" i="1"/>
  <c r="AC17588" i="1"/>
  <c r="AC17589" i="1"/>
  <c r="AC17590" i="1"/>
  <c r="AC17591" i="1"/>
  <c r="AC17592" i="1"/>
  <c r="AC17593" i="1"/>
  <c r="AC17594" i="1"/>
  <c r="AC17595" i="1"/>
  <c r="AC17596" i="1"/>
  <c r="AC17597" i="1"/>
  <c r="AC17598" i="1"/>
  <c r="AC17599" i="1"/>
  <c r="AC17600" i="1"/>
  <c r="AC17601" i="1"/>
  <c r="AC17602" i="1"/>
  <c r="AC17603" i="1"/>
  <c r="AC17604" i="1"/>
  <c r="AC17605" i="1"/>
  <c r="AC17606" i="1"/>
  <c r="AC17607" i="1"/>
  <c r="AC17608" i="1"/>
  <c r="AC17609" i="1"/>
  <c r="AC17610" i="1"/>
  <c r="AC17611" i="1"/>
  <c r="AC17612" i="1"/>
  <c r="AC17613" i="1"/>
  <c r="AC17614" i="1"/>
  <c r="AC17615" i="1"/>
  <c r="AC17616" i="1"/>
  <c r="AC17617" i="1"/>
  <c r="AC17618" i="1"/>
  <c r="AC17619" i="1"/>
  <c r="AC17620" i="1"/>
  <c r="AC17621" i="1"/>
  <c r="AC17622" i="1"/>
  <c r="AC17623" i="1"/>
  <c r="AC17624" i="1"/>
  <c r="AC17625" i="1"/>
  <c r="AC17626" i="1"/>
  <c r="AC17627" i="1"/>
  <c r="AC17628" i="1"/>
  <c r="AC17629" i="1"/>
  <c r="AC17630" i="1"/>
  <c r="AC17631" i="1"/>
  <c r="AC17632" i="1"/>
  <c r="AC17633" i="1"/>
  <c r="AC17634" i="1"/>
  <c r="AC17635" i="1"/>
  <c r="AC17636" i="1"/>
  <c r="AC17637" i="1"/>
  <c r="AC17638" i="1"/>
  <c r="AC17639" i="1"/>
  <c r="AC17640" i="1"/>
  <c r="AC17641" i="1"/>
  <c r="AC17642" i="1"/>
  <c r="AC17643" i="1"/>
  <c r="AC17644" i="1"/>
  <c r="AC17645" i="1"/>
  <c r="AC17646" i="1"/>
  <c r="AC17647" i="1"/>
  <c r="AC17648" i="1"/>
  <c r="AC17649" i="1"/>
  <c r="AC17650" i="1"/>
  <c r="AC17651" i="1"/>
  <c r="AC17652" i="1"/>
  <c r="AC17653" i="1"/>
  <c r="AC17654" i="1"/>
  <c r="AC17655" i="1"/>
  <c r="AC17656" i="1"/>
  <c r="AC17657" i="1"/>
  <c r="AC17658" i="1"/>
  <c r="AC17659" i="1"/>
  <c r="AC17660" i="1"/>
  <c r="AC17661" i="1"/>
  <c r="AC17662" i="1"/>
  <c r="AC17663" i="1"/>
  <c r="AC17664" i="1"/>
  <c r="AC17665" i="1"/>
  <c r="AC17666" i="1"/>
  <c r="AC17667" i="1"/>
  <c r="AC17668" i="1"/>
  <c r="AC17669" i="1"/>
  <c r="AC17670" i="1"/>
  <c r="AC17671" i="1"/>
  <c r="AC17672" i="1"/>
  <c r="AC17673" i="1"/>
  <c r="AC17674" i="1"/>
  <c r="AC17675" i="1"/>
  <c r="AC17676" i="1"/>
  <c r="AC17677" i="1"/>
  <c r="AC17678" i="1"/>
  <c r="AC17679" i="1"/>
  <c r="AC17680" i="1"/>
  <c r="AC17681" i="1"/>
  <c r="AC17682" i="1"/>
  <c r="AC17683" i="1"/>
  <c r="AC17684" i="1"/>
  <c r="AC17685" i="1"/>
  <c r="AC17686" i="1"/>
  <c r="AC17687" i="1"/>
  <c r="AC17688" i="1"/>
  <c r="AC17689" i="1"/>
  <c r="AC17690" i="1"/>
  <c r="AC17691" i="1"/>
  <c r="AC17692" i="1"/>
  <c r="AC17693" i="1"/>
  <c r="AC17694" i="1"/>
  <c r="AC17695" i="1"/>
  <c r="AC17696" i="1"/>
  <c r="AC17697" i="1"/>
  <c r="AC17698" i="1"/>
  <c r="AC17699" i="1"/>
  <c r="AC17700" i="1"/>
  <c r="AC17701" i="1"/>
  <c r="AC17702" i="1"/>
  <c r="AC17703" i="1"/>
  <c r="AC17704" i="1"/>
  <c r="AC17705" i="1"/>
  <c r="AC17706" i="1"/>
  <c r="AC17707" i="1"/>
  <c r="AC17708" i="1"/>
  <c r="AC17709" i="1"/>
  <c r="AC17710" i="1"/>
  <c r="AC17711" i="1"/>
  <c r="AC17712" i="1"/>
  <c r="AC17713" i="1"/>
  <c r="AC17714" i="1"/>
  <c r="AC17715" i="1"/>
  <c r="AC17716" i="1"/>
  <c r="AC17717" i="1"/>
  <c r="AC17718" i="1"/>
  <c r="AC17719" i="1"/>
  <c r="AC17720" i="1"/>
  <c r="AC17721" i="1"/>
  <c r="AC17722" i="1"/>
  <c r="AC17723" i="1"/>
  <c r="AC17724" i="1"/>
  <c r="AC17725" i="1"/>
  <c r="AC17726" i="1"/>
  <c r="AC17727" i="1"/>
  <c r="AC17728" i="1"/>
  <c r="AC17729" i="1"/>
  <c r="AC17730" i="1"/>
  <c r="AC17731" i="1"/>
  <c r="AC17732" i="1"/>
  <c r="AC17733" i="1"/>
  <c r="AC17734" i="1"/>
  <c r="AC17735" i="1"/>
  <c r="AC17736" i="1"/>
  <c r="AC17737" i="1"/>
  <c r="AC17738" i="1"/>
  <c r="AC17739" i="1"/>
  <c r="AC17740" i="1"/>
  <c r="AC17741" i="1"/>
  <c r="AC17742" i="1"/>
  <c r="AC17743" i="1"/>
  <c r="AC17744" i="1"/>
  <c r="AC17745" i="1"/>
  <c r="AC17746" i="1"/>
  <c r="AC17747" i="1"/>
  <c r="AC17748" i="1"/>
  <c r="AC17749" i="1"/>
  <c r="AC17750" i="1"/>
  <c r="AC17751" i="1"/>
  <c r="AC17752" i="1"/>
  <c r="AC17753" i="1"/>
  <c r="AC17754" i="1"/>
  <c r="AC17755" i="1"/>
  <c r="AC17756" i="1"/>
  <c r="AC17757" i="1"/>
  <c r="AC17758" i="1"/>
  <c r="AC17759" i="1"/>
  <c r="AC17760" i="1"/>
  <c r="AC17761" i="1"/>
  <c r="AC17762" i="1"/>
  <c r="AC17763" i="1"/>
  <c r="AC17764" i="1"/>
  <c r="AC17765" i="1"/>
  <c r="AC17766" i="1"/>
  <c r="AC17767" i="1"/>
  <c r="AC17768" i="1"/>
  <c r="AC17769" i="1"/>
  <c r="AC17770" i="1"/>
  <c r="AC17771" i="1"/>
  <c r="AC17772" i="1"/>
  <c r="AC17773" i="1"/>
  <c r="AC17774" i="1"/>
  <c r="AC17775" i="1"/>
  <c r="AC17776" i="1"/>
  <c r="AC17777" i="1"/>
  <c r="AC17778" i="1"/>
  <c r="AC17779" i="1"/>
  <c r="AC17780" i="1"/>
  <c r="AC17781" i="1"/>
  <c r="AC17782" i="1"/>
  <c r="AC17783" i="1"/>
  <c r="AC17784" i="1"/>
  <c r="AC17785" i="1"/>
  <c r="AC17786" i="1"/>
  <c r="AC17787" i="1"/>
  <c r="AC17788" i="1"/>
  <c r="AC17789" i="1"/>
  <c r="AC17790" i="1"/>
  <c r="AC17791" i="1"/>
  <c r="AC17792" i="1"/>
  <c r="AC17793" i="1"/>
  <c r="AC17794" i="1"/>
  <c r="AC17795" i="1"/>
  <c r="AC17796" i="1"/>
  <c r="AC17797" i="1"/>
  <c r="AC17798" i="1"/>
  <c r="AC17799" i="1"/>
  <c r="AC17800" i="1"/>
  <c r="AC17801" i="1"/>
  <c r="AC17802" i="1"/>
  <c r="AC17803" i="1"/>
  <c r="AC17804" i="1"/>
  <c r="AC17805" i="1"/>
  <c r="AC17806" i="1"/>
  <c r="AC17807" i="1"/>
  <c r="AC17808" i="1"/>
  <c r="AC17809" i="1"/>
  <c r="AC17810" i="1"/>
  <c r="AC17811" i="1"/>
  <c r="AC17812" i="1"/>
  <c r="AC17813" i="1"/>
  <c r="AC17814" i="1"/>
  <c r="AC17815" i="1"/>
  <c r="AC17816" i="1"/>
  <c r="AC17817" i="1"/>
  <c r="AC17818" i="1"/>
  <c r="AC17819" i="1"/>
  <c r="AC17820" i="1"/>
  <c r="AC17821" i="1"/>
  <c r="AC17822" i="1"/>
  <c r="AC17823" i="1"/>
  <c r="AC17824" i="1"/>
  <c r="AC17825" i="1"/>
  <c r="AC17826" i="1"/>
  <c r="AC17827" i="1"/>
  <c r="AC17828" i="1"/>
  <c r="AC17829" i="1"/>
  <c r="AC17830" i="1"/>
  <c r="AC17831" i="1"/>
  <c r="AC17832" i="1"/>
  <c r="AC17833" i="1"/>
  <c r="AC17834" i="1"/>
  <c r="AC17835" i="1"/>
  <c r="AC17836" i="1"/>
  <c r="AC17837" i="1"/>
  <c r="AC17838" i="1"/>
  <c r="AC17839" i="1"/>
  <c r="AC17840" i="1"/>
  <c r="AC17841" i="1"/>
  <c r="AC17842" i="1"/>
  <c r="AC17843" i="1"/>
  <c r="AC17844" i="1"/>
  <c r="AC17845" i="1"/>
  <c r="AC17846" i="1"/>
  <c r="AC17847" i="1"/>
  <c r="AC17848" i="1"/>
  <c r="AC17849" i="1"/>
  <c r="AC17850" i="1"/>
  <c r="AC17851" i="1"/>
  <c r="AC17852" i="1"/>
  <c r="AC17853" i="1"/>
  <c r="AC17854" i="1"/>
  <c r="AC17855" i="1"/>
  <c r="AC17856" i="1"/>
  <c r="AC17857" i="1"/>
  <c r="AC17858" i="1"/>
  <c r="AC17859" i="1"/>
  <c r="AC17860" i="1"/>
  <c r="AC17861" i="1"/>
  <c r="AC17862" i="1"/>
  <c r="AC17863" i="1"/>
  <c r="AC17864" i="1"/>
  <c r="AC17865" i="1"/>
  <c r="AC17866" i="1"/>
  <c r="AC17867" i="1"/>
  <c r="AC17868" i="1"/>
  <c r="AC17869" i="1"/>
  <c r="AC17870" i="1"/>
  <c r="AC17871" i="1"/>
  <c r="AC17872" i="1"/>
  <c r="AC17873" i="1"/>
  <c r="AC17874" i="1"/>
  <c r="AC17875" i="1"/>
  <c r="AC17876" i="1"/>
  <c r="AC17877" i="1"/>
  <c r="AC17878" i="1"/>
  <c r="AC17879" i="1"/>
  <c r="AC17880" i="1"/>
  <c r="AC17881" i="1"/>
  <c r="AC17882" i="1"/>
  <c r="AC17883" i="1"/>
  <c r="AC17884" i="1"/>
  <c r="AC17885" i="1"/>
  <c r="AC17886" i="1"/>
  <c r="AC17887" i="1"/>
  <c r="AC17888" i="1"/>
  <c r="AC17889" i="1"/>
  <c r="AC17890" i="1"/>
  <c r="AC17891" i="1"/>
  <c r="AC17892" i="1"/>
  <c r="AC17893" i="1"/>
  <c r="AC17894" i="1"/>
  <c r="AC17895" i="1"/>
  <c r="AC17896" i="1"/>
  <c r="AC17897" i="1"/>
  <c r="AC17898" i="1"/>
  <c r="AC17899" i="1"/>
  <c r="AC17900" i="1"/>
  <c r="AC17901" i="1"/>
  <c r="AC17902" i="1"/>
  <c r="AC17903" i="1"/>
  <c r="AC17904" i="1"/>
  <c r="AC17905" i="1"/>
  <c r="AC17906" i="1"/>
  <c r="AC17907" i="1"/>
  <c r="AC17908" i="1"/>
  <c r="AC17909" i="1"/>
  <c r="AC17910" i="1"/>
  <c r="AC17911" i="1"/>
  <c r="AC17912" i="1"/>
  <c r="AC17913" i="1"/>
  <c r="AC17914" i="1"/>
  <c r="AC17915" i="1"/>
  <c r="AC17916" i="1"/>
  <c r="AC17917" i="1"/>
  <c r="AC17918" i="1"/>
  <c r="AC17919" i="1"/>
  <c r="AC17920" i="1"/>
  <c r="AC17921" i="1"/>
  <c r="AC17922" i="1"/>
  <c r="AC17923" i="1"/>
  <c r="AC17924" i="1"/>
  <c r="AC17925" i="1"/>
  <c r="AC17926" i="1"/>
  <c r="AC17927" i="1"/>
  <c r="AC17928" i="1"/>
  <c r="AC17929" i="1"/>
  <c r="AC17930" i="1"/>
  <c r="AC17931" i="1"/>
  <c r="AC17932" i="1"/>
  <c r="AC17933" i="1"/>
  <c r="AC17934" i="1"/>
  <c r="AC17935" i="1"/>
  <c r="AC17936" i="1"/>
  <c r="AC17937" i="1"/>
  <c r="AC17938" i="1"/>
  <c r="AC17939" i="1"/>
  <c r="AC17940" i="1"/>
  <c r="AC17941" i="1"/>
  <c r="AC17942" i="1"/>
  <c r="AC17943" i="1"/>
  <c r="AC17944" i="1"/>
  <c r="AC17945" i="1"/>
  <c r="AC17946" i="1"/>
  <c r="AC17947" i="1"/>
  <c r="AC17948" i="1"/>
  <c r="AC17949" i="1"/>
  <c r="AC17950" i="1"/>
  <c r="AC17951" i="1"/>
  <c r="AC17952" i="1"/>
  <c r="AC17953" i="1"/>
  <c r="AC17954" i="1"/>
  <c r="AC17955" i="1"/>
  <c r="AC17956" i="1"/>
  <c r="AC17957" i="1"/>
  <c r="AC17958" i="1"/>
  <c r="AC17959" i="1"/>
  <c r="AC17960" i="1"/>
  <c r="AC17961" i="1"/>
  <c r="AC17962" i="1"/>
  <c r="AC17963" i="1"/>
  <c r="AC17964" i="1"/>
  <c r="AC17965" i="1"/>
  <c r="AC17966" i="1"/>
  <c r="AC17967" i="1"/>
  <c r="AC17968" i="1"/>
  <c r="AC17969" i="1"/>
  <c r="AC17970" i="1"/>
  <c r="AC17971" i="1"/>
  <c r="AC17972" i="1"/>
  <c r="AC17973" i="1"/>
  <c r="AC17974" i="1"/>
  <c r="AC17975" i="1"/>
  <c r="AC17976" i="1"/>
  <c r="AC17977" i="1"/>
  <c r="AC17978" i="1"/>
  <c r="AC17979" i="1"/>
  <c r="AC17980" i="1"/>
  <c r="AC17981" i="1"/>
  <c r="AC17982" i="1"/>
  <c r="AC17983" i="1"/>
  <c r="AC17984" i="1"/>
  <c r="AC17985" i="1"/>
  <c r="AC17986" i="1"/>
  <c r="AC17987" i="1"/>
  <c r="AC17988" i="1"/>
  <c r="AC17989" i="1"/>
  <c r="AC17990" i="1"/>
  <c r="AC17991" i="1"/>
  <c r="AC17992" i="1"/>
  <c r="AC17993" i="1"/>
  <c r="AC17994" i="1"/>
  <c r="AC17995" i="1"/>
  <c r="AC17996" i="1"/>
  <c r="AC17997" i="1"/>
  <c r="AC17998" i="1"/>
  <c r="AC17999" i="1"/>
  <c r="AC18000" i="1"/>
  <c r="AC18001" i="1"/>
  <c r="AC18002" i="1"/>
  <c r="AC18003" i="1"/>
  <c r="AC18004" i="1"/>
  <c r="AC18005" i="1"/>
  <c r="AC18006" i="1"/>
  <c r="AC18007" i="1"/>
  <c r="AC18008" i="1"/>
  <c r="AC18009" i="1"/>
  <c r="AC18010" i="1"/>
  <c r="AC18011" i="1"/>
  <c r="AC18012" i="1"/>
  <c r="AC18013" i="1"/>
  <c r="AC18014" i="1"/>
  <c r="AC18015" i="1"/>
  <c r="AC18016" i="1"/>
  <c r="AC18017" i="1"/>
  <c r="AC18018" i="1"/>
  <c r="AC18019" i="1"/>
  <c r="AC18020" i="1"/>
  <c r="AC18021" i="1"/>
  <c r="AC18022" i="1"/>
  <c r="AC18023" i="1"/>
  <c r="AC18024" i="1"/>
  <c r="AC18025" i="1"/>
  <c r="AC18026" i="1"/>
  <c r="AC18027" i="1"/>
  <c r="AC18028" i="1"/>
  <c r="AC18029" i="1"/>
  <c r="AC18030" i="1"/>
  <c r="AC18031" i="1"/>
  <c r="AC18032" i="1"/>
  <c r="AC18033" i="1"/>
  <c r="AC18034" i="1"/>
  <c r="AC18035" i="1"/>
  <c r="AC18036" i="1"/>
  <c r="AC18037" i="1"/>
  <c r="AC18038" i="1"/>
  <c r="AC18039" i="1"/>
  <c r="AC18040" i="1"/>
  <c r="AC18041" i="1"/>
  <c r="AC18042" i="1"/>
  <c r="AC18043" i="1"/>
  <c r="AC18044" i="1"/>
  <c r="AC18045" i="1"/>
  <c r="AC18046" i="1"/>
  <c r="AC18047" i="1"/>
  <c r="AC18048" i="1"/>
  <c r="AC18049" i="1"/>
  <c r="AC18050" i="1"/>
  <c r="AC18051" i="1"/>
  <c r="AC18052" i="1"/>
  <c r="AC18053" i="1"/>
  <c r="AC18054" i="1"/>
  <c r="AC18055" i="1"/>
  <c r="AC18056" i="1"/>
  <c r="AC18057" i="1"/>
  <c r="AC18058" i="1"/>
  <c r="AC18059" i="1"/>
  <c r="AC18060" i="1"/>
  <c r="AC18061" i="1"/>
  <c r="AC18062" i="1"/>
  <c r="AC18063" i="1"/>
  <c r="AC18064" i="1"/>
  <c r="AC18065" i="1"/>
  <c r="AC18066" i="1"/>
  <c r="AC18067" i="1"/>
  <c r="AC18068" i="1"/>
  <c r="AC18069" i="1"/>
  <c r="AC18070" i="1"/>
  <c r="AC18071" i="1"/>
  <c r="AC18072" i="1"/>
  <c r="AC18073" i="1"/>
  <c r="AC18074" i="1"/>
  <c r="AC18075" i="1"/>
  <c r="AC18076" i="1"/>
  <c r="AC18077" i="1"/>
  <c r="AC18078" i="1"/>
  <c r="AC18079" i="1"/>
  <c r="AC18080" i="1"/>
  <c r="AC18081" i="1"/>
  <c r="AC18082" i="1"/>
  <c r="AC18083" i="1"/>
  <c r="AC18084" i="1"/>
  <c r="AC18085" i="1"/>
  <c r="AC18086" i="1"/>
  <c r="AC18087" i="1"/>
  <c r="AC18088" i="1"/>
  <c r="AC18089" i="1"/>
  <c r="AC18090" i="1"/>
  <c r="AC18091" i="1"/>
  <c r="AC18092" i="1"/>
  <c r="AC18093" i="1"/>
  <c r="AC18094" i="1"/>
  <c r="AC18095" i="1"/>
  <c r="AC18096" i="1"/>
  <c r="AC18097" i="1"/>
  <c r="AC18098" i="1"/>
  <c r="AC18099" i="1"/>
  <c r="AC18100" i="1"/>
  <c r="AC18101" i="1"/>
  <c r="AC18102" i="1"/>
  <c r="AC18103" i="1"/>
  <c r="AC18104" i="1"/>
  <c r="AC18105" i="1"/>
  <c r="AC18106" i="1"/>
  <c r="AC18107" i="1"/>
  <c r="AC18108" i="1"/>
  <c r="AC18109" i="1"/>
  <c r="AC18110" i="1"/>
  <c r="AC18111" i="1"/>
  <c r="AC18112" i="1"/>
  <c r="AC18113" i="1"/>
  <c r="AC18114" i="1"/>
  <c r="AC18115" i="1"/>
  <c r="AC18116" i="1"/>
  <c r="AC18117" i="1"/>
  <c r="AC18118" i="1"/>
  <c r="AC18119" i="1"/>
  <c r="AC18120" i="1"/>
  <c r="AC18121" i="1"/>
  <c r="AC18122" i="1"/>
  <c r="AC18123" i="1"/>
  <c r="AC18124" i="1"/>
  <c r="AC18125" i="1"/>
  <c r="AC18126" i="1"/>
  <c r="AC18127" i="1"/>
  <c r="AC18128" i="1"/>
  <c r="AC18129" i="1"/>
  <c r="AC18130" i="1"/>
  <c r="AC18131" i="1"/>
  <c r="AC18132" i="1"/>
  <c r="AC18133" i="1"/>
  <c r="AC18134" i="1"/>
  <c r="AC18135" i="1"/>
  <c r="AC18136" i="1"/>
  <c r="AC18137" i="1"/>
  <c r="AC18138" i="1"/>
  <c r="AC18139" i="1"/>
  <c r="AC18140" i="1"/>
  <c r="AC18141" i="1"/>
  <c r="AC18142" i="1"/>
  <c r="AC18143" i="1"/>
  <c r="AC18144" i="1"/>
  <c r="AC18145" i="1"/>
  <c r="AC18146" i="1"/>
  <c r="AC18147" i="1"/>
  <c r="AC18148" i="1"/>
  <c r="AC18149" i="1"/>
  <c r="AC18150" i="1"/>
  <c r="AC18151" i="1"/>
  <c r="AC18152" i="1"/>
  <c r="AC18153" i="1"/>
  <c r="AC18154" i="1"/>
  <c r="AC18155" i="1"/>
  <c r="AC18156" i="1"/>
  <c r="AC18157" i="1"/>
  <c r="AC18158" i="1"/>
  <c r="AC18159" i="1"/>
  <c r="AC18160" i="1"/>
  <c r="AC18161" i="1"/>
  <c r="AC18162" i="1"/>
  <c r="AC18163" i="1"/>
  <c r="AC18164" i="1"/>
  <c r="AC18165" i="1"/>
  <c r="AC18166" i="1"/>
  <c r="AC18167" i="1"/>
  <c r="AC18168" i="1"/>
  <c r="AC18169" i="1"/>
  <c r="AC18170" i="1"/>
  <c r="AC18171" i="1"/>
  <c r="AC18172" i="1"/>
  <c r="AC18173" i="1"/>
  <c r="AC18174" i="1"/>
  <c r="AC18175" i="1"/>
  <c r="AC18176" i="1"/>
  <c r="AC18177" i="1"/>
  <c r="AC18178" i="1"/>
  <c r="AC18179" i="1"/>
  <c r="AC18180" i="1"/>
  <c r="AC18181" i="1"/>
  <c r="AC18182" i="1"/>
  <c r="AC18183" i="1"/>
  <c r="AC18184" i="1"/>
  <c r="AC18185" i="1"/>
  <c r="AC18186" i="1"/>
  <c r="AC18187" i="1"/>
  <c r="AC18188" i="1"/>
  <c r="AC18189" i="1"/>
  <c r="AC18190" i="1"/>
  <c r="AC18191" i="1"/>
  <c r="AC18192" i="1"/>
  <c r="AC18193" i="1"/>
  <c r="AC18194" i="1"/>
  <c r="AC18195" i="1"/>
  <c r="AC18196" i="1"/>
  <c r="AC18197" i="1"/>
  <c r="AC18198" i="1"/>
  <c r="AC18199" i="1"/>
  <c r="AC18200" i="1"/>
  <c r="AC18201" i="1"/>
  <c r="AC18202" i="1"/>
  <c r="AC18203" i="1"/>
  <c r="AC18204" i="1"/>
  <c r="AC18205" i="1"/>
  <c r="AC18206" i="1"/>
  <c r="AC18207" i="1"/>
  <c r="AC18208" i="1"/>
  <c r="AC18209" i="1"/>
  <c r="AC18210" i="1"/>
  <c r="AC18211" i="1"/>
  <c r="AC18212" i="1"/>
  <c r="AC18213" i="1"/>
  <c r="AC18214" i="1"/>
  <c r="AC18215" i="1"/>
  <c r="AC18216" i="1"/>
  <c r="AC18217" i="1"/>
  <c r="AC18218" i="1"/>
  <c r="AC18219" i="1"/>
  <c r="AC18220" i="1"/>
  <c r="AC18221" i="1"/>
  <c r="AC18222" i="1"/>
  <c r="AC18223" i="1"/>
  <c r="AC18224" i="1"/>
  <c r="AC18225" i="1"/>
  <c r="AC18226" i="1"/>
  <c r="AC18227" i="1"/>
  <c r="AC18228" i="1"/>
  <c r="AC18229" i="1"/>
  <c r="AC18230" i="1"/>
  <c r="AC18231" i="1"/>
  <c r="AC18232" i="1"/>
  <c r="AC18233" i="1"/>
  <c r="AC18234" i="1"/>
  <c r="AC18235" i="1"/>
  <c r="AC18236" i="1"/>
  <c r="AC18237" i="1"/>
  <c r="AC18238" i="1"/>
  <c r="AC18239" i="1"/>
  <c r="AC18240" i="1"/>
  <c r="AC18241" i="1"/>
  <c r="AC18242" i="1"/>
  <c r="AC18243" i="1"/>
  <c r="AC18244" i="1"/>
  <c r="AC18245" i="1"/>
  <c r="AC18246" i="1"/>
  <c r="AC18247" i="1"/>
  <c r="AC18248" i="1"/>
  <c r="AC18249" i="1"/>
  <c r="AC18250" i="1"/>
  <c r="AC18251" i="1"/>
  <c r="AC18252" i="1"/>
  <c r="AC18253" i="1"/>
  <c r="AC18254" i="1"/>
  <c r="AC18255" i="1"/>
  <c r="AC18256" i="1"/>
  <c r="AC18257" i="1"/>
  <c r="AC18258" i="1"/>
  <c r="AC18259" i="1"/>
  <c r="AC18260" i="1"/>
  <c r="AC18261" i="1"/>
  <c r="AC18262" i="1"/>
  <c r="AC18263" i="1"/>
  <c r="AC18264" i="1"/>
  <c r="AC18265" i="1"/>
  <c r="AC18266" i="1"/>
  <c r="AC18267" i="1"/>
  <c r="AC18268" i="1"/>
  <c r="AC18269" i="1"/>
  <c r="AC18270" i="1"/>
  <c r="AC18271" i="1"/>
  <c r="AC18272" i="1"/>
  <c r="AC18273" i="1"/>
  <c r="AC18274" i="1"/>
  <c r="AC18275" i="1"/>
  <c r="AC18276" i="1"/>
  <c r="AC18277" i="1"/>
  <c r="AC18278" i="1"/>
  <c r="AC18279" i="1"/>
  <c r="AC18280" i="1"/>
  <c r="AC18281" i="1"/>
  <c r="AC18282" i="1"/>
  <c r="AC18283" i="1"/>
  <c r="AC18284" i="1"/>
  <c r="AC18285" i="1"/>
  <c r="AC18286" i="1"/>
  <c r="AC18287" i="1"/>
  <c r="AC18288" i="1"/>
  <c r="AC18289" i="1"/>
  <c r="AC18290" i="1"/>
  <c r="AC18291" i="1"/>
  <c r="AC18292" i="1"/>
  <c r="AC18293" i="1"/>
  <c r="AC18294" i="1"/>
  <c r="AC18295" i="1"/>
  <c r="AC18296" i="1"/>
  <c r="AC18297" i="1"/>
  <c r="AC18298" i="1"/>
  <c r="AC18299" i="1"/>
  <c r="AC18300" i="1"/>
  <c r="AC18301" i="1"/>
  <c r="AC18302" i="1"/>
  <c r="AC18303" i="1"/>
  <c r="AC18304" i="1"/>
  <c r="AC18305" i="1"/>
  <c r="AC18306" i="1"/>
  <c r="AC18307" i="1"/>
  <c r="AC18308" i="1"/>
  <c r="AC18309" i="1"/>
  <c r="AC18310" i="1"/>
  <c r="AC18311" i="1"/>
  <c r="AC18312" i="1"/>
  <c r="AC18313" i="1"/>
  <c r="AC18314" i="1"/>
  <c r="AC18315" i="1"/>
  <c r="AC18316" i="1"/>
  <c r="AC18317" i="1"/>
  <c r="AC18318" i="1"/>
  <c r="AC18319" i="1"/>
  <c r="AC18320" i="1"/>
  <c r="AC18321" i="1"/>
  <c r="AC18322" i="1"/>
  <c r="AC18323" i="1"/>
  <c r="AC18324" i="1"/>
  <c r="AC18325" i="1"/>
  <c r="AC18326" i="1"/>
  <c r="AC18327" i="1"/>
  <c r="AC18328" i="1"/>
  <c r="AC18329" i="1"/>
  <c r="AC18330" i="1"/>
  <c r="AC18331" i="1"/>
  <c r="AC18332" i="1"/>
  <c r="AC18333" i="1"/>
  <c r="AC18334" i="1"/>
  <c r="AC18335" i="1"/>
  <c r="AC18336" i="1"/>
  <c r="AC18337" i="1"/>
  <c r="AC18338" i="1"/>
  <c r="AC18339" i="1"/>
  <c r="AC18340" i="1"/>
  <c r="AC18341" i="1"/>
  <c r="AC18342" i="1"/>
  <c r="AC18343" i="1"/>
  <c r="AC18344" i="1"/>
  <c r="AC18345" i="1"/>
  <c r="AC18346" i="1"/>
  <c r="AC18347" i="1"/>
  <c r="AC18348" i="1"/>
  <c r="AC18349" i="1"/>
  <c r="AC18350" i="1"/>
  <c r="AC18351" i="1"/>
  <c r="AC18352" i="1"/>
  <c r="AC18353" i="1"/>
  <c r="AC18354" i="1"/>
  <c r="AC18355" i="1"/>
  <c r="AC18356" i="1"/>
  <c r="AC18357" i="1"/>
  <c r="AC18358" i="1"/>
  <c r="AC18359" i="1"/>
  <c r="AC18360" i="1"/>
  <c r="AC18361" i="1"/>
  <c r="AC18362" i="1"/>
  <c r="AC18363" i="1"/>
  <c r="AC18364" i="1"/>
  <c r="AC18365" i="1"/>
  <c r="AC18366" i="1"/>
  <c r="AC18367" i="1"/>
  <c r="AC18368" i="1"/>
  <c r="AC18369" i="1"/>
  <c r="AC18370" i="1"/>
  <c r="AC18371" i="1"/>
  <c r="AC18372" i="1"/>
  <c r="AC18373" i="1"/>
  <c r="AC18374" i="1"/>
  <c r="AC18375" i="1"/>
  <c r="AC18376" i="1"/>
  <c r="AC18377" i="1"/>
  <c r="AC18378" i="1"/>
  <c r="AC18379" i="1"/>
  <c r="AC18380" i="1"/>
  <c r="AC18381" i="1"/>
  <c r="AC18382" i="1"/>
  <c r="AC18383" i="1"/>
  <c r="AC18384" i="1"/>
  <c r="AC18385" i="1"/>
  <c r="AC18386" i="1"/>
  <c r="AC18387" i="1"/>
  <c r="AC18388" i="1"/>
  <c r="AC18389" i="1"/>
  <c r="AC18390" i="1"/>
  <c r="AC18391" i="1"/>
  <c r="AC18392" i="1"/>
  <c r="AC18393" i="1"/>
  <c r="AC18394" i="1"/>
  <c r="AC18395" i="1"/>
  <c r="AC18396" i="1"/>
  <c r="AC18397" i="1"/>
  <c r="AC18398" i="1"/>
  <c r="AC18399" i="1"/>
  <c r="AC18400" i="1"/>
  <c r="AC18401" i="1"/>
  <c r="AC18402" i="1"/>
  <c r="AC18403" i="1"/>
  <c r="AC18404" i="1"/>
  <c r="AC18405" i="1"/>
  <c r="AC18406" i="1"/>
  <c r="AC18407" i="1"/>
  <c r="AC18408" i="1"/>
  <c r="AC18409" i="1"/>
  <c r="AC18410" i="1"/>
  <c r="AC18411" i="1"/>
  <c r="AC18412" i="1"/>
  <c r="AC18413" i="1"/>
  <c r="AC18414" i="1"/>
  <c r="AC18415" i="1"/>
  <c r="AC18416" i="1"/>
  <c r="AC18417" i="1"/>
  <c r="AC18418" i="1"/>
  <c r="AC18419" i="1"/>
  <c r="AC18420" i="1"/>
  <c r="AC18421" i="1"/>
  <c r="AC18422" i="1"/>
  <c r="AC18423" i="1"/>
  <c r="AC18424" i="1"/>
  <c r="AC18425" i="1"/>
  <c r="AC18426" i="1"/>
  <c r="AC18427" i="1"/>
  <c r="AC18428" i="1"/>
  <c r="AC18429" i="1"/>
  <c r="AC18430" i="1"/>
  <c r="AC18431" i="1"/>
  <c r="AC18432" i="1"/>
  <c r="AC18433" i="1"/>
  <c r="AC18434" i="1"/>
  <c r="AC18435" i="1"/>
  <c r="AC18436" i="1"/>
  <c r="AC18437" i="1"/>
  <c r="AC18438" i="1"/>
  <c r="AC18439" i="1"/>
  <c r="AC18440" i="1"/>
  <c r="AC18441" i="1"/>
  <c r="AC18442" i="1"/>
  <c r="AC18443" i="1"/>
  <c r="AC18444" i="1"/>
  <c r="AC18445" i="1"/>
  <c r="AC18446" i="1"/>
  <c r="AC18447" i="1"/>
  <c r="AC18448" i="1"/>
  <c r="AC18449" i="1"/>
  <c r="AC18450" i="1"/>
  <c r="AC18451" i="1"/>
  <c r="AC18452" i="1"/>
  <c r="AC18453" i="1"/>
  <c r="AC18454" i="1"/>
  <c r="AC18455" i="1"/>
  <c r="AC18456" i="1"/>
  <c r="AC18457" i="1"/>
  <c r="AC18458" i="1"/>
  <c r="AC18459" i="1"/>
  <c r="AC18460" i="1"/>
  <c r="AC18461" i="1"/>
  <c r="AC18462" i="1"/>
  <c r="AC18463" i="1"/>
  <c r="AC18464" i="1"/>
  <c r="AC18465" i="1"/>
  <c r="AC18466" i="1"/>
  <c r="AC18467" i="1"/>
  <c r="AC18468" i="1"/>
  <c r="AC18469" i="1"/>
  <c r="AC18470" i="1"/>
  <c r="AC18471" i="1"/>
  <c r="AC18472" i="1"/>
  <c r="AC18473" i="1"/>
  <c r="AC18474" i="1"/>
  <c r="AC18475" i="1"/>
  <c r="AC18476" i="1"/>
  <c r="AC18477" i="1"/>
  <c r="AC18478" i="1"/>
  <c r="AC18479" i="1"/>
  <c r="AC18480" i="1"/>
  <c r="AC18481" i="1"/>
  <c r="AC18482" i="1"/>
  <c r="AC18483" i="1"/>
  <c r="AC18484" i="1"/>
  <c r="AC18485" i="1"/>
  <c r="AC18486" i="1"/>
  <c r="AC18487" i="1"/>
  <c r="AC18488" i="1"/>
  <c r="AC18489" i="1"/>
  <c r="AC18490" i="1"/>
  <c r="AC18491" i="1"/>
  <c r="AC18492" i="1"/>
  <c r="AC18493" i="1"/>
  <c r="AC18494" i="1"/>
  <c r="AC18495" i="1"/>
  <c r="AC18496" i="1"/>
  <c r="AC18497" i="1"/>
  <c r="AC18498" i="1"/>
  <c r="AC18499" i="1"/>
  <c r="AC18500" i="1"/>
  <c r="AC18501" i="1"/>
  <c r="AC18502" i="1"/>
  <c r="AC18503" i="1"/>
  <c r="AC18504" i="1"/>
  <c r="AC18505" i="1"/>
  <c r="AC18506" i="1"/>
  <c r="AC18507" i="1"/>
  <c r="AC18508" i="1"/>
  <c r="AC18509" i="1"/>
  <c r="AC18510" i="1"/>
  <c r="AC18511" i="1"/>
  <c r="AC18512" i="1"/>
  <c r="AC18513" i="1"/>
  <c r="AC18514" i="1"/>
  <c r="AC18515" i="1"/>
  <c r="AC18516" i="1"/>
  <c r="AC18517" i="1"/>
  <c r="AC18518" i="1"/>
  <c r="AC18519" i="1"/>
  <c r="AC18520" i="1"/>
  <c r="AC18521" i="1"/>
  <c r="AC18522" i="1"/>
  <c r="AC18523" i="1"/>
  <c r="AC18524" i="1"/>
  <c r="AC18525" i="1"/>
  <c r="AC18526" i="1"/>
  <c r="AC18527" i="1"/>
  <c r="AC18528" i="1"/>
  <c r="AC18529" i="1"/>
  <c r="AC18530" i="1"/>
  <c r="AC18531" i="1"/>
  <c r="AC18532" i="1"/>
  <c r="AC18533" i="1"/>
  <c r="AC18534" i="1"/>
  <c r="AC18535" i="1"/>
  <c r="AC18536" i="1"/>
  <c r="AC18537" i="1"/>
  <c r="AC18538" i="1"/>
  <c r="AC18539" i="1"/>
  <c r="AC18540" i="1"/>
  <c r="AC18541" i="1"/>
  <c r="AC18542" i="1"/>
  <c r="AC18543" i="1"/>
  <c r="AC18544" i="1"/>
  <c r="AC18545" i="1"/>
  <c r="AC18546" i="1"/>
  <c r="AC18547" i="1"/>
  <c r="AC18548" i="1"/>
  <c r="AC18549" i="1"/>
  <c r="AC18550" i="1"/>
  <c r="AC18551" i="1"/>
  <c r="AC18552" i="1"/>
  <c r="AC18553" i="1"/>
  <c r="AC18554" i="1"/>
  <c r="AC18555" i="1"/>
  <c r="AC18556" i="1"/>
  <c r="AC18557" i="1"/>
  <c r="AC18558" i="1"/>
  <c r="AC18559" i="1"/>
  <c r="AC18560" i="1"/>
  <c r="AC18561" i="1"/>
  <c r="AC18562" i="1"/>
  <c r="AC18563" i="1"/>
  <c r="AC18564" i="1"/>
  <c r="AC18565" i="1"/>
  <c r="AC18566" i="1"/>
  <c r="AC18567" i="1"/>
  <c r="AC18568" i="1"/>
  <c r="AC18569" i="1"/>
  <c r="AC18570" i="1"/>
  <c r="AC18571" i="1"/>
  <c r="AC18572" i="1"/>
  <c r="AC18573" i="1"/>
  <c r="AC18574" i="1"/>
  <c r="AC18575" i="1"/>
  <c r="AC18576" i="1"/>
  <c r="AC18577" i="1"/>
  <c r="AC18578" i="1"/>
  <c r="AC18579" i="1"/>
  <c r="AC18580" i="1"/>
  <c r="AC18581" i="1"/>
  <c r="AC18582" i="1"/>
  <c r="AC18583" i="1"/>
  <c r="AC18584" i="1"/>
  <c r="AC18585" i="1"/>
  <c r="AC18586" i="1"/>
  <c r="AC18587" i="1"/>
  <c r="AC18588" i="1"/>
  <c r="AC18589" i="1"/>
  <c r="AC18590" i="1"/>
  <c r="AC18591" i="1"/>
  <c r="AC18592" i="1"/>
  <c r="AC18593" i="1"/>
  <c r="AC18594" i="1"/>
  <c r="AC18595" i="1"/>
  <c r="AC18596" i="1"/>
  <c r="AC18597" i="1"/>
  <c r="AC18598" i="1"/>
  <c r="AC18599" i="1"/>
  <c r="AC18600" i="1"/>
  <c r="AC18601" i="1"/>
  <c r="AC18602" i="1"/>
  <c r="AC18603" i="1"/>
  <c r="AC18604" i="1"/>
  <c r="AC18605" i="1"/>
  <c r="AC18606" i="1"/>
  <c r="AC18607" i="1"/>
  <c r="AC18608" i="1"/>
  <c r="AC18609" i="1"/>
  <c r="AC18610" i="1"/>
  <c r="AC18611" i="1"/>
  <c r="AC18612" i="1"/>
  <c r="AC18613" i="1"/>
  <c r="AC18614" i="1"/>
  <c r="AC18615" i="1"/>
  <c r="AC18616" i="1"/>
  <c r="AC18617" i="1"/>
  <c r="AC18618" i="1"/>
  <c r="AC18619" i="1"/>
  <c r="AC18620" i="1"/>
  <c r="AC18621" i="1"/>
  <c r="AC18622" i="1"/>
  <c r="AC18623" i="1"/>
  <c r="AC18624" i="1"/>
  <c r="AC18625" i="1"/>
  <c r="AC18626" i="1"/>
  <c r="AC18627" i="1"/>
  <c r="AC18628" i="1"/>
  <c r="AC18629" i="1"/>
  <c r="AC18630" i="1"/>
  <c r="AC18631" i="1"/>
  <c r="AC18632" i="1"/>
  <c r="AC18633" i="1"/>
  <c r="AC18634" i="1"/>
  <c r="AC18635" i="1"/>
  <c r="AC18636" i="1"/>
  <c r="AC18637" i="1"/>
  <c r="AC18638" i="1"/>
  <c r="AC18639" i="1"/>
  <c r="AC18640" i="1"/>
  <c r="AC18641" i="1"/>
  <c r="AC18642" i="1"/>
  <c r="AC18643" i="1"/>
  <c r="AC18644" i="1"/>
  <c r="AC18645" i="1"/>
  <c r="AC18646" i="1"/>
  <c r="AC18647" i="1"/>
  <c r="AC18648" i="1"/>
  <c r="AC18649" i="1"/>
  <c r="AC18650" i="1"/>
  <c r="AC18651" i="1"/>
  <c r="AC18652" i="1"/>
  <c r="AC18653" i="1"/>
  <c r="AC18654" i="1"/>
  <c r="AC18655" i="1"/>
  <c r="AC18656" i="1"/>
  <c r="AC18657" i="1"/>
  <c r="AC18658" i="1"/>
  <c r="AC18659" i="1"/>
  <c r="AC18660" i="1"/>
  <c r="AC18661" i="1"/>
  <c r="AC18662" i="1"/>
  <c r="AC18663" i="1"/>
  <c r="AC18664" i="1"/>
  <c r="AC18665" i="1"/>
  <c r="AC18666" i="1"/>
  <c r="AC18667" i="1"/>
  <c r="AC18668" i="1"/>
  <c r="AC18669" i="1"/>
  <c r="AC18670" i="1"/>
  <c r="AC18671" i="1"/>
  <c r="AC18672" i="1"/>
  <c r="AC18673" i="1"/>
  <c r="AC18674" i="1"/>
  <c r="AC18675" i="1"/>
  <c r="AC18676" i="1"/>
  <c r="AC18677" i="1"/>
  <c r="AC18678" i="1"/>
  <c r="AC18679" i="1"/>
  <c r="AC18680" i="1"/>
  <c r="AC18681" i="1"/>
  <c r="AC18682" i="1"/>
  <c r="AC18683" i="1"/>
  <c r="AC18684" i="1"/>
  <c r="AC18685" i="1"/>
  <c r="AC18686" i="1"/>
  <c r="AC18687" i="1"/>
  <c r="AC18688" i="1"/>
  <c r="AC18689" i="1"/>
  <c r="AC18690" i="1"/>
  <c r="AC18691" i="1"/>
  <c r="AC18692" i="1"/>
  <c r="AC18693" i="1"/>
  <c r="AC18694" i="1"/>
  <c r="AC18695" i="1"/>
  <c r="AC18696" i="1"/>
  <c r="AC18697" i="1"/>
  <c r="AC18698" i="1"/>
  <c r="AC18699" i="1"/>
  <c r="AC18700" i="1"/>
  <c r="AC18701" i="1"/>
  <c r="AC18702" i="1"/>
  <c r="AC18703" i="1"/>
  <c r="AC18704" i="1"/>
  <c r="AC18705" i="1"/>
  <c r="AC18706" i="1"/>
  <c r="AC18707" i="1"/>
  <c r="AC18708" i="1"/>
  <c r="AC18709" i="1"/>
  <c r="AC18710" i="1"/>
  <c r="AC18711" i="1"/>
  <c r="AC18712" i="1"/>
  <c r="AC18713" i="1"/>
  <c r="AC18714" i="1"/>
  <c r="AC18715" i="1"/>
  <c r="AC18716" i="1"/>
  <c r="AC18717" i="1"/>
  <c r="AC18718" i="1"/>
  <c r="AC18719" i="1"/>
  <c r="AC18720" i="1"/>
  <c r="AC18721" i="1"/>
  <c r="AC18722" i="1"/>
  <c r="AC18723" i="1"/>
  <c r="AC18724" i="1"/>
  <c r="AC18725" i="1"/>
  <c r="AC18726" i="1"/>
  <c r="AC18727" i="1"/>
  <c r="AC18728" i="1"/>
  <c r="AC18729" i="1"/>
  <c r="AC18730" i="1"/>
  <c r="AC18731" i="1"/>
  <c r="AC18732" i="1"/>
  <c r="AC18733" i="1"/>
  <c r="AC18734" i="1"/>
  <c r="AC18735" i="1"/>
  <c r="AC18736" i="1"/>
  <c r="AC18737" i="1"/>
  <c r="AC18738" i="1"/>
  <c r="AC18739" i="1"/>
  <c r="AC18740" i="1"/>
  <c r="AC18741" i="1"/>
  <c r="AC18742" i="1"/>
  <c r="AC18743" i="1"/>
  <c r="AC18744" i="1"/>
  <c r="AC18745" i="1"/>
  <c r="AC18746" i="1"/>
  <c r="AC18747" i="1"/>
  <c r="AC18748" i="1"/>
  <c r="AC18749" i="1"/>
  <c r="AC18750" i="1"/>
  <c r="AC18751" i="1"/>
  <c r="AC18752" i="1"/>
  <c r="AC18753" i="1"/>
  <c r="AC18754" i="1"/>
  <c r="AC18755" i="1"/>
  <c r="AC18756" i="1"/>
  <c r="AC18757" i="1"/>
  <c r="AC18758" i="1"/>
  <c r="AC18759" i="1"/>
  <c r="AC18760" i="1"/>
  <c r="AC18761" i="1"/>
  <c r="AC18762" i="1"/>
  <c r="AC18763" i="1"/>
  <c r="AC18764" i="1"/>
  <c r="AC18765" i="1"/>
  <c r="AC18766" i="1"/>
  <c r="AC18767" i="1"/>
  <c r="AC18768" i="1"/>
  <c r="AC18769" i="1"/>
  <c r="AC18770" i="1"/>
  <c r="AC18771" i="1"/>
  <c r="AC18772" i="1"/>
  <c r="AC18773" i="1"/>
  <c r="AC18774" i="1"/>
  <c r="AC18775" i="1"/>
  <c r="AC18776" i="1"/>
  <c r="AC18777" i="1"/>
  <c r="AC18778" i="1"/>
  <c r="AC18779" i="1"/>
  <c r="AC18780" i="1"/>
  <c r="AC18781" i="1"/>
  <c r="AC18782" i="1"/>
  <c r="AC18783" i="1"/>
  <c r="AC18784" i="1"/>
  <c r="AC18785" i="1"/>
  <c r="AC18786" i="1"/>
  <c r="AC18787" i="1"/>
  <c r="AC18788" i="1"/>
  <c r="AC18789" i="1"/>
  <c r="AC18790" i="1"/>
  <c r="AC18791" i="1"/>
  <c r="AC18792" i="1"/>
  <c r="AC18793" i="1"/>
  <c r="AC18794" i="1"/>
  <c r="AC18795" i="1"/>
  <c r="AC18796" i="1"/>
  <c r="AC18797" i="1"/>
  <c r="AC18798" i="1"/>
  <c r="AC18799" i="1"/>
  <c r="AC18800" i="1"/>
  <c r="AC18801" i="1"/>
  <c r="AC18802" i="1"/>
  <c r="AC18803" i="1"/>
  <c r="AC18804" i="1"/>
  <c r="AC18805" i="1"/>
  <c r="AC18806" i="1"/>
  <c r="AC18807" i="1"/>
  <c r="AC18808" i="1"/>
  <c r="AC18809" i="1"/>
  <c r="AC18810" i="1"/>
  <c r="AC18811" i="1"/>
  <c r="AC18812" i="1"/>
  <c r="AC18813" i="1"/>
  <c r="AC18814" i="1"/>
  <c r="AC18815" i="1"/>
  <c r="AC18816" i="1"/>
  <c r="AC18817" i="1"/>
  <c r="AC18818" i="1"/>
  <c r="AC18819" i="1"/>
  <c r="AC18820" i="1"/>
  <c r="AC18821" i="1"/>
  <c r="AC18822" i="1"/>
  <c r="AC18823" i="1"/>
  <c r="AC18824" i="1"/>
  <c r="AC18825" i="1"/>
  <c r="AC18826" i="1"/>
  <c r="AC18827" i="1"/>
  <c r="AC18828" i="1"/>
  <c r="AC18829" i="1"/>
  <c r="AC18830" i="1"/>
  <c r="AC18831" i="1"/>
  <c r="AC18832" i="1"/>
  <c r="AC18833" i="1"/>
  <c r="AC18834" i="1"/>
  <c r="AC18835" i="1"/>
  <c r="AC18836" i="1"/>
  <c r="AC18837" i="1"/>
  <c r="AC18838" i="1"/>
  <c r="AC18839" i="1"/>
  <c r="AC18840" i="1"/>
  <c r="AC18841" i="1"/>
  <c r="AC18842" i="1"/>
  <c r="AC18843" i="1"/>
  <c r="AC18844" i="1"/>
  <c r="AC18845" i="1"/>
  <c r="AC18846" i="1"/>
  <c r="AC18847" i="1"/>
  <c r="AC18848" i="1"/>
  <c r="AC18849" i="1"/>
  <c r="AC18850" i="1"/>
  <c r="AC18851" i="1"/>
  <c r="AC18852" i="1"/>
  <c r="AC18853" i="1"/>
  <c r="AC18854" i="1"/>
  <c r="AC18855" i="1"/>
  <c r="AC18856" i="1"/>
  <c r="AC18857" i="1"/>
  <c r="AC18858" i="1"/>
  <c r="AC18859" i="1"/>
  <c r="AC18860" i="1"/>
  <c r="AC18861" i="1"/>
  <c r="AC18862" i="1"/>
  <c r="AC18863" i="1"/>
  <c r="AC18864" i="1"/>
  <c r="AC18865" i="1"/>
  <c r="AC18866" i="1"/>
  <c r="AC18867" i="1"/>
  <c r="AC18868" i="1"/>
  <c r="AC18869" i="1"/>
  <c r="AC18870" i="1"/>
  <c r="AC18871" i="1"/>
  <c r="AC18872" i="1"/>
  <c r="AC18873" i="1"/>
  <c r="AC18874" i="1"/>
  <c r="AC18875" i="1"/>
  <c r="AC18876" i="1"/>
  <c r="AC18877" i="1"/>
  <c r="AC18878" i="1"/>
  <c r="AC18879" i="1"/>
  <c r="AC18880" i="1"/>
  <c r="AC18881" i="1"/>
  <c r="AC18882" i="1"/>
  <c r="AC18883" i="1"/>
  <c r="AC18884" i="1"/>
  <c r="AC18885" i="1"/>
  <c r="AC18886" i="1"/>
  <c r="AC18887" i="1"/>
  <c r="AC18888" i="1"/>
  <c r="AC18889" i="1"/>
  <c r="AC18890" i="1"/>
  <c r="AC18891" i="1"/>
  <c r="AC18892" i="1"/>
  <c r="AC18893" i="1"/>
  <c r="AC18894" i="1"/>
  <c r="AC18895" i="1"/>
  <c r="AC18896" i="1"/>
  <c r="AC18897" i="1"/>
  <c r="AC18898" i="1"/>
  <c r="AC18899" i="1"/>
  <c r="AC18900" i="1"/>
  <c r="AC18901" i="1"/>
  <c r="AC18902" i="1"/>
  <c r="AC18903" i="1"/>
  <c r="AC18904" i="1"/>
  <c r="AC18905" i="1"/>
  <c r="AC18906" i="1"/>
  <c r="AC18907" i="1"/>
  <c r="AC18908" i="1"/>
  <c r="AC18909" i="1"/>
  <c r="AC18910" i="1"/>
  <c r="AC18911" i="1"/>
  <c r="AC18912" i="1"/>
  <c r="AC18913" i="1"/>
  <c r="AC18914" i="1"/>
  <c r="AC18915" i="1"/>
  <c r="AC18916" i="1"/>
  <c r="AC18917" i="1"/>
  <c r="AC18918" i="1"/>
  <c r="AC18919" i="1"/>
  <c r="AC18920" i="1"/>
  <c r="AC18921" i="1"/>
  <c r="AC18922" i="1"/>
  <c r="AC18923" i="1"/>
  <c r="AC18924" i="1"/>
  <c r="AC18925" i="1"/>
  <c r="AC18926" i="1"/>
  <c r="AC18927" i="1"/>
  <c r="AC18928" i="1"/>
  <c r="AC18929" i="1"/>
  <c r="AC18930" i="1"/>
  <c r="AC18931" i="1"/>
  <c r="AC18932" i="1"/>
  <c r="AC18933" i="1"/>
  <c r="AC18934" i="1"/>
  <c r="AC18935" i="1"/>
  <c r="AC18936" i="1"/>
  <c r="AC18937" i="1"/>
  <c r="AC18938" i="1"/>
  <c r="AC18939" i="1"/>
  <c r="AC18940" i="1"/>
  <c r="AC18941" i="1"/>
  <c r="AC18942" i="1"/>
  <c r="AC18943" i="1"/>
  <c r="AC18944" i="1"/>
  <c r="AC18945" i="1"/>
  <c r="AC18946" i="1"/>
  <c r="AC18947" i="1"/>
  <c r="AC18948" i="1"/>
  <c r="AC18949" i="1"/>
  <c r="AC18950" i="1"/>
  <c r="AC18951" i="1"/>
  <c r="AC18952" i="1"/>
  <c r="AC18953" i="1"/>
  <c r="AC18954" i="1"/>
  <c r="AC18955" i="1"/>
  <c r="AC18956" i="1"/>
  <c r="AC18957" i="1"/>
  <c r="AC18958" i="1"/>
  <c r="AC18959" i="1"/>
  <c r="AC18960" i="1"/>
  <c r="AC18961" i="1"/>
  <c r="AC18962" i="1"/>
  <c r="AC18963" i="1"/>
  <c r="AC18964" i="1"/>
  <c r="AC18965" i="1"/>
  <c r="AC18966" i="1"/>
  <c r="AC18967" i="1"/>
  <c r="AC18968" i="1"/>
  <c r="AC18969" i="1"/>
  <c r="AC18970" i="1"/>
  <c r="AC18971" i="1"/>
  <c r="AC18972" i="1"/>
  <c r="AC18973" i="1"/>
  <c r="AC18974" i="1"/>
  <c r="AC18975" i="1"/>
  <c r="AC18976" i="1"/>
  <c r="AC18977" i="1"/>
  <c r="AC18978" i="1"/>
  <c r="AC18979" i="1"/>
  <c r="AC18980" i="1"/>
  <c r="AC18981" i="1"/>
  <c r="AC18982" i="1"/>
  <c r="AC18983" i="1"/>
  <c r="AC18984" i="1"/>
  <c r="AC18985" i="1"/>
  <c r="AC18986" i="1"/>
  <c r="AC18987" i="1"/>
  <c r="AC18988" i="1"/>
  <c r="AC18989" i="1"/>
  <c r="AC18990" i="1"/>
  <c r="AC18991" i="1"/>
  <c r="AC18992" i="1"/>
  <c r="AC18993" i="1"/>
  <c r="AC18994" i="1"/>
  <c r="AC18995" i="1"/>
  <c r="AC18996" i="1"/>
  <c r="AC18997" i="1"/>
  <c r="AC18998" i="1"/>
  <c r="AC18999" i="1"/>
  <c r="AC19000" i="1"/>
  <c r="AC19001" i="1"/>
  <c r="AC19002" i="1"/>
  <c r="AC19003" i="1"/>
  <c r="AC19004" i="1"/>
  <c r="AC19005" i="1"/>
  <c r="AC19006" i="1"/>
  <c r="AC19007" i="1"/>
  <c r="AC19008" i="1"/>
  <c r="AC19009" i="1"/>
  <c r="AC19010" i="1"/>
  <c r="AC19011" i="1"/>
  <c r="AC19012" i="1"/>
  <c r="AC19013" i="1"/>
  <c r="AC19014" i="1"/>
  <c r="AC19015" i="1"/>
  <c r="AC19016" i="1"/>
  <c r="AC19017" i="1"/>
  <c r="AC19018" i="1"/>
  <c r="AC19019" i="1"/>
  <c r="AC19020" i="1"/>
  <c r="AC19021" i="1"/>
  <c r="AC19022" i="1"/>
  <c r="AC19023" i="1"/>
  <c r="AC19024" i="1"/>
  <c r="AC19025" i="1"/>
  <c r="AC19026" i="1"/>
  <c r="AC19027" i="1"/>
  <c r="AC19028" i="1"/>
  <c r="AC19029" i="1"/>
  <c r="AC19030" i="1"/>
  <c r="AC19031" i="1"/>
  <c r="AC19032" i="1"/>
  <c r="AC19033" i="1"/>
  <c r="AC19034" i="1"/>
  <c r="AC19035" i="1"/>
  <c r="AC19036" i="1"/>
  <c r="AC19037" i="1"/>
  <c r="AC19038" i="1"/>
  <c r="AC19039" i="1"/>
  <c r="AC19040" i="1"/>
  <c r="AC19041" i="1"/>
  <c r="AC19042" i="1"/>
  <c r="AC19043" i="1"/>
  <c r="AC19044" i="1"/>
  <c r="AC19045" i="1"/>
  <c r="AC19046" i="1"/>
  <c r="AC19047" i="1"/>
  <c r="AC19048" i="1"/>
  <c r="AC19049" i="1"/>
  <c r="AC19050" i="1"/>
  <c r="AC19051" i="1"/>
  <c r="AC19052" i="1"/>
  <c r="AC19053" i="1"/>
  <c r="AC19054" i="1"/>
  <c r="AC19055" i="1"/>
  <c r="AC19056" i="1"/>
  <c r="AC19057" i="1"/>
  <c r="AC19058" i="1"/>
  <c r="AC19059" i="1"/>
  <c r="AC19060" i="1"/>
  <c r="AC19061" i="1"/>
  <c r="AC19062" i="1"/>
  <c r="AC19063" i="1"/>
  <c r="AC19064" i="1"/>
  <c r="AC19065" i="1"/>
  <c r="AC19066" i="1"/>
  <c r="AC19067" i="1"/>
  <c r="AC19068" i="1"/>
  <c r="AC19069" i="1"/>
  <c r="AC19070" i="1"/>
  <c r="AC19071" i="1"/>
  <c r="AC19072" i="1"/>
  <c r="AC19073" i="1"/>
  <c r="AC19074" i="1"/>
  <c r="AC19075" i="1"/>
  <c r="AC19076" i="1"/>
  <c r="AC19077" i="1"/>
  <c r="AC19078" i="1"/>
  <c r="AC19079" i="1"/>
  <c r="AC19080" i="1"/>
  <c r="AC19081" i="1"/>
  <c r="AC19082" i="1"/>
  <c r="AC19083" i="1"/>
  <c r="AC19084" i="1"/>
  <c r="AC19085" i="1"/>
  <c r="AC19086" i="1"/>
  <c r="AC19087" i="1"/>
  <c r="AC19088" i="1"/>
  <c r="AC19089" i="1"/>
  <c r="AC19090" i="1"/>
  <c r="AC19091" i="1"/>
  <c r="AC19092" i="1"/>
  <c r="AC19093" i="1"/>
  <c r="AC19094" i="1"/>
  <c r="AC19095" i="1"/>
  <c r="AC19096" i="1"/>
  <c r="AC19097" i="1"/>
  <c r="AC19098" i="1"/>
  <c r="AC19099" i="1"/>
  <c r="AC19100" i="1"/>
  <c r="AC19101" i="1"/>
  <c r="AC19102" i="1"/>
  <c r="AC19103" i="1"/>
  <c r="AC19104" i="1"/>
  <c r="AC19105" i="1"/>
  <c r="AC19106" i="1"/>
  <c r="AC19107" i="1"/>
  <c r="AC19108" i="1"/>
  <c r="AC19109" i="1"/>
  <c r="AC19110" i="1"/>
  <c r="AC19111" i="1"/>
  <c r="AC19112" i="1"/>
  <c r="AC19113" i="1"/>
  <c r="AC19114" i="1"/>
  <c r="AC19115" i="1"/>
  <c r="AC19116" i="1"/>
  <c r="AC19117" i="1"/>
  <c r="AC19118" i="1"/>
  <c r="AC19119" i="1"/>
  <c r="AC19120" i="1"/>
  <c r="AC19121" i="1"/>
  <c r="AC19122" i="1"/>
  <c r="AC19123" i="1"/>
  <c r="AC19124" i="1"/>
  <c r="AC19125" i="1"/>
  <c r="AC19126" i="1"/>
  <c r="AC19127" i="1"/>
  <c r="AC19128" i="1"/>
  <c r="AC19129" i="1"/>
  <c r="AC19130" i="1"/>
  <c r="AC19131" i="1"/>
  <c r="AC19132" i="1"/>
  <c r="AC19133" i="1"/>
  <c r="AC19134" i="1"/>
  <c r="AC19135" i="1"/>
  <c r="AC19136" i="1"/>
  <c r="AC19137" i="1"/>
  <c r="AC19138" i="1"/>
  <c r="AC19139" i="1"/>
  <c r="AC19140" i="1"/>
  <c r="AC19141" i="1"/>
  <c r="AC19142" i="1"/>
  <c r="AC19143" i="1"/>
  <c r="AC19144" i="1"/>
  <c r="AC19145" i="1"/>
  <c r="AC19146" i="1"/>
  <c r="AC19147" i="1"/>
  <c r="AC19148" i="1"/>
  <c r="AC19149" i="1"/>
  <c r="AC19150" i="1"/>
  <c r="AC19151" i="1"/>
  <c r="AC19152" i="1"/>
  <c r="AC19153" i="1"/>
  <c r="AC19154" i="1"/>
  <c r="AC19155" i="1"/>
  <c r="AC19156" i="1"/>
  <c r="AC19157" i="1"/>
  <c r="AC19158" i="1"/>
  <c r="AC19159" i="1"/>
  <c r="AC19160" i="1"/>
  <c r="AC19161" i="1"/>
  <c r="AC19162" i="1"/>
  <c r="AC19163" i="1"/>
  <c r="AC19164" i="1"/>
  <c r="AC19165" i="1"/>
  <c r="AC19166" i="1"/>
  <c r="AC19167" i="1"/>
  <c r="AC19168" i="1"/>
  <c r="AC19169" i="1"/>
  <c r="AC19170" i="1"/>
  <c r="AC19171" i="1"/>
  <c r="AC19172" i="1"/>
  <c r="AC19173" i="1"/>
  <c r="AC19174" i="1"/>
  <c r="AC19175" i="1"/>
  <c r="AC19176" i="1"/>
  <c r="AC19177" i="1"/>
  <c r="AC19178" i="1"/>
  <c r="AC19179" i="1"/>
  <c r="AC19180" i="1"/>
  <c r="AC19181" i="1"/>
  <c r="AC19182" i="1"/>
  <c r="AC19183" i="1"/>
  <c r="AC19184" i="1"/>
  <c r="AC19185" i="1"/>
  <c r="AC19186" i="1"/>
  <c r="AC19187" i="1"/>
  <c r="AC19188" i="1"/>
  <c r="AC19189" i="1"/>
  <c r="AC19190" i="1"/>
  <c r="AC19191" i="1"/>
  <c r="AC19192" i="1"/>
  <c r="AC19193" i="1"/>
  <c r="AC19194" i="1"/>
  <c r="AC19195" i="1"/>
  <c r="AC19196" i="1"/>
  <c r="AC19197" i="1"/>
  <c r="AC19198" i="1"/>
  <c r="AC19199" i="1"/>
  <c r="AC19200" i="1"/>
  <c r="AC19201" i="1"/>
  <c r="AC19202" i="1"/>
  <c r="AC19203" i="1"/>
  <c r="AC19204" i="1"/>
  <c r="AC19205" i="1"/>
  <c r="AC19206" i="1"/>
  <c r="AC19207" i="1"/>
  <c r="AC19208" i="1"/>
  <c r="AC19209" i="1"/>
  <c r="AC19210" i="1"/>
  <c r="AC19211" i="1"/>
  <c r="AC19212" i="1"/>
  <c r="AC19213" i="1"/>
  <c r="AC19214" i="1"/>
  <c r="AC19215" i="1"/>
  <c r="AC19216" i="1"/>
  <c r="AC19217" i="1"/>
  <c r="AC19218" i="1"/>
  <c r="AC19219" i="1"/>
  <c r="AC19220" i="1"/>
  <c r="AC19221" i="1"/>
  <c r="AC19222" i="1"/>
  <c r="AC19223" i="1"/>
  <c r="AC19224" i="1"/>
  <c r="AC19225" i="1"/>
  <c r="AC19226" i="1"/>
  <c r="AC19227" i="1"/>
  <c r="AC19228" i="1"/>
  <c r="AC19229" i="1"/>
  <c r="AC19230" i="1"/>
  <c r="AC19231" i="1"/>
  <c r="AC19232" i="1"/>
  <c r="AC19233" i="1"/>
  <c r="AC19234" i="1"/>
  <c r="AC19235" i="1"/>
  <c r="AC19236" i="1"/>
  <c r="AC19237" i="1"/>
  <c r="AC19238" i="1"/>
  <c r="AC19239" i="1"/>
  <c r="AC19240" i="1"/>
  <c r="AC19241" i="1"/>
  <c r="AC19242" i="1"/>
  <c r="AC19243" i="1"/>
  <c r="AC19244" i="1"/>
  <c r="AC19245" i="1"/>
  <c r="AC19246" i="1"/>
  <c r="AC19247" i="1"/>
  <c r="AC19248" i="1"/>
  <c r="AC19249" i="1"/>
  <c r="AC19250" i="1"/>
  <c r="AC19251" i="1"/>
  <c r="AC19252" i="1"/>
  <c r="AC19253" i="1"/>
  <c r="AC19254" i="1"/>
  <c r="AC19255" i="1"/>
  <c r="AC19256" i="1"/>
  <c r="AC19257" i="1"/>
  <c r="AC19258" i="1"/>
  <c r="AC19259" i="1"/>
  <c r="AC19260" i="1"/>
  <c r="AC19261" i="1"/>
  <c r="AC19262" i="1"/>
  <c r="AC19263" i="1"/>
  <c r="AC19264" i="1"/>
  <c r="AC19265" i="1"/>
  <c r="AC19266" i="1"/>
  <c r="AC19267" i="1"/>
  <c r="AC19268" i="1"/>
  <c r="AC19269" i="1"/>
  <c r="AC19270" i="1"/>
  <c r="AC19271" i="1"/>
  <c r="AC19272" i="1"/>
  <c r="AC19273" i="1"/>
  <c r="AC19274" i="1"/>
  <c r="AC19275" i="1"/>
  <c r="AC19276" i="1"/>
  <c r="AC19277" i="1"/>
  <c r="AC19278" i="1"/>
  <c r="AC19279" i="1"/>
  <c r="AC19280" i="1"/>
  <c r="AC19281" i="1"/>
  <c r="AC19282" i="1"/>
  <c r="AC19283" i="1"/>
  <c r="AC19284" i="1"/>
  <c r="AC19285" i="1"/>
  <c r="AC19286" i="1"/>
  <c r="AC19287" i="1"/>
  <c r="AC19288" i="1"/>
  <c r="AC19289" i="1"/>
  <c r="AC19290" i="1"/>
  <c r="AC19291" i="1"/>
  <c r="AC19292" i="1"/>
  <c r="AC19293" i="1"/>
  <c r="AC19294" i="1"/>
  <c r="AC19295" i="1"/>
  <c r="AC19296" i="1"/>
  <c r="AC19297" i="1"/>
  <c r="AC19298" i="1"/>
  <c r="AC19299" i="1"/>
  <c r="AC19300" i="1"/>
  <c r="AC19301" i="1"/>
  <c r="AC19302" i="1"/>
  <c r="AC19303" i="1"/>
  <c r="AC19304" i="1"/>
  <c r="AC19305" i="1"/>
  <c r="AC19306" i="1"/>
  <c r="AC19307" i="1"/>
  <c r="AC19308" i="1"/>
  <c r="AC19309" i="1"/>
  <c r="AC19310" i="1"/>
  <c r="AC19311" i="1"/>
  <c r="AC19312" i="1"/>
  <c r="AC19313" i="1"/>
  <c r="AC19314" i="1"/>
  <c r="AC19315" i="1"/>
  <c r="AC19316" i="1"/>
  <c r="AC19317" i="1"/>
  <c r="AC19318" i="1"/>
  <c r="AC19319" i="1"/>
  <c r="AC19320" i="1"/>
  <c r="AC19321" i="1"/>
  <c r="AC19322" i="1"/>
  <c r="AC19323" i="1"/>
  <c r="AC19324" i="1"/>
  <c r="AC19325" i="1"/>
  <c r="AC19326" i="1"/>
  <c r="AC19327" i="1"/>
  <c r="AC19328" i="1"/>
  <c r="AC19329" i="1"/>
  <c r="AC19330" i="1"/>
  <c r="AC19331" i="1"/>
  <c r="AC19332" i="1"/>
  <c r="AC19333" i="1"/>
  <c r="AC19334" i="1"/>
  <c r="AC19335" i="1"/>
  <c r="AC19336" i="1"/>
  <c r="AC19337" i="1"/>
  <c r="AC19338" i="1"/>
  <c r="AC19339" i="1"/>
  <c r="AC19340" i="1"/>
  <c r="AC19341" i="1"/>
  <c r="AC19342" i="1"/>
  <c r="AC19343" i="1"/>
  <c r="AC19344" i="1"/>
  <c r="AC19345" i="1"/>
  <c r="AC19346" i="1"/>
  <c r="AC19347" i="1"/>
  <c r="AC19348" i="1"/>
  <c r="AC19349" i="1"/>
  <c r="AC19350" i="1"/>
  <c r="AC19351" i="1"/>
  <c r="AC19352" i="1"/>
  <c r="AC19353" i="1"/>
  <c r="AC19354" i="1"/>
  <c r="AC19355" i="1"/>
  <c r="AC19356" i="1"/>
  <c r="AC19357" i="1"/>
  <c r="AC19358" i="1"/>
  <c r="AC19359" i="1"/>
  <c r="AC19360" i="1"/>
  <c r="AC19361" i="1"/>
  <c r="AC19362" i="1"/>
  <c r="AC19363" i="1"/>
  <c r="AC19364" i="1"/>
  <c r="AC19365" i="1"/>
  <c r="AC19366" i="1"/>
  <c r="AC19367" i="1"/>
  <c r="AC19368" i="1"/>
  <c r="AC19369" i="1"/>
  <c r="AC19370" i="1"/>
  <c r="AC19371" i="1"/>
  <c r="AC19372" i="1"/>
  <c r="AC19373" i="1"/>
  <c r="AC19374" i="1"/>
  <c r="AC19375" i="1"/>
  <c r="AC19376" i="1"/>
  <c r="AC19377" i="1"/>
  <c r="AC19378" i="1"/>
  <c r="AC19379" i="1"/>
  <c r="AC19380" i="1"/>
  <c r="AC19381" i="1"/>
  <c r="AC19382" i="1"/>
  <c r="AC19383" i="1"/>
  <c r="AC19384" i="1"/>
  <c r="AC19385" i="1"/>
  <c r="AC19386" i="1"/>
  <c r="AC19387" i="1"/>
  <c r="AC19388" i="1"/>
  <c r="AC19389" i="1"/>
  <c r="AC19390" i="1"/>
  <c r="AC19391" i="1"/>
  <c r="AC19392" i="1"/>
  <c r="AC19393" i="1"/>
  <c r="AC19394" i="1"/>
  <c r="AC19395" i="1"/>
  <c r="AC19396" i="1"/>
  <c r="AC19397" i="1"/>
  <c r="AC19398" i="1"/>
  <c r="AC19399" i="1"/>
  <c r="AC19400" i="1"/>
  <c r="AC19401" i="1"/>
  <c r="AC19402" i="1"/>
  <c r="AC19403" i="1"/>
  <c r="AC19404" i="1"/>
  <c r="AC19405" i="1"/>
  <c r="AC19406" i="1"/>
  <c r="AC19407" i="1"/>
  <c r="AC19408" i="1"/>
  <c r="AC19409" i="1"/>
  <c r="AC19410" i="1"/>
  <c r="AC19411" i="1"/>
  <c r="AC19412" i="1"/>
  <c r="AC19413" i="1"/>
  <c r="AC19414" i="1"/>
  <c r="AC19415" i="1"/>
  <c r="AC19416" i="1"/>
  <c r="AC19417" i="1"/>
  <c r="AC19418" i="1"/>
  <c r="AC19419" i="1"/>
  <c r="AC19420" i="1"/>
  <c r="AC19421" i="1"/>
  <c r="AC19422" i="1"/>
  <c r="AC19423" i="1"/>
  <c r="AC19424" i="1"/>
  <c r="AC19425" i="1"/>
  <c r="AC19426" i="1"/>
  <c r="AC19427" i="1"/>
  <c r="AC19428" i="1"/>
  <c r="AC19429" i="1"/>
  <c r="AC19430" i="1"/>
  <c r="AC19431" i="1"/>
  <c r="AC19432" i="1"/>
  <c r="AC19433" i="1"/>
  <c r="AC19434" i="1"/>
  <c r="AC19435" i="1"/>
  <c r="AC19436" i="1"/>
  <c r="AC19437" i="1"/>
  <c r="AC19438" i="1"/>
  <c r="AC19439" i="1"/>
  <c r="AC19440" i="1"/>
  <c r="AC19441" i="1"/>
  <c r="AC19442" i="1"/>
  <c r="AC19443" i="1"/>
  <c r="AC19444" i="1"/>
  <c r="AC19445" i="1"/>
  <c r="AC19446" i="1"/>
  <c r="AC19447" i="1"/>
  <c r="AC19448" i="1"/>
  <c r="AC19449" i="1"/>
  <c r="AC19450" i="1"/>
  <c r="AC19451" i="1"/>
  <c r="AC19452" i="1"/>
  <c r="AC19453" i="1"/>
  <c r="AC19454" i="1"/>
  <c r="AC19455" i="1"/>
  <c r="AC19456" i="1"/>
  <c r="AC19457" i="1"/>
  <c r="AC19458" i="1"/>
  <c r="AC19459" i="1"/>
  <c r="AC19460" i="1"/>
  <c r="AC19461" i="1"/>
  <c r="AC19462" i="1"/>
  <c r="AC19463" i="1"/>
  <c r="AC19464" i="1"/>
  <c r="AC19465" i="1"/>
  <c r="AC19466" i="1"/>
  <c r="AC19467" i="1"/>
  <c r="AC19468" i="1"/>
  <c r="AC19469" i="1"/>
  <c r="AC19470" i="1"/>
  <c r="AC19471" i="1"/>
  <c r="AC19472" i="1"/>
  <c r="AC19473" i="1"/>
  <c r="AC19474" i="1"/>
  <c r="AC19475" i="1"/>
  <c r="AC19476" i="1"/>
  <c r="AC19477" i="1"/>
  <c r="AC19478" i="1"/>
  <c r="AC19479" i="1"/>
  <c r="AC19480" i="1"/>
  <c r="AC19481" i="1"/>
  <c r="AC19482" i="1"/>
  <c r="AC19483" i="1"/>
  <c r="AC19484" i="1"/>
  <c r="AC19485" i="1"/>
  <c r="AC19486" i="1"/>
  <c r="AC19487" i="1"/>
  <c r="AC19488" i="1"/>
  <c r="AC19489" i="1"/>
  <c r="AC19490" i="1"/>
  <c r="AC19491" i="1"/>
  <c r="AC19492" i="1"/>
  <c r="AC19493" i="1"/>
  <c r="AC19494" i="1"/>
  <c r="AC19495" i="1"/>
  <c r="AC19496" i="1"/>
  <c r="AC19497" i="1"/>
  <c r="AC19498" i="1"/>
  <c r="AC19499" i="1"/>
  <c r="AC19500" i="1"/>
  <c r="AC19501" i="1"/>
  <c r="AC19502" i="1"/>
  <c r="AC19503" i="1"/>
  <c r="AC19504" i="1"/>
  <c r="AC19505" i="1"/>
  <c r="AC19506" i="1"/>
  <c r="AC19507" i="1"/>
  <c r="AC19508" i="1"/>
  <c r="AC19509" i="1"/>
  <c r="AC19510" i="1"/>
  <c r="AC19511" i="1"/>
  <c r="AC19512" i="1"/>
  <c r="AC19513" i="1"/>
  <c r="AC19514" i="1"/>
  <c r="AC19515" i="1"/>
  <c r="AC19516" i="1"/>
  <c r="AC19517" i="1"/>
  <c r="AC19518" i="1"/>
  <c r="AC19519" i="1"/>
  <c r="AC19520" i="1"/>
  <c r="AC19521" i="1"/>
  <c r="AC19522" i="1"/>
  <c r="AC19523" i="1"/>
  <c r="AC19524" i="1"/>
  <c r="AC19525" i="1"/>
  <c r="AC19526" i="1"/>
  <c r="AC19527" i="1"/>
  <c r="AC19528" i="1"/>
  <c r="AC19529" i="1"/>
  <c r="AC19530" i="1"/>
  <c r="AC19531" i="1"/>
  <c r="AC19532" i="1"/>
  <c r="AC19533" i="1"/>
  <c r="AC19534" i="1"/>
  <c r="AC19535" i="1"/>
  <c r="AC19536" i="1"/>
  <c r="AC19537" i="1"/>
  <c r="AC19538" i="1"/>
  <c r="AC19539" i="1"/>
  <c r="AC19540" i="1"/>
  <c r="AC19541" i="1"/>
  <c r="AC19542" i="1"/>
  <c r="AC19543" i="1"/>
  <c r="AC19544" i="1"/>
  <c r="AC19545" i="1"/>
  <c r="AC19546" i="1"/>
  <c r="AC19547" i="1"/>
  <c r="AC19548" i="1"/>
  <c r="AC19549" i="1"/>
  <c r="AC19550" i="1"/>
  <c r="AC19551" i="1"/>
  <c r="AC19552" i="1"/>
  <c r="AC19553" i="1"/>
  <c r="AC19554" i="1"/>
  <c r="AC19555" i="1"/>
  <c r="AC19556" i="1"/>
  <c r="AC19557" i="1"/>
  <c r="AC19558" i="1"/>
  <c r="AC19559" i="1"/>
  <c r="AC19560" i="1"/>
  <c r="AC19561" i="1"/>
  <c r="AC19562" i="1"/>
  <c r="AC19563" i="1"/>
  <c r="AC19564" i="1"/>
  <c r="AC19565" i="1"/>
  <c r="AC19566" i="1"/>
  <c r="AC19567" i="1"/>
  <c r="AC19568" i="1"/>
  <c r="AC19569" i="1"/>
  <c r="AC19570" i="1"/>
  <c r="AC19571" i="1"/>
  <c r="AC19572" i="1"/>
  <c r="AC19573" i="1"/>
  <c r="AC19574" i="1"/>
  <c r="AC19575" i="1"/>
  <c r="AC19576" i="1"/>
  <c r="AC19577" i="1"/>
  <c r="AC19578" i="1"/>
  <c r="AC19579" i="1"/>
  <c r="AC19580" i="1"/>
  <c r="AC19581" i="1"/>
  <c r="AC19582" i="1"/>
  <c r="AC19583" i="1"/>
  <c r="AC19584" i="1"/>
  <c r="AC19585" i="1"/>
  <c r="AC19586" i="1"/>
  <c r="AC19587" i="1"/>
  <c r="AC19588" i="1"/>
  <c r="AC19589" i="1"/>
  <c r="AC19590" i="1"/>
  <c r="AC19591" i="1"/>
  <c r="AC19592" i="1"/>
  <c r="AC19593" i="1"/>
  <c r="AC19594" i="1"/>
  <c r="AC19595" i="1"/>
  <c r="AC19596" i="1"/>
  <c r="AC19597" i="1"/>
  <c r="AC19598" i="1"/>
  <c r="AC19599" i="1"/>
  <c r="AC19600" i="1"/>
  <c r="AC19601" i="1"/>
  <c r="AC19602" i="1"/>
  <c r="AC19603" i="1"/>
  <c r="AC19604" i="1"/>
  <c r="AC19605" i="1"/>
  <c r="AC19606" i="1"/>
  <c r="AC19607" i="1"/>
  <c r="AC19608" i="1"/>
  <c r="AC19609" i="1"/>
  <c r="AC19610" i="1"/>
  <c r="AC19611" i="1"/>
  <c r="AC19612" i="1"/>
  <c r="AC19613" i="1"/>
  <c r="AC19614" i="1"/>
  <c r="AC19615" i="1"/>
  <c r="AC19616" i="1"/>
  <c r="AC19617" i="1"/>
  <c r="AC19618" i="1"/>
  <c r="AC19619" i="1"/>
  <c r="AC19620" i="1"/>
  <c r="AC19621" i="1"/>
  <c r="AC19622" i="1"/>
  <c r="AC19623" i="1"/>
  <c r="AC19624" i="1"/>
  <c r="AC19625" i="1"/>
  <c r="AC19626" i="1"/>
  <c r="AC19627" i="1"/>
  <c r="AC19628" i="1"/>
  <c r="AC19629" i="1"/>
  <c r="AC19630" i="1"/>
  <c r="AC19631" i="1"/>
  <c r="AC19632" i="1"/>
  <c r="AC19633" i="1"/>
  <c r="AC19634" i="1"/>
  <c r="AC19635" i="1"/>
  <c r="AC19636" i="1"/>
  <c r="AC19637" i="1"/>
  <c r="AC19638" i="1"/>
  <c r="AC19639" i="1"/>
  <c r="AC19640" i="1"/>
  <c r="AC19641" i="1"/>
  <c r="AC19642" i="1"/>
  <c r="AC19643" i="1"/>
  <c r="AC19644" i="1"/>
  <c r="AC19645" i="1"/>
  <c r="AC19646" i="1"/>
  <c r="AC19647" i="1"/>
  <c r="AC19648" i="1"/>
  <c r="AC19649" i="1"/>
  <c r="AC19650" i="1"/>
  <c r="AC19651" i="1"/>
  <c r="AC19652" i="1"/>
  <c r="AC19653" i="1"/>
  <c r="AC19654" i="1"/>
  <c r="AC19655" i="1"/>
  <c r="AC19656" i="1"/>
  <c r="AC19657" i="1"/>
  <c r="AC19658" i="1"/>
  <c r="AC19659" i="1"/>
  <c r="AC19660" i="1"/>
  <c r="AC19661" i="1"/>
  <c r="AC19662" i="1"/>
  <c r="AC19663" i="1"/>
  <c r="AC19664" i="1"/>
  <c r="AC19665" i="1"/>
  <c r="AC19666" i="1"/>
  <c r="AC19667" i="1"/>
  <c r="AC19668" i="1"/>
  <c r="AC19669" i="1"/>
  <c r="AC19670" i="1"/>
  <c r="AC19671" i="1"/>
  <c r="AC19672" i="1"/>
  <c r="AC19673" i="1"/>
  <c r="AC19674" i="1"/>
  <c r="AC19675" i="1"/>
  <c r="AC19676" i="1"/>
  <c r="AC19677" i="1"/>
  <c r="AC19678" i="1"/>
  <c r="AC19679" i="1"/>
  <c r="AC19680" i="1"/>
  <c r="AC19681" i="1"/>
  <c r="AC19682" i="1"/>
  <c r="AC19683" i="1"/>
  <c r="AC19684" i="1"/>
  <c r="AC19685" i="1"/>
  <c r="AC19686" i="1"/>
  <c r="AC19687" i="1"/>
  <c r="AC19688" i="1"/>
  <c r="AC19689" i="1"/>
  <c r="AC19690" i="1"/>
  <c r="AC19691" i="1"/>
  <c r="AC19692" i="1"/>
  <c r="AC19693" i="1"/>
  <c r="AC19694" i="1"/>
  <c r="AC19695" i="1"/>
  <c r="AC19696" i="1"/>
  <c r="AC19697" i="1"/>
  <c r="AC19698" i="1"/>
  <c r="AC19699" i="1"/>
  <c r="AC19700" i="1"/>
  <c r="AC19701" i="1"/>
  <c r="AC19702" i="1"/>
  <c r="AC19703" i="1"/>
  <c r="AC19704" i="1"/>
  <c r="AC19705" i="1"/>
  <c r="AC19706" i="1"/>
  <c r="AC19707" i="1"/>
  <c r="AC19708" i="1"/>
  <c r="AC19709" i="1"/>
  <c r="AC19710" i="1"/>
  <c r="AC19711" i="1"/>
  <c r="AC19712" i="1"/>
  <c r="AC19713" i="1"/>
  <c r="AC19714" i="1"/>
  <c r="AC19715" i="1"/>
  <c r="AC19716" i="1"/>
  <c r="AC19717" i="1"/>
  <c r="AC19718" i="1"/>
  <c r="AC19719" i="1"/>
  <c r="AC19720" i="1"/>
  <c r="AC19721" i="1"/>
  <c r="AC19722" i="1"/>
  <c r="AC19723" i="1"/>
  <c r="AC19724" i="1"/>
  <c r="AC19725" i="1"/>
  <c r="AC19726" i="1"/>
  <c r="AC19727" i="1"/>
  <c r="AC19728" i="1"/>
  <c r="AC19729" i="1"/>
  <c r="AC19730" i="1"/>
  <c r="AC19731" i="1"/>
  <c r="AC19732" i="1"/>
  <c r="AC19733" i="1"/>
  <c r="AC19734" i="1"/>
  <c r="AC19735" i="1"/>
  <c r="AC19736" i="1"/>
  <c r="AC19737" i="1"/>
  <c r="AC19738" i="1"/>
  <c r="AC19739" i="1"/>
  <c r="AC19740" i="1"/>
  <c r="AC19741" i="1"/>
  <c r="AC19742" i="1"/>
  <c r="AC19743" i="1"/>
  <c r="AC19744" i="1"/>
  <c r="AC19745" i="1"/>
  <c r="AC19746" i="1"/>
  <c r="AC19747" i="1"/>
  <c r="AC19748" i="1"/>
  <c r="AC19749" i="1"/>
  <c r="AC19750" i="1"/>
  <c r="AC19751" i="1"/>
  <c r="AC19752" i="1"/>
  <c r="AC19753" i="1"/>
  <c r="AC19754" i="1"/>
  <c r="AC19755" i="1"/>
  <c r="AC19756" i="1"/>
  <c r="AC19757" i="1"/>
  <c r="AC19758" i="1"/>
  <c r="AC19759" i="1"/>
  <c r="AC19760" i="1"/>
  <c r="AC19761" i="1"/>
  <c r="AC19762" i="1"/>
  <c r="AC19763" i="1"/>
  <c r="AC19764" i="1"/>
  <c r="AC19765" i="1"/>
  <c r="AC19766" i="1"/>
  <c r="AC19767" i="1"/>
  <c r="AC19768" i="1"/>
  <c r="AC19769" i="1"/>
  <c r="AC19770" i="1"/>
  <c r="AC19771" i="1"/>
  <c r="AC19772" i="1"/>
  <c r="AC19773" i="1"/>
  <c r="AC19774" i="1"/>
  <c r="AC19775" i="1"/>
  <c r="AC19776" i="1"/>
  <c r="AC19777" i="1"/>
  <c r="AC19778" i="1"/>
  <c r="AC19779" i="1"/>
  <c r="AC19780" i="1"/>
  <c r="AC19781" i="1"/>
  <c r="AC19782" i="1"/>
  <c r="AC19783" i="1"/>
  <c r="AC19784" i="1"/>
  <c r="AC19785" i="1"/>
  <c r="AC19786" i="1"/>
  <c r="AC19787" i="1"/>
  <c r="AC19788" i="1"/>
  <c r="AC19789" i="1"/>
  <c r="AC19790" i="1"/>
  <c r="AC19791" i="1"/>
  <c r="AC19792" i="1"/>
  <c r="AC19793" i="1"/>
  <c r="AC19794" i="1"/>
  <c r="AC19795" i="1"/>
  <c r="AC19796" i="1"/>
  <c r="AC19797" i="1"/>
  <c r="AC19798" i="1"/>
  <c r="AC19799" i="1"/>
  <c r="AC19800" i="1"/>
  <c r="AC19801" i="1"/>
  <c r="AC19802" i="1"/>
  <c r="AC19803" i="1"/>
  <c r="AC19804" i="1"/>
  <c r="AC19805" i="1"/>
  <c r="AC19806" i="1"/>
  <c r="AC19807" i="1"/>
  <c r="AC19808" i="1"/>
  <c r="AC19809" i="1"/>
  <c r="AC19810" i="1"/>
  <c r="AC19811" i="1"/>
  <c r="AC19812" i="1"/>
  <c r="AC19813" i="1"/>
  <c r="AC19814" i="1"/>
  <c r="AC19815" i="1"/>
  <c r="AC19816" i="1"/>
  <c r="AC19817" i="1"/>
  <c r="AC19818" i="1"/>
  <c r="AC19819" i="1"/>
  <c r="AC19820" i="1"/>
  <c r="AC19821" i="1"/>
  <c r="AC19822" i="1"/>
  <c r="AC19823" i="1"/>
  <c r="AC19824" i="1"/>
  <c r="AC19825" i="1"/>
  <c r="AC19826" i="1"/>
  <c r="AC19827" i="1"/>
  <c r="AC19828" i="1"/>
  <c r="AC19829" i="1"/>
  <c r="AC19830" i="1"/>
  <c r="AC19831" i="1"/>
  <c r="AC19832" i="1"/>
  <c r="AC19833" i="1"/>
  <c r="AC19834" i="1"/>
  <c r="AC19835" i="1"/>
  <c r="AC19836" i="1"/>
  <c r="AC19837" i="1"/>
  <c r="AC19838" i="1"/>
  <c r="AC19839" i="1"/>
  <c r="AC19840" i="1"/>
  <c r="AC19841" i="1"/>
  <c r="AC19842" i="1"/>
  <c r="AC19843" i="1"/>
  <c r="AC19844" i="1"/>
  <c r="AC19845" i="1"/>
  <c r="AC19846" i="1"/>
  <c r="AC19847" i="1"/>
  <c r="AC19848" i="1"/>
  <c r="AC19849" i="1"/>
  <c r="AC19850" i="1"/>
  <c r="AC19851" i="1"/>
  <c r="AC19852" i="1"/>
  <c r="AC19853" i="1"/>
  <c r="AC19854" i="1"/>
  <c r="AC19855" i="1"/>
  <c r="AC19856" i="1"/>
  <c r="AC19857" i="1"/>
  <c r="AC19858" i="1"/>
  <c r="AC19859" i="1"/>
  <c r="AC19860" i="1"/>
  <c r="AC19861" i="1"/>
  <c r="AC19862" i="1"/>
  <c r="AC19863" i="1"/>
  <c r="AC19864" i="1"/>
  <c r="AC19865" i="1"/>
  <c r="AC19866" i="1"/>
  <c r="AC19867" i="1"/>
  <c r="AC19868" i="1"/>
  <c r="AC19869" i="1"/>
  <c r="AC19870" i="1"/>
  <c r="AC19871" i="1"/>
  <c r="AC19872" i="1"/>
  <c r="AC19873" i="1"/>
  <c r="AC19874" i="1"/>
  <c r="AC19875" i="1"/>
  <c r="AC19876" i="1"/>
  <c r="AC19877" i="1"/>
  <c r="AC19878" i="1"/>
  <c r="AC19879" i="1"/>
  <c r="AC19880" i="1"/>
  <c r="AC19881" i="1"/>
  <c r="AC19882" i="1"/>
  <c r="AC19883" i="1"/>
  <c r="AC19884" i="1"/>
  <c r="AC19885" i="1"/>
  <c r="AC19886" i="1"/>
  <c r="AC19887" i="1"/>
  <c r="AC19888" i="1"/>
  <c r="AC19889" i="1"/>
  <c r="AC19890" i="1"/>
  <c r="AC19891" i="1"/>
  <c r="AC19892" i="1"/>
  <c r="AC19893" i="1"/>
  <c r="AC19894" i="1"/>
  <c r="AC19895" i="1"/>
  <c r="AC19896" i="1"/>
  <c r="AC19897" i="1"/>
  <c r="AC19898" i="1"/>
  <c r="AC19899" i="1"/>
  <c r="AC19900" i="1"/>
  <c r="AC19901" i="1"/>
  <c r="AC19902" i="1"/>
  <c r="AC19903" i="1"/>
  <c r="AC19904" i="1"/>
  <c r="AC19905" i="1"/>
  <c r="AC19906" i="1"/>
  <c r="AC19907" i="1"/>
  <c r="AC19908" i="1"/>
  <c r="AC19909" i="1"/>
  <c r="AC19910" i="1"/>
  <c r="AC19911" i="1"/>
  <c r="AC19912" i="1"/>
  <c r="AC19913" i="1"/>
  <c r="AC19914" i="1"/>
  <c r="AC19915" i="1"/>
  <c r="AC19916" i="1"/>
  <c r="AC19917" i="1"/>
  <c r="AC19918" i="1"/>
  <c r="AC19919" i="1"/>
  <c r="AC19920" i="1"/>
  <c r="AC19921" i="1"/>
  <c r="AC19922" i="1"/>
  <c r="AC19923" i="1"/>
  <c r="AC19924" i="1"/>
  <c r="AC19925" i="1"/>
  <c r="AC19926" i="1"/>
  <c r="AC19927" i="1"/>
  <c r="AC19928" i="1"/>
  <c r="AC19929" i="1"/>
  <c r="AC19930" i="1"/>
  <c r="AC19931" i="1"/>
  <c r="AC19932" i="1"/>
  <c r="AC19933" i="1"/>
  <c r="AC19934" i="1"/>
  <c r="AC19935" i="1"/>
  <c r="AC19936" i="1"/>
  <c r="AC19937" i="1"/>
  <c r="AC19938" i="1"/>
  <c r="AC19939" i="1"/>
  <c r="AC19940" i="1"/>
  <c r="AC19941" i="1"/>
  <c r="AC19942" i="1"/>
  <c r="AC19943" i="1"/>
  <c r="AC19944" i="1"/>
  <c r="AC19945" i="1"/>
  <c r="AC19946" i="1"/>
  <c r="AC19947" i="1"/>
  <c r="AC19948" i="1"/>
  <c r="AC19949" i="1"/>
  <c r="AC19950" i="1"/>
  <c r="AC19951" i="1"/>
  <c r="AC19952" i="1"/>
  <c r="AC19953" i="1"/>
  <c r="AC19954" i="1"/>
  <c r="AC19955" i="1"/>
  <c r="AC19956" i="1"/>
  <c r="AC19957" i="1"/>
  <c r="AC19958" i="1"/>
  <c r="AC19959" i="1"/>
  <c r="AC19960" i="1"/>
  <c r="AC19961" i="1"/>
  <c r="AC19962" i="1"/>
  <c r="AC19963" i="1"/>
  <c r="AC19964" i="1"/>
  <c r="AC19965" i="1"/>
  <c r="AC19966" i="1"/>
  <c r="AC19967" i="1"/>
  <c r="AC19968" i="1"/>
  <c r="AC19969" i="1"/>
  <c r="AC19970" i="1"/>
  <c r="AC19971" i="1"/>
  <c r="AC19972" i="1"/>
  <c r="AC19973" i="1"/>
  <c r="AC19974" i="1"/>
  <c r="AC19975" i="1"/>
  <c r="AC19976" i="1"/>
  <c r="AC19977" i="1"/>
  <c r="AC19978" i="1"/>
  <c r="AC19979" i="1"/>
  <c r="AC19980" i="1"/>
  <c r="AC19981" i="1"/>
  <c r="AC19982" i="1"/>
  <c r="AC19983" i="1"/>
  <c r="AC19984" i="1"/>
  <c r="AC19985" i="1"/>
  <c r="AC19986" i="1"/>
  <c r="AC19987" i="1"/>
  <c r="AC19988" i="1"/>
  <c r="AC19989" i="1"/>
  <c r="AC19990" i="1"/>
  <c r="AC19991" i="1"/>
  <c r="AC19992" i="1"/>
  <c r="AC19993" i="1"/>
  <c r="AC19994" i="1"/>
  <c r="AC19995" i="1"/>
  <c r="AC19996" i="1"/>
  <c r="AC19997" i="1"/>
  <c r="AC19998" i="1"/>
  <c r="AC19999" i="1"/>
  <c r="AC20000" i="1"/>
  <c r="AC20001" i="1"/>
  <c r="AC20002" i="1"/>
  <c r="AC20003" i="1"/>
  <c r="AC20004" i="1"/>
  <c r="AC20005" i="1"/>
  <c r="AC20006" i="1"/>
  <c r="AC20007" i="1"/>
  <c r="AC20008" i="1"/>
  <c r="AC20009" i="1"/>
  <c r="AC20010" i="1"/>
  <c r="AC20011" i="1"/>
  <c r="AC20012" i="1"/>
  <c r="AC20013" i="1"/>
  <c r="AC20014" i="1"/>
  <c r="AC20015" i="1"/>
  <c r="AC20016" i="1"/>
  <c r="AC20017" i="1"/>
  <c r="AC20018" i="1"/>
  <c r="AC20019" i="1"/>
  <c r="AC20020" i="1"/>
  <c r="AC20021" i="1"/>
  <c r="AC20022" i="1"/>
  <c r="AC20023" i="1"/>
  <c r="AC20024" i="1"/>
  <c r="AC20025" i="1"/>
  <c r="AC20026" i="1"/>
  <c r="AC20027" i="1"/>
  <c r="AC20028" i="1"/>
  <c r="AC20029" i="1"/>
  <c r="AC20030" i="1"/>
  <c r="AC20031" i="1"/>
  <c r="AC20032" i="1"/>
  <c r="AC20033" i="1"/>
  <c r="AC20034" i="1"/>
  <c r="AC20035" i="1"/>
  <c r="AC20036" i="1"/>
  <c r="AC20037" i="1"/>
  <c r="AC20038" i="1"/>
  <c r="AC20039" i="1"/>
  <c r="AC20040" i="1"/>
  <c r="AC20041" i="1"/>
  <c r="AC20042" i="1"/>
  <c r="AC20043" i="1"/>
  <c r="AC20044" i="1"/>
  <c r="AC20045" i="1"/>
  <c r="AC20046" i="1"/>
  <c r="AC20047" i="1"/>
  <c r="AC20048" i="1"/>
  <c r="AC20049" i="1"/>
  <c r="AC20050" i="1"/>
  <c r="AC20051" i="1"/>
  <c r="AC20052" i="1"/>
  <c r="AC20053" i="1"/>
  <c r="AC20054" i="1"/>
  <c r="AC20055" i="1"/>
  <c r="AC20056" i="1"/>
  <c r="AC20057" i="1"/>
  <c r="AC20058" i="1"/>
  <c r="AC20059" i="1"/>
  <c r="AC20060" i="1"/>
  <c r="AC20061" i="1"/>
  <c r="AC20062" i="1"/>
  <c r="AC20063" i="1"/>
  <c r="AC20064" i="1"/>
  <c r="AC20065" i="1"/>
  <c r="AC20066" i="1"/>
  <c r="AC20067" i="1"/>
  <c r="AC20068" i="1"/>
  <c r="AC20069" i="1"/>
  <c r="AC20070" i="1"/>
  <c r="AC20071" i="1"/>
  <c r="AC20072" i="1"/>
  <c r="AC20073" i="1"/>
  <c r="AC20074" i="1"/>
  <c r="AC20075" i="1"/>
  <c r="AC20076" i="1"/>
  <c r="AC20077" i="1"/>
  <c r="AC20078" i="1"/>
  <c r="AC20079" i="1"/>
  <c r="AC20080" i="1"/>
  <c r="AC20081" i="1"/>
  <c r="AC20082" i="1"/>
  <c r="AC20083" i="1"/>
  <c r="AC20084" i="1"/>
  <c r="AC20085" i="1"/>
  <c r="AC20086" i="1"/>
  <c r="AC20087" i="1"/>
  <c r="AC20088" i="1"/>
  <c r="AC20089" i="1"/>
  <c r="AC20090" i="1"/>
  <c r="AC20091" i="1"/>
  <c r="AC20092" i="1"/>
  <c r="AC20093" i="1"/>
  <c r="AC20094" i="1"/>
  <c r="AC20095" i="1"/>
  <c r="AC20096" i="1"/>
  <c r="AC20097" i="1"/>
  <c r="AC20098" i="1"/>
  <c r="AC20099" i="1"/>
  <c r="AC20100" i="1"/>
  <c r="AC20101" i="1"/>
  <c r="AC20102" i="1"/>
  <c r="AC20103" i="1"/>
  <c r="AC20104" i="1"/>
  <c r="AC20105" i="1"/>
  <c r="AC20106" i="1"/>
  <c r="AC20107" i="1"/>
  <c r="AC20108" i="1"/>
  <c r="AC20109" i="1"/>
  <c r="AC20110" i="1"/>
  <c r="AC20111" i="1"/>
  <c r="AC20112" i="1"/>
  <c r="AC20113" i="1"/>
  <c r="AC20114" i="1"/>
  <c r="AC20115" i="1"/>
  <c r="AC20116" i="1"/>
  <c r="AC20117" i="1"/>
  <c r="AC20118" i="1"/>
  <c r="AC20119" i="1"/>
  <c r="AC20120" i="1"/>
  <c r="AC20121" i="1"/>
  <c r="AC20122" i="1"/>
  <c r="AC20123" i="1"/>
  <c r="AC20124" i="1"/>
  <c r="AC20125" i="1"/>
  <c r="AC20126" i="1"/>
  <c r="AC20127" i="1"/>
  <c r="AC20128" i="1"/>
  <c r="AC20129" i="1"/>
  <c r="AC20130" i="1"/>
  <c r="AC20131" i="1"/>
  <c r="AC20132" i="1"/>
  <c r="AC20133" i="1"/>
  <c r="AC20134" i="1"/>
  <c r="AC20135" i="1"/>
  <c r="AC20136" i="1"/>
  <c r="AC20137" i="1"/>
  <c r="AC20138" i="1"/>
  <c r="AC20139" i="1"/>
  <c r="AC20140" i="1"/>
  <c r="AC20141" i="1"/>
  <c r="AC20142" i="1"/>
  <c r="AC20143" i="1"/>
  <c r="AC20144" i="1"/>
  <c r="AC20145" i="1"/>
  <c r="AC20146" i="1"/>
  <c r="AC20147" i="1"/>
  <c r="AC20148" i="1"/>
  <c r="AC20149" i="1"/>
  <c r="AC20150" i="1"/>
  <c r="AC20151" i="1"/>
  <c r="AC20152" i="1"/>
  <c r="AC20153" i="1"/>
  <c r="AC20154" i="1"/>
  <c r="AC20155" i="1"/>
  <c r="AC20156" i="1"/>
  <c r="AC20157" i="1"/>
  <c r="AC20158" i="1"/>
  <c r="AC20159" i="1"/>
  <c r="AC20160" i="1"/>
  <c r="AC20161" i="1"/>
  <c r="AC20162" i="1"/>
  <c r="AC20163" i="1"/>
  <c r="AC20164" i="1"/>
  <c r="AC20165" i="1"/>
  <c r="AC20166" i="1"/>
  <c r="AC20167" i="1"/>
  <c r="AC20168" i="1"/>
  <c r="AC20169" i="1"/>
  <c r="AC20170" i="1"/>
  <c r="AC20171" i="1"/>
  <c r="AC20172" i="1"/>
  <c r="AC20173" i="1"/>
  <c r="AC20174" i="1"/>
  <c r="AC20175" i="1"/>
  <c r="AC20176" i="1"/>
  <c r="AC20177" i="1"/>
  <c r="AC20178" i="1"/>
  <c r="AC20179" i="1"/>
  <c r="AC20180" i="1"/>
  <c r="AC20181" i="1"/>
  <c r="AC20182" i="1"/>
  <c r="AC20183" i="1"/>
  <c r="AC20184" i="1"/>
  <c r="AC20185" i="1"/>
  <c r="AC20186" i="1"/>
  <c r="AC20187" i="1"/>
  <c r="AC20188" i="1"/>
  <c r="AC20189" i="1"/>
  <c r="AC20190" i="1"/>
  <c r="AC20191" i="1"/>
  <c r="AC20192" i="1"/>
  <c r="AC20193" i="1"/>
  <c r="AC20194" i="1"/>
  <c r="AC20195" i="1"/>
  <c r="AC20196" i="1"/>
  <c r="AC20197" i="1"/>
  <c r="AC20198" i="1"/>
  <c r="AC20199" i="1"/>
  <c r="AC20200" i="1"/>
  <c r="AC20201" i="1"/>
  <c r="AC20202" i="1"/>
  <c r="AC20203" i="1"/>
  <c r="AC20204" i="1"/>
  <c r="AC20205" i="1"/>
  <c r="AC20206" i="1"/>
  <c r="AC20207" i="1"/>
  <c r="AC20208" i="1"/>
  <c r="AC20209" i="1"/>
  <c r="AC20210" i="1"/>
  <c r="AC20211" i="1"/>
  <c r="AC20212" i="1"/>
  <c r="AC20213" i="1"/>
  <c r="AC20214" i="1"/>
  <c r="AC20215" i="1"/>
  <c r="AC20216" i="1"/>
  <c r="AC20217" i="1"/>
  <c r="AC20218" i="1"/>
  <c r="AC20219" i="1"/>
  <c r="AC20220" i="1"/>
  <c r="AC20221" i="1"/>
  <c r="AC20222" i="1"/>
  <c r="AC20223" i="1"/>
  <c r="AC20224" i="1"/>
  <c r="AC20225" i="1"/>
  <c r="AC20226" i="1"/>
  <c r="AC20227" i="1"/>
  <c r="AC20228" i="1"/>
  <c r="AC20229" i="1"/>
  <c r="AC20230" i="1"/>
  <c r="AC20231" i="1"/>
  <c r="AC20232" i="1"/>
  <c r="AC20233" i="1"/>
  <c r="AC20234" i="1"/>
  <c r="AC20235" i="1"/>
  <c r="AC20236" i="1"/>
  <c r="AC20237" i="1"/>
  <c r="AC20238" i="1"/>
  <c r="AC20239" i="1"/>
  <c r="AC20240" i="1"/>
  <c r="AC20241" i="1"/>
  <c r="AC20242" i="1"/>
  <c r="AC20243" i="1"/>
  <c r="AC20244" i="1"/>
  <c r="AC20245" i="1"/>
  <c r="AC20246" i="1"/>
  <c r="AC20247" i="1"/>
  <c r="AC20248" i="1"/>
  <c r="AC20249" i="1"/>
  <c r="AC20250" i="1"/>
  <c r="AC20251" i="1"/>
  <c r="AC20252" i="1"/>
  <c r="AC20253" i="1"/>
  <c r="AC20254" i="1"/>
  <c r="AC20255" i="1"/>
  <c r="AC20256" i="1"/>
  <c r="AC20257" i="1"/>
  <c r="AC20258" i="1"/>
  <c r="AC20259" i="1"/>
  <c r="AC20260" i="1"/>
  <c r="AC20261" i="1"/>
  <c r="AC20262" i="1"/>
  <c r="AC20263" i="1"/>
  <c r="AC20264" i="1"/>
  <c r="AC20265" i="1"/>
  <c r="AC20266" i="1"/>
  <c r="AC20267" i="1"/>
  <c r="AC20268" i="1"/>
  <c r="AC20269" i="1"/>
  <c r="AC20270" i="1"/>
  <c r="AC20271" i="1"/>
  <c r="AC20272" i="1"/>
  <c r="AC20273" i="1"/>
  <c r="AC20274" i="1"/>
  <c r="AC20275" i="1"/>
  <c r="AC20276" i="1"/>
  <c r="AC20277" i="1"/>
  <c r="AC20278" i="1"/>
  <c r="AC20279" i="1"/>
  <c r="AC20280" i="1"/>
  <c r="AC20281" i="1"/>
  <c r="AC20282" i="1"/>
  <c r="AC20283" i="1"/>
  <c r="AC20284" i="1"/>
  <c r="AC20285" i="1"/>
  <c r="AC20286" i="1"/>
  <c r="AC20287" i="1"/>
  <c r="AC20288" i="1"/>
  <c r="AC20289" i="1"/>
  <c r="AC20290" i="1"/>
  <c r="AC20291" i="1"/>
  <c r="AC20292" i="1"/>
  <c r="AC20293" i="1"/>
  <c r="AC20294" i="1"/>
  <c r="AC20295" i="1"/>
  <c r="AC20296" i="1"/>
  <c r="AC20297" i="1"/>
  <c r="AC20298" i="1"/>
  <c r="AC20299" i="1"/>
  <c r="AC20300" i="1"/>
  <c r="AC20301" i="1"/>
  <c r="AC20302" i="1"/>
  <c r="AC20303" i="1"/>
  <c r="AC20304" i="1"/>
  <c r="AC20305" i="1"/>
  <c r="AC20306" i="1"/>
  <c r="AC20307" i="1"/>
  <c r="AC20308" i="1"/>
  <c r="AC20309" i="1"/>
  <c r="AC20310" i="1"/>
  <c r="AC20311" i="1"/>
  <c r="AC20312" i="1"/>
  <c r="AC20313" i="1"/>
  <c r="AC20314" i="1"/>
  <c r="AC20315" i="1"/>
  <c r="AC20316" i="1"/>
  <c r="AC20317" i="1"/>
  <c r="AC20318" i="1"/>
  <c r="AC20319" i="1"/>
  <c r="AC20320" i="1"/>
  <c r="AC20321" i="1"/>
  <c r="AC20322" i="1"/>
  <c r="AC20323" i="1"/>
  <c r="AC20324" i="1"/>
  <c r="AC20325" i="1"/>
  <c r="AC20326" i="1"/>
  <c r="AC20327" i="1"/>
  <c r="AC20328" i="1"/>
  <c r="AC20329" i="1"/>
  <c r="AC20330" i="1"/>
  <c r="AC20331" i="1"/>
  <c r="AC20332" i="1"/>
  <c r="AC20333" i="1"/>
  <c r="AC20334" i="1"/>
  <c r="AC20335" i="1"/>
  <c r="AC20336" i="1"/>
  <c r="AC20337" i="1"/>
  <c r="AC20338" i="1"/>
  <c r="AC20339" i="1"/>
  <c r="AC20340" i="1"/>
  <c r="AC20341" i="1"/>
  <c r="AC20342" i="1"/>
  <c r="AC20343" i="1"/>
  <c r="AC20344" i="1"/>
  <c r="AC20345" i="1"/>
  <c r="AC20346" i="1"/>
  <c r="AC20347" i="1"/>
  <c r="AC20348" i="1"/>
  <c r="AC20349" i="1"/>
  <c r="AC20350" i="1"/>
  <c r="AC20351" i="1"/>
  <c r="AC20352" i="1"/>
  <c r="AC20353" i="1"/>
  <c r="AC20354" i="1"/>
  <c r="AC20355" i="1"/>
  <c r="AC20356" i="1"/>
  <c r="AC20357" i="1"/>
  <c r="AC20358" i="1"/>
  <c r="AC20359" i="1"/>
  <c r="AC20360" i="1"/>
  <c r="AC20361" i="1"/>
  <c r="AC20362" i="1"/>
  <c r="AC20363" i="1"/>
  <c r="AC20364" i="1"/>
  <c r="AC20365" i="1"/>
  <c r="AC20366" i="1"/>
  <c r="AC20367" i="1"/>
  <c r="AC20368" i="1"/>
  <c r="AC20369" i="1"/>
  <c r="AC20370" i="1"/>
  <c r="AC20371" i="1"/>
  <c r="AC20372" i="1"/>
  <c r="AC20373" i="1"/>
  <c r="AC20374" i="1"/>
  <c r="AC20375" i="1"/>
  <c r="AC20376" i="1"/>
  <c r="AC20377" i="1"/>
  <c r="AC20378" i="1"/>
  <c r="AC20379" i="1"/>
  <c r="AC20380" i="1"/>
  <c r="AC20381" i="1"/>
  <c r="AC20382" i="1"/>
  <c r="AC20383" i="1"/>
  <c r="AC20384" i="1"/>
  <c r="AC20385" i="1"/>
  <c r="AC20386" i="1"/>
  <c r="AC20387" i="1"/>
  <c r="AC20388" i="1"/>
  <c r="AC20389" i="1"/>
  <c r="AC20390" i="1"/>
  <c r="AC20391" i="1"/>
  <c r="AC20392" i="1"/>
  <c r="AC20393" i="1"/>
  <c r="AC20394" i="1"/>
  <c r="AC20395" i="1"/>
  <c r="AC20396" i="1"/>
  <c r="AC20397" i="1"/>
  <c r="AC20398" i="1"/>
  <c r="AC20399" i="1"/>
  <c r="AC20400" i="1"/>
  <c r="AC20401" i="1"/>
  <c r="AC20402" i="1"/>
  <c r="AC20403" i="1"/>
  <c r="AC20404" i="1"/>
  <c r="AC20405" i="1"/>
  <c r="AC20406" i="1"/>
  <c r="AC20407" i="1"/>
  <c r="AC20408" i="1"/>
  <c r="AC20409" i="1"/>
  <c r="AC20410" i="1"/>
  <c r="AC20411" i="1"/>
  <c r="AC20412" i="1"/>
  <c r="AC20413" i="1"/>
  <c r="AC20414" i="1"/>
  <c r="AC20415" i="1"/>
  <c r="AC20416" i="1"/>
  <c r="AC20417" i="1"/>
  <c r="AC20418" i="1"/>
  <c r="AC20419" i="1"/>
  <c r="AC20420" i="1"/>
  <c r="AC20421" i="1"/>
  <c r="AC20422" i="1"/>
  <c r="AC20423" i="1"/>
  <c r="AC20424" i="1"/>
  <c r="AC20425" i="1"/>
  <c r="AC20426" i="1"/>
  <c r="AC20427" i="1"/>
  <c r="AC20428" i="1"/>
  <c r="AC20429" i="1"/>
  <c r="AC20430" i="1"/>
  <c r="AC20431" i="1"/>
  <c r="AC20432" i="1"/>
  <c r="AC20433" i="1"/>
  <c r="AC20434" i="1"/>
  <c r="AC20435" i="1"/>
  <c r="AC20436" i="1"/>
  <c r="AC20437" i="1"/>
  <c r="AC20438" i="1"/>
  <c r="AC20439" i="1"/>
  <c r="AC20440" i="1"/>
  <c r="AC20441" i="1"/>
  <c r="AC20442" i="1"/>
  <c r="AC20443" i="1"/>
  <c r="AC20444" i="1"/>
  <c r="AC20445" i="1"/>
  <c r="AC20446" i="1"/>
  <c r="AC20447" i="1"/>
  <c r="AC20448" i="1"/>
  <c r="AC20449" i="1"/>
  <c r="AC20450" i="1"/>
  <c r="AC20451" i="1"/>
  <c r="AC20452" i="1"/>
  <c r="AC20453" i="1"/>
  <c r="AC20454" i="1"/>
  <c r="AC20455" i="1"/>
  <c r="AC20456" i="1"/>
  <c r="AC20457" i="1"/>
  <c r="AC20458" i="1"/>
  <c r="AC20459" i="1"/>
  <c r="AC20460" i="1"/>
  <c r="AC20461" i="1"/>
  <c r="AC20462" i="1"/>
  <c r="AC20463" i="1"/>
  <c r="AC20464" i="1"/>
  <c r="AC20465" i="1"/>
  <c r="AC20466" i="1"/>
  <c r="AC20467" i="1"/>
  <c r="AC20468" i="1"/>
  <c r="AC20469" i="1"/>
  <c r="AC20470" i="1"/>
  <c r="AC20471" i="1"/>
  <c r="AC20472" i="1"/>
  <c r="AC20473" i="1"/>
  <c r="AC20474" i="1"/>
  <c r="AC20475" i="1"/>
  <c r="AC20476" i="1"/>
  <c r="AC20477" i="1"/>
  <c r="AC20478" i="1"/>
  <c r="AC20479" i="1"/>
  <c r="AC20480" i="1"/>
  <c r="AC20481" i="1"/>
  <c r="AC20482" i="1"/>
  <c r="AC20483" i="1"/>
  <c r="AC20484" i="1"/>
  <c r="AC20485" i="1"/>
  <c r="AC20486" i="1"/>
  <c r="AC20487" i="1"/>
  <c r="AC20488" i="1"/>
  <c r="AC20489" i="1"/>
  <c r="AC20490" i="1"/>
  <c r="AC20491" i="1"/>
  <c r="AC20492" i="1"/>
  <c r="AC20493" i="1"/>
  <c r="AC20494" i="1"/>
  <c r="AC20495" i="1"/>
  <c r="AC20496" i="1"/>
  <c r="AC20497" i="1"/>
  <c r="AC20498" i="1"/>
  <c r="AC20499" i="1"/>
  <c r="AC20500" i="1"/>
  <c r="AC20501" i="1"/>
  <c r="AC20502" i="1"/>
  <c r="AC20503" i="1"/>
  <c r="AC20504" i="1"/>
  <c r="AC20505" i="1"/>
  <c r="AC20506" i="1"/>
  <c r="AC20507" i="1"/>
  <c r="AC20508" i="1"/>
  <c r="AC20509" i="1"/>
  <c r="AC20510" i="1"/>
  <c r="AC20511" i="1"/>
  <c r="AC20512" i="1"/>
  <c r="AC20513" i="1"/>
  <c r="AC20514" i="1"/>
  <c r="AC20515" i="1"/>
  <c r="AC20516" i="1"/>
  <c r="AC20517" i="1"/>
  <c r="AC20518" i="1"/>
  <c r="AC20519" i="1"/>
  <c r="AC20520" i="1"/>
  <c r="AC20521" i="1"/>
  <c r="AC20522" i="1"/>
  <c r="AC20523" i="1"/>
  <c r="AC20524" i="1"/>
  <c r="AC20525" i="1"/>
  <c r="AC20526" i="1"/>
  <c r="AC20527" i="1"/>
  <c r="AC20528" i="1"/>
  <c r="AC20529" i="1"/>
  <c r="AC20530" i="1"/>
  <c r="AC20531" i="1"/>
  <c r="AC20532" i="1"/>
  <c r="AC20533" i="1"/>
  <c r="AC20534" i="1"/>
  <c r="AC20535" i="1"/>
  <c r="AC20536" i="1"/>
  <c r="AC20537" i="1"/>
  <c r="AC20538" i="1"/>
  <c r="AC20539" i="1"/>
  <c r="AC20540" i="1"/>
  <c r="AC20541" i="1"/>
  <c r="AC20542" i="1"/>
  <c r="AC20543" i="1"/>
  <c r="AC20544" i="1"/>
  <c r="AC20545" i="1"/>
  <c r="AC20546" i="1"/>
  <c r="AC20547" i="1"/>
  <c r="AC20548" i="1"/>
  <c r="AC20549" i="1"/>
  <c r="AC20550" i="1"/>
  <c r="AC20551" i="1"/>
  <c r="AC20552" i="1"/>
  <c r="AC20553" i="1"/>
  <c r="AC20554" i="1"/>
  <c r="AC20555" i="1"/>
  <c r="AC20556" i="1"/>
  <c r="AC20557" i="1"/>
  <c r="AC20558" i="1"/>
  <c r="AC20559" i="1"/>
  <c r="AC20560" i="1"/>
  <c r="AC20561" i="1"/>
  <c r="AC20562" i="1"/>
  <c r="AC20563" i="1"/>
  <c r="AC20564" i="1"/>
  <c r="AC20565" i="1"/>
  <c r="AC20566" i="1"/>
  <c r="AC20567" i="1"/>
  <c r="AC20568" i="1"/>
  <c r="AC20569" i="1"/>
  <c r="AC20570" i="1"/>
  <c r="AC20571" i="1"/>
  <c r="AC20572" i="1"/>
  <c r="AC20573" i="1"/>
  <c r="AC20574" i="1"/>
  <c r="AC20575" i="1"/>
  <c r="AC20576" i="1"/>
  <c r="AC20577" i="1"/>
  <c r="AC20578" i="1"/>
  <c r="AC20579" i="1"/>
  <c r="AC20580" i="1"/>
  <c r="AC20581" i="1"/>
  <c r="AC20582" i="1"/>
  <c r="AC20583" i="1"/>
  <c r="AC20584" i="1"/>
  <c r="AC20585" i="1"/>
  <c r="AC20586" i="1"/>
  <c r="AC20587" i="1"/>
  <c r="AC20588" i="1"/>
  <c r="AC20589" i="1"/>
  <c r="AC20590" i="1"/>
  <c r="AC20591" i="1"/>
  <c r="AC20592" i="1"/>
  <c r="AC20593" i="1"/>
  <c r="AC20594" i="1"/>
  <c r="AC20595" i="1"/>
  <c r="AC20596" i="1"/>
  <c r="AC20597" i="1"/>
  <c r="AC20598" i="1"/>
  <c r="AC20599" i="1"/>
  <c r="AC20600" i="1"/>
  <c r="AC20601" i="1"/>
  <c r="AC20602" i="1"/>
  <c r="AC20603" i="1"/>
  <c r="AC20604" i="1"/>
  <c r="AC20605" i="1"/>
  <c r="AC20606" i="1"/>
  <c r="AC20607" i="1"/>
  <c r="AC20608" i="1"/>
  <c r="AC20609" i="1"/>
  <c r="AC20610" i="1"/>
  <c r="AC20611" i="1"/>
  <c r="AC20612" i="1"/>
  <c r="AC20613" i="1"/>
  <c r="AC20614" i="1"/>
  <c r="AC20615" i="1"/>
  <c r="AC20616" i="1"/>
  <c r="AC20617" i="1"/>
  <c r="AC20618" i="1"/>
  <c r="AC20619" i="1"/>
  <c r="AC20620" i="1"/>
  <c r="AC20621" i="1"/>
  <c r="AC20622" i="1"/>
  <c r="AC20623" i="1"/>
  <c r="AC20624" i="1"/>
  <c r="AC20625" i="1"/>
  <c r="AC20626" i="1"/>
  <c r="AC20627" i="1"/>
  <c r="AC20628" i="1"/>
  <c r="AC20629" i="1"/>
  <c r="AC20630" i="1"/>
  <c r="AC20631" i="1"/>
  <c r="AC20632" i="1"/>
  <c r="AC20633" i="1"/>
  <c r="AC20634" i="1"/>
  <c r="AC20635" i="1"/>
  <c r="AC20636" i="1"/>
  <c r="AC20637" i="1"/>
  <c r="AC20638" i="1"/>
  <c r="AC20639" i="1"/>
  <c r="AC20640" i="1"/>
  <c r="AC20641" i="1"/>
  <c r="AC20642" i="1"/>
  <c r="AC20643" i="1"/>
  <c r="AC20644" i="1"/>
  <c r="AC20645" i="1"/>
  <c r="AC20646" i="1"/>
  <c r="AC20647" i="1"/>
  <c r="AC20648" i="1"/>
  <c r="AC20649" i="1"/>
  <c r="AC20650" i="1"/>
  <c r="AC20651" i="1"/>
  <c r="AC20652" i="1"/>
  <c r="AC20653" i="1"/>
  <c r="AC20654" i="1"/>
  <c r="AC20655" i="1"/>
  <c r="AC20656" i="1"/>
  <c r="AC20657" i="1"/>
  <c r="AC20658" i="1"/>
  <c r="AC20659" i="1"/>
  <c r="AC20660" i="1"/>
  <c r="AC20661" i="1"/>
  <c r="AC20662" i="1"/>
  <c r="AC20663" i="1"/>
  <c r="AC20664" i="1"/>
  <c r="AC20665" i="1"/>
  <c r="AC20666" i="1"/>
  <c r="AC20667" i="1"/>
  <c r="AC20668" i="1"/>
  <c r="AC20669" i="1"/>
  <c r="AC20670" i="1"/>
  <c r="AC20671" i="1"/>
  <c r="AC20672" i="1"/>
  <c r="AC20673" i="1"/>
  <c r="AC20674" i="1"/>
  <c r="AC20675" i="1"/>
  <c r="AC20676" i="1"/>
  <c r="AC20677" i="1"/>
  <c r="AC20678" i="1"/>
  <c r="AC20679" i="1"/>
  <c r="AC20680" i="1"/>
  <c r="AC20681" i="1"/>
  <c r="AC20682" i="1"/>
  <c r="AC20683" i="1"/>
  <c r="AC20684" i="1"/>
  <c r="AC20685" i="1"/>
  <c r="AC20686" i="1"/>
  <c r="AC20687" i="1"/>
  <c r="AC20688" i="1"/>
  <c r="AC20689" i="1"/>
  <c r="AC20690" i="1"/>
  <c r="AC20691" i="1"/>
  <c r="AC20692" i="1"/>
  <c r="AC20693" i="1"/>
  <c r="AC20694" i="1"/>
  <c r="AC20695" i="1"/>
  <c r="AC20696" i="1"/>
  <c r="AC20697" i="1"/>
  <c r="AC20698" i="1"/>
  <c r="AC20699" i="1"/>
  <c r="AC20700" i="1"/>
  <c r="AC20701" i="1"/>
  <c r="AC20702" i="1"/>
  <c r="AC20703" i="1"/>
  <c r="AC20704" i="1"/>
  <c r="AC20705" i="1"/>
  <c r="AC20706" i="1"/>
  <c r="AC20707" i="1"/>
  <c r="AC20708" i="1"/>
  <c r="AC20709" i="1"/>
  <c r="AC20710" i="1"/>
  <c r="AC20711" i="1"/>
  <c r="AC20712" i="1"/>
  <c r="AC20713" i="1"/>
  <c r="AC20714" i="1"/>
  <c r="AC20715" i="1"/>
  <c r="AC20716" i="1"/>
  <c r="AC20717" i="1"/>
  <c r="AC20718" i="1"/>
  <c r="AC20719" i="1"/>
  <c r="AC20720" i="1"/>
  <c r="AC20721" i="1"/>
  <c r="AC20722" i="1"/>
  <c r="AC20723" i="1"/>
  <c r="AC20724" i="1"/>
  <c r="AC20725" i="1"/>
  <c r="AC20726" i="1"/>
  <c r="AC20727" i="1"/>
  <c r="AC20728" i="1"/>
  <c r="AC20729" i="1"/>
  <c r="AC20730" i="1"/>
  <c r="AC20731" i="1"/>
  <c r="AC20732" i="1"/>
  <c r="AC20733" i="1"/>
  <c r="AC20734" i="1"/>
  <c r="AC20735" i="1"/>
  <c r="AC20736" i="1"/>
  <c r="AC20737" i="1"/>
  <c r="AC20738" i="1"/>
  <c r="AC20739" i="1"/>
  <c r="AC20740" i="1"/>
  <c r="AC20741" i="1"/>
  <c r="AC20742" i="1"/>
  <c r="AC20743" i="1"/>
  <c r="AC20744" i="1"/>
  <c r="AC20745" i="1"/>
  <c r="AC20746" i="1"/>
  <c r="AC20747" i="1"/>
  <c r="AC20748" i="1"/>
  <c r="AC20749" i="1"/>
  <c r="AC20750" i="1"/>
  <c r="AC20751" i="1"/>
  <c r="AC20752" i="1"/>
  <c r="AC20753" i="1"/>
  <c r="AC20754" i="1"/>
  <c r="AC20755" i="1"/>
  <c r="AC20756" i="1"/>
  <c r="AC20757" i="1"/>
  <c r="AC20758" i="1"/>
  <c r="AC20759" i="1"/>
  <c r="AC20760" i="1"/>
  <c r="AC20761" i="1"/>
  <c r="AC20762" i="1"/>
  <c r="AC20763" i="1"/>
  <c r="AC20764" i="1"/>
  <c r="AC20765" i="1"/>
  <c r="AC20766" i="1"/>
  <c r="AC20767" i="1"/>
  <c r="AC20768" i="1"/>
  <c r="AC20769" i="1"/>
  <c r="AC20770" i="1"/>
  <c r="AC20771" i="1"/>
  <c r="AC20772" i="1"/>
  <c r="AC20773" i="1"/>
  <c r="AC20774" i="1"/>
  <c r="AC20775" i="1"/>
  <c r="AC20776" i="1"/>
  <c r="AC20777" i="1"/>
  <c r="AC20778" i="1"/>
  <c r="AC20779" i="1"/>
  <c r="AC20780" i="1"/>
  <c r="AC20781" i="1"/>
  <c r="AC20782" i="1"/>
  <c r="AC20783" i="1"/>
  <c r="AC20784" i="1"/>
  <c r="AC20785" i="1"/>
  <c r="AC20786" i="1"/>
  <c r="AC20787" i="1"/>
  <c r="AC20788" i="1"/>
  <c r="AC20789" i="1"/>
  <c r="AC20790" i="1"/>
  <c r="AC20791" i="1"/>
  <c r="AC20792" i="1"/>
  <c r="AC20793" i="1"/>
  <c r="AC20794" i="1"/>
  <c r="AC20795" i="1"/>
  <c r="AC20796" i="1"/>
  <c r="AC20797" i="1"/>
  <c r="AC20798" i="1"/>
  <c r="AC20799" i="1"/>
  <c r="AC20800" i="1"/>
  <c r="AC20801" i="1"/>
  <c r="AC20802" i="1"/>
  <c r="AC20803" i="1"/>
  <c r="AC20804" i="1"/>
  <c r="AC20805" i="1"/>
  <c r="AC20806" i="1"/>
  <c r="AC20807" i="1"/>
  <c r="AC20808" i="1"/>
  <c r="AC20809" i="1"/>
  <c r="AC20810" i="1"/>
  <c r="AC20811" i="1"/>
  <c r="AC20812" i="1"/>
  <c r="AC20813" i="1"/>
  <c r="AC20814" i="1"/>
  <c r="AC20815" i="1"/>
  <c r="AC20816" i="1"/>
  <c r="AC20817" i="1"/>
  <c r="AC20818" i="1"/>
  <c r="AC20819" i="1"/>
  <c r="AC20820" i="1"/>
  <c r="AC20821" i="1"/>
  <c r="AC20822" i="1"/>
  <c r="AC20823" i="1"/>
  <c r="AC20824" i="1"/>
  <c r="AC20825" i="1"/>
  <c r="AC20826" i="1"/>
  <c r="AC20827" i="1"/>
  <c r="AC20828" i="1"/>
  <c r="AC20829" i="1"/>
  <c r="AC20830" i="1"/>
  <c r="AC20831" i="1"/>
  <c r="AC20832" i="1"/>
  <c r="AC20833" i="1"/>
  <c r="AC20834" i="1"/>
  <c r="AC20835" i="1"/>
  <c r="AC20836" i="1"/>
  <c r="AC20837" i="1"/>
  <c r="AC20838" i="1"/>
  <c r="AC20839" i="1"/>
  <c r="AC20840" i="1"/>
  <c r="AC20841" i="1"/>
  <c r="AC20842" i="1"/>
  <c r="AC20843" i="1"/>
  <c r="AC20844" i="1"/>
  <c r="AC20845" i="1"/>
  <c r="AC20846" i="1"/>
  <c r="AC20847" i="1"/>
  <c r="AC20848" i="1"/>
  <c r="AC20849" i="1"/>
  <c r="AC20850" i="1"/>
  <c r="AC20851" i="1"/>
  <c r="AC20852" i="1"/>
  <c r="AC20853" i="1"/>
  <c r="AC20854" i="1"/>
  <c r="AC20855" i="1"/>
  <c r="AC20856" i="1"/>
  <c r="AC20857" i="1"/>
  <c r="AC20858" i="1"/>
  <c r="AC20859" i="1"/>
  <c r="AC20860" i="1"/>
  <c r="AC20861" i="1"/>
  <c r="AC20862" i="1"/>
  <c r="AC20863" i="1"/>
  <c r="AC20864" i="1"/>
  <c r="AC20865" i="1"/>
  <c r="AC20866" i="1"/>
  <c r="AC20867" i="1"/>
  <c r="AC20868" i="1"/>
  <c r="AC20869" i="1"/>
  <c r="AC20870" i="1"/>
  <c r="AC20871" i="1"/>
  <c r="AC20872" i="1"/>
  <c r="AC20873" i="1"/>
  <c r="AC20874" i="1"/>
  <c r="AC20875" i="1"/>
  <c r="AC20876" i="1"/>
  <c r="AC20877" i="1"/>
  <c r="AC20878" i="1"/>
  <c r="AC20879" i="1"/>
  <c r="AC20880" i="1"/>
  <c r="AC20881" i="1"/>
  <c r="AC20882" i="1"/>
  <c r="AC20883" i="1"/>
  <c r="AC20884" i="1"/>
  <c r="AC20885" i="1"/>
  <c r="AC20886" i="1"/>
  <c r="AC20887" i="1"/>
  <c r="AC20888" i="1"/>
  <c r="AC20889" i="1"/>
  <c r="AC20890" i="1"/>
  <c r="AC20891" i="1"/>
  <c r="AC20892" i="1"/>
  <c r="AC20893" i="1"/>
  <c r="AC20894" i="1"/>
  <c r="AC20895" i="1"/>
  <c r="AC20896" i="1"/>
  <c r="AC20897" i="1"/>
  <c r="AC20898" i="1"/>
  <c r="AC20899" i="1"/>
  <c r="AC20900" i="1"/>
  <c r="AC20901" i="1"/>
  <c r="AC20902" i="1"/>
  <c r="AC20903" i="1"/>
  <c r="AC20904" i="1"/>
  <c r="AC20905" i="1"/>
  <c r="AC20906" i="1"/>
  <c r="AC20907" i="1"/>
  <c r="AC20908" i="1"/>
  <c r="AC20909" i="1"/>
  <c r="AC20910" i="1"/>
  <c r="AC20911" i="1"/>
  <c r="AC20912" i="1"/>
  <c r="AC20913" i="1"/>
  <c r="AC20914" i="1"/>
  <c r="AC20915" i="1"/>
  <c r="AC20916" i="1"/>
  <c r="AC20917" i="1"/>
  <c r="AC20918" i="1"/>
  <c r="AC20919" i="1"/>
  <c r="AC20920" i="1"/>
  <c r="AC20921" i="1"/>
  <c r="AC20922" i="1"/>
  <c r="AC20923" i="1"/>
  <c r="AC20924" i="1"/>
  <c r="AC20925" i="1"/>
  <c r="AC20926" i="1"/>
  <c r="AC20927" i="1"/>
  <c r="AC20928" i="1"/>
  <c r="AC20929" i="1"/>
  <c r="AC20930" i="1"/>
  <c r="AC20931" i="1"/>
  <c r="AC20932" i="1"/>
  <c r="AC20933" i="1"/>
  <c r="AC20934" i="1"/>
  <c r="AC20935" i="1"/>
  <c r="AC20936" i="1"/>
  <c r="AC20937" i="1"/>
  <c r="AC20938" i="1"/>
  <c r="AC20939" i="1"/>
  <c r="AC20940" i="1"/>
  <c r="AC20941" i="1"/>
  <c r="AC20942" i="1"/>
  <c r="AC20943" i="1"/>
  <c r="AC20944" i="1"/>
  <c r="AC20945" i="1"/>
  <c r="AC20946" i="1"/>
  <c r="AC20947" i="1"/>
  <c r="AC20948" i="1"/>
  <c r="AC20949" i="1"/>
  <c r="AC20950" i="1"/>
  <c r="AC20951" i="1"/>
  <c r="AC20952" i="1"/>
  <c r="AC20953" i="1"/>
  <c r="AC20954" i="1"/>
  <c r="AC20955" i="1"/>
  <c r="AC20956" i="1"/>
  <c r="AC20957" i="1"/>
  <c r="AC20958" i="1"/>
  <c r="AC20959" i="1"/>
  <c r="AC20960" i="1"/>
  <c r="AC20961" i="1"/>
  <c r="AC20962" i="1"/>
  <c r="AC20963" i="1"/>
  <c r="AC20964" i="1"/>
  <c r="AC20965" i="1"/>
  <c r="AC20966" i="1"/>
  <c r="AC20967" i="1"/>
  <c r="AC20968" i="1"/>
  <c r="AC20969" i="1"/>
  <c r="AC20970" i="1"/>
  <c r="AC20971" i="1"/>
  <c r="AC20972" i="1"/>
  <c r="AC20973" i="1"/>
  <c r="AC20974" i="1"/>
  <c r="AC20975" i="1"/>
  <c r="AC20976" i="1"/>
  <c r="AC20977" i="1"/>
  <c r="AC20978" i="1"/>
  <c r="AC20979" i="1"/>
  <c r="AC20980" i="1"/>
  <c r="AC20981" i="1"/>
  <c r="AC20982" i="1"/>
  <c r="AC20983" i="1"/>
  <c r="AC20984" i="1"/>
  <c r="AC20985" i="1"/>
  <c r="AC20986" i="1"/>
  <c r="AC20987" i="1"/>
  <c r="AC20988" i="1"/>
  <c r="AC20989" i="1"/>
  <c r="AC20990" i="1"/>
  <c r="AC20991" i="1"/>
  <c r="AC20992" i="1"/>
  <c r="AC20993" i="1"/>
  <c r="AC20994" i="1"/>
  <c r="AC20995" i="1"/>
  <c r="AC20996" i="1"/>
  <c r="AC20997" i="1"/>
  <c r="AC20998" i="1"/>
  <c r="AC20999" i="1"/>
  <c r="AC21000" i="1"/>
  <c r="AC21001" i="1"/>
  <c r="AC21002" i="1"/>
  <c r="AC21003" i="1"/>
  <c r="AC21004" i="1"/>
  <c r="AC21005" i="1"/>
  <c r="AC21006" i="1"/>
  <c r="AC21007" i="1"/>
  <c r="AC21008" i="1"/>
  <c r="AC21009" i="1"/>
  <c r="AC21010" i="1"/>
  <c r="AC21011" i="1"/>
  <c r="AC21012" i="1"/>
  <c r="AC21013" i="1"/>
  <c r="AC21014" i="1"/>
  <c r="AC21015" i="1"/>
  <c r="AC21016" i="1"/>
  <c r="AC21017" i="1"/>
  <c r="AC21018" i="1"/>
  <c r="AC21019" i="1"/>
  <c r="AC21020" i="1"/>
  <c r="AC21021" i="1"/>
  <c r="AC21022" i="1"/>
  <c r="AC21023" i="1"/>
  <c r="AC21024" i="1"/>
  <c r="AC21025" i="1"/>
  <c r="AC21026" i="1"/>
  <c r="AC21027" i="1"/>
  <c r="AC21028" i="1"/>
  <c r="AC21029" i="1"/>
  <c r="AC21030" i="1"/>
  <c r="AC21031" i="1"/>
  <c r="AC21032" i="1"/>
  <c r="AC21033" i="1"/>
  <c r="AC21034" i="1"/>
  <c r="AC21035" i="1"/>
  <c r="AC21036" i="1"/>
  <c r="AC21037" i="1"/>
  <c r="AC21038" i="1"/>
  <c r="AC21039" i="1"/>
  <c r="AC21040" i="1"/>
  <c r="AC21041" i="1"/>
  <c r="AC21042" i="1"/>
  <c r="AC21043" i="1"/>
  <c r="AC21044" i="1"/>
  <c r="AC21045" i="1"/>
  <c r="AC21046" i="1"/>
  <c r="AC21047" i="1"/>
  <c r="AC21048" i="1"/>
  <c r="AC21049" i="1"/>
  <c r="AC21050" i="1"/>
  <c r="AC21051" i="1"/>
  <c r="AC21052" i="1"/>
  <c r="AC21053" i="1"/>
  <c r="AC21054" i="1"/>
  <c r="AC21055" i="1"/>
  <c r="AC21056" i="1"/>
  <c r="AC21057" i="1"/>
  <c r="AC21058" i="1"/>
  <c r="AC21059" i="1"/>
  <c r="AC21060" i="1"/>
  <c r="AC21061" i="1"/>
  <c r="AC21062" i="1"/>
  <c r="AC21063" i="1"/>
  <c r="AC21064" i="1"/>
  <c r="AC21065" i="1"/>
  <c r="AC21066" i="1"/>
  <c r="AC21067" i="1"/>
  <c r="AC21068" i="1"/>
  <c r="AC21069" i="1"/>
  <c r="AC21070" i="1"/>
  <c r="AC21071" i="1"/>
  <c r="AC21072" i="1"/>
  <c r="AC21073" i="1"/>
  <c r="AC21074" i="1"/>
  <c r="AC21075" i="1"/>
  <c r="AC21076" i="1"/>
  <c r="AC21077" i="1"/>
  <c r="AC21078" i="1"/>
  <c r="AC21079" i="1"/>
  <c r="AC21080" i="1"/>
  <c r="AC21081" i="1"/>
  <c r="AC21082" i="1"/>
  <c r="AC21083" i="1"/>
  <c r="AC21084" i="1"/>
  <c r="AC21085" i="1"/>
  <c r="AC21086" i="1"/>
  <c r="AC21087" i="1"/>
  <c r="AC21088" i="1"/>
  <c r="AC21089" i="1"/>
  <c r="AC21090" i="1"/>
  <c r="AC21091" i="1"/>
  <c r="AC21092" i="1"/>
  <c r="AC21093" i="1"/>
  <c r="AC21094" i="1"/>
  <c r="AC21095" i="1"/>
  <c r="AC21096" i="1"/>
  <c r="AC21097" i="1"/>
  <c r="AC21098" i="1"/>
  <c r="AC21099" i="1"/>
  <c r="AC21100" i="1"/>
  <c r="AC21101" i="1"/>
  <c r="AC21102" i="1"/>
  <c r="AC21103" i="1"/>
  <c r="AC21104" i="1"/>
  <c r="AC21105" i="1"/>
  <c r="AC21106" i="1"/>
  <c r="AC21107" i="1"/>
  <c r="AC21108" i="1"/>
  <c r="AC21109" i="1"/>
  <c r="AC21110" i="1"/>
  <c r="AC21111" i="1"/>
  <c r="AC21112" i="1"/>
  <c r="AC21113" i="1"/>
  <c r="AC21114" i="1"/>
  <c r="AC21115" i="1"/>
  <c r="AC21116" i="1"/>
  <c r="AC21117" i="1"/>
  <c r="AC21118" i="1"/>
  <c r="AC21119" i="1"/>
  <c r="AC21120" i="1"/>
  <c r="AC21121" i="1"/>
  <c r="AC21122" i="1"/>
  <c r="AC21123" i="1"/>
  <c r="AC21124" i="1"/>
  <c r="AC21125" i="1"/>
  <c r="AC21126" i="1"/>
  <c r="AC21127" i="1"/>
  <c r="AC21128" i="1"/>
  <c r="AC21129" i="1"/>
  <c r="AC21130" i="1"/>
  <c r="AC21131" i="1"/>
  <c r="AC21132" i="1"/>
  <c r="AC21133" i="1"/>
  <c r="AC21134" i="1"/>
  <c r="AC21135" i="1"/>
  <c r="AC21136" i="1"/>
  <c r="AC21137" i="1"/>
  <c r="AC21138" i="1"/>
  <c r="AC21139" i="1"/>
  <c r="AC21140" i="1"/>
  <c r="AC21141" i="1"/>
  <c r="AC21142" i="1"/>
  <c r="AC21143" i="1"/>
  <c r="AC21144" i="1"/>
  <c r="AC21145" i="1"/>
  <c r="AC21146" i="1"/>
  <c r="AC21147" i="1"/>
  <c r="AC21148" i="1"/>
  <c r="AC21149" i="1"/>
  <c r="AC21150" i="1"/>
  <c r="AC21151" i="1"/>
  <c r="AC21152" i="1"/>
  <c r="AC21153" i="1"/>
  <c r="AC21154" i="1"/>
  <c r="AC21155" i="1"/>
  <c r="AC21156" i="1"/>
  <c r="AC21157" i="1"/>
  <c r="AC21158" i="1"/>
  <c r="AC21159" i="1"/>
  <c r="AC21160" i="1"/>
  <c r="AC21161" i="1"/>
  <c r="AC21162" i="1"/>
  <c r="AC21163" i="1"/>
  <c r="AC21164" i="1"/>
  <c r="AC21165" i="1"/>
  <c r="AC21166" i="1"/>
  <c r="AC21167" i="1"/>
  <c r="AC21168" i="1"/>
  <c r="AC21169" i="1"/>
  <c r="AC21170" i="1"/>
  <c r="AC21171" i="1"/>
  <c r="AC21172" i="1"/>
  <c r="AC21173" i="1"/>
  <c r="AC21174" i="1"/>
  <c r="AC21175" i="1"/>
  <c r="AC21176" i="1"/>
  <c r="AC21177" i="1"/>
  <c r="AC21178" i="1"/>
  <c r="AC21179" i="1"/>
  <c r="AC21180" i="1"/>
  <c r="AC21181" i="1"/>
  <c r="AC21182" i="1"/>
  <c r="AC21183" i="1"/>
  <c r="AC21184" i="1"/>
  <c r="AC21185" i="1"/>
  <c r="AC21186" i="1"/>
  <c r="AC21187" i="1"/>
  <c r="AC21188" i="1"/>
  <c r="AC21189" i="1"/>
  <c r="AC21190" i="1"/>
  <c r="AC21191" i="1"/>
  <c r="AC21192" i="1"/>
  <c r="AC21193" i="1"/>
  <c r="AC21194" i="1"/>
  <c r="AC21195" i="1"/>
  <c r="AC21196" i="1"/>
  <c r="AC21197" i="1"/>
  <c r="AC21198" i="1"/>
  <c r="AC21199" i="1"/>
  <c r="AC21200" i="1"/>
  <c r="AC21201" i="1"/>
  <c r="AC21202" i="1"/>
  <c r="AC21203" i="1"/>
  <c r="AC21204" i="1"/>
  <c r="AC21205" i="1"/>
  <c r="AC21206" i="1"/>
  <c r="AC21207" i="1"/>
  <c r="AC21208" i="1"/>
  <c r="AC21209" i="1"/>
  <c r="AC21210" i="1"/>
  <c r="AC21211" i="1"/>
  <c r="AC21212" i="1"/>
  <c r="AC21213" i="1"/>
  <c r="AC21214" i="1"/>
  <c r="AC21215" i="1"/>
  <c r="AC21216" i="1"/>
  <c r="AC21217" i="1"/>
  <c r="AC21218" i="1"/>
  <c r="AC21219" i="1"/>
  <c r="AC21220" i="1"/>
  <c r="AC21221" i="1"/>
  <c r="AC21222" i="1"/>
  <c r="AC21223" i="1"/>
  <c r="AC21224" i="1"/>
  <c r="AC21225" i="1"/>
  <c r="AC21226" i="1"/>
  <c r="AC21227" i="1"/>
  <c r="AC21228" i="1"/>
  <c r="AC21229" i="1"/>
  <c r="AC21230" i="1"/>
  <c r="AC21231" i="1"/>
  <c r="AC21232" i="1"/>
  <c r="AC21233" i="1"/>
  <c r="AC21234" i="1"/>
  <c r="AC21235" i="1"/>
  <c r="AC21236" i="1"/>
  <c r="AC21237" i="1"/>
  <c r="AC21238" i="1"/>
  <c r="AC21239" i="1"/>
  <c r="AC21240" i="1"/>
  <c r="AC21241" i="1"/>
  <c r="AC21242" i="1"/>
  <c r="AC21243" i="1"/>
  <c r="AC21244" i="1"/>
  <c r="AC21245" i="1"/>
  <c r="AC21246" i="1"/>
  <c r="AC21247" i="1"/>
  <c r="AC21248" i="1"/>
  <c r="AC21249" i="1"/>
  <c r="AC21250" i="1"/>
  <c r="AC21251" i="1"/>
  <c r="AC21252" i="1"/>
  <c r="AC21253" i="1"/>
  <c r="AC21254" i="1"/>
  <c r="AC21255" i="1"/>
  <c r="AC21256" i="1"/>
  <c r="AC21257" i="1"/>
  <c r="AC21258" i="1"/>
  <c r="AC21259" i="1"/>
  <c r="AC21260" i="1"/>
  <c r="AC21261" i="1"/>
  <c r="AC21262" i="1"/>
  <c r="AC21263" i="1"/>
  <c r="AC21264" i="1"/>
  <c r="AC21265" i="1"/>
  <c r="AC21266" i="1"/>
  <c r="AC21267" i="1"/>
  <c r="AC21268" i="1"/>
  <c r="AC21269" i="1"/>
  <c r="AC21270" i="1"/>
  <c r="AC21271" i="1"/>
  <c r="AC21272" i="1"/>
  <c r="AC21273" i="1"/>
  <c r="AC21274" i="1"/>
  <c r="AC21275" i="1"/>
  <c r="AC21276" i="1"/>
  <c r="AC21277" i="1"/>
  <c r="AC21278" i="1"/>
  <c r="AC21279" i="1"/>
  <c r="AC21280" i="1"/>
  <c r="AC21281" i="1"/>
  <c r="AC21282" i="1"/>
  <c r="AC21283" i="1"/>
  <c r="AC21284" i="1"/>
  <c r="AC21285" i="1"/>
  <c r="AC21286" i="1"/>
  <c r="AC21287" i="1"/>
  <c r="AC21288" i="1"/>
  <c r="AC21289" i="1"/>
  <c r="AC21290" i="1"/>
  <c r="AC21291" i="1"/>
  <c r="AC21292" i="1"/>
  <c r="AC21293" i="1"/>
  <c r="AC21294" i="1"/>
  <c r="AC21295" i="1"/>
  <c r="AC21296" i="1"/>
  <c r="AC21297" i="1"/>
  <c r="AC21298" i="1"/>
  <c r="AC21299" i="1"/>
  <c r="AC21300" i="1"/>
  <c r="AC21301" i="1"/>
  <c r="AC21302" i="1"/>
  <c r="AC21303" i="1"/>
  <c r="AC21304" i="1"/>
  <c r="AC21305" i="1"/>
  <c r="AC21306" i="1"/>
  <c r="AC21307" i="1"/>
  <c r="AC21308" i="1"/>
  <c r="AC21309" i="1"/>
  <c r="AC21310" i="1"/>
  <c r="AC21311" i="1"/>
  <c r="AC21312" i="1"/>
  <c r="AC21313" i="1"/>
  <c r="AC21314" i="1"/>
  <c r="AC21315" i="1"/>
  <c r="AC21316" i="1"/>
  <c r="AC21317" i="1"/>
  <c r="AC21318" i="1"/>
  <c r="AC21319" i="1"/>
  <c r="AC21320" i="1"/>
  <c r="AC21321" i="1"/>
  <c r="AC21322" i="1"/>
  <c r="AC21323" i="1"/>
  <c r="AC21324" i="1"/>
  <c r="AC21325" i="1"/>
  <c r="AC21326" i="1"/>
  <c r="AC21327" i="1"/>
  <c r="AC21328" i="1"/>
  <c r="AC21329" i="1"/>
  <c r="AC21330" i="1"/>
  <c r="AC21331" i="1"/>
  <c r="AC21332" i="1"/>
  <c r="AC21333" i="1"/>
  <c r="AC21334" i="1"/>
  <c r="AC21335" i="1"/>
  <c r="AC21336" i="1"/>
  <c r="AC21337" i="1"/>
  <c r="AC21338" i="1"/>
  <c r="AC21339" i="1"/>
  <c r="AC21340" i="1"/>
  <c r="AC21341" i="1"/>
  <c r="AC21342" i="1"/>
  <c r="AC21343" i="1"/>
  <c r="AC21344" i="1"/>
  <c r="AC21345" i="1"/>
  <c r="AC21346" i="1"/>
  <c r="AC21347" i="1"/>
  <c r="AC21348" i="1"/>
  <c r="AC21349" i="1"/>
  <c r="AC21350" i="1"/>
  <c r="AC21351" i="1"/>
  <c r="AC21352" i="1"/>
  <c r="AC21353" i="1"/>
  <c r="AC21354" i="1"/>
  <c r="AC21355" i="1"/>
  <c r="AC21356" i="1"/>
  <c r="AC21357" i="1"/>
  <c r="AC21358" i="1"/>
  <c r="AC21359" i="1"/>
  <c r="AC21360" i="1"/>
  <c r="AC21361" i="1"/>
  <c r="AC21362" i="1"/>
  <c r="AC21363" i="1"/>
  <c r="AC21364" i="1"/>
  <c r="AC21365" i="1"/>
  <c r="AC21366" i="1"/>
  <c r="AC21367" i="1"/>
  <c r="AC21368" i="1"/>
  <c r="AC21369" i="1"/>
  <c r="AC21370" i="1"/>
  <c r="AC21371" i="1"/>
  <c r="AC21372" i="1"/>
  <c r="AC21373" i="1"/>
  <c r="AC21374" i="1"/>
  <c r="AC21375" i="1"/>
  <c r="AC21376" i="1"/>
  <c r="AC21377" i="1"/>
  <c r="AC21378" i="1"/>
  <c r="AC21379" i="1"/>
  <c r="AC21380" i="1"/>
  <c r="AC21381" i="1"/>
  <c r="AC21382" i="1"/>
  <c r="AC21383" i="1"/>
  <c r="AC21384" i="1"/>
  <c r="AC21385" i="1"/>
  <c r="AC21386" i="1"/>
  <c r="AC21387" i="1"/>
  <c r="AC21388" i="1"/>
  <c r="AC21389" i="1"/>
  <c r="AC21390" i="1"/>
  <c r="AC21391" i="1"/>
  <c r="AC21392" i="1"/>
  <c r="AC21393" i="1"/>
  <c r="AC21394" i="1"/>
  <c r="AC21395" i="1"/>
  <c r="AC21396" i="1"/>
  <c r="AC21397" i="1"/>
  <c r="AC21398" i="1"/>
  <c r="AC21399" i="1"/>
  <c r="AC21400" i="1"/>
  <c r="AC21401" i="1"/>
  <c r="AC21402" i="1"/>
  <c r="AC21403" i="1"/>
  <c r="AC21404" i="1"/>
  <c r="AC21405" i="1"/>
  <c r="AC21406" i="1"/>
  <c r="AC21407" i="1"/>
  <c r="AC21408" i="1"/>
  <c r="AC21409" i="1"/>
  <c r="AC21410" i="1"/>
  <c r="AC21411" i="1"/>
  <c r="AC21412" i="1"/>
  <c r="AC21413" i="1"/>
  <c r="AC21414" i="1"/>
  <c r="AC21415" i="1"/>
  <c r="AC21416" i="1"/>
  <c r="AC21417" i="1"/>
  <c r="AC21418" i="1"/>
  <c r="AC21419" i="1"/>
  <c r="AC21420" i="1"/>
  <c r="AC21421" i="1"/>
  <c r="AC21422" i="1"/>
  <c r="AC21423" i="1"/>
  <c r="AC21424" i="1"/>
  <c r="AC21425" i="1"/>
  <c r="AC21426" i="1"/>
  <c r="AC21427" i="1"/>
  <c r="AC21428" i="1"/>
  <c r="AC21429" i="1"/>
  <c r="AC21430" i="1"/>
  <c r="AC21431" i="1"/>
  <c r="AC21432" i="1"/>
  <c r="AC21433" i="1"/>
  <c r="AC21434" i="1"/>
  <c r="AC21435" i="1"/>
  <c r="AC21436" i="1"/>
  <c r="AC21437" i="1"/>
  <c r="AC21438" i="1"/>
  <c r="AC21439" i="1"/>
  <c r="AC21440" i="1"/>
  <c r="AC21441" i="1"/>
  <c r="AC21442" i="1"/>
  <c r="AC21443" i="1"/>
  <c r="AC21444" i="1"/>
  <c r="AC21445" i="1"/>
  <c r="AC21446" i="1"/>
  <c r="AC21447" i="1"/>
  <c r="AC21448" i="1"/>
  <c r="AC21449" i="1"/>
  <c r="AC21450" i="1"/>
  <c r="AC21451" i="1"/>
  <c r="AC21452" i="1"/>
  <c r="AC21453" i="1"/>
  <c r="AC21454" i="1"/>
  <c r="AC21455" i="1"/>
  <c r="AC21456" i="1"/>
  <c r="AC21457" i="1"/>
  <c r="AC21458" i="1"/>
  <c r="AC21459" i="1"/>
  <c r="AC21460" i="1"/>
  <c r="AC21461" i="1"/>
  <c r="AC21462" i="1"/>
  <c r="AC21463" i="1"/>
  <c r="AC21464" i="1"/>
  <c r="AC21465" i="1"/>
  <c r="AC21466" i="1"/>
  <c r="AC21467" i="1"/>
  <c r="AC21468" i="1"/>
  <c r="AC21469" i="1"/>
  <c r="AC21470" i="1"/>
  <c r="AC21471" i="1"/>
  <c r="AC21472" i="1"/>
  <c r="AC21473" i="1"/>
  <c r="AC21474" i="1"/>
  <c r="AC21475" i="1"/>
  <c r="AC21476" i="1"/>
  <c r="AC21477" i="1"/>
  <c r="AC21478" i="1"/>
  <c r="AC21479" i="1"/>
  <c r="AC21480" i="1"/>
  <c r="AC21481" i="1"/>
  <c r="AC21482" i="1"/>
  <c r="AC21483" i="1"/>
  <c r="AC21484" i="1"/>
  <c r="AC21485" i="1"/>
  <c r="AC21486" i="1"/>
  <c r="AC21487" i="1"/>
  <c r="AC21488" i="1"/>
  <c r="AC21489" i="1"/>
  <c r="AC21490" i="1"/>
  <c r="AC21491" i="1"/>
  <c r="AC21492" i="1"/>
  <c r="AC21493" i="1"/>
  <c r="AC21494" i="1"/>
  <c r="AC21495" i="1"/>
  <c r="AC21496" i="1"/>
  <c r="AC21497" i="1"/>
  <c r="AC21498" i="1"/>
  <c r="AC21499" i="1"/>
  <c r="AC21500" i="1"/>
  <c r="AC21501" i="1"/>
  <c r="AC21502" i="1"/>
  <c r="AC21503" i="1"/>
  <c r="AC21504" i="1"/>
  <c r="AC21505" i="1"/>
  <c r="AC21506" i="1"/>
  <c r="AC21507" i="1"/>
  <c r="AC21508" i="1"/>
  <c r="AC21509" i="1"/>
  <c r="AC21510" i="1"/>
  <c r="AC21511" i="1"/>
  <c r="AC21512" i="1"/>
  <c r="AC21513" i="1"/>
  <c r="AC21514" i="1"/>
  <c r="AC21515" i="1"/>
  <c r="AC21516" i="1"/>
  <c r="AC21517" i="1"/>
  <c r="AC21518" i="1"/>
  <c r="AC21519" i="1"/>
  <c r="AC21520" i="1"/>
  <c r="AC21521" i="1"/>
  <c r="AC21522" i="1"/>
  <c r="AC21523" i="1"/>
  <c r="AC21524" i="1"/>
  <c r="AC21525" i="1"/>
  <c r="AC21526" i="1"/>
  <c r="AC21527" i="1"/>
  <c r="AC21528" i="1"/>
  <c r="AC21529" i="1"/>
  <c r="AC21530" i="1"/>
  <c r="AC21531" i="1"/>
  <c r="AC21532" i="1"/>
  <c r="AC21533" i="1"/>
  <c r="AC21534" i="1"/>
  <c r="AC21535" i="1"/>
  <c r="AC21536" i="1"/>
  <c r="AC21537" i="1"/>
  <c r="AC21538" i="1"/>
  <c r="AC21539" i="1"/>
  <c r="AC21540" i="1"/>
  <c r="AC21541" i="1"/>
  <c r="AC21542" i="1"/>
  <c r="AC21543" i="1"/>
  <c r="AC21544" i="1"/>
  <c r="AC21545" i="1"/>
  <c r="AC21546" i="1"/>
  <c r="AC21547" i="1"/>
  <c r="AC21548" i="1"/>
  <c r="AC21549" i="1"/>
  <c r="AC21550" i="1"/>
  <c r="AC21551" i="1"/>
  <c r="AC21552" i="1"/>
  <c r="AC21553" i="1"/>
  <c r="AC21554" i="1"/>
  <c r="AC21555" i="1"/>
  <c r="AC21556" i="1"/>
  <c r="AC21557" i="1"/>
  <c r="AC21558" i="1"/>
  <c r="AC21559" i="1"/>
  <c r="AC21560" i="1"/>
  <c r="AC21561" i="1"/>
  <c r="AC21562" i="1"/>
  <c r="AC21563" i="1"/>
  <c r="AC21564" i="1"/>
  <c r="AC21565" i="1"/>
  <c r="AC21566" i="1"/>
  <c r="AC21567" i="1"/>
  <c r="AC21568" i="1"/>
  <c r="AC21569" i="1"/>
  <c r="AC21570" i="1"/>
  <c r="AC21571" i="1"/>
  <c r="AC21572" i="1"/>
  <c r="AC21573" i="1"/>
  <c r="AC21574" i="1"/>
  <c r="AC21575" i="1"/>
  <c r="AC21576" i="1"/>
  <c r="AC21577" i="1"/>
  <c r="AC21578" i="1"/>
  <c r="AC21579" i="1"/>
  <c r="AC21580" i="1"/>
  <c r="AC21581" i="1"/>
  <c r="AC21582" i="1"/>
  <c r="AC21583" i="1"/>
  <c r="AC21584" i="1"/>
  <c r="AC21585" i="1"/>
  <c r="AC21586" i="1"/>
  <c r="AC21587" i="1"/>
  <c r="AC21588" i="1"/>
  <c r="AC21589" i="1"/>
  <c r="AC21590" i="1"/>
  <c r="AC21591" i="1"/>
  <c r="AC21592" i="1"/>
  <c r="AC21593" i="1"/>
  <c r="AC21594" i="1"/>
  <c r="AC21595" i="1"/>
  <c r="AC21596" i="1"/>
  <c r="AC21597" i="1"/>
  <c r="AC21598" i="1"/>
  <c r="AC21599" i="1"/>
  <c r="AC21600" i="1"/>
  <c r="AC21601" i="1"/>
  <c r="AC21602" i="1"/>
  <c r="AC21603" i="1"/>
  <c r="AC21604" i="1"/>
  <c r="AC21605" i="1"/>
  <c r="AC21606" i="1"/>
  <c r="AC21607" i="1"/>
  <c r="AC21608" i="1"/>
  <c r="AC21609" i="1"/>
  <c r="AC21610" i="1"/>
  <c r="AC21611" i="1"/>
  <c r="AC21612" i="1"/>
  <c r="AC21613" i="1"/>
  <c r="AC21614" i="1"/>
  <c r="AC21615" i="1"/>
  <c r="AC21616" i="1"/>
  <c r="AC21617" i="1"/>
  <c r="AC21618" i="1"/>
  <c r="AC21619" i="1"/>
  <c r="AC21620" i="1"/>
  <c r="AC21621" i="1"/>
  <c r="AC21622" i="1"/>
  <c r="AC21623" i="1"/>
  <c r="AC21624" i="1"/>
  <c r="AC21625" i="1"/>
  <c r="AC21626" i="1"/>
  <c r="AC21627" i="1"/>
  <c r="AC21628" i="1"/>
  <c r="AC21629" i="1"/>
  <c r="AC21630" i="1"/>
  <c r="AC21631" i="1"/>
  <c r="AC21632" i="1"/>
  <c r="AC21633" i="1"/>
  <c r="AC21634" i="1"/>
  <c r="AC21635" i="1"/>
  <c r="AC21636" i="1"/>
  <c r="AC21637" i="1"/>
  <c r="AC21638" i="1"/>
  <c r="AC21639" i="1"/>
  <c r="AC21640" i="1"/>
  <c r="AC21641" i="1"/>
  <c r="AC21642" i="1"/>
  <c r="AC21643" i="1"/>
  <c r="AC21644" i="1"/>
  <c r="AC21645" i="1"/>
  <c r="AC21646" i="1"/>
  <c r="AC21647" i="1"/>
  <c r="AC21648" i="1"/>
  <c r="AC21649" i="1"/>
  <c r="AC21650" i="1"/>
  <c r="AC21651" i="1"/>
  <c r="AC21652" i="1"/>
  <c r="AC21653" i="1"/>
  <c r="AC21654" i="1"/>
  <c r="AC21655" i="1"/>
  <c r="AC21656" i="1"/>
  <c r="AC21657" i="1"/>
  <c r="AC21658" i="1"/>
  <c r="AC21659" i="1"/>
  <c r="AC21660" i="1"/>
  <c r="AC21661" i="1"/>
  <c r="AC21662" i="1"/>
  <c r="AC21663" i="1"/>
  <c r="AC21664" i="1"/>
  <c r="AC21665" i="1"/>
  <c r="AC21666" i="1"/>
  <c r="AC21667" i="1"/>
  <c r="AC21668" i="1"/>
  <c r="AC21669" i="1"/>
  <c r="AC21670" i="1"/>
  <c r="AC21671" i="1"/>
  <c r="AC21672" i="1"/>
  <c r="AC21673" i="1"/>
  <c r="AC21674" i="1"/>
  <c r="AC21675" i="1"/>
  <c r="AC21676" i="1"/>
  <c r="AC21677" i="1"/>
  <c r="AC21678" i="1"/>
  <c r="AC21679" i="1"/>
  <c r="AC21680" i="1"/>
  <c r="AC21681" i="1"/>
  <c r="AC21682" i="1"/>
  <c r="AC21683" i="1"/>
  <c r="AC21684" i="1"/>
  <c r="AC21685" i="1"/>
  <c r="AC21686" i="1"/>
  <c r="AC21687" i="1"/>
  <c r="AC21688" i="1"/>
  <c r="AC21689" i="1"/>
  <c r="AC21690" i="1"/>
  <c r="AC21691" i="1"/>
  <c r="AC21692" i="1"/>
  <c r="AC21693" i="1"/>
  <c r="AC21694" i="1"/>
  <c r="AC21695" i="1"/>
  <c r="AC21696" i="1"/>
  <c r="AC21697" i="1"/>
  <c r="AC21698" i="1"/>
  <c r="AC21699" i="1"/>
  <c r="AC21700" i="1"/>
  <c r="AC21701" i="1"/>
  <c r="AC21702" i="1"/>
  <c r="AC21703" i="1"/>
  <c r="AC21704" i="1"/>
  <c r="AC21705" i="1"/>
  <c r="AC21706" i="1"/>
  <c r="AC21707" i="1"/>
  <c r="AC21708" i="1"/>
  <c r="AC21709" i="1"/>
  <c r="AC21710" i="1"/>
  <c r="AC21711" i="1"/>
  <c r="AC21712" i="1"/>
  <c r="AC21713" i="1"/>
  <c r="AC21714" i="1"/>
  <c r="AC21715" i="1"/>
  <c r="AC21716" i="1"/>
  <c r="AC21717" i="1"/>
  <c r="AC21718" i="1"/>
  <c r="AC21719" i="1"/>
  <c r="AC21720" i="1"/>
  <c r="AC21721" i="1"/>
  <c r="AC21722" i="1"/>
  <c r="AC21723" i="1"/>
  <c r="AC21724" i="1"/>
  <c r="AC21725" i="1"/>
  <c r="AC21726" i="1"/>
  <c r="AC21727" i="1"/>
  <c r="AC21728" i="1"/>
  <c r="AC21729" i="1"/>
  <c r="AC21730" i="1"/>
  <c r="AC21731" i="1"/>
  <c r="AC21732" i="1"/>
  <c r="AC21733" i="1"/>
  <c r="AC21734" i="1"/>
  <c r="AC21735" i="1"/>
  <c r="AC21736" i="1"/>
  <c r="AC21737" i="1"/>
  <c r="AC21738" i="1"/>
  <c r="AC21739" i="1"/>
  <c r="AC21740" i="1"/>
  <c r="AC21741" i="1"/>
  <c r="AC21742" i="1"/>
  <c r="AC21743" i="1"/>
  <c r="AC21744" i="1"/>
  <c r="AC21745" i="1"/>
  <c r="AC21746" i="1"/>
  <c r="AC21747" i="1"/>
  <c r="AC21748" i="1"/>
  <c r="AC21749" i="1"/>
  <c r="AC21750" i="1"/>
  <c r="AC21751" i="1"/>
  <c r="AC21752" i="1"/>
  <c r="AC21753" i="1"/>
  <c r="AC21754" i="1"/>
  <c r="AC21755" i="1"/>
  <c r="AC21756" i="1"/>
  <c r="AC21757" i="1"/>
  <c r="AC21758" i="1"/>
  <c r="AC21759" i="1"/>
  <c r="AC21760" i="1"/>
  <c r="AC21761" i="1"/>
  <c r="AC21762" i="1"/>
  <c r="AC21763" i="1"/>
  <c r="AC21764" i="1"/>
  <c r="AC21765" i="1"/>
  <c r="AC21766" i="1"/>
  <c r="AC21767" i="1"/>
  <c r="AC21768" i="1"/>
  <c r="AC21769" i="1"/>
  <c r="AC21770" i="1"/>
  <c r="AC21771" i="1"/>
  <c r="AC21772" i="1"/>
  <c r="AC21773" i="1"/>
  <c r="AC21774" i="1"/>
  <c r="AC21775" i="1"/>
  <c r="AC21776" i="1"/>
  <c r="AC21777" i="1"/>
  <c r="AC21778" i="1"/>
  <c r="AC21779" i="1"/>
  <c r="AC21780" i="1"/>
  <c r="AC21781" i="1"/>
  <c r="AC21782" i="1"/>
  <c r="AC21783" i="1"/>
  <c r="AC21784" i="1"/>
  <c r="AC21785" i="1"/>
  <c r="AC21786" i="1"/>
  <c r="AC21787" i="1"/>
  <c r="AC21788" i="1"/>
  <c r="AC21789" i="1"/>
  <c r="AC21790" i="1"/>
  <c r="AC21791" i="1"/>
  <c r="AC21792" i="1"/>
  <c r="AC21793" i="1"/>
  <c r="AC21794" i="1"/>
  <c r="AC21795" i="1"/>
  <c r="AC21796" i="1"/>
  <c r="AC21797" i="1"/>
  <c r="AC21798" i="1"/>
  <c r="AC21799" i="1"/>
  <c r="AC21800" i="1"/>
  <c r="AC21801" i="1"/>
  <c r="AC21802" i="1"/>
  <c r="AC21803" i="1"/>
  <c r="AC21804" i="1"/>
  <c r="AC21805" i="1"/>
  <c r="AC21806" i="1"/>
  <c r="AC21807" i="1"/>
  <c r="AC21808" i="1"/>
  <c r="AC21809" i="1"/>
  <c r="AC21810" i="1"/>
  <c r="AC21811" i="1"/>
  <c r="AC21812" i="1"/>
  <c r="AC21813" i="1"/>
  <c r="AC21814" i="1"/>
  <c r="AC21815" i="1"/>
  <c r="AC21816" i="1"/>
  <c r="AC21817" i="1"/>
  <c r="AC21818" i="1"/>
  <c r="AC21819" i="1"/>
  <c r="AC21820" i="1"/>
  <c r="AC21821" i="1"/>
  <c r="AC21822" i="1"/>
  <c r="AC21823" i="1"/>
  <c r="AC21824" i="1"/>
  <c r="AC21825" i="1"/>
  <c r="AC21826" i="1"/>
  <c r="AC21827" i="1"/>
  <c r="AC21828" i="1"/>
  <c r="AC21829" i="1"/>
  <c r="AC21830" i="1"/>
  <c r="AC21831" i="1"/>
  <c r="AC21832" i="1"/>
  <c r="AC21833" i="1"/>
  <c r="AC21834" i="1"/>
  <c r="AC21835" i="1"/>
  <c r="AC21836" i="1"/>
  <c r="AC21837" i="1"/>
  <c r="AC21838" i="1"/>
  <c r="AC21839" i="1"/>
  <c r="AC21840" i="1"/>
  <c r="AC21841" i="1"/>
  <c r="AC21842" i="1"/>
  <c r="AC21843" i="1"/>
  <c r="AC21844" i="1"/>
  <c r="AC21845" i="1"/>
  <c r="AC21846" i="1"/>
  <c r="AC21847" i="1"/>
  <c r="AC21848" i="1"/>
  <c r="AC21849" i="1"/>
  <c r="AC21850" i="1"/>
  <c r="AC21851" i="1"/>
  <c r="AC21852" i="1"/>
  <c r="AC21853" i="1"/>
  <c r="AC21854" i="1"/>
  <c r="AC21855" i="1"/>
  <c r="AC21856" i="1"/>
  <c r="AC21857" i="1"/>
  <c r="AC21858" i="1"/>
  <c r="AC21859" i="1"/>
  <c r="AC21860" i="1"/>
  <c r="AC21861" i="1"/>
  <c r="AC21862" i="1"/>
  <c r="AC21863" i="1"/>
  <c r="AC21864" i="1"/>
  <c r="AC21865" i="1"/>
  <c r="AC21866" i="1"/>
  <c r="AC21867" i="1"/>
  <c r="AC21868" i="1"/>
  <c r="AC21869" i="1"/>
  <c r="AC21870" i="1"/>
  <c r="AC21871" i="1"/>
  <c r="AC21872" i="1"/>
  <c r="AC21873" i="1"/>
  <c r="AC21874" i="1"/>
  <c r="AC21875" i="1"/>
  <c r="AC21876" i="1"/>
  <c r="AC21877" i="1"/>
  <c r="AC21878" i="1"/>
  <c r="AC21879" i="1"/>
  <c r="AC21880" i="1"/>
  <c r="AC21881" i="1"/>
  <c r="AC21882" i="1"/>
  <c r="AC21883" i="1"/>
  <c r="AC21884" i="1"/>
  <c r="AC21885" i="1"/>
  <c r="AC21886" i="1"/>
  <c r="AC21887" i="1"/>
  <c r="AC21888" i="1"/>
  <c r="AC21889" i="1"/>
  <c r="AC21890" i="1"/>
  <c r="AC21891" i="1"/>
  <c r="AC21892" i="1"/>
  <c r="AC21893" i="1"/>
  <c r="AC21894" i="1"/>
  <c r="AC21895" i="1"/>
  <c r="AC21896" i="1"/>
  <c r="AC21897" i="1"/>
  <c r="AC21898" i="1"/>
  <c r="AC21899" i="1"/>
  <c r="AC21900" i="1"/>
  <c r="AC21901" i="1"/>
  <c r="AC21902" i="1"/>
  <c r="AC21903" i="1"/>
  <c r="AC21904" i="1"/>
  <c r="AC21905" i="1"/>
  <c r="AC21906" i="1"/>
  <c r="AC21907" i="1"/>
  <c r="AC21908" i="1"/>
  <c r="AC21909" i="1"/>
  <c r="AC21910" i="1"/>
  <c r="AC21911" i="1"/>
  <c r="AC21912" i="1"/>
  <c r="AC21913" i="1"/>
  <c r="AC21914" i="1"/>
  <c r="AC21915" i="1"/>
  <c r="AC21916" i="1"/>
  <c r="AC21917" i="1"/>
  <c r="AC21918" i="1"/>
  <c r="AC21919" i="1"/>
  <c r="AC21920" i="1"/>
  <c r="AC21921" i="1"/>
  <c r="AC21922" i="1"/>
  <c r="AC21923" i="1"/>
  <c r="AC21924" i="1"/>
  <c r="AC21925" i="1"/>
  <c r="AC21926" i="1"/>
  <c r="AC21927" i="1"/>
  <c r="AC21928" i="1"/>
  <c r="AC21929" i="1"/>
  <c r="AC21930" i="1"/>
  <c r="AC21931" i="1"/>
  <c r="AC21932" i="1"/>
  <c r="AC21933" i="1"/>
  <c r="AC21934" i="1"/>
  <c r="AC21935" i="1"/>
  <c r="AC21936" i="1"/>
  <c r="AC21937" i="1"/>
  <c r="AC21938" i="1"/>
  <c r="AC21939" i="1"/>
  <c r="AC21940" i="1"/>
  <c r="AC21941" i="1"/>
  <c r="AC21942" i="1"/>
  <c r="AC21943" i="1"/>
  <c r="AC21944" i="1"/>
  <c r="AC21945" i="1"/>
  <c r="AC21946" i="1"/>
  <c r="AC21947" i="1"/>
  <c r="AC21948" i="1"/>
  <c r="AC21949" i="1"/>
  <c r="AC21950" i="1"/>
  <c r="AC21951" i="1"/>
  <c r="AC21952" i="1"/>
  <c r="AC21953" i="1"/>
  <c r="AC21954" i="1"/>
  <c r="AC21955" i="1"/>
  <c r="AC21956" i="1"/>
  <c r="AC21957" i="1"/>
  <c r="AC21958" i="1"/>
  <c r="AC21959" i="1"/>
  <c r="AC21960" i="1"/>
  <c r="AC21961" i="1"/>
  <c r="AC21962" i="1"/>
  <c r="AC21963" i="1"/>
  <c r="AC21964" i="1"/>
  <c r="AC21965" i="1"/>
  <c r="AC21966" i="1"/>
  <c r="AC21967" i="1"/>
  <c r="AC21968" i="1"/>
  <c r="AC21969" i="1"/>
  <c r="AC21970" i="1"/>
  <c r="AC21971" i="1"/>
  <c r="AC21972" i="1"/>
  <c r="AC21973" i="1"/>
  <c r="AC21974" i="1"/>
  <c r="AC21975" i="1"/>
  <c r="AC21976" i="1"/>
  <c r="AC21977" i="1"/>
  <c r="AC21978" i="1"/>
  <c r="AC21979" i="1"/>
  <c r="AC21980" i="1"/>
  <c r="AC21981" i="1"/>
  <c r="AC21982" i="1"/>
  <c r="AC21983" i="1"/>
  <c r="AC21984" i="1"/>
  <c r="AC21985" i="1"/>
  <c r="AC21986" i="1"/>
  <c r="AC21987" i="1"/>
  <c r="AC21988" i="1"/>
  <c r="AC21989" i="1"/>
  <c r="AC21990" i="1"/>
  <c r="AC21991" i="1"/>
  <c r="AC21992" i="1"/>
  <c r="AC21993" i="1"/>
  <c r="AC21994" i="1"/>
  <c r="AC21995" i="1"/>
  <c r="AC21996" i="1"/>
  <c r="AC21997" i="1"/>
  <c r="AC21998" i="1"/>
  <c r="AC21999" i="1"/>
  <c r="AC22000" i="1"/>
  <c r="AC22001" i="1"/>
  <c r="AC22002" i="1"/>
  <c r="AC22003" i="1"/>
  <c r="AC22004" i="1"/>
  <c r="AC22005" i="1"/>
  <c r="AC22006" i="1"/>
  <c r="AC22007" i="1"/>
  <c r="AC22008" i="1"/>
  <c r="AC22009" i="1"/>
  <c r="AC22010" i="1"/>
  <c r="AC22011" i="1"/>
  <c r="AC22012" i="1"/>
  <c r="AC22013" i="1"/>
  <c r="AC22014" i="1"/>
  <c r="AC22015" i="1"/>
  <c r="AC22016" i="1"/>
  <c r="AC22017" i="1"/>
  <c r="AC22018" i="1"/>
  <c r="AC22019" i="1"/>
  <c r="AC22020" i="1"/>
  <c r="AC22021" i="1"/>
  <c r="AC22022" i="1"/>
  <c r="AC22023" i="1"/>
  <c r="AC22024" i="1"/>
  <c r="AC22025" i="1"/>
  <c r="AC22026" i="1"/>
  <c r="AC22027" i="1"/>
  <c r="AC22028" i="1"/>
  <c r="AC22029" i="1"/>
  <c r="AC22030" i="1"/>
  <c r="AC22031" i="1"/>
  <c r="AC22032" i="1"/>
  <c r="AC22033" i="1"/>
  <c r="AC22034" i="1"/>
  <c r="AC22035" i="1"/>
  <c r="AC22036" i="1"/>
  <c r="AC22037" i="1"/>
  <c r="AC22038" i="1"/>
  <c r="AC22039" i="1"/>
  <c r="AC22040" i="1"/>
  <c r="AC22041" i="1"/>
  <c r="AC22042" i="1"/>
  <c r="AC22043" i="1"/>
  <c r="AC22044" i="1"/>
  <c r="AC22045" i="1"/>
  <c r="AC22046" i="1"/>
  <c r="AC22047" i="1"/>
  <c r="AC22048" i="1"/>
  <c r="AC22049" i="1"/>
  <c r="AC22050" i="1"/>
  <c r="AC22051" i="1"/>
  <c r="AC22052" i="1"/>
  <c r="AC22053" i="1"/>
  <c r="AC22054" i="1"/>
  <c r="AC22055" i="1"/>
  <c r="AC22056" i="1"/>
  <c r="AC22057" i="1"/>
  <c r="AC22058" i="1"/>
  <c r="AC22059" i="1"/>
  <c r="AC22060" i="1"/>
  <c r="AC22061" i="1"/>
  <c r="AC22062" i="1"/>
  <c r="AC22063" i="1"/>
  <c r="AC22064" i="1"/>
  <c r="AC22065" i="1"/>
  <c r="AC22066" i="1"/>
  <c r="AC22067" i="1"/>
  <c r="AC22068" i="1"/>
  <c r="AC22069" i="1"/>
  <c r="AC22070" i="1"/>
  <c r="AC22071" i="1"/>
  <c r="AC22072" i="1"/>
  <c r="AC22073" i="1"/>
  <c r="AC22074" i="1"/>
  <c r="AC22075" i="1"/>
  <c r="AC22076" i="1"/>
  <c r="AC22077" i="1"/>
  <c r="AC22078" i="1"/>
  <c r="AC22079" i="1"/>
  <c r="AC22080" i="1"/>
  <c r="AC22081" i="1"/>
  <c r="AC22082" i="1"/>
  <c r="AC22083" i="1"/>
  <c r="AC22084" i="1"/>
  <c r="AC22085" i="1"/>
  <c r="AC22086" i="1"/>
  <c r="AC22087" i="1"/>
  <c r="AC22088" i="1"/>
  <c r="AC22089" i="1"/>
  <c r="AC22090" i="1"/>
  <c r="AC22091" i="1"/>
  <c r="AC22092" i="1"/>
  <c r="AC22093" i="1"/>
  <c r="AC22094" i="1"/>
  <c r="AC22095" i="1"/>
  <c r="AC22096" i="1"/>
  <c r="AC22097" i="1"/>
  <c r="AC22098" i="1"/>
  <c r="AC22099" i="1"/>
  <c r="AC22100" i="1"/>
  <c r="AC22101" i="1"/>
  <c r="AC22102" i="1"/>
  <c r="AC22103" i="1"/>
  <c r="AC22104" i="1"/>
  <c r="AC22105" i="1"/>
  <c r="AC22106" i="1"/>
  <c r="AC22107" i="1"/>
  <c r="AC22108" i="1"/>
  <c r="AC22109" i="1"/>
  <c r="AC22110" i="1"/>
  <c r="AC22111" i="1"/>
  <c r="AC22112" i="1"/>
  <c r="AC22113" i="1"/>
  <c r="AC22114" i="1"/>
  <c r="AC22115" i="1"/>
  <c r="AC22116" i="1"/>
  <c r="AC22117" i="1"/>
  <c r="AC22118" i="1"/>
  <c r="AC22119" i="1"/>
  <c r="AC22120" i="1"/>
  <c r="AC22121" i="1"/>
  <c r="AC22122" i="1"/>
  <c r="AC22123" i="1"/>
  <c r="AC22124" i="1"/>
  <c r="AC22125" i="1"/>
  <c r="AC22126" i="1"/>
  <c r="AC22127" i="1"/>
  <c r="AC22128" i="1"/>
  <c r="AC22129" i="1"/>
  <c r="AC22130" i="1"/>
  <c r="AC22131" i="1"/>
  <c r="AC22132" i="1"/>
  <c r="AC22133" i="1"/>
  <c r="AC22134" i="1"/>
  <c r="AC22135" i="1"/>
  <c r="AC22136" i="1"/>
  <c r="AC22137" i="1"/>
  <c r="AC22138" i="1"/>
  <c r="AC22139" i="1"/>
  <c r="AC22140" i="1"/>
  <c r="AC22141" i="1"/>
  <c r="AC22142" i="1"/>
  <c r="AC22143" i="1"/>
  <c r="AC22144" i="1"/>
  <c r="AC22145" i="1"/>
  <c r="AC22146" i="1"/>
  <c r="AC22147" i="1"/>
  <c r="AC22148" i="1"/>
  <c r="AC22149" i="1"/>
  <c r="AC22150" i="1"/>
  <c r="AC22151" i="1"/>
  <c r="AC22152" i="1"/>
  <c r="AC22153" i="1"/>
  <c r="AC22154" i="1"/>
  <c r="AC22155" i="1"/>
  <c r="AC22156" i="1"/>
  <c r="AC22157" i="1"/>
  <c r="AC22158" i="1"/>
  <c r="AC22159" i="1"/>
  <c r="AC22160" i="1"/>
  <c r="AC22161" i="1"/>
  <c r="AC22162" i="1"/>
  <c r="AC22163" i="1"/>
  <c r="AC22164" i="1"/>
  <c r="AC22165" i="1"/>
  <c r="AC22166" i="1"/>
  <c r="AC22167" i="1"/>
  <c r="AC22168" i="1"/>
  <c r="AC22169" i="1"/>
  <c r="AC22170" i="1"/>
  <c r="AC22171" i="1"/>
  <c r="AC22172" i="1"/>
  <c r="AC22173" i="1"/>
  <c r="AC22174" i="1"/>
  <c r="AC22175" i="1"/>
  <c r="AC22176" i="1"/>
  <c r="AC22177" i="1"/>
  <c r="AC22178" i="1"/>
  <c r="AC22179" i="1"/>
  <c r="AC22180" i="1"/>
  <c r="AC22181" i="1"/>
  <c r="AC22182" i="1"/>
  <c r="AC22183" i="1"/>
  <c r="AC22184" i="1"/>
  <c r="AC22185" i="1"/>
  <c r="AC22186" i="1"/>
  <c r="AC22187" i="1"/>
  <c r="AC22188" i="1"/>
  <c r="AC22189" i="1"/>
  <c r="AC22190" i="1"/>
  <c r="AC22191" i="1"/>
  <c r="AC22192" i="1"/>
  <c r="AC22193" i="1"/>
  <c r="AC22194" i="1"/>
  <c r="AC22195" i="1"/>
  <c r="AC22196" i="1"/>
  <c r="AC22197" i="1"/>
  <c r="AC22198" i="1"/>
  <c r="AC22199" i="1"/>
  <c r="AC22200" i="1"/>
  <c r="AC22201" i="1"/>
  <c r="AC22202" i="1"/>
  <c r="AC22203" i="1"/>
  <c r="AC22204" i="1"/>
  <c r="AC22205" i="1"/>
  <c r="AC22206" i="1"/>
  <c r="AC22207" i="1"/>
  <c r="AC22208" i="1"/>
  <c r="AC22209" i="1"/>
  <c r="AC22210" i="1"/>
  <c r="AC22211" i="1"/>
  <c r="AC22212" i="1"/>
  <c r="AC22213" i="1"/>
  <c r="AC22214" i="1"/>
  <c r="AC22215" i="1"/>
  <c r="AC22216" i="1"/>
  <c r="AC22217" i="1"/>
  <c r="AC22218" i="1"/>
  <c r="AC22219" i="1"/>
  <c r="AC22220" i="1"/>
  <c r="AC22221" i="1"/>
  <c r="AC22222" i="1"/>
  <c r="AC22223" i="1"/>
  <c r="AC22224" i="1"/>
  <c r="AC22225" i="1"/>
  <c r="AC22226" i="1"/>
  <c r="AC22227" i="1"/>
  <c r="AC22228" i="1"/>
  <c r="AC22229" i="1"/>
  <c r="AC22230" i="1"/>
  <c r="AC22231" i="1"/>
  <c r="AC22232" i="1"/>
  <c r="AC22233" i="1"/>
  <c r="AC22234" i="1"/>
  <c r="AC22235" i="1"/>
  <c r="AC22236" i="1"/>
  <c r="AC22237" i="1"/>
  <c r="AC22238" i="1"/>
  <c r="AC22239" i="1"/>
  <c r="AC22240" i="1"/>
  <c r="AC22241" i="1"/>
  <c r="AC22242" i="1"/>
  <c r="AC22243" i="1"/>
  <c r="AC22244" i="1"/>
  <c r="AC22245" i="1"/>
  <c r="AC22246" i="1"/>
  <c r="AC22247" i="1"/>
  <c r="AC22248" i="1"/>
  <c r="AC22249" i="1"/>
  <c r="AC22250" i="1"/>
  <c r="AC22251" i="1"/>
  <c r="AC22252" i="1"/>
  <c r="AC22253" i="1"/>
  <c r="AC22254" i="1"/>
  <c r="AC22255" i="1"/>
  <c r="AC22256" i="1"/>
  <c r="AC22257" i="1"/>
  <c r="AC22258" i="1"/>
  <c r="AC22259" i="1"/>
  <c r="AC22260" i="1"/>
  <c r="AC22261" i="1"/>
  <c r="AC22262" i="1"/>
  <c r="AC22263" i="1"/>
  <c r="AC22264" i="1"/>
  <c r="AC22265" i="1"/>
  <c r="AC22266" i="1"/>
  <c r="AC22267" i="1"/>
  <c r="AC22268" i="1"/>
  <c r="AC22269" i="1"/>
  <c r="AC22270" i="1"/>
  <c r="AC22271" i="1"/>
  <c r="AC22272" i="1"/>
  <c r="AC22273" i="1"/>
  <c r="AC22274" i="1"/>
  <c r="AC22275" i="1"/>
  <c r="AC22276" i="1"/>
  <c r="AC22277" i="1"/>
  <c r="AC22278" i="1"/>
  <c r="AC22279" i="1"/>
  <c r="AC22280" i="1"/>
  <c r="AC22281" i="1"/>
  <c r="AC22282" i="1"/>
  <c r="AC22283" i="1"/>
  <c r="AC22284" i="1"/>
  <c r="AC22285" i="1"/>
  <c r="AC22286" i="1"/>
  <c r="AC22287" i="1"/>
  <c r="AC22288" i="1"/>
  <c r="AC22289" i="1"/>
  <c r="AC22290" i="1"/>
  <c r="AC22291" i="1"/>
  <c r="AC22292" i="1"/>
  <c r="AC22293" i="1"/>
  <c r="AC22294" i="1"/>
  <c r="AC22295" i="1"/>
  <c r="AC22296" i="1"/>
  <c r="AC22297" i="1"/>
  <c r="AC22298" i="1"/>
  <c r="AC22299" i="1"/>
  <c r="AC22300" i="1"/>
  <c r="AC22301" i="1"/>
  <c r="AC22302" i="1"/>
  <c r="AC22303" i="1"/>
  <c r="AC22304" i="1"/>
  <c r="AC22305" i="1"/>
  <c r="AC22306" i="1"/>
  <c r="AC22307" i="1"/>
  <c r="AC22308" i="1"/>
  <c r="AC22309" i="1"/>
  <c r="AC22310" i="1"/>
  <c r="AC22311" i="1"/>
  <c r="AC22312" i="1"/>
  <c r="AC22313" i="1"/>
  <c r="AC22314" i="1"/>
  <c r="AC22315" i="1"/>
  <c r="AC22316" i="1"/>
  <c r="AC22317" i="1"/>
  <c r="AC22318" i="1"/>
  <c r="AC22319" i="1"/>
  <c r="AC22320" i="1"/>
  <c r="AC22321" i="1"/>
  <c r="AC22322" i="1"/>
  <c r="AC22323" i="1"/>
  <c r="AC22324" i="1"/>
  <c r="AC22325" i="1"/>
  <c r="AC22326" i="1"/>
  <c r="AC22327" i="1"/>
  <c r="AC22328" i="1"/>
  <c r="AC22329" i="1"/>
  <c r="AC22330" i="1"/>
  <c r="AC22331" i="1"/>
  <c r="AC22332" i="1"/>
  <c r="AC22333" i="1"/>
  <c r="AC22334" i="1"/>
  <c r="AC22335" i="1"/>
  <c r="AC22336" i="1"/>
  <c r="AC22337" i="1"/>
  <c r="AC22338" i="1"/>
  <c r="AC22339" i="1"/>
  <c r="AC22340" i="1"/>
  <c r="AC22341" i="1"/>
  <c r="AC22342" i="1"/>
  <c r="AC22343" i="1"/>
  <c r="AC22344" i="1"/>
  <c r="AC22345" i="1"/>
  <c r="AC22346" i="1"/>
  <c r="AC22347" i="1"/>
  <c r="AC22348" i="1"/>
  <c r="AC22349" i="1"/>
  <c r="AC22350" i="1"/>
  <c r="AC22351" i="1"/>
  <c r="AC22352" i="1"/>
  <c r="AC22353" i="1"/>
  <c r="AC22354" i="1"/>
  <c r="AC22355" i="1"/>
  <c r="AC22356" i="1"/>
  <c r="AC22357" i="1"/>
  <c r="AC22358" i="1"/>
  <c r="AC22359" i="1"/>
  <c r="AC22360" i="1"/>
  <c r="AC22361" i="1"/>
  <c r="AC22362" i="1"/>
  <c r="AC22363" i="1"/>
  <c r="AC22364" i="1"/>
  <c r="AC22365" i="1"/>
  <c r="AC22366" i="1"/>
  <c r="AC22367" i="1"/>
  <c r="AC22368" i="1"/>
  <c r="AC22369" i="1"/>
  <c r="AC22370" i="1"/>
  <c r="AC22371" i="1"/>
  <c r="AC22372" i="1"/>
  <c r="AC22373" i="1"/>
  <c r="AC22374" i="1"/>
  <c r="AC22375" i="1"/>
  <c r="AC22376" i="1"/>
  <c r="AC22377" i="1"/>
  <c r="AC22378" i="1"/>
  <c r="AC22379" i="1"/>
  <c r="AC22380" i="1"/>
  <c r="AC22381" i="1"/>
  <c r="AC22382" i="1"/>
  <c r="AC22383" i="1"/>
  <c r="AC22384" i="1"/>
  <c r="AC22385" i="1"/>
  <c r="AC22386" i="1"/>
  <c r="AC22387" i="1"/>
  <c r="AC22388" i="1"/>
  <c r="AC22389" i="1"/>
  <c r="AC22390" i="1"/>
  <c r="AC22391" i="1"/>
  <c r="AC22392" i="1"/>
  <c r="AC22393" i="1"/>
  <c r="AC22394" i="1"/>
  <c r="AC22395" i="1"/>
  <c r="AC22396" i="1"/>
  <c r="AC22397" i="1"/>
  <c r="AC22398" i="1"/>
  <c r="AC22399" i="1"/>
  <c r="AC22400" i="1"/>
  <c r="AC22401" i="1"/>
  <c r="AC22402" i="1"/>
  <c r="AC22403" i="1"/>
  <c r="AC22404" i="1"/>
  <c r="AC22405" i="1"/>
  <c r="AC22406" i="1"/>
  <c r="AC22407" i="1"/>
  <c r="AC22408" i="1"/>
  <c r="AC22409" i="1"/>
  <c r="AC22410" i="1"/>
  <c r="AC22411" i="1"/>
  <c r="AC22412" i="1"/>
  <c r="AC22413" i="1"/>
  <c r="AC22414" i="1"/>
  <c r="AC22415" i="1"/>
  <c r="AC22416" i="1"/>
  <c r="AC22417" i="1"/>
  <c r="AC22418" i="1"/>
  <c r="AC22419" i="1"/>
  <c r="AC22420" i="1"/>
  <c r="AC22421" i="1"/>
  <c r="AC22422" i="1"/>
  <c r="AC22423" i="1"/>
  <c r="AC22424" i="1"/>
  <c r="AC22425" i="1"/>
  <c r="AC22426" i="1"/>
  <c r="AC22427" i="1"/>
  <c r="AC22428" i="1"/>
  <c r="AC22429" i="1"/>
  <c r="AC22430" i="1"/>
  <c r="AC22431" i="1"/>
  <c r="AC22432" i="1"/>
  <c r="AC22433" i="1"/>
  <c r="AC22434" i="1"/>
  <c r="AC22435" i="1"/>
  <c r="AC22436" i="1"/>
  <c r="AC22437" i="1"/>
  <c r="AC22438" i="1"/>
  <c r="AC22439" i="1"/>
  <c r="AC22440" i="1"/>
  <c r="AC22441" i="1"/>
  <c r="AC22442" i="1"/>
  <c r="AC22443" i="1"/>
  <c r="AC22444" i="1"/>
  <c r="AC22445" i="1"/>
  <c r="AC22446" i="1"/>
  <c r="AC22447" i="1"/>
  <c r="AC22448" i="1"/>
  <c r="AC22449" i="1"/>
  <c r="AC22450" i="1"/>
  <c r="AC22451" i="1"/>
  <c r="AC22452" i="1"/>
  <c r="AC22453" i="1"/>
  <c r="AC22454" i="1"/>
  <c r="AC22455" i="1"/>
  <c r="AC22456" i="1"/>
  <c r="AC22457" i="1"/>
  <c r="AC22458" i="1"/>
  <c r="AC22459" i="1"/>
  <c r="AC22460" i="1"/>
  <c r="AC22461" i="1"/>
  <c r="AC22462" i="1"/>
  <c r="AC22463" i="1"/>
  <c r="AC22464" i="1"/>
  <c r="AC22465" i="1"/>
  <c r="AC22466" i="1"/>
  <c r="AC22467" i="1"/>
  <c r="AC22468" i="1"/>
  <c r="AC22469" i="1"/>
  <c r="AC22470" i="1"/>
  <c r="AC22471" i="1"/>
  <c r="AC22472" i="1"/>
  <c r="AC22473" i="1"/>
  <c r="AC22474" i="1"/>
  <c r="AC22475" i="1"/>
  <c r="AC22476" i="1"/>
  <c r="AC22477" i="1"/>
  <c r="AC22478" i="1"/>
  <c r="AC22479" i="1"/>
  <c r="AC22480" i="1"/>
  <c r="AC22481" i="1"/>
  <c r="AC22482" i="1"/>
  <c r="AC22483" i="1"/>
  <c r="AC22484" i="1"/>
  <c r="AC22485" i="1"/>
  <c r="AC22486" i="1"/>
  <c r="AC22487" i="1"/>
  <c r="AC22488" i="1"/>
  <c r="AC22489" i="1"/>
  <c r="AC22490" i="1"/>
  <c r="AC22491" i="1"/>
  <c r="AC22492" i="1"/>
  <c r="AC22493" i="1"/>
  <c r="AC22494" i="1"/>
  <c r="AC22495" i="1"/>
  <c r="AC22496" i="1"/>
  <c r="AC22497" i="1"/>
  <c r="AC22498" i="1"/>
  <c r="AC22499" i="1"/>
  <c r="AC22500" i="1"/>
  <c r="AC22501" i="1"/>
  <c r="AC22502" i="1"/>
  <c r="AC22503" i="1"/>
  <c r="AC22504" i="1"/>
  <c r="AC22505" i="1"/>
  <c r="AC22506" i="1"/>
  <c r="AC22507" i="1"/>
  <c r="AC22508" i="1"/>
  <c r="AC22509" i="1"/>
  <c r="AC22510" i="1"/>
  <c r="AC22511" i="1"/>
  <c r="AC22512" i="1"/>
  <c r="AC22513" i="1"/>
  <c r="AC22514" i="1"/>
  <c r="AC22515" i="1"/>
  <c r="AC22516" i="1"/>
  <c r="AC22517" i="1"/>
  <c r="AC22518" i="1"/>
  <c r="AC22519" i="1"/>
  <c r="AC22520" i="1"/>
  <c r="AC22521" i="1"/>
  <c r="AC22522" i="1"/>
  <c r="AC22523" i="1"/>
  <c r="AC22524" i="1"/>
  <c r="AC22525" i="1"/>
  <c r="AC22526" i="1"/>
  <c r="AC22527" i="1"/>
  <c r="AC22528" i="1"/>
  <c r="AC22529" i="1"/>
  <c r="AC22530" i="1"/>
  <c r="AC22531" i="1"/>
  <c r="AC22532" i="1"/>
  <c r="AC22533" i="1"/>
  <c r="AC22534" i="1"/>
  <c r="AC22535" i="1"/>
  <c r="AC22536" i="1"/>
  <c r="AC22537" i="1"/>
  <c r="AC22538" i="1"/>
  <c r="AC22539" i="1"/>
  <c r="AC22540" i="1"/>
  <c r="AC22541" i="1"/>
  <c r="AC22542" i="1"/>
  <c r="AC22543" i="1"/>
  <c r="AC22544" i="1"/>
  <c r="AC22545" i="1"/>
  <c r="AC22546" i="1"/>
  <c r="AC22547" i="1"/>
  <c r="AC22548" i="1"/>
  <c r="AC22549" i="1"/>
  <c r="AC22550" i="1"/>
  <c r="AC22551" i="1"/>
  <c r="AC22552" i="1"/>
  <c r="AC22553" i="1"/>
  <c r="AC22554" i="1"/>
  <c r="AC22555" i="1"/>
  <c r="AC22556" i="1"/>
  <c r="AC22557" i="1"/>
  <c r="AC22558" i="1"/>
  <c r="AC22559" i="1"/>
  <c r="AC22560" i="1"/>
  <c r="AC22561" i="1"/>
  <c r="AC22562" i="1"/>
  <c r="AC22563" i="1"/>
  <c r="AC22564" i="1"/>
  <c r="AC22565" i="1"/>
  <c r="AC22566" i="1"/>
  <c r="AC22567" i="1"/>
  <c r="AC22568" i="1"/>
  <c r="AC22569" i="1"/>
  <c r="AC22570" i="1"/>
  <c r="AC22571" i="1"/>
  <c r="AC22572" i="1"/>
  <c r="AC22573" i="1"/>
  <c r="AC22574" i="1"/>
  <c r="AC22575" i="1"/>
  <c r="AC22576" i="1"/>
  <c r="AC22577" i="1"/>
  <c r="AC22578" i="1"/>
  <c r="AC22579" i="1"/>
  <c r="AC22580" i="1"/>
  <c r="AC22581" i="1"/>
  <c r="AC22582" i="1"/>
  <c r="AC22583" i="1"/>
  <c r="AC22584" i="1"/>
  <c r="AC22585" i="1"/>
  <c r="AC22586" i="1"/>
  <c r="AC22587" i="1"/>
  <c r="AC22588" i="1"/>
  <c r="AC22589" i="1"/>
  <c r="AC22590" i="1"/>
  <c r="AC22591" i="1"/>
  <c r="AC22592" i="1"/>
  <c r="AC22593" i="1"/>
  <c r="AC22594" i="1"/>
  <c r="AC22595" i="1"/>
  <c r="AC22596" i="1"/>
  <c r="AC22597" i="1"/>
  <c r="AC22598" i="1"/>
  <c r="AC22599" i="1"/>
  <c r="AC22600" i="1"/>
  <c r="AC22601" i="1"/>
  <c r="AC22602" i="1"/>
  <c r="AC22603" i="1"/>
  <c r="AC22604" i="1"/>
  <c r="AC22605" i="1"/>
  <c r="AC22606" i="1"/>
  <c r="AC22607" i="1"/>
  <c r="AC22608" i="1"/>
  <c r="AC22609" i="1"/>
  <c r="AC22610" i="1"/>
  <c r="AC22611" i="1"/>
  <c r="AC22612" i="1"/>
  <c r="AC22613" i="1"/>
  <c r="AC22614" i="1"/>
  <c r="AC22615" i="1"/>
  <c r="AC22616" i="1"/>
  <c r="AC22617" i="1"/>
  <c r="AC22618" i="1"/>
  <c r="AC22619" i="1"/>
  <c r="AC22620" i="1"/>
  <c r="AC22621" i="1"/>
  <c r="AC22622" i="1"/>
  <c r="AC22623" i="1"/>
  <c r="AC22624" i="1"/>
  <c r="AC22625" i="1"/>
  <c r="AC22626" i="1"/>
  <c r="AC22627" i="1"/>
  <c r="AC22628" i="1"/>
  <c r="AC22629" i="1"/>
  <c r="AC22630" i="1"/>
  <c r="AC22631" i="1"/>
  <c r="AC22632" i="1"/>
  <c r="AC22633" i="1"/>
  <c r="AC22634" i="1"/>
  <c r="AC22635" i="1"/>
  <c r="AC22636" i="1"/>
  <c r="AC22637" i="1"/>
  <c r="AC22638" i="1"/>
  <c r="AC22639" i="1"/>
  <c r="AC22640" i="1"/>
  <c r="AC22641" i="1"/>
  <c r="AC22642" i="1"/>
  <c r="AC22643" i="1"/>
  <c r="AC22644" i="1"/>
  <c r="AC22645" i="1"/>
  <c r="AC22646" i="1"/>
  <c r="AC22647" i="1"/>
  <c r="AC22648" i="1"/>
  <c r="AC22649" i="1"/>
  <c r="AC22650" i="1"/>
  <c r="AC22651" i="1"/>
  <c r="AC22652" i="1"/>
  <c r="AC22653" i="1"/>
  <c r="AC22654" i="1"/>
  <c r="AC22655" i="1"/>
  <c r="AC22656" i="1"/>
  <c r="AC22657" i="1"/>
  <c r="AC22658" i="1"/>
  <c r="AC22659" i="1"/>
  <c r="AC22660" i="1"/>
  <c r="AC22661" i="1"/>
  <c r="AC22662" i="1"/>
  <c r="AC22663" i="1"/>
  <c r="AC22664" i="1"/>
  <c r="AC22665" i="1"/>
  <c r="AC22666" i="1"/>
  <c r="AC22667" i="1"/>
  <c r="AC22668" i="1"/>
  <c r="AC22669" i="1"/>
  <c r="AC22670" i="1"/>
  <c r="AC22671" i="1"/>
  <c r="AC22672" i="1"/>
  <c r="AC22673" i="1"/>
  <c r="AC22674" i="1"/>
  <c r="AC22675" i="1"/>
  <c r="AC22676" i="1"/>
  <c r="AC22677" i="1"/>
  <c r="AC22678" i="1"/>
  <c r="AC22679" i="1"/>
  <c r="AC22680" i="1"/>
  <c r="AC22681" i="1"/>
  <c r="AC22682" i="1"/>
  <c r="AC22683" i="1"/>
  <c r="AC22684" i="1"/>
  <c r="AC22685" i="1"/>
  <c r="AC22686" i="1"/>
  <c r="AC22687" i="1"/>
  <c r="AC22688" i="1"/>
  <c r="AC22689" i="1"/>
  <c r="AC22690" i="1"/>
  <c r="AC22691" i="1"/>
  <c r="AC22692" i="1"/>
  <c r="AC22693" i="1"/>
  <c r="AC22694" i="1"/>
  <c r="AC22695" i="1"/>
  <c r="AC22696" i="1"/>
  <c r="AC22697" i="1"/>
  <c r="AC22698" i="1"/>
  <c r="AC22699" i="1"/>
  <c r="AC22700" i="1"/>
  <c r="AC22701" i="1"/>
  <c r="AC22702" i="1"/>
  <c r="AC22703" i="1"/>
  <c r="AC22704" i="1"/>
  <c r="AC22705" i="1"/>
  <c r="AC22706" i="1"/>
  <c r="AC22707" i="1"/>
  <c r="AC22708" i="1"/>
  <c r="AC22709" i="1"/>
  <c r="AC22710" i="1"/>
  <c r="AC22711" i="1"/>
  <c r="AC22712" i="1"/>
  <c r="AC22713" i="1"/>
  <c r="AC22714" i="1"/>
  <c r="AC22715" i="1"/>
  <c r="AC22716" i="1"/>
  <c r="AC22717" i="1"/>
  <c r="AC22718" i="1"/>
  <c r="AC22719" i="1"/>
  <c r="AC22720" i="1"/>
  <c r="AC22721" i="1"/>
  <c r="AC22722" i="1"/>
  <c r="AC22723" i="1"/>
  <c r="AC22724" i="1"/>
  <c r="AC22725" i="1"/>
  <c r="AC22726" i="1"/>
  <c r="AC22727" i="1"/>
  <c r="AC22728" i="1"/>
  <c r="AC22729" i="1"/>
  <c r="AC22730" i="1"/>
  <c r="AC22731" i="1"/>
  <c r="AC22732" i="1"/>
  <c r="AC22733" i="1"/>
  <c r="AC22734" i="1"/>
  <c r="AC22735" i="1"/>
  <c r="AC22736" i="1"/>
  <c r="AC22737" i="1"/>
  <c r="AC22738" i="1"/>
  <c r="AC22739" i="1"/>
  <c r="AC22740" i="1"/>
  <c r="AC22741" i="1"/>
  <c r="AC22742" i="1"/>
  <c r="AC22743" i="1"/>
  <c r="AC22744" i="1"/>
  <c r="AC22745" i="1"/>
  <c r="AC22746" i="1"/>
  <c r="AC22747" i="1"/>
  <c r="AC22748" i="1"/>
  <c r="AC22749" i="1"/>
  <c r="AC22750" i="1"/>
  <c r="AC22751" i="1"/>
  <c r="AC22752" i="1"/>
  <c r="AC22753" i="1"/>
  <c r="AC22754" i="1"/>
  <c r="AC22755" i="1"/>
  <c r="AC22756" i="1"/>
  <c r="AC22757" i="1"/>
  <c r="AC22758" i="1"/>
  <c r="AC22759" i="1"/>
  <c r="AC22760" i="1"/>
  <c r="AC22761" i="1"/>
  <c r="AC22762" i="1"/>
  <c r="AC22763" i="1"/>
  <c r="AC22764" i="1"/>
  <c r="AC22765" i="1"/>
  <c r="AC22766" i="1"/>
  <c r="AC22767" i="1"/>
  <c r="AC22768" i="1"/>
  <c r="AC22769" i="1"/>
  <c r="AC22770" i="1"/>
  <c r="AC22771" i="1"/>
  <c r="AC22772" i="1"/>
  <c r="AC22773" i="1"/>
  <c r="AC22774" i="1"/>
  <c r="AC22775" i="1"/>
  <c r="AC22776" i="1"/>
  <c r="AC22777" i="1"/>
  <c r="AC22778" i="1"/>
  <c r="AC22779" i="1"/>
  <c r="AC22780" i="1"/>
  <c r="AC22781" i="1"/>
  <c r="AC22782" i="1"/>
  <c r="AC22783" i="1"/>
  <c r="AC22784" i="1"/>
  <c r="AC22785" i="1"/>
  <c r="AC22786" i="1"/>
  <c r="AC22787" i="1"/>
  <c r="AC22788" i="1"/>
  <c r="AC22789" i="1"/>
  <c r="AC22790" i="1"/>
  <c r="AC22791" i="1"/>
  <c r="AC22792" i="1"/>
  <c r="AC22793" i="1"/>
  <c r="AC22794" i="1"/>
  <c r="AC22795" i="1"/>
  <c r="AC22796" i="1"/>
  <c r="AC22797" i="1"/>
  <c r="AC22798" i="1"/>
  <c r="AC22799" i="1"/>
  <c r="AC22800" i="1"/>
  <c r="AC22801" i="1"/>
  <c r="AC22802" i="1"/>
  <c r="AC22803" i="1"/>
  <c r="AC22804" i="1"/>
  <c r="AC22805" i="1"/>
  <c r="AC22806" i="1"/>
  <c r="AC22807" i="1"/>
  <c r="AC22808" i="1"/>
  <c r="AC22809" i="1"/>
  <c r="AC22810" i="1"/>
  <c r="AC22811" i="1"/>
  <c r="AC22812" i="1"/>
  <c r="AC22813" i="1"/>
  <c r="AC22814" i="1"/>
  <c r="AC22815" i="1"/>
  <c r="AC22816" i="1"/>
  <c r="AC22817" i="1"/>
  <c r="AC22818" i="1"/>
  <c r="AC22819" i="1"/>
  <c r="AC22820" i="1"/>
  <c r="AC22821" i="1"/>
  <c r="AC22822" i="1"/>
  <c r="AC22823" i="1"/>
  <c r="AC22824" i="1"/>
  <c r="AC22825" i="1"/>
  <c r="AC22826" i="1"/>
  <c r="AC22827" i="1"/>
  <c r="AC22828" i="1"/>
  <c r="AC22829" i="1"/>
  <c r="AC22830" i="1"/>
  <c r="AC22831" i="1"/>
  <c r="AC22832" i="1"/>
  <c r="AC22833" i="1"/>
  <c r="AC22834" i="1"/>
  <c r="AC22835" i="1"/>
  <c r="AC22836" i="1"/>
  <c r="AC22837" i="1"/>
  <c r="AC22838" i="1"/>
  <c r="AC22839" i="1"/>
  <c r="AC22840" i="1"/>
  <c r="AC22841" i="1"/>
  <c r="AC22842" i="1"/>
  <c r="AC22843" i="1"/>
  <c r="AC22844" i="1"/>
  <c r="AC22845" i="1"/>
  <c r="AC22846" i="1"/>
  <c r="AC22847" i="1"/>
  <c r="AC22848" i="1"/>
  <c r="AC22849" i="1"/>
  <c r="AC22850" i="1"/>
  <c r="AC22851" i="1"/>
  <c r="AC22852" i="1"/>
  <c r="AC22853" i="1"/>
  <c r="AC22854" i="1"/>
  <c r="AC22855" i="1"/>
  <c r="AC22856" i="1"/>
  <c r="AC22857" i="1"/>
  <c r="AC22858" i="1"/>
  <c r="AC22859" i="1"/>
  <c r="AC22860" i="1"/>
  <c r="AC22861" i="1"/>
  <c r="AC22862" i="1"/>
  <c r="AC22863" i="1"/>
  <c r="AC22864" i="1"/>
  <c r="AC22865" i="1"/>
  <c r="AC22866" i="1"/>
  <c r="AC22867" i="1"/>
  <c r="AC22868" i="1"/>
  <c r="AC22869" i="1"/>
  <c r="AC22870" i="1"/>
  <c r="AC22871" i="1"/>
  <c r="AC22872" i="1"/>
  <c r="AC22873" i="1"/>
  <c r="AC22874" i="1"/>
  <c r="AC22875" i="1"/>
  <c r="AC22876" i="1"/>
  <c r="AC22877" i="1"/>
  <c r="AC22878" i="1"/>
  <c r="AC22879" i="1"/>
  <c r="AC22880" i="1"/>
  <c r="AC22881" i="1"/>
  <c r="AC22882" i="1"/>
  <c r="AC22883" i="1"/>
  <c r="AC22884" i="1"/>
  <c r="AC22885" i="1"/>
  <c r="AC22886" i="1"/>
  <c r="AC22887" i="1"/>
  <c r="AC22888" i="1"/>
  <c r="AC22889" i="1"/>
  <c r="AC22890" i="1"/>
  <c r="AC22891" i="1"/>
  <c r="AC22892" i="1"/>
  <c r="AC22893" i="1"/>
  <c r="AC22894" i="1"/>
  <c r="AC22895" i="1"/>
  <c r="AC22896" i="1"/>
  <c r="AC22897" i="1"/>
  <c r="AC22898" i="1"/>
  <c r="AC22899" i="1"/>
  <c r="AC22900" i="1"/>
  <c r="AC22901" i="1"/>
  <c r="AC22902" i="1"/>
  <c r="AC22903" i="1"/>
  <c r="AC22904" i="1"/>
  <c r="AC22905" i="1"/>
  <c r="AC22906" i="1"/>
  <c r="AC22907" i="1"/>
  <c r="AC22908" i="1"/>
  <c r="AC22909" i="1"/>
  <c r="AC22910" i="1"/>
  <c r="AC22911" i="1"/>
  <c r="AC22912" i="1"/>
  <c r="AC22913" i="1"/>
  <c r="AC22914" i="1"/>
  <c r="AC22915" i="1"/>
  <c r="AC22916" i="1"/>
  <c r="AC22917" i="1"/>
  <c r="AC22918" i="1"/>
  <c r="AC22919" i="1"/>
  <c r="AC22920" i="1"/>
  <c r="AC22921" i="1"/>
  <c r="AC22922" i="1"/>
  <c r="AC22923" i="1"/>
  <c r="AC22924" i="1"/>
  <c r="AC22925" i="1"/>
  <c r="AC22926" i="1"/>
  <c r="AC22927" i="1"/>
  <c r="AC22928" i="1"/>
  <c r="AC22929" i="1"/>
  <c r="AC22930" i="1"/>
  <c r="AC22931" i="1"/>
  <c r="AC22932" i="1"/>
  <c r="AC22933" i="1"/>
  <c r="AC22934" i="1"/>
  <c r="AC22935" i="1"/>
  <c r="AC22936" i="1"/>
  <c r="AC22937" i="1"/>
  <c r="AC22938" i="1"/>
  <c r="AC22939" i="1"/>
  <c r="AC22940" i="1"/>
  <c r="AC22941" i="1"/>
  <c r="AC22942" i="1"/>
  <c r="AC22943" i="1"/>
  <c r="AC22944" i="1"/>
  <c r="AC22945" i="1"/>
  <c r="AC22946" i="1"/>
  <c r="AC22947" i="1"/>
  <c r="AC22948" i="1"/>
  <c r="AC22949" i="1"/>
  <c r="AC22950" i="1"/>
  <c r="AC22951" i="1"/>
  <c r="AC22952" i="1"/>
  <c r="AC22953" i="1"/>
  <c r="AC22954" i="1"/>
  <c r="AC22955" i="1"/>
  <c r="AC22956" i="1"/>
  <c r="AC22957" i="1"/>
  <c r="AC22958" i="1"/>
  <c r="AC22959" i="1"/>
  <c r="AC22960" i="1"/>
  <c r="AC22961" i="1"/>
  <c r="AC22962" i="1"/>
  <c r="AC22963" i="1"/>
  <c r="AC22964" i="1"/>
  <c r="AC22965" i="1"/>
  <c r="AC22966" i="1"/>
  <c r="AC22967" i="1"/>
  <c r="AC22968" i="1"/>
  <c r="AC22969" i="1"/>
  <c r="AC22970" i="1"/>
  <c r="AC22971" i="1"/>
  <c r="AC22972" i="1"/>
  <c r="AC22973" i="1"/>
  <c r="AC22974" i="1"/>
  <c r="AC22975" i="1"/>
  <c r="AC22976" i="1"/>
  <c r="AC22977" i="1"/>
  <c r="AC22978" i="1"/>
  <c r="AC22979" i="1"/>
  <c r="AC22980" i="1"/>
  <c r="AC22981" i="1"/>
  <c r="AC22982" i="1"/>
  <c r="AC22983" i="1"/>
  <c r="AC22984" i="1"/>
  <c r="AC22985" i="1"/>
  <c r="AC22986" i="1"/>
  <c r="AC22987" i="1"/>
  <c r="AC22988" i="1"/>
  <c r="AC22989" i="1"/>
  <c r="AC22990" i="1"/>
  <c r="AC22991" i="1"/>
  <c r="AC22992" i="1"/>
  <c r="AC22993" i="1"/>
  <c r="AC22994" i="1"/>
  <c r="AC22995" i="1"/>
  <c r="AC22996" i="1"/>
  <c r="AC22997" i="1"/>
  <c r="AC22998" i="1"/>
  <c r="AC22999" i="1"/>
  <c r="AC23000" i="1"/>
  <c r="AC23001" i="1"/>
  <c r="AC23002" i="1"/>
  <c r="AC23003" i="1"/>
  <c r="AC23004" i="1"/>
  <c r="AC23005" i="1"/>
  <c r="AC23006" i="1"/>
  <c r="AC23007" i="1"/>
  <c r="AC23008" i="1"/>
  <c r="AC23009" i="1"/>
  <c r="AC23010" i="1"/>
  <c r="AC23011" i="1"/>
  <c r="AC23012" i="1"/>
  <c r="AC23013" i="1"/>
  <c r="AC23014" i="1"/>
  <c r="AC23015" i="1"/>
  <c r="AC23016" i="1"/>
  <c r="AC23017" i="1"/>
  <c r="AC23018" i="1"/>
  <c r="AC23019" i="1"/>
  <c r="AC23020" i="1"/>
  <c r="AC23021" i="1"/>
  <c r="AC23022" i="1"/>
  <c r="AC23023" i="1"/>
  <c r="AC23024" i="1"/>
  <c r="AC23025" i="1"/>
  <c r="AC23026" i="1"/>
  <c r="AC23027" i="1"/>
  <c r="AC23028" i="1"/>
  <c r="AC23029" i="1"/>
  <c r="AC23030" i="1"/>
  <c r="AC23031" i="1"/>
  <c r="AC23032" i="1"/>
  <c r="AC23033" i="1"/>
  <c r="AC23034" i="1"/>
  <c r="AC23035" i="1"/>
  <c r="AC23036" i="1"/>
  <c r="AC23037" i="1"/>
  <c r="AC23038" i="1"/>
  <c r="AC23039" i="1"/>
  <c r="AC23040" i="1"/>
  <c r="AC23041" i="1"/>
  <c r="AC23042" i="1"/>
  <c r="AC23043" i="1"/>
  <c r="AC23044" i="1"/>
  <c r="AC23045" i="1"/>
  <c r="AC23046" i="1"/>
  <c r="AC23047" i="1"/>
  <c r="AC23048" i="1"/>
  <c r="AC23049" i="1"/>
  <c r="AC23050" i="1"/>
  <c r="AC23051" i="1"/>
  <c r="AC23052" i="1"/>
  <c r="AC23053" i="1"/>
  <c r="AC23054" i="1"/>
  <c r="AC23055" i="1"/>
  <c r="AC23056" i="1"/>
  <c r="AC23057" i="1"/>
  <c r="AC23058" i="1"/>
  <c r="AC23059" i="1"/>
  <c r="AC23060" i="1"/>
  <c r="AC23061" i="1"/>
  <c r="AC23062" i="1"/>
  <c r="AC23063" i="1"/>
  <c r="AC23064" i="1"/>
  <c r="AC23065" i="1"/>
  <c r="AC23066" i="1"/>
  <c r="AC23067" i="1"/>
  <c r="AC23068" i="1"/>
  <c r="AC23069" i="1"/>
  <c r="AC23070" i="1"/>
  <c r="AC23071" i="1"/>
  <c r="AC23072" i="1"/>
  <c r="AC23073" i="1"/>
  <c r="AC23074" i="1"/>
  <c r="AC23075" i="1"/>
  <c r="AC23076" i="1"/>
  <c r="AC23077" i="1"/>
  <c r="AC23078" i="1"/>
  <c r="AC23079" i="1"/>
  <c r="AC23080" i="1"/>
  <c r="AC23081" i="1"/>
  <c r="AC23082" i="1"/>
  <c r="AC23083" i="1"/>
  <c r="AC23084" i="1"/>
  <c r="AC23085" i="1"/>
  <c r="AC23086" i="1"/>
  <c r="AC23087" i="1"/>
  <c r="AC23088" i="1"/>
  <c r="AC23089" i="1"/>
  <c r="AC23090" i="1"/>
  <c r="AC23091" i="1"/>
  <c r="AC23092" i="1"/>
  <c r="AC23093" i="1"/>
  <c r="AC23094" i="1"/>
  <c r="AC23095" i="1"/>
  <c r="AC23096" i="1"/>
  <c r="AC23097" i="1"/>
  <c r="AC23098" i="1"/>
  <c r="AC23099" i="1"/>
  <c r="AC23100" i="1"/>
  <c r="AC23101" i="1"/>
  <c r="AC23102" i="1"/>
  <c r="AC23103" i="1"/>
  <c r="AC23104" i="1"/>
  <c r="AC23105" i="1"/>
  <c r="AC23106" i="1"/>
  <c r="AC23107" i="1"/>
  <c r="AC23108" i="1"/>
  <c r="AC23109" i="1"/>
  <c r="AC23110" i="1"/>
  <c r="AC23111" i="1"/>
  <c r="AC23112" i="1"/>
  <c r="AC23113" i="1"/>
  <c r="AC23114" i="1"/>
  <c r="AC23115" i="1"/>
  <c r="AC23116" i="1"/>
  <c r="AC23117" i="1"/>
  <c r="AC23118" i="1"/>
  <c r="AC23119" i="1"/>
  <c r="AC23120" i="1"/>
  <c r="AC23121" i="1"/>
  <c r="AC23122" i="1"/>
  <c r="AC23123" i="1"/>
  <c r="AC23124" i="1"/>
  <c r="AC23125" i="1"/>
  <c r="AC23126" i="1"/>
  <c r="AC23127" i="1"/>
  <c r="AC23128" i="1"/>
  <c r="AC23129" i="1"/>
  <c r="AC23130" i="1"/>
  <c r="AC23131" i="1"/>
  <c r="AC23132" i="1"/>
  <c r="AC23133" i="1"/>
  <c r="AC23134" i="1"/>
  <c r="AC23135" i="1"/>
  <c r="AC23136" i="1"/>
  <c r="AC23137" i="1"/>
  <c r="AC23138" i="1"/>
  <c r="AC23139" i="1"/>
  <c r="AC23140" i="1"/>
  <c r="AC23141" i="1"/>
  <c r="AC23142" i="1"/>
  <c r="AC23143" i="1"/>
  <c r="AC23144" i="1"/>
  <c r="AC23145" i="1"/>
  <c r="AC23146" i="1"/>
  <c r="AC23147" i="1"/>
  <c r="AC23148" i="1"/>
  <c r="AC23149" i="1"/>
  <c r="AC23150" i="1"/>
  <c r="AC23151" i="1"/>
  <c r="AC23152" i="1"/>
  <c r="AC23153" i="1"/>
  <c r="AC23154" i="1"/>
  <c r="AC23155" i="1"/>
  <c r="AC23156" i="1"/>
  <c r="AC23157" i="1"/>
  <c r="AC23158" i="1"/>
  <c r="AC23159" i="1"/>
  <c r="AC23160" i="1"/>
  <c r="AC23161" i="1"/>
  <c r="AC23162" i="1"/>
  <c r="AC23163" i="1"/>
  <c r="AC23164" i="1"/>
  <c r="AC23165" i="1"/>
  <c r="AC23166" i="1"/>
  <c r="AC23167" i="1"/>
  <c r="AC23168" i="1"/>
  <c r="AC23169" i="1"/>
  <c r="AC23170" i="1"/>
  <c r="AC23171" i="1"/>
  <c r="AC23172" i="1"/>
  <c r="AC23173" i="1"/>
  <c r="AC23174" i="1"/>
  <c r="AC23175" i="1"/>
  <c r="AC23176" i="1"/>
  <c r="AC23177" i="1"/>
  <c r="AC23178" i="1"/>
  <c r="AC23179" i="1"/>
  <c r="AC23180" i="1"/>
  <c r="AC23181" i="1"/>
  <c r="AC23182" i="1"/>
  <c r="AC23183" i="1"/>
  <c r="AC23184" i="1"/>
  <c r="AC23185" i="1"/>
  <c r="AC23186" i="1"/>
  <c r="AC23187" i="1"/>
  <c r="AC23188" i="1"/>
  <c r="AC23189" i="1"/>
  <c r="AC23190" i="1"/>
  <c r="AC23191" i="1"/>
  <c r="AC23192" i="1"/>
  <c r="AC23193" i="1"/>
  <c r="AC23194" i="1"/>
  <c r="AC23195" i="1"/>
  <c r="AC23196" i="1"/>
  <c r="AC23197" i="1"/>
  <c r="AC23198" i="1"/>
  <c r="AC23199" i="1"/>
  <c r="AC23200" i="1"/>
  <c r="AC23201" i="1"/>
  <c r="AC23202" i="1"/>
  <c r="AC23203" i="1"/>
  <c r="AC23204" i="1"/>
  <c r="AC23205" i="1"/>
  <c r="AC23206" i="1"/>
  <c r="AC23207" i="1"/>
  <c r="AC23208" i="1"/>
  <c r="AC23209" i="1"/>
  <c r="AC23210" i="1"/>
  <c r="AC23211" i="1"/>
  <c r="AC23212" i="1"/>
  <c r="AC23213" i="1"/>
  <c r="AC23214" i="1"/>
  <c r="AC23215" i="1"/>
  <c r="AC23216" i="1"/>
  <c r="AC23217" i="1"/>
  <c r="AC23218" i="1"/>
  <c r="AC23219" i="1"/>
  <c r="AC23220" i="1"/>
  <c r="AC23221" i="1"/>
  <c r="AC23222" i="1"/>
  <c r="AC23223" i="1"/>
  <c r="AC23224" i="1"/>
  <c r="AC23225" i="1"/>
  <c r="AC23226" i="1"/>
  <c r="AC23227" i="1"/>
  <c r="AC23228" i="1"/>
  <c r="AC23229" i="1"/>
  <c r="AC23230" i="1"/>
  <c r="AC23231" i="1"/>
  <c r="AC23232" i="1"/>
  <c r="AC23233" i="1"/>
  <c r="AC23234" i="1"/>
  <c r="AC23235" i="1"/>
  <c r="AC23236" i="1"/>
  <c r="AC23237" i="1"/>
  <c r="AC23238" i="1"/>
  <c r="AC23239" i="1"/>
  <c r="AC23240" i="1"/>
  <c r="AC23241" i="1"/>
  <c r="AC23242" i="1"/>
  <c r="AC23243" i="1"/>
  <c r="AC23244" i="1"/>
  <c r="AC23245" i="1"/>
  <c r="AC23246" i="1"/>
  <c r="AC23247" i="1"/>
  <c r="AC23248" i="1"/>
  <c r="AC23249" i="1"/>
  <c r="AC23250" i="1"/>
  <c r="AC23251" i="1"/>
  <c r="AC23252" i="1"/>
  <c r="AC23253" i="1"/>
  <c r="AC23254" i="1"/>
  <c r="AC23255" i="1"/>
  <c r="AC23256" i="1"/>
  <c r="AC23257" i="1"/>
  <c r="AC23258" i="1"/>
  <c r="AC23259" i="1"/>
  <c r="AC23260" i="1"/>
  <c r="AC23261" i="1"/>
  <c r="AC23262" i="1"/>
  <c r="AC23263" i="1"/>
  <c r="AC23264" i="1"/>
  <c r="AC23265" i="1"/>
  <c r="AC23266" i="1"/>
  <c r="AC23267" i="1"/>
  <c r="AC23268" i="1"/>
  <c r="AC23269" i="1"/>
  <c r="AC23270" i="1"/>
  <c r="AC23271" i="1"/>
  <c r="AC23272" i="1"/>
  <c r="AC23273" i="1"/>
  <c r="AC23274" i="1"/>
  <c r="AC23275" i="1"/>
  <c r="AC23276" i="1"/>
  <c r="AC23277" i="1"/>
  <c r="AC23278" i="1"/>
  <c r="AC23279" i="1"/>
  <c r="AC23280" i="1"/>
  <c r="AC23281" i="1"/>
  <c r="AC23282" i="1"/>
  <c r="AC23283" i="1"/>
  <c r="AC23284" i="1"/>
  <c r="AC23285" i="1"/>
  <c r="AC23286" i="1"/>
  <c r="AC23287" i="1"/>
  <c r="AC23288" i="1"/>
  <c r="AC23289" i="1"/>
  <c r="AC23290" i="1"/>
  <c r="AC23291" i="1"/>
  <c r="AC23292" i="1"/>
  <c r="AC23293" i="1"/>
  <c r="AC23294" i="1"/>
  <c r="AC23295" i="1"/>
  <c r="AC23296" i="1"/>
  <c r="AC23297" i="1"/>
  <c r="AC23298" i="1"/>
  <c r="AC23299" i="1"/>
  <c r="AC23300" i="1"/>
  <c r="AC23301" i="1"/>
  <c r="AC23302" i="1"/>
  <c r="AC23303" i="1"/>
  <c r="AC23304" i="1"/>
  <c r="AC23305" i="1"/>
  <c r="AC23306" i="1"/>
  <c r="AC23307" i="1"/>
  <c r="AC23308" i="1"/>
  <c r="AC23309" i="1"/>
  <c r="AC23310" i="1"/>
  <c r="AC23311" i="1"/>
  <c r="AC23312" i="1"/>
  <c r="AC23313" i="1"/>
  <c r="AC23314" i="1"/>
  <c r="AC23315" i="1"/>
  <c r="AC23316" i="1"/>
  <c r="AC23317" i="1"/>
  <c r="AC23318" i="1"/>
  <c r="AC23319" i="1"/>
  <c r="AC23320" i="1"/>
  <c r="AC23321" i="1"/>
  <c r="AC23322" i="1"/>
  <c r="AC23323" i="1"/>
  <c r="AC23324" i="1"/>
  <c r="AC23325" i="1"/>
  <c r="AC23326" i="1"/>
  <c r="AC23327" i="1"/>
  <c r="AC23328" i="1"/>
  <c r="AC23329" i="1"/>
  <c r="AC23330" i="1"/>
  <c r="AC23331" i="1"/>
  <c r="AC23332" i="1"/>
  <c r="AC23333" i="1"/>
  <c r="AC23334" i="1"/>
  <c r="AC23335" i="1"/>
  <c r="AC23336" i="1"/>
  <c r="AC23337" i="1"/>
  <c r="AC23338" i="1"/>
  <c r="AC23339" i="1"/>
  <c r="AC23340" i="1"/>
  <c r="AC23341" i="1"/>
  <c r="AC23342" i="1"/>
  <c r="AC23343" i="1"/>
  <c r="AC23344" i="1"/>
  <c r="AC23345" i="1"/>
  <c r="AC23346" i="1"/>
  <c r="AC23347" i="1"/>
  <c r="AC23348" i="1"/>
  <c r="AC23349" i="1"/>
  <c r="AC23350" i="1"/>
  <c r="AC23351" i="1"/>
  <c r="AC23352" i="1"/>
  <c r="AC23353" i="1"/>
  <c r="AC23354" i="1"/>
  <c r="AC23355" i="1"/>
  <c r="AC23356" i="1"/>
  <c r="AC23357" i="1"/>
  <c r="AC23358" i="1"/>
  <c r="AC23359" i="1"/>
  <c r="AC23360" i="1"/>
  <c r="AC23361" i="1"/>
  <c r="AC23362" i="1"/>
  <c r="AC23363" i="1"/>
  <c r="AC23364" i="1"/>
  <c r="AC23365" i="1"/>
  <c r="AC23366" i="1"/>
  <c r="AC23367" i="1"/>
  <c r="AC23368" i="1"/>
  <c r="AC23369" i="1"/>
  <c r="AC23370" i="1"/>
  <c r="AC23371" i="1"/>
  <c r="AC23372" i="1"/>
  <c r="AC23373" i="1"/>
  <c r="AC23374" i="1"/>
  <c r="AC23375" i="1"/>
  <c r="AC23376" i="1"/>
  <c r="AC23377" i="1"/>
  <c r="AC23378" i="1"/>
  <c r="AC23379" i="1"/>
  <c r="AC23380" i="1"/>
  <c r="AC23381" i="1"/>
  <c r="AC23382" i="1"/>
  <c r="AC23383" i="1"/>
  <c r="AC23384" i="1"/>
  <c r="AC23385" i="1"/>
  <c r="AC23386" i="1"/>
  <c r="AC23387" i="1"/>
  <c r="AC23388" i="1"/>
  <c r="AC23389" i="1"/>
  <c r="AC23390" i="1"/>
  <c r="AC23391" i="1"/>
  <c r="AC23392" i="1"/>
  <c r="AC23393" i="1"/>
  <c r="AC23394" i="1"/>
  <c r="AC23395" i="1"/>
  <c r="AC23396" i="1"/>
  <c r="AC23397" i="1"/>
  <c r="AC23398" i="1"/>
  <c r="AC23399" i="1"/>
  <c r="AC23400" i="1"/>
  <c r="AC23401" i="1"/>
  <c r="AC23402" i="1"/>
  <c r="AC23403" i="1"/>
  <c r="AC23404" i="1"/>
  <c r="AC23405" i="1"/>
  <c r="AC23406" i="1"/>
  <c r="AC23407" i="1"/>
  <c r="AC23408" i="1"/>
  <c r="AC23409" i="1"/>
  <c r="AC23410" i="1"/>
  <c r="AC23411" i="1"/>
  <c r="AC23412" i="1"/>
  <c r="AC23413" i="1"/>
  <c r="AC23414" i="1"/>
  <c r="AC23415" i="1"/>
  <c r="AC23416" i="1"/>
  <c r="AC23417" i="1"/>
  <c r="AC23418" i="1"/>
  <c r="AC23419" i="1"/>
  <c r="AC23420" i="1"/>
  <c r="AC23421" i="1"/>
  <c r="AC23422" i="1"/>
  <c r="AC23423" i="1"/>
  <c r="AC23424" i="1"/>
  <c r="AC23425" i="1"/>
  <c r="AC23426" i="1"/>
  <c r="AC23427" i="1"/>
  <c r="AC23428" i="1"/>
  <c r="AC23429" i="1"/>
  <c r="AC23430" i="1"/>
  <c r="AC23431" i="1"/>
  <c r="AC23432" i="1"/>
  <c r="AC23433" i="1"/>
  <c r="AC23434" i="1"/>
  <c r="AC23435" i="1"/>
  <c r="AC23436" i="1"/>
  <c r="AC23437" i="1"/>
  <c r="AC23438" i="1"/>
  <c r="AC23439" i="1"/>
  <c r="AC23440" i="1"/>
  <c r="AC23441" i="1"/>
  <c r="AC23442" i="1"/>
  <c r="AC23443" i="1"/>
  <c r="AC23444" i="1"/>
  <c r="AC23445" i="1"/>
  <c r="AC23446" i="1"/>
  <c r="AC23447" i="1"/>
  <c r="AC23448" i="1"/>
  <c r="AC23449" i="1"/>
  <c r="AC23450" i="1"/>
  <c r="AC23451" i="1"/>
  <c r="AC23452" i="1"/>
  <c r="AC23453" i="1"/>
  <c r="AC23454" i="1"/>
  <c r="AC23455" i="1"/>
  <c r="AC23456" i="1"/>
  <c r="AC23457" i="1"/>
  <c r="AC23458" i="1"/>
  <c r="AC23459" i="1"/>
  <c r="AC23460" i="1"/>
  <c r="AC23461" i="1"/>
  <c r="AC23462" i="1"/>
  <c r="AC23463" i="1"/>
  <c r="AC23464" i="1"/>
  <c r="AC23465" i="1"/>
  <c r="AC23466" i="1"/>
  <c r="AC23467" i="1"/>
  <c r="AC23468" i="1"/>
  <c r="AC23469" i="1"/>
  <c r="AC23470" i="1"/>
  <c r="AC23471" i="1"/>
  <c r="AC23472" i="1"/>
  <c r="AC23473" i="1"/>
  <c r="AC23474" i="1"/>
  <c r="AC23475" i="1"/>
  <c r="AC23476" i="1"/>
  <c r="AC23477" i="1"/>
  <c r="AC23478" i="1"/>
  <c r="AC23479" i="1"/>
  <c r="AC23480" i="1"/>
  <c r="AC23481" i="1"/>
  <c r="AC23482" i="1"/>
  <c r="AC23483" i="1"/>
  <c r="AC23484" i="1"/>
  <c r="AC23485" i="1"/>
  <c r="AC23486" i="1"/>
  <c r="AC23487" i="1"/>
  <c r="AC23488" i="1"/>
  <c r="AC23489" i="1"/>
  <c r="AC23490" i="1"/>
  <c r="AC23491" i="1"/>
  <c r="AC23492" i="1"/>
  <c r="AC23493" i="1"/>
  <c r="AC23494" i="1"/>
  <c r="AC23495" i="1"/>
  <c r="AC23496" i="1"/>
  <c r="AC23497" i="1"/>
  <c r="AC23498" i="1"/>
  <c r="AC23499" i="1"/>
  <c r="AC23500" i="1"/>
  <c r="AC23501" i="1"/>
  <c r="AC23502" i="1"/>
  <c r="AC23503" i="1"/>
  <c r="AC23504" i="1"/>
  <c r="AC23505" i="1"/>
  <c r="AC23506" i="1"/>
  <c r="AC23507" i="1"/>
  <c r="AC23508" i="1"/>
  <c r="AC23509" i="1"/>
  <c r="AC23510" i="1"/>
  <c r="AC23511" i="1"/>
  <c r="AC23512" i="1"/>
  <c r="AC23513" i="1"/>
  <c r="AC23514" i="1"/>
  <c r="AC23515" i="1"/>
  <c r="AC23516" i="1"/>
  <c r="AC23517" i="1"/>
  <c r="AC23518" i="1"/>
  <c r="AC23519" i="1"/>
  <c r="AC23520" i="1"/>
  <c r="AC23521" i="1"/>
  <c r="AC23522" i="1"/>
  <c r="AC23523" i="1"/>
  <c r="AC23524" i="1"/>
  <c r="AC23525" i="1"/>
  <c r="AC23526" i="1"/>
  <c r="AC23527" i="1"/>
  <c r="AC23528" i="1"/>
  <c r="AC23529" i="1"/>
  <c r="AC23530" i="1"/>
  <c r="AC23531" i="1"/>
  <c r="AC23532" i="1"/>
  <c r="AC23533" i="1"/>
  <c r="AC23534" i="1"/>
  <c r="AC23535" i="1"/>
  <c r="AC23536" i="1"/>
  <c r="AC23537" i="1"/>
  <c r="AC23538" i="1"/>
  <c r="AC23539" i="1"/>
  <c r="AC23540" i="1"/>
  <c r="AC23541" i="1"/>
  <c r="AC23542" i="1"/>
  <c r="AC23543" i="1"/>
  <c r="AC23544" i="1"/>
  <c r="AC23545" i="1"/>
  <c r="AC23546" i="1"/>
  <c r="AC23547" i="1"/>
  <c r="AC23548" i="1"/>
  <c r="AC23549" i="1"/>
  <c r="AC23550" i="1"/>
  <c r="AC23551" i="1"/>
  <c r="AC23552" i="1"/>
  <c r="AC23553" i="1"/>
  <c r="AC23554" i="1"/>
  <c r="AC23555" i="1"/>
  <c r="AC23556" i="1"/>
  <c r="AC23557" i="1"/>
  <c r="AC23558" i="1"/>
  <c r="AC23559" i="1"/>
  <c r="AC23560" i="1"/>
  <c r="AC23561" i="1"/>
  <c r="AC23562" i="1"/>
  <c r="AC23563" i="1"/>
  <c r="AC23564" i="1"/>
  <c r="AC23565" i="1"/>
  <c r="AC23566" i="1"/>
  <c r="AC23567" i="1"/>
  <c r="AC23568" i="1"/>
  <c r="AC23569" i="1"/>
  <c r="AC23570" i="1"/>
  <c r="AC23571" i="1"/>
  <c r="AC23572" i="1"/>
  <c r="AC23573" i="1"/>
  <c r="AC23574" i="1"/>
  <c r="AC23575" i="1"/>
  <c r="AC23576" i="1"/>
  <c r="AC23577" i="1"/>
  <c r="AC23578" i="1"/>
  <c r="AC23579" i="1"/>
  <c r="AC23580" i="1"/>
  <c r="AC23581" i="1"/>
  <c r="AC23582" i="1"/>
  <c r="AC23583" i="1"/>
  <c r="AC23584" i="1"/>
  <c r="AC23585" i="1"/>
  <c r="AC23586" i="1"/>
  <c r="AC23587" i="1"/>
  <c r="AC23588" i="1"/>
  <c r="AC23589" i="1"/>
  <c r="AC23590" i="1"/>
  <c r="AC23591" i="1"/>
  <c r="AC23592" i="1"/>
  <c r="AC23593" i="1"/>
  <c r="AC23594" i="1"/>
  <c r="AC23595" i="1"/>
  <c r="AC23596" i="1"/>
  <c r="AC23597" i="1"/>
  <c r="AC23598" i="1"/>
  <c r="AC23599" i="1"/>
  <c r="AC23600" i="1"/>
  <c r="AC23601" i="1"/>
  <c r="AC23602" i="1"/>
  <c r="AC23603" i="1"/>
  <c r="AC23604" i="1"/>
  <c r="AC23605" i="1"/>
  <c r="AC23606" i="1"/>
  <c r="AC23607" i="1"/>
  <c r="AC23608" i="1"/>
  <c r="AC23609" i="1"/>
  <c r="AC23610" i="1"/>
  <c r="AC23611" i="1"/>
  <c r="AC23612" i="1"/>
  <c r="AC23613" i="1"/>
  <c r="AC23614" i="1"/>
  <c r="AC23615" i="1"/>
  <c r="AC23616" i="1"/>
  <c r="AC23617" i="1"/>
  <c r="AC23618" i="1"/>
  <c r="AC23619" i="1"/>
  <c r="AC23620" i="1"/>
  <c r="AC23621" i="1"/>
  <c r="AC23622" i="1"/>
  <c r="AC23623" i="1"/>
  <c r="AC23624" i="1"/>
  <c r="AC23625" i="1"/>
  <c r="AC23626" i="1"/>
  <c r="AC23627" i="1"/>
  <c r="AC23628" i="1"/>
  <c r="AC23629" i="1"/>
  <c r="AC23630" i="1"/>
  <c r="AC23631" i="1"/>
  <c r="AC23632" i="1"/>
  <c r="AC23633" i="1"/>
  <c r="AC23634" i="1"/>
  <c r="AC23635" i="1"/>
  <c r="AC23636" i="1"/>
  <c r="AC23637" i="1"/>
  <c r="AC23638" i="1"/>
  <c r="AC23639" i="1"/>
  <c r="AC23640" i="1"/>
  <c r="AC23641" i="1"/>
  <c r="AC23642" i="1"/>
  <c r="AC23643" i="1"/>
  <c r="AC23644" i="1"/>
  <c r="AC23645" i="1"/>
  <c r="AC23646" i="1"/>
  <c r="AC23647" i="1"/>
  <c r="AC23648" i="1"/>
  <c r="AC23649" i="1"/>
  <c r="AC23650" i="1"/>
  <c r="AC23651" i="1"/>
  <c r="AC23652" i="1"/>
  <c r="AC23653" i="1"/>
  <c r="AC23654" i="1"/>
  <c r="AC23655" i="1"/>
  <c r="AC23656" i="1"/>
  <c r="AC23657" i="1"/>
  <c r="AC23658" i="1"/>
  <c r="AC23659" i="1"/>
  <c r="AC23660" i="1"/>
  <c r="AC23661" i="1"/>
  <c r="AC23662" i="1"/>
  <c r="AC23663" i="1"/>
  <c r="AC23664" i="1"/>
  <c r="AC23665" i="1"/>
  <c r="AC23666" i="1"/>
  <c r="AC23667" i="1"/>
  <c r="AC23668" i="1"/>
  <c r="AC23669" i="1"/>
  <c r="AC23670" i="1"/>
  <c r="AC23671" i="1"/>
  <c r="AC23672" i="1"/>
  <c r="AC23673" i="1"/>
  <c r="AC23674" i="1"/>
  <c r="AC23675" i="1"/>
  <c r="AC23676" i="1"/>
  <c r="AC23677" i="1"/>
  <c r="AC23678" i="1"/>
  <c r="AC23679" i="1"/>
  <c r="AC23680" i="1"/>
  <c r="AC23681" i="1"/>
  <c r="AC23682" i="1"/>
  <c r="AC23683" i="1"/>
  <c r="AC23684" i="1"/>
  <c r="AC23685" i="1"/>
  <c r="AC23686" i="1"/>
  <c r="AC23687" i="1"/>
  <c r="AC23688" i="1"/>
  <c r="AC23689" i="1"/>
  <c r="AC23690" i="1"/>
  <c r="AC23691" i="1"/>
  <c r="AC23692" i="1"/>
  <c r="AC23693" i="1"/>
  <c r="AC23694" i="1"/>
  <c r="AC23695" i="1"/>
  <c r="AC23696" i="1"/>
  <c r="AC23697" i="1"/>
  <c r="AC23698" i="1"/>
  <c r="AC23699" i="1"/>
  <c r="AC23700" i="1"/>
  <c r="AC23701" i="1"/>
  <c r="AC23702" i="1"/>
  <c r="AC23703" i="1"/>
  <c r="AC23704" i="1"/>
  <c r="AC23705" i="1"/>
  <c r="AC23706" i="1"/>
  <c r="AC23707" i="1"/>
  <c r="AC23708" i="1"/>
  <c r="AC23709" i="1"/>
  <c r="AC23710" i="1"/>
  <c r="AC23711" i="1"/>
  <c r="AC23712" i="1"/>
  <c r="AC23713" i="1"/>
  <c r="AC23714" i="1"/>
  <c r="AC23715" i="1"/>
  <c r="AC23716" i="1"/>
  <c r="AC23717" i="1"/>
  <c r="AC23718" i="1"/>
  <c r="AC23719" i="1"/>
  <c r="AC23720" i="1"/>
  <c r="AC23721" i="1"/>
  <c r="AC23722" i="1"/>
  <c r="AC23723" i="1"/>
  <c r="AC23724" i="1"/>
  <c r="AC23725" i="1"/>
  <c r="AC23726" i="1"/>
  <c r="AC23727" i="1"/>
  <c r="AC23728" i="1"/>
  <c r="AC23729" i="1"/>
  <c r="AC23730" i="1"/>
  <c r="AC23731" i="1"/>
  <c r="AC23732" i="1"/>
  <c r="AC23733" i="1"/>
  <c r="AC23734" i="1"/>
  <c r="AC23735" i="1"/>
  <c r="AC23736" i="1"/>
  <c r="AC23737" i="1"/>
  <c r="AC23738" i="1"/>
  <c r="AC23739" i="1"/>
  <c r="AC23740" i="1"/>
  <c r="AC23741" i="1"/>
  <c r="AC23742" i="1"/>
  <c r="AC23743" i="1"/>
  <c r="AC23744" i="1"/>
  <c r="AC23745" i="1"/>
  <c r="AC23746" i="1"/>
  <c r="AC23747" i="1"/>
  <c r="AC23748" i="1"/>
  <c r="AC23749" i="1"/>
  <c r="AC23750" i="1"/>
  <c r="AC23751" i="1"/>
  <c r="AC23752" i="1"/>
  <c r="AC23753" i="1"/>
  <c r="AC23754" i="1"/>
  <c r="AC23755" i="1"/>
  <c r="AC23756" i="1"/>
  <c r="AC23757" i="1"/>
  <c r="AC23758" i="1"/>
  <c r="AC23759" i="1"/>
  <c r="AC23760" i="1"/>
  <c r="AC23761" i="1"/>
  <c r="AC23762" i="1"/>
  <c r="AC23763" i="1"/>
  <c r="AC23764" i="1"/>
  <c r="AC23765" i="1"/>
  <c r="AC23766" i="1"/>
  <c r="AC23767" i="1"/>
  <c r="AC23768" i="1"/>
  <c r="AC23769" i="1"/>
  <c r="AC23770" i="1"/>
  <c r="AC23771" i="1"/>
  <c r="AC23772" i="1"/>
  <c r="AC23773" i="1"/>
  <c r="AC23774" i="1"/>
  <c r="AC23775" i="1"/>
  <c r="AC23776" i="1"/>
  <c r="AC23777" i="1"/>
  <c r="AC23778" i="1"/>
  <c r="AC23779" i="1"/>
  <c r="AC23780" i="1"/>
  <c r="AC23781" i="1"/>
  <c r="AC23782" i="1"/>
  <c r="AC23783" i="1"/>
  <c r="AC23784" i="1"/>
  <c r="AC23785" i="1"/>
  <c r="AC23786" i="1"/>
  <c r="AC23787" i="1"/>
  <c r="AC23788" i="1"/>
  <c r="AC23789" i="1"/>
  <c r="AC23790" i="1"/>
  <c r="AC23791" i="1"/>
  <c r="AC23792" i="1"/>
  <c r="AC23793" i="1"/>
  <c r="AC23794" i="1"/>
  <c r="AC23795" i="1"/>
  <c r="AC23796" i="1"/>
  <c r="AC23797" i="1"/>
  <c r="AC23798" i="1"/>
  <c r="AC23799" i="1"/>
  <c r="AC23800" i="1"/>
  <c r="AC23801" i="1"/>
  <c r="AC23802" i="1"/>
  <c r="AC23803" i="1"/>
  <c r="AC23804" i="1"/>
  <c r="AC23805" i="1"/>
  <c r="AC23806" i="1"/>
  <c r="AC23807" i="1"/>
  <c r="AC23808" i="1"/>
  <c r="AC23809" i="1"/>
  <c r="AC23810" i="1"/>
  <c r="AC23811" i="1"/>
  <c r="AC23812" i="1"/>
  <c r="AC23813" i="1"/>
  <c r="AC23814" i="1"/>
  <c r="AC23815" i="1"/>
  <c r="AC23816" i="1"/>
  <c r="AC23817" i="1"/>
  <c r="AC23818" i="1"/>
  <c r="AC23819" i="1"/>
  <c r="AC23820" i="1"/>
  <c r="AC23821" i="1"/>
  <c r="AC23822" i="1"/>
  <c r="AC23823" i="1"/>
  <c r="AC23824" i="1"/>
  <c r="AC23825" i="1"/>
  <c r="AC23826" i="1"/>
  <c r="AC23827" i="1"/>
  <c r="AC23828" i="1"/>
  <c r="AC23829" i="1"/>
  <c r="AC23830" i="1"/>
  <c r="AC23831" i="1"/>
  <c r="AC23832" i="1"/>
  <c r="AC23833" i="1"/>
  <c r="AC23834" i="1"/>
  <c r="AC23835" i="1"/>
  <c r="AC23836" i="1"/>
  <c r="AC23837" i="1"/>
  <c r="AC23838" i="1"/>
  <c r="AC23839" i="1"/>
  <c r="AC23840" i="1"/>
  <c r="AC23841" i="1"/>
  <c r="AC23842" i="1"/>
  <c r="AC23843" i="1"/>
  <c r="AC23844" i="1"/>
  <c r="AC23845" i="1"/>
  <c r="AC23846" i="1"/>
  <c r="AC23847" i="1"/>
  <c r="AC23848" i="1"/>
  <c r="AC23849" i="1"/>
  <c r="AC23850" i="1"/>
  <c r="AC23851" i="1"/>
  <c r="AC23852" i="1"/>
  <c r="AC23853" i="1"/>
  <c r="AC23854" i="1"/>
  <c r="AC23855" i="1"/>
  <c r="AC23856" i="1"/>
  <c r="AC23857" i="1"/>
  <c r="AC23858" i="1"/>
  <c r="AC23859" i="1"/>
  <c r="AC23860" i="1"/>
  <c r="AC23861" i="1"/>
  <c r="AC23862" i="1"/>
  <c r="AC23863" i="1"/>
  <c r="AC23864" i="1"/>
  <c r="AC23865" i="1"/>
  <c r="AC23866" i="1"/>
  <c r="AC23867" i="1"/>
  <c r="AC23868" i="1"/>
  <c r="AC23869" i="1"/>
  <c r="AC23870" i="1"/>
  <c r="AC23871" i="1"/>
  <c r="AC23872" i="1"/>
  <c r="AC23873" i="1"/>
  <c r="AC23874" i="1"/>
  <c r="AC23875" i="1"/>
  <c r="AC23876" i="1"/>
  <c r="AC23877" i="1"/>
  <c r="AC23878" i="1"/>
  <c r="AC23879" i="1"/>
  <c r="AC23880" i="1"/>
  <c r="AC23881" i="1"/>
  <c r="AC23882" i="1"/>
  <c r="AC23883" i="1"/>
  <c r="AC23884" i="1"/>
  <c r="AC23885" i="1"/>
  <c r="AC23886" i="1"/>
  <c r="AC23887" i="1"/>
  <c r="AC23888" i="1"/>
  <c r="AC23889" i="1"/>
  <c r="AC23890" i="1"/>
  <c r="AC23891" i="1"/>
  <c r="AC23892" i="1"/>
  <c r="AC23893" i="1"/>
  <c r="AC23894" i="1"/>
  <c r="AC23895" i="1"/>
  <c r="AC23896" i="1"/>
  <c r="AC23897" i="1"/>
  <c r="AC23898" i="1"/>
  <c r="AC23899" i="1"/>
  <c r="AC23900" i="1"/>
  <c r="AC23901" i="1"/>
  <c r="AC23902" i="1"/>
  <c r="AC23903" i="1"/>
  <c r="AC23904" i="1"/>
  <c r="AC23905" i="1"/>
  <c r="AC23906" i="1"/>
  <c r="AC23907" i="1"/>
  <c r="AC23908" i="1"/>
  <c r="AC23909" i="1"/>
  <c r="AC23910" i="1"/>
  <c r="AC23911" i="1"/>
  <c r="AC23912" i="1"/>
  <c r="AC23913" i="1"/>
  <c r="AC23914" i="1"/>
  <c r="AC23915" i="1"/>
  <c r="AC23916" i="1"/>
  <c r="AC23917" i="1"/>
  <c r="AC23918" i="1"/>
  <c r="AC23919" i="1"/>
  <c r="AC23920" i="1"/>
  <c r="AC23921" i="1"/>
  <c r="AC23922" i="1"/>
  <c r="AC23923" i="1"/>
  <c r="AC23924" i="1"/>
  <c r="AC23925" i="1"/>
  <c r="AC23926" i="1"/>
  <c r="AC23927" i="1"/>
  <c r="AC23928" i="1"/>
  <c r="AC23929" i="1"/>
  <c r="AC23930" i="1"/>
  <c r="AC23931" i="1"/>
  <c r="AC23932" i="1"/>
  <c r="AC23933" i="1"/>
  <c r="AC23934" i="1"/>
  <c r="AC23935" i="1"/>
  <c r="AC23936" i="1"/>
  <c r="AC23937" i="1"/>
  <c r="AC23938" i="1"/>
  <c r="AC23939" i="1"/>
  <c r="AC23940" i="1"/>
  <c r="AC23941" i="1"/>
  <c r="AC23942" i="1"/>
  <c r="AC23943" i="1"/>
  <c r="AC23944" i="1"/>
  <c r="AC23945" i="1"/>
  <c r="AC23946" i="1"/>
  <c r="AC23947" i="1"/>
  <c r="AC23948" i="1"/>
  <c r="AC23949" i="1"/>
  <c r="AC23950" i="1"/>
  <c r="AC23951" i="1"/>
  <c r="AC23952" i="1"/>
  <c r="AC23953" i="1"/>
  <c r="AC23954" i="1"/>
  <c r="AC23955" i="1"/>
  <c r="AC23956" i="1"/>
  <c r="AC23957" i="1"/>
  <c r="AC23958" i="1"/>
  <c r="AC23959" i="1"/>
  <c r="AC23960" i="1"/>
  <c r="AC23961" i="1"/>
  <c r="AC23962" i="1"/>
  <c r="AC23963" i="1"/>
  <c r="AC23964" i="1"/>
  <c r="AC23965" i="1"/>
  <c r="AC23966" i="1"/>
  <c r="AC23967" i="1"/>
  <c r="AC23968" i="1"/>
  <c r="AC23969" i="1"/>
  <c r="AC23970" i="1"/>
  <c r="AC23971" i="1"/>
  <c r="AC23972" i="1"/>
  <c r="AC23973" i="1"/>
  <c r="AC23974" i="1"/>
  <c r="AC23975" i="1"/>
  <c r="AC23976" i="1"/>
  <c r="AC23977" i="1"/>
  <c r="AC23978" i="1"/>
  <c r="AC23979" i="1"/>
  <c r="AC23980" i="1"/>
  <c r="AC23981" i="1"/>
  <c r="AC23982" i="1"/>
  <c r="AC23983" i="1"/>
  <c r="AC23984" i="1"/>
  <c r="AC23985" i="1"/>
  <c r="AC23986" i="1"/>
  <c r="AC23987" i="1"/>
  <c r="AC23988" i="1"/>
  <c r="AC23989" i="1"/>
  <c r="AC23990" i="1"/>
  <c r="AC23991" i="1"/>
  <c r="AC23992" i="1"/>
  <c r="AC23993" i="1"/>
  <c r="AC23994" i="1"/>
  <c r="AC23995" i="1"/>
  <c r="AC23996" i="1"/>
  <c r="AC23997" i="1"/>
  <c r="AC23998" i="1"/>
  <c r="AC23999" i="1"/>
  <c r="AC24000" i="1"/>
  <c r="AC24001" i="1"/>
  <c r="AC24002" i="1"/>
  <c r="AC24003" i="1"/>
  <c r="AC24004" i="1"/>
  <c r="AC24005" i="1"/>
  <c r="AC24006" i="1"/>
  <c r="AC24007" i="1"/>
  <c r="AC24008" i="1"/>
  <c r="AC24009" i="1"/>
  <c r="AC24010" i="1"/>
  <c r="AC24011" i="1"/>
  <c r="AC24012" i="1"/>
  <c r="AC24013" i="1"/>
  <c r="AC24014" i="1"/>
  <c r="AC24015" i="1"/>
  <c r="AC24016" i="1"/>
  <c r="AC24017" i="1"/>
  <c r="AC24018" i="1"/>
  <c r="AC24019" i="1"/>
  <c r="AC24020" i="1"/>
  <c r="AC24021" i="1"/>
  <c r="AC24022" i="1"/>
  <c r="AC24023" i="1"/>
  <c r="AC24024" i="1"/>
  <c r="AC24025" i="1"/>
  <c r="AC24026" i="1"/>
  <c r="AC24027" i="1"/>
  <c r="AC24028" i="1"/>
  <c r="AC24029" i="1"/>
  <c r="AC24030" i="1"/>
  <c r="AC24031" i="1"/>
  <c r="AC24032" i="1"/>
  <c r="AC24033" i="1"/>
  <c r="AC24034" i="1"/>
  <c r="AC24035" i="1"/>
  <c r="AC24036" i="1"/>
  <c r="AC24037" i="1"/>
  <c r="AC24038" i="1"/>
  <c r="AC24039" i="1"/>
  <c r="AC24040" i="1"/>
  <c r="AC24041" i="1"/>
  <c r="AC24042" i="1"/>
  <c r="AC24043" i="1"/>
  <c r="AC24044" i="1"/>
  <c r="AC24045" i="1"/>
  <c r="AC24046" i="1"/>
  <c r="AC24047" i="1"/>
  <c r="AC24048" i="1"/>
  <c r="AC24049" i="1"/>
  <c r="AC24050" i="1"/>
  <c r="AC24051" i="1"/>
  <c r="AC24052" i="1"/>
  <c r="AC24053" i="1"/>
  <c r="AC24054" i="1"/>
  <c r="AC24055" i="1"/>
  <c r="AC24056" i="1"/>
  <c r="AC24057" i="1"/>
  <c r="AC24058" i="1"/>
  <c r="AC24059" i="1"/>
  <c r="AC24060" i="1"/>
  <c r="AC24061" i="1"/>
  <c r="AC24062" i="1"/>
  <c r="AC24063" i="1"/>
  <c r="AC24064" i="1"/>
  <c r="AC24065" i="1"/>
  <c r="AC24066" i="1"/>
  <c r="AC24067" i="1"/>
  <c r="AC24068" i="1"/>
  <c r="AC24069" i="1"/>
  <c r="AC24070" i="1"/>
  <c r="AC24071" i="1"/>
  <c r="AC24072" i="1"/>
  <c r="AC24073" i="1"/>
  <c r="AC24074" i="1"/>
  <c r="AC24075" i="1"/>
  <c r="AC24076" i="1"/>
  <c r="AC24077" i="1"/>
  <c r="AC24078" i="1"/>
  <c r="AC24079" i="1"/>
  <c r="AC24080" i="1"/>
  <c r="AC24081" i="1"/>
  <c r="AC24082" i="1"/>
  <c r="AC24083" i="1"/>
  <c r="AC24084" i="1"/>
  <c r="AC24085" i="1"/>
  <c r="AC24086" i="1"/>
  <c r="AC24087" i="1"/>
  <c r="AC24088" i="1"/>
  <c r="AC24089" i="1"/>
  <c r="AC24090" i="1"/>
  <c r="AC24091" i="1"/>
  <c r="AC24092" i="1"/>
  <c r="AC24093" i="1"/>
  <c r="AC24094" i="1"/>
  <c r="AC24095" i="1"/>
  <c r="AC24096" i="1"/>
  <c r="AC24097" i="1"/>
  <c r="AC24098" i="1"/>
  <c r="AC24099" i="1"/>
  <c r="AC24100" i="1"/>
  <c r="AC24101" i="1"/>
  <c r="AC24102" i="1"/>
  <c r="AC24103" i="1"/>
  <c r="AC24104" i="1"/>
  <c r="AC24105" i="1"/>
  <c r="AC24106" i="1"/>
  <c r="AC24107" i="1"/>
  <c r="AC24108" i="1"/>
  <c r="AC24109" i="1"/>
  <c r="AC24110" i="1"/>
  <c r="AC24111" i="1"/>
  <c r="AC24112" i="1"/>
  <c r="AC24113" i="1"/>
  <c r="AC24114" i="1"/>
  <c r="AC24115" i="1"/>
  <c r="AC24116" i="1"/>
  <c r="AC24117" i="1"/>
  <c r="AC24118" i="1"/>
  <c r="AC24119" i="1"/>
  <c r="AC24120" i="1"/>
  <c r="AC24121" i="1"/>
  <c r="AC24122" i="1"/>
  <c r="AC24123" i="1"/>
  <c r="AC24124" i="1"/>
  <c r="AC24125" i="1"/>
  <c r="AC24126" i="1"/>
  <c r="AC24127" i="1"/>
  <c r="AC24128" i="1"/>
  <c r="AC24129" i="1"/>
  <c r="AC24130" i="1"/>
  <c r="AC24131" i="1"/>
  <c r="AC24132" i="1"/>
  <c r="AC24133" i="1"/>
  <c r="AC24134" i="1"/>
  <c r="AC24135" i="1"/>
  <c r="AC24136" i="1"/>
  <c r="AC24137" i="1"/>
  <c r="AC24138" i="1"/>
  <c r="AC24139" i="1"/>
  <c r="AC24140" i="1"/>
  <c r="AC24141" i="1"/>
  <c r="AC24142" i="1"/>
  <c r="AC24143" i="1"/>
  <c r="AC24144" i="1"/>
  <c r="AC24145" i="1"/>
  <c r="AC24146" i="1"/>
  <c r="AC24147" i="1"/>
  <c r="AC24148" i="1"/>
  <c r="AC24149" i="1"/>
  <c r="AC24150" i="1"/>
  <c r="AC24151" i="1"/>
  <c r="AC24152" i="1"/>
  <c r="AC24153" i="1"/>
  <c r="AC24154" i="1"/>
  <c r="AC24155" i="1"/>
  <c r="AC24156" i="1"/>
  <c r="AC24157" i="1"/>
  <c r="AC24158" i="1"/>
  <c r="AC24159" i="1"/>
  <c r="AC24160" i="1"/>
  <c r="AC24161" i="1"/>
  <c r="AC24162" i="1"/>
  <c r="AC24163" i="1"/>
  <c r="AC24164" i="1"/>
  <c r="AC24165" i="1"/>
  <c r="AC24166" i="1"/>
  <c r="AC24167" i="1"/>
  <c r="AC24168" i="1"/>
  <c r="AC24169" i="1"/>
  <c r="AC24170" i="1"/>
  <c r="AC24171" i="1"/>
  <c r="AC24172" i="1"/>
  <c r="AC24173" i="1"/>
  <c r="AC24174" i="1"/>
  <c r="AC24175" i="1"/>
  <c r="AC24176" i="1"/>
  <c r="AC24177" i="1"/>
  <c r="AC24178" i="1"/>
  <c r="AC24179" i="1"/>
  <c r="AC24180" i="1"/>
  <c r="AC24181" i="1"/>
  <c r="AC24182" i="1"/>
  <c r="AC24183" i="1"/>
  <c r="AC24184" i="1"/>
  <c r="AC24185" i="1"/>
  <c r="AC24186" i="1"/>
  <c r="AC24187" i="1"/>
  <c r="AC24188" i="1"/>
  <c r="AC24189" i="1"/>
  <c r="AC24190" i="1"/>
  <c r="AC24191" i="1"/>
  <c r="AC24192" i="1"/>
  <c r="AC24193" i="1"/>
  <c r="AC24194" i="1"/>
  <c r="AC24195" i="1"/>
  <c r="AC24196" i="1"/>
  <c r="AC24197" i="1"/>
  <c r="AC24198" i="1"/>
  <c r="AC24199" i="1"/>
  <c r="AC24200" i="1"/>
  <c r="AC24201" i="1"/>
  <c r="AC24202" i="1"/>
  <c r="AC24203" i="1"/>
  <c r="AC24204" i="1"/>
  <c r="AC24205" i="1"/>
  <c r="AC24206" i="1"/>
  <c r="AC24207" i="1"/>
  <c r="AC24208" i="1"/>
  <c r="AC24209" i="1"/>
  <c r="AC24210" i="1"/>
  <c r="AC24211" i="1"/>
  <c r="AC24212" i="1"/>
  <c r="AC24213" i="1"/>
  <c r="AC24214" i="1"/>
  <c r="AC24215" i="1"/>
  <c r="AC24216" i="1"/>
  <c r="AC24217" i="1"/>
  <c r="AC24218" i="1"/>
  <c r="AC24219" i="1"/>
  <c r="AC24220" i="1"/>
  <c r="AC24221" i="1"/>
  <c r="AC24222" i="1"/>
  <c r="AC24223" i="1"/>
  <c r="AC24224" i="1"/>
  <c r="AC24225" i="1"/>
  <c r="AC24226" i="1"/>
  <c r="AC24227" i="1"/>
  <c r="AC24228" i="1"/>
  <c r="AC24229" i="1"/>
  <c r="AC24230" i="1"/>
  <c r="AC24231" i="1"/>
  <c r="AC24232" i="1"/>
  <c r="AC24233" i="1"/>
  <c r="AC24234" i="1"/>
  <c r="AC24235" i="1"/>
  <c r="AC24236" i="1"/>
  <c r="AC24237" i="1"/>
  <c r="AC24238" i="1"/>
  <c r="AC24239" i="1"/>
  <c r="AC24240" i="1"/>
  <c r="AC24241" i="1"/>
  <c r="AC24242" i="1"/>
  <c r="AC24243" i="1"/>
  <c r="AC24244" i="1"/>
  <c r="AC24245" i="1"/>
  <c r="AC24246" i="1"/>
  <c r="AC24247" i="1"/>
  <c r="AC24248" i="1"/>
  <c r="AC24249" i="1"/>
  <c r="AC24250" i="1"/>
  <c r="AC24251" i="1"/>
  <c r="AC24252" i="1"/>
  <c r="AC24253" i="1"/>
  <c r="AC24254" i="1"/>
  <c r="AC24255" i="1"/>
  <c r="AC24256" i="1"/>
  <c r="AC24257" i="1"/>
  <c r="AC24258" i="1"/>
  <c r="AC24259" i="1"/>
  <c r="AC24260" i="1"/>
  <c r="AC24261" i="1"/>
  <c r="AC24262" i="1"/>
  <c r="AC24263" i="1"/>
  <c r="AC24264" i="1"/>
  <c r="AC24265" i="1"/>
  <c r="AC24266" i="1"/>
  <c r="AC24267" i="1"/>
  <c r="AC24268" i="1"/>
  <c r="AC24269" i="1"/>
  <c r="AC24270" i="1"/>
  <c r="AC24271" i="1"/>
  <c r="AC24272" i="1"/>
  <c r="AC24273" i="1"/>
  <c r="AC24274" i="1"/>
  <c r="AC24275" i="1"/>
  <c r="AC24276" i="1"/>
  <c r="AC24277" i="1"/>
  <c r="AC24278" i="1"/>
  <c r="AC24279" i="1"/>
  <c r="AC24280" i="1"/>
  <c r="AC24281" i="1"/>
  <c r="AC24282" i="1"/>
  <c r="AC24283" i="1"/>
  <c r="AC24284" i="1"/>
  <c r="AC24285" i="1"/>
  <c r="AC24286" i="1"/>
  <c r="AC24287" i="1"/>
  <c r="AC24288" i="1"/>
  <c r="AC24289" i="1"/>
  <c r="AC24290" i="1"/>
  <c r="AC24291" i="1"/>
  <c r="AC24292" i="1"/>
  <c r="AC24293" i="1"/>
  <c r="AC24294" i="1"/>
  <c r="AC24295" i="1"/>
  <c r="AC24296" i="1"/>
  <c r="AC24297" i="1"/>
  <c r="AC24298" i="1"/>
  <c r="AC24299" i="1"/>
  <c r="AC24300" i="1"/>
  <c r="AC24301" i="1"/>
  <c r="AC24302" i="1"/>
  <c r="AC24303" i="1"/>
  <c r="AC24304" i="1"/>
  <c r="AC24305" i="1"/>
  <c r="AC24306" i="1"/>
  <c r="AC24307" i="1"/>
  <c r="AC24308" i="1"/>
  <c r="AC24309" i="1"/>
  <c r="AC24310" i="1"/>
  <c r="AC24311" i="1"/>
  <c r="AC24312" i="1"/>
  <c r="AC24313" i="1"/>
  <c r="AC24314" i="1"/>
  <c r="AC24315" i="1"/>
  <c r="AC24316" i="1"/>
  <c r="AC24317" i="1"/>
  <c r="AC24318" i="1"/>
  <c r="AC24319" i="1"/>
  <c r="AC24320" i="1"/>
  <c r="AC24321" i="1"/>
  <c r="AC24322" i="1"/>
  <c r="AC24323" i="1"/>
  <c r="AC24324" i="1"/>
  <c r="AC24325" i="1"/>
  <c r="AC24326" i="1"/>
  <c r="AC24327" i="1"/>
  <c r="AC24328" i="1"/>
  <c r="AC24329" i="1"/>
  <c r="AC24330" i="1"/>
  <c r="AC24331" i="1"/>
  <c r="AC24332" i="1"/>
  <c r="AC24333" i="1"/>
  <c r="AC24334" i="1"/>
  <c r="AC24335" i="1"/>
  <c r="AC24336" i="1"/>
  <c r="AC24337" i="1"/>
  <c r="AC24338" i="1"/>
  <c r="AC24339" i="1"/>
  <c r="AC24340" i="1"/>
  <c r="AC24341" i="1"/>
  <c r="AC24342" i="1"/>
  <c r="AC24343" i="1"/>
  <c r="AC24344" i="1"/>
  <c r="AC24345" i="1"/>
  <c r="AC24346" i="1"/>
  <c r="AC24347" i="1"/>
  <c r="AC24348" i="1"/>
  <c r="AC24349" i="1"/>
  <c r="AC24350" i="1"/>
  <c r="AC24351" i="1"/>
  <c r="AC24352" i="1"/>
  <c r="AC24353" i="1"/>
  <c r="AC24354" i="1"/>
  <c r="AC24355" i="1"/>
  <c r="AC24356" i="1"/>
  <c r="AC24357" i="1"/>
  <c r="AC24358" i="1"/>
  <c r="AC24359" i="1"/>
  <c r="AC24360" i="1"/>
  <c r="AC24361" i="1"/>
  <c r="AC24362" i="1"/>
  <c r="AC24363" i="1"/>
  <c r="AC24364" i="1"/>
  <c r="AC24365" i="1"/>
  <c r="AC24366" i="1"/>
  <c r="AC24367" i="1"/>
  <c r="AC24368" i="1"/>
  <c r="AC24369" i="1"/>
  <c r="AC24370" i="1"/>
  <c r="AC24371" i="1"/>
  <c r="AC24372" i="1"/>
  <c r="AC24373" i="1"/>
  <c r="AC24374" i="1"/>
  <c r="AC24375" i="1"/>
  <c r="AC24376" i="1"/>
  <c r="AC24377" i="1"/>
  <c r="AC24378" i="1"/>
  <c r="AC24379" i="1"/>
  <c r="AC24380" i="1"/>
  <c r="AC24381" i="1"/>
  <c r="AC24382" i="1"/>
  <c r="AC24383" i="1"/>
  <c r="AC24384" i="1"/>
  <c r="AC24385" i="1"/>
  <c r="AC24386" i="1"/>
  <c r="AC24387" i="1"/>
  <c r="AC24388" i="1"/>
  <c r="AC24389" i="1"/>
  <c r="AC24390" i="1"/>
  <c r="AC24391" i="1"/>
  <c r="AC24392" i="1"/>
  <c r="AC24393" i="1"/>
  <c r="AC24394" i="1"/>
  <c r="AC24395" i="1"/>
  <c r="AC24396" i="1"/>
  <c r="AC24397" i="1"/>
  <c r="AC24398" i="1"/>
  <c r="AC24399" i="1"/>
  <c r="AC24400" i="1"/>
  <c r="AC24401" i="1"/>
  <c r="AC24402" i="1"/>
  <c r="AC24403" i="1"/>
  <c r="AC24404" i="1"/>
  <c r="AC24405" i="1"/>
  <c r="AC24406" i="1"/>
  <c r="AC24407" i="1"/>
  <c r="AC24408" i="1"/>
  <c r="AC24409" i="1"/>
  <c r="AC24410" i="1"/>
  <c r="AC24411" i="1"/>
  <c r="AC24412" i="1"/>
  <c r="AC24413" i="1"/>
  <c r="AC24414" i="1"/>
  <c r="AC24415" i="1"/>
  <c r="AC24416" i="1"/>
  <c r="AC24417" i="1"/>
  <c r="AC24418" i="1"/>
  <c r="AC24419" i="1"/>
  <c r="AC24420" i="1"/>
  <c r="AC24421" i="1"/>
  <c r="AC24422" i="1"/>
  <c r="AC24423" i="1"/>
  <c r="AC24424" i="1"/>
  <c r="AC24425" i="1"/>
  <c r="AC24426" i="1"/>
  <c r="AC24427" i="1"/>
  <c r="AC24428" i="1"/>
  <c r="AC24429" i="1"/>
  <c r="AC24430" i="1"/>
  <c r="AC24431" i="1"/>
  <c r="AC24432" i="1"/>
  <c r="AC24433" i="1"/>
  <c r="AC24434" i="1"/>
  <c r="AC24435" i="1"/>
  <c r="AC24436" i="1"/>
  <c r="AC24437" i="1"/>
  <c r="AC24438" i="1"/>
  <c r="AC24439" i="1"/>
  <c r="AC24440" i="1"/>
  <c r="AC24441" i="1"/>
  <c r="AC24442" i="1"/>
  <c r="AC24443" i="1"/>
  <c r="AC24444" i="1"/>
  <c r="AC24445" i="1"/>
  <c r="AC24446" i="1"/>
  <c r="AC24447" i="1"/>
  <c r="AC24448" i="1"/>
  <c r="AC24449" i="1"/>
  <c r="AC24450" i="1"/>
  <c r="AC24451" i="1"/>
  <c r="AC24452" i="1"/>
  <c r="AC24453" i="1"/>
  <c r="AC24454" i="1"/>
  <c r="AC24455" i="1"/>
  <c r="AC24456" i="1"/>
  <c r="AC24457" i="1"/>
  <c r="AC24458" i="1"/>
  <c r="AC24459" i="1"/>
  <c r="AC24460" i="1"/>
  <c r="AC24461" i="1"/>
  <c r="AC24462" i="1"/>
  <c r="AC24463" i="1"/>
  <c r="AC24464" i="1"/>
  <c r="AC24465" i="1"/>
  <c r="AC24466" i="1"/>
  <c r="AC24467" i="1"/>
  <c r="AC24468" i="1"/>
  <c r="AC24469" i="1"/>
  <c r="AC24470" i="1"/>
  <c r="AC24471" i="1"/>
  <c r="AC24472" i="1"/>
  <c r="AC24473" i="1"/>
  <c r="AC24474" i="1"/>
  <c r="AC24475" i="1"/>
  <c r="AC24476" i="1"/>
  <c r="AC24477" i="1"/>
  <c r="AC24478" i="1"/>
  <c r="AC24479" i="1"/>
  <c r="AC24480" i="1"/>
  <c r="AC24481" i="1"/>
  <c r="AC24482" i="1"/>
  <c r="AC24483" i="1"/>
  <c r="AC24484" i="1"/>
  <c r="AC24485" i="1"/>
  <c r="AC24486" i="1"/>
  <c r="AC24487" i="1"/>
  <c r="AC24488" i="1"/>
  <c r="AC24489" i="1"/>
  <c r="AC24490" i="1"/>
  <c r="AC24491" i="1"/>
  <c r="AC24492" i="1"/>
  <c r="AC24493" i="1"/>
  <c r="AC24494" i="1"/>
  <c r="AC24495" i="1"/>
  <c r="AC24496" i="1"/>
  <c r="AC24497" i="1"/>
  <c r="AC24498" i="1"/>
  <c r="AC24499" i="1"/>
  <c r="AC24500" i="1"/>
  <c r="AC24501" i="1"/>
  <c r="AC24502" i="1"/>
  <c r="AC24503" i="1"/>
  <c r="AC24504" i="1"/>
  <c r="AC24505" i="1"/>
  <c r="AC24506" i="1"/>
  <c r="AC24507" i="1"/>
  <c r="AC24508" i="1"/>
  <c r="AC24509" i="1"/>
  <c r="AC24510" i="1"/>
  <c r="AC24511" i="1"/>
  <c r="AC24512" i="1"/>
  <c r="AC24513" i="1"/>
  <c r="AC24514" i="1"/>
  <c r="AC24515" i="1"/>
  <c r="AC24516" i="1"/>
  <c r="AC24517" i="1"/>
  <c r="AC24518" i="1"/>
  <c r="AC24519" i="1"/>
  <c r="AC24520" i="1"/>
  <c r="AC24521" i="1"/>
  <c r="AC24522" i="1"/>
  <c r="AC24523" i="1"/>
  <c r="AC24524" i="1"/>
  <c r="AC24525" i="1"/>
  <c r="AC24526" i="1"/>
  <c r="AC24527" i="1"/>
  <c r="AC24528" i="1"/>
  <c r="AC24529" i="1"/>
  <c r="AC24530" i="1"/>
  <c r="AC24531" i="1"/>
  <c r="AC24532" i="1"/>
  <c r="AC24533" i="1"/>
  <c r="AC24534" i="1"/>
  <c r="AC24535" i="1"/>
  <c r="AC24536" i="1"/>
  <c r="AC24537" i="1"/>
  <c r="AC24538" i="1"/>
  <c r="AC24539" i="1"/>
  <c r="AC24540" i="1"/>
  <c r="AC24541" i="1"/>
  <c r="AC24542" i="1"/>
  <c r="AC24543" i="1"/>
  <c r="AC24544" i="1"/>
  <c r="AC24545" i="1"/>
  <c r="AC24546" i="1"/>
  <c r="AC24547" i="1"/>
  <c r="AC24548" i="1"/>
  <c r="AC24549" i="1"/>
  <c r="AC24550" i="1"/>
  <c r="AC24551" i="1"/>
  <c r="AC24552" i="1"/>
  <c r="AC24553" i="1"/>
  <c r="AC24554" i="1"/>
  <c r="AC24555" i="1"/>
  <c r="AC24556" i="1"/>
  <c r="AC24557" i="1"/>
  <c r="AC24558" i="1"/>
  <c r="AC24559" i="1"/>
  <c r="AC24560" i="1"/>
  <c r="AC24561" i="1"/>
  <c r="AC24562" i="1"/>
  <c r="AC24563" i="1"/>
  <c r="AC24564" i="1"/>
  <c r="AC24565" i="1"/>
  <c r="AC24566" i="1"/>
  <c r="AC24567" i="1"/>
  <c r="AC24568" i="1"/>
  <c r="AC24569" i="1"/>
  <c r="AC24570" i="1"/>
  <c r="AC24571" i="1"/>
  <c r="AC24572" i="1"/>
  <c r="AC24573" i="1"/>
  <c r="AC24574" i="1"/>
  <c r="AC24575" i="1"/>
  <c r="AC24576" i="1"/>
  <c r="AC24577" i="1"/>
  <c r="AC24578" i="1"/>
  <c r="AC24579" i="1"/>
  <c r="AC24580" i="1"/>
  <c r="AC24581" i="1"/>
  <c r="AC24582" i="1"/>
  <c r="AC24583" i="1"/>
  <c r="AC24584" i="1"/>
  <c r="AC24585" i="1"/>
  <c r="AC24586" i="1"/>
  <c r="AC24587" i="1"/>
  <c r="AC24588" i="1"/>
  <c r="AC24589" i="1"/>
  <c r="AC24590" i="1"/>
  <c r="AC24591" i="1"/>
  <c r="AC24592" i="1"/>
  <c r="AC24593" i="1"/>
  <c r="AC24594" i="1"/>
  <c r="AC24595" i="1"/>
  <c r="AC24596" i="1"/>
  <c r="AC24597" i="1"/>
  <c r="AC24598" i="1"/>
  <c r="AC24599" i="1"/>
  <c r="AC24600" i="1"/>
  <c r="AC24601" i="1"/>
  <c r="AC24602" i="1"/>
  <c r="AC24603" i="1"/>
  <c r="AC24604" i="1"/>
  <c r="AC24605" i="1"/>
  <c r="AC24606" i="1"/>
  <c r="AC24607" i="1"/>
  <c r="AC24608" i="1"/>
  <c r="AC24609" i="1"/>
  <c r="AC24610" i="1"/>
  <c r="AC24611" i="1"/>
  <c r="AC24612" i="1"/>
  <c r="AC24613" i="1"/>
  <c r="AC24614" i="1"/>
  <c r="AC24615" i="1"/>
  <c r="AC24616" i="1"/>
  <c r="AC24617" i="1"/>
  <c r="AC24618" i="1"/>
  <c r="AC24619" i="1"/>
  <c r="AC24620" i="1"/>
  <c r="AC24621" i="1"/>
  <c r="AC24622" i="1"/>
  <c r="AC24623" i="1"/>
  <c r="AC24624" i="1"/>
  <c r="AC24625" i="1"/>
  <c r="AC24626" i="1"/>
  <c r="AC24627" i="1"/>
  <c r="AC24628" i="1"/>
  <c r="AC24629" i="1"/>
  <c r="AC24630" i="1"/>
  <c r="AC24631" i="1"/>
  <c r="AC24632" i="1"/>
  <c r="AC24633" i="1"/>
  <c r="AC24634" i="1"/>
  <c r="AC24635" i="1"/>
  <c r="AC24636" i="1"/>
  <c r="AC24637" i="1"/>
  <c r="AC24638" i="1"/>
  <c r="AC24639" i="1"/>
  <c r="AC24640" i="1"/>
  <c r="AC24641" i="1"/>
  <c r="AC24642" i="1"/>
  <c r="AC24643" i="1"/>
  <c r="AC24644" i="1"/>
  <c r="AC24645" i="1"/>
  <c r="AC24646" i="1"/>
  <c r="AC24647" i="1"/>
  <c r="AC24648" i="1"/>
  <c r="AC24649" i="1"/>
  <c r="AC24650" i="1"/>
  <c r="AC24651" i="1"/>
  <c r="AC24652" i="1"/>
  <c r="AC24653" i="1"/>
  <c r="AC24654" i="1"/>
  <c r="AC24655" i="1"/>
  <c r="AC24656" i="1"/>
  <c r="AC24657" i="1"/>
  <c r="AC24658" i="1"/>
  <c r="AC24659" i="1"/>
  <c r="AC24660" i="1"/>
  <c r="AC24661" i="1"/>
  <c r="AC24662" i="1"/>
  <c r="AC24663" i="1"/>
  <c r="AC24664" i="1"/>
  <c r="AC24665" i="1"/>
  <c r="AC24666" i="1"/>
  <c r="AC24667" i="1"/>
  <c r="AC24668" i="1"/>
  <c r="AC24669" i="1"/>
  <c r="AC24670" i="1"/>
  <c r="AC24671" i="1"/>
  <c r="AC24672" i="1"/>
  <c r="AC24673" i="1"/>
  <c r="AC24674" i="1"/>
  <c r="AC24675" i="1"/>
  <c r="AC24676" i="1"/>
  <c r="AC24677" i="1"/>
  <c r="AC24678" i="1"/>
  <c r="AC24679" i="1"/>
  <c r="AC24680" i="1"/>
  <c r="AC24681" i="1"/>
  <c r="AC24682" i="1"/>
  <c r="AC24683" i="1"/>
  <c r="AC24684" i="1"/>
  <c r="AC24685" i="1"/>
  <c r="AC24686" i="1"/>
  <c r="AC24687" i="1"/>
  <c r="AC24688" i="1"/>
  <c r="AC24689" i="1"/>
  <c r="AC24690" i="1"/>
  <c r="AC24691" i="1"/>
  <c r="AC24692" i="1"/>
  <c r="AC24693" i="1"/>
  <c r="AC24694" i="1"/>
  <c r="AC24695" i="1"/>
  <c r="AC24696" i="1"/>
  <c r="AC24697" i="1"/>
  <c r="AC24698" i="1"/>
  <c r="AC24699" i="1"/>
  <c r="AC24700" i="1"/>
  <c r="AC24701" i="1"/>
  <c r="AC24702" i="1"/>
  <c r="AC24703" i="1"/>
  <c r="AC24704" i="1"/>
  <c r="AC24705" i="1"/>
  <c r="AC24706" i="1"/>
  <c r="AC24707" i="1"/>
  <c r="AC24708" i="1"/>
  <c r="AC24709" i="1"/>
  <c r="AC24710" i="1"/>
  <c r="AC24711" i="1"/>
  <c r="AC24712" i="1"/>
  <c r="AC24713" i="1"/>
  <c r="AC24714" i="1"/>
  <c r="AC24715" i="1"/>
  <c r="AC24716" i="1"/>
  <c r="AC24717" i="1"/>
  <c r="AC24718" i="1"/>
  <c r="AC24719" i="1"/>
  <c r="AC24720" i="1"/>
  <c r="AC24721" i="1"/>
  <c r="AC24722" i="1"/>
  <c r="AC24723" i="1"/>
  <c r="AC24724" i="1"/>
  <c r="AC24725" i="1"/>
  <c r="AC24726" i="1"/>
  <c r="AC24727" i="1"/>
  <c r="AC24728" i="1"/>
  <c r="AC24729" i="1"/>
  <c r="AC24730" i="1"/>
  <c r="AC24731" i="1"/>
  <c r="AC24732" i="1"/>
  <c r="AC24733" i="1"/>
  <c r="AC24734" i="1"/>
  <c r="AC24735" i="1"/>
  <c r="AC24736" i="1"/>
  <c r="AC24737" i="1"/>
  <c r="AC24738" i="1"/>
  <c r="AC24739" i="1"/>
  <c r="AC24740" i="1"/>
  <c r="AC24741" i="1"/>
  <c r="AC24742" i="1"/>
  <c r="AC24743" i="1"/>
  <c r="AC24744" i="1"/>
  <c r="AC24745" i="1"/>
  <c r="AC24746" i="1"/>
  <c r="AC24747" i="1"/>
  <c r="AC24748" i="1"/>
  <c r="AC24749" i="1"/>
  <c r="AC24750" i="1"/>
  <c r="AC24751" i="1"/>
  <c r="AC24752" i="1"/>
  <c r="AC24753" i="1"/>
  <c r="AC24754" i="1"/>
  <c r="AC24755" i="1"/>
  <c r="AC24756" i="1"/>
  <c r="AC24757" i="1"/>
  <c r="AC24758" i="1"/>
  <c r="AC24759" i="1"/>
  <c r="AC24760" i="1"/>
  <c r="AC24761" i="1"/>
  <c r="AC24762" i="1"/>
  <c r="AC24763" i="1"/>
  <c r="AC24764" i="1"/>
  <c r="AC24765" i="1"/>
  <c r="AC24766" i="1"/>
  <c r="AC24767" i="1"/>
  <c r="AC24768" i="1"/>
  <c r="AC24769" i="1"/>
  <c r="AC24770" i="1"/>
  <c r="AC24771" i="1"/>
  <c r="AC24772" i="1"/>
  <c r="AC24773" i="1"/>
  <c r="AC24774" i="1"/>
  <c r="AC24775" i="1"/>
  <c r="AC24776" i="1"/>
  <c r="AC24777" i="1"/>
  <c r="AC24778" i="1"/>
  <c r="AC24779" i="1"/>
  <c r="AC24780" i="1"/>
  <c r="AC24781" i="1"/>
  <c r="AC24782" i="1"/>
  <c r="AC24783" i="1"/>
  <c r="AC24784" i="1"/>
  <c r="AC24785" i="1"/>
  <c r="AC24786" i="1"/>
  <c r="AC24787" i="1"/>
  <c r="AC24788" i="1"/>
  <c r="AC24789" i="1"/>
  <c r="AC24790" i="1"/>
  <c r="AC24791" i="1"/>
  <c r="AC24792" i="1"/>
  <c r="AC24793" i="1"/>
  <c r="AC24794" i="1"/>
  <c r="AC24795" i="1"/>
  <c r="AC24796" i="1"/>
  <c r="AC24797" i="1"/>
  <c r="AC24798" i="1"/>
  <c r="AC24799" i="1"/>
  <c r="AC24800" i="1"/>
  <c r="AC24801" i="1"/>
  <c r="AC24802" i="1"/>
  <c r="AC24803" i="1"/>
  <c r="AC24804" i="1"/>
  <c r="AC24805" i="1"/>
  <c r="AC24806" i="1"/>
  <c r="AC24807" i="1"/>
  <c r="AC24808" i="1"/>
  <c r="AC24809" i="1"/>
  <c r="AC24810" i="1"/>
  <c r="AC24811" i="1"/>
  <c r="AC24812" i="1"/>
  <c r="AC24813" i="1"/>
  <c r="AC24814" i="1"/>
  <c r="AC24815" i="1"/>
  <c r="AC24816" i="1"/>
  <c r="AC24817" i="1"/>
  <c r="AC24818" i="1"/>
  <c r="AC24819" i="1"/>
  <c r="AC24820" i="1"/>
  <c r="AC24821" i="1"/>
  <c r="AC24822" i="1"/>
  <c r="AC24823" i="1"/>
  <c r="AC24824" i="1"/>
  <c r="AC24825" i="1"/>
  <c r="AC24826" i="1"/>
  <c r="AC24827" i="1"/>
  <c r="AC24828" i="1"/>
  <c r="AC24829" i="1"/>
  <c r="AC24830" i="1"/>
  <c r="AC24831" i="1"/>
  <c r="AC24832" i="1"/>
  <c r="AC24833" i="1"/>
  <c r="AC24834" i="1"/>
  <c r="AC24835" i="1"/>
  <c r="AC24836" i="1"/>
  <c r="AC24837" i="1"/>
  <c r="AC24838" i="1"/>
  <c r="AC24839" i="1"/>
  <c r="AC24840" i="1"/>
  <c r="AC24841" i="1"/>
  <c r="AC24842" i="1"/>
  <c r="AC24843" i="1"/>
  <c r="AC24844" i="1"/>
  <c r="AC24845" i="1"/>
  <c r="AC24846" i="1"/>
  <c r="AC24847" i="1"/>
  <c r="AC24848" i="1"/>
  <c r="AC24849" i="1"/>
  <c r="AC24850" i="1"/>
  <c r="AC24851" i="1"/>
  <c r="AC24852" i="1"/>
  <c r="AC24853" i="1"/>
  <c r="AC24854" i="1"/>
  <c r="AC24855" i="1"/>
  <c r="AC24856" i="1"/>
  <c r="AC24857" i="1"/>
  <c r="AC24858" i="1"/>
  <c r="AC24859" i="1"/>
  <c r="AC24860" i="1"/>
  <c r="AC24861" i="1"/>
  <c r="AC24862" i="1"/>
  <c r="AC24863" i="1"/>
  <c r="AC24864" i="1"/>
  <c r="AC24865" i="1"/>
  <c r="AC24866" i="1"/>
  <c r="AC24867" i="1"/>
  <c r="AC24868" i="1"/>
  <c r="AC24869" i="1"/>
  <c r="AC24870" i="1"/>
  <c r="AC24871" i="1"/>
  <c r="AC24872" i="1"/>
  <c r="AC24873" i="1"/>
  <c r="AC24874" i="1"/>
  <c r="AC24875" i="1"/>
  <c r="AC24876" i="1"/>
  <c r="AC24877" i="1"/>
  <c r="AC24878" i="1"/>
  <c r="AC24879" i="1"/>
  <c r="AC24880" i="1"/>
  <c r="AC24881" i="1"/>
  <c r="AC24882" i="1"/>
  <c r="AC24883" i="1"/>
  <c r="AC24884" i="1"/>
  <c r="AC24885" i="1"/>
  <c r="AC24886" i="1"/>
  <c r="AC24887" i="1"/>
  <c r="AC24888" i="1"/>
  <c r="AC24889" i="1"/>
  <c r="AC24890" i="1"/>
  <c r="AC24891" i="1"/>
  <c r="AC24892" i="1"/>
  <c r="AC24893" i="1"/>
  <c r="AC24894" i="1"/>
  <c r="AC24895" i="1"/>
  <c r="AC24896" i="1"/>
  <c r="AC24897" i="1"/>
  <c r="AC24898" i="1"/>
  <c r="AC24899" i="1"/>
  <c r="AC24900" i="1"/>
  <c r="AC24901" i="1"/>
  <c r="AC24902" i="1"/>
  <c r="AC24903" i="1"/>
  <c r="AC24904" i="1"/>
  <c r="AC24905" i="1"/>
  <c r="AC24906" i="1"/>
  <c r="AC24907" i="1"/>
  <c r="AC24908" i="1"/>
  <c r="AC24909" i="1"/>
  <c r="AC24910" i="1"/>
  <c r="AC24911" i="1"/>
  <c r="AC24912" i="1"/>
  <c r="AC24913" i="1"/>
  <c r="AC24914" i="1"/>
  <c r="AC24915" i="1"/>
  <c r="AC24916" i="1"/>
  <c r="AC24917" i="1"/>
  <c r="AC24918" i="1"/>
  <c r="AC24919" i="1"/>
  <c r="AC24920" i="1"/>
  <c r="AC24921" i="1"/>
  <c r="AC24922" i="1"/>
  <c r="AC24923" i="1"/>
  <c r="AC24924" i="1"/>
  <c r="AC24925" i="1"/>
  <c r="AC24926" i="1"/>
  <c r="AC24927" i="1"/>
  <c r="AC24928" i="1"/>
  <c r="AC24929" i="1"/>
  <c r="AC24930" i="1"/>
  <c r="AC24931" i="1"/>
  <c r="AC24932" i="1"/>
  <c r="AC24933" i="1"/>
  <c r="AC24934" i="1"/>
  <c r="AC24935" i="1"/>
  <c r="AC24936" i="1"/>
  <c r="AC24937" i="1"/>
  <c r="AC24938" i="1"/>
  <c r="AC24939" i="1"/>
  <c r="AC24940" i="1"/>
  <c r="AC24941" i="1"/>
  <c r="AC24942" i="1"/>
  <c r="AC24943" i="1"/>
  <c r="AC24944" i="1"/>
  <c r="AC24945" i="1"/>
  <c r="AC24946" i="1"/>
  <c r="AC24947" i="1"/>
  <c r="AC24948" i="1"/>
  <c r="AC24949" i="1"/>
  <c r="AC24950" i="1"/>
  <c r="AC24951" i="1"/>
  <c r="AC24952" i="1"/>
  <c r="AC24953" i="1"/>
  <c r="AC24954" i="1"/>
  <c r="AC24955" i="1"/>
  <c r="AC24956" i="1"/>
  <c r="AC24957" i="1"/>
  <c r="AC24958" i="1"/>
  <c r="AC24959" i="1"/>
  <c r="AC24960" i="1"/>
  <c r="AC24961" i="1"/>
  <c r="AC24962" i="1"/>
  <c r="AC24963" i="1"/>
  <c r="AC24964" i="1"/>
  <c r="AC24965" i="1"/>
  <c r="AC24966" i="1"/>
  <c r="AC24967" i="1"/>
  <c r="AC24968" i="1"/>
  <c r="AC24969" i="1"/>
  <c r="AC24970" i="1"/>
  <c r="AC24971" i="1"/>
  <c r="AC24972" i="1"/>
  <c r="AC24973" i="1"/>
  <c r="AC24974" i="1"/>
  <c r="AC24975" i="1"/>
  <c r="AC24976" i="1"/>
  <c r="AC24977" i="1"/>
  <c r="AC24978" i="1"/>
  <c r="AC24979" i="1"/>
  <c r="AC24980" i="1"/>
  <c r="AC24981" i="1"/>
  <c r="AC24982" i="1"/>
  <c r="AC24983" i="1"/>
  <c r="AC24984" i="1"/>
  <c r="AC24985" i="1"/>
  <c r="AC24986" i="1"/>
  <c r="AC24987" i="1"/>
  <c r="AC24988" i="1"/>
  <c r="AC24989" i="1"/>
  <c r="AC24990" i="1"/>
  <c r="AC24991" i="1"/>
  <c r="AC24992" i="1"/>
  <c r="AC24993" i="1"/>
  <c r="AC24994" i="1"/>
  <c r="AC24995" i="1"/>
  <c r="AC24996" i="1"/>
  <c r="AC24997" i="1"/>
  <c r="AC24998" i="1"/>
  <c r="AC24999" i="1"/>
  <c r="AC25000" i="1"/>
  <c r="AC25001" i="1"/>
  <c r="AC25002" i="1"/>
  <c r="AC25003" i="1"/>
  <c r="AC25004" i="1"/>
  <c r="AC25005" i="1"/>
  <c r="AC25006" i="1"/>
  <c r="AC25007" i="1"/>
  <c r="AC25008" i="1"/>
  <c r="AC25009" i="1"/>
  <c r="AC25010" i="1"/>
  <c r="AC25011" i="1"/>
  <c r="AC25012" i="1"/>
  <c r="AC25013" i="1"/>
  <c r="AC25014" i="1"/>
  <c r="AC25015" i="1"/>
  <c r="AC25016" i="1"/>
  <c r="AC25017" i="1"/>
  <c r="AC25018" i="1"/>
  <c r="AC25019" i="1"/>
  <c r="AC25020" i="1"/>
  <c r="AC25021" i="1"/>
  <c r="AC25022" i="1"/>
  <c r="AC25023" i="1"/>
  <c r="AC25024" i="1"/>
  <c r="AC25025" i="1"/>
  <c r="AC25026" i="1"/>
  <c r="AC25027" i="1"/>
  <c r="AC25028" i="1"/>
  <c r="AC25029" i="1"/>
  <c r="AC25030" i="1"/>
  <c r="AC25031" i="1"/>
  <c r="AC25032" i="1"/>
  <c r="AC25033" i="1"/>
  <c r="AC25034" i="1"/>
  <c r="AC25035" i="1"/>
  <c r="AC25036" i="1"/>
  <c r="AC25037" i="1"/>
  <c r="AC25038" i="1"/>
  <c r="AC25039" i="1"/>
  <c r="AC25040" i="1"/>
  <c r="AC25041" i="1"/>
  <c r="AC25042" i="1"/>
  <c r="AC25043" i="1"/>
  <c r="AC25044" i="1"/>
  <c r="AC25045" i="1"/>
  <c r="AC25046" i="1"/>
  <c r="AC25047" i="1"/>
  <c r="AC25048" i="1"/>
  <c r="AC25049" i="1"/>
  <c r="AC25050" i="1"/>
  <c r="AC25051" i="1"/>
  <c r="AC25052" i="1"/>
  <c r="AC25053" i="1"/>
  <c r="AC25054" i="1"/>
  <c r="AC25055" i="1"/>
  <c r="AC25056" i="1"/>
  <c r="AC25057" i="1"/>
  <c r="AC25058" i="1"/>
  <c r="AC25059" i="1"/>
  <c r="AC25060" i="1"/>
  <c r="AC25061" i="1"/>
  <c r="AC25062" i="1"/>
  <c r="AC25063" i="1"/>
  <c r="AC25064" i="1"/>
  <c r="AC25065" i="1"/>
  <c r="AC25066" i="1"/>
  <c r="AC25067" i="1"/>
  <c r="AC25068" i="1"/>
  <c r="AC25069" i="1"/>
  <c r="AC25070" i="1"/>
  <c r="AC25071" i="1"/>
  <c r="AC25072" i="1"/>
  <c r="AC25073" i="1"/>
  <c r="AC25074" i="1"/>
  <c r="AC25075" i="1"/>
  <c r="AC25076" i="1"/>
  <c r="AC25077" i="1"/>
  <c r="AC25078" i="1"/>
  <c r="AC25079" i="1"/>
  <c r="AC25080" i="1"/>
  <c r="AC25081" i="1"/>
  <c r="AC25082" i="1"/>
  <c r="AC25083" i="1"/>
  <c r="AC25084" i="1"/>
  <c r="AC25085" i="1"/>
  <c r="AC25086" i="1"/>
  <c r="AC25087" i="1"/>
  <c r="AC25088" i="1"/>
  <c r="AC25089" i="1"/>
  <c r="AC25090" i="1"/>
  <c r="AC25091" i="1"/>
  <c r="AC25092" i="1"/>
  <c r="AC25093" i="1"/>
  <c r="AC25094" i="1"/>
  <c r="AC25095" i="1"/>
  <c r="AC25096" i="1"/>
  <c r="AC25097" i="1"/>
  <c r="AC25098" i="1"/>
  <c r="AC25099" i="1"/>
  <c r="AC25100" i="1"/>
  <c r="AC25101" i="1"/>
  <c r="AC25102" i="1"/>
  <c r="AC25103" i="1"/>
  <c r="AC25104" i="1"/>
  <c r="AC25105" i="1"/>
  <c r="AC25106" i="1"/>
  <c r="AC25107" i="1"/>
  <c r="AC25108" i="1"/>
  <c r="AC25109" i="1"/>
  <c r="AC25110" i="1"/>
  <c r="AC25111" i="1"/>
  <c r="AC25112" i="1"/>
  <c r="AC25113" i="1"/>
  <c r="AC25114" i="1"/>
  <c r="AC25115" i="1"/>
  <c r="AC25116" i="1"/>
  <c r="AC25117" i="1"/>
  <c r="AC25118" i="1"/>
  <c r="AC25119" i="1"/>
  <c r="AC25120" i="1"/>
  <c r="AC25121" i="1"/>
  <c r="AC25122" i="1"/>
  <c r="AC25123" i="1"/>
  <c r="AC25124" i="1"/>
  <c r="AC25125" i="1"/>
  <c r="AC25126" i="1"/>
  <c r="AC25127" i="1"/>
  <c r="AC25128" i="1"/>
  <c r="AC25129" i="1"/>
  <c r="AC25130" i="1"/>
  <c r="AC25131" i="1"/>
  <c r="AC25132" i="1"/>
  <c r="AC25133" i="1"/>
  <c r="AC25134" i="1"/>
  <c r="AC25135" i="1"/>
  <c r="AC25136" i="1"/>
  <c r="AC25137" i="1"/>
  <c r="AC25138" i="1"/>
  <c r="AC25139" i="1"/>
  <c r="AC25140" i="1"/>
  <c r="AC25141" i="1"/>
  <c r="AC25142" i="1"/>
  <c r="AC25143" i="1"/>
  <c r="AC25144" i="1"/>
  <c r="AC25145" i="1"/>
  <c r="AC25146" i="1"/>
  <c r="AC25147" i="1"/>
  <c r="AC25148" i="1"/>
  <c r="AC25149" i="1"/>
  <c r="AC25150" i="1"/>
  <c r="AC25151" i="1"/>
  <c r="AC25152" i="1"/>
  <c r="AC25153" i="1"/>
  <c r="AC25154" i="1"/>
  <c r="AC25155" i="1"/>
  <c r="AC25156" i="1"/>
  <c r="AC25157" i="1"/>
  <c r="AC25158" i="1"/>
  <c r="AC25159" i="1"/>
  <c r="AC25160" i="1"/>
  <c r="AC25161" i="1"/>
  <c r="AC25162" i="1"/>
  <c r="AC25163" i="1"/>
  <c r="AC25164" i="1"/>
  <c r="AC25165" i="1"/>
  <c r="AC25166" i="1"/>
  <c r="AC25167" i="1"/>
  <c r="AC25168" i="1"/>
  <c r="AC25169" i="1"/>
  <c r="AC25170" i="1"/>
  <c r="AC25171" i="1"/>
  <c r="AC25172" i="1"/>
  <c r="AC25173" i="1"/>
  <c r="AC25174" i="1"/>
  <c r="AC25175" i="1"/>
  <c r="AC25176" i="1"/>
  <c r="AC25177" i="1"/>
  <c r="AC25178" i="1"/>
  <c r="AC25179" i="1"/>
  <c r="AC25180" i="1"/>
  <c r="AC25181" i="1"/>
  <c r="AC25182" i="1"/>
  <c r="AC25183" i="1"/>
  <c r="AC25184" i="1"/>
  <c r="AC25185" i="1"/>
  <c r="AC25186" i="1"/>
  <c r="AC25187" i="1"/>
  <c r="AC25188" i="1"/>
  <c r="AC25189" i="1"/>
  <c r="AC25190" i="1"/>
  <c r="AC25191" i="1"/>
  <c r="AC25192" i="1"/>
  <c r="AC25193" i="1"/>
  <c r="AC25194" i="1"/>
  <c r="AC25195" i="1"/>
  <c r="AC25196" i="1"/>
  <c r="AC25197" i="1"/>
  <c r="AC25198" i="1"/>
  <c r="AC25199" i="1"/>
  <c r="AC25200" i="1"/>
  <c r="AC25201" i="1"/>
  <c r="AC25202" i="1"/>
  <c r="AC25203" i="1"/>
  <c r="AC25204" i="1"/>
  <c r="AC25205" i="1"/>
  <c r="AC25206" i="1"/>
  <c r="AC25207" i="1"/>
  <c r="AC25208" i="1"/>
  <c r="AC25209" i="1"/>
  <c r="AC25210" i="1"/>
  <c r="AC25211" i="1"/>
  <c r="AC25212" i="1"/>
  <c r="AC25213" i="1"/>
  <c r="AC25214" i="1"/>
  <c r="AC25215" i="1"/>
  <c r="AC25216" i="1"/>
  <c r="AC25217" i="1"/>
  <c r="AC25218" i="1"/>
  <c r="AC25219" i="1"/>
  <c r="AC25220" i="1"/>
  <c r="AC25221" i="1"/>
  <c r="AC25222" i="1"/>
  <c r="AC25223" i="1"/>
  <c r="AC25224" i="1"/>
  <c r="AC25225" i="1"/>
  <c r="AC25226" i="1"/>
  <c r="AC25227" i="1"/>
  <c r="AC25228" i="1"/>
  <c r="AC25229" i="1"/>
  <c r="AC25230" i="1"/>
  <c r="AC25231" i="1"/>
  <c r="AC25232" i="1"/>
  <c r="AC25233" i="1"/>
  <c r="AC25234" i="1"/>
  <c r="AC25235" i="1"/>
  <c r="AC25236" i="1"/>
  <c r="AC25237" i="1"/>
  <c r="AC25238" i="1"/>
  <c r="AC25239" i="1"/>
  <c r="AC25240" i="1"/>
  <c r="AC25241" i="1"/>
  <c r="AC25242" i="1"/>
  <c r="AC25243" i="1"/>
  <c r="AC25244" i="1"/>
  <c r="AC25245" i="1"/>
  <c r="AC25246" i="1"/>
  <c r="AC25247" i="1"/>
  <c r="AC25248" i="1"/>
  <c r="AC25249" i="1"/>
  <c r="AC25250" i="1"/>
  <c r="AC25251" i="1"/>
  <c r="AC25252" i="1"/>
  <c r="AC25253" i="1"/>
  <c r="AC25254" i="1"/>
  <c r="AC25255" i="1"/>
  <c r="AC25256" i="1"/>
  <c r="AC25257" i="1"/>
  <c r="AC25258" i="1"/>
  <c r="AC25259" i="1"/>
  <c r="AC25260" i="1"/>
  <c r="AC25261" i="1"/>
  <c r="AC25262" i="1"/>
  <c r="AC25263" i="1"/>
  <c r="AC25264" i="1"/>
  <c r="AC25265" i="1"/>
  <c r="AC25266" i="1"/>
  <c r="AC25267" i="1"/>
  <c r="AC25268" i="1"/>
  <c r="AC25269" i="1"/>
  <c r="AC25270" i="1"/>
  <c r="AC25271" i="1"/>
  <c r="AC25272" i="1"/>
  <c r="AC25273" i="1"/>
  <c r="AC25274" i="1"/>
  <c r="AC25275" i="1"/>
  <c r="AC25276" i="1"/>
  <c r="AC25277" i="1"/>
  <c r="AC25278" i="1"/>
  <c r="AC25279" i="1"/>
  <c r="AC25280" i="1"/>
  <c r="AC25281" i="1"/>
  <c r="AC25282" i="1"/>
  <c r="AC25283" i="1"/>
  <c r="AC25284" i="1"/>
  <c r="AC25285" i="1"/>
  <c r="AC25286" i="1"/>
  <c r="AC25287" i="1"/>
  <c r="AC25288" i="1"/>
  <c r="AC25289" i="1"/>
  <c r="AC25290" i="1"/>
  <c r="AC25291" i="1"/>
  <c r="AC25292" i="1"/>
  <c r="AC25293" i="1"/>
  <c r="AC25294" i="1"/>
  <c r="AC25295" i="1"/>
  <c r="AC25296" i="1"/>
  <c r="AC25297" i="1"/>
  <c r="AC25298" i="1"/>
  <c r="AC25299" i="1"/>
  <c r="AC25300" i="1"/>
  <c r="AC25301" i="1"/>
  <c r="AC25302" i="1"/>
  <c r="AC25303" i="1"/>
  <c r="AC25304" i="1"/>
  <c r="AC25305" i="1"/>
  <c r="AC25306" i="1"/>
  <c r="AC25307" i="1"/>
  <c r="AC25308" i="1"/>
  <c r="AC25309" i="1"/>
  <c r="AC25310" i="1"/>
  <c r="AC25311" i="1"/>
  <c r="AC25312" i="1"/>
  <c r="AC25313" i="1"/>
  <c r="AC25314" i="1"/>
  <c r="AC25315" i="1"/>
  <c r="AC25316" i="1"/>
  <c r="AC25317" i="1"/>
  <c r="AC25318" i="1"/>
  <c r="AC25319" i="1"/>
  <c r="AC25320" i="1"/>
  <c r="AC25321" i="1"/>
  <c r="AC25322" i="1"/>
  <c r="AC25323" i="1"/>
  <c r="AC25324" i="1"/>
  <c r="AC25325" i="1"/>
  <c r="AC25326" i="1"/>
  <c r="AC25327" i="1"/>
  <c r="AC25328" i="1"/>
  <c r="AC25329" i="1"/>
  <c r="AC25330" i="1"/>
  <c r="AC25331" i="1"/>
  <c r="AC25332" i="1"/>
  <c r="AC25333" i="1"/>
  <c r="AC25334" i="1"/>
  <c r="AC25335" i="1"/>
  <c r="AC25336" i="1"/>
  <c r="AC25337" i="1"/>
  <c r="AC25338" i="1"/>
  <c r="AC25339" i="1"/>
  <c r="AC25340" i="1"/>
  <c r="AC25341" i="1"/>
  <c r="AC25342" i="1"/>
  <c r="AC25343" i="1"/>
  <c r="AC25344" i="1"/>
  <c r="AC25345" i="1"/>
  <c r="AC25346" i="1"/>
  <c r="AC25347" i="1"/>
  <c r="AC25348" i="1"/>
  <c r="AC25349" i="1"/>
  <c r="AC25350" i="1"/>
  <c r="AC25351" i="1"/>
  <c r="AC25352" i="1"/>
  <c r="AC25353" i="1"/>
  <c r="AC25354" i="1"/>
  <c r="AC25355" i="1"/>
  <c r="AC25356" i="1"/>
  <c r="AC25357" i="1"/>
  <c r="AC25358" i="1"/>
  <c r="AC25359" i="1"/>
  <c r="AC25360" i="1"/>
  <c r="AC25361" i="1"/>
  <c r="AC25362" i="1"/>
  <c r="AC25363" i="1"/>
  <c r="AC25364" i="1"/>
  <c r="AC25365" i="1"/>
  <c r="AC25366" i="1"/>
  <c r="AC25367" i="1"/>
  <c r="AC25368" i="1"/>
  <c r="AC25369" i="1"/>
  <c r="AC25370" i="1"/>
  <c r="AC25371" i="1"/>
  <c r="AC25372" i="1"/>
  <c r="AC25373" i="1"/>
  <c r="AC25374" i="1"/>
  <c r="AC25375" i="1"/>
  <c r="AC25376" i="1"/>
  <c r="AC25377" i="1"/>
  <c r="AC25378" i="1"/>
  <c r="AC25379" i="1"/>
  <c r="AC25380" i="1"/>
  <c r="AC25381" i="1"/>
  <c r="AC25382" i="1"/>
  <c r="AC25383" i="1"/>
  <c r="AC25384" i="1"/>
  <c r="AC25385" i="1"/>
  <c r="AC25386" i="1"/>
  <c r="AC25387" i="1"/>
  <c r="AC25388" i="1"/>
  <c r="AC25389" i="1"/>
  <c r="AC25390" i="1"/>
  <c r="AC25391" i="1"/>
  <c r="AC25392" i="1"/>
  <c r="AC25393" i="1"/>
  <c r="AC25394" i="1"/>
  <c r="AC25395" i="1"/>
  <c r="AC25396" i="1"/>
  <c r="AC25397" i="1"/>
  <c r="AC25398" i="1"/>
  <c r="AC25399" i="1"/>
  <c r="AC25400" i="1"/>
  <c r="AC25401" i="1"/>
  <c r="AC25402" i="1"/>
  <c r="AC25403" i="1"/>
  <c r="AC25404" i="1"/>
  <c r="AC25405" i="1"/>
  <c r="AC25406" i="1"/>
  <c r="AC25407" i="1"/>
  <c r="AC25408" i="1"/>
  <c r="AC25409" i="1"/>
  <c r="AC25410" i="1"/>
  <c r="AC25411" i="1"/>
  <c r="AC25412" i="1"/>
  <c r="AC25413" i="1"/>
  <c r="AC25414" i="1"/>
  <c r="AC25415" i="1"/>
  <c r="AC25416" i="1"/>
  <c r="AC25417" i="1"/>
  <c r="AC25418" i="1"/>
  <c r="AC25419" i="1"/>
  <c r="AC25420" i="1"/>
  <c r="AC25421" i="1"/>
  <c r="AC25422" i="1"/>
  <c r="AC25423" i="1"/>
  <c r="AC25424" i="1"/>
  <c r="AC25425" i="1"/>
  <c r="AC25426" i="1"/>
  <c r="AC25427" i="1"/>
  <c r="AC25428" i="1"/>
  <c r="AC25429" i="1"/>
  <c r="AC25430" i="1"/>
  <c r="AC25431" i="1"/>
  <c r="AC25432" i="1"/>
  <c r="AC25433" i="1"/>
  <c r="AC25434" i="1"/>
  <c r="AC25435" i="1"/>
  <c r="AC25436" i="1"/>
  <c r="AC25437" i="1"/>
  <c r="AC25438" i="1"/>
  <c r="AC25439" i="1"/>
  <c r="AC25440" i="1"/>
  <c r="AC25441" i="1"/>
  <c r="AC25442" i="1"/>
  <c r="AC25443" i="1"/>
  <c r="AC25444" i="1"/>
  <c r="AC25445" i="1"/>
  <c r="AC25446" i="1"/>
  <c r="AC25447" i="1"/>
  <c r="AC25448" i="1"/>
  <c r="AC25449" i="1"/>
  <c r="AC25450" i="1"/>
  <c r="AC25451" i="1"/>
  <c r="AC25452" i="1"/>
  <c r="AC25453" i="1"/>
  <c r="AC25454" i="1"/>
  <c r="AC25455" i="1"/>
  <c r="AC25456" i="1"/>
  <c r="AC25457" i="1"/>
  <c r="AC25458" i="1"/>
  <c r="AC25459" i="1"/>
  <c r="AC25460" i="1"/>
  <c r="AC25461" i="1"/>
  <c r="AC25462" i="1"/>
  <c r="AC25463" i="1"/>
  <c r="AC25464" i="1"/>
  <c r="AC25465" i="1"/>
  <c r="AC25466" i="1"/>
  <c r="AC25467" i="1"/>
  <c r="AC25468" i="1"/>
  <c r="AC25469" i="1"/>
  <c r="AC25470" i="1"/>
  <c r="AC25471" i="1"/>
  <c r="AC25472" i="1"/>
  <c r="AC25473" i="1"/>
  <c r="AC25474" i="1"/>
  <c r="AC25475" i="1"/>
  <c r="AC25476" i="1"/>
  <c r="AC25477" i="1"/>
  <c r="AC25478" i="1"/>
  <c r="AC25479" i="1"/>
  <c r="AC25480" i="1"/>
  <c r="AC25481" i="1"/>
  <c r="AC25482" i="1"/>
  <c r="AC25483" i="1"/>
  <c r="AC25484" i="1"/>
  <c r="AC25485" i="1"/>
  <c r="AC25486" i="1"/>
  <c r="AC25487" i="1"/>
  <c r="AC25488" i="1"/>
  <c r="AC25489" i="1"/>
  <c r="AC25490" i="1"/>
  <c r="AC25491" i="1"/>
  <c r="AC25492" i="1"/>
  <c r="AC25493" i="1"/>
  <c r="AC25494" i="1"/>
  <c r="AC25495" i="1"/>
  <c r="AC25496" i="1"/>
  <c r="AC25497" i="1"/>
  <c r="AC25498" i="1"/>
  <c r="AC25499" i="1"/>
  <c r="AC25500" i="1"/>
  <c r="AC25501" i="1"/>
  <c r="AC25502" i="1"/>
  <c r="AC25503" i="1"/>
  <c r="AC25504" i="1"/>
  <c r="AC25505" i="1"/>
  <c r="AC25506" i="1"/>
  <c r="AC25507" i="1"/>
  <c r="AC25508" i="1"/>
  <c r="AC25509" i="1"/>
  <c r="AC25510" i="1"/>
  <c r="AC25511" i="1"/>
  <c r="AC25512" i="1"/>
  <c r="AC25513" i="1"/>
  <c r="AC25514" i="1"/>
  <c r="AC25515" i="1"/>
  <c r="AC25516" i="1"/>
  <c r="AC25517" i="1"/>
  <c r="AC25518" i="1"/>
  <c r="AC25519" i="1"/>
  <c r="AC25520" i="1"/>
  <c r="AC25521" i="1"/>
  <c r="AC25522" i="1"/>
  <c r="AC25523" i="1"/>
  <c r="AC25524" i="1"/>
  <c r="AC25525" i="1"/>
  <c r="AC25526" i="1"/>
  <c r="AC25527" i="1"/>
  <c r="AC25528" i="1"/>
  <c r="AC25529" i="1"/>
  <c r="AC25530" i="1"/>
  <c r="AC25531" i="1"/>
  <c r="AC25532" i="1"/>
  <c r="AC25533" i="1"/>
  <c r="AC25534" i="1"/>
  <c r="AC25535" i="1"/>
  <c r="AC25536" i="1"/>
  <c r="AC25537" i="1"/>
  <c r="AC25538" i="1"/>
  <c r="AC25539" i="1"/>
  <c r="AC25540" i="1"/>
  <c r="AC25541" i="1"/>
  <c r="AC25542" i="1"/>
  <c r="AC25543" i="1"/>
  <c r="AC25544" i="1"/>
  <c r="AC25545" i="1"/>
  <c r="AC25546" i="1"/>
  <c r="AC25547" i="1"/>
  <c r="AC25548" i="1"/>
  <c r="AC25549" i="1"/>
  <c r="AC25550" i="1"/>
  <c r="AC25551" i="1"/>
  <c r="AC25552" i="1"/>
  <c r="AC25553" i="1"/>
  <c r="AC25554" i="1"/>
  <c r="AC25555" i="1"/>
  <c r="AC25556" i="1"/>
  <c r="AC25557" i="1"/>
  <c r="AC25558" i="1"/>
  <c r="AC25559" i="1"/>
  <c r="AC25560" i="1"/>
  <c r="AC25561" i="1"/>
  <c r="AC25562" i="1"/>
  <c r="AC25563" i="1"/>
  <c r="AC25564" i="1"/>
  <c r="AC25565" i="1"/>
  <c r="AC25566" i="1"/>
  <c r="AC25567" i="1"/>
  <c r="AC25568" i="1"/>
  <c r="AC25569" i="1"/>
  <c r="AC25570" i="1"/>
  <c r="AC25571" i="1"/>
  <c r="AC25572" i="1"/>
  <c r="AC25573" i="1"/>
  <c r="AC25574" i="1"/>
  <c r="AC25575" i="1"/>
  <c r="AC25576" i="1"/>
  <c r="AC25577" i="1"/>
  <c r="AC25578" i="1"/>
  <c r="AC25579" i="1"/>
  <c r="AC25580" i="1"/>
  <c r="AC25581" i="1"/>
  <c r="AC25582" i="1"/>
  <c r="AC25583" i="1"/>
  <c r="AC25584" i="1"/>
  <c r="AC25585" i="1"/>
  <c r="AC25586" i="1"/>
  <c r="AC25587" i="1"/>
  <c r="AC25588" i="1"/>
  <c r="AC25589" i="1"/>
  <c r="AC25590" i="1"/>
  <c r="AC25591" i="1"/>
  <c r="AC25592" i="1"/>
  <c r="AC25593" i="1"/>
  <c r="AC25594" i="1"/>
  <c r="AC25595" i="1"/>
  <c r="AC25596" i="1"/>
  <c r="AC25597" i="1"/>
  <c r="AC25598" i="1"/>
  <c r="AC25599" i="1"/>
  <c r="AC25600" i="1"/>
  <c r="AC25601" i="1"/>
  <c r="AC25602" i="1"/>
  <c r="AC25603" i="1"/>
  <c r="AC25604" i="1"/>
  <c r="AC25605" i="1"/>
  <c r="AC25606" i="1"/>
  <c r="AC25607" i="1"/>
  <c r="AC25608" i="1"/>
  <c r="AC25609" i="1"/>
  <c r="AC25610" i="1"/>
  <c r="AC25611" i="1"/>
  <c r="AC25612" i="1"/>
  <c r="AC25613" i="1"/>
  <c r="AC25614" i="1"/>
  <c r="AC25615" i="1"/>
  <c r="AC25616" i="1"/>
  <c r="AC25617" i="1"/>
  <c r="AC25618" i="1"/>
  <c r="AC25619" i="1"/>
  <c r="AC25620" i="1"/>
  <c r="AC25621" i="1"/>
  <c r="AC25622" i="1"/>
  <c r="AC25623" i="1"/>
  <c r="AC25624" i="1"/>
  <c r="AC25625" i="1"/>
  <c r="AC25626" i="1"/>
  <c r="AC25627" i="1"/>
  <c r="AC25628" i="1"/>
  <c r="AC25629" i="1"/>
  <c r="AC25630" i="1"/>
  <c r="AC25631" i="1"/>
  <c r="AC25632" i="1"/>
  <c r="AC25633" i="1"/>
  <c r="AC25634" i="1"/>
  <c r="AC25635" i="1"/>
  <c r="AC25636" i="1"/>
  <c r="AC25637" i="1"/>
  <c r="AC25638" i="1"/>
  <c r="AC25639" i="1"/>
  <c r="AC25640" i="1"/>
  <c r="AC25641" i="1"/>
  <c r="AC25642" i="1"/>
  <c r="AC25643" i="1"/>
  <c r="AC25644" i="1"/>
  <c r="AC25645" i="1"/>
  <c r="AC25646" i="1"/>
  <c r="AC25647" i="1"/>
  <c r="AC25648" i="1"/>
  <c r="AC25649" i="1"/>
  <c r="AC25650" i="1"/>
  <c r="AC25651" i="1"/>
  <c r="AC25652" i="1"/>
  <c r="AC25653" i="1"/>
  <c r="AC25654" i="1"/>
  <c r="AC25655" i="1"/>
  <c r="AC25656" i="1"/>
  <c r="AC25657" i="1"/>
  <c r="AC25658" i="1"/>
  <c r="AC25659" i="1"/>
  <c r="AC25660" i="1"/>
  <c r="AC25661" i="1"/>
  <c r="AC25662" i="1"/>
  <c r="AC25663" i="1"/>
  <c r="AC25664" i="1"/>
  <c r="AC25665" i="1"/>
  <c r="AC25666" i="1"/>
  <c r="AC25667" i="1"/>
  <c r="AC25668" i="1"/>
  <c r="AC25669" i="1"/>
  <c r="AC25670" i="1"/>
  <c r="AC25671" i="1"/>
  <c r="AC25672" i="1"/>
  <c r="AC25673" i="1"/>
  <c r="AC25674" i="1"/>
  <c r="AC25675" i="1"/>
  <c r="AC25676" i="1"/>
  <c r="AC25677" i="1"/>
  <c r="AC25678" i="1"/>
  <c r="AC25679" i="1"/>
  <c r="AC25680" i="1"/>
  <c r="AC25681" i="1"/>
  <c r="AC25682" i="1"/>
  <c r="AC25683" i="1"/>
  <c r="AC25684" i="1"/>
  <c r="AC25685" i="1"/>
  <c r="AC25686" i="1"/>
  <c r="AC25687" i="1"/>
  <c r="AC25688" i="1"/>
  <c r="AC25689" i="1"/>
  <c r="AC25690" i="1"/>
  <c r="AC25691" i="1"/>
  <c r="AC25692" i="1"/>
  <c r="AC25693" i="1"/>
  <c r="AC25694" i="1"/>
  <c r="AC25695" i="1"/>
  <c r="AC25696" i="1"/>
  <c r="AC25697" i="1"/>
  <c r="AC25698" i="1"/>
  <c r="AC25699" i="1"/>
  <c r="AC25700" i="1"/>
  <c r="AC25701" i="1"/>
  <c r="AC25702" i="1"/>
  <c r="AC25703" i="1"/>
  <c r="AC25704" i="1"/>
  <c r="AC25705" i="1"/>
  <c r="AC25706" i="1"/>
  <c r="AC25707" i="1"/>
  <c r="AC25708" i="1"/>
  <c r="AC25709" i="1"/>
  <c r="AC25710" i="1"/>
  <c r="AC25711" i="1"/>
  <c r="AC25712" i="1"/>
  <c r="AC25713" i="1"/>
  <c r="AC25714" i="1"/>
  <c r="AC25715" i="1"/>
  <c r="AC25716" i="1"/>
  <c r="AC25717" i="1"/>
  <c r="AC25718" i="1"/>
  <c r="AC25719" i="1"/>
  <c r="AC25720" i="1"/>
  <c r="AC25721" i="1"/>
  <c r="AC25722" i="1"/>
  <c r="AC25723" i="1"/>
  <c r="AC25724" i="1"/>
  <c r="AC25725" i="1"/>
  <c r="AC25726" i="1"/>
  <c r="AC25727" i="1"/>
  <c r="AC25728" i="1"/>
  <c r="AC25729" i="1"/>
  <c r="AC25730" i="1"/>
  <c r="AC25731" i="1"/>
  <c r="AC25732" i="1"/>
  <c r="AC25733" i="1"/>
  <c r="AC25734" i="1"/>
  <c r="AC25735" i="1"/>
  <c r="AC25736" i="1"/>
  <c r="AC25737" i="1"/>
  <c r="AC25738" i="1"/>
  <c r="AC25739" i="1"/>
  <c r="AC25740" i="1"/>
  <c r="AC25741" i="1"/>
  <c r="AC25742" i="1"/>
  <c r="AC25743" i="1"/>
  <c r="AC25744" i="1"/>
  <c r="AC25745" i="1"/>
  <c r="AC25746" i="1"/>
  <c r="AC25747" i="1"/>
  <c r="AC25748" i="1"/>
  <c r="AC25749" i="1"/>
  <c r="AC25750" i="1"/>
  <c r="AC25751" i="1"/>
  <c r="AC25752" i="1"/>
  <c r="AC25753" i="1"/>
  <c r="AC25754" i="1"/>
  <c r="AC25755" i="1"/>
  <c r="AC25756" i="1"/>
  <c r="AC25757" i="1"/>
  <c r="AC25758" i="1"/>
  <c r="AC25759" i="1"/>
  <c r="AC25760" i="1"/>
  <c r="AC25761" i="1"/>
  <c r="AC25762" i="1"/>
  <c r="AC25763" i="1"/>
  <c r="AC25764" i="1"/>
  <c r="AC25765" i="1"/>
  <c r="AC25766" i="1"/>
  <c r="AC25767" i="1"/>
  <c r="AC25768" i="1"/>
  <c r="AC25769" i="1"/>
  <c r="AC25770" i="1"/>
  <c r="AC25771" i="1"/>
  <c r="AC25772" i="1"/>
  <c r="AC25773" i="1"/>
  <c r="AC25774" i="1"/>
  <c r="AC25775" i="1"/>
  <c r="AC25776" i="1"/>
  <c r="AC25777" i="1"/>
  <c r="AC25778" i="1"/>
  <c r="AC25779" i="1"/>
  <c r="AC25780" i="1"/>
  <c r="AC25781" i="1"/>
  <c r="AC25782" i="1"/>
  <c r="AC25783" i="1"/>
  <c r="AC25784" i="1"/>
  <c r="AC25785" i="1"/>
  <c r="AC25786" i="1"/>
  <c r="AC25787" i="1"/>
  <c r="AC25788" i="1"/>
  <c r="AC25789" i="1"/>
  <c r="AC25790" i="1"/>
  <c r="AC25791" i="1"/>
  <c r="AC25792" i="1"/>
  <c r="AC25793" i="1"/>
  <c r="AC25794" i="1"/>
  <c r="AC25795" i="1"/>
  <c r="AC25796" i="1"/>
  <c r="AC25797" i="1"/>
  <c r="AC25798" i="1"/>
  <c r="AC25799" i="1"/>
  <c r="AC25800" i="1"/>
  <c r="AC25801" i="1"/>
  <c r="AC25802" i="1"/>
  <c r="AC25803" i="1"/>
  <c r="AC25804" i="1"/>
  <c r="AC25805" i="1"/>
  <c r="AC25806" i="1"/>
  <c r="AC25807" i="1"/>
  <c r="AC25808" i="1"/>
  <c r="AC25809" i="1"/>
  <c r="AC25810" i="1"/>
  <c r="AC25811" i="1"/>
  <c r="AC25812" i="1"/>
  <c r="AC25813" i="1"/>
  <c r="AC25814" i="1"/>
  <c r="AC25815" i="1"/>
  <c r="AC25816" i="1"/>
  <c r="AC25817" i="1"/>
  <c r="AC25818" i="1"/>
  <c r="AC25819" i="1"/>
  <c r="AC25820" i="1"/>
  <c r="AC25821" i="1"/>
  <c r="AC25822" i="1"/>
  <c r="AC25823" i="1"/>
  <c r="AC25824" i="1"/>
  <c r="AC25825" i="1"/>
  <c r="AC25826" i="1"/>
  <c r="AC25827" i="1"/>
  <c r="AC25828" i="1"/>
  <c r="AC25829" i="1"/>
  <c r="AC25830" i="1"/>
  <c r="AC25831" i="1"/>
  <c r="AC25832" i="1"/>
  <c r="AC25833" i="1"/>
  <c r="AC25834" i="1"/>
  <c r="AC25835" i="1"/>
  <c r="AC25836" i="1"/>
  <c r="AC25837" i="1"/>
  <c r="AC25838" i="1"/>
  <c r="AC25839" i="1"/>
  <c r="AC25840" i="1"/>
  <c r="AC25841" i="1"/>
  <c r="AC25842" i="1"/>
  <c r="AC25843" i="1"/>
  <c r="AC25844" i="1"/>
  <c r="AC25845" i="1"/>
  <c r="AC25846" i="1"/>
  <c r="AC25847" i="1"/>
  <c r="AC25848" i="1"/>
  <c r="AC25849" i="1"/>
  <c r="AC25850" i="1"/>
  <c r="AC25851" i="1"/>
  <c r="AC25852" i="1"/>
  <c r="AC25853" i="1"/>
  <c r="AC25854" i="1"/>
  <c r="AC25855" i="1"/>
  <c r="AC25856" i="1"/>
  <c r="AC25857" i="1"/>
  <c r="AC25858" i="1"/>
  <c r="AC25859" i="1"/>
  <c r="AC25860" i="1"/>
  <c r="AC25861" i="1"/>
  <c r="AC25862" i="1"/>
  <c r="AC25863" i="1"/>
  <c r="AC25864" i="1"/>
  <c r="AC25865" i="1"/>
  <c r="AC25866" i="1"/>
  <c r="AC25867" i="1"/>
  <c r="AC25868" i="1"/>
  <c r="AC25869" i="1"/>
  <c r="AC25870" i="1"/>
  <c r="AC25871" i="1"/>
  <c r="AC25872" i="1"/>
  <c r="AC25873" i="1"/>
  <c r="AC25874" i="1"/>
  <c r="AC25875" i="1"/>
  <c r="AC25876" i="1"/>
  <c r="AC25877" i="1"/>
  <c r="AC25878" i="1"/>
  <c r="AC25879" i="1"/>
  <c r="AC25880" i="1"/>
  <c r="AC25881" i="1"/>
  <c r="AC25882" i="1"/>
  <c r="AC25883" i="1"/>
  <c r="AC25884" i="1"/>
  <c r="AC25885" i="1"/>
  <c r="AC25886" i="1"/>
  <c r="AC25887" i="1"/>
  <c r="AC25888" i="1"/>
  <c r="AC25889" i="1"/>
  <c r="AC25890" i="1"/>
  <c r="AC25891" i="1"/>
  <c r="AC25892" i="1"/>
  <c r="AC25893" i="1"/>
  <c r="AC25894" i="1"/>
  <c r="AC25895" i="1"/>
  <c r="AC25896" i="1"/>
  <c r="AC25897" i="1"/>
  <c r="AC25898" i="1"/>
  <c r="AC25899" i="1"/>
  <c r="AC25900" i="1"/>
  <c r="AC25901" i="1"/>
  <c r="AC25902" i="1"/>
  <c r="AC25903" i="1"/>
  <c r="AC25904" i="1"/>
  <c r="AC25905" i="1"/>
  <c r="AC25906" i="1"/>
  <c r="AC25907" i="1"/>
  <c r="AC25908" i="1"/>
  <c r="AC25909" i="1"/>
  <c r="AC25910" i="1"/>
  <c r="AC25911" i="1"/>
  <c r="AC25912" i="1"/>
  <c r="AC25913" i="1"/>
  <c r="AC25914" i="1"/>
  <c r="AC25915" i="1"/>
  <c r="AC25916" i="1"/>
  <c r="AC25917" i="1"/>
  <c r="AC25918" i="1"/>
  <c r="AC25919" i="1"/>
  <c r="AC25920" i="1"/>
  <c r="AC25921" i="1"/>
  <c r="AC25922" i="1"/>
  <c r="AC25923" i="1"/>
  <c r="AC25924" i="1"/>
  <c r="AC25925" i="1"/>
  <c r="AC25926" i="1"/>
  <c r="AC25927" i="1"/>
  <c r="AC25928" i="1"/>
  <c r="AC25929" i="1"/>
  <c r="AC25930" i="1"/>
  <c r="AC25931" i="1"/>
  <c r="AC25932" i="1"/>
  <c r="AC25933" i="1"/>
  <c r="AC25934" i="1"/>
  <c r="AC25935" i="1"/>
  <c r="AC25936" i="1"/>
  <c r="AC25937" i="1"/>
  <c r="AC25938" i="1"/>
  <c r="AC25939" i="1"/>
  <c r="AC25940" i="1"/>
  <c r="AC25941" i="1"/>
  <c r="AC25942" i="1"/>
  <c r="AC25943" i="1"/>
  <c r="AC25944" i="1"/>
  <c r="AC25945" i="1"/>
  <c r="AC25946" i="1"/>
  <c r="AC25947" i="1"/>
  <c r="AC25948" i="1"/>
  <c r="AC25949" i="1"/>
  <c r="AC25950" i="1"/>
  <c r="AC25951" i="1"/>
  <c r="AC25952" i="1"/>
  <c r="AC25953" i="1"/>
  <c r="AC25954" i="1"/>
  <c r="AC25955" i="1"/>
  <c r="AC25956" i="1"/>
  <c r="AC25957" i="1"/>
  <c r="AC25958" i="1"/>
  <c r="AC25959" i="1"/>
  <c r="AC25960" i="1"/>
  <c r="AC25961" i="1"/>
  <c r="AC25962" i="1"/>
  <c r="AC25963" i="1"/>
  <c r="AC25964" i="1"/>
  <c r="AC25965" i="1"/>
  <c r="AC25966" i="1"/>
  <c r="AC25967" i="1"/>
  <c r="AC25968" i="1"/>
  <c r="AC25969" i="1"/>
  <c r="AC25970" i="1"/>
  <c r="AC25971" i="1"/>
  <c r="AC25972" i="1"/>
  <c r="AC25973" i="1"/>
  <c r="AC25974" i="1"/>
  <c r="AC25975" i="1"/>
  <c r="AC25976" i="1"/>
  <c r="AC25977" i="1"/>
  <c r="AC25978" i="1"/>
  <c r="AC25979" i="1"/>
  <c r="AC25980" i="1"/>
  <c r="AC25981" i="1"/>
  <c r="AC25982" i="1"/>
  <c r="AC25983" i="1"/>
  <c r="AC25984" i="1"/>
  <c r="AC25985" i="1"/>
  <c r="AC25986" i="1"/>
  <c r="AC25987" i="1"/>
  <c r="AC25988" i="1"/>
  <c r="AC25989" i="1"/>
  <c r="AC25990" i="1"/>
  <c r="AC25991" i="1"/>
  <c r="AC25992" i="1"/>
  <c r="AC25993" i="1"/>
  <c r="AC25994" i="1"/>
  <c r="AC25995" i="1"/>
  <c r="AC25996" i="1"/>
  <c r="AC25997" i="1"/>
  <c r="AC25998" i="1"/>
  <c r="AC25999" i="1"/>
  <c r="AC26000" i="1"/>
  <c r="AC26001" i="1"/>
  <c r="AC26002" i="1"/>
  <c r="AC26003" i="1"/>
  <c r="AC26004" i="1"/>
  <c r="AC26005" i="1"/>
  <c r="AC26006" i="1"/>
  <c r="AC26007" i="1"/>
  <c r="AC26008" i="1"/>
  <c r="AC26009" i="1"/>
  <c r="AC26010" i="1"/>
  <c r="AC26011" i="1"/>
  <c r="AC26012" i="1"/>
  <c r="AC26013" i="1"/>
  <c r="AC26014" i="1"/>
  <c r="AC26015" i="1"/>
  <c r="AC26016" i="1"/>
  <c r="AC26017" i="1"/>
  <c r="AC26018" i="1"/>
  <c r="AC26019" i="1"/>
  <c r="AC26020" i="1"/>
  <c r="AC26021" i="1"/>
  <c r="AC26022" i="1"/>
  <c r="AC26023" i="1"/>
  <c r="AC26024" i="1"/>
  <c r="AC26025" i="1"/>
  <c r="AC26026" i="1"/>
  <c r="AC26027" i="1"/>
  <c r="AC26028" i="1"/>
  <c r="AC26029" i="1"/>
  <c r="AC26030" i="1"/>
  <c r="AC26031" i="1"/>
  <c r="AC26032" i="1"/>
  <c r="AC26033" i="1"/>
  <c r="AC26034" i="1"/>
  <c r="AC26035" i="1"/>
  <c r="AC26036" i="1"/>
  <c r="AC26037" i="1"/>
  <c r="AC26038" i="1"/>
  <c r="AC26039" i="1"/>
  <c r="AC26040" i="1"/>
  <c r="AC26041" i="1"/>
  <c r="AC26042" i="1"/>
  <c r="AC26043" i="1"/>
  <c r="AC26044" i="1"/>
  <c r="AC26045" i="1"/>
  <c r="AC26046" i="1"/>
  <c r="AC26047" i="1"/>
  <c r="AC26048" i="1"/>
  <c r="AC26049" i="1"/>
  <c r="AC26050" i="1"/>
  <c r="AC26051" i="1"/>
  <c r="AC26052" i="1"/>
  <c r="AC26053" i="1"/>
  <c r="AC26054" i="1"/>
  <c r="AC26055" i="1"/>
  <c r="AC26056" i="1"/>
  <c r="AC26057" i="1"/>
  <c r="AC26058" i="1"/>
  <c r="AC26059" i="1"/>
  <c r="AC26060" i="1"/>
  <c r="AC26061" i="1"/>
  <c r="AC26062" i="1"/>
  <c r="AC26063" i="1"/>
  <c r="AC26064" i="1"/>
  <c r="AC26065" i="1"/>
  <c r="AC26066" i="1"/>
  <c r="AC26067" i="1"/>
  <c r="AC26068" i="1"/>
  <c r="AC26069" i="1"/>
  <c r="AC26070" i="1"/>
  <c r="AC26071" i="1"/>
  <c r="AC26072" i="1"/>
  <c r="AC26073" i="1"/>
  <c r="AC26074" i="1"/>
  <c r="AC26075" i="1"/>
  <c r="AC26076" i="1"/>
  <c r="AC26077" i="1"/>
  <c r="AC26078" i="1"/>
  <c r="AC26079" i="1"/>
  <c r="AC26080" i="1"/>
  <c r="AC26081" i="1"/>
  <c r="AC26082" i="1"/>
  <c r="AC26083" i="1"/>
  <c r="AC26084" i="1"/>
  <c r="AC26085" i="1"/>
  <c r="AC26086" i="1"/>
  <c r="AC26087" i="1"/>
  <c r="AC26088" i="1"/>
  <c r="AC26089" i="1"/>
  <c r="AC26090" i="1"/>
  <c r="AC26091" i="1"/>
  <c r="AC26092" i="1"/>
  <c r="AC26093" i="1"/>
  <c r="AC26094" i="1"/>
  <c r="AC26095" i="1"/>
  <c r="AC26096" i="1"/>
  <c r="AC26097" i="1"/>
  <c r="AC26098" i="1"/>
  <c r="AC26099" i="1"/>
  <c r="AC26100" i="1"/>
  <c r="AC26101" i="1"/>
  <c r="AC26102" i="1"/>
  <c r="AC26103" i="1"/>
  <c r="AC26104" i="1"/>
  <c r="AC26105" i="1"/>
  <c r="AC26106" i="1"/>
  <c r="AC26107" i="1"/>
  <c r="AC26108" i="1"/>
  <c r="AC26109" i="1"/>
  <c r="AC26110" i="1"/>
  <c r="AC26111" i="1"/>
  <c r="AC26112" i="1"/>
  <c r="AC26113" i="1"/>
  <c r="AC26114" i="1"/>
  <c r="AC26115" i="1"/>
  <c r="AC26116" i="1"/>
  <c r="AC26117" i="1"/>
  <c r="AC26118" i="1"/>
  <c r="AC26119" i="1"/>
  <c r="AC26120" i="1"/>
  <c r="AC26121" i="1"/>
  <c r="AC26122" i="1"/>
  <c r="AC26123" i="1"/>
  <c r="AC26124" i="1"/>
  <c r="AC26125" i="1"/>
  <c r="AC26126" i="1"/>
  <c r="AC26127" i="1"/>
  <c r="AC26128" i="1"/>
  <c r="AC26129" i="1"/>
  <c r="AC26130" i="1"/>
  <c r="AC26131" i="1"/>
  <c r="AC26132" i="1"/>
  <c r="AC26133" i="1"/>
  <c r="AC26134" i="1"/>
  <c r="AC26135" i="1"/>
  <c r="AC26136" i="1"/>
  <c r="AC26137" i="1"/>
  <c r="AC26138" i="1"/>
  <c r="AC26139" i="1"/>
  <c r="AC26140" i="1"/>
  <c r="AC26141" i="1"/>
  <c r="AC26142" i="1"/>
  <c r="AC26143" i="1"/>
  <c r="AC26144" i="1"/>
  <c r="AC26145" i="1"/>
  <c r="AC26146" i="1"/>
  <c r="AC26147" i="1"/>
  <c r="AC26148" i="1"/>
  <c r="AC26149" i="1"/>
  <c r="AC26150" i="1"/>
  <c r="AC26151" i="1"/>
  <c r="AC26152" i="1"/>
  <c r="AC26153" i="1"/>
  <c r="AC26154" i="1"/>
  <c r="AC26155" i="1"/>
  <c r="AC26156" i="1"/>
  <c r="AC26157" i="1"/>
  <c r="AC26158" i="1"/>
  <c r="AC26159" i="1"/>
  <c r="AC26160" i="1"/>
  <c r="AC26161" i="1"/>
  <c r="AC26162" i="1"/>
  <c r="AC26163" i="1"/>
  <c r="AC26164" i="1"/>
  <c r="AC26165" i="1"/>
  <c r="AC26166" i="1"/>
  <c r="AC26167" i="1"/>
  <c r="AC26168" i="1"/>
  <c r="AC26169" i="1"/>
  <c r="AC26170" i="1"/>
  <c r="AC26171" i="1"/>
  <c r="AC26172" i="1"/>
  <c r="AC26173" i="1"/>
  <c r="AC26174" i="1"/>
  <c r="AC26175" i="1"/>
  <c r="AC26176" i="1"/>
  <c r="AC26177" i="1"/>
  <c r="AC26178" i="1"/>
  <c r="AC26179" i="1"/>
  <c r="AC26180" i="1"/>
  <c r="AC26181" i="1"/>
  <c r="AC26182" i="1"/>
  <c r="AC26183" i="1"/>
  <c r="AC26184" i="1"/>
  <c r="AC26185" i="1"/>
  <c r="AC26186" i="1"/>
  <c r="AC26187" i="1"/>
  <c r="AC26188" i="1"/>
  <c r="AC26189" i="1"/>
  <c r="AC26190" i="1"/>
  <c r="AC26191" i="1"/>
  <c r="AC26192" i="1"/>
  <c r="AC26193" i="1"/>
  <c r="AC26194" i="1"/>
  <c r="AC26195" i="1"/>
  <c r="AC26196" i="1"/>
  <c r="AC26197" i="1"/>
  <c r="AC26198" i="1"/>
  <c r="AC26199" i="1"/>
  <c r="AC26200" i="1"/>
  <c r="AC26201" i="1"/>
  <c r="AC26202" i="1"/>
  <c r="AC26203" i="1"/>
  <c r="AC26204" i="1"/>
  <c r="AC26205" i="1"/>
  <c r="AC26206" i="1"/>
  <c r="AC26207" i="1"/>
  <c r="AC26208" i="1"/>
  <c r="AC26209" i="1"/>
  <c r="AC26210" i="1"/>
  <c r="AC26211" i="1"/>
  <c r="AC26212" i="1"/>
  <c r="AC26213" i="1"/>
  <c r="AC26214" i="1"/>
  <c r="AC26215" i="1"/>
  <c r="AC26216" i="1"/>
  <c r="AC26217" i="1"/>
  <c r="AC26218" i="1"/>
  <c r="AC26219" i="1"/>
  <c r="AC26220" i="1"/>
  <c r="AC26221" i="1"/>
  <c r="AC26222" i="1"/>
  <c r="AC26223" i="1"/>
  <c r="AC26224" i="1"/>
  <c r="AC26225" i="1"/>
  <c r="AC26226" i="1"/>
  <c r="AC26227" i="1"/>
  <c r="AC26228" i="1"/>
  <c r="AC26229" i="1"/>
  <c r="AC26230" i="1"/>
  <c r="AC26231" i="1"/>
  <c r="AC26232" i="1"/>
  <c r="AC26233" i="1"/>
  <c r="AC26234" i="1"/>
  <c r="AC26235" i="1"/>
  <c r="AC26236" i="1"/>
  <c r="AC26237" i="1"/>
  <c r="AC26238" i="1"/>
  <c r="AC26239" i="1"/>
  <c r="AC26240" i="1"/>
  <c r="AC26241" i="1"/>
  <c r="AC26242" i="1"/>
  <c r="AC26243" i="1"/>
  <c r="AC26244" i="1"/>
  <c r="AC26245" i="1"/>
  <c r="AC26246" i="1"/>
  <c r="AC26247" i="1"/>
  <c r="AC26248" i="1"/>
  <c r="AC26249" i="1"/>
  <c r="AC26250" i="1"/>
  <c r="AC26251" i="1"/>
  <c r="AC26252" i="1"/>
  <c r="AC26253" i="1"/>
  <c r="AC26254" i="1"/>
  <c r="AC26255" i="1"/>
  <c r="AC26256" i="1"/>
  <c r="AC26257" i="1"/>
  <c r="AC26258" i="1"/>
  <c r="AC26259" i="1"/>
  <c r="AC26260" i="1"/>
  <c r="AC26261" i="1"/>
  <c r="AC26262" i="1"/>
  <c r="AC26263" i="1"/>
  <c r="AC26264" i="1"/>
  <c r="AC26265" i="1"/>
  <c r="AC26266" i="1"/>
  <c r="AC26267" i="1"/>
  <c r="AC26268" i="1"/>
  <c r="AC26269" i="1"/>
  <c r="AC26270" i="1"/>
  <c r="AC26271" i="1"/>
  <c r="AC26272" i="1"/>
  <c r="AC26273" i="1"/>
  <c r="AC26274" i="1"/>
  <c r="AC26275" i="1"/>
  <c r="AC26276" i="1"/>
  <c r="AC26277" i="1"/>
  <c r="AC26278" i="1"/>
  <c r="AC26279" i="1"/>
  <c r="AC26280" i="1"/>
  <c r="AC26281" i="1"/>
  <c r="AC26282" i="1"/>
  <c r="AC26283" i="1"/>
  <c r="AC26284" i="1"/>
  <c r="AC26285" i="1"/>
  <c r="AC26286" i="1"/>
  <c r="AC26287" i="1"/>
  <c r="AC26288" i="1"/>
  <c r="AC26289" i="1"/>
  <c r="AC26290" i="1"/>
  <c r="AC26291" i="1"/>
  <c r="AC26292" i="1"/>
  <c r="AC26293" i="1"/>
  <c r="AC26294" i="1"/>
  <c r="AC26295" i="1"/>
  <c r="AC26296" i="1"/>
  <c r="AC26297" i="1"/>
  <c r="AC26298" i="1"/>
  <c r="AC26299" i="1"/>
  <c r="AC26300" i="1"/>
  <c r="AC26301" i="1"/>
  <c r="AC26302" i="1"/>
  <c r="AC26303" i="1"/>
  <c r="AC26304" i="1"/>
  <c r="AC26305" i="1"/>
  <c r="AC26306" i="1"/>
  <c r="AC26307" i="1"/>
  <c r="AC26308" i="1"/>
  <c r="AC26309" i="1"/>
  <c r="AC26310" i="1"/>
  <c r="AC26311" i="1"/>
  <c r="AC26312" i="1"/>
  <c r="AC26313" i="1"/>
  <c r="AC26314" i="1"/>
  <c r="AC26315" i="1"/>
  <c r="AC26316" i="1"/>
  <c r="AC26317" i="1"/>
  <c r="AC26318" i="1"/>
  <c r="AC26319" i="1"/>
  <c r="AC26320" i="1"/>
  <c r="AC26321" i="1"/>
  <c r="AC26322" i="1"/>
  <c r="AC26323" i="1"/>
  <c r="AC26324" i="1"/>
  <c r="AC26325" i="1"/>
  <c r="AC26326" i="1"/>
  <c r="AC26327" i="1"/>
  <c r="AC26328" i="1"/>
  <c r="AC26329" i="1"/>
  <c r="AC26330" i="1"/>
  <c r="AC26331" i="1"/>
  <c r="AC26332" i="1"/>
  <c r="AC26333" i="1"/>
  <c r="AC26334" i="1"/>
  <c r="AC26335" i="1"/>
  <c r="AC26336" i="1"/>
  <c r="AC26337" i="1"/>
  <c r="AC26338" i="1"/>
  <c r="AC26339" i="1"/>
  <c r="AC26340" i="1"/>
  <c r="AC26341" i="1"/>
  <c r="AC26342" i="1"/>
  <c r="AC26343" i="1"/>
  <c r="AC26344" i="1"/>
  <c r="AC26345" i="1"/>
  <c r="AC26346" i="1"/>
  <c r="AC26347" i="1"/>
  <c r="AC26348" i="1"/>
  <c r="AC26349" i="1"/>
  <c r="AC26350" i="1"/>
  <c r="AC26351" i="1"/>
  <c r="AC26352" i="1"/>
  <c r="AC26353" i="1"/>
  <c r="AC26354" i="1"/>
  <c r="AC26355" i="1"/>
  <c r="AC26356" i="1"/>
  <c r="AC26357" i="1"/>
  <c r="AC26358" i="1"/>
  <c r="AC26359" i="1"/>
  <c r="AC26360" i="1"/>
  <c r="AC26361" i="1"/>
  <c r="AC26362" i="1"/>
  <c r="AC26363" i="1"/>
  <c r="AC26364" i="1"/>
  <c r="AC26365" i="1"/>
  <c r="AC26366" i="1"/>
  <c r="AC26367" i="1"/>
  <c r="AC26368" i="1"/>
  <c r="AC26369" i="1"/>
  <c r="AC26370" i="1"/>
  <c r="AC26371" i="1"/>
  <c r="AC26372" i="1"/>
  <c r="AC26373" i="1"/>
  <c r="AC26374" i="1"/>
  <c r="AC26375" i="1"/>
  <c r="AC26376" i="1"/>
  <c r="AC26377" i="1"/>
  <c r="AC26378" i="1"/>
  <c r="AC26379" i="1"/>
  <c r="AC26380" i="1"/>
  <c r="AC26381" i="1"/>
  <c r="AC26382" i="1"/>
  <c r="AC26383" i="1"/>
  <c r="AC26384" i="1"/>
  <c r="AC26385" i="1"/>
  <c r="AC26386" i="1"/>
  <c r="AC26387" i="1"/>
  <c r="AC26388" i="1"/>
  <c r="AC26389" i="1"/>
  <c r="AC26390" i="1"/>
  <c r="AC26391" i="1"/>
  <c r="AC26392" i="1"/>
  <c r="AC26393" i="1"/>
  <c r="AC26394" i="1"/>
  <c r="AC26395" i="1"/>
  <c r="AC26396" i="1"/>
  <c r="AC26397" i="1"/>
  <c r="AC26398" i="1"/>
  <c r="AC26399" i="1"/>
  <c r="AC26400" i="1"/>
  <c r="AC26401" i="1"/>
  <c r="AC26402" i="1"/>
  <c r="AC26403" i="1"/>
  <c r="AC26404" i="1"/>
  <c r="AC26405" i="1"/>
  <c r="AC26406" i="1"/>
  <c r="AC26407" i="1"/>
  <c r="AC26408" i="1"/>
  <c r="AC26409" i="1"/>
  <c r="AC26410" i="1"/>
  <c r="AC26411" i="1"/>
  <c r="AC26412" i="1"/>
  <c r="AC26413" i="1"/>
  <c r="AC26414" i="1"/>
  <c r="AC26415" i="1"/>
  <c r="AC26416" i="1"/>
  <c r="AC26417" i="1"/>
  <c r="AC26418" i="1"/>
  <c r="AC26419" i="1"/>
  <c r="AC26420" i="1"/>
  <c r="AC26421" i="1"/>
  <c r="AC26422" i="1"/>
  <c r="AC26423" i="1"/>
  <c r="AC26424" i="1"/>
  <c r="AC26425" i="1"/>
  <c r="AC26426" i="1"/>
  <c r="AC26427" i="1"/>
  <c r="AC26428" i="1"/>
  <c r="AC26429" i="1"/>
  <c r="AC26430" i="1"/>
  <c r="AC26431" i="1"/>
  <c r="AC26432" i="1"/>
  <c r="AC26433" i="1"/>
  <c r="AC26434" i="1"/>
  <c r="AC26435" i="1"/>
  <c r="AC26436" i="1"/>
  <c r="AC26437" i="1"/>
  <c r="AC26438" i="1"/>
  <c r="AC26439" i="1"/>
  <c r="AC26440" i="1"/>
  <c r="AC26441" i="1"/>
  <c r="AC26442" i="1"/>
  <c r="AC26443" i="1"/>
  <c r="AC26444" i="1"/>
  <c r="AC26445" i="1"/>
  <c r="AC26446" i="1"/>
  <c r="AC26447" i="1"/>
  <c r="AC26448" i="1"/>
  <c r="AC26449" i="1"/>
  <c r="AC26450" i="1"/>
  <c r="AC26451" i="1"/>
  <c r="AC26452" i="1"/>
  <c r="AC26453" i="1"/>
  <c r="AC26454" i="1"/>
  <c r="AC26455" i="1"/>
  <c r="AC26456" i="1"/>
  <c r="AC26457" i="1"/>
  <c r="AC26458" i="1"/>
  <c r="AC26459" i="1"/>
  <c r="AC26460" i="1"/>
  <c r="AC26461" i="1"/>
  <c r="AC26462" i="1"/>
  <c r="AC26463" i="1"/>
  <c r="AC26464" i="1"/>
  <c r="AC26465" i="1"/>
  <c r="AC26466" i="1"/>
  <c r="AC26467" i="1"/>
  <c r="AC26468" i="1"/>
  <c r="AC26469" i="1"/>
  <c r="AC26470" i="1"/>
  <c r="AC26471" i="1"/>
  <c r="AC26472" i="1"/>
  <c r="AC26473" i="1"/>
  <c r="AC26474" i="1"/>
  <c r="AC26475" i="1"/>
  <c r="AC26476" i="1"/>
  <c r="AC26477" i="1"/>
  <c r="AC26478" i="1"/>
  <c r="AC26479" i="1"/>
  <c r="AC26480" i="1"/>
  <c r="AC26481" i="1"/>
  <c r="AC26482" i="1"/>
  <c r="AC26483" i="1"/>
  <c r="AC26484" i="1"/>
  <c r="AC26485" i="1"/>
  <c r="AC26486" i="1"/>
  <c r="AC26487" i="1"/>
  <c r="AC26488" i="1"/>
  <c r="AC26489" i="1"/>
  <c r="AC26490" i="1"/>
  <c r="AC26491" i="1"/>
  <c r="AC26492" i="1"/>
  <c r="AC26493" i="1"/>
  <c r="AC26494" i="1"/>
  <c r="AC26495" i="1"/>
  <c r="AC26496" i="1"/>
  <c r="AC26497" i="1"/>
  <c r="AC26498" i="1"/>
  <c r="AC26499" i="1"/>
  <c r="AC26500" i="1"/>
  <c r="AC26501" i="1"/>
  <c r="AC26502" i="1"/>
  <c r="AC26503" i="1"/>
  <c r="AC26504" i="1"/>
  <c r="AC26505" i="1"/>
  <c r="AC26506" i="1"/>
  <c r="AC26507" i="1"/>
  <c r="AC26508" i="1"/>
  <c r="AC26509" i="1"/>
  <c r="AC26510" i="1"/>
  <c r="AC26511" i="1"/>
  <c r="AC26512" i="1"/>
  <c r="AC26513" i="1"/>
  <c r="AC26514" i="1"/>
  <c r="AC26515" i="1"/>
  <c r="AC26516" i="1"/>
  <c r="AC26517" i="1"/>
  <c r="AC26518" i="1"/>
  <c r="AC26519" i="1"/>
  <c r="AC26520" i="1"/>
  <c r="AC26521" i="1"/>
  <c r="AC26522" i="1"/>
  <c r="AC26523" i="1"/>
  <c r="AC26524" i="1"/>
  <c r="AC26525" i="1"/>
  <c r="AC26526" i="1"/>
  <c r="AC26527" i="1"/>
  <c r="AC26528" i="1"/>
  <c r="AC26529" i="1"/>
  <c r="AC26530" i="1"/>
  <c r="AC26531" i="1"/>
  <c r="AC26532" i="1"/>
  <c r="AC26533" i="1"/>
  <c r="AC26534" i="1"/>
  <c r="AC26535" i="1"/>
  <c r="AC26536" i="1"/>
  <c r="AC26537" i="1"/>
  <c r="AC26538" i="1"/>
  <c r="AC26539" i="1"/>
  <c r="AC26540" i="1"/>
  <c r="AC26541" i="1"/>
  <c r="AC26542" i="1"/>
  <c r="AC26543" i="1"/>
  <c r="AC26544" i="1"/>
  <c r="AC26545" i="1"/>
  <c r="AC26546" i="1"/>
  <c r="AC26547" i="1"/>
  <c r="AC26548" i="1"/>
  <c r="AC26549" i="1"/>
  <c r="AC26550" i="1"/>
  <c r="AC26551" i="1"/>
  <c r="AC26552" i="1"/>
  <c r="AC26553" i="1"/>
  <c r="AC26554" i="1"/>
  <c r="AC26555" i="1"/>
  <c r="AC26556" i="1"/>
  <c r="AC26557" i="1"/>
  <c r="AC26558" i="1"/>
  <c r="AC26559" i="1"/>
  <c r="AC26560" i="1"/>
  <c r="AC26561" i="1"/>
  <c r="AC26562" i="1"/>
  <c r="AC26563" i="1"/>
  <c r="AC26564" i="1"/>
  <c r="AC26565" i="1"/>
  <c r="AC26566" i="1"/>
  <c r="AC26567" i="1"/>
  <c r="AC26568" i="1"/>
  <c r="AC26569" i="1"/>
  <c r="AC26570" i="1"/>
  <c r="AC26571" i="1"/>
  <c r="AC26572" i="1"/>
  <c r="AC26573" i="1"/>
  <c r="AC26574" i="1"/>
  <c r="AC26575" i="1"/>
  <c r="AC26576" i="1"/>
  <c r="AC26577" i="1"/>
  <c r="AC26578" i="1"/>
  <c r="AC26579" i="1"/>
  <c r="AC26580" i="1"/>
  <c r="AC26581" i="1"/>
  <c r="AC26582" i="1"/>
  <c r="AC26583" i="1"/>
  <c r="AC26584" i="1"/>
  <c r="AC26585" i="1"/>
  <c r="AC26586" i="1"/>
  <c r="AC26587" i="1"/>
  <c r="AC26588" i="1"/>
  <c r="AC26589" i="1"/>
  <c r="AC26590" i="1"/>
  <c r="AC26591" i="1"/>
  <c r="AC26592" i="1"/>
  <c r="AC26593" i="1"/>
  <c r="AC26594" i="1"/>
  <c r="AC26595" i="1"/>
  <c r="AC26596" i="1"/>
  <c r="AC26597" i="1"/>
  <c r="AC26598" i="1"/>
  <c r="AC26599" i="1"/>
  <c r="AC26600" i="1"/>
  <c r="AC26601" i="1"/>
  <c r="AC26602" i="1"/>
  <c r="AC26603" i="1"/>
  <c r="AC26604" i="1"/>
  <c r="AC26605" i="1"/>
  <c r="AC26606" i="1"/>
  <c r="AC26607" i="1"/>
  <c r="AC26608" i="1"/>
  <c r="AC26609" i="1"/>
  <c r="AC26610" i="1"/>
  <c r="AC26611" i="1"/>
  <c r="AC26612" i="1"/>
  <c r="AC26613" i="1"/>
  <c r="AC26614" i="1"/>
  <c r="AC26615" i="1"/>
  <c r="AC26616" i="1"/>
  <c r="AC26617" i="1"/>
  <c r="AC26618" i="1"/>
  <c r="AC26619" i="1"/>
  <c r="AC26620" i="1"/>
  <c r="AC26621" i="1"/>
  <c r="AC26622" i="1"/>
  <c r="AC26623" i="1"/>
  <c r="AC26624" i="1"/>
  <c r="AC26625" i="1"/>
  <c r="AC26626" i="1"/>
  <c r="AC26627" i="1"/>
  <c r="AC26628" i="1"/>
  <c r="AC26629" i="1"/>
  <c r="AC26630" i="1"/>
  <c r="AC26631" i="1"/>
  <c r="AC26632" i="1"/>
  <c r="AC26633" i="1"/>
  <c r="AC26634" i="1"/>
  <c r="AC26635" i="1"/>
  <c r="AC26636" i="1"/>
  <c r="AC26637" i="1"/>
  <c r="AC26638" i="1"/>
  <c r="AC26639" i="1"/>
  <c r="AC26640" i="1"/>
  <c r="AC26641" i="1"/>
  <c r="AC26642" i="1"/>
  <c r="AC26643" i="1"/>
  <c r="AC26644" i="1"/>
  <c r="AC26645" i="1"/>
  <c r="AC26646" i="1"/>
  <c r="AC26647" i="1"/>
  <c r="AC26648" i="1"/>
  <c r="AC26649" i="1"/>
  <c r="AC26650" i="1"/>
  <c r="AC26651" i="1"/>
  <c r="AC26652" i="1"/>
  <c r="AC26653" i="1"/>
  <c r="AC26654" i="1"/>
  <c r="AC26655" i="1"/>
  <c r="AC26656" i="1"/>
  <c r="AC26657" i="1"/>
  <c r="AC26658" i="1"/>
  <c r="AC26659" i="1"/>
  <c r="AC26660" i="1"/>
  <c r="AC26661" i="1"/>
  <c r="AC26662" i="1"/>
  <c r="AC26663" i="1"/>
  <c r="AC26664" i="1"/>
  <c r="AC26665" i="1"/>
  <c r="AC26666" i="1"/>
  <c r="AC26667" i="1"/>
  <c r="AC26668" i="1"/>
  <c r="AC26669" i="1"/>
  <c r="AC26670" i="1"/>
  <c r="AC26671" i="1"/>
  <c r="AC26672" i="1"/>
  <c r="AC26673" i="1"/>
  <c r="AC26674" i="1"/>
  <c r="AC26675" i="1"/>
  <c r="AC26676" i="1"/>
  <c r="AC26677" i="1"/>
  <c r="AC26678" i="1"/>
  <c r="AC26679" i="1"/>
  <c r="AC26680" i="1"/>
  <c r="AC26681" i="1"/>
  <c r="AC26682" i="1"/>
  <c r="AC26683" i="1"/>
  <c r="AC26684" i="1"/>
  <c r="AC26685" i="1"/>
  <c r="AC26686" i="1"/>
  <c r="AC26687" i="1"/>
  <c r="AC26688" i="1"/>
  <c r="AC26689" i="1"/>
  <c r="AC26690" i="1"/>
  <c r="AC26691" i="1"/>
  <c r="AC26692" i="1"/>
  <c r="AC26693" i="1"/>
  <c r="AC26694" i="1"/>
  <c r="AC26695" i="1"/>
  <c r="AC26696" i="1"/>
  <c r="AC26697" i="1"/>
  <c r="AC26698" i="1"/>
  <c r="AC26699" i="1"/>
  <c r="AC26700" i="1"/>
  <c r="AC26701" i="1"/>
  <c r="AC26702" i="1"/>
  <c r="AC26703" i="1"/>
  <c r="AC26704" i="1"/>
  <c r="AC26705" i="1"/>
  <c r="AC26706" i="1"/>
  <c r="AC26707" i="1"/>
  <c r="AC26708" i="1"/>
  <c r="AC26709" i="1"/>
  <c r="AC26710" i="1"/>
  <c r="AC26711" i="1"/>
  <c r="AC26712" i="1"/>
  <c r="AC26713" i="1"/>
  <c r="AC26714" i="1"/>
  <c r="AC26715" i="1"/>
  <c r="AC26716" i="1"/>
  <c r="AC26717" i="1"/>
  <c r="AC26718" i="1"/>
  <c r="AC26719" i="1"/>
  <c r="AC26720" i="1"/>
  <c r="AC26721" i="1"/>
  <c r="AC26722" i="1"/>
  <c r="AC26723" i="1"/>
  <c r="AC26724" i="1"/>
  <c r="AC26725" i="1"/>
  <c r="AC26726" i="1"/>
  <c r="AC26727" i="1"/>
  <c r="AC26728" i="1"/>
  <c r="AC26729" i="1"/>
  <c r="AC26730" i="1"/>
  <c r="AC26731" i="1"/>
  <c r="AC26732" i="1"/>
  <c r="AC26733" i="1"/>
  <c r="AC26734" i="1"/>
  <c r="AC26735" i="1"/>
  <c r="AC26736" i="1"/>
  <c r="AC26737" i="1"/>
  <c r="AC26738" i="1"/>
  <c r="AC26739" i="1"/>
  <c r="AC26740" i="1"/>
  <c r="AC26741" i="1"/>
  <c r="AC26742" i="1"/>
  <c r="AC26743" i="1"/>
  <c r="AC26744" i="1"/>
  <c r="AC26745" i="1"/>
  <c r="AC26746" i="1"/>
  <c r="AC26747" i="1"/>
  <c r="AC26748" i="1"/>
  <c r="AC26749" i="1"/>
  <c r="AC26750" i="1"/>
  <c r="AC26751" i="1"/>
  <c r="AC26752" i="1"/>
  <c r="AC26753" i="1"/>
  <c r="AC26754" i="1"/>
  <c r="AC26755" i="1"/>
  <c r="AC26756" i="1"/>
  <c r="AC26757" i="1"/>
  <c r="AC26758" i="1"/>
  <c r="AC26759" i="1"/>
  <c r="AC26760" i="1"/>
  <c r="AC26761" i="1"/>
  <c r="AC26762" i="1"/>
  <c r="AC26763" i="1"/>
  <c r="AC26764" i="1"/>
  <c r="AC26765" i="1"/>
  <c r="AC26766" i="1"/>
  <c r="AC26767" i="1"/>
  <c r="AC26768" i="1"/>
  <c r="AC26769" i="1"/>
  <c r="AC26770" i="1"/>
  <c r="AC26771" i="1"/>
  <c r="AC26772" i="1"/>
  <c r="AC26773" i="1"/>
  <c r="AC26774" i="1"/>
  <c r="AC26775" i="1"/>
  <c r="AC26776" i="1"/>
  <c r="AC26777" i="1"/>
  <c r="AC26778" i="1"/>
  <c r="AC26779" i="1"/>
  <c r="AC26780" i="1"/>
  <c r="AC26781" i="1"/>
  <c r="AC26782" i="1"/>
  <c r="AC26783" i="1"/>
  <c r="AC26784" i="1"/>
  <c r="AC26785" i="1"/>
  <c r="AC26786" i="1"/>
  <c r="AC26787" i="1"/>
  <c r="AC26788" i="1"/>
  <c r="AC26789" i="1"/>
  <c r="AC26790" i="1"/>
  <c r="AC26791" i="1"/>
  <c r="AC26792" i="1"/>
  <c r="AC26793" i="1"/>
  <c r="AC26794" i="1"/>
  <c r="AC26795" i="1"/>
  <c r="AC26796" i="1"/>
  <c r="AC26797" i="1"/>
  <c r="AC26798" i="1"/>
  <c r="AC26799" i="1"/>
  <c r="AC26800" i="1"/>
  <c r="AC26801" i="1"/>
  <c r="AC26802" i="1"/>
  <c r="AC26803" i="1"/>
  <c r="AC26804" i="1"/>
  <c r="AC26805" i="1"/>
  <c r="AC26806" i="1"/>
  <c r="AC26807" i="1"/>
  <c r="AC26808" i="1"/>
  <c r="AC26809" i="1"/>
  <c r="AC26810" i="1"/>
  <c r="AC26811" i="1"/>
  <c r="AC26812" i="1"/>
  <c r="AC26813" i="1"/>
  <c r="AC26814" i="1"/>
  <c r="AC26815" i="1"/>
  <c r="AC26816" i="1"/>
  <c r="AC26817" i="1"/>
  <c r="AC26818" i="1"/>
  <c r="AC26819" i="1"/>
  <c r="AC26820" i="1"/>
  <c r="AC26821" i="1"/>
  <c r="AC26822" i="1"/>
  <c r="AC26823" i="1"/>
  <c r="AC26824" i="1"/>
  <c r="AC26825" i="1"/>
  <c r="AC26826" i="1"/>
  <c r="AC26827" i="1"/>
  <c r="AC26828" i="1"/>
  <c r="AC26829" i="1"/>
  <c r="AC26830" i="1"/>
  <c r="AC26831" i="1"/>
  <c r="AC26832" i="1"/>
  <c r="AC26833" i="1"/>
  <c r="AC26834" i="1"/>
  <c r="AC26835" i="1"/>
  <c r="AC26836" i="1"/>
  <c r="AC26837" i="1"/>
  <c r="AC26838" i="1"/>
  <c r="AC26839" i="1"/>
  <c r="AC26840" i="1"/>
  <c r="AC26841" i="1"/>
  <c r="AC26842" i="1"/>
  <c r="AC26843" i="1"/>
  <c r="AC26844" i="1"/>
  <c r="AC26845" i="1"/>
  <c r="AC26846" i="1"/>
  <c r="AC26847" i="1"/>
  <c r="AC26848" i="1"/>
  <c r="AC26849" i="1"/>
  <c r="AC26850" i="1"/>
  <c r="AC26851" i="1"/>
  <c r="AC26852" i="1"/>
  <c r="AC26853" i="1"/>
  <c r="AC26854" i="1"/>
  <c r="AC26855" i="1"/>
  <c r="AC26856" i="1"/>
  <c r="AC26857" i="1"/>
  <c r="AC26858" i="1"/>
  <c r="AC26859" i="1"/>
  <c r="AC26860" i="1"/>
  <c r="AC26861" i="1"/>
  <c r="AC26862" i="1"/>
  <c r="AC26863" i="1"/>
  <c r="AC26864" i="1"/>
  <c r="AC26865" i="1"/>
  <c r="AC26866" i="1"/>
  <c r="AC26867" i="1"/>
  <c r="AC26868" i="1"/>
  <c r="AC26869" i="1"/>
  <c r="AC26870" i="1"/>
  <c r="AC26871" i="1"/>
  <c r="AC26872" i="1"/>
  <c r="AC26873" i="1"/>
  <c r="AC26874" i="1"/>
  <c r="AC26875" i="1"/>
  <c r="AC26876" i="1"/>
  <c r="AC26877" i="1"/>
  <c r="AC26878" i="1"/>
  <c r="AC26879" i="1"/>
  <c r="AC26880" i="1"/>
  <c r="AC26881" i="1"/>
  <c r="AC26882" i="1"/>
  <c r="AC26883" i="1"/>
  <c r="AC26884" i="1"/>
  <c r="AC26885" i="1"/>
  <c r="AC26886" i="1"/>
  <c r="AC26887" i="1"/>
  <c r="AC26888" i="1"/>
  <c r="AC26889" i="1"/>
  <c r="AC26890" i="1"/>
  <c r="AC26891" i="1"/>
  <c r="AC26892" i="1"/>
  <c r="AC26893" i="1"/>
  <c r="AC26894" i="1"/>
  <c r="AC26895" i="1"/>
  <c r="AC26896" i="1"/>
  <c r="AC26897" i="1"/>
  <c r="AC26898" i="1"/>
  <c r="AC26899" i="1"/>
  <c r="AC26900" i="1"/>
  <c r="AC26901" i="1"/>
  <c r="AC26902" i="1"/>
  <c r="AC26903" i="1"/>
  <c r="AC26904" i="1"/>
  <c r="AC26905" i="1"/>
  <c r="AC26906" i="1"/>
  <c r="AC26907" i="1"/>
  <c r="AC26908" i="1"/>
  <c r="AC26909" i="1"/>
  <c r="AC26910" i="1"/>
  <c r="AC26911" i="1"/>
  <c r="AC26912" i="1"/>
  <c r="AC26913" i="1"/>
  <c r="AC26914" i="1"/>
  <c r="AC26915" i="1"/>
  <c r="AC26916" i="1"/>
  <c r="AC26917" i="1"/>
  <c r="AC26918" i="1"/>
  <c r="AC26919" i="1"/>
  <c r="AC26920" i="1"/>
  <c r="AC26921" i="1"/>
  <c r="AC26922" i="1"/>
  <c r="AC26923" i="1"/>
  <c r="AC26924" i="1"/>
  <c r="AC26925" i="1"/>
  <c r="AC26926" i="1"/>
  <c r="AC26927" i="1"/>
  <c r="AC26928" i="1"/>
  <c r="AC26929" i="1"/>
  <c r="AC26930" i="1"/>
  <c r="AC26931" i="1"/>
  <c r="AC26932" i="1"/>
  <c r="AC26933" i="1"/>
  <c r="AC26934" i="1"/>
  <c r="AC26935" i="1"/>
  <c r="AC26936" i="1"/>
  <c r="AC26937" i="1"/>
  <c r="AC26938" i="1"/>
  <c r="AC26939" i="1"/>
  <c r="AC26940" i="1"/>
  <c r="AC26941" i="1"/>
  <c r="AC26942" i="1"/>
  <c r="AC26943" i="1"/>
  <c r="AC26944" i="1"/>
  <c r="AC26945" i="1"/>
  <c r="AC26946" i="1"/>
  <c r="AC26947" i="1"/>
  <c r="AC26948" i="1"/>
  <c r="AC26949" i="1"/>
  <c r="AC26950" i="1"/>
  <c r="AC26951" i="1"/>
  <c r="AC26952" i="1"/>
  <c r="AC26953" i="1"/>
  <c r="AC26954" i="1"/>
  <c r="AC26955" i="1"/>
  <c r="AC26956" i="1"/>
  <c r="AC26957" i="1"/>
  <c r="AC26958" i="1"/>
  <c r="AC26959" i="1"/>
  <c r="AC26960" i="1"/>
  <c r="AC26961" i="1"/>
  <c r="AC26962" i="1"/>
  <c r="AC26963" i="1"/>
  <c r="AC26964" i="1"/>
  <c r="AC26965" i="1"/>
  <c r="AC26966" i="1"/>
  <c r="AC26967" i="1"/>
  <c r="AC26968" i="1"/>
  <c r="AC26969" i="1"/>
  <c r="AC26970" i="1"/>
  <c r="AC26971" i="1"/>
  <c r="AC26972" i="1"/>
  <c r="AC26973" i="1"/>
  <c r="AC26974" i="1"/>
  <c r="AC26975" i="1"/>
  <c r="AC26976" i="1"/>
  <c r="AC26977" i="1"/>
  <c r="AC26978" i="1"/>
  <c r="AC26979" i="1"/>
  <c r="AC26980" i="1"/>
  <c r="AC26981" i="1"/>
  <c r="AC26982" i="1"/>
  <c r="AC26983" i="1"/>
  <c r="AC26984" i="1"/>
  <c r="AC26985" i="1"/>
  <c r="AC26986" i="1"/>
  <c r="AC26987" i="1"/>
  <c r="AC26988" i="1"/>
  <c r="AC26989" i="1"/>
  <c r="AC26990" i="1"/>
  <c r="AC26991" i="1"/>
  <c r="AC26992" i="1"/>
  <c r="AC26993" i="1"/>
  <c r="AC26994" i="1"/>
  <c r="AC26995" i="1"/>
  <c r="AC26996" i="1"/>
  <c r="AC26997" i="1"/>
  <c r="AC26998" i="1"/>
  <c r="AC26999" i="1"/>
  <c r="AC27000" i="1"/>
  <c r="AC27001" i="1"/>
  <c r="AC27002" i="1"/>
  <c r="AC27003" i="1"/>
  <c r="AC27004" i="1"/>
  <c r="AC27005" i="1"/>
  <c r="AC27006" i="1"/>
  <c r="AC27007" i="1"/>
  <c r="AC27008" i="1"/>
  <c r="AC27009" i="1"/>
  <c r="AC27010" i="1"/>
  <c r="AC27011" i="1"/>
  <c r="AC27012" i="1"/>
  <c r="AC27013" i="1"/>
  <c r="AC27014" i="1"/>
  <c r="AC27015" i="1"/>
  <c r="AC27016" i="1"/>
  <c r="AC27017" i="1"/>
  <c r="AC27018" i="1"/>
  <c r="AC27019" i="1"/>
  <c r="AC27020" i="1"/>
  <c r="AC27021" i="1"/>
  <c r="AC27022" i="1"/>
  <c r="AC27023" i="1"/>
  <c r="AC27024" i="1"/>
  <c r="AC27025" i="1"/>
  <c r="AC27026" i="1"/>
  <c r="AC27027" i="1"/>
  <c r="AC27028" i="1"/>
  <c r="AC27029" i="1"/>
  <c r="AC27030" i="1"/>
  <c r="AC27031" i="1"/>
  <c r="AC27032" i="1"/>
  <c r="AC27033" i="1"/>
  <c r="AC27034" i="1"/>
  <c r="AC27035" i="1"/>
  <c r="AC27036" i="1"/>
  <c r="AC27037" i="1"/>
  <c r="AC27038" i="1"/>
  <c r="AC27039" i="1"/>
  <c r="AC27040" i="1"/>
  <c r="AC27041" i="1"/>
  <c r="AC27042" i="1"/>
  <c r="AC27043" i="1"/>
  <c r="AC27044" i="1"/>
  <c r="AC27045" i="1"/>
  <c r="AC27046" i="1"/>
  <c r="AC27047" i="1"/>
  <c r="AC27048" i="1"/>
  <c r="AC27049" i="1"/>
  <c r="AC27050" i="1"/>
  <c r="AC27051" i="1"/>
  <c r="AC27052" i="1"/>
  <c r="AC27053" i="1"/>
  <c r="AC27054" i="1"/>
  <c r="AC27055" i="1"/>
  <c r="AC27056" i="1"/>
  <c r="AC27057" i="1"/>
  <c r="AC27058" i="1"/>
  <c r="AC27059" i="1"/>
  <c r="AC27060" i="1"/>
  <c r="AC27061" i="1"/>
  <c r="AC27062" i="1"/>
  <c r="AC27063" i="1"/>
  <c r="AC27064" i="1"/>
  <c r="AC27065" i="1"/>
  <c r="AC27066" i="1"/>
  <c r="AC27067" i="1"/>
  <c r="AC27068" i="1"/>
  <c r="AC27069" i="1"/>
  <c r="AC27070" i="1"/>
  <c r="AC27071" i="1"/>
  <c r="AC27072" i="1"/>
  <c r="AC27073" i="1"/>
  <c r="AC27074" i="1"/>
  <c r="AC27075" i="1"/>
  <c r="AC27076" i="1"/>
  <c r="AC27077" i="1"/>
  <c r="AC27078" i="1"/>
  <c r="AC27079" i="1"/>
  <c r="AC27080" i="1"/>
  <c r="AC27081" i="1"/>
  <c r="AC27082" i="1"/>
  <c r="AC27083" i="1"/>
  <c r="AC27084" i="1"/>
  <c r="AC27085" i="1"/>
  <c r="AC27086" i="1"/>
  <c r="AC27087" i="1"/>
  <c r="AC27088" i="1"/>
  <c r="AC27089" i="1"/>
  <c r="AC27090" i="1"/>
  <c r="AC27091" i="1"/>
  <c r="AC27092" i="1"/>
  <c r="AC27093" i="1"/>
  <c r="AC27094" i="1"/>
  <c r="AC27095" i="1"/>
  <c r="AC27096" i="1"/>
  <c r="AC27097" i="1"/>
  <c r="AC27098" i="1"/>
  <c r="AC27099" i="1"/>
  <c r="AC27100" i="1"/>
  <c r="AC27101" i="1"/>
  <c r="AC27102" i="1"/>
  <c r="AC27103" i="1"/>
  <c r="AC27104" i="1"/>
  <c r="AC27105" i="1"/>
  <c r="AC27106" i="1"/>
  <c r="AC27107" i="1"/>
  <c r="AC27108" i="1"/>
  <c r="AC27109" i="1"/>
  <c r="AC27110" i="1"/>
  <c r="AC27111" i="1"/>
  <c r="AC27112" i="1"/>
  <c r="AC27113" i="1"/>
  <c r="AC27114" i="1"/>
  <c r="AC27115" i="1"/>
  <c r="AC27116" i="1"/>
  <c r="AC27117" i="1"/>
  <c r="AC27118" i="1"/>
  <c r="AC27119" i="1"/>
  <c r="AC27120" i="1"/>
  <c r="AC27121" i="1"/>
  <c r="AC27122" i="1"/>
  <c r="AC27123" i="1"/>
  <c r="AC27124" i="1"/>
  <c r="AC27125" i="1"/>
  <c r="AC27126" i="1"/>
  <c r="AC27127" i="1"/>
  <c r="AC27128" i="1"/>
  <c r="AC27129" i="1"/>
  <c r="AC27130" i="1"/>
  <c r="AC27131" i="1"/>
  <c r="AC27132" i="1"/>
  <c r="AC27133" i="1"/>
  <c r="AC27134" i="1"/>
  <c r="AC27135" i="1"/>
  <c r="AC27136" i="1"/>
  <c r="AC27137" i="1"/>
  <c r="AC27138" i="1"/>
  <c r="AC27139" i="1"/>
  <c r="AC27140" i="1"/>
  <c r="AC27141" i="1"/>
  <c r="AC27142" i="1"/>
  <c r="AC27143" i="1"/>
  <c r="AC27144" i="1"/>
  <c r="AC27145" i="1"/>
  <c r="AC27146" i="1"/>
  <c r="AC27147" i="1"/>
  <c r="AC27148" i="1"/>
  <c r="AC27149" i="1"/>
  <c r="AC27150" i="1"/>
  <c r="AC27151" i="1"/>
  <c r="AC27152" i="1"/>
  <c r="AC27153" i="1"/>
  <c r="AC27154" i="1"/>
  <c r="AC27155" i="1"/>
  <c r="AC27156" i="1"/>
  <c r="AC27157" i="1"/>
  <c r="AC27158" i="1"/>
  <c r="AC27159" i="1"/>
  <c r="AC27160" i="1"/>
  <c r="AC27161" i="1"/>
  <c r="AC27162" i="1"/>
  <c r="AC27163" i="1"/>
  <c r="AC27164" i="1"/>
  <c r="AC27165" i="1"/>
  <c r="AC27166" i="1"/>
  <c r="AC27167" i="1"/>
  <c r="AC27168" i="1"/>
  <c r="AC27169" i="1"/>
  <c r="AC27170" i="1"/>
  <c r="AC27171" i="1"/>
  <c r="AC27172" i="1"/>
  <c r="AC27173" i="1"/>
  <c r="AC27174" i="1"/>
  <c r="AC27175" i="1"/>
  <c r="AC27176" i="1"/>
  <c r="AC27177" i="1"/>
  <c r="AC27178" i="1"/>
  <c r="AC27179" i="1"/>
  <c r="AC27180" i="1"/>
  <c r="AC27181" i="1"/>
  <c r="AC27182" i="1"/>
  <c r="AC27183" i="1"/>
  <c r="AC27184" i="1"/>
  <c r="AC27185" i="1"/>
  <c r="AC27186" i="1"/>
  <c r="AC27187" i="1"/>
  <c r="AC27188" i="1"/>
  <c r="AC27189" i="1"/>
  <c r="AC27190" i="1"/>
  <c r="AC27191" i="1"/>
  <c r="AC27192" i="1"/>
  <c r="AC27193" i="1"/>
  <c r="AC27194" i="1"/>
  <c r="AC27195" i="1"/>
  <c r="AC27196" i="1"/>
  <c r="AC27197" i="1"/>
  <c r="AC27198" i="1"/>
  <c r="AC27199" i="1"/>
  <c r="AC27200" i="1"/>
  <c r="AC27201" i="1"/>
  <c r="AC27202" i="1"/>
  <c r="AC27203" i="1"/>
  <c r="AC27204" i="1"/>
  <c r="AC27205" i="1"/>
  <c r="AC27206" i="1"/>
  <c r="AC27207" i="1"/>
  <c r="AC27208" i="1"/>
  <c r="AC27209" i="1"/>
  <c r="AC27210" i="1"/>
  <c r="AC27211" i="1"/>
  <c r="AC27212" i="1"/>
  <c r="AC27213" i="1"/>
  <c r="AC27214" i="1"/>
  <c r="AC27215" i="1"/>
  <c r="AC27216" i="1"/>
  <c r="AC27217" i="1"/>
  <c r="AC27218" i="1"/>
  <c r="AC27219" i="1"/>
  <c r="AC27220" i="1"/>
  <c r="AC27221" i="1"/>
  <c r="AC27222" i="1"/>
  <c r="AC27223" i="1"/>
  <c r="AC27224" i="1"/>
  <c r="AC27225" i="1"/>
  <c r="AC27226" i="1"/>
  <c r="AC27227" i="1"/>
  <c r="AC27228" i="1"/>
  <c r="AC27229" i="1"/>
  <c r="AC27230" i="1"/>
  <c r="AC27231" i="1"/>
  <c r="AC27232" i="1"/>
  <c r="AC27233" i="1"/>
  <c r="AC27234" i="1"/>
  <c r="AC27235" i="1"/>
  <c r="AC27236" i="1"/>
  <c r="AC27237" i="1"/>
  <c r="AC27238" i="1"/>
  <c r="AC27239" i="1"/>
  <c r="AC27240" i="1"/>
  <c r="AC27241" i="1"/>
  <c r="AC27242" i="1"/>
  <c r="AC27243" i="1"/>
  <c r="AC27244" i="1"/>
  <c r="AC27245" i="1"/>
  <c r="AC27246" i="1"/>
  <c r="AC27247" i="1"/>
  <c r="AC27248" i="1"/>
  <c r="AC27249" i="1"/>
  <c r="AC27250" i="1"/>
  <c r="AC27251" i="1"/>
  <c r="AC27252" i="1"/>
  <c r="AC27253" i="1"/>
  <c r="AC27254" i="1"/>
  <c r="AC27255" i="1"/>
  <c r="AC27256" i="1"/>
  <c r="AC27257" i="1"/>
  <c r="AC27258" i="1"/>
  <c r="AC27259" i="1"/>
  <c r="AC27260" i="1"/>
  <c r="AC27261" i="1"/>
  <c r="AC27262" i="1"/>
  <c r="AC27263" i="1"/>
  <c r="AC27264" i="1"/>
  <c r="AC27265" i="1"/>
  <c r="AC27266" i="1"/>
  <c r="AC27267" i="1"/>
  <c r="AC27268" i="1"/>
  <c r="AC27269" i="1"/>
  <c r="AC27270" i="1"/>
  <c r="AC27271" i="1"/>
  <c r="AC27272" i="1"/>
  <c r="AC27273" i="1"/>
  <c r="AC27274" i="1"/>
  <c r="AC27275" i="1"/>
  <c r="AC27276" i="1"/>
  <c r="AC27277" i="1"/>
  <c r="AC27278" i="1"/>
  <c r="AC27279" i="1"/>
  <c r="AC27280" i="1"/>
  <c r="AC27281" i="1"/>
  <c r="AC27282" i="1"/>
  <c r="AC27283" i="1"/>
  <c r="AC27284" i="1"/>
  <c r="AC27285" i="1"/>
  <c r="AC27286" i="1"/>
  <c r="AC27287" i="1"/>
  <c r="AC27288" i="1"/>
  <c r="AC27289" i="1"/>
  <c r="AC27290" i="1"/>
  <c r="AC27291" i="1"/>
  <c r="AC27292" i="1"/>
  <c r="AC27293" i="1"/>
  <c r="AC27294" i="1"/>
  <c r="AC27295" i="1"/>
  <c r="AC27296" i="1"/>
  <c r="AC27297" i="1"/>
  <c r="AC27298" i="1"/>
  <c r="AC27299" i="1"/>
  <c r="AC27300" i="1"/>
  <c r="AC27301" i="1"/>
  <c r="AC27302" i="1"/>
  <c r="AC27303" i="1"/>
  <c r="AC27304" i="1"/>
  <c r="AC27305" i="1"/>
  <c r="AC27306" i="1"/>
  <c r="AC27307" i="1"/>
  <c r="AC27308" i="1"/>
  <c r="AC27309" i="1"/>
  <c r="AC27310" i="1"/>
  <c r="AC27311" i="1"/>
  <c r="AC27312" i="1"/>
  <c r="AC27313" i="1"/>
  <c r="AC27314" i="1"/>
  <c r="AC27315" i="1"/>
  <c r="AC27316" i="1"/>
  <c r="AC27317" i="1"/>
  <c r="AC27318" i="1"/>
  <c r="AC27319" i="1"/>
  <c r="AC27320" i="1"/>
  <c r="AC27321" i="1"/>
  <c r="AC27322" i="1"/>
  <c r="AC27323" i="1"/>
  <c r="AC27324" i="1"/>
  <c r="AC27325" i="1"/>
  <c r="AC27326" i="1"/>
  <c r="AC27327" i="1"/>
  <c r="AC27328" i="1"/>
  <c r="AC27329" i="1"/>
  <c r="AC27330" i="1"/>
  <c r="AC27331" i="1"/>
  <c r="AC27332" i="1"/>
  <c r="AC27333" i="1"/>
  <c r="AC27334" i="1"/>
  <c r="AC27335" i="1"/>
  <c r="AC27336" i="1"/>
  <c r="AC27337" i="1"/>
  <c r="AC27338" i="1"/>
  <c r="AC27339" i="1"/>
  <c r="AC27340" i="1"/>
  <c r="AC27341" i="1"/>
  <c r="AC27342" i="1"/>
  <c r="AC27343" i="1"/>
  <c r="AC27344" i="1"/>
  <c r="AC27345" i="1"/>
  <c r="AC27346" i="1"/>
  <c r="AC27347" i="1"/>
  <c r="AC27348" i="1"/>
  <c r="AC27349" i="1"/>
  <c r="AC27350" i="1"/>
  <c r="AC27351" i="1"/>
  <c r="AC27352" i="1"/>
  <c r="AC27353" i="1"/>
  <c r="AC27354" i="1"/>
  <c r="AC27355" i="1"/>
  <c r="AC27356" i="1"/>
  <c r="AC27357" i="1"/>
  <c r="AC27358" i="1"/>
  <c r="AC27359" i="1"/>
  <c r="AC27360" i="1"/>
  <c r="AC27361" i="1"/>
  <c r="AC27362" i="1"/>
  <c r="AC27363" i="1"/>
  <c r="AC27364" i="1"/>
  <c r="AC27365" i="1"/>
  <c r="AC27366" i="1"/>
  <c r="AC27367" i="1"/>
  <c r="AC27368" i="1"/>
  <c r="AC27369" i="1"/>
  <c r="AC27370" i="1"/>
  <c r="AC27371" i="1"/>
  <c r="AC27372" i="1"/>
  <c r="AC27373" i="1"/>
  <c r="AC27374" i="1"/>
  <c r="AC27375" i="1"/>
  <c r="AC27376" i="1"/>
  <c r="AC27377" i="1"/>
  <c r="AC27378" i="1"/>
  <c r="AC27379" i="1"/>
  <c r="AC27380" i="1"/>
  <c r="AC27381" i="1"/>
  <c r="AC27382" i="1"/>
  <c r="AC27383" i="1"/>
  <c r="AC27384" i="1"/>
  <c r="AC27385" i="1"/>
  <c r="AC27386" i="1"/>
  <c r="AC27387" i="1"/>
  <c r="AC27388" i="1"/>
  <c r="AC27389" i="1"/>
  <c r="AC27390" i="1"/>
  <c r="AC27391" i="1"/>
  <c r="AC27392" i="1"/>
  <c r="AC27393" i="1"/>
  <c r="AC27394" i="1"/>
  <c r="AC27395" i="1"/>
  <c r="AC27396" i="1"/>
  <c r="AC27397" i="1"/>
  <c r="AC27398" i="1"/>
  <c r="AC27399" i="1"/>
  <c r="AC27400" i="1"/>
  <c r="AC27401" i="1"/>
  <c r="AC27402" i="1"/>
  <c r="AC27403" i="1"/>
  <c r="AC27404" i="1"/>
  <c r="AC27405" i="1"/>
  <c r="AC27406" i="1"/>
  <c r="AC27407" i="1"/>
  <c r="AC27408" i="1"/>
  <c r="AC27409" i="1"/>
  <c r="AC27410" i="1"/>
  <c r="AC27411" i="1"/>
  <c r="AC27412" i="1"/>
  <c r="AC27413" i="1"/>
  <c r="AC27414" i="1"/>
  <c r="AC27415" i="1"/>
  <c r="AC27416" i="1"/>
  <c r="AC27417" i="1"/>
  <c r="AC27418" i="1"/>
  <c r="AC27419" i="1"/>
  <c r="AC27420" i="1"/>
  <c r="AC27421" i="1"/>
  <c r="AC27422" i="1"/>
  <c r="AC27423" i="1"/>
  <c r="AC27424" i="1"/>
  <c r="AC27425" i="1"/>
  <c r="AC27426" i="1"/>
  <c r="AC27427" i="1"/>
  <c r="AC27428" i="1"/>
  <c r="AC27429" i="1"/>
  <c r="AC27430" i="1"/>
  <c r="AC27431" i="1"/>
  <c r="AC27432" i="1"/>
  <c r="AC27433" i="1"/>
  <c r="AC27434" i="1"/>
  <c r="AC27435" i="1"/>
  <c r="AC27436" i="1"/>
  <c r="AC27437" i="1"/>
  <c r="AC27438" i="1"/>
  <c r="AC27439" i="1"/>
  <c r="AC27440" i="1"/>
  <c r="AC27441" i="1"/>
  <c r="AC27442" i="1"/>
  <c r="AC27443" i="1"/>
  <c r="AC27444" i="1"/>
  <c r="AC27445" i="1"/>
  <c r="AC27446" i="1"/>
  <c r="AC27447" i="1"/>
  <c r="AC27448" i="1"/>
  <c r="AC27449" i="1"/>
  <c r="AC27450" i="1"/>
  <c r="AC27451" i="1"/>
  <c r="AC27452" i="1"/>
  <c r="AC27453" i="1"/>
  <c r="AC27454" i="1"/>
  <c r="AC27455" i="1"/>
  <c r="AC27456" i="1"/>
  <c r="AC27457" i="1"/>
  <c r="AC27458" i="1"/>
  <c r="AC27459" i="1"/>
  <c r="AC27460" i="1"/>
  <c r="AC27461" i="1"/>
  <c r="AC27462" i="1"/>
  <c r="AC27463" i="1"/>
  <c r="AC27464" i="1"/>
  <c r="AC27465" i="1"/>
  <c r="AC27466" i="1"/>
  <c r="AC27467" i="1"/>
  <c r="AC27468" i="1"/>
  <c r="AC27469" i="1"/>
  <c r="AC27470" i="1"/>
  <c r="AC27471" i="1"/>
  <c r="AC27472" i="1"/>
  <c r="AC27473" i="1"/>
  <c r="AC27474" i="1"/>
  <c r="AC27475" i="1"/>
  <c r="AC27476" i="1"/>
  <c r="AC27477" i="1"/>
  <c r="AC27478" i="1"/>
  <c r="AC27479" i="1"/>
  <c r="AC27480" i="1"/>
  <c r="AC27481" i="1"/>
  <c r="AC27482" i="1"/>
  <c r="AC27483" i="1"/>
  <c r="AC27484" i="1"/>
  <c r="AC27485" i="1"/>
  <c r="AC27486" i="1"/>
  <c r="AC27487" i="1"/>
  <c r="AC27488" i="1"/>
  <c r="AC27489" i="1"/>
  <c r="AC27490" i="1"/>
  <c r="AC27491" i="1"/>
  <c r="AC27492" i="1"/>
  <c r="AC27493" i="1"/>
  <c r="AC27494" i="1"/>
  <c r="AC27495" i="1"/>
  <c r="AC27496" i="1"/>
  <c r="AC27497" i="1"/>
  <c r="AC27498" i="1"/>
  <c r="AC27499" i="1"/>
  <c r="AC27500" i="1"/>
  <c r="AC27501" i="1"/>
  <c r="AC27502" i="1"/>
  <c r="AC27503" i="1"/>
  <c r="AC27504" i="1"/>
  <c r="AC27505" i="1"/>
  <c r="AC27506" i="1"/>
  <c r="AC27507" i="1"/>
  <c r="AC27508" i="1"/>
  <c r="AC27509" i="1"/>
  <c r="AC27510" i="1"/>
  <c r="AC27511" i="1"/>
  <c r="AC27512" i="1"/>
  <c r="AC27513" i="1"/>
  <c r="AC27514" i="1"/>
  <c r="AC27515" i="1"/>
  <c r="AC27516" i="1"/>
  <c r="AC27517" i="1"/>
  <c r="AC27518" i="1"/>
  <c r="AC27519" i="1"/>
  <c r="AC27520" i="1"/>
  <c r="AC27521" i="1"/>
  <c r="AC27522" i="1"/>
  <c r="AC27523" i="1"/>
  <c r="AC27524" i="1"/>
  <c r="AC27525" i="1"/>
  <c r="AC27526" i="1"/>
  <c r="AC27527" i="1"/>
  <c r="AC27528" i="1"/>
  <c r="AC27529" i="1"/>
  <c r="AC27530" i="1"/>
  <c r="AC27531" i="1"/>
  <c r="AC27532" i="1"/>
  <c r="AC27533" i="1"/>
  <c r="AC27534" i="1"/>
  <c r="AC27535" i="1"/>
  <c r="AC27536" i="1"/>
  <c r="AC27537" i="1"/>
  <c r="AC27538" i="1"/>
  <c r="AC27539" i="1"/>
  <c r="AC27540" i="1"/>
  <c r="AC27541" i="1"/>
  <c r="AC27542" i="1"/>
  <c r="AC27543" i="1"/>
  <c r="AC27544" i="1"/>
  <c r="AC27545" i="1"/>
  <c r="AC27546" i="1"/>
  <c r="AC27547" i="1"/>
  <c r="AC27548" i="1"/>
  <c r="AC27549" i="1"/>
  <c r="AC27550" i="1"/>
  <c r="AC27551" i="1"/>
  <c r="AC27552" i="1"/>
  <c r="AC27553" i="1"/>
  <c r="AC27554" i="1"/>
  <c r="AC27555" i="1"/>
  <c r="AC27556" i="1"/>
  <c r="AC27557" i="1"/>
  <c r="AC27558" i="1"/>
  <c r="AC27559" i="1"/>
  <c r="AC27560" i="1"/>
  <c r="AC27561" i="1"/>
  <c r="AC27562" i="1"/>
  <c r="AC27563" i="1"/>
  <c r="AC27564" i="1"/>
  <c r="AC27565" i="1"/>
  <c r="AC27566" i="1"/>
  <c r="AC27567" i="1"/>
  <c r="AC27568" i="1"/>
  <c r="AC27569" i="1"/>
  <c r="AC27570" i="1"/>
  <c r="AC27571" i="1"/>
  <c r="AC27572" i="1"/>
  <c r="AC27573" i="1"/>
  <c r="AC27574" i="1"/>
  <c r="AC27575" i="1"/>
  <c r="AC27576" i="1"/>
  <c r="AC27577" i="1"/>
  <c r="AC27578" i="1"/>
  <c r="AC27579" i="1"/>
  <c r="AC27580" i="1"/>
  <c r="AC27581" i="1"/>
  <c r="AC27582" i="1"/>
  <c r="AC27583" i="1"/>
  <c r="AC27584" i="1"/>
  <c r="AC27585" i="1"/>
  <c r="AC27586" i="1"/>
  <c r="AC27587" i="1"/>
  <c r="AC27588" i="1"/>
  <c r="AC27589" i="1"/>
  <c r="AC27590" i="1"/>
  <c r="AC27591" i="1"/>
  <c r="AC27592" i="1"/>
  <c r="AC27593" i="1"/>
  <c r="AC27594" i="1"/>
  <c r="AC27595" i="1"/>
  <c r="AC27596" i="1"/>
  <c r="AC27597" i="1"/>
  <c r="AC27598" i="1"/>
  <c r="AC27599" i="1"/>
  <c r="AC27600" i="1"/>
  <c r="AC27601" i="1"/>
  <c r="AC27602" i="1"/>
  <c r="AC27603" i="1"/>
  <c r="AC27604" i="1"/>
  <c r="AC27605" i="1"/>
  <c r="AC27606" i="1"/>
  <c r="AC27607" i="1"/>
  <c r="AC27608" i="1"/>
  <c r="AC27609" i="1"/>
  <c r="AC27610" i="1"/>
  <c r="AC27611" i="1"/>
  <c r="AC27612" i="1"/>
  <c r="AC27613" i="1"/>
  <c r="AC27614" i="1"/>
  <c r="AC27615" i="1"/>
  <c r="AC27616" i="1"/>
  <c r="AC27617" i="1"/>
  <c r="AC27618" i="1"/>
  <c r="AC27619" i="1"/>
  <c r="AC27620" i="1"/>
  <c r="AC27621" i="1"/>
  <c r="AC27622" i="1"/>
  <c r="AC27623" i="1"/>
  <c r="AC27624" i="1"/>
  <c r="AC27625" i="1"/>
  <c r="AC27626" i="1"/>
  <c r="AC27627" i="1"/>
  <c r="AC27628" i="1"/>
  <c r="AC27629" i="1"/>
  <c r="AC27630" i="1"/>
  <c r="AC27631" i="1"/>
  <c r="AC27632" i="1"/>
  <c r="AC27633" i="1"/>
  <c r="AC27634" i="1"/>
  <c r="AC27635" i="1"/>
  <c r="AC27636" i="1"/>
  <c r="AC27637" i="1"/>
  <c r="AC27638" i="1"/>
  <c r="AC27639" i="1"/>
  <c r="AC27640" i="1"/>
  <c r="AC27641" i="1"/>
  <c r="AC27642" i="1"/>
  <c r="AC27643" i="1"/>
  <c r="AC27644" i="1"/>
  <c r="AC27645" i="1"/>
  <c r="AC27646" i="1"/>
  <c r="AC27647" i="1"/>
  <c r="AC27648" i="1"/>
  <c r="AC27649" i="1"/>
  <c r="AC27650" i="1"/>
  <c r="AC27651" i="1"/>
  <c r="AC27652" i="1"/>
  <c r="AC27653" i="1"/>
  <c r="AC27654" i="1"/>
  <c r="AC27655" i="1"/>
  <c r="AC27656" i="1"/>
  <c r="AC27657" i="1"/>
  <c r="AC27658" i="1"/>
  <c r="AC27659" i="1"/>
  <c r="AC27660" i="1"/>
  <c r="AC27661" i="1"/>
  <c r="AC27662" i="1"/>
  <c r="AC27663" i="1"/>
  <c r="AC27664" i="1"/>
  <c r="AC27665" i="1"/>
  <c r="AC27666" i="1"/>
  <c r="AC27667" i="1"/>
  <c r="AC27668" i="1"/>
  <c r="AC27669" i="1"/>
  <c r="AC27670" i="1"/>
  <c r="AC27671" i="1"/>
  <c r="AC27672" i="1"/>
  <c r="AC27673" i="1"/>
  <c r="AC27674" i="1"/>
  <c r="AC27675" i="1"/>
  <c r="AC27676" i="1"/>
  <c r="AC27677" i="1"/>
  <c r="AC27678" i="1"/>
  <c r="AC27679" i="1"/>
  <c r="AC27680" i="1"/>
  <c r="AC27681" i="1"/>
  <c r="AC27682" i="1"/>
  <c r="AC27683" i="1"/>
  <c r="AC27684" i="1"/>
  <c r="AC27685" i="1"/>
  <c r="AC27686" i="1"/>
  <c r="AC27687" i="1"/>
  <c r="AC27688" i="1"/>
  <c r="AC27689" i="1"/>
  <c r="AC27690" i="1"/>
  <c r="AC27691" i="1"/>
  <c r="AC27692" i="1"/>
  <c r="AC27693" i="1"/>
  <c r="AC27694" i="1"/>
  <c r="AC27695" i="1"/>
  <c r="AC27696" i="1"/>
  <c r="AC27697" i="1"/>
  <c r="AC27698" i="1"/>
  <c r="AC27699" i="1"/>
  <c r="AC27700" i="1"/>
  <c r="AC27701" i="1"/>
  <c r="AC27702" i="1"/>
  <c r="AC27703" i="1"/>
  <c r="AC27704" i="1"/>
  <c r="AC27705" i="1"/>
  <c r="AC27706" i="1"/>
  <c r="AC27707" i="1"/>
  <c r="AC27708" i="1"/>
  <c r="AC27709" i="1"/>
  <c r="AC27710" i="1"/>
  <c r="AC27711" i="1"/>
  <c r="AC27712" i="1"/>
  <c r="AC27713" i="1"/>
  <c r="AC27714" i="1"/>
  <c r="AC27715" i="1"/>
  <c r="AC27716" i="1"/>
  <c r="AC27717" i="1"/>
  <c r="AC27718" i="1"/>
  <c r="AC27719" i="1"/>
  <c r="AC27720" i="1"/>
  <c r="AC27721" i="1"/>
  <c r="AC27722" i="1"/>
  <c r="AC27723" i="1"/>
  <c r="AC27724" i="1"/>
  <c r="AC27725" i="1"/>
  <c r="AC27726" i="1"/>
  <c r="AC27727" i="1"/>
  <c r="AC27728" i="1"/>
  <c r="AC27729" i="1"/>
  <c r="AC27730" i="1"/>
  <c r="AC27731" i="1"/>
  <c r="AC27732" i="1"/>
  <c r="AC27733" i="1"/>
  <c r="AC27734" i="1"/>
  <c r="AC27735" i="1"/>
  <c r="AC27736" i="1"/>
  <c r="AC27737" i="1"/>
  <c r="AC27738" i="1"/>
  <c r="AC27739" i="1"/>
  <c r="AC27740" i="1"/>
  <c r="AC27741" i="1"/>
  <c r="AC27742" i="1"/>
  <c r="AC27743" i="1"/>
  <c r="AC27744" i="1"/>
  <c r="AC27745" i="1"/>
  <c r="AC27746" i="1"/>
  <c r="AC27747" i="1"/>
  <c r="AC27748" i="1"/>
  <c r="AC27749" i="1"/>
  <c r="AC27750" i="1"/>
  <c r="AC27751" i="1"/>
  <c r="AC27752" i="1"/>
  <c r="AC27753" i="1"/>
  <c r="AC27754" i="1"/>
  <c r="AC27755" i="1"/>
  <c r="AC27756" i="1"/>
  <c r="AC27757" i="1"/>
  <c r="AC27758" i="1"/>
  <c r="AC27759" i="1"/>
  <c r="AC27760" i="1"/>
  <c r="AC27761" i="1"/>
  <c r="AC27762" i="1"/>
  <c r="AC27763" i="1"/>
  <c r="AC27764" i="1"/>
  <c r="AC27765" i="1"/>
  <c r="AC27766" i="1"/>
  <c r="AC27767" i="1"/>
  <c r="AC27768" i="1"/>
  <c r="AC27769" i="1"/>
  <c r="AC27770" i="1"/>
  <c r="AC27771" i="1"/>
  <c r="AC27772" i="1"/>
  <c r="AC27773" i="1"/>
  <c r="AC27774" i="1"/>
  <c r="AC27775" i="1"/>
  <c r="AC27776" i="1"/>
  <c r="AC27777" i="1"/>
  <c r="AC27778" i="1"/>
  <c r="AC27779" i="1"/>
  <c r="AC27780" i="1"/>
  <c r="AC27781" i="1"/>
  <c r="AC27782" i="1"/>
  <c r="AC27783" i="1"/>
  <c r="AC27784" i="1"/>
  <c r="AC27785" i="1"/>
  <c r="AC27786" i="1"/>
  <c r="AC27787" i="1"/>
  <c r="AC27788" i="1"/>
  <c r="AC27789" i="1"/>
  <c r="AC27790" i="1"/>
  <c r="AC27791" i="1"/>
  <c r="AC27792" i="1"/>
  <c r="AC27793" i="1"/>
  <c r="AC27794" i="1"/>
  <c r="AC27795" i="1"/>
  <c r="AC27796" i="1"/>
  <c r="AC27797" i="1"/>
  <c r="AC27798" i="1"/>
  <c r="AC27799" i="1"/>
  <c r="AC27800" i="1"/>
  <c r="AC27801" i="1"/>
  <c r="AC27802" i="1"/>
  <c r="AC27803" i="1"/>
  <c r="AC27804" i="1"/>
  <c r="AC27805" i="1"/>
  <c r="AC27806" i="1"/>
  <c r="AC27807" i="1"/>
  <c r="AC27808" i="1"/>
  <c r="AC27809" i="1"/>
  <c r="AC27810" i="1"/>
  <c r="AC27811" i="1"/>
  <c r="AC27812" i="1"/>
  <c r="AC27813" i="1"/>
  <c r="AC27814" i="1"/>
  <c r="AC27815" i="1"/>
  <c r="AC27816" i="1"/>
  <c r="AC27817" i="1"/>
  <c r="AC27818" i="1"/>
  <c r="AC27819" i="1"/>
  <c r="AC27820" i="1"/>
  <c r="AC27821" i="1"/>
  <c r="AC27822" i="1"/>
  <c r="AC27823" i="1"/>
  <c r="AC27824" i="1"/>
  <c r="AC27825" i="1"/>
  <c r="AC27826" i="1"/>
  <c r="AC27827" i="1"/>
  <c r="AC27828" i="1"/>
  <c r="AC27829" i="1"/>
  <c r="AC27830" i="1"/>
  <c r="AC27831" i="1"/>
  <c r="AC27832" i="1"/>
  <c r="AC27833" i="1"/>
  <c r="AC27834" i="1"/>
  <c r="AC27835" i="1"/>
  <c r="AC27836" i="1"/>
  <c r="AC27837" i="1"/>
  <c r="AC27838" i="1"/>
  <c r="AC27839" i="1"/>
  <c r="AC27840" i="1"/>
  <c r="AC27841" i="1"/>
  <c r="AC27842" i="1"/>
  <c r="AC27843" i="1"/>
  <c r="AC27844" i="1"/>
  <c r="AC27845" i="1"/>
  <c r="AC27846" i="1"/>
  <c r="AC27847" i="1"/>
  <c r="AC27848" i="1"/>
  <c r="AC27849" i="1"/>
  <c r="AC27850" i="1"/>
  <c r="AC27851" i="1"/>
  <c r="AC27852" i="1"/>
  <c r="AC27853" i="1"/>
  <c r="AC27854" i="1"/>
  <c r="AC27855" i="1"/>
  <c r="AC27856" i="1"/>
  <c r="AC27857" i="1"/>
  <c r="AC27858" i="1"/>
  <c r="AC27859" i="1"/>
  <c r="AC27860" i="1"/>
  <c r="AC27861" i="1"/>
  <c r="AC27862" i="1"/>
  <c r="AC27863" i="1"/>
  <c r="AC27864" i="1"/>
  <c r="AC27865" i="1"/>
  <c r="AC27866" i="1"/>
  <c r="AC27867" i="1"/>
  <c r="AC27868" i="1"/>
  <c r="AC27869" i="1"/>
  <c r="AC27870" i="1"/>
  <c r="AC27871" i="1"/>
  <c r="AC27872" i="1"/>
  <c r="AC27873" i="1"/>
  <c r="AC27874" i="1"/>
  <c r="AC27875" i="1"/>
  <c r="AC27876" i="1"/>
  <c r="AC27877" i="1"/>
  <c r="AC27878" i="1"/>
  <c r="AC27879" i="1"/>
  <c r="AC27880" i="1"/>
  <c r="AC27881" i="1"/>
  <c r="AC27882" i="1"/>
  <c r="AC27883" i="1"/>
  <c r="AC27884" i="1"/>
  <c r="AC27885" i="1"/>
  <c r="AC27886" i="1"/>
  <c r="AC27887" i="1"/>
  <c r="AC27888" i="1"/>
  <c r="AC27889" i="1"/>
  <c r="AC27890" i="1"/>
  <c r="AC27891" i="1"/>
  <c r="AC27892" i="1"/>
  <c r="AC27893" i="1"/>
  <c r="AC27894" i="1"/>
  <c r="AC27895" i="1"/>
  <c r="AC27896" i="1"/>
  <c r="AC27897" i="1"/>
  <c r="AC27898" i="1"/>
  <c r="AC27899" i="1"/>
  <c r="AC27900" i="1"/>
  <c r="AC27901" i="1"/>
  <c r="AC27902" i="1"/>
  <c r="AC27903" i="1"/>
  <c r="AC27904" i="1"/>
  <c r="AC27905" i="1"/>
  <c r="AC27906" i="1"/>
  <c r="AC27907" i="1"/>
  <c r="AC27908" i="1"/>
  <c r="AC27909" i="1"/>
  <c r="AC27910" i="1"/>
  <c r="AC27911" i="1"/>
  <c r="AC27912" i="1"/>
  <c r="AC27913" i="1"/>
  <c r="AC27914" i="1"/>
  <c r="AC27915" i="1"/>
  <c r="AC27916" i="1"/>
  <c r="AC27917" i="1"/>
  <c r="AC27918" i="1"/>
  <c r="AC27919" i="1"/>
  <c r="AC27920" i="1"/>
  <c r="AC27921" i="1"/>
  <c r="AC27922" i="1"/>
  <c r="AC27923" i="1"/>
  <c r="AC27924" i="1"/>
  <c r="AC27925" i="1"/>
  <c r="AC27926" i="1"/>
  <c r="AC27927" i="1"/>
  <c r="AC27928" i="1"/>
  <c r="AC27929" i="1"/>
  <c r="AC27930" i="1"/>
  <c r="AC27931" i="1"/>
  <c r="AC27932" i="1"/>
  <c r="AC27933" i="1"/>
  <c r="AC27934" i="1"/>
  <c r="AC27935" i="1"/>
  <c r="AC27936" i="1"/>
  <c r="AC27937" i="1"/>
  <c r="AC27938" i="1"/>
  <c r="AC27939" i="1"/>
  <c r="AC27940" i="1"/>
  <c r="AC27941" i="1"/>
  <c r="AC27942" i="1"/>
  <c r="AC27943" i="1"/>
  <c r="AC27944" i="1"/>
  <c r="AC27945" i="1"/>
  <c r="AC27946" i="1"/>
  <c r="AC27947" i="1"/>
  <c r="AC27948" i="1"/>
  <c r="AC27949" i="1"/>
  <c r="AC27950" i="1"/>
  <c r="AC27951" i="1"/>
  <c r="AC27952" i="1"/>
  <c r="AC27953" i="1"/>
  <c r="AC27954" i="1"/>
  <c r="AC27955" i="1"/>
  <c r="AC27956" i="1"/>
  <c r="AC27957" i="1"/>
  <c r="AC27958" i="1"/>
  <c r="AC27959" i="1"/>
  <c r="AC27960" i="1"/>
  <c r="AC27961" i="1"/>
  <c r="AC27962" i="1"/>
  <c r="AC27963" i="1"/>
  <c r="AC27964" i="1"/>
  <c r="AC27965" i="1"/>
  <c r="AC27966" i="1"/>
  <c r="AC27967" i="1"/>
  <c r="AC27968" i="1"/>
  <c r="AC27969" i="1"/>
  <c r="AC27970" i="1"/>
  <c r="AC27971" i="1"/>
  <c r="AC27972" i="1"/>
  <c r="AC27973" i="1"/>
  <c r="AC27974" i="1"/>
  <c r="AC27975" i="1"/>
  <c r="AC27976" i="1"/>
  <c r="AC27977" i="1"/>
  <c r="AC27978" i="1"/>
  <c r="AC27979" i="1"/>
  <c r="AC27980" i="1"/>
  <c r="AC27981" i="1"/>
  <c r="AC27982" i="1"/>
  <c r="AC27983" i="1"/>
  <c r="AC27984" i="1"/>
  <c r="AC27985" i="1"/>
  <c r="AC27986" i="1"/>
  <c r="AC27987" i="1"/>
  <c r="AC27988" i="1"/>
  <c r="AC27989" i="1"/>
  <c r="AC27990" i="1"/>
  <c r="AC27991" i="1"/>
  <c r="AC27992" i="1"/>
  <c r="AC27993" i="1"/>
  <c r="AC27994" i="1"/>
  <c r="AC27995" i="1"/>
  <c r="AC27996" i="1"/>
  <c r="AC27997" i="1"/>
  <c r="AC27998" i="1"/>
  <c r="AC27999" i="1"/>
  <c r="AC28000" i="1"/>
  <c r="AC28001" i="1"/>
  <c r="AC28002" i="1"/>
  <c r="AC28003" i="1"/>
  <c r="AC28004" i="1"/>
  <c r="AC28005" i="1"/>
  <c r="AC28006" i="1"/>
  <c r="AC28007" i="1"/>
  <c r="AC28008" i="1"/>
  <c r="AC28009" i="1"/>
  <c r="AC28010" i="1"/>
  <c r="AC28011" i="1"/>
  <c r="AC28012" i="1"/>
  <c r="AC28013" i="1"/>
  <c r="AC28014" i="1"/>
  <c r="AC28015" i="1"/>
  <c r="AC28016" i="1"/>
  <c r="AC28017" i="1"/>
  <c r="AC28018" i="1"/>
  <c r="AC28019" i="1"/>
  <c r="AC28020" i="1"/>
  <c r="AC28021" i="1"/>
  <c r="AC28022" i="1"/>
  <c r="AC28023" i="1"/>
  <c r="AC28024" i="1"/>
  <c r="AC28025" i="1"/>
  <c r="AC28026" i="1"/>
  <c r="AC28027" i="1"/>
  <c r="AC28028" i="1"/>
  <c r="AC28029" i="1"/>
  <c r="AC28030" i="1"/>
  <c r="AC28031" i="1"/>
  <c r="AC28032" i="1"/>
  <c r="AC28033" i="1"/>
  <c r="AC28034" i="1"/>
  <c r="AC28035" i="1"/>
  <c r="AC28036" i="1"/>
  <c r="AC28037" i="1"/>
  <c r="AC28038" i="1"/>
  <c r="AC28039" i="1"/>
  <c r="AC28040" i="1"/>
  <c r="AC28041" i="1"/>
  <c r="AC28042" i="1"/>
  <c r="AC28043" i="1"/>
  <c r="AC28044" i="1"/>
  <c r="AC28045" i="1"/>
  <c r="AC28046" i="1"/>
  <c r="AC28047" i="1"/>
  <c r="AC28048" i="1"/>
  <c r="AC28049" i="1"/>
  <c r="AC28050" i="1"/>
  <c r="AC28051" i="1"/>
  <c r="AC28052" i="1"/>
  <c r="AC28053" i="1"/>
  <c r="AC28054" i="1"/>
  <c r="AC28055" i="1"/>
  <c r="AC28056" i="1"/>
  <c r="AC28057" i="1"/>
  <c r="AC28058" i="1"/>
  <c r="AC28059" i="1"/>
  <c r="AC28060" i="1"/>
  <c r="AC28061" i="1"/>
  <c r="AC28062" i="1"/>
  <c r="AC28063" i="1"/>
  <c r="AC28064" i="1"/>
  <c r="AC28065" i="1"/>
  <c r="AC28066" i="1"/>
  <c r="AC28067" i="1"/>
  <c r="AC28068" i="1"/>
  <c r="AC28069" i="1"/>
  <c r="AC28070" i="1"/>
  <c r="AC28071" i="1"/>
  <c r="AC28072" i="1"/>
  <c r="AC28073" i="1"/>
  <c r="AC28074" i="1"/>
  <c r="AC28075" i="1"/>
  <c r="AC28076" i="1"/>
  <c r="AC28077" i="1"/>
  <c r="AC28078" i="1"/>
  <c r="AC28079" i="1"/>
  <c r="AC28080" i="1"/>
  <c r="AC28081" i="1"/>
  <c r="AC28082" i="1"/>
  <c r="AC28083" i="1"/>
  <c r="AC28084" i="1"/>
  <c r="AC28085" i="1"/>
  <c r="AC28086" i="1"/>
  <c r="AC28087" i="1"/>
  <c r="AC28088" i="1"/>
  <c r="AC28089" i="1"/>
  <c r="AC28090" i="1"/>
  <c r="AC28091" i="1"/>
  <c r="AC28092" i="1"/>
  <c r="AC28093" i="1"/>
  <c r="AC28094" i="1"/>
  <c r="AC28095" i="1"/>
  <c r="AC28096" i="1"/>
  <c r="AC28097" i="1"/>
  <c r="AC28098" i="1"/>
  <c r="AC28099" i="1"/>
  <c r="AC28100" i="1"/>
  <c r="AC28101" i="1"/>
  <c r="AC28102" i="1"/>
  <c r="AC28103" i="1"/>
  <c r="AC28104" i="1"/>
  <c r="AC28105" i="1"/>
  <c r="AC28106" i="1"/>
  <c r="AC28107" i="1"/>
  <c r="AC28108" i="1"/>
  <c r="AC28109" i="1"/>
  <c r="AC28110" i="1"/>
  <c r="AC28111" i="1"/>
  <c r="AC28112" i="1"/>
  <c r="AC28113" i="1"/>
  <c r="AC28114" i="1"/>
  <c r="AC28115" i="1"/>
  <c r="AC28116" i="1"/>
  <c r="AC28117" i="1"/>
  <c r="AC28118" i="1"/>
  <c r="AC28119" i="1"/>
  <c r="AC28120" i="1"/>
  <c r="AC28121" i="1"/>
  <c r="AC28122" i="1"/>
  <c r="AC28123" i="1"/>
  <c r="AC28124" i="1"/>
  <c r="AC28125" i="1"/>
  <c r="AC28126" i="1"/>
  <c r="AC28127" i="1"/>
  <c r="AC28128" i="1"/>
  <c r="AC28129" i="1"/>
  <c r="AC28130" i="1"/>
  <c r="AC28131" i="1"/>
  <c r="AC28132" i="1"/>
  <c r="AC28133" i="1"/>
  <c r="AC28134" i="1"/>
  <c r="AC28135" i="1"/>
  <c r="AC28136" i="1"/>
  <c r="AC28137" i="1"/>
  <c r="AC28138" i="1"/>
  <c r="AC28139" i="1"/>
  <c r="AC28140" i="1"/>
  <c r="AC28141" i="1"/>
  <c r="AC28142" i="1"/>
  <c r="AC28143" i="1"/>
  <c r="AC28144" i="1"/>
  <c r="AC28145" i="1"/>
  <c r="AC28146" i="1"/>
  <c r="AC28147" i="1"/>
  <c r="AC28148" i="1"/>
  <c r="AC28149" i="1"/>
  <c r="AC28150" i="1"/>
  <c r="AC28151" i="1"/>
  <c r="AC28152" i="1"/>
  <c r="AC28153" i="1"/>
  <c r="AC28154" i="1"/>
  <c r="AC28155" i="1"/>
  <c r="AC28156" i="1"/>
  <c r="AC28157" i="1"/>
  <c r="AC28158" i="1"/>
  <c r="AC28159" i="1"/>
  <c r="AC28160" i="1"/>
  <c r="AC28161" i="1"/>
  <c r="AC28162" i="1"/>
  <c r="AC28163" i="1"/>
  <c r="AC28164" i="1"/>
  <c r="AC28165" i="1"/>
  <c r="AC28166" i="1"/>
  <c r="AC28167" i="1"/>
  <c r="AC28168" i="1"/>
  <c r="AC28169" i="1"/>
  <c r="AC28170" i="1"/>
  <c r="AC28171" i="1"/>
  <c r="AC28172" i="1"/>
  <c r="AC28173" i="1"/>
  <c r="AC28174" i="1"/>
  <c r="AC28175" i="1"/>
  <c r="AC28176" i="1"/>
  <c r="AC28177" i="1"/>
  <c r="AC28178" i="1"/>
  <c r="AC28179" i="1"/>
  <c r="AC28180" i="1"/>
  <c r="AC28181" i="1"/>
  <c r="AC28182" i="1"/>
  <c r="AC28183" i="1"/>
  <c r="AC28184" i="1"/>
  <c r="AC28185" i="1"/>
  <c r="AC28186" i="1"/>
  <c r="AC28187" i="1"/>
  <c r="AC28188" i="1"/>
  <c r="AC28189" i="1"/>
  <c r="AC28190" i="1"/>
  <c r="AC28191" i="1"/>
  <c r="AC28192" i="1"/>
  <c r="AC28193" i="1"/>
  <c r="AC28194" i="1"/>
  <c r="AC28195" i="1"/>
  <c r="AC28196" i="1"/>
  <c r="AC28197" i="1"/>
  <c r="AC28198" i="1"/>
  <c r="AC28199" i="1"/>
  <c r="AC28200" i="1"/>
  <c r="AC28201" i="1"/>
  <c r="AC28202" i="1"/>
  <c r="AC28203" i="1"/>
  <c r="AC28204" i="1"/>
  <c r="AC28205" i="1"/>
  <c r="AC28206" i="1"/>
  <c r="AC28207" i="1"/>
  <c r="AC28208" i="1"/>
  <c r="AC28209" i="1"/>
  <c r="AC28210" i="1"/>
  <c r="AC28211" i="1"/>
  <c r="AC28212" i="1"/>
  <c r="AC28213" i="1"/>
  <c r="AC28214" i="1"/>
  <c r="AC28215" i="1"/>
  <c r="AC28216" i="1"/>
  <c r="AC28217" i="1"/>
  <c r="AC28218" i="1"/>
  <c r="AC28219" i="1"/>
  <c r="AC28220" i="1"/>
  <c r="AC28221" i="1"/>
  <c r="AC28222" i="1"/>
  <c r="AC28223" i="1"/>
  <c r="AC28224" i="1"/>
  <c r="AC28225" i="1"/>
  <c r="AC28226" i="1"/>
  <c r="AC28227" i="1"/>
  <c r="AC28228" i="1"/>
  <c r="AC28229" i="1"/>
  <c r="AC28230" i="1"/>
  <c r="AC28231" i="1"/>
  <c r="AC28232" i="1"/>
  <c r="AC28233" i="1"/>
  <c r="AC28234" i="1"/>
  <c r="AC28235" i="1"/>
  <c r="AC28236" i="1"/>
  <c r="AC28237" i="1"/>
  <c r="AC28238" i="1"/>
  <c r="AC28239" i="1"/>
  <c r="AC28240" i="1"/>
  <c r="AC28241" i="1"/>
  <c r="AC28242" i="1"/>
  <c r="AC28243" i="1"/>
  <c r="AC28244" i="1"/>
  <c r="AC28245" i="1"/>
  <c r="AC28246" i="1"/>
  <c r="AC28247" i="1"/>
  <c r="AC28248" i="1"/>
  <c r="AC28249" i="1"/>
  <c r="AC28250" i="1"/>
  <c r="AC28251" i="1"/>
  <c r="AC28252" i="1"/>
  <c r="AC28253" i="1"/>
  <c r="AC28254" i="1"/>
  <c r="AC28255" i="1"/>
  <c r="AC28256" i="1"/>
  <c r="AC28257" i="1"/>
  <c r="AC28258" i="1"/>
  <c r="AC28259" i="1"/>
  <c r="AC28260" i="1"/>
  <c r="AC28261" i="1"/>
  <c r="AC28262" i="1"/>
  <c r="AC28263" i="1"/>
  <c r="AC28264" i="1"/>
  <c r="AC28265" i="1"/>
  <c r="AC28266" i="1"/>
  <c r="AC28267" i="1"/>
  <c r="AC28268" i="1"/>
  <c r="AC28269" i="1"/>
  <c r="AC28270" i="1"/>
  <c r="AC28271" i="1"/>
  <c r="AC28272" i="1"/>
  <c r="AC28273" i="1"/>
  <c r="AC28274" i="1"/>
  <c r="AC28275" i="1"/>
  <c r="AC28276" i="1"/>
  <c r="AC28277" i="1"/>
  <c r="AC28278" i="1"/>
  <c r="AC28279" i="1"/>
  <c r="AC28280" i="1"/>
  <c r="AC28281" i="1"/>
  <c r="AC28282" i="1"/>
  <c r="AC28283" i="1"/>
  <c r="AC28284" i="1"/>
  <c r="AC28285" i="1"/>
  <c r="AC28286" i="1"/>
  <c r="AC28287" i="1"/>
  <c r="AC28288" i="1"/>
  <c r="AC28289" i="1"/>
  <c r="AC28290" i="1"/>
  <c r="AC28291" i="1"/>
  <c r="AC28292" i="1"/>
  <c r="AC28293" i="1"/>
  <c r="AC28294" i="1"/>
  <c r="AC28295" i="1"/>
  <c r="AC28296" i="1"/>
  <c r="AC28297" i="1"/>
  <c r="AC28298" i="1"/>
  <c r="AC28299" i="1"/>
  <c r="AC28300" i="1"/>
  <c r="AC28301" i="1"/>
  <c r="AC28302" i="1"/>
  <c r="AC28303" i="1"/>
  <c r="AC28304" i="1"/>
  <c r="AC28305" i="1"/>
  <c r="AC28306" i="1"/>
  <c r="AC28307" i="1"/>
  <c r="AC28308" i="1"/>
  <c r="AC28309" i="1"/>
  <c r="AC28310" i="1"/>
  <c r="AC28311" i="1"/>
  <c r="AC28312" i="1"/>
  <c r="AC28313" i="1"/>
  <c r="AC28314" i="1"/>
  <c r="AC28315" i="1"/>
  <c r="AC28316" i="1"/>
  <c r="AC28317" i="1"/>
  <c r="AC28318" i="1"/>
  <c r="AC28319" i="1"/>
  <c r="AC28320" i="1"/>
  <c r="AC28321" i="1"/>
  <c r="AC28322" i="1"/>
  <c r="AC28323" i="1"/>
  <c r="AC28324" i="1"/>
  <c r="AC28325" i="1"/>
  <c r="AC28326" i="1"/>
  <c r="AC28327" i="1"/>
  <c r="AC28328" i="1"/>
  <c r="AC28329" i="1"/>
  <c r="AC28330" i="1"/>
  <c r="AC28331" i="1"/>
  <c r="AC28332" i="1"/>
  <c r="AC28333" i="1"/>
  <c r="AC28334" i="1"/>
  <c r="AC28335" i="1"/>
  <c r="AC28336" i="1"/>
  <c r="AC28337" i="1"/>
  <c r="AC28338" i="1"/>
  <c r="AC28339" i="1"/>
  <c r="AC28340" i="1"/>
  <c r="AC28341" i="1"/>
  <c r="AC28342" i="1"/>
  <c r="AC28343" i="1"/>
  <c r="AC28344" i="1"/>
  <c r="AC28345" i="1"/>
  <c r="AC28346" i="1"/>
  <c r="AC28347" i="1"/>
  <c r="AC28348" i="1"/>
  <c r="AC28349" i="1"/>
  <c r="AC28350" i="1"/>
  <c r="AC28351" i="1"/>
  <c r="AC28352" i="1"/>
  <c r="AC28353" i="1"/>
  <c r="AC28354" i="1"/>
  <c r="AC28355" i="1"/>
  <c r="AC28356" i="1"/>
  <c r="AC28357" i="1"/>
  <c r="AC28358" i="1"/>
  <c r="AC28359" i="1"/>
  <c r="AC28360" i="1"/>
  <c r="AC28361" i="1"/>
  <c r="AC28362" i="1"/>
  <c r="AC28363" i="1"/>
  <c r="AC28364" i="1"/>
  <c r="AC28365" i="1"/>
  <c r="AC28366" i="1"/>
  <c r="AC28367" i="1"/>
  <c r="AC28368" i="1"/>
  <c r="AC28369" i="1"/>
  <c r="AC28370" i="1"/>
  <c r="AC28371" i="1"/>
  <c r="AC28372" i="1"/>
  <c r="AC28373" i="1"/>
  <c r="AC28374" i="1"/>
  <c r="AC28375" i="1"/>
  <c r="AC28376" i="1"/>
  <c r="AC28377" i="1"/>
  <c r="AC28378" i="1"/>
  <c r="AC28379" i="1"/>
  <c r="AC28380" i="1"/>
  <c r="AC28381" i="1"/>
  <c r="AC28382" i="1"/>
  <c r="AC28383" i="1"/>
  <c r="AC28384" i="1"/>
  <c r="AC28385" i="1"/>
  <c r="AC28386" i="1"/>
  <c r="AC28387" i="1"/>
  <c r="AC28388" i="1"/>
  <c r="AC28389" i="1"/>
  <c r="AC28390" i="1"/>
  <c r="AC28391" i="1"/>
  <c r="AC28392" i="1"/>
  <c r="AC28393" i="1"/>
  <c r="AC28394" i="1"/>
  <c r="AC28395" i="1"/>
  <c r="AC28396" i="1"/>
  <c r="AC28397" i="1"/>
  <c r="AC28398" i="1"/>
  <c r="AC28399" i="1"/>
  <c r="AC28400" i="1"/>
  <c r="AC28401" i="1"/>
  <c r="AC28402" i="1"/>
  <c r="AC28403" i="1"/>
  <c r="AC28404" i="1"/>
  <c r="AC28405" i="1"/>
  <c r="AC28406" i="1"/>
  <c r="AC28407" i="1"/>
  <c r="AC28408" i="1"/>
  <c r="AC28409" i="1"/>
  <c r="AC28410" i="1"/>
  <c r="AC28411" i="1"/>
  <c r="AC28412" i="1"/>
  <c r="AC28413" i="1"/>
  <c r="AC28414" i="1"/>
  <c r="AC28415" i="1"/>
  <c r="AC28416" i="1"/>
  <c r="AC28417" i="1"/>
  <c r="AC28418" i="1"/>
  <c r="AC28419" i="1"/>
  <c r="AC28420" i="1"/>
  <c r="AC28421" i="1"/>
  <c r="AC28422" i="1"/>
  <c r="AC28423" i="1"/>
  <c r="AC28424" i="1"/>
  <c r="AC28425" i="1"/>
  <c r="AC28426" i="1"/>
  <c r="AC28427" i="1"/>
  <c r="AC28428" i="1"/>
  <c r="AC28429" i="1"/>
  <c r="AC28430" i="1"/>
  <c r="AC28431" i="1"/>
  <c r="AC28432" i="1"/>
  <c r="AC28433" i="1"/>
  <c r="AC28434" i="1"/>
  <c r="AC28435" i="1"/>
  <c r="AC28436" i="1"/>
  <c r="AC28437" i="1"/>
  <c r="AC28438" i="1"/>
  <c r="AC28439" i="1"/>
  <c r="AC28440" i="1"/>
  <c r="AC28441" i="1"/>
  <c r="AC28442" i="1"/>
  <c r="AC28443" i="1"/>
  <c r="AC28444" i="1"/>
  <c r="AC28445" i="1"/>
  <c r="AC28446" i="1"/>
  <c r="AC28447" i="1"/>
  <c r="AC28448" i="1"/>
  <c r="AC28449" i="1"/>
  <c r="AC28450" i="1"/>
  <c r="AC28451" i="1"/>
  <c r="AC28452" i="1"/>
  <c r="AC28453" i="1"/>
  <c r="AC28454" i="1"/>
  <c r="AC28455" i="1"/>
  <c r="AC28456" i="1"/>
  <c r="AC28457" i="1"/>
  <c r="AC28458" i="1"/>
  <c r="AC28459" i="1"/>
  <c r="AC28460" i="1"/>
  <c r="AC28461" i="1"/>
  <c r="AC28462" i="1"/>
  <c r="AC28463" i="1"/>
  <c r="AC28464" i="1"/>
  <c r="AC28465" i="1"/>
  <c r="AC28466" i="1"/>
  <c r="AC28467" i="1"/>
  <c r="AC28468" i="1"/>
  <c r="AC28469" i="1"/>
  <c r="AC28470" i="1"/>
  <c r="AC28471" i="1"/>
  <c r="AC28472" i="1"/>
  <c r="AC28473" i="1"/>
  <c r="AC28474" i="1"/>
  <c r="AC28475" i="1"/>
  <c r="AC28476" i="1"/>
  <c r="AC28477" i="1"/>
  <c r="AC28478" i="1"/>
  <c r="AC28479" i="1"/>
  <c r="AC28480" i="1"/>
  <c r="AC28481" i="1"/>
  <c r="AC28482" i="1"/>
  <c r="AC28483" i="1"/>
  <c r="AC28484" i="1"/>
  <c r="AC28485" i="1"/>
  <c r="AC28486" i="1"/>
  <c r="AC28487" i="1"/>
  <c r="AC28488" i="1"/>
  <c r="AC28489" i="1"/>
  <c r="AC28490" i="1"/>
  <c r="AC28491" i="1"/>
  <c r="AC28492" i="1"/>
  <c r="AC28493" i="1"/>
  <c r="AC28494" i="1"/>
  <c r="AC28495" i="1"/>
  <c r="AC28496" i="1"/>
  <c r="AC28497" i="1"/>
  <c r="AC28498" i="1"/>
  <c r="AC28499" i="1"/>
  <c r="AC28500" i="1"/>
  <c r="AC28501" i="1"/>
  <c r="AC28502" i="1"/>
  <c r="AC28503" i="1"/>
  <c r="AC28504" i="1"/>
  <c r="AC28505" i="1"/>
  <c r="AC28506" i="1"/>
  <c r="AC28507" i="1"/>
  <c r="AC28508" i="1"/>
  <c r="AC28509" i="1"/>
  <c r="AC28510" i="1"/>
  <c r="AC28511" i="1"/>
  <c r="AC28512" i="1"/>
  <c r="AC28513" i="1"/>
  <c r="AC28514" i="1"/>
  <c r="AC28515" i="1"/>
  <c r="AC28516" i="1"/>
  <c r="AC28517" i="1"/>
  <c r="AC28518" i="1"/>
  <c r="AC28519" i="1"/>
  <c r="AC28520" i="1"/>
  <c r="AC28521" i="1"/>
  <c r="AC28522" i="1"/>
  <c r="AC28523" i="1"/>
  <c r="AC28524" i="1"/>
  <c r="AC28525" i="1"/>
  <c r="AC28526" i="1"/>
  <c r="AC28527" i="1"/>
  <c r="AC28528" i="1"/>
  <c r="AC28529" i="1"/>
  <c r="AC28530" i="1"/>
  <c r="AC28531" i="1"/>
  <c r="AC28532" i="1"/>
  <c r="AC28533" i="1"/>
  <c r="AC28534" i="1"/>
  <c r="AC28535" i="1"/>
  <c r="AC28536" i="1"/>
  <c r="AC28537" i="1"/>
  <c r="AC28538" i="1"/>
  <c r="AC28539" i="1"/>
  <c r="AC28540" i="1"/>
  <c r="AC28541" i="1"/>
  <c r="AC28542" i="1"/>
  <c r="AC28543" i="1"/>
  <c r="AC28544" i="1"/>
  <c r="AC28545" i="1"/>
  <c r="AC28546" i="1"/>
  <c r="AC28547" i="1"/>
  <c r="AC28548" i="1"/>
  <c r="AC28549" i="1"/>
  <c r="AC28550" i="1"/>
  <c r="AC28551" i="1"/>
  <c r="AC28552" i="1"/>
  <c r="AC28553" i="1"/>
  <c r="AC28554" i="1"/>
  <c r="AC28555" i="1"/>
  <c r="AC28556" i="1"/>
  <c r="AC28557" i="1"/>
  <c r="AC28558" i="1"/>
  <c r="AC28559" i="1"/>
  <c r="AC28560" i="1"/>
  <c r="AC28561" i="1"/>
  <c r="AC28562" i="1"/>
  <c r="AC28563" i="1"/>
  <c r="AC28564" i="1"/>
  <c r="AC28565" i="1"/>
  <c r="AC28566" i="1"/>
  <c r="AC28567" i="1"/>
  <c r="AC28568" i="1"/>
  <c r="AC28569" i="1"/>
  <c r="AC28570" i="1"/>
  <c r="AC28571" i="1"/>
  <c r="AC28572" i="1"/>
  <c r="AC28573" i="1"/>
  <c r="AC28574" i="1"/>
  <c r="AC28575" i="1"/>
  <c r="AC28576" i="1"/>
  <c r="AC28577" i="1"/>
  <c r="AC28578" i="1"/>
  <c r="AC28579" i="1"/>
  <c r="AC28580" i="1"/>
  <c r="AC28581" i="1"/>
  <c r="AC28582" i="1"/>
  <c r="AC28583" i="1"/>
  <c r="AC28584" i="1"/>
  <c r="AC28585" i="1"/>
  <c r="AC28586" i="1"/>
  <c r="AC28587" i="1"/>
  <c r="AC28588" i="1"/>
  <c r="AC28589" i="1"/>
  <c r="AC28590" i="1"/>
  <c r="AC28591" i="1"/>
  <c r="AC28592" i="1"/>
  <c r="AC28593" i="1"/>
  <c r="AC28594" i="1"/>
  <c r="AC28595" i="1"/>
  <c r="AC28596" i="1"/>
  <c r="AC28597" i="1"/>
  <c r="AC28598" i="1"/>
  <c r="AC28599" i="1"/>
  <c r="AC28600" i="1"/>
  <c r="AC28601" i="1"/>
  <c r="AC28602" i="1"/>
  <c r="AC28603" i="1"/>
  <c r="AC28604" i="1"/>
  <c r="AC28605" i="1"/>
  <c r="AC28606" i="1"/>
  <c r="AC28607" i="1"/>
  <c r="AC28608" i="1"/>
  <c r="AC28609" i="1"/>
  <c r="AC28610" i="1"/>
  <c r="AC28611" i="1"/>
  <c r="AC28612" i="1"/>
  <c r="AC28613" i="1"/>
  <c r="AC28614" i="1"/>
  <c r="AC28615" i="1"/>
  <c r="AC28616" i="1"/>
  <c r="AC28617" i="1"/>
  <c r="AC28618" i="1"/>
  <c r="AC28619" i="1"/>
  <c r="AC28620" i="1"/>
  <c r="AC28621" i="1"/>
  <c r="AC28622" i="1"/>
  <c r="AC28623" i="1"/>
  <c r="AC28624" i="1"/>
  <c r="AC28625" i="1"/>
  <c r="AC28626" i="1"/>
  <c r="AC28627" i="1"/>
  <c r="AC28628" i="1"/>
  <c r="AC28629" i="1"/>
  <c r="AC28630" i="1"/>
  <c r="AC28631" i="1"/>
  <c r="AC28632" i="1"/>
  <c r="AC28633" i="1"/>
  <c r="AC28634" i="1"/>
  <c r="AC28635" i="1"/>
  <c r="AC28636" i="1"/>
  <c r="AC28637" i="1"/>
  <c r="AC28638" i="1"/>
  <c r="AC28639" i="1"/>
  <c r="AC28640" i="1"/>
  <c r="AC28641" i="1"/>
  <c r="AC28642" i="1"/>
  <c r="AC28643" i="1"/>
  <c r="AC28644" i="1"/>
  <c r="AC28645" i="1"/>
  <c r="AC28646" i="1"/>
  <c r="AC28647" i="1"/>
  <c r="AC28648" i="1"/>
  <c r="AC28649" i="1"/>
  <c r="AC28650" i="1"/>
  <c r="AC28651" i="1"/>
  <c r="AC28652" i="1"/>
  <c r="AC28653" i="1"/>
  <c r="AC28654" i="1"/>
  <c r="AC28655" i="1"/>
  <c r="AC28656" i="1"/>
  <c r="AC28657" i="1"/>
  <c r="AC28658" i="1"/>
  <c r="AC28659" i="1"/>
  <c r="AC28660" i="1"/>
  <c r="AC28661" i="1"/>
  <c r="AC28662" i="1"/>
  <c r="AC28663" i="1"/>
  <c r="AC28664" i="1"/>
  <c r="AC28665" i="1"/>
  <c r="AC28666" i="1"/>
  <c r="AC28667" i="1"/>
  <c r="AC28668" i="1"/>
  <c r="AC28669" i="1"/>
  <c r="AC28670" i="1"/>
  <c r="AC28671" i="1"/>
  <c r="AC28672" i="1"/>
  <c r="AC28673" i="1"/>
  <c r="AC28674" i="1"/>
  <c r="AC28675" i="1"/>
  <c r="AC28676" i="1"/>
  <c r="AC28677" i="1"/>
  <c r="AC28678" i="1"/>
  <c r="AC28679" i="1"/>
  <c r="AC28680" i="1"/>
  <c r="AC28681" i="1"/>
  <c r="AC28682" i="1"/>
  <c r="AC28683" i="1"/>
  <c r="AC28684" i="1"/>
  <c r="AC28685" i="1"/>
  <c r="AC28686" i="1"/>
  <c r="AC28687" i="1"/>
  <c r="AC28688" i="1"/>
  <c r="AC28689" i="1"/>
  <c r="AC28690" i="1"/>
  <c r="AC28691" i="1"/>
  <c r="AC28692" i="1"/>
  <c r="AC28693" i="1"/>
  <c r="AC28694" i="1"/>
  <c r="AC28695" i="1"/>
  <c r="AC28696" i="1"/>
  <c r="AC28697" i="1"/>
  <c r="AC28698" i="1"/>
  <c r="AC28699" i="1"/>
  <c r="AC28700" i="1"/>
  <c r="AC28701" i="1"/>
  <c r="AC28702" i="1"/>
  <c r="AC28703" i="1"/>
  <c r="AC28704" i="1"/>
  <c r="AC28705" i="1"/>
  <c r="AC28706" i="1"/>
  <c r="AC28707" i="1"/>
  <c r="AC28708" i="1"/>
  <c r="AC28709" i="1"/>
  <c r="AC28710" i="1"/>
  <c r="AC28711" i="1"/>
  <c r="AC28712" i="1"/>
  <c r="AC28713" i="1"/>
  <c r="AC28714" i="1"/>
  <c r="AC28715" i="1"/>
  <c r="AC28716" i="1"/>
  <c r="AC28717" i="1"/>
  <c r="AC28718" i="1"/>
  <c r="AC28719" i="1"/>
  <c r="AC28720" i="1"/>
  <c r="AC28721" i="1"/>
  <c r="AC28722" i="1"/>
  <c r="AC28723" i="1"/>
  <c r="AC28724" i="1"/>
  <c r="AC28725" i="1"/>
  <c r="AC28726" i="1"/>
  <c r="AC28727" i="1"/>
  <c r="AC28728" i="1"/>
  <c r="AC28729" i="1"/>
  <c r="AC28730" i="1"/>
  <c r="AC28731" i="1"/>
  <c r="AC28732" i="1"/>
  <c r="AC28733" i="1"/>
  <c r="AC28734" i="1"/>
  <c r="AC28735" i="1"/>
  <c r="AC28736" i="1"/>
  <c r="AC28737" i="1"/>
  <c r="AC28738" i="1"/>
  <c r="AC28739" i="1"/>
  <c r="AC28740" i="1"/>
  <c r="AC28741" i="1"/>
  <c r="AC28742" i="1"/>
  <c r="AC28743" i="1"/>
  <c r="AC28744" i="1"/>
  <c r="AC28745" i="1"/>
  <c r="AC28746" i="1"/>
  <c r="AC28747" i="1"/>
  <c r="AC28748" i="1"/>
  <c r="AC28749" i="1"/>
  <c r="AC28750" i="1"/>
  <c r="AC28751" i="1"/>
  <c r="AC28752" i="1"/>
  <c r="AC28753" i="1"/>
  <c r="AC28754" i="1"/>
  <c r="AC28755" i="1"/>
  <c r="AC28756" i="1"/>
  <c r="AC28757" i="1"/>
  <c r="AC28758" i="1"/>
  <c r="AC28759" i="1"/>
  <c r="AC28760" i="1"/>
  <c r="AC28761" i="1"/>
  <c r="AC28762" i="1"/>
  <c r="AC28763" i="1"/>
  <c r="AC28764" i="1"/>
  <c r="AC28765" i="1"/>
  <c r="AC28766" i="1"/>
  <c r="AC28767" i="1"/>
  <c r="AC28768" i="1"/>
  <c r="AC28769" i="1"/>
  <c r="AC28770" i="1"/>
  <c r="AC28771" i="1"/>
  <c r="AC28772" i="1"/>
  <c r="AC28773" i="1"/>
  <c r="AC28774" i="1"/>
  <c r="AC28775" i="1"/>
  <c r="AC28776" i="1"/>
  <c r="AC28777" i="1"/>
  <c r="AC28778" i="1"/>
  <c r="AC28779" i="1"/>
  <c r="AC28780" i="1"/>
  <c r="AC28781" i="1"/>
  <c r="AC28782" i="1"/>
  <c r="AC28783" i="1"/>
  <c r="AC28784" i="1"/>
  <c r="AC28785" i="1"/>
  <c r="AC28786" i="1"/>
  <c r="AC28787" i="1"/>
  <c r="AC28788" i="1"/>
  <c r="AC28789" i="1"/>
  <c r="AC28790" i="1"/>
  <c r="AC28791" i="1"/>
  <c r="AC28792" i="1"/>
  <c r="AC28793" i="1"/>
  <c r="AC28794" i="1"/>
  <c r="AC28795" i="1"/>
  <c r="AC28796" i="1"/>
  <c r="AC28797" i="1"/>
  <c r="AC28798" i="1"/>
  <c r="AC28799" i="1"/>
  <c r="AC28800" i="1"/>
  <c r="AC28801" i="1"/>
  <c r="AC28802" i="1"/>
  <c r="AC28803" i="1"/>
  <c r="AC28804" i="1"/>
  <c r="AC28805" i="1"/>
  <c r="AC28806" i="1"/>
  <c r="AC28807" i="1"/>
  <c r="AC28808" i="1"/>
  <c r="AC28809" i="1"/>
  <c r="AC28810" i="1"/>
  <c r="AC28811" i="1"/>
  <c r="AC28812" i="1"/>
  <c r="AC28813" i="1"/>
  <c r="AC28814" i="1"/>
  <c r="AC28815" i="1"/>
  <c r="AC28816" i="1"/>
  <c r="AC28817" i="1"/>
  <c r="AC28818" i="1"/>
  <c r="AC28819" i="1"/>
  <c r="AC28820" i="1"/>
  <c r="AC28821" i="1"/>
  <c r="AC28822" i="1"/>
  <c r="AC28823" i="1"/>
  <c r="AC28824" i="1"/>
  <c r="AC28825" i="1"/>
  <c r="AC28826" i="1"/>
  <c r="AC28827" i="1"/>
  <c r="AC28828" i="1"/>
  <c r="AC28829" i="1"/>
  <c r="AC28830" i="1"/>
  <c r="AC28831" i="1"/>
  <c r="AC28832" i="1"/>
  <c r="AC28833" i="1"/>
  <c r="AC28834" i="1"/>
  <c r="AC28835" i="1"/>
  <c r="AC28836" i="1"/>
  <c r="AC28837" i="1"/>
  <c r="AC28838" i="1"/>
  <c r="AC28839" i="1"/>
  <c r="AC28840" i="1"/>
  <c r="AC28841" i="1"/>
  <c r="AC28842" i="1"/>
  <c r="AC28843" i="1"/>
  <c r="AC28844" i="1"/>
  <c r="AC28845" i="1"/>
  <c r="AC28846" i="1"/>
  <c r="AC28847" i="1"/>
  <c r="AC28848" i="1"/>
  <c r="AC28849" i="1"/>
  <c r="AC28850" i="1"/>
  <c r="AC28851" i="1"/>
  <c r="AC28852" i="1"/>
  <c r="AC28853" i="1"/>
  <c r="AC28854" i="1"/>
  <c r="AC28855" i="1"/>
  <c r="AC28856" i="1"/>
  <c r="AC28857" i="1"/>
  <c r="AC28858" i="1"/>
  <c r="AC28859" i="1"/>
  <c r="AC28860" i="1"/>
  <c r="AC28861" i="1"/>
  <c r="AC28862" i="1"/>
  <c r="AC28863" i="1"/>
  <c r="AC28864" i="1"/>
  <c r="AC28865" i="1"/>
  <c r="AC28866" i="1"/>
  <c r="AC28867" i="1"/>
  <c r="AC28868" i="1"/>
  <c r="AC28869" i="1"/>
  <c r="AC28870" i="1"/>
  <c r="AC28871" i="1"/>
  <c r="AC28872" i="1"/>
  <c r="AC28873" i="1"/>
  <c r="AC28874" i="1"/>
  <c r="AC28875" i="1"/>
  <c r="AC28876" i="1"/>
  <c r="AC28877" i="1"/>
  <c r="AC28878" i="1"/>
  <c r="AC28879" i="1"/>
  <c r="AC28880" i="1"/>
  <c r="AC28881" i="1"/>
  <c r="AC28882" i="1"/>
  <c r="AC28883" i="1"/>
  <c r="AC28884" i="1"/>
  <c r="AC28885" i="1"/>
  <c r="AC28886" i="1"/>
  <c r="AC28887" i="1"/>
  <c r="AC28888" i="1"/>
  <c r="AC28889" i="1"/>
  <c r="AC28890" i="1"/>
  <c r="AC28891" i="1"/>
  <c r="AC28892" i="1"/>
  <c r="AC28893" i="1"/>
  <c r="AC28894" i="1"/>
  <c r="AC28895" i="1"/>
  <c r="AC28896" i="1"/>
  <c r="AC28897" i="1"/>
  <c r="AC28898" i="1"/>
  <c r="AC28899" i="1"/>
  <c r="AC28900" i="1"/>
  <c r="AC28901" i="1"/>
  <c r="AC28902" i="1"/>
  <c r="AC28903" i="1"/>
  <c r="AC28904" i="1"/>
  <c r="AC28905" i="1"/>
  <c r="AC28906" i="1"/>
  <c r="AC28907" i="1"/>
  <c r="AC28908" i="1"/>
  <c r="AC28909" i="1"/>
  <c r="AC28910" i="1"/>
  <c r="AC28911" i="1"/>
  <c r="AC28912" i="1"/>
  <c r="AC28913" i="1"/>
  <c r="AC28914" i="1"/>
  <c r="AC28915" i="1"/>
  <c r="AC28916" i="1"/>
  <c r="AC28917" i="1"/>
  <c r="AC28918" i="1"/>
  <c r="AC28919" i="1"/>
  <c r="AC28920" i="1"/>
  <c r="AC28921" i="1"/>
  <c r="AC28922" i="1"/>
  <c r="AC28923" i="1"/>
  <c r="AC28924" i="1"/>
  <c r="AC28925" i="1"/>
  <c r="AC28926" i="1"/>
  <c r="AC28927" i="1"/>
  <c r="AC28928" i="1"/>
  <c r="AC28929" i="1"/>
  <c r="AC28930" i="1"/>
  <c r="AC28931" i="1"/>
  <c r="AC28932" i="1"/>
  <c r="AC28933" i="1"/>
  <c r="AC28934" i="1"/>
  <c r="AC28935" i="1"/>
  <c r="AC28936" i="1"/>
  <c r="AC28937" i="1"/>
  <c r="AC28938" i="1"/>
  <c r="AC28939" i="1"/>
  <c r="AC28940" i="1"/>
  <c r="AC28941" i="1"/>
  <c r="AC28942" i="1"/>
  <c r="AC28943" i="1"/>
  <c r="AC28944" i="1"/>
  <c r="AC28945" i="1"/>
  <c r="AC28946" i="1"/>
  <c r="AC28947" i="1"/>
  <c r="AC28948" i="1"/>
  <c r="AC28949" i="1"/>
  <c r="AC28950" i="1"/>
  <c r="AC28951" i="1"/>
  <c r="AC28952" i="1"/>
  <c r="AC28953" i="1"/>
  <c r="AC28954" i="1"/>
  <c r="AC28955" i="1"/>
  <c r="AC28956" i="1"/>
  <c r="AC28957" i="1"/>
  <c r="AC28958" i="1"/>
  <c r="AC28959" i="1"/>
  <c r="AC28960" i="1"/>
  <c r="AC28961" i="1"/>
  <c r="AC28962" i="1"/>
  <c r="AC28963" i="1"/>
  <c r="AC28964" i="1"/>
  <c r="AC28965" i="1"/>
  <c r="AC28966" i="1"/>
  <c r="AC28967" i="1"/>
  <c r="AC28968" i="1"/>
  <c r="AC28969" i="1"/>
  <c r="AC28970" i="1"/>
  <c r="AC28971" i="1"/>
  <c r="AC28972" i="1"/>
  <c r="AC28973" i="1"/>
  <c r="AC28974" i="1"/>
  <c r="AC28975" i="1"/>
  <c r="AC28976" i="1"/>
  <c r="AC28977" i="1"/>
  <c r="AC28978" i="1"/>
  <c r="AC28979" i="1"/>
  <c r="AC28980" i="1"/>
  <c r="AC28981" i="1"/>
  <c r="AC28982" i="1"/>
  <c r="AC28983" i="1"/>
  <c r="AC28984" i="1"/>
  <c r="AC28985" i="1"/>
  <c r="AC28986" i="1"/>
  <c r="AC28987" i="1"/>
  <c r="AC28988" i="1"/>
  <c r="AC28989" i="1"/>
  <c r="AC28990" i="1"/>
  <c r="AC28991" i="1"/>
  <c r="AC28992" i="1"/>
  <c r="AC28993" i="1"/>
  <c r="AC28994" i="1"/>
  <c r="AC28995" i="1"/>
  <c r="AC28996" i="1"/>
  <c r="AC28997" i="1"/>
  <c r="AC28998" i="1"/>
  <c r="AC28999" i="1"/>
  <c r="AC29000" i="1"/>
  <c r="AC29001" i="1"/>
  <c r="AC29002" i="1"/>
  <c r="AC29003" i="1"/>
  <c r="AC29004" i="1"/>
  <c r="AC29005" i="1"/>
  <c r="AC29006" i="1"/>
  <c r="AC29007" i="1"/>
  <c r="AC29008" i="1"/>
  <c r="AC29009" i="1"/>
  <c r="AC29010" i="1"/>
  <c r="AC29011" i="1"/>
  <c r="AC29012" i="1"/>
  <c r="AC29013" i="1"/>
  <c r="AC29014" i="1"/>
  <c r="AC29015" i="1"/>
  <c r="AC29016" i="1"/>
  <c r="AC29017" i="1"/>
  <c r="AC29018" i="1"/>
  <c r="AC29019" i="1"/>
  <c r="AC29020" i="1"/>
  <c r="AC29021" i="1"/>
  <c r="AC29022" i="1"/>
  <c r="AC29023" i="1"/>
  <c r="AC29024" i="1"/>
  <c r="AC29025" i="1"/>
  <c r="AC29026" i="1"/>
  <c r="AC29027" i="1"/>
  <c r="AC29028" i="1"/>
  <c r="AC29029" i="1"/>
  <c r="AC29030" i="1"/>
  <c r="AC29031" i="1"/>
  <c r="AC29032" i="1"/>
  <c r="AC29033" i="1"/>
  <c r="AC29034" i="1"/>
  <c r="AC29035" i="1"/>
  <c r="AC29036" i="1"/>
  <c r="AC29037" i="1"/>
  <c r="AC29038" i="1"/>
  <c r="AC29039" i="1"/>
  <c r="AC29040" i="1"/>
  <c r="AC29041" i="1"/>
  <c r="AC29042" i="1"/>
  <c r="AC29043" i="1"/>
  <c r="AC29044" i="1"/>
  <c r="AC29045" i="1"/>
  <c r="AC29046" i="1"/>
  <c r="AC29047" i="1"/>
  <c r="AC29048" i="1"/>
  <c r="AC29049" i="1"/>
  <c r="AC29050" i="1"/>
  <c r="AC29051" i="1"/>
  <c r="AC29052" i="1"/>
  <c r="AC29053" i="1"/>
  <c r="AC29054" i="1"/>
  <c r="AC29055" i="1"/>
  <c r="AC29056" i="1"/>
  <c r="AC29057" i="1"/>
  <c r="AC29058" i="1"/>
  <c r="AC29059" i="1"/>
  <c r="AC29060" i="1"/>
  <c r="AC29061" i="1"/>
  <c r="AC29062" i="1"/>
  <c r="AC29063" i="1"/>
  <c r="AC29064" i="1"/>
  <c r="AC29065" i="1"/>
  <c r="AC29066" i="1"/>
  <c r="AC29067" i="1"/>
  <c r="AC29068" i="1"/>
  <c r="AC29069" i="1"/>
  <c r="AC29070" i="1"/>
  <c r="AC29071" i="1"/>
  <c r="AC29072" i="1"/>
  <c r="AC29073" i="1"/>
  <c r="AC29074" i="1"/>
  <c r="AC29075" i="1"/>
  <c r="AC29076" i="1"/>
  <c r="AC29077" i="1"/>
  <c r="AC29078" i="1"/>
  <c r="AC29079" i="1"/>
  <c r="AC29080" i="1"/>
  <c r="AC29081" i="1"/>
  <c r="AC29082" i="1"/>
  <c r="AC29083" i="1"/>
  <c r="AC29084" i="1"/>
  <c r="AC29085" i="1"/>
  <c r="AC29086" i="1"/>
  <c r="AC29087" i="1"/>
  <c r="AC29088" i="1"/>
  <c r="AC29089" i="1"/>
  <c r="AC29090" i="1"/>
  <c r="AC29091" i="1"/>
  <c r="AC29092" i="1"/>
  <c r="AC29093" i="1"/>
  <c r="AC29094" i="1"/>
  <c r="AC29095" i="1"/>
  <c r="AC29096" i="1"/>
  <c r="AC29097" i="1"/>
  <c r="AC29098" i="1"/>
  <c r="AC29099" i="1"/>
  <c r="AC29100" i="1"/>
  <c r="AC29101" i="1"/>
  <c r="AC29102" i="1"/>
  <c r="AC29103" i="1"/>
  <c r="AC29104" i="1"/>
  <c r="AC29105" i="1"/>
  <c r="AC29106" i="1"/>
  <c r="AC29107" i="1"/>
  <c r="AC29108" i="1"/>
  <c r="AC29109" i="1"/>
  <c r="AC29110" i="1"/>
  <c r="AC29111" i="1"/>
  <c r="AC29112" i="1"/>
  <c r="AC29113" i="1"/>
  <c r="AC29114" i="1"/>
  <c r="AC29115" i="1"/>
  <c r="AC29116" i="1"/>
  <c r="AC29117" i="1"/>
  <c r="AC29118" i="1"/>
  <c r="AC29119" i="1"/>
  <c r="AC29120" i="1"/>
  <c r="AC29121" i="1"/>
  <c r="AC29122" i="1"/>
  <c r="AC29123" i="1"/>
  <c r="AC29124" i="1"/>
  <c r="AC29125" i="1"/>
  <c r="AC29126" i="1"/>
  <c r="AC29127" i="1"/>
  <c r="AC29128" i="1"/>
  <c r="AC29129" i="1"/>
  <c r="AC29130" i="1"/>
  <c r="AC29131" i="1"/>
  <c r="AC29132" i="1"/>
  <c r="AC29133" i="1"/>
  <c r="AC29134" i="1"/>
  <c r="AC29135" i="1"/>
  <c r="AC29136" i="1"/>
  <c r="AC29137" i="1"/>
  <c r="AC29138" i="1"/>
  <c r="AC29139" i="1"/>
  <c r="AC29140" i="1"/>
  <c r="AC29141" i="1"/>
  <c r="AC29142" i="1"/>
  <c r="AC29143" i="1"/>
  <c r="AC29144" i="1"/>
  <c r="AC29145" i="1"/>
  <c r="AC29146" i="1"/>
  <c r="AC29147" i="1"/>
  <c r="AC29148" i="1"/>
  <c r="AC29149" i="1"/>
  <c r="AC29150" i="1"/>
  <c r="AC29151" i="1"/>
  <c r="AC29152" i="1"/>
  <c r="AC29153" i="1"/>
  <c r="AC29154" i="1"/>
  <c r="AC29155" i="1"/>
  <c r="AC29156" i="1"/>
  <c r="AC29157" i="1"/>
  <c r="AC29158" i="1"/>
  <c r="AC29159" i="1"/>
  <c r="AC29160" i="1"/>
  <c r="AC29161" i="1"/>
  <c r="AC29162" i="1"/>
  <c r="AC29163" i="1"/>
  <c r="AC29164" i="1"/>
  <c r="AC29165" i="1"/>
  <c r="AC29166" i="1"/>
  <c r="AC29167" i="1"/>
  <c r="AC29168" i="1"/>
  <c r="AC29169" i="1"/>
  <c r="AC29170" i="1"/>
  <c r="AC29171" i="1"/>
  <c r="AC29172" i="1"/>
  <c r="AC29173" i="1"/>
  <c r="AC29174" i="1"/>
  <c r="AC29175" i="1"/>
  <c r="AC29176" i="1"/>
  <c r="AC29177" i="1"/>
  <c r="AC29178" i="1"/>
  <c r="AC29179" i="1"/>
  <c r="AC29180" i="1"/>
  <c r="AC29181" i="1"/>
  <c r="AC29182" i="1"/>
  <c r="AC29183" i="1"/>
  <c r="AC29184" i="1"/>
  <c r="AC29185" i="1"/>
  <c r="AC29186" i="1"/>
  <c r="AC29187" i="1"/>
  <c r="AC29188" i="1"/>
  <c r="AC29189" i="1"/>
  <c r="AC29190" i="1"/>
  <c r="AC29191" i="1"/>
  <c r="AC29192" i="1"/>
  <c r="AC29193" i="1"/>
  <c r="AC29194" i="1"/>
  <c r="AC29195" i="1"/>
  <c r="AC29196" i="1"/>
  <c r="AC29197" i="1"/>
  <c r="AC29198" i="1"/>
  <c r="AC29199" i="1"/>
  <c r="AC29200" i="1"/>
  <c r="AC29201" i="1"/>
  <c r="AC29202" i="1"/>
  <c r="AC29203" i="1"/>
  <c r="AC29204" i="1"/>
  <c r="AC29205" i="1"/>
  <c r="AC29206" i="1"/>
  <c r="AC29207" i="1"/>
  <c r="AC29208" i="1"/>
  <c r="AC29209" i="1"/>
  <c r="AC29210" i="1"/>
  <c r="AC29211" i="1"/>
  <c r="AC29212" i="1"/>
  <c r="AC29213" i="1"/>
  <c r="AC29214" i="1"/>
  <c r="AC29215" i="1"/>
  <c r="AC29216" i="1"/>
  <c r="AC29217" i="1"/>
  <c r="AC29218" i="1"/>
  <c r="AC29219" i="1"/>
  <c r="AC29220" i="1"/>
  <c r="AC29221" i="1"/>
  <c r="AC29222" i="1"/>
  <c r="AC29223" i="1"/>
  <c r="AC29224" i="1"/>
  <c r="AC29225" i="1"/>
  <c r="AC29226" i="1"/>
  <c r="AC29227" i="1"/>
  <c r="AC29228" i="1"/>
  <c r="AC29229" i="1"/>
  <c r="AC29230" i="1"/>
  <c r="AC29231" i="1"/>
  <c r="AC29232" i="1"/>
  <c r="AC29233" i="1"/>
  <c r="AC29234" i="1"/>
  <c r="AC29235" i="1"/>
  <c r="AC29236" i="1"/>
  <c r="AC29237" i="1"/>
  <c r="AC29238" i="1"/>
  <c r="AC29239" i="1"/>
  <c r="AC29240" i="1"/>
  <c r="AC29241" i="1"/>
  <c r="AC29242" i="1"/>
  <c r="AC29243" i="1"/>
  <c r="AC29244" i="1"/>
  <c r="AC29245" i="1"/>
  <c r="AC29246" i="1"/>
  <c r="AC29247" i="1"/>
  <c r="AC29248" i="1"/>
  <c r="AC29249" i="1"/>
  <c r="AC29250" i="1"/>
  <c r="AC29251" i="1"/>
  <c r="AC29252" i="1"/>
  <c r="AC29253" i="1"/>
  <c r="AC29254" i="1"/>
  <c r="AC29255" i="1"/>
  <c r="AC29256" i="1"/>
  <c r="AC29257" i="1"/>
  <c r="AC29258" i="1"/>
  <c r="AC29259" i="1"/>
  <c r="AC29260" i="1"/>
  <c r="AC29261" i="1"/>
  <c r="AC29262" i="1"/>
  <c r="AC29263" i="1"/>
  <c r="AC29264" i="1"/>
  <c r="AC29265" i="1"/>
  <c r="AC29266" i="1"/>
  <c r="AC29267" i="1"/>
  <c r="AC29268" i="1"/>
  <c r="AC29269" i="1"/>
  <c r="AC29270" i="1"/>
  <c r="AC29271" i="1"/>
  <c r="AC29272" i="1"/>
  <c r="AC29273" i="1"/>
  <c r="AC29274" i="1"/>
  <c r="AC29275" i="1"/>
  <c r="AC29276" i="1"/>
  <c r="AC29277" i="1"/>
  <c r="AC29278" i="1"/>
  <c r="AC29279" i="1"/>
  <c r="AC29280" i="1"/>
  <c r="AC29281" i="1"/>
  <c r="AC29282" i="1"/>
  <c r="AC29283" i="1"/>
  <c r="AC29284" i="1"/>
  <c r="AC29285" i="1"/>
  <c r="AC29286" i="1"/>
  <c r="AC29287" i="1"/>
  <c r="AC29288" i="1"/>
  <c r="AC29289" i="1"/>
  <c r="AC29290" i="1"/>
  <c r="AC29291" i="1"/>
  <c r="AC29292" i="1"/>
  <c r="AC29293" i="1"/>
  <c r="AC29294" i="1"/>
  <c r="AC29295" i="1"/>
  <c r="AC29296" i="1"/>
  <c r="AC29297" i="1"/>
  <c r="AC29298" i="1"/>
  <c r="AC29299" i="1"/>
  <c r="AC29300" i="1"/>
  <c r="AC29301" i="1"/>
  <c r="AC29302" i="1"/>
  <c r="AC29303" i="1"/>
  <c r="AC29304" i="1"/>
  <c r="AC29305" i="1"/>
  <c r="AC29306" i="1"/>
  <c r="AC29307" i="1"/>
  <c r="AC29308" i="1"/>
  <c r="AC29309" i="1"/>
  <c r="AC29310" i="1"/>
  <c r="AC29311" i="1"/>
  <c r="AC29312" i="1"/>
  <c r="AC29313" i="1"/>
  <c r="AC29314" i="1"/>
  <c r="AC29315" i="1"/>
  <c r="AC29316" i="1"/>
  <c r="AC29317" i="1"/>
  <c r="AC29318" i="1"/>
  <c r="AC29319" i="1"/>
  <c r="AC29320" i="1"/>
  <c r="AC29321" i="1"/>
  <c r="AC29322" i="1"/>
  <c r="AC29323" i="1"/>
  <c r="AC29324" i="1"/>
  <c r="AC29325" i="1"/>
  <c r="AC29326" i="1"/>
  <c r="AC29327" i="1"/>
  <c r="AC29328" i="1"/>
  <c r="AC29329" i="1"/>
  <c r="AC29330" i="1"/>
  <c r="AC29331" i="1"/>
  <c r="AC29332" i="1"/>
  <c r="AC29333" i="1"/>
  <c r="AC29334" i="1"/>
  <c r="AC29335" i="1"/>
  <c r="AC29336" i="1"/>
  <c r="AC29337" i="1"/>
  <c r="AC29338" i="1"/>
  <c r="AC29339" i="1"/>
  <c r="AC29340" i="1"/>
  <c r="AC29341" i="1"/>
  <c r="AC29342" i="1"/>
  <c r="AC29343" i="1"/>
  <c r="AC29344" i="1"/>
  <c r="AC29345" i="1"/>
  <c r="AC29346" i="1"/>
  <c r="AC29347" i="1"/>
  <c r="AC29348" i="1"/>
  <c r="AC29349" i="1"/>
  <c r="AC29350" i="1"/>
  <c r="AC29351" i="1"/>
  <c r="AC29352" i="1"/>
  <c r="AC29353" i="1"/>
  <c r="AC29354" i="1"/>
  <c r="AC29355" i="1"/>
  <c r="AC29356" i="1"/>
  <c r="AC29357" i="1"/>
  <c r="AC29358" i="1"/>
  <c r="AC29359" i="1"/>
  <c r="AC29360" i="1"/>
  <c r="AC29361" i="1"/>
  <c r="AC29362" i="1"/>
  <c r="AC29363" i="1"/>
  <c r="AC29364" i="1"/>
  <c r="AC29365" i="1"/>
  <c r="AC29366" i="1"/>
  <c r="AC29367" i="1"/>
  <c r="AC29368" i="1"/>
  <c r="AC29369" i="1"/>
  <c r="AC29370" i="1"/>
  <c r="AC29371" i="1"/>
  <c r="AC29372" i="1"/>
  <c r="AC29373" i="1"/>
  <c r="AC29374" i="1"/>
  <c r="AC29375" i="1"/>
  <c r="AC29376" i="1"/>
  <c r="AC29377" i="1"/>
  <c r="AC29378" i="1"/>
  <c r="AC29379" i="1"/>
  <c r="AC29380" i="1"/>
  <c r="AC29381" i="1"/>
  <c r="AC29382" i="1"/>
  <c r="AC29383" i="1"/>
  <c r="AC29384" i="1"/>
  <c r="AC29385" i="1"/>
  <c r="AC29386" i="1"/>
  <c r="AC29387" i="1"/>
  <c r="AC29388" i="1"/>
  <c r="AC29389" i="1"/>
  <c r="AC29390" i="1"/>
  <c r="AC29391" i="1"/>
  <c r="AC29392" i="1"/>
  <c r="AC29393" i="1"/>
  <c r="AC29394" i="1"/>
  <c r="AC29395" i="1"/>
  <c r="AC29396" i="1"/>
  <c r="AC29397" i="1"/>
  <c r="AC29398" i="1"/>
  <c r="AC29399" i="1"/>
  <c r="AC29400" i="1"/>
  <c r="AC29401" i="1"/>
  <c r="AC29402" i="1"/>
  <c r="AC29403" i="1"/>
  <c r="AC29404" i="1"/>
  <c r="AC29405" i="1"/>
  <c r="AC29406" i="1"/>
  <c r="AC29407" i="1"/>
  <c r="AC29408" i="1"/>
  <c r="AC29409" i="1"/>
  <c r="AC29410" i="1"/>
  <c r="AC29411" i="1"/>
  <c r="AC29412" i="1"/>
  <c r="AC29413" i="1"/>
  <c r="AC29414" i="1"/>
  <c r="AC29415" i="1"/>
  <c r="AC29416" i="1"/>
  <c r="AC29417" i="1"/>
  <c r="AC29418" i="1"/>
  <c r="AC29419" i="1"/>
  <c r="AC29420" i="1"/>
  <c r="AC29421" i="1"/>
  <c r="AC29422" i="1"/>
  <c r="AC29423" i="1"/>
  <c r="AC29424" i="1"/>
  <c r="AC29425" i="1"/>
  <c r="AC29426" i="1"/>
  <c r="AC29427" i="1"/>
  <c r="AC29428" i="1"/>
  <c r="AC29429" i="1"/>
  <c r="AC29430" i="1"/>
  <c r="AC29431" i="1"/>
  <c r="AC29432" i="1"/>
  <c r="AC29433" i="1"/>
  <c r="AC29434" i="1"/>
  <c r="AC29435" i="1"/>
  <c r="AC29436" i="1"/>
  <c r="AC29437" i="1"/>
  <c r="AC29438" i="1"/>
  <c r="AC29439" i="1"/>
  <c r="AC29440" i="1"/>
  <c r="AC29441" i="1"/>
  <c r="AC29442" i="1"/>
  <c r="AC29443" i="1"/>
  <c r="AC29444" i="1"/>
  <c r="AC29445" i="1"/>
  <c r="AC29446" i="1"/>
  <c r="AC29447" i="1"/>
  <c r="AC29448" i="1"/>
  <c r="AC29449" i="1"/>
  <c r="AC29450" i="1"/>
  <c r="AC29451" i="1"/>
  <c r="AC29452" i="1"/>
  <c r="AC29453" i="1"/>
  <c r="AC29454" i="1"/>
  <c r="AC29455" i="1"/>
  <c r="AC29456" i="1"/>
  <c r="AC29457" i="1"/>
  <c r="AC29458" i="1"/>
  <c r="AC29459" i="1"/>
  <c r="AC29460" i="1"/>
  <c r="AC29461" i="1"/>
  <c r="AC29462" i="1"/>
  <c r="AC29463" i="1"/>
  <c r="AC29464" i="1"/>
  <c r="AC29465" i="1"/>
  <c r="AC29466" i="1"/>
  <c r="AC29467" i="1"/>
  <c r="AC29468" i="1"/>
  <c r="AC29469" i="1"/>
  <c r="AC29470" i="1"/>
  <c r="AC29471" i="1"/>
  <c r="AC29472" i="1"/>
  <c r="AC29473" i="1"/>
  <c r="AC29474" i="1"/>
  <c r="AC29475" i="1"/>
  <c r="AC29476" i="1"/>
  <c r="AC29477" i="1"/>
  <c r="AC29478" i="1"/>
  <c r="AC29479" i="1"/>
  <c r="AC29480" i="1"/>
  <c r="AC29481" i="1"/>
  <c r="AC29482" i="1"/>
  <c r="AC29483" i="1"/>
  <c r="AC29484" i="1"/>
  <c r="AC29485" i="1"/>
  <c r="AC29486" i="1"/>
  <c r="AC29487" i="1"/>
  <c r="AC29488" i="1"/>
  <c r="AC29489" i="1"/>
  <c r="AC29490" i="1"/>
  <c r="AC29491" i="1"/>
  <c r="AC29492" i="1"/>
  <c r="AC29493" i="1"/>
  <c r="AC29494" i="1"/>
  <c r="AC29495" i="1"/>
  <c r="AC29496" i="1"/>
  <c r="AC29497" i="1"/>
  <c r="AC29498" i="1"/>
  <c r="AC29499" i="1"/>
  <c r="AC29500" i="1"/>
  <c r="AC29501" i="1"/>
  <c r="AC29502" i="1"/>
  <c r="AC29503" i="1"/>
  <c r="AC29504" i="1"/>
  <c r="AC29505" i="1"/>
  <c r="AC29506" i="1"/>
  <c r="AC29507" i="1"/>
  <c r="AC29508" i="1"/>
  <c r="AC29509" i="1"/>
  <c r="AC29510" i="1"/>
  <c r="AC29511" i="1"/>
  <c r="AC29512" i="1"/>
  <c r="AC29513" i="1"/>
  <c r="AC29514" i="1"/>
  <c r="AC29515" i="1"/>
  <c r="AC29516" i="1"/>
  <c r="AC29517" i="1"/>
  <c r="AC29518" i="1"/>
  <c r="AC29519" i="1"/>
  <c r="AC29520" i="1"/>
  <c r="AC29521" i="1"/>
  <c r="AC29522" i="1"/>
  <c r="AC29523" i="1"/>
  <c r="AC29524" i="1"/>
  <c r="AC29525" i="1"/>
  <c r="AC29526" i="1"/>
  <c r="AC29527" i="1"/>
  <c r="AC29528" i="1"/>
  <c r="AC29529" i="1"/>
  <c r="AC29530" i="1"/>
  <c r="AC29531" i="1"/>
  <c r="AC29532" i="1"/>
  <c r="AC29533" i="1"/>
  <c r="AC29534" i="1"/>
  <c r="AC29535" i="1"/>
  <c r="AC29536" i="1"/>
  <c r="AC29537" i="1"/>
  <c r="AC29538" i="1"/>
  <c r="AC29539" i="1"/>
  <c r="AC29540" i="1"/>
  <c r="AC29541" i="1"/>
  <c r="AC29542" i="1"/>
  <c r="AC29543" i="1"/>
  <c r="AC29544" i="1"/>
  <c r="AC29545" i="1"/>
  <c r="AC29546" i="1"/>
  <c r="AC29547" i="1"/>
  <c r="AC29548" i="1"/>
  <c r="AC29549" i="1"/>
  <c r="AC29550" i="1"/>
  <c r="AC29551" i="1"/>
  <c r="AC29552" i="1"/>
  <c r="AC29553" i="1"/>
  <c r="AC29554" i="1"/>
  <c r="AC29555" i="1"/>
  <c r="AC29556" i="1"/>
  <c r="AC29557" i="1"/>
  <c r="AC29558" i="1"/>
  <c r="AC29559" i="1"/>
  <c r="AC29560" i="1"/>
  <c r="AC29561" i="1"/>
  <c r="AC29562" i="1"/>
  <c r="AC29563" i="1"/>
  <c r="AC29564" i="1"/>
  <c r="AC29565" i="1"/>
  <c r="AC29566" i="1"/>
  <c r="AC29567" i="1"/>
  <c r="AC29568" i="1"/>
  <c r="AC29569" i="1"/>
  <c r="AC29570" i="1"/>
  <c r="AC29571" i="1"/>
  <c r="AC29572" i="1"/>
  <c r="AC29573" i="1"/>
  <c r="AC29574" i="1"/>
  <c r="AC29575" i="1"/>
  <c r="AC29576" i="1"/>
  <c r="AC29577" i="1"/>
  <c r="AC29578" i="1"/>
  <c r="AC29579" i="1"/>
  <c r="AC29580" i="1"/>
  <c r="AC29581" i="1"/>
  <c r="AC29582" i="1"/>
  <c r="AC29583" i="1"/>
  <c r="AC29584" i="1"/>
  <c r="AC29585" i="1"/>
  <c r="AC29586" i="1"/>
  <c r="AC29587" i="1"/>
  <c r="AC29588" i="1"/>
  <c r="AC29589" i="1"/>
  <c r="AC29590" i="1"/>
  <c r="AC29591" i="1"/>
  <c r="AC29592" i="1"/>
  <c r="AC29593" i="1"/>
  <c r="AC29594" i="1"/>
  <c r="AC29595" i="1"/>
  <c r="AC29596" i="1"/>
  <c r="AC29597" i="1"/>
  <c r="AC29598" i="1"/>
  <c r="AC29599" i="1"/>
  <c r="AC29600" i="1"/>
  <c r="AC29601" i="1"/>
  <c r="AC29602" i="1"/>
  <c r="AC29603" i="1"/>
  <c r="AC29604" i="1"/>
  <c r="AC29605" i="1"/>
  <c r="AC29606" i="1"/>
  <c r="AC29607" i="1"/>
  <c r="AC29608" i="1"/>
  <c r="AC29609" i="1"/>
  <c r="AC29610" i="1"/>
  <c r="AC29611" i="1"/>
  <c r="AC29612" i="1"/>
  <c r="AC29613" i="1"/>
  <c r="AC29614" i="1"/>
  <c r="AC29615" i="1"/>
  <c r="AC29616" i="1"/>
  <c r="AC29617" i="1"/>
  <c r="AC29618" i="1"/>
  <c r="AC29619" i="1"/>
  <c r="AC29620" i="1"/>
  <c r="AC29621" i="1"/>
  <c r="AC29622" i="1"/>
  <c r="AC29623" i="1"/>
  <c r="AC29624" i="1"/>
  <c r="AC29625" i="1"/>
  <c r="AC29626" i="1"/>
  <c r="AC29627" i="1"/>
  <c r="AC29628" i="1"/>
  <c r="AC29629" i="1"/>
  <c r="AC29630" i="1"/>
  <c r="AC29631" i="1"/>
  <c r="AC29632" i="1"/>
  <c r="AC29633" i="1"/>
  <c r="AC29634" i="1"/>
  <c r="AC29635" i="1"/>
  <c r="AC29636" i="1"/>
  <c r="AC29637" i="1"/>
  <c r="AC29638" i="1"/>
  <c r="AC29639" i="1"/>
  <c r="AC29640" i="1"/>
  <c r="AC29641" i="1"/>
  <c r="AC29642" i="1"/>
  <c r="AC29643" i="1"/>
  <c r="AC29644" i="1"/>
  <c r="AC29645" i="1"/>
  <c r="AC29646" i="1"/>
  <c r="AC29647" i="1"/>
  <c r="AC29648" i="1"/>
  <c r="AC29649" i="1"/>
  <c r="AC29650" i="1"/>
  <c r="AC29651" i="1"/>
  <c r="AC29652" i="1"/>
  <c r="AC29653" i="1"/>
  <c r="AC29654" i="1"/>
  <c r="AC29655" i="1"/>
  <c r="AC29656" i="1"/>
  <c r="AC29657" i="1"/>
  <c r="AC29658" i="1"/>
  <c r="AC29659" i="1"/>
  <c r="AC29660" i="1"/>
  <c r="AC29661" i="1"/>
  <c r="AC29662" i="1"/>
  <c r="AC29663" i="1"/>
  <c r="AC29664" i="1"/>
  <c r="AC29665" i="1"/>
  <c r="AC29666" i="1"/>
  <c r="AC29667" i="1"/>
  <c r="AC29668" i="1"/>
  <c r="AC29669" i="1"/>
  <c r="AC29670" i="1"/>
  <c r="AC29671" i="1"/>
  <c r="AC29672" i="1"/>
  <c r="AC29673" i="1"/>
  <c r="AC29674" i="1"/>
  <c r="AC29675" i="1"/>
  <c r="AC29676" i="1"/>
  <c r="AC29677" i="1"/>
  <c r="AC29678" i="1"/>
  <c r="AC29679" i="1"/>
  <c r="AC29680" i="1"/>
  <c r="AC29681" i="1"/>
  <c r="AC29682" i="1"/>
  <c r="AC29683" i="1"/>
  <c r="AC29684" i="1"/>
  <c r="AC29685" i="1"/>
  <c r="AC29686" i="1"/>
  <c r="AC29687" i="1"/>
  <c r="AC29688" i="1"/>
  <c r="AC29689" i="1"/>
  <c r="AC29690" i="1"/>
  <c r="AC29691" i="1"/>
  <c r="AC29692" i="1"/>
  <c r="AC29693" i="1"/>
  <c r="AC29694" i="1"/>
  <c r="AC29695" i="1"/>
  <c r="AC29696" i="1"/>
  <c r="AC29697" i="1"/>
  <c r="AC29698" i="1"/>
  <c r="AC29699" i="1"/>
  <c r="AC29700" i="1"/>
  <c r="AC29701" i="1"/>
  <c r="AC29702" i="1"/>
  <c r="AC29703" i="1"/>
  <c r="AC29704" i="1"/>
  <c r="AC29705" i="1"/>
  <c r="AC29706" i="1"/>
  <c r="AC29707" i="1"/>
  <c r="AC29708" i="1"/>
  <c r="AC29709" i="1"/>
  <c r="AC29710" i="1"/>
  <c r="AC29711" i="1"/>
  <c r="AC29712" i="1"/>
  <c r="AC29713" i="1"/>
  <c r="AC29714" i="1"/>
  <c r="AC29715" i="1"/>
  <c r="AC29716" i="1"/>
  <c r="AC29717" i="1"/>
  <c r="AC29718" i="1"/>
  <c r="AC29719" i="1"/>
  <c r="AC29720" i="1"/>
  <c r="AC29721" i="1"/>
  <c r="AC29722" i="1"/>
  <c r="AC29723" i="1"/>
  <c r="AC29724" i="1"/>
  <c r="AC29725" i="1"/>
  <c r="AC29726" i="1"/>
  <c r="AC29727" i="1"/>
  <c r="AC29728" i="1"/>
  <c r="AC29729" i="1"/>
  <c r="AC29730" i="1"/>
  <c r="AC29731" i="1"/>
  <c r="AC29732" i="1"/>
  <c r="AC29733" i="1"/>
  <c r="AC29734" i="1"/>
  <c r="AC29735" i="1"/>
  <c r="AC29736" i="1"/>
  <c r="AC29737" i="1"/>
  <c r="AC29738" i="1"/>
  <c r="AC29739" i="1"/>
  <c r="AC29740" i="1"/>
  <c r="AC29741" i="1"/>
  <c r="AC29742" i="1"/>
  <c r="AC29743" i="1"/>
  <c r="AC29744" i="1"/>
  <c r="AC29745" i="1"/>
  <c r="AC29746" i="1"/>
  <c r="AC29747" i="1"/>
  <c r="AC29748" i="1"/>
  <c r="AC29749" i="1"/>
  <c r="AC29750" i="1"/>
  <c r="AC29751" i="1"/>
  <c r="AC29752" i="1"/>
  <c r="AC29753" i="1"/>
  <c r="AC29754" i="1"/>
  <c r="AC29755" i="1"/>
  <c r="AC29756" i="1"/>
  <c r="AC29757" i="1"/>
  <c r="AC29758" i="1"/>
  <c r="AC29759" i="1"/>
  <c r="AC29760" i="1"/>
  <c r="AC29761" i="1"/>
  <c r="AC29762" i="1"/>
  <c r="AC29763" i="1"/>
  <c r="AC29764" i="1"/>
  <c r="AC29765" i="1"/>
  <c r="AC29766" i="1"/>
  <c r="AC29767" i="1"/>
  <c r="AC29768" i="1"/>
  <c r="AC29769" i="1"/>
  <c r="AC29770" i="1"/>
  <c r="AC29771" i="1"/>
  <c r="AC29772" i="1"/>
  <c r="AC29773" i="1"/>
  <c r="AC29774" i="1"/>
  <c r="AC29775" i="1"/>
  <c r="AC29776" i="1"/>
  <c r="AC29777" i="1"/>
  <c r="AC29778" i="1"/>
  <c r="AC29779" i="1"/>
  <c r="AC29780" i="1"/>
  <c r="AC29781" i="1"/>
  <c r="AC29782" i="1"/>
  <c r="AC29783" i="1"/>
  <c r="AC29784" i="1"/>
  <c r="AC29785" i="1"/>
  <c r="AC29786" i="1"/>
  <c r="AC29787" i="1"/>
  <c r="AC29788" i="1"/>
  <c r="AC29789" i="1"/>
  <c r="AC29790" i="1"/>
  <c r="AC29791" i="1"/>
  <c r="AC29792" i="1"/>
  <c r="AC29793" i="1"/>
  <c r="AC29794" i="1"/>
  <c r="AC29795" i="1"/>
  <c r="AC29796" i="1"/>
  <c r="AC29797" i="1"/>
  <c r="AC29798" i="1"/>
  <c r="AC29799" i="1"/>
  <c r="AC29800" i="1"/>
  <c r="AC29801" i="1"/>
  <c r="AC29802" i="1"/>
  <c r="AC29803" i="1"/>
  <c r="AC29804" i="1"/>
  <c r="AC29805" i="1"/>
  <c r="AC29806" i="1"/>
  <c r="AC29807" i="1"/>
  <c r="AC29808" i="1"/>
  <c r="AC29809" i="1"/>
  <c r="AC29810" i="1"/>
  <c r="AC29811" i="1"/>
  <c r="AC29812" i="1"/>
  <c r="AC29813" i="1"/>
  <c r="AC29814" i="1"/>
  <c r="AC29815" i="1"/>
  <c r="AC29816" i="1"/>
  <c r="AC29817" i="1"/>
  <c r="AC29818" i="1"/>
  <c r="AC29819" i="1"/>
  <c r="AC29820" i="1"/>
  <c r="AC29821" i="1"/>
  <c r="AC29822" i="1"/>
  <c r="AC29823" i="1"/>
  <c r="AC29824" i="1"/>
  <c r="AC29825" i="1"/>
  <c r="AC29826" i="1"/>
  <c r="AC29827" i="1"/>
  <c r="AC29828" i="1"/>
  <c r="AC29829" i="1"/>
  <c r="AC29830" i="1"/>
  <c r="AC29831" i="1"/>
  <c r="AC29832" i="1"/>
  <c r="AC29833" i="1"/>
  <c r="AC29834" i="1"/>
  <c r="AC29835" i="1"/>
  <c r="AC29836" i="1"/>
  <c r="AC29837" i="1"/>
  <c r="AC29838" i="1"/>
  <c r="AC29839" i="1"/>
  <c r="AC29840" i="1"/>
  <c r="AC29841" i="1"/>
  <c r="AC29842" i="1"/>
  <c r="AC29843" i="1"/>
  <c r="AC29844" i="1"/>
  <c r="AC29845" i="1"/>
  <c r="AC29846" i="1"/>
  <c r="AC29847" i="1"/>
  <c r="AC29848" i="1"/>
  <c r="AC29849" i="1"/>
  <c r="AC29850" i="1"/>
  <c r="AC29851" i="1"/>
  <c r="AC29852" i="1"/>
  <c r="AC29853" i="1"/>
  <c r="AC29854" i="1"/>
  <c r="AC29855" i="1"/>
  <c r="AC29856" i="1"/>
  <c r="AC29857" i="1"/>
  <c r="AC29858" i="1"/>
  <c r="AC29859" i="1"/>
  <c r="AC29860" i="1"/>
  <c r="AC29861" i="1"/>
  <c r="AC29862" i="1"/>
  <c r="AC29863" i="1"/>
  <c r="AC29864" i="1"/>
  <c r="AC29865" i="1"/>
  <c r="AC29866" i="1"/>
  <c r="AC29867" i="1"/>
  <c r="AC29868" i="1"/>
  <c r="AC29869" i="1"/>
  <c r="AC29870" i="1"/>
  <c r="AC29871" i="1"/>
  <c r="AC29872" i="1"/>
  <c r="AC29873" i="1"/>
  <c r="AC29874" i="1"/>
  <c r="AC29875" i="1"/>
  <c r="AC29876" i="1"/>
  <c r="AC29877" i="1"/>
  <c r="AC29878" i="1"/>
  <c r="AC29879" i="1"/>
  <c r="AC29880" i="1"/>
  <c r="AC29881" i="1"/>
  <c r="AC29882" i="1"/>
  <c r="AC29883" i="1"/>
  <c r="AC29884" i="1"/>
  <c r="AC29885" i="1"/>
  <c r="AC29886" i="1"/>
  <c r="AC29887" i="1"/>
  <c r="AC29888" i="1"/>
  <c r="AC29889" i="1"/>
  <c r="AC29890" i="1"/>
  <c r="AC29891" i="1"/>
  <c r="AC29892" i="1"/>
  <c r="AC29893" i="1"/>
  <c r="AC29894" i="1"/>
  <c r="AC29895" i="1"/>
  <c r="AC29896" i="1"/>
  <c r="AC29897" i="1"/>
  <c r="AC29898" i="1"/>
  <c r="AC29899" i="1"/>
  <c r="AC29900" i="1"/>
  <c r="AC29901" i="1"/>
  <c r="AC29902" i="1"/>
  <c r="AC29903" i="1"/>
  <c r="AC29904" i="1"/>
  <c r="AC29905" i="1"/>
  <c r="AC29906" i="1"/>
  <c r="AC29907" i="1"/>
  <c r="AC29908" i="1"/>
  <c r="AC29909" i="1"/>
  <c r="AC29910" i="1"/>
  <c r="AC29911" i="1"/>
  <c r="AC29912" i="1"/>
  <c r="AC29913" i="1"/>
  <c r="AC29914" i="1"/>
  <c r="AC29915" i="1"/>
  <c r="AC29916" i="1"/>
  <c r="AC29917" i="1"/>
  <c r="AC29918" i="1"/>
  <c r="AC29919" i="1"/>
  <c r="AC29920" i="1"/>
  <c r="AC29921" i="1"/>
  <c r="AC29922" i="1"/>
  <c r="AC29923" i="1"/>
  <c r="AC29924" i="1"/>
  <c r="AC29925" i="1"/>
  <c r="AC29926" i="1"/>
  <c r="AC29927" i="1"/>
  <c r="AC29928" i="1"/>
  <c r="AC29929" i="1"/>
  <c r="AC29930" i="1"/>
  <c r="AC29931" i="1"/>
  <c r="AC29932" i="1"/>
  <c r="AC29933" i="1"/>
  <c r="AC29934" i="1"/>
  <c r="AC29935" i="1"/>
  <c r="AC29936" i="1"/>
  <c r="AC29937" i="1"/>
  <c r="AC29938" i="1"/>
  <c r="AC29939" i="1"/>
  <c r="AC29940" i="1"/>
  <c r="AC29941" i="1"/>
  <c r="AC29942" i="1"/>
  <c r="AC29943" i="1"/>
  <c r="AC29944" i="1"/>
  <c r="AC29945" i="1"/>
  <c r="AC29946" i="1"/>
  <c r="AC29947" i="1"/>
  <c r="AC29948" i="1"/>
  <c r="AC29949" i="1"/>
  <c r="AC29950" i="1"/>
  <c r="AC29951" i="1"/>
  <c r="AC29952" i="1"/>
  <c r="AC29953" i="1"/>
  <c r="AC29954" i="1"/>
  <c r="AC29955" i="1"/>
  <c r="AC29956" i="1"/>
  <c r="AC29957" i="1"/>
  <c r="AC29958" i="1"/>
  <c r="AC29959" i="1"/>
  <c r="AC29960" i="1"/>
  <c r="AC29961" i="1"/>
  <c r="AC29962" i="1"/>
  <c r="AC29963" i="1"/>
  <c r="AC29964" i="1"/>
  <c r="AC29965" i="1"/>
  <c r="AC29966" i="1"/>
  <c r="AC29967" i="1"/>
  <c r="AC29968" i="1"/>
  <c r="AC29969" i="1"/>
  <c r="AC29970" i="1"/>
  <c r="AC29971" i="1"/>
  <c r="AC29972" i="1"/>
  <c r="AC29973" i="1"/>
  <c r="AC29974" i="1"/>
  <c r="AC29975" i="1"/>
  <c r="AC29976" i="1"/>
  <c r="AC29977" i="1"/>
  <c r="AC29978" i="1"/>
  <c r="AC29979" i="1"/>
  <c r="AC29980" i="1"/>
  <c r="AC29981" i="1"/>
  <c r="AC29982" i="1"/>
  <c r="AC29983" i="1"/>
  <c r="AC29984" i="1"/>
  <c r="AC29985" i="1"/>
  <c r="AC29986" i="1"/>
  <c r="AC29987" i="1"/>
  <c r="AC29988" i="1"/>
  <c r="AC29989" i="1"/>
  <c r="AC29990" i="1"/>
  <c r="AC29991" i="1"/>
  <c r="AC29992" i="1"/>
  <c r="AC29993" i="1"/>
  <c r="AC29994" i="1"/>
  <c r="AC29995" i="1"/>
  <c r="AC29996" i="1"/>
  <c r="AC29997" i="1"/>
  <c r="AC29998" i="1"/>
  <c r="AC29999" i="1"/>
  <c r="AC30000" i="1"/>
  <c r="AC30001" i="1"/>
  <c r="AC30002" i="1"/>
  <c r="AC30003" i="1"/>
  <c r="AC30004" i="1"/>
  <c r="AC30005" i="1"/>
  <c r="AC30006" i="1"/>
  <c r="AC30007" i="1"/>
  <c r="AC30008" i="1"/>
  <c r="AC30009" i="1"/>
  <c r="AC30010" i="1"/>
  <c r="AC30011" i="1"/>
  <c r="AC30012" i="1"/>
  <c r="AC30013" i="1"/>
  <c r="AC30014" i="1"/>
  <c r="AC30015" i="1"/>
  <c r="AC30016" i="1"/>
  <c r="AC30017" i="1"/>
  <c r="AC30018" i="1"/>
  <c r="AC30019" i="1"/>
  <c r="AC30020" i="1"/>
  <c r="AC30021" i="1"/>
  <c r="AC30022" i="1"/>
  <c r="AC30023" i="1"/>
  <c r="AC30024" i="1"/>
  <c r="AC30025" i="1"/>
  <c r="AC30026" i="1"/>
  <c r="AC30027" i="1"/>
  <c r="AC30028" i="1"/>
  <c r="AC30029" i="1"/>
  <c r="AC30030" i="1"/>
  <c r="AC30031" i="1"/>
  <c r="AC30032" i="1"/>
  <c r="AC30033" i="1"/>
  <c r="AC30034" i="1"/>
  <c r="AC30035" i="1"/>
  <c r="AC30036" i="1"/>
  <c r="AC30037" i="1"/>
  <c r="AC30038" i="1"/>
  <c r="AC30039" i="1"/>
  <c r="AC30040" i="1"/>
  <c r="AC30041" i="1"/>
  <c r="AC30042" i="1"/>
  <c r="AC30043" i="1"/>
  <c r="AC30044" i="1"/>
  <c r="AC30045" i="1"/>
  <c r="AC30046" i="1"/>
  <c r="AC30047" i="1"/>
  <c r="AC30048" i="1"/>
  <c r="AC30049" i="1"/>
  <c r="AC30050" i="1"/>
  <c r="AC30051" i="1"/>
  <c r="AC30052" i="1"/>
  <c r="AC30053" i="1"/>
  <c r="AC30054" i="1"/>
  <c r="AC30055" i="1"/>
  <c r="AC30056" i="1"/>
  <c r="AC30057" i="1"/>
  <c r="AC30058" i="1"/>
  <c r="AC30059" i="1"/>
  <c r="AC30060" i="1"/>
  <c r="AC30061" i="1"/>
  <c r="AC30062" i="1"/>
  <c r="AC30063" i="1"/>
  <c r="AC30064" i="1"/>
  <c r="AC30065" i="1"/>
  <c r="AC30066" i="1"/>
  <c r="AC30067" i="1"/>
  <c r="AC30068" i="1"/>
  <c r="AC30069" i="1"/>
  <c r="AC30070" i="1"/>
  <c r="AC30071" i="1"/>
  <c r="AC30072" i="1"/>
  <c r="AC30073" i="1"/>
  <c r="AC30074" i="1"/>
  <c r="AC30075" i="1"/>
  <c r="AC30076" i="1"/>
  <c r="AC30077" i="1"/>
  <c r="AC30078" i="1"/>
  <c r="AC30079" i="1"/>
  <c r="AC30080" i="1"/>
  <c r="AC30081" i="1"/>
  <c r="AC30082" i="1"/>
  <c r="AC30083" i="1"/>
  <c r="AC30084" i="1"/>
  <c r="AC30085" i="1"/>
  <c r="AC30086" i="1"/>
  <c r="AC30087" i="1"/>
  <c r="AC30088" i="1"/>
  <c r="AC30089" i="1"/>
  <c r="AC30090" i="1"/>
  <c r="AC30091" i="1"/>
  <c r="AC30092" i="1"/>
  <c r="AC30093" i="1"/>
  <c r="AC30094" i="1"/>
  <c r="AC30095" i="1"/>
  <c r="AC30096" i="1"/>
  <c r="AC30097" i="1"/>
  <c r="AC30098" i="1"/>
  <c r="AC30099" i="1"/>
  <c r="AC30100" i="1"/>
  <c r="AC30101" i="1"/>
  <c r="AC30102" i="1"/>
  <c r="AC30103" i="1"/>
  <c r="AC30104" i="1"/>
  <c r="AC30105" i="1"/>
  <c r="AC30106" i="1"/>
  <c r="AC30107" i="1"/>
  <c r="AC30108" i="1"/>
  <c r="AC30109" i="1"/>
  <c r="AC30110" i="1"/>
  <c r="AC30111" i="1"/>
  <c r="AC30112" i="1"/>
  <c r="AC30113" i="1"/>
  <c r="AC30114" i="1"/>
  <c r="AC30115" i="1"/>
  <c r="AC30116" i="1"/>
  <c r="AC30117" i="1"/>
  <c r="AC30118" i="1"/>
  <c r="AC30119" i="1"/>
  <c r="AC30120" i="1"/>
  <c r="AC30121" i="1"/>
  <c r="AC30122" i="1"/>
  <c r="AC30123" i="1"/>
  <c r="AC30124" i="1"/>
  <c r="AC30125" i="1"/>
  <c r="AC30126" i="1"/>
  <c r="AC30127" i="1"/>
  <c r="AC30128" i="1"/>
  <c r="AC30129" i="1"/>
  <c r="AC30130" i="1"/>
  <c r="AC30131" i="1"/>
  <c r="AC30132" i="1"/>
  <c r="AC30133" i="1"/>
  <c r="AC30134" i="1"/>
  <c r="AC30135" i="1"/>
  <c r="AC30136" i="1"/>
  <c r="AC30137" i="1"/>
  <c r="AC30138" i="1"/>
  <c r="AC30139" i="1"/>
  <c r="AC30140" i="1"/>
  <c r="AC30141" i="1"/>
  <c r="AC30142" i="1"/>
  <c r="AC30143" i="1"/>
  <c r="AC30144" i="1"/>
  <c r="AC30145" i="1"/>
  <c r="AC30146" i="1"/>
  <c r="AC30147" i="1"/>
  <c r="AC30148" i="1"/>
  <c r="AC30149" i="1"/>
  <c r="AC30150" i="1"/>
  <c r="AC30151" i="1"/>
  <c r="AC30152" i="1"/>
  <c r="AC30153" i="1"/>
  <c r="AC30154" i="1"/>
  <c r="AC30155" i="1"/>
  <c r="AC30156" i="1"/>
  <c r="AC30157" i="1"/>
  <c r="AC30158" i="1"/>
  <c r="AC30159" i="1"/>
  <c r="AC30160" i="1"/>
  <c r="AC30161" i="1"/>
  <c r="AC30162" i="1"/>
  <c r="AC30163" i="1"/>
  <c r="AC30164" i="1"/>
  <c r="AC30165" i="1"/>
  <c r="AC30166" i="1"/>
  <c r="AC30167" i="1"/>
  <c r="AC30168" i="1"/>
  <c r="AC30169" i="1"/>
  <c r="AC30170" i="1"/>
  <c r="AC30171" i="1"/>
  <c r="AC30172" i="1"/>
  <c r="AC30173" i="1"/>
  <c r="AC30174" i="1"/>
  <c r="AC30175" i="1"/>
  <c r="AC30176" i="1"/>
  <c r="AC30177" i="1"/>
  <c r="AC30178" i="1"/>
  <c r="AC30179" i="1"/>
  <c r="AC30180" i="1"/>
  <c r="AC30181" i="1"/>
  <c r="AC30182" i="1"/>
  <c r="AC30183" i="1"/>
  <c r="AC30184" i="1"/>
  <c r="AC30185" i="1"/>
  <c r="AC30186" i="1"/>
  <c r="AC30187" i="1"/>
  <c r="AC30188" i="1"/>
  <c r="AC30189" i="1"/>
  <c r="AC30190" i="1"/>
  <c r="AC30191" i="1"/>
  <c r="AC30192" i="1"/>
  <c r="AC30193" i="1"/>
  <c r="AC30194" i="1"/>
  <c r="AC30195" i="1"/>
  <c r="AC30196" i="1"/>
  <c r="AC30197" i="1"/>
  <c r="AC30198" i="1"/>
  <c r="AC30199" i="1"/>
  <c r="AC30200" i="1"/>
  <c r="AC30201" i="1"/>
  <c r="AC30202" i="1"/>
  <c r="AC30203" i="1"/>
  <c r="AC30204" i="1"/>
  <c r="AC30205" i="1"/>
  <c r="AC30206" i="1"/>
  <c r="AC30207" i="1"/>
  <c r="AC30208" i="1"/>
  <c r="AC30209" i="1"/>
  <c r="AC30210" i="1"/>
  <c r="AC30211" i="1"/>
  <c r="AC30212" i="1"/>
  <c r="AC30213" i="1"/>
  <c r="AC30214" i="1"/>
  <c r="AC30215" i="1"/>
  <c r="AC30216" i="1"/>
  <c r="AC30217" i="1"/>
  <c r="AC30218" i="1"/>
  <c r="AC30219" i="1"/>
  <c r="AC30220" i="1"/>
  <c r="AC30221" i="1"/>
  <c r="AC30222" i="1"/>
  <c r="AC30223" i="1"/>
  <c r="AC30224" i="1"/>
  <c r="AC30225" i="1"/>
  <c r="AC30226" i="1"/>
  <c r="AC30227" i="1"/>
  <c r="AC30228" i="1"/>
  <c r="AC30229" i="1"/>
  <c r="AC30230" i="1"/>
  <c r="AC30231" i="1"/>
  <c r="AC30232" i="1"/>
  <c r="AC30233" i="1"/>
  <c r="AC30234" i="1"/>
  <c r="AC30235" i="1"/>
  <c r="AC30236" i="1"/>
  <c r="AC30237" i="1"/>
  <c r="AC30238" i="1"/>
  <c r="AC30239" i="1"/>
  <c r="AC30240" i="1"/>
  <c r="AC30241" i="1"/>
  <c r="AC30242" i="1"/>
  <c r="AC30243" i="1"/>
  <c r="AC30244" i="1"/>
  <c r="AC30245" i="1"/>
  <c r="AC30246" i="1"/>
  <c r="AC30247" i="1"/>
  <c r="AC30248" i="1"/>
  <c r="AC30249" i="1"/>
  <c r="AC30250" i="1"/>
  <c r="AC30251" i="1"/>
  <c r="AC30252" i="1"/>
  <c r="AC30253" i="1"/>
  <c r="AC30254" i="1"/>
  <c r="AC30255" i="1"/>
  <c r="AC30256" i="1"/>
  <c r="AC30257" i="1"/>
  <c r="AC30258" i="1"/>
  <c r="AC30259" i="1"/>
  <c r="AC30260" i="1"/>
  <c r="AC30261" i="1"/>
  <c r="AC30262" i="1"/>
  <c r="AC30263" i="1"/>
  <c r="AC30264" i="1"/>
  <c r="AC30265" i="1"/>
  <c r="AC30266" i="1"/>
  <c r="AC30267" i="1"/>
  <c r="AC30268" i="1"/>
  <c r="AC30269" i="1"/>
  <c r="AC30270" i="1"/>
  <c r="AC30271" i="1"/>
  <c r="AC30272" i="1"/>
  <c r="AC30273" i="1"/>
  <c r="AC30274" i="1"/>
  <c r="AC30275" i="1"/>
  <c r="AC30276" i="1"/>
  <c r="AC30277" i="1"/>
  <c r="AC30278" i="1"/>
  <c r="AC30279" i="1"/>
  <c r="AC30280" i="1"/>
  <c r="AC30281" i="1"/>
  <c r="AC30282" i="1"/>
  <c r="AC30283" i="1"/>
  <c r="AC30284" i="1"/>
  <c r="AC30285" i="1"/>
  <c r="AC30286" i="1"/>
  <c r="AC30287" i="1"/>
  <c r="AC30288" i="1"/>
  <c r="AC30289" i="1"/>
  <c r="AC30290" i="1"/>
  <c r="AC30291" i="1"/>
  <c r="AC30292" i="1"/>
  <c r="AC30293" i="1"/>
  <c r="AC30294" i="1"/>
  <c r="AC30295" i="1"/>
  <c r="AC30296" i="1"/>
  <c r="AC30297" i="1"/>
  <c r="AC30298" i="1"/>
  <c r="AC30299" i="1"/>
  <c r="AC30300" i="1"/>
  <c r="AC30301" i="1"/>
  <c r="AC30302" i="1"/>
  <c r="AC30303" i="1"/>
  <c r="AC30304" i="1"/>
  <c r="AC30305" i="1"/>
  <c r="AC30306" i="1"/>
  <c r="AC30307" i="1"/>
  <c r="AC30308" i="1"/>
  <c r="AC30309" i="1"/>
  <c r="AC30310" i="1"/>
  <c r="AC30311" i="1"/>
  <c r="AC30312" i="1"/>
  <c r="AC30313" i="1"/>
  <c r="AC30314" i="1"/>
  <c r="AC30315" i="1"/>
  <c r="AC30316" i="1"/>
  <c r="AC30317" i="1"/>
  <c r="AC30318" i="1"/>
  <c r="AC30319" i="1"/>
  <c r="AC30320" i="1"/>
  <c r="AC30321" i="1"/>
  <c r="AC30322" i="1"/>
  <c r="AC30323" i="1"/>
  <c r="AC30324" i="1"/>
  <c r="AC30325" i="1"/>
  <c r="AC30326" i="1"/>
  <c r="AC30327" i="1"/>
  <c r="AC30328" i="1"/>
  <c r="AC30329" i="1"/>
  <c r="AC30330" i="1"/>
  <c r="AC30331" i="1"/>
  <c r="AC30332" i="1"/>
  <c r="AC30333" i="1"/>
  <c r="AC30334" i="1"/>
  <c r="AC30335" i="1"/>
  <c r="AC30336" i="1"/>
  <c r="AC30337" i="1"/>
  <c r="AC30338" i="1"/>
  <c r="AC30339" i="1"/>
  <c r="AC30340" i="1"/>
  <c r="AC30341" i="1"/>
  <c r="AC30342" i="1"/>
  <c r="AC30343" i="1"/>
  <c r="AC30344" i="1"/>
  <c r="AC30345" i="1"/>
  <c r="AC30346" i="1"/>
  <c r="AC30347" i="1"/>
  <c r="AC30348" i="1"/>
  <c r="AC30349" i="1"/>
  <c r="AC30350" i="1"/>
  <c r="AC30351" i="1"/>
  <c r="AC30352" i="1"/>
  <c r="AC30353" i="1"/>
  <c r="AC30354" i="1"/>
  <c r="AC30355" i="1"/>
  <c r="AC30356" i="1"/>
  <c r="AC30357" i="1"/>
  <c r="AC30358" i="1"/>
  <c r="AC30359" i="1"/>
  <c r="AC30360" i="1"/>
  <c r="AC30361" i="1"/>
  <c r="AC30362" i="1"/>
  <c r="AC30363" i="1"/>
  <c r="AC30364" i="1"/>
  <c r="AC30365" i="1"/>
  <c r="AC30366" i="1"/>
  <c r="AC30367" i="1"/>
  <c r="AC30368" i="1"/>
  <c r="AC30369" i="1"/>
  <c r="AC30370" i="1"/>
  <c r="AC30371" i="1"/>
  <c r="AC30372" i="1"/>
  <c r="AC30373" i="1"/>
  <c r="AC30374" i="1"/>
  <c r="AC30375" i="1"/>
  <c r="AC30376" i="1"/>
  <c r="AC30377" i="1"/>
  <c r="AC30378" i="1"/>
  <c r="AC30379" i="1"/>
  <c r="AC30380" i="1"/>
  <c r="AC30381" i="1"/>
  <c r="AC30382" i="1"/>
  <c r="AC30383" i="1"/>
  <c r="AC30384" i="1"/>
  <c r="AC30385" i="1"/>
  <c r="AC30386" i="1"/>
  <c r="AC30387" i="1"/>
  <c r="AC30388" i="1"/>
  <c r="AC30389" i="1"/>
  <c r="AC30390" i="1"/>
  <c r="AC30391" i="1"/>
  <c r="AC30392" i="1"/>
  <c r="AC30393" i="1"/>
  <c r="AC30394" i="1"/>
  <c r="AC30395" i="1"/>
  <c r="AC30396" i="1"/>
  <c r="AC30397" i="1"/>
  <c r="AC30398" i="1"/>
  <c r="AC30399" i="1"/>
  <c r="AC30400" i="1"/>
  <c r="AC30401" i="1"/>
  <c r="AC30402" i="1"/>
  <c r="AC30403" i="1"/>
  <c r="AC30404" i="1"/>
  <c r="AC30405" i="1"/>
  <c r="AC30406" i="1"/>
  <c r="AC30407" i="1"/>
  <c r="AC30408" i="1"/>
  <c r="AC30409" i="1"/>
  <c r="AC30410" i="1"/>
  <c r="AC30411" i="1"/>
  <c r="AC30412" i="1"/>
  <c r="AC30413" i="1"/>
  <c r="AC30414" i="1"/>
  <c r="AC30415" i="1"/>
  <c r="AC30416" i="1"/>
  <c r="AC30417" i="1"/>
  <c r="AC30418" i="1"/>
  <c r="AC30419" i="1"/>
  <c r="AC30420" i="1"/>
  <c r="AC30421" i="1"/>
  <c r="AC30422" i="1"/>
  <c r="AC30423" i="1"/>
  <c r="AC30424" i="1"/>
  <c r="AC30425" i="1"/>
  <c r="AC30426" i="1"/>
  <c r="AC30427" i="1"/>
  <c r="AC30428" i="1"/>
  <c r="AC30429" i="1"/>
  <c r="AC30430" i="1"/>
  <c r="AC30431" i="1"/>
  <c r="AC30432" i="1"/>
  <c r="AC30433" i="1"/>
  <c r="AC30434" i="1"/>
  <c r="AC30435" i="1"/>
  <c r="AC30436" i="1"/>
  <c r="AC30437" i="1"/>
  <c r="AC30438" i="1"/>
  <c r="AC30439" i="1"/>
  <c r="AC30440" i="1"/>
  <c r="AC30441" i="1"/>
  <c r="AC30442" i="1"/>
  <c r="AC30443" i="1"/>
  <c r="AC30444" i="1"/>
  <c r="AC30445" i="1"/>
  <c r="AC30446" i="1"/>
  <c r="AC30447" i="1"/>
  <c r="AC30448" i="1"/>
  <c r="AC30449" i="1"/>
  <c r="AC30450" i="1"/>
  <c r="AC30451" i="1"/>
  <c r="AC30452" i="1"/>
  <c r="AC30453" i="1"/>
  <c r="AC30454" i="1"/>
  <c r="AC30455" i="1"/>
  <c r="AC30456" i="1"/>
  <c r="AC30457" i="1"/>
  <c r="AC30458" i="1"/>
  <c r="AC30459" i="1"/>
  <c r="AC30460" i="1"/>
  <c r="AC30461" i="1"/>
  <c r="AC30462" i="1"/>
  <c r="AC30463" i="1"/>
  <c r="AC30464" i="1"/>
  <c r="AC30465" i="1"/>
  <c r="AC30466" i="1"/>
  <c r="AC30467" i="1"/>
  <c r="AC30468" i="1"/>
  <c r="AC30469" i="1"/>
  <c r="AC30470" i="1"/>
  <c r="AC30471" i="1"/>
  <c r="AC30472" i="1"/>
  <c r="AC30473" i="1"/>
  <c r="AC30474" i="1"/>
  <c r="AC30475" i="1"/>
  <c r="AC30476" i="1"/>
  <c r="AC30477" i="1"/>
  <c r="AC30478" i="1"/>
  <c r="AC30479" i="1"/>
  <c r="AC30480" i="1"/>
  <c r="AC30481" i="1"/>
  <c r="AC30482" i="1"/>
  <c r="AC30483" i="1"/>
  <c r="AC30484" i="1"/>
  <c r="AC30485" i="1"/>
  <c r="AC30486" i="1"/>
  <c r="AC30487" i="1"/>
  <c r="AC30488" i="1"/>
  <c r="AC30489" i="1"/>
  <c r="AC30490" i="1"/>
  <c r="AC30491" i="1"/>
  <c r="AC30492" i="1"/>
  <c r="AC30493" i="1"/>
  <c r="AC30494" i="1"/>
  <c r="AC30495" i="1"/>
  <c r="AC30496" i="1"/>
  <c r="AC30497" i="1"/>
  <c r="AC30498" i="1"/>
  <c r="AC30499" i="1"/>
  <c r="AC30500" i="1"/>
  <c r="AC30501" i="1"/>
  <c r="AC30502" i="1"/>
  <c r="AC30503" i="1"/>
  <c r="AC30504" i="1"/>
  <c r="AC30505" i="1"/>
  <c r="AC30506" i="1"/>
  <c r="AC30507" i="1"/>
  <c r="AC30508" i="1"/>
  <c r="AC30509" i="1"/>
  <c r="AC30510" i="1"/>
  <c r="AC30511" i="1"/>
  <c r="AC30512" i="1"/>
  <c r="AC30513" i="1"/>
  <c r="AC30514" i="1"/>
  <c r="AC30515" i="1"/>
  <c r="AC30516" i="1"/>
  <c r="AC30517" i="1"/>
  <c r="AC30518" i="1"/>
  <c r="AC30519" i="1"/>
  <c r="AC30520" i="1"/>
  <c r="AC30521" i="1"/>
  <c r="AC30522" i="1"/>
  <c r="AC30523" i="1"/>
  <c r="AC30524" i="1"/>
  <c r="AC30525" i="1"/>
  <c r="AC30526" i="1"/>
  <c r="AC30527" i="1"/>
  <c r="AC30528" i="1"/>
  <c r="AC30529" i="1"/>
  <c r="AC30530" i="1"/>
  <c r="AC30531" i="1"/>
  <c r="AC30532" i="1"/>
  <c r="AC30533" i="1"/>
  <c r="AC30534" i="1"/>
  <c r="AC30535" i="1"/>
  <c r="AC30536" i="1"/>
  <c r="AC30537" i="1"/>
  <c r="AC30538" i="1"/>
  <c r="AC30539" i="1"/>
  <c r="AC30540" i="1"/>
  <c r="AC30541" i="1"/>
  <c r="AC30542" i="1"/>
  <c r="AC30543" i="1"/>
  <c r="AC30544" i="1"/>
  <c r="AC30545" i="1"/>
  <c r="AC30546" i="1"/>
  <c r="AC30547" i="1"/>
  <c r="AD30547" i="1" s="1"/>
  <c r="AC30548" i="1"/>
  <c r="AC30549" i="1"/>
  <c r="AC30550" i="1"/>
  <c r="AC30551" i="1"/>
  <c r="AC30552" i="1"/>
  <c r="AC30553" i="1"/>
  <c r="AC30554" i="1"/>
  <c r="AC30555" i="1"/>
  <c r="AC30556" i="1"/>
  <c r="AC30557" i="1"/>
  <c r="AC30558" i="1"/>
  <c r="AC30559" i="1"/>
  <c r="AD30559" i="1" s="1"/>
  <c r="AC30560" i="1"/>
  <c r="AC30561" i="1"/>
  <c r="AC30562" i="1"/>
  <c r="AC30563" i="1"/>
  <c r="AC30564" i="1"/>
  <c r="AC30565" i="1"/>
  <c r="AC30566" i="1"/>
  <c r="AC30567" i="1"/>
  <c r="AC30568" i="1"/>
  <c r="AC30569" i="1"/>
  <c r="AC30570" i="1"/>
  <c r="AC30571" i="1"/>
  <c r="AD30571" i="1" s="1"/>
  <c r="AC30572" i="1"/>
  <c r="AC30573" i="1"/>
  <c r="AC30574" i="1"/>
  <c r="AC30575" i="1"/>
  <c r="AC30576" i="1"/>
  <c r="AC30577" i="1"/>
  <c r="AC30578" i="1"/>
  <c r="AC30579" i="1"/>
  <c r="AC30580" i="1"/>
  <c r="AC30581" i="1"/>
  <c r="AC30582" i="1"/>
  <c r="AC30583" i="1"/>
  <c r="AD30583" i="1" s="1"/>
  <c r="AC30584" i="1"/>
  <c r="AC30585" i="1"/>
  <c r="AC30586" i="1"/>
  <c r="AC30587" i="1"/>
  <c r="AC30588" i="1"/>
  <c r="AC30589" i="1"/>
  <c r="AC30590" i="1"/>
  <c r="AC30591" i="1"/>
  <c r="AC30592" i="1"/>
  <c r="AC30593" i="1"/>
  <c r="AC30594" i="1"/>
  <c r="AC30595" i="1"/>
  <c r="AD30595" i="1" s="1"/>
  <c r="AC30596" i="1"/>
  <c r="AC30597" i="1"/>
  <c r="AC30598" i="1"/>
  <c r="AC30599" i="1"/>
  <c r="AC30600" i="1"/>
  <c r="AC30601" i="1"/>
  <c r="AC30602" i="1"/>
  <c r="AC30603" i="1"/>
  <c r="AC30604" i="1"/>
  <c r="AC30605" i="1"/>
  <c r="AC30606" i="1"/>
  <c r="AC30607" i="1"/>
  <c r="AD30607" i="1" s="1"/>
  <c r="AC30608" i="1"/>
  <c r="AC30609" i="1"/>
  <c r="AC30610" i="1"/>
  <c r="AC30611" i="1"/>
  <c r="AC30612" i="1"/>
  <c r="AC30613" i="1"/>
  <c r="AC30614" i="1"/>
  <c r="AC30615" i="1"/>
  <c r="AC30616" i="1"/>
  <c r="AC30617" i="1"/>
  <c r="AC30618" i="1"/>
  <c r="AC30619" i="1"/>
  <c r="AD30619" i="1" s="1"/>
  <c r="AC30620" i="1"/>
  <c r="AC30621" i="1"/>
  <c r="AC30622" i="1"/>
  <c r="AC30623" i="1"/>
  <c r="AC30624" i="1"/>
  <c r="AC30625" i="1"/>
  <c r="AC30626" i="1"/>
  <c r="AC30627" i="1"/>
  <c r="AC30628" i="1"/>
  <c r="AC30629" i="1"/>
  <c r="AC30630" i="1"/>
  <c r="AC30631" i="1"/>
  <c r="AD30631" i="1" s="1"/>
  <c r="AC30632" i="1"/>
  <c r="AC30633" i="1"/>
  <c r="AC30634" i="1"/>
  <c r="AC30635" i="1"/>
  <c r="AC30636" i="1"/>
  <c r="AC30637" i="1"/>
  <c r="AC30638" i="1"/>
  <c r="AC30639" i="1"/>
  <c r="AC30640" i="1"/>
  <c r="AC30641" i="1"/>
  <c r="AC30642" i="1"/>
  <c r="AC30643" i="1"/>
  <c r="AD30643" i="1" s="1"/>
  <c r="AC30644" i="1"/>
  <c r="AC30645" i="1"/>
  <c r="AC30646" i="1"/>
  <c r="AC30647" i="1"/>
  <c r="AC30648" i="1"/>
  <c r="AC30649" i="1"/>
  <c r="AC30650" i="1"/>
  <c r="AC30651" i="1"/>
  <c r="AC30652" i="1"/>
  <c r="AC30653" i="1"/>
  <c r="AC30654" i="1"/>
  <c r="AC30655" i="1"/>
  <c r="AD30655" i="1" s="1"/>
  <c r="AC30656" i="1"/>
  <c r="AC30657" i="1"/>
  <c r="AC30658" i="1"/>
  <c r="AC30659" i="1"/>
  <c r="AC30660" i="1"/>
  <c r="AC30661" i="1"/>
  <c r="AC30662" i="1"/>
  <c r="AC30663" i="1"/>
  <c r="AC30664" i="1"/>
  <c r="AC30665" i="1"/>
  <c r="AC30666" i="1"/>
  <c r="AC30667" i="1"/>
  <c r="AD30667" i="1" s="1"/>
  <c r="AC30668" i="1"/>
  <c r="AC30669" i="1"/>
  <c r="AC30670" i="1"/>
  <c r="AC30671" i="1"/>
  <c r="AC30672" i="1"/>
  <c r="AC30673" i="1"/>
  <c r="AC30674" i="1"/>
  <c r="AC30675" i="1"/>
  <c r="AC30676" i="1"/>
  <c r="AC30677" i="1"/>
  <c r="AC30678" i="1"/>
  <c r="AC30679" i="1"/>
  <c r="AD30679" i="1" s="1"/>
  <c r="AC30680" i="1"/>
  <c r="AC30681" i="1"/>
  <c r="AC30682" i="1"/>
  <c r="AC30683" i="1"/>
  <c r="AC30684" i="1"/>
  <c r="AC30685" i="1"/>
  <c r="AC30686" i="1"/>
  <c r="AC30687" i="1"/>
  <c r="AC30688" i="1"/>
  <c r="AC30689" i="1"/>
  <c r="AC30690" i="1"/>
  <c r="AC30691" i="1"/>
  <c r="AD30691" i="1" s="1"/>
  <c r="AC30692" i="1"/>
  <c r="AC30693" i="1"/>
  <c r="AC30694" i="1"/>
  <c r="AC30695" i="1"/>
  <c r="AC30696" i="1"/>
  <c r="AC30697" i="1"/>
  <c r="AC30698" i="1"/>
  <c r="AC30699" i="1"/>
  <c r="AC30700" i="1"/>
  <c r="AC30701" i="1"/>
  <c r="AC30702" i="1"/>
  <c r="AC30703" i="1"/>
  <c r="AD30703" i="1" s="1"/>
  <c r="AC30704" i="1"/>
  <c r="AC30705" i="1"/>
  <c r="AC30706" i="1"/>
  <c r="AC30707" i="1"/>
  <c r="AC30708" i="1"/>
  <c r="AC30709" i="1"/>
  <c r="AC30710" i="1"/>
  <c r="AC30711" i="1"/>
  <c r="AC30712" i="1"/>
  <c r="AC30713" i="1"/>
  <c r="AC30714" i="1"/>
  <c r="AC30715" i="1"/>
  <c r="AD30715" i="1" s="1"/>
  <c r="AC30716" i="1"/>
  <c r="AC30717" i="1"/>
  <c r="AC30718" i="1"/>
  <c r="AC30719" i="1"/>
  <c r="AC30720" i="1"/>
  <c r="AC30721" i="1"/>
  <c r="AC30722" i="1"/>
  <c r="AC30723" i="1"/>
  <c r="AC30724" i="1"/>
  <c r="AC30725" i="1"/>
  <c r="AC30726" i="1"/>
  <c r="AC30727" i="1"/>
  <c r="AD30727" i="1" s="1"/>
  <c r="AC30728" i="1"/>
  <c r="AC30729" i="1"/>
  <c r="AC30730" i="1"/>
  <c r="AC30731" i="1"/>
  <c r="AC30732" i="1"/>
  <c r="AC30733" i="1"/>
  <c r="AC30734" i="1"/>
  <c r="AC30735" i="1"/>
  <c r="AC30736" i="1"/>
  <c r="AC30737" i="1"/>
  <c r="AC30738" i="1"/>
  <c r="AC30739" i="1"/>
  <c r="AD30739" i="1" s="1"/>
  <c r="AC30740" i="1"/>
  <c r="AC30741" i="1"/>
  <c r="AC30742" i="1"/>
  <c r="AC30743" i="1"/>
  <c r="AC30744" i="1"/>
  <c r="AC30745" i="1"/>
  <c r="AC30746" i="1"/>
  <c r="AC30747" i="1"/>
  <c r="AC30748" i="1"/>
  <c r="AC30749" i="1"/>
  <c r="AC30750" i="1"/>
  <c r="AC30751" i="1"/>
  <c r="AD30751" i="1" s="1"/>
  <c r="AC30752" i="1"/>
  <c r="AC30753" i="1"/>
  <c r="AC30754" i="1"/>
  <c r="AC30755" i="1"/>
  <c r="AC30756" i="1"/>
  <c r="AC30757" i="1"/>
  <c r="AC30758" i="1"/>
  <c r="AC30759" i="1"/>
  <c r="AC30760" i="1"/>
  <c r="AC30761" i="1"/>
  <c r="AC30762" i="1"/>
  <c r="AC30763" i="1"/>
  <c r="AD30763" i="1" s="1"/>
  <c r="AC30764" i="1"/>
  <c r="AC30765" i="1"/>
  <c r="AC30766" i="1"/>
  <c r="AC30767" i="1"/>
  <c r="AC30768" i="1"/>
  <c r="AC30769" i="1"/>
  <c r="AC30770" i="1"/>
  <c r="AC30771" i="1"/>
  <c r="AC30772" i="1"/>
  <c r="AC30773" i="1"/>
  <c r="AC30774" i="1"/>
  <c r="AC30775" i="1"/>
  <c r="AD30775" i="1" s="1"/>
  <c r="AC30776" i="1"/>
  <c r="AC30777" i="1"/>
  <c r="AC30778" i="1"/>
  <c r="AC30779" i="1"/>
  <c r="AC30780" i="1"/>
  <c r="AC30781" i="1"/>
  <c r="AC30782" i="1"/>
  <c r="AC30783" i="1"/>
  <c r="AC30784" i="1"/>
  <c r="AC30785" i="1"/>
  <c r="AC30786" i="1"/>
  <c r="AC30787" i="1"/>
  <c r="AD30787" i="1" s="1"/>
  <c r="AC30788" i="1"/>
  <c r="AC30789" i="1"/>
  <c r="AC30790" i="1"/>
  <c r="AC30791" i="1"/>
  <c r="AC30792" i="1"/>
  <c r="AC30793" i="1"/>
  <c r="AC30794" i="1"/>
  <c r="AC30795" i="1"/>
  <c r="AC30796" i="1"/>
  <c r="AC30797" i="1"/>
  <c r="AC30798" i="1"/>
  <c r="AC30799" i="1"/>
  <c r="AD30799" i="1" s="1"/>
  <c r="AC30800" i="1"/>
  <c r="AC30801" i="1"/>
  <c r="AC30802" i="1"/>
  <c r="AC30803" i="1"/>
  <c r="AC30804" i="1"/>
  <c r="AC30805" i="1"/>
  <c r="AC30806" i="1"/>
  <c r="AC30807" i="1"/>
  <c r="AC30808" i="1"/>
  <c r="AC30809" i="1"/>
  <c r="AC30810" i="1"/>
  <c r="AC30811" i="1"/>
  <c r="AD30811" i="1" s="1"/>
  <c r="AC30812" i="1"/>
  <c r="AC30813" i="1"/>
  <c r="AC30814" i="1"/>
  <c r="AC30815" i="1"/>
  <c r="AC30816" i="1"/>
  <c r="AC30817" i="1"/>
  <c r="AC30818" i="1"/>
  <c r="AC30819" i="1"/>
  <c r="AC30820" i="1"/>
  <c r="AC30821" i="1"/>
  <c r="AC30822" i="1"/>
  <c r="AC30823" i="1"/>
  <c r="AD30823" i="1" s="1"/>
  <c r="AC30824" i="1"/>
  <c r="AC30825" i="1"/>
  <c r="AC30826" i="1"/>
  <c r="AC30827" i="1"/>
  <c r="AC30828" i="1"/>
  <c r="AC30829" i="1"/>
  <c r="AC30830" i="1"/>
  <c r="AC30831" i="1"/>
  <c r="AC30832" i="1"/>
  <c r="AC30833" i="1"/>
  <c r="AC30834" i="1"/>
  <c r="AC30835" i="1"/>
  <c r="AD30835" i="1" s="1"/>
  <c r="AC30836" i="1"/>
  <c r="AC30837" i="1"/>
  <c r="AC30838" i="1"/>
  <c r="AC30839" i="1"/>
  <c r="AC30840" i="1"/>
  <c r="AC30841" i="1"/>
  <c r="AC30842" i="1"/>
  <c r="AC30843" i="1"/>
  <c r="AC30844" i="1"/>
  <c r="AC30845" i="1"/>
  <c r="AC30846" i="1"/>
  <c r="AC30847" i="1"/>
  <c r="AD30847" i="1" s="1"/>
  <c r="AC30848" i="1"/>
  <c r="AC30849" i="1"/>
  <c r="AC30850" i="1"/>
  <c r="AC30851" i="1"/>
  <c r="AC30852" i="1"/>
  <c r="AC30853" i="1"/>
  <c r="AC30854" i="1"/>
  <c r="AC30855" i="1"/>
  <c r="AC30856" i="1"/>
  <c r="AC30857" i="1"/>
  <c r="AC30858" i="1"/>
  <c r="AC30859" i="1"/>
  <c r="AD30859" i="1" s="1"/>
  <c r="AC30860" i="1"/>
  <c r="AC30861" i="1"/>
  <c r="AC30862" i="1"/>
  <c r="AC30863" i="1"/>
  <c r="AC30864" i="1"/>
  <c r="AC30865" i="1"/>
  <c r="AC30866" i="1"/>
  <c r="AC30867" i="1"/>
  <c r="AC30868" i="1"/>
  <c r="AC30869" i="1"/>
  <c r="AC30870" i="1"/>
  <c r="AC30871" i="1"/>
  <c r="AD30871" i="1" s="1"/>
  <c r="AC30872" i="1"/>
  <c r="AC30873" i="1"/>
  <c r="AC30874" i="1"/>
  <c r="AC30875" i="1"/>
  <c r="AC30876" i="1"/>
  <c r="AC30877" i="1"/>
  <c r="AC30878" i="1"/>
  <c r="AC30879" i="1"/>
  <c r="AC30880" i="1"/>
  <c r="AC30881" i="1"/>
  <c r="AC30882" i="1"/>
  <c r="AC30883" i="1"/>
  <c r="AD30883" i="1" s="1"/>
  <c r="AC30884" i="1"/>
  <c r="AC30885" i="1"/>
  <c r="AC30886" i="1"/>
  <c r="AC30887" i="1"/>
  <c r="AC30888" i="1"/>
  <c r="AC30889" i="1"/>
  <c r="AC30890" i="1"/>
  <c r="AC30891" i="1"/>
  <c r="AC30892" i="1"/>
  <c r="AC30893" i="1"/>
  <c r="AC30894" i="1"/>
  <c r="AC30895" i="1"/>
  <c r="AD30895" i="1" s="1"/>
  <c r="AC30896" i="1"/>
  <c r="AC30897" i="1"/>
  <c r="AC30898" i="1"/>
  <c r="AC30899" i="1"/>
  <c r="AC30900" i="1"/>
  <c r="AC30901" i="1"/>
  <c r="AC30902" i="1"/>
  <c r="AC30903" i="1"/>
  <c r="AC30904" i="1"/>
  <c r="AC30905" i="1"/>
  <c r="AC30906" i="1"/>
  <c r="AC30907" i="1"/>
  <c r="AD30907" i="1" s="1"/>
  <c r="AC30908" i="1"/>
  <c r="AC30909" i="1"/>
  <c r="AC30910" i="1"/>
  <c r="AC30911" i="1"/>
  <c r="AC30912" i="1"/>
  <c r="AC30913" i="1"/>
  <c r="AC30914" i="1"/>
  <c r="AC30915" i="1"/>
  <c r="AC30916" i="1"/>
  <c r="AC30917" i="1"/>
  <c r="AC30918" i="1"/>
  <c r="AC30919" i="1"/>
  <c r="AD30919" i="1" s="1"/>
  <c r="AC30920" i="1"/>
  <c r="AC30921" i="1"/>
  <c r="AC30922" i="1"/>
  <c r="AC30923" i="1"/>
  <c r="AC30924" i="1"/>
  <c r="AC30925" i="1"/>
  <c r="AC30926" i="1"/>
  <c r="AC30927" i="1"/>
  <c r="AC30928" i="1"/>
  <c r="AC30929" i="1"/>
  <c r="AC30930" i="1"/>
  <c r="AC30931" i="1"/>
  <c r="AD30931" i="1" s="1"/>
  <c r="AC30932" i="1"/>
  <c r="AC30933" i="1"/>
  <c r="AC30934" i="1"/>
  <c r="AC30935" i="1"/>
  <c r="AC30936" i="1"/>
  <c r="AC30937" i="1"/>
  <c r="AC30938" i="1"/>
  <c r="AC30939" i="1"/>
  <c r="AC30940" i="1"/>
  <c r="AC30941" i="1"/>
  <c r="AC30942" i="1"/>
  <c r="AC30943" i="1"/>
  <c r="AD30943" i="1" s="1"/>
  <c r="AC30944" i="1"/>
  <c r="AC30945" i="1"/>
  <c r="AC30946" i="1"/>
  <c r="AC30947" i="1"/>
  <c r="AC30948" i="1"/>
  <c r="AC30949" i="1"/>
  <c r="AC30950" i="1"/>
  <c r="AC30951" i="1"/>
  <c r="AC30952" i="1"/>
  <c r="AC30953" i="1"/>
  <c r="AC30954" i="1"/>
  <c r="AC30955" i="1"/>
  <c r="AD30955" i="1" s="1"/>
  <c r="AC30956" i="1"/>
  <c r="AC30957" i="1"/>
  <c r="AC30958" i="1"/>
  <c r="AC30959" i="1"/>
  <c r="AC30960" i="1"/>
  <c r="AC30961" i="1"/>
  <c r="AC30962" i="1"/>
  <c r="AC30963" i="1"/>
  <c r="AC30964" i="1"/>
  <c r="AC30965" i="1"/>
  <c r="AC30966" i="1"/>
  <c r="AC30967" i="1"/>
  <c r="AD30967" i="1" s="1"/>
  <c r="AC30968" i="1"/>
  <c r="AC30969" i="1"/>
  <c r="AC30970" i="1"/>
  <c r="AC30971" i="1"/>
  <c r="AC30972" i="1"/>
  <c r="AC30973" i="1"/>
  <c r="AC30974" i="1"/>
  <c r="AC30975" i="1"/>
  <c r="AC30976" i="1"/>
  <c r="AC30977" i="1"/>
  <c r="AC30978" i="1"/>
  <c r="AC30979" i="1"/>
  <c r="AD30979" i="1" s="1"/>
  <c r="AC30980" i="1"/>
  <c r="AC30981" i="1"/>
  <c r="AC30982" i="1"/>
  <c r="AC30983" i="1"/>
  <c r="AC30984" i="1"/>
  <c r="AC30985" i="1"/>
  <c r="AC30986" i="1"/>
  <c r="AC30987" i="1"/>
  <c r="AC30988" i="1"/>
  <c r="AC30989" i="1"/>
  <c r="AC30990" i="1"/>
  <c r="AC30991" i="1"/>
  <c r="AD30991" i="1" s="1"/>
  <c r="AC30992" i="1"/>
  <c r="AC30993" i="1"/>
  <c r="AC30994" i="1"/>
  <c r="AC30995" i="1"/>
  <c r="AC30996" i="1"/>
  <c r="AC30997" i="1"/>
  <c r="AC30998" i="1"/>
  <c r="AC30999" i="1"/>
  <c r="AC31000" i="1"/>
  <c r="AC31001" i="1"/>
  <c r="AC31002" i="1"/>
  <c r="AC31003" i="1"/>
  <c r="AD31003" i="1" s="1"/>
  <c r="AC31004" i="1"/>
  <c r="AC31005" i="1"/>
  <c r="AC31006" i="1"/>
  <c r="AC31007" i="1"/>
  <c r="AC31008" i="1"/>
  <c r="AC31009" i="1"/>
  <c r="AC31010" i="1"/>
  <c r="AC31011" i="1"/>
  <c r="AC31012" i="1"/>
  <c r="AC31013" i="1"/>
  <c r="AC31014" i="1"/>
  <c r="AC31015" i="1"/>
  <c r="AD31015" i="1" s="1"/>
  <c r="AC31016" i="1"/>
  <c r="AC31017" i="1"/>
  <c r="AC31018" i="1"/>
  <c r="AC31019" i="1"/>
  <c r="AC31020" i="1"/>
  <c r="AC31021" i="1"/>
  <c r="AC31022" i="1"/>
  <c r="AC31023" i="1"/>
  <c r="AC31024" i="1"/>
  <c r="AC31025" i="1"/>
  <c r="AC31026" i="1"/>
  <c r="AC31027" i="1"/>
  <c r="AD31027" i="1" s="1"/>
  <c r="AC31028" i="1"/>
  <c r="AC31029" i="1"/>
  <c r="AC31030" i="1"/>
  <c r="AC31031" i="1"/>
  <c r="AC31032" i="1"/>
  <c r="AC31033" i="1"/>
  <c r="AC31034" i="1"/>
  <c r="AC31035" i="1"/>
  <c r="AC31036" i="1"/>
  <c r="AC31037" i="1"/>
  <c r="AC31038" i="1"/>
  <c r="AC31039" i="1"/>
  <c r="AD31039" i="1" s="1"/>
  <c r="AC31040" i="1"/>
  <c r="AC31041" i="1"/>
  <c r="AC31042" i="1"/>
  <c r="AC31043" i="1"/>
  <c r="AC31044" i="1"/>
  <c r="AC31045" i="1"/>
  <c r="AC31046" i="1"/>
  <c r="AC31047" i="1"/>
  <c r="AC31048" i="1"/>
  <c r="AC31049" i="1"/>
  <c r="AC31050" i="1"/>
  <c r="AC31051" i="1"/>
  <c r="AD31051" i="1" s="1"/>
  <c r="AC31052" i="1"/>
  <c r="AC31053" i="1"/>
  <c r="AC31054" i="1"/>
  <c r="AC31055" i="1"/>
  <c r="AC31056" i="1"/>
  <c r="AC31057" i="1"/>
  <c r="AC31058" i="1"/>
  <c r="AC31059" i="1"/>
  <c r="AC31060" i="1"/>
  <c r="AC31061" i="1"/>
  <c r="AC31062" i="1"/>
  <c r="AC31063" i="1"/>
  <c r="AD31063" i="1" s="1"/>
  <c r="AC31064" i="1"/>
  <c r="AC31065" i="1"/>
  <c r="AC31066" i="1"/>
  <c r="AC31067" i="1"/>
  <c r="AC31068" i="1"/>
  <c r="AC31069" i="1"/>
  <c r="AC31070" i="1"/>
  <c r="AC31071" i="1"/>
  <c r="AC31072" i="1"/>
  <c r="AC31073" i="1"/>
  <c r="AC31074" i="1"/>
  <c r="AC31075" i="1"/>
  <c r="AD31075" i="1" s="1"/>
  <c r="AC31076" i="1"/>
  <c r="AC31077" i="1"/>
  <c r="AC31078" i="1"/>
  <c r="AC31079" i="1"/>
  <c r="AC31080" i="1"/>
  <c r="AC31081" i="1"/>
  <c r="AC31082" i="1"/>
  <c r="AC31083" i="1"/>
  <c r="AC31084" i="1"/>
  <c r="AC31085" i="1"/>
  <c r="AC31086" i="1"/>
  <c r="AC31087" i="1"/>
  <c r="AD31087" i="1" s="1"/>
  <c r="AC31088" i="1"/>
  <c r="AC31089" i="1"/>
  <c r="AC31090" i="1"/>
  <c r="AC31091" i="1"/>
  <c r="AC31092" i="1"/>
  <c r="AC31093" i="1"/>
  <c r="AC31094" i="1"/>
  <c r="AC31095" i="1"/>
  <c r="AC31096" i="1"/>
  <c r="AC31097" i="1"/>
  <c r="AC31098" i="1"/>
  <c r="AC31099" i="1"/>
  <c r="AD31099" i="1" s="1"/>
  <c r="AC31100" i="1"/>
  <c r="AC31101" i="1"/>
  <c r="AC31102" i="1"/>
  <c r="AC31103" i="1"/>
  <c r="AC31104" i="1"/>
  <c r="AC31105" i="1"/>
  <c r="AC31106" i="1"/>
  <c r="AC31107" i="1"/>
  <c r="AC31108" i="1"/>
  <c r="AC31109" i="1"/>
  <c r="AC31110" i="1"/>
  <c r="AC31111" i="1"/>
  <c r="AD31111" i="1" s="1"/>
  <c r="AC31112" i="1"/>
  <c r="AC31113" i="1"/>
  <c r="AC31114" i="1"/>
  <c r="AC31115" i="1"/>
  <c r="AC31116" i="1"/>
  <c r="AC31117" i="1"/>
  <c r="AC31118" i="1"/>
  <c r="AC31119" i="1"/>
  <c r="AC31120" i="1"/>
  <c r="AC31121" i="1"/>
  <c r="AC31122" i="1"/>
  <c r="AC31123" i="1"/>
  <c r="AD31123" i="1" s="1"/>
  <c r="AC31124" i="1"/>
  <c r="AC31125" i="1"/>
  <c r="AC31126" i="1"/>
  <c r="AC31127" i="1"/>
  <c r="AC31128" i="1"/>
  <c r="AC31129" i="1"/>
  <c r="AC31130" i="1"/>
  <c r="AC31131" i="1"/>
  <c r="AC31132" i="1"/>
  <c r="AC31133" i="1"/>
  <c r="AC31134" i="1"/>
  <c r="AC31135" i="1"/>
  <c r="AD31135" i="1" s="1"/>
  <c r="AC31136" i="1"/>
  <c r="AC31137" i="1"/>
  <c r="AC31138" i="1"/>
  <c r="AC31139" i="1"/>
  <c r="AC31140" i="1"/>
  <c r="AC31141" i="1"/>
  <c r="AC31142" i="1"/>
  <c r="AC31143" i="1"/>
  <c r="AC31144" i="1"/>
  <c r="AC31145" i="1"/>
  <c r="AC31146" i="1"/>
  <c r="AC31147" i="1"/>
  <c r="AD31147" i="1" s="1"/>
  <c r="AC31148" i="1"/>
  <c r="AC31149" i="1"/>
  <c r="AC31150" i="1"/>
  <c r="AC31151" i="1"/>
  <c r="AC31152" i="1"/>
  <c r="AC31153" i="1"/>
  <c r="AC31154" i="1"/>
  <c r="AC31155" i="1"/>
  <c r="AC31156" i="1"/>
  <c r="AC31157" i="1"/>
  <c r="AC31158" i="1"/>
  <c r="AC31159" i="1"/>
  <c r="AD31159" i="1" s="1"/>
  <c r="AC31160" i="1"/>
  <c r="AC31161" i="1"/>
  <c r="AC31162" i="1"/>
  <c r="AC31163" i="1"/>
  <c r="AC31164" i="1"/>
  <c r="AC31165" i="1"/>
  <c r="AC31166" i="1"/>
  <c r="AC31167" i="1"/>
  <c r="AC31168" i="1"/>
  <c r="AC31169" i="1"/>
  <c r="AC31170" i="1"/>
  <c r="AC31171" i="1"/>
  <c r="AD31171" i="1" s="1"/>
  <c r="AC31172" i="1"/>
  <c r="AC31173" i="1"/>
  <c r="AC31174" i="1"/>
  <c r="AC31175" i="1"/>
  <c r="AC31176" i="1"/>
  <c r="AC31177" i="1"/>
  <c r="AC31178" i="1"/>
  <c r="AC31179" i="1"/>
  <c r="AC31180" i="1"/>
  <c r="AC31181" i="1"/>
  <c r="AC31182" i="1"/>
  <c r="AC31183" i="1"/>
  <c r="AD31183" i="1" s="1"/>
  <c r="AC31184" i="1"/>
  <c r="AC31185" i="1"/>
  <c r="AC31186" i="1"/>
  <c r="AC31187" i="1"/>
  <c r="AC31188" i="1"/>
  <c r="AC31189" i="1"/>
  <c r="AC31190" i="1"/>
  <c r="AC31191" i="1"/>
  <c r="AC31192" i="1"/>
  <c r="AC31193" i="1"/>
  <c r="AC31194" i="1"/>
  <c r="AC31195" i="1"/>
  <c r="AD31195" i="1" s="1"/>
  <c r="AC31196" i="1"/>
  <c r="AC31197" i="1"/>
  <c r="AC31198" i="1"/>
  <c r="AC31199" i="1"/>
  <c r="AC31200" i="1"/>
  <c r="AC31201" i="1"/>
  <c r="AC31202" i="1"/>
  <c r="AC31203" i="1"/>
  <c r="AC31204" i="1"/>
  <c r="AC31205" i="1"/>
  <c r="AC31206" i="1"/>
  <c r="AC31207" i="1"/>
  <c r="AD31207" i="1" s="1"/>
  <c r="AC31208" i="1"/>
  <c r="AC31209" i="1"/>
  <c r="AC31210" i="1"/>
  <c r="AC31211" i="1"/>
  <c r="AC31212" i="1"/>
  <c r="AC31213" i="1"/>
  <c r="AC31214" i="1"/>
  <c r="AC31215" i="1"/>
  <c r="AC31216" i="1"/>
  <c r="AC31217" i="1"/>
  <c r="AC31218" i="1"/>
  <c r="AC31219" i="1"/>
  <c r="AD31219" i="1" s="1"/>
  <c r="AC31220" i="1"/>
  <c r="AC31221" i="1"/>
  <c r="AC31222" i="1"/>
  <c r="AC31223" i="1"/>
  <c r="AC31224" i="1"/>
  <c r="AC31225" i="1"/>
  <c r="AC31226" i="1"/>
  <c r="AC31227" i="1"/>
  <c r="AC31228" i="1"/>
  <c r="AC31229" i="1"/>
  <c r="AC31230" i="1"/>
  <c r="AC31231" i="1"/>
  <c r="AD31231" i="1" s="1"/>
  <c r="AC31232" i="1"/>
  <c r="AC31233" i="1"/>
  <c r="AC31234" i="1"/>
  <c r="AC31235" i="1"/>
  <c r="AC31236" i="1"/>
  <c r="AC31237" i="1"/>
  <c r="AC31238" i="1"/>
  <c r="AC31239" i="1"/>
  <c r="AC31240" i="1"/>
  <c r="AC31241" i="1"/>
  <c r="AC31242" i="1"/>
  <c r="AC31243" i="1"/>
  <c r="AD31243" i="1" s="1"/>
  <c r="AC31244" i="1"/>
  <c r="AC31245" i="1"/>
  <c r="AC31246" i="1"/>
  <c r="AC31247" i="1"/>
  <c r="AC31248" i="1"/>
  <c r="AC31249" i="1"/>
  <c r="AC31250" i="1"/>
  <c r="AC31251" i="1"/>
  <c r="AC31252" i="1"/>
  <c r="AC31253" i="1"/>
  <c r="AC31254" i="1"/>
  <c r="AC31255" i="1"/>
  <c r="AD31255" i="1" s="1"/>
  <c r="AC31256" i="1"/>
  <c r="AC31257" i="1"/>
  <c r="AC31258" i="1"/>
  <c r="AC31259" i="1"/>
  <c r="AC31260" i="1"/>
  <c r="AC31261" i="1"/>
  <c r="AC31262" i="1"/>
  <c r="AC31263" i="1"/>
  <c r="AC31264" i="1"/>
  <c r="AC31265" i="1"/>
  <c r="AC31266" i="1"/>
  <c r="AC31267" i="1"/>
  <c r="AD31267" i="1" s="1"/>
  <c r="AC31268" i="1"/>
  <c r="AC31269" i="1"/>
  <c r="AC31270" i="1"/>
  <c r="AC31271" i="1"/>
  <c r="AC31272" i="1"/>
  <c r="AC31273" i="1"/>
  <c r="AC31274" i="1"/>
  <c r="AC31275" i="1"/>
  <c r="AC31276" i="1"/>
  <c r="AC31277" i="1"/>
  <c r="AC31278" i="1"/>
  <c r="AC31279" i="1"/>
  <c r="AD31279" i="1" s="1"/>
  <c r="AC31280" i="1"/>
  <c r="AC31281" i="1"/>
  <c r="AC31282" i="1"/>
  <c r="AC31283" i="1"/>
  <c r="AC31284" i="1"/>
  <c r="AC31285" i="1"/>
  <c r="AC31286" i="1"/>
  <c r="AC31287" i="1"/>
  <c r="AC31288" i="1"/>
  <c r="AC31289" i="1"/>
  <c r="AC31290" i="1"/>
  <c r="AC31291" i="1"/>
  <c r="AD31291" i="1" s="1"/>
  <c r="AC31292" i="1"/>
  <c r="AC31293" i="1"/>
  <c r="AC31294" i="1"/>
  <c r="AC31295" i="1"/>
  <c r="AC31296" i="1"/>
  <c r="AC31297" i="1"/>
  <c r="AC31298" i="1"/>
  <c r="AC31299" i="1"/>
  <c r="AC31300" i="1"/>
  <c r="AC31301" i="1"/>
  <c r="AC31302" i="1"/>
  <c r="AC31303" i="1"/>
  <c r="AD31303" i="1" s="1"/>
  <c r="AC31304" i="1"/>
  <c r="AC31305" i="1"/>
  <c r="AC31306" i="1"/>
  <c r="AC31307" i="1"/>
  <c r="AC31308" i="1"/>
  <c r="AC31309" i="1"/>
  <c r="AC31310" i="1"/>
  <c r="AC31311" i="1"/>
  <c r="AC31312" i="1"/>
  <c r="AC31313" i="1"/>
  <c r="AC31314" i="1"/>
  <c r="AC31315" i="1"/>
  <c r="AD31315" i="1" s="1"/>
  <c r="AC31316" i="1"/>
  <c r="AC31317" i="1"/>
  <c r="AC31318" i="1"/>
  <c r="AC31319" i="1"/>
  <c r="AC31320" i="1"/>
  <c r="AC31321" i="1"/>
  <c r="AC31322" i="1"/>
  <c r="AC31323" i="1"/>
  <c r="AC31324" i="1"/>
  <c r="AC31325" i="1"/>
  <c r="AC31326" i="1"/>
  <c r="AC31327" i="1"/>
  <c r="AD31327" i="1" s="1"/>
  <c r="AC31328" i="1"/>
  <c r="AC31329" i="1"/>
  <c r="AC31330" i="1"/>
  <c r="AC31331" i="1"/>
  <c r="AC31332" i="1"/>
  <c r="AC31333" i="1"/>
  <c r="AC31334" i="1"/>
  <c r="AC31335" i="1"/>
  <c r="AC31336" i="1"/>
  <c r="AC31337" i="1"/>
  <c r="AC31338" i="1"/>
  <c r="AC31339" i="1"/>
  <c r="AD31339" i="1" s="1"/>
  <c r="AC31340" i="1"/>
  <c r="AC31341" i="1"/>
  <c r="AC31342" i="1"/>
  <c r="AC31343" i="1"/>
  <c r="AC31344" i="1"/>
  <c r="AC31345" i="1"/>
  <c r="AC31346" i="1"/>
  <c r="AC31347" i="1"/>
  <c r="AC31348" i="1"/>
  <c r="AC31349" i="1"/>
  <c r="AC31350" i="1"/>
  <c r="AC31351" i="1"/>
  <c r="AD31351" i="1" s="1"/>
  <c r="AC31352" i="1"/>
  <c r="AC31353" i="1"/>
  <c r="AC31354" i="1"/>
  <c r="AC31355" i="1"/>
  <c r="AC31356" i="1"/>
  <c r="AC31357" i="1"/>
  <c r="AC31358" i="1"/>
  <c r="AC31359" i="1"/>
  <c r="AC31360" i="1"/>
  <c r="AC31361" i="1"/>
  <c r="AC31362" i="1"/>
  <c r="AC31363" i="1"/>
  <c r="AD31363" i="1" s="1"/>
  <c r="AC31364" i="1"/>
  <c r="AC31365" i="1"/>
  <c r="AC31366" i="1"/>
  <c r="AC31367" i="1"/>
  <c r="AC31368" i="1"/>
  <c r="AC31369" i="1"/>
  <c r="AC31370" i="1"/>
  <c r="AC31371" i="1"/>
  <c r="AC31372" i="1"/>
  <c r="AC31373" i="1"/>
  <c r="AC31374" i="1"/>
  <c r="AC31375" i="1"/>
  <c r="AD31375" i="1" s="1"/>
  <c r="AC31376" i="1"/>
  <c r="AC31377" i="1"/>
  <c r="AC31378" i="1"/>
  <c r="AC31379" i="1"/>
  <c r="AC31380" i="1"/>
  <c r="AC31381" i="1"/>
  <c r="AC31382" i="1"/>
  <c r="AC31383" i="1"/>
  <c r="AC31384" i="1"/>
  <c r="AC31385" i="1"/>
  <c r="AC31386" i="1"/>
  <c r="AC31387" i="1"/>
  <c r="AD31387" i="1" s="1"/>
  <c r="AC31388" i="1"/>
  <c r="AC31389" i="1"/>
  <c r="AC31390" i="1"/>
  <c r="AC31391" i="1"/>
  <c r="AC31392" i="1"/>
  <c r="AC31393" i="1"/>
  <c r="AC31394" i="1"/>
  <c r="AC31395" i="1"/>
  <c r="AC31396" i="1"/>
  <c r="AC31397" i="1"/>
  <c r="AC31398" i="1"/>
  <c r="AC31399" i="1"/>
  <c r="AD31399" i="1" s="1"/>
  <c r="AC31400" i="1"/>
  <c r="AC31401" i="1"/>
  <c r="AC31402" i="1"/>
  <c r="AC31403" i="1"/>
  <c r="AC31404" i="1"/>
  <c r="AC31405" i="1"/>
  <c r="AC31406" i="1"/>
  <c r="AC31407" i="1"/>
  <c r="AC31408" i="1"/>
  <c r="AC31409" i="1"/>
  <c r="AC31410" i="1"/>
  <c r="AC31411" i="1"/>
  <c r="AD31411" i="1" s="1"/>
  <c r="AC31412" i="1"/>
  <c r="AC31413" i="1"/>
  <c r="AC31414" i="1"/>
  <c r="AC31415" i="1"/>
  <c r="AC31416" i="1"/>
  <c r="AC31417" i="1"/>
  <c r="AC31418" i="1"/>
  <c r="AC31419" i="1"/>
  <c r="AC31420" i="1"/>
  <c r="AC31421" i="1"/>
  <c r="AC31422" i="1"/>
  <c r="AC31423" i="1"/>
  <c r="AD31423" i="1" s="1"/>
  <c r="AC31424" i="1"/>
  <c r="AC31425" i="1"/>
  <c r="AC31426" i="1"/>
  <c r="AC31427" i="1"/>
  <c r="AC31428" i="1"/>
  <c r="AC31429" i="1"/>
  <c r="AC31430" i="1"/>
  <c r="AC31431" i="1"/>
  <c r="AC31432" i="1"/>
  <c r="AC31433" i="1"/>
  <c r="AC31434" i="1"/>
  <c r="AC31435" i="1"/>
  <c r="AD31435" i="1" s="1"/>
  <c r="AC31436" i="1"/>
  <c r="AC31437" i="1"/>
  <c r="AC31438" i="1"/>
  <c r="AC31439" i="1"/>
  <c r="AC31440" i="1"/>
  <c r="AC31441" i="1"/>
  <c r="AC31442" i="1"/>
  <c r="AC31443" i="1"/>
  <c r="AC31444" i="1"/>
  <c r="AC31445" i="1"/>
  <c r="AC31446" i="1"/>
  <c r="AC31447" i="1"/>
  <c r="AD31447" i="1" s="1"/>
  <c r="AC31448" i="1"/>
  <c r="AC31449" i="1"/>
  <c r="AC31450" i="1"/>
  <c r="AC31451" i="1"/>
  <c r="AC31452" i="1"/>
  <c r="AC31453" i="1"/>
  <c r="AC31454" i="1"/>
  <c r="AC31455" i="1"/>
  <c r="AC31456" i="1"/>
  <c r="AC31457" i="1"/>
  <c r="AC31458" i="1"/>
  <c r="AC31459" i="1"/>
  <c r="AD31459" i="1" s="1"/>
  <c r="AC31460" i="1"/>
  <c r="AC31461" i="1"/>
  <c r="AC31462" i="1"/>
  <c r="AC31463" i="1"/>
  <c r="AC31464" i="1"/>
  <c r="AC31465" i="1"/>
  <c r="AC31466" i="1"/>
  <c r="AC31467" i="1"/>
  <c r="AC31468" i="1"/>
  <c r="AC31469" i="1"/>
  <c r="AC31470" i="1"/>
  <c r="AC31471" i="1"/>
  <c r="AD31471" i="1" s="1"/>
  <c r="AC31472" i="1"/>
  <c r="AC31473" i="1"/>
  <c r="AC31474" i="1"/>
  <c r="AC31475" i="1"/>
  <c r="AC31476" i="1"/>
  <c r="AC31477" i="1"/>
  <c r="AC31478" i="1"/>
  <c r="AC31479" i="1"/>
  <c r="AC31480" i="1"/>
  <c r="AC31481" i="1"/>
  <c r="AC31482" i="1"/>
  <c r="AC31483" i="1"/>
  <c r="AD31483" i="1" s="1"/>
  <c r="AC31484" i="1"/>
  <c r="AC31485" i="1"/>
  <c r="AC31486" i="1"/>
  <c r="AC31487" i="1"/>
  <c r="AC31488" i="1"/>
  <c r="AC31489" i="1"/>
  <c r="AC31490" i="1"/>
  <c r="AC31491" i="1"/>
  <c r="AC31492" i="1"/>
  <c r="AC31493" i="1"/>
  <c r="AC31494" i="1"/>
  <c r="AC31495" i="1"/>
  <c r="AD31495" i="1" s="1"/>
  <c r="AC31496" i="1"/>
  <c r="AC31497" i="1"/>
  <c r="AC31498" i="1"/>
  <c r="AC31499" i="1"/>
  <c r="AC31500" i="1"/>
  <c r="AC31501" i="1"/>
  <c r="AC31502" i="1"/>
  <c r="AC31503" i="1"/>
  <c r="AC31504" i="1"/>
  <c r="AC31505" i="1"/>
  <c r="AC31506" i="1"/>
  <c r="AC31507" i="1"/>
  <c r="AD31507" i="1" s="1"/>
  <c r="AC31508" i="1"/>
  <c r="AC31509" i="1"/>
  <c r="AC31510" i="1"/>
  <c r="AC31511" i="1"/>
  <c r="AC31512" i="1"/>
  <c r="AC31513" i="1"/>
  <c r="AC31514" i="1"/>
  <c r="AC31515" i="1"/>
  <c r="AC31516" i="1"/>
  <c r="AC31517" i="1"/>
  <c r="AC31518" i="1"/>
  <c r="AC31519" i="1"/>
  <c r="AD31519" i="1" s="1"/>
  <c r="AC31520" i="1"/>
  <c r="AC31521" i="1"/>
  <c r="AC31522" i="1"/>
  <c r="AC31523" i="1"/>
  <c r="AC31524" i="1"/>
  <c r="AC31525" i="1"/>
  <c r="AC31526" i="1"/>
  <c r="AC31527" i="1"/>
  <c r="AC31528" i="1"/>
  <c r="AC31529" i="1"/>
  <c r="AC31530" i="1"/>
  <c r="AC31531" i="1"/>
  <c r="AD31531" i="1" s="1"/>
  <c r="AC31532" i="1"/>
  <c r="AC31533" i="1"/>
  <c r="AC31534" i="1"/>
  <c r="AC31535" i="1"/>
  <c r="AC31536" i="1"/>
  <c r="AC31537" i="1"/>
  <c r="AC31538" i="1"/>
  <c r="AC31539" i="1"/>
  <c r="AC31540" i="1"/>
  <c r="AC31541" i="1"/>
  <c r="AC31542" i="1"/>
  <c r="AC31543" i="1"/>
  <c r="AD31543" i="1" s="1"/>
  <c r="AC31544" i="1"/>
  <c r="AC31545" i="1"/>
  <c r="AC31546" i="1"/>
  <c r="AC31547" i="1"/>
  <c r="AC31548" i="1"/>
  <c r="AC31549" i="1"/>
  <c r="AC31550" i="1"/>
  <c r="AC31551" i="1"/>
  <c r="AC31552" i="1"/>
  <c r="AC31553" i="1"/>
  <c r="AC31554" i="1"/>
  <c r="AC31555" i="1"/>
  <c r="AD31555" i="1" s="1"/>
  <c r="AC31556" i="1"/>
  <c r="AC31557" i="1"/>
  <c r="AC31558" i="1"/>
  <c r="AC31559" i="1"/>
  <c r="AC31560" i="1"/>
  <c r="AC31561" i="1"/>
  <c r="AC31562" i="1"/>
  <c r="AC31563" i="1"/>
  <c r="AC31564" i="1"/>
  <c r="AC31565" i="1"/>
  <c r="AC31566" i="1"/>
  <c r="AC31567" i="1"/>
  <c r="AD31567" i="1" s="1"/>
  <c r="AC31568" i="1"/>
  <c r="AC31569" i="1"/>
  <c r="AC31570" i="1"/>
  <c r="AC31571" i="1"/>
  <c r="AC31572" i="1"/>
  <c r="AC31573" i="1"/>
  <c r="AC31574" i="1"/>
  <c r="AC31575" i="1"/>
  <c r="AC31576" i="1"/>
  <c r="AC31577" i="1"/>
  <c r="AC31578" i="1"/>
  <c r="AC31579" i="1"/>
  <c r="AD31579" i="1" s="1"/>
  <c r="AC31580" i="1"/>
  <c r="AC31581" i="1"/>
  <c r="AC31582" i="1"/>
  <c r="AC31583" i="1"/>
  <c r="AC31584" i="1"/>
  <c r="AC31585" i="1"/>
  <c r="AC31586" i="1"/>
  <c r="AC31587" i="1"/>
  <c r="AC31588" i="1"/>
  <c r="AC31589" i="1"/>
  <c r="AC31590" i="1"/>
  <c r="AC31591" i="1"/>
  <c r="AD31591" i="1" s="1"/>
  <c r="AC31592" i="1"/>
  <c r="AC31593" i="1"/>
  <c r="AC31594" i="1"/>
  <c r="AC31595" i="1"/>
  <c r="AC31596" i="1"/>
  <c r="AC31597" i="1"/>
  <c r="AC31598" i="1"/>
  <c r="AC31599" i="1"/>
  <c r="AC31600" i="1"/>
  <c r="AC31601" i="1"/>
  <c r="AC31602" i="1"/>
  <c r="AC31603" i="1"/>
  <c r="AD31603" i="1" s="1"/>
  <c r="AC31604" i="1"/>
  <c r="AC31605" i="1"/>
  <c r="AC31606" i="1"/>
  <c r="AC31607" i="1"/>
  <c r="AC31608" i="1"/>
  <c r="AC31609" i="1"/>
  <c r="AC31610" i="1"/>
  <c r="AC31611" i="1"/>
  <c r="AC31612" i="1"/>
  <c r="AC31613" i="1"/>
  <c r="AC31614" i="1"/>
  <c r="AC31615" i="1"/>
  <c r="AD31615" i="1" s="1"/>
  <c r="AC31616" i="1"/>
  <c r="AC31617" i="1"/>
  <c r="AC31618" i="1"/>
  <c r="AC31619" i="1"/>
  <c r="AC31620" i="1"/>
  <c r="AC31621" i="1"/>
  <c r="AC31622" i="1"/>
  <c r="AC31623" i="1"/>
  <c r="AC31624" i="1"/>
  <c r="AC31625" i="1"/>
  <c r="AC31626" i="1"/>
  <c r="AC31627" i="1"/>
  <c r="AD31627" i="1" s="1"/>
  <c r="AC31628" i="1"/>
  <c r="AC31629" i="1"/>
  <c r="AC31630" i="1"/>
  <c r="AC31631" i="1"/>
  <c r="AC31632" i="1"/>
  <c r="AC31633" i="1"/>
  <c r="AC31634" i="1"/>
  <c r="AC31635" i="1"/>
  <c r="AC31636" i="1"/>
  <c r="AC31637" i="1"/>
  <c r="AC31638" i="1"/>
  <c r="AC31639" i="1"/>
  <c r="AD31639" i="1" s="1"/>
  <c r="AC31640" i="1"/>
  <c r="AC31641" i="1"/>
  <c r="AC31642" i="1"/>
  <c r="AC31643" i="1"/>
  <c r="AC31644" i="1"/>
  <c r="AC31645" i="1"/>
  <c r="AC31646" i="1"/>
  <c r="AC31647" i="1"/>
  <c r="AC31648" i="1"/>
  <c r="AC31649" i="1"/>
  <c r="AC31650" i="1"/>
  <c r="AC31651" i="1"/>
  <c r="AD31651" i="1" s="1"/>
  <c r="AC31652" i="1"/>
  <c r="AC31653" i="1"/>
  <c r="AC31654" i="1"/>
  <c r="AC31655" i="1"/>
  <c r="AC31656" i="1"/>
  <c r="AC31657" i="1"/>
  <c r="AC31658" i="1"/>
  <c r="AC31659" i="1"/>
  <c r="AC31660" i="1"/>
  <c r="AC31661" i="1"/>
  <c r="AC31662" i="1"/>
  <c r="AC31663" i="1"/>
  <c r="AD31663" i="1" s="1"/>
  <c r="AC31664" i="1"/>
  <c r="AC31665" i="1"/>
  <c r="AC31666" i="1"/>
  <c r="AC31667" i="1"/>
  <c r="AC31668" i="1"/>
  <c r="AC31669" i="1"/>
  <c r="AC31670" i="1"/>
  <c r="AC31671" i="1"/>
  <c r="AC31672" i="1"/>
  <c r="AC31673" i="1"/>
  <c r="AC31674" i="1"/>
  <c r="AC31675" i="1"/>
  <c r="AD31675" i="1" s="1"/>
  <c r="AC31676" i="1"/>
  <c r="AC31677" i="1"/>
  <c r="AC31678" i="1"/>
  <c r="AC31679" i="1"/>
  <c r="AC31680" i="1"/>
  <c r="AC31681" i="1"/>
  <c r="AC31682" i="1"/>
  <c r="AC31683" i="1"/>
  <c r="AC31684" i="1"/>
  <c r="AC31685" i="1"/>
  <c r="AC31686" i="1"/>
  <c r="AC31687" i="1"/>
  <c r="AD31687" i="1" s="1"/>
  <c r="AC31688" i="1"/>
  <c r="AC31689" i="1"/>
  <c r="AC31690" i="1"/>
  <c r="AC31691" i="1"/>
  <c r="AC31692" i="1"/>
  <c r="AC31693" i="1"/>
  <c r="AC31694" i="1"/>
  <c r="AC31695" i="1"/>
  <c r="AC31696" i="1"/>
  <c r="AC31697" i="1"/>
  <c r="AC31698" i="1"/>
  <c r="AC31699" i="1"/>
  <c r="AD31699" i="1" s="1"/>
  <c r="AC31700" i="1"/>
  <c r="AC31701" i="1"/>
  <c r="AC31702" i="1"/>
  <c r="AC31703" i="1"/>
  <c r="AC31704" i="1"/>
  <c r="AC31705" i="1"/>
  <c r="AC31706" i="1"/>
  <c r="AC31707" i="1"/>
  <c r="AC31708" i="1"/>
  <c r="AC31709" i="1"/>
  <c r="AC31710" i="1"/>
  <c r="AC31711" i="1"/>
  <c r="AD31711" i="1" s="1"/>
  <c r="AC31712" i="1"/>
  <c r="AC31713" i="1"/>
  <c r="AC31714" i="1"/>
  <c r="AC31715" i="1"/>
  <c r="AC31716" i="1"/>
  <c r="AC31717" i="1"/>
  <c r="AC31718" i="1"/>
  <c r="AC31719" i="1"/>
  <c r="AC31720" i="1"/>
  <c r="AC31721" i="1"/>
  <c r="AC31722" i="1"/>
  <c r="AC31723" i="1"/>
  <c r="AD31723" i="1" s="1"/>
  <c r="AC31724" i="1"/>
  <c r="AC31725" i="1"/>
  <c r="AC31726" i="1"/>
  <c r="AC31727" i="1"/>
  <c r="AC31728" i="1"/>
  <c r="AC31729" i="1"/>
  <c r="AC31730" i="1"/>
  <c r="AC31731" i="1"/>
  <c r="AC31732" i="1"/>
  <c r="AC31733" i="1"/>
  <c r="AC31734" i="1"/>
  <c r="AC31735" i="1"/>
  <c r="AD31735" i="1" s="1"/>
  <c r="AC31736" i="1"/>
  <c r="AC31737" i="1"/>
  <c r="AC31738" i="1"/>
  <c r="AC31739" i="1"/>
  <c r="AC31740" i="1"/>
  <c r="AC31741" i="1"/>
  <c r="AC31742" i="1"/>
  <c r="AC31743" i="1"/>
  <c r="AC31744" i="1"/>
  <c r="AC31745" i="1"/>
  <c r="AC31746" i="1"/>
  <c r="AC31747" i="1"/>
  <c r="AD31747" i="1" s="1"/>
  <c r="AC31748" i="1"/>
  <c r="AC31749" i="1"/>
  <c r="AC31750" i="1"/>
  <c r="AC31751" i="1"/>
  <c r="AC31752" i="1"/>
  <c r="AC31753" i="1"/>
  <c r="AC31754" i="1"/>
  <c r="AC31755" i="1"/>
  <c r="AC31756" i="1"/>
  <c r="AC31757" i="1"/>
  <c r="AC31758" i="1"/>
  <c r="AC31759" i="1"/>
  <c r="AD31759" i="1" s="1"/>
  <c r="AC31760" i="1"/>
  <c r="AC31761" i="1"/>
  <c r="AC31762" i="1"/>
  <c r="AC31763" i="1"/>
  <c r="AC31764" i="1"/>
  <c r="AC31765" i="1"/>
  <c r="AC31766" i="1"/>
  <c r="AC31767" i="1"/>
  <c r="AC31768" i="1"/>
  <c r="AC31769" i="1"/>
  <c r="AC31770" i="1"/>
  <c r="AC31771" i="1"/>
  <c r="AD31771" i="1" s="1"/>
  <c r="AC31772" i="1"/>
  <c r="AC31773" i="1"/>
  <c r="AC31774" i="1"/>
  <c r="AC31775" i="1"/>
  <c r="AC31776" i="1"/>
  <c r="AC31777" i="1"/>
  <c r="AC31778" i="1"/>
  <c r="AC31779" i="1"/>
  <c r="AC31780" i="1"/>
  <c r="AC31781" i="1"/>
  <c r="AC31782" i="1"/>
  <c r="AC31783" i="1"/>
  <c r="AD31783" i="1" s="1"/>
  <c r="AC31784" i="1"/>
  <c r="AC31785" i="1"/>
  <c r="AC31786" i="1"/>
  <c r="AC31787" i="1"/>
  <c r="AC31788" i="1"/>
  <c r="AC31789" i="1"/>
  <c r="AC31790" i="1"/>
  <c r="AC31791" i="1"/>
  <c r="AC31792" i="1"/>
  <c r="AC31793" i="1"/>
  <c r="AC31794" i="1"/>
  <c r="AC31795" i="1"/>
  <c r="AD31795" i="1" s="1"/>
  <c r="AC31796" i="1"/>
  <c r="AC31797" i="1"/>
  <c r="AC31798" i="1"/>
  <c r="AC31799" i="1"/>
  <c r="AC31800" i="1"/>
  <c r="AC31801" i="1"/>
  <c r="AC31802" i="1"/>
  <c r="AC31803" i="1"/>
  <c r="AC31804" i="1"/>
  <c r="AC31805" i="1"/>
  <c r="AC31806" i="1"/>
  <c r="AC31807" i="1"/>
  <c r="AD31807" i="1" s="1"/>
  <c r="AC31808" i="1"/>
  <c r="AC31809" i="1"/>
  <c r="AC31810" i="1"/>
  <c r="AC31811" i="1"/>
  <c r="AC31812" i="1"/>
  <c r="AC31813" i="1"/>
  <c r="AC31814" i="1"/>
  <c r="AC31815" i="1"/>
  <c r="AC31816" i="1"/>
  <c r="AC31817" i="1"/>
  <c r="AC31818" i="1"/>
  <c r="AC31819" i="1"/>
  <c r="AD31819" i="1" s="1"/>
  <c r="AC31820" i="1"/>
  <c r="AC31821" i="1"/>
  <c r="AC31822" i="1"/>
  <c r="AC31823" i="1"/>
  <c r="AC31824" i="1"/>
  <c r="AC31825" i="1"/>
  <c r="AC31826" i="1"/>
  <c r="AC31827" i="1"/>
  <c r="AC31828" i="1"/>
  <c r="AC31829" i="1"/>
  <c r="AC31830" i="1"/>
  <c r="AC31831" i="1"/>
  <c r="AD31831" i="1" s="1"/>
  <c r="AC31832" i="1"/>
  <c r="AC31833" i="1"/>
  <c r="AC31834" i="1"/>
  <c r="AC31835" i="1"/>
  <c r="AC31836" i="1"/>
  <c r="AC31837" i="1"/>
  <c r="AC31838" i="1"/>
  <c r="AC31839" i="1"/>
  <c r="AC31840" i="1"/>
  <c r="AC31841" i="1"/>
  <c r="AC31842" i="1"/>
  <c r="AC31843" i="1"/>
  <c r="AD31843" i="1" s="1"/>
  <c r="AC31844" i="1"/>
  <c r="AC31845" i="1"/>
  <c r="AC31846" i="1"/>
  <c r="AC31847" i="1"/>
  <c r="AC31848" i="1"/>
  <c r="AC31849" i="1"/>
  <c r="AC31850" i="1"/>
  <c r="AC31851" i="1"/>
  <c r="AC31852" i="1"/>
  <c r="AC31853" i="1"/>
  <c r="AC31854" i="1"/>
  <c r="AC31855" i="1"/>
  <c r="AD31855" i="1" s="1"/>
  <c r="AC31856" i="1"/>
  <c r="AC31857" i="1"/>
  <c r="AC31858" i="1"/>
  <c r="AC31859" i="1"/>
  <c r="AC31860" i="1"/>
  <c r="AC31861" i="1"/>
  <c r="AC31862" i="1"/>
  <c r="AC31863" i="1"/>
  <c r="AC31864" i="1"/>
  <c r="AC31865" i="1"/>
  <c r="AC31866" i="1"/>
  <c r="AC31867" i="1"/>
  <c r="AD31867" i="1" s="1"/>
  <c r="AC31868" i="1"/>
  <c r="AC31869" i="1"/>
  <c r="AC31870" i="1"/>
  <c r="AC31871" i="1"/>
  <c r="AC31872" i="1"/>
  <c r="AC31873" i="1"/>
  <c r="AC31874" i="1"/>
  <c r="AC31875" i="1"/>
  <c r="AC31876" i="1"/>
  <c r="AC31877" i="1"/>
  <c r="AC31878" i="1"/>
  <c r="AC31879" i="1"/>
  <c r="AD31879" i="1" s="1"/>
  <c r="AC31880" i="1"/>
  <c r="AC31881" i="1"/>
  <c r="AC31882" i="1"/>
  <c r="AC31883" i="1"/>
  <c r="AC31884" i="1"/>
  <c r="AC31885" i="1"/>
  <c r="AC31886" i="1"/>
  <c r="AC31887" i="1"/>
  <c r="AC31888" i="1"/>
  <c r="AC31889" i="1"/>
  <c r="AC31890" i="1"/>
  <c r="AC31891" i="1"/>
  <c r="AD31891" i="1" s="1"/>
  <c r="AC31892" i="1"/>
  <c r="AC31893" i="1"/>
  <c r="AC31894" i="1"/>
  <c r="AC31895" i="1"/>
  <c r="AC31896" i="1"/>
  <c r="AC31897" i="1"/>
  <c r="AC31898" i="1"/>
  <c r="AC31899" i="1"/>
  <c r="AC31900" i="1"/>
  <c r="AC31901" i="1"/>
  <c r="AC31902" i="1"/>
  <c r="AC31903" i="1"/>
  <c r="AD31903" i="1" s="1"/>
  <c r="AC31904" i="1"/>
  <c r="AC31905" i="1"/>
  <c r="AC31906" i="1"/>
  <c r="AC31907" i="1"/>
  <c r="AC31908" i="1"/>
  <c r="AC31909" i="1"/>
  <c r="AC31910" i="1"/>
  <c r="AC31911" i="1"/>
  <c r="AC31912" i="1"/>
  <c r="AC31913" i="1"/>
  <c r="AC31914" i="1"/>
  <c r="AC31915" i="1"/>
  <c r="AD31915" i="1" s="1"/>
  <c r="AC31916" i="1"/>
  <c r="AC31917" i="1"/>
  <c r="AC31918" i="1"/>
  <c r="AC31919" i="1"/>
  <c r="AC31920" i="1"/>
  <c r="AC31921" i="1"/>
  <c r="AC31922" i="1"/>
  <c r="AC31923" i="1"/>
  <c r="AC31924" i="1"/>
  <c r="AC31925" i="1"/>
  <c r="AC31926" i="1"/>
  <c r="AC31927" i="1"/>
  <c r="AD31927" i="1" s="1"/>
  <c r="AC31928" i="1"/>
  <c r="AC31929" i="1"/>
  <c r="AC31930" i="1"/>
  <c r="AC31931" i="1"/>
  <c r="AC31932" i="1"/>
  <c r="AC31933" i="1"/>
  <c r="AC31934" i="1"/>
  <c r="AC31935" i="1"/>
  <c r="AC31936" i="1"/>
  <c r="AC31937" i="1"/>
  <c r="AC31938" i="1"/>
  <c r="AC31939" i="1"/>
  <c r="AD31939" i="1" s="1"/>
  <c r="AC31940" i="1"/>
  <c r="AC31941" i="1"/>
  <c r="AC31942" i="1"/>
  <c r="AC31943" i="1"/>
  <c r="AC31944" i="1"/>
  <c r="AC31945" i="1"/>
  <c r="AC31946" i="1"/>
  <c r="AC31947" i="1"/>
  <c r="AC31948" i="1"/>
  <c r="AC31949" i="1"/>
  <c r="AC31950" i="1"/>
  <c r="AC31951" i="1"/>
  <c r="AD31951" i="1" s="1"/>
  <c r="AC31952" i="1"/>
  <c r="AC31953" i="1"/>
  <c r="AC31954" i="1"/>
  <c r="AC31955" i="1"/>
  <c r="AC31956" i="1"/>
  <c r="AC31957" i="1"/>
  <c r="AC31958" i="1"/>
  <c r="AC31959" i="1"/>
  <c r="AC31960" i="1"/>
  <c r="AC31961" i="1"/>
  <c r="AC31962" i="1"/>
  <c r="AC31963" i="1"/>
  <c r="AD31963" i="1" s="1"/>
  <c r="AC31964" i="1"/>
  <c r="AC31965" i="1"/>
  <c r="AC31966" i="1"/>
  <c r="AC31967" i="1"/>
  <c r="AC31968" i="1"/>
  <c r="AC31969" i="1"/>
  <c r="AC31970" i="1"/>
  <c r="AC31971" i="1"/>
  <c r="AC31972" i="1"/>
  <c r="AC31973" i="1"/>
  <c r="AC31974" i="1"/>
  <c r="AC31975" i="1"/>
  <c r="AD31975" i="1" s="1"/>
  <c r="AC31976" i="1"/>
  <c r="AC31977" i="1"/>
  <c r="AC31978" i="1"/>
  <c r="AC31979" i="1"/>
  <c r="AC31980" i="1"/>
  <c r="AC31981" i="1"/>
  <c r="AC31982" i="1"/>
  <c r="AC31983" i="1"/>
  <c r="AC31984" i="1"/>
  <c r="AC31985" i="1"/>
  <c r="AC31986" i="1"/>
  <c r="AC31987" i="1"/>
  <c r="AD31987" i="1" s="1"/>
  <c r="AC31988" i="1"/>
  <c r="AC31989" i="1"/>
  <c r="AC31990" i="1"/>
  <c r="AC31991" i="1"/>
  <c r="AC31992" i="1"/>
  <c r="AC31993" i="1"/>
  <c r="AC31994" i="1"/>
  <c r="AC31995" i="1"/>
  <c r="AC31996" i="1"/>
  <c r="AC31997" i="1"/>
  <c r="AC31998" i="1"/>
  <c r="AC31999" i="1"/>
  <c r="AD31999" i="1" s="1"/>
  <c r="AC32000" i="1"/>
  <c r="AC32001" i="1"/>
  <c r="AC32002" i="1"/>
  <c r="AC32003" i="1"/>
  <c r="AC32004" i="1"/>
  <c r="AC32005" i="1"/>
  <c r="AC32006" i="1"/>
  <c r="AC32007" i="1"/>
  <c r="AC32008" i="1"/>
  <c r="AC32009" i="1"/>
  <c r="AC32010" i="1"/>
  <c r="AC32011" i="1"/>
  <c r="AD32011" i="1" s="1"/>
  <c r="AC32012" i="1"/>
  <c r="AC32013" i="1"/>
  <c r="AC32014" i="1"/>
  <c r="AC32015" i="1"/>
  <c r="AC32016" i="1"/>
  <c r="AC32017" i="1"/>
  <c r="AC32018" i="1"/>
  <c r="AC32019" i="1"/>
  <c r="AC32020" i="1"/>
  <c r="AC32021" i="1"/>
  <c r="AC32022" i="1"/>
  <c r="AC32023" i="1"/>
  <c r="AD32023" i="1" s="1"/>
  <c r="AC32024" i="1"/>
  <c r="AC32025" i="1"/>
  <c r="AC32026" i="1"/>
  <c r="AC32027" i="1"/>
  <c r="AC32028" i="1"/>
  <c r="AC32029" i="1"/>
  <c r="AC32030" i="1"/>
  <c r="AC32031" i="1"/>
  <c r="AC32032" i="1"/>
  <c r="AC32033" i="1"/>
  <c r="AC32034" i="1"/>
  <c r="AC32035" i="1"/>
  <c r="AD32035" i="1" s="1"/>
  <c r="AC32036" i="1"/>
  <c r="AC32037" i="1"/>
  <c r="AC32038" i="1"/>
  <c r="AC32039" i="1"/>
  <c r="AC32040" i="1"/>
  <c r="AC32041" i="1"/>
  <c r="AC32042" i="1"/>
  <c r="AC32043" i="1"/>
  <c r="AC32044" i="1"/>
  <c r="AC32045" i="1"/>
  <c r="AC32046" i="1"/>
  <c r="AC32047" i="1"/>
  <c r="AD32047" i="1" s="1"/>
  <c r="AC32048" i="1"/>
  <c r="AC32049" i="1"/>
  <c r="AC32050" i="1"/>
  <c r="AC32051" i="1"/>
  <c r="AC32052" i="1"/>
  <c r="AC32053" i="1"/>
  <c r="AC32054" i="1"/>
  <c r="AC32055" i="1"/>
  <c r="AC32056" i="1"/>
  <c r="AC32057" i="1"/>
  <c r="AC32058" i="1"/>
  <c r="AC32059" i="1"/>
  <c r="AD32059" i="1" s="1"/>
  <c r="AC32060" i="1"/>
  <c r="AC32061" i="1"/>
  <c r="AC32062" i="1"/>
  <c r="AC32063" i="1"/>
  <c r="AC32064" i="1"/>
  <c r="AC32065" i="1"/>
  <c r="AC32066" i="1"/>
  <c r="AC32067" i="1"/>
  <c r="AC32068" i="1"/>
  <c r="AC32069" i="1"/>
  <c r="AC32070" i="1"/>
  <c r="AC32071" i="1"/>
  <c r="AD32071" i="1" s="1"/>
  <c r="AC32072" i="1"/>
  <c r="AC32073" i="1"/>
  <c r="AC32074" i="1"/>
  <c r="AC32075" i="1"/>
  <c r="AC32076" i="1"/>
  <c r="AC32077" i="1"/>
  <c r="AC32078" i="1"/>
  <c r="AC32079" i="1"/>
  <c r="AC32080" i="1"/>
  <c r="AC32081" i="1"/>
  <c r="AC32082" i="1"/>
  <c r="AC32083" i="1"/>
  <c r="AD32083" i="1" s="1"/>
  <c r="AC32084" i="1"/>
  <c r="AC32085" i="1"/>
  <c r="AC32086" i="1"/>
  <c r="AC32087" i="1"/>
  <c r="AC32088" i="1"/>
  <c r="AC32089" i="1"/>
  <c r="AC32090" i="1"/>
  <c r="AC32091" i="1"/>
  <c r="AC32092" i="1"/>
  <c r="AC32093" i="1"/>
  <c r="AC32094" i="1"/>
  <c r="AC32095" i="1"/>
  <c r="AD32095" i="1" s="1"/>
  <c r="AC32096" i="1"/>
  <c r="AC32097" i="1"/>
  <c r="AC32098" i="1"/>
  <c r="AC32099" i="1"/>
  <c r="AC32100" i="1"/>
  <c r="AC32101" i="1"/>
  <c r="AC32102" i="1"/>
  <c r="AC32103" i="1"/>
  <c r="AC32104" i="1"/>
  <c r="AC32105" i="1"/>
  <c r="AC32106" i="1"/>
  <c r="AC32107" i="1"/>
  <c r="AD32107" i="1" s="1"/>
  <c r="AC32108" i="1"/>
  <c r="AC32109" i="1"/>
  <c r="AC32110" i="1"/>
  <c r="AC32111" i="1"/>
  <c r="AC32112" i="1"/>
  <c r="AC32113" i="1"/>
  <c r="AC32114" i="1"/>
  <c r="AC32115" i="1"/>
  <c r="AC32116" i="1"/>
  <c r="AC32117" i="1"/>
  <c r="AC32118" i="1"/>
  <c r="AC32119" i="1"/>
  <c r="AD32119" i="1" s="1"/>
  <c r="AC32120" i="1"/>
  <c r="AC32121" i="1"/>
  <c r="AC32122" i="1"/>
  <c r="AC32123" i="1"/>
  <c r="AC32124" i="1"/>
  <c r="AC32125" i="1"/>
  <c r="AC32126" i="1"/>
  <c r="AC32127" i="1"/>
  <c r="AC32128" i="1"/>
  <c r="AC32129" i="1"/>
  <c r="AC32130" i="1"/>
  <c r="AC32131" i="1"/>
  <c r="AD32131" i="1" s="1"/>
  <c r="AC32132" i="1"/>
  <c r="AC32133" i="1"/>
  <c r="AC32134" i="1"/>
  <c r="AC32135" i="1"/>
  <c r="AC32136" i="1"/>
  <c r="AC32137" i="1"/>
  <c r="AC32138" i="1"/>
  <c r="AC32139" i="1"/>
  <c r="AC32140" i="1"/>
  <c r="AC32141" i="1"/>
  <c r="AC32142" i="1"/>
  <c r="AC32143" i="1"/>
  <c r="AD32143" i="1" s="1"/>
  <c r="AC32144" i="1"/>
  <c r="AC32145" i="1"/>
  <c r="AC32146" i="1"/>
  <c r="AC32147" i="1"/>
  <c r="AC32148" i="1"/>
  <c r="AC32149" i="1"/>
  <c r="AC32150" i="1"/>
  <c r="AC32151" i="1"/>
  <c r="AC32152" i="1"/>
  <c r="AC32153" i="1"/>
  <c r="AC32154" i="1"/>
  <c r="AC32155" i="1"/>
  <c r="AD32155" i="1" s="1"/>
  <c r="AC32156" i="1"/>
  <c r="AC32157" i="1"/>
  <c r="AC32158" i="1"/>
  <c r="AC32159" i="1"/>
  <c r="AC32160" i="1"/>
  <c r="AC32161" i="1"/>
  <c r="AC32162" i="1"/>
  <c r="AC32163" i="1"/>
  <c r="AC32164" i="1"/>
  <c r="AC32165" i="1"/>
  <c r="AC32166" i="1"/>
  <c r="AC32167" i="1"/>
  <c r="AD32167" i="1" s="1"/>
  <c r="AC32168" i="1"/>
  <c r="AC32169" i="1"/>
  <c r="AC32170" i="1"/>
  <c r="AC32171" i="1"/>
  <c r="AC32172" i="1"/>
  <c r="AC32173" i="1"/>
  <c r="AC32174" i="1"/>
  <c r="AC32175" i="1"/>
  <c r="AC32176" i="1"/>
  <c r="AC32177" i="1"/>
  <c r="AC32178" i="1"/>
  <c r="AC32179" i="1"/>
  <c r="AD32179" i="1" s="1"/>
  <c r="AC32180" i="1"/>
  <c r="AC32181" i="1"/>
  <c r="AC32182" i="1"/>
  <c r="AC32183" i="1"/>
  <c r="AC32184" i="1"/>
  <c r="AC32185" i="1"/>
  <c r="AC32186" i="1"/>
  <c r="AC32187" i="1"/>
  <c r="AC32188" i="1"/>
  <c r="AC32189" i="1"/>
  <c r="AC32190" i="1"/>
  <c r="AC32191" i="1"/>
  <c r="AD32191" i="1" s="1"/>
  <c r="AC32192" i="1"/>
  <c r="AC32193" i="1"/>
  <c r="AC32194" i="1"/>
  <c r="AC32195" i="1"/>
  <c r="AC32196" i="1"/>
  <c r="AC32197" i="1"/>
  <c r="AC32198" i="1"/>
  <c r="AC32199" i="1"/>
  <c r="AC32200" i="1"/>
  <c r="AC32201" i="1"/>
  <c r="AC32202" i="1"/>
  <c r="AC32203" i="1"/>
  <c r="AD32203" i="1" s="1"/>
  <c r="AC32204" i="1"/>
  <c r="AC32205" i="1"/>
  <c r="AC32206" i="1"/>
  <c r="AC32207" i="1"/>
  <c r="AC32208" i="1"/>
  <c r="AC32209" i="1"/>
  <c r="AC32210" i="1"/>
  <c r="AC32211" i="1"/>
  <c r="AC32212" i="1"/>
  <c r="AC32213" i="1"/>
  <c r="AC32214" i="1"/>
  <c r="AC32215" i="1"/>
  <c r="AD32215" i="1" s="1"/>
  <c r="AC32216" i="1"/>
  <c r="AC32217" i="1"/>
  <c r="AC32218" i="1"/>
  <c r="AC32219" i="1"/>
  <c r="AC32220" i="1"/>
  <c r="AC32221" i="1"/>
  <c r="AC32222" i="1"/>
  <c r="AC32223" i="1"/>
  <c r="AC32224" i="1"/>
  <c r="AC32225" i="1"/>
  <c r="AC32226" i="1"/>
  <c r="AC32227" i="1"/>
  <c r="AD32227" i="1" s="1"/>
  <c r="AC32228" i="1"/>
  <c r="AC32229" i="1"/>
  <c r="AC32230" i="1"/>
  <c r="AC32231" i="1"/>
  <c r="AC32232" i="1"/>
  <c r="AC32233" i="1"/>
  <c r="AC32234" i="1"/>
  <c r="AC32235" i="1"/>
  <c r="AC32236" i="1"/>
  <c r="AC32237" i="1"/>
  <c r="AC32238" i="1"/>
  <c r="AC32239" i="1"/>
  <c r="AD32239" i="1" s="1"/>
  <c r="AC32240" i="1"/>
  <c r="AC32241" i="1"/>
  <c r="AC32242" i="1"/>
  <c r="AC32243" i="1"/>
  <c r="AC32244" i="1"/>
  <c r="AC32245" i="1"/>
  <c r="AC32246" i="1"/>
  <c r="AC32247" i="1"/>
  <c r="AC32248" i="1"/>
  <c r="AC32249" i="1"/>
  <c r="AC32250" i="1"/>
  <c r="AC32251" i="1"/>
  <c r="AD32251" i="1" s="1"/>
  <c r="AC32252" i="1"/>
  <c r="AC32253" i="1"/>
  <c r="AC32254" i="1"/>
  <c r="AC32255" i="1"/>
  <c r="AC32256" i="1"/>
  <c r="AC32257" i="1"/>
  <c r="AC32258" i="1"/>
  <c r="AC32259" i="1"/>
  <c r="AC32260" i="1"/>
  <c r="AC32261" i="1"/>
  <c r="AC32262" i="1"/>
  <c r="AC32263" i="1"/>
  <c r="AD32263" i="1" s="1"/>
  <c r="AC32264" i="1"/>
  <c r="AC32265" i="1"/>
  <c r="AC32266" i="1"/>
  <c r="AC32267" i="1"/>
  <c r="AC32268" i="1"/>
  <c r="AC32269" i="1"/>
  <c r="AC32270" i="1"/>
  <c r="AC32271" i="1"/>
  <c r="AC32272" i="1"/>
  <c r="AC32273" i="1"/>
  <c r="AC32274" i="1"/>
  <c r="AC32275" i="1"/>
  <c r="AD32275" i="1" s="1"/>
  <c r="AC32276" i="1"/>
  <c r="AC32277" i="1"/>
  <c r="AC32278" i="1"/>
  <c r="AC32279" i="1"/>
  <c r="AC32280" i="1"/>
  <c r="AC32281" i="1"/>
  <c r="AC32282" i="1"/>
  <c r="AC32283" i="1"/>
  <c r="AC32284" i="1"/>
  <c r="AC32285" i="1"/>
  <c r="AC32286" i="1"/>
  <c r="AC32287" i="1"/>
  <c r="AD32287" i="1" s="1"/>
  <c r="AC32288" i="1"/>
  <c r="AC32289" i="1"/>
  <c r="AC32290" i="1"/>
  <c r="AC32291" i="1"/>
  <c r="AC32292" i="1"/>
  <c r="AC32293" i="1"/>
  <c r="AC32294" i="1"/>
  <c r="AC32295" i="1"/>
  <c r="AC32296" i="1"/>
  <c r="AC32297" i="1"/>
  <c r="AC32298" i="1"/>
  <c r="AC32299" i="1"/>
  <c r="AD32299" i="1" s="1"/>
  <c r="AC32300" i="1"/>
  <c r="AC32301" i="1"/>
  <c r="AC32302" i="1"/>
  <c r="AC32303" i="1"/>
  <c r="AC32304" i="1"/>
  <c r="AC32305" i="1"/>
  <c r="AC32306" i="1"/>
  <c r="AC32307" i="1"/>
  <c r="AC32308" i="1"/>
  <c r="AC32309" i="1"/>
  <c r="AC32310" i="1"/>
  <c r="AC32311" i="1"/>
  <c r="AD32311" i="1" s="1"/>
  <c r="AC32312" i="1"/>
  <c r="AC32313" i="1"/>
  <c r="AC32314" i="1"/>
  <c r="AC32315" i="1"/>
  <c r="AC32316" i="1"/>
  <c r="AC32317" i="1"/>
  <c r="AC32318" i="1"/>
  <c r="AC32319" i="1"/>
  <c r="AC32320" i="1"/>
  <c r="AC32321" i="1"/>
  <c r="AC32322" i="1"/>
  <c r="AC32323" i="1"/>
  <c r="AD32323" i="1" s="1"/>
  <c r="AC32324" i="1"/>
  <c r="AC32325" i="1"/>
  <c r="AC32326" i="1"/>
  <c r="AC32327" i="1"/>
  <c r="AC32328" i="1"/>
  <c r="AC32329" i="1"/>
  <c r="AC32330" i="1"/>
  <c r="AC32331" i="1"/>
  <c r="AC32332" i="1"/>
  <c r="AC32333" i="1"/>
  <c r="AC32334" i="1"/>
  <c r="AC32335" i="1"/>
  <c r="AD32335" i="1" s="1"/>
  <c r="AC32336" i="1"/>
  <c r="AC32337" i="1"/>
  <c r="AC32338" i="1"/>
  <c r="AC32339" i="1"/>
  <c r="AC32340" i="1"/>
  <c r="AC32341" i="1"/>
  <c r="AC32342" i="1"/>
  <c r="AC32343" i="1"/>
  <c r="AC32344" i="1"/>
  <c r="AC32345" i="1"/>
  <c r="AC32346" i="1"/>
  <c r="AC32347" i="1"/>
  <c r="AD32347" i="1" s="1"/>
  <c r="AC32348" i="1"/>
  <c r="AC32349" i="1"/>
  <c r="AC32350" i="1"/>
  <c r="AC32351" i="1"/>
  <c r="AC32352" i="1"/>
  <c r="AC32353" i="1"/>
  <c r="AC32354" i="1"/>
  <c r="AC32355" i="1"/>
  <c r="AC32356" i="1"/>
  <c r="AC32357" i="1"/>
  <c r="AC32358" i="1"/>
  <c r="AC32359" i="1"/>
  <c r="AD32359" i="1" s="1"/>
  <c r="AC32360" i="1"/>
  <c r="AC32361" i="1"/>
  <c r="AC32362" i="1"/>
  <c r="AC32363" i="1"/>
  <c r="AC32364" i="1"/>
  <c r="AC32365" i="1"/>
  <c r="AC32366" i="1"/>
  <c r="AC32367" i="1"/>
  <c r="AC32368" i="1"/>
  <c r="AC32369" i="1"/>
  <c r="AC32370" i="1"/>
  <c r="AC32371" i="1"/>
  <c r="AD32371" i="1" s="1"/>
  <c r="AC32372" i="1"/>
  <c r="AC32373" i="1"/>
  <c r="AC32374" i="1"/>
  <c r="AC32375" i="1"/>
  <c r="AC32376" i="1"/>
  <c r="AC32377" i="1"/>
  <c r="AC32378" i="1"/>
  <c r="AC32379" i="1"/>
  <c r="AC32380" i="1"/>
  <c r="AC32381" i="1"/>
  <c r="AC32382" i="1"/>
  <c r="AC32383" i="1"/>
  <c r="AD32383" i="1" s="1"/>
  <c r="AC32384" i="1"/>
  <c r="AC32385" i="1"/>
  <c r="AC32386" i="1"/>
  <c r="AC32387" i="1"/>
  <c r="AC32388" i="1"/>
  <c r="AC32389" i="1"/>
  <c r="AC32390" i="1"/>
  <c r="AC32391" i="1"/>
  <c r="AC32392" i="1"/>
  <c r="AC32393" i="1"/>
  <c r="AC32394" i="1"/>
  <c r="AC32395" i="1"/>
  <c r="AD32395" i="1" s="1"/>
  <c r="AC32396" i="1"/>
  <c r="AC32397" i="1"/>
  <c r="AC32398" i="1"/>
  <c r="AC32399" i="1"/>
  <c r="AC32400" i="1"/>
  <c r="AC32401" i="1"/>
  <c r="AC32402" i="1"/>
  <c r="AC32403" i="1"/>
  <c r="AC32404" i="1"/>
  <c r="AC32405" i="1"/>
  <c r="AC32406" i="1"/>
  <c r="AC32407" i="1"/>
  <c r="AD32407" i="1" s="1"/>
  <c r="AC32408" i="1"/>
  <c r="AC32409" i="1"/>
  <c r="AC32410" i="1"/>
  <c r="AC32411" i="1"/>
  <c r="AC32412" i="1"/>
  <c r="AC32413" i="1"/>
  <c r="AC32414" i="1"/>
  <c r="AC32415" i="1"/>
  <c r="AC32416" i="1"/>
  <c r="AC32417" i="1"/>
  <c r="AC32418" i="1"/>
  <c r="AC32419" i="1"/>
  <c r="AD32419" i="1" s="1"/>
  <c r="AC32420" i="1"/>
  <c r="AC32421" i="1"/>
  <c r="AC32422" i="1"/>
  <c r="AC32423" i="1"/>
  <c r="AC32424" i="1"/>
  <c r="AC32425" i="1"/>
  <c r="AC32426" i="1"/>
  <c r="AC32427" i="1"/>
  <c r="AC32428" i="1"/>
  <c r="AC32429" i="1"/>
  <c r="AC32430" i="1"/>
  <c r="AC32431" i="1"/>
  <c r="AD32431" i="1" s="1"/>
  <c r="AC32432" i="1"/>
  <c r="AC32433" i="1"/>
  <c r="AC32434" i="1"/>
  <c r="AC32435" i="1"/>
  <c r="AC32436" i="1"/>
  <c r="AC32437" i="1"/>
  <c r="AC32438" i="1"/>
  <c r="AC32439" i="1"/>
  <c r="AC32440" i="1"/>
  <c r="AC32441" i="1"/>
  <c r="AC32442" i="1"/>
  <c r="AC32443" i="1"/>
  <c r="AD32443" i="1" s="1"/>
  <c r="AC32444" i="1"/>
  <c r="AC32445" i="1"/>
  <c r="AC32446" i="1"/>
  <c r="AC32447" i="1"/>
  <c r="AC32448" i="1"/>
  <c r="AC32449" i="1"/>
  <c r="AC32450" i="1"/>
  <c r="AC32451" i="1"/>
  <c r="AC32452" i="1"/>
  <c r="AC32453" i="1"/>
  <c r="AC32454" i="1"/>
  <c r="AC32455" i="1"/>
  <c r="AD32455" i="1" s="1"/>
  <c r="AC32456" i="1"/>
  <c r="AC32457" i="1"/>
  <c r="AC32458" i="1"/>
  <c r="AC32459" i="1"/>
  <c r="AC32460" i="1"/>
  <c r="AC32461" i="1"/>
  <c r="AC32462" i="1"/>
  <c r="AC32463" i="1"/>
  <c r="AC32464" i="1"/>
  <c r="AC32465" i="1"/>
  <c r="AC32466" i="1"/>
  <c r="AC32467" i="1"/>
  <c r="AD32467" i="1" s="1"/>
  <c r="AC32468" i="1"/>
  <c r="AC32469" i="1"/>
  <c r="AC32470" i="1"/>
  <c r="AC32471" i="1"/>
  <c r="AC32472" i="1"/>
  <c r="AC32473" i="1"/>
  <c r="AC32474" i="1"/>
  <c r="AC32475" i="1"/>
  <c r="AC32476" i="1"/>
  <c r="AC32477" i="1"/>
  <c r="AC32478" i="1"/>
  <c r="AC32479" i="1"/>
  <c r="AD32479" i="1" s="1"/>
  <c r="AC32480" i="1"/>
  <c r="AC32481" i="1"/>
  <c r="AC32482" i="1"/>
  <c r="AC32483" i="1"/>
  <c r="AC32484" i="1"/>
  <c r="AC32485" i="1"/>
  <c r="AC32486" i="1"/>
  <c r="AC32487" i="1"/>
  <c r="AC32488" i="1"/>
  <c r="AC32489" i="1"/>
  <c r="AC32490" i="1"/>
  <c r="AC32491" i="1"/>
  <c r="AD32491" i="1" s="1"/>
  <c r="AC32492" i="1"/>
  <c r="AC32493" i="1"/>
  <c r="AC32494" i="1"/>
  <c r="AC32495" i="1"/>
  <c r="AC32496" i="1"/>
  <c r="AC32497" i="1"/>
  <c r="AC32498" i="1"/>
  <c r="AC32499" i="1"/>
  <c r="AC32500" i="1"/>
  <c r="AC32501" i="1"/>
  <c r="AC32502" i="1"/>
  <c r="AC32503" i="1"/>
  <c r="AD32503" i="1" s="1"/>
  <c r="AC32504" i="1"/>
  <c r="AC32505" i="1"/>
  <c r="AC32506" i="1"/>
  <c r="AC32507" i="1"/>
  <c r="AC32508" i="1"/>
  <c r="AC32509" i="1"/>
  <c r="AC32510" i="1"/>
  <c r="AC32511" i="1"/>
  <c r="AC32512" i="1"/>
  <c r="AC32513" i="1"/>
  <c r="AC32514" i="1"/>
  <c r="AC32515" i="1"/>
  <c r="AD32515" i="1" s="1"/>
  <c r="AC32516" i="1"/>
  <c r="AC32517" i="1"/>
  <c r="AC32518" i="1"/>
  <c r="AC32519" i="1"/>
  <c r="AC32520" i="1"/>
  <c r="AC32521" i="1"/>
  <c r="AC32522" i="1"/>
  <c r="AC32523" i="1"/>
  <c r="AC32524" i="1"/>
  <c r="AC32525" i="1"/>
  <c r="AC32526" i="1"/>
  <c r="AC32527" i="1"/>
  <c r="AD32527" i="1" s="1"/>
  <c r="AC32528" i="1"/>
  <c r="AC32529" i="1"/>
  <c r="AC32530" i="1"/>
  <c r="AC32531" i="1"/>
  <c r="AC32532" i="1"/>
  <c r="AC32533" i="1"/>
  <c r="AC32534" i="1"/>
  <c r="AC32535" i="1"/>
  <c r="AC32536" i="1"/>
  <c r="AC32537" i="1"/>
  <c r="AC32538" i="1"/>
  <c r="AC32539" i="1"/>
  <c r="AD32539" i="1" s="1"/>
  <c r="AC32540" i="1"/>
  <c r="AC32541" i="1"/>
  <c r="AC32542" i="1"/>
  <c r="AC32543" i="1"/>
  <c r="AC32544" i="1"/>
  <c r="AC32545" i="1"/>
  <c r="AC32546" i="1"/>
  <c r="AC32547" i="1"/>
  <c r="AC32548" i="1"/>
  <c r="AC32549" i="1"/>
  <c r="AC32550" i="1"/>
  <c r="AC32551" i="1"/>
  <c r="AD32551" i="1" s="1"/>
  <c r="AC32552" i="1"/>
  <c r="AC32553" i="1"/>
  <c r="AC32554" i="1"/>
  <c r="AC32555" i="1"/>
  <c r="AC32556" i="1"/>
  <c r="AC32557" i="1"/>
  <c r="AC32558" i="1"/>
  <c r="AC32559" i="1"/>
  <c r="AC32560" i="1"/>
  <c r="AC32561" i="1"/>
  <c r="AC32562" i="1"/>
  <c r="AC32563" i="1"/>
  <c r="AD32563" i="1" s="1"/>
  <c r="AC32564" i="1"/>
  <c r="AC32565" i="1"/>
  <c r="AC32566" i="1"/>
  <c r="AC32567" i="1"/>
  <c r="AC32568" i="1"/>
  <c r="AC32569" i="1"/>
  <c r="AC32570" i="1"/>
  <c r="AC32571" i="1"/>
  <c r="AC32572" i="1"/>
  <c r="AC32573" i="1"/>
  <c r="AC32574" i="1"/>
  <c r="AC32575" i="1"/>
  <c r="AD32575" i="1" s="1"/>
  <c r="AC32576" i="1"/>
  <c r="AC32577" i="1"/>
  <c r="AC32578" i="1"/>
  <c r="AC32579" i="1"/>
  <c r="AC32580" i="1"/>
  <c r="AC32581" i="1"/>
  <c r="AC32582" i="1"/>
  <c r="AC32583" i="1"/>
  <c r="AC32584" i="1"/>
  <c r="AC32585" i="1"/>
  <c r="AC32586" i="1"/>
  <c r="AC32587" i="1"/>
  <c r="AD32587" i="1" s="1"/>
  <c r="AC32588" i="1"/>
  <c r="AC32589" i="1"/>
  <c r="AC32590" i="1"/>
  <c r="AC32591" i="1"/>
  <c r="AC32592" i="1"/>
  <c r="AC32593" i="1"/>
  <c r="AC32594" i="1"/>
  <c r="AC32595" i="1"/>
  <c r="AC32596" i="1"/>
  <c r="AC32597" i="1"/>
  <c r="AC32598" i="1"/>
  <c r="AC32599" i="1"/>
  <c r="AD32599" i="1" s="1"/>
  <c r="AC32600" i="1"/>
  <c r="AC32601" i="1"/>
  <c r="AC32602" i="1"/>
  <c r="AC32603" i="1"/>
  <c r="AC32604" i="1"/>
  <c r="AC32605" i="1"/>
  <c r="AC32606" i="1"/>
  <c r="AC32607" i="1"/>
  <c r="AC32608" i="1"/>
  <c r="AC32609" i="1"/>
  <c r="AC32610" i="1"/>
  <c r="AC32611" i="1"/>
  <c r="AD32611" i="1" s="1"/>
  <c r="AC32612" i="1"/>
  <c r="AC32613" i="1"/>
  <c r="AC32614" i="1"/>
  <c r="AC32615" i="1"/>
  <c r="AC32616" i="1"/>
  <c r="AC32617" i="1"/>
  <c r="AC32618" i="1"/>
  <c r="AC32619" i="1"/>
  <c r="AC32620" i="1"/>
  <c r="AC32621" i="1"/>
  <c r="AC32622" i="1"/>
  <c r="AC32623" i="1"/>
  <c r="AD32623" i="1" s="1"/>
  <c r="AC32624" i="1"/>
  <c r="AC32625" i="1"/>
  <c r="AC32626" i="1"/>
  <c r="AC32627" i="1"/>
  <c r="AC32628" i="1"/>
  <c r="AC32629" i="1"/>
  <c r="AC32630" i="1"/>
  <c r="AC32631" i="1"/>
  <c r="AC32632" i="1"/>
  <c r="AC32633" i="1"/>
  <c r="AC32634" i="1"/>
  <c r="AC32635" i="1"/>
  <c r="AD32635" i="1" s="1"/>
  <c r="AC32636" i="1"/>
  <c r="AC32637" i="1"/>
  <c r="AC32638" i="1"/>
  <c r="AC32639" i="1"/>
  <c r="AC32640" i="1"/>
  <c r="AC32641" i="1"/>
  <c r="AC32642" i="1"/>
  <c r="AC32643" i="1"/>
  <c r="AC32644" i="1"/>
  <c r="AC32645" i="1"/>
  <c r="AC32646" i="1"/>
  <c r="AC32647" i="1"/>
  <c r="AD32647" i="1" s="1"/>
  <c r="AC32648" i="1"/>
  <c r="AC32649" i="1"/>
  <c r="AC32650" i="1"/>
  <c r="AC32651" i="1"/>
  <c r="AC32652" i="1"/>
  <c r="AC32653" i="1"/>
  <c r="AC32654" i="1"/>
  <c r="AC32655" i="1"/>
  <c r="AC32656" i="1"/>
  <c r="AC32657" i="1"/>
  <c r="AC32658" i="1"/>
  <c r="AC32659" i="1"/>
  <c r="AD32659" i="1" s="1"/>
  <c r="AC32660" i="1"/>
  <c r="AC32661" i="1"/>
  <c r="AC32662" i="1"/>
  <c r="AC32663" i="1"/>
  <c r="AC32664" i="1"/>
  <c r="AC32665" i="1"/>
  <c r="AC32666" i="1"/>
  <c r="AC32667" i="1"/>
  <c r="AC32668" i="1"/>
  <c r="AC32669" i="1"/>
  <c r="AC32670" i="1"/>
  <c r="AC32671" i="1"/>
  <c r="AD32671" i="1" s="1"/>
  <c r="AC32672" i="1"/>
  <c r="AC32673" i="1"/>
  <c r="AC32674" i="1"/>
  <c r="AC32675" i="1"/>
  <c r="AC32676" i="1"/>
  <c r="AC32677" i="1"/>
  <c r="AC32678" i="1"/>
  <c r="AC32679" i="1"/>
  <c r="AC32680" i="1"/>
  <c r="AC32681" i="1"/>
  <c r="AC32682" i="1"/>
  <c r="AC32683" i="1"/>
  <c r="AD32683" i="1" s="1"/>
  <c r="AC32684" i="1"/>
  <c r="AC32685" i="1"/>
  <c r="AC32686" i="1"/>
  <c r="AC32687" i="1"/>
  <c r="AC32688" i="1"/>
  <c r="AC32689" i="1"/>
  <c r="AC32690" i="1"/>
  <c r="AC32691" i="1"/>
  <c r="AC32692" i="1"/>
  <c r="AC32693" i="1"/>
  <c r="AC32694" i="1"/>
  <c r="AC32695" i="1"/>
  <c r="AD32695" i="1" s="1"/>
  <c r="AC32696" i="1"/>
  <c r="AC32697" i="1"/>
  <c r="AC32698" i="1"/>
  <c r="AC32699" i="1"/>
  <c r="AC32700" i="1"/>
  <c r="AC32701" i="1"/>
  <c r="AC32702" i="1"/>
  <c r="AC32703" i="1"/>
  <c r="AC32704" i="1"/>
  <c r="AC32705" i="1"/>
  <c r="AC32706" i="1"/>
  <c r="AC32707" i="1"/>
  <c r="AD32707" i="1" s="1"/>
  <c r="AC32708" i="1"/>
  <c r="AC32709" i="1"/>
  <c r="AC32710" i="1"/>
  <c r="AC32711" i="1"/>
  <c r="AC32712" i="1"/>
  <c r="AC32713" i="1"/>
  <c r="AC32714" i="1"/>
  <c r="AC32715" i="1"/>
  <c r="AC32716" i="1"/>
  <c r="AC32717" i="1"/>
  <c r="AC32718" i="1"/>
  <c r="AC32719" i="1"/>
  <c r="AD32719" i="1" s="1"/>
  <c r="AC32720" i="1"/>
  <c r="AC32721" i="1"/>
  <c r="AC32722" i="1"/>
  <c r="AC32723" i="1"/>
  <c r="AC32724" i="1"/>
  <c r="AC32725" i="1"/>
  <c r="AC32726" i="1"/>
  <c r="AC32727" i="1"/>
  <c r="AC32728" i="1"/>
  <c r="AC32729" i="1"/>
  <c r="AC32730" i="1"/>
  <c r="AC32731" i="1"/>
  <c r="AD32731" i="1" s="1"/>
  <c r="AC32732" i="1"/>
  <c r="AC32733" i="1"/>
  <c r="AC32734" i="1"/>
  <c r="AC32735" i="1"/>
  <c r="AC32736" i="1"/>
  <c r="AC32737" i="1"/>
  <c r="AC32738" i="1"/>
  <c r="AC32739" i="1"/>
  <c r="AC32740" i="1"/>
  <c r="AC32741" i="1"/>
  <c r="AC32742" i="1"/>
  <c r="AC32743" i="1"/>
  <c r="AD32743" i="1" s="1"/>
  <c r="AC32744" i="1"/>
  <c r="AC32745" i="1"/>
  <c r="AC32746" i="1"/>
  <c r="AC32747" i="1"/>
  <c r="AC32748" i="1"/>
  <c r="AC32749" i="1"/>
  <c r="AC32750" i="1"/>
  <c r="AC32751" i="1"/>
  <c r="AC32752" i="1"/>
  <c r="AC32753" i="1"/>
  <c r="AC32754" i="1"/>
  <c r="AC32755" i="1"/>
  <c r="AD32755" i="1" s="1"/>
  <c r="AC32756" i="1"/>
  <c r="AC32757" i="1"/>
  <c r="AC32758" i="1"/>
  <c r="AC32759" i="1"/>
  <c r="AC32760" i="1"/>
  <c r="AC32761" i="1"/>
  <c r="AC32762" i="1"/>
  <c r="AC32763" i="1"/>
  <c r="AC32764" i="1"/>
  <c r="AC32765" i="1"/>
  <c r="AC32766" i="1"/>
  <c r="AC32767" i="1"/>
  <c r="AD32767" i="1" s="1"/>
  <c r="AC32768" i="1"/>
  <c r="AC32769" i="1"/>
  <c r="AC32770" i="1"/>
  <c r="AC32771" i="1"/>
  <c r="AC32772" i="1"/>
  <c r="AC32773" i="1"/>
  <c r="AC32774" i="1"/>
  <c r="AC32775" i="1"/>
  <c r="AC32776" i="1"/>
  <c r="AC32777" i="1"/>
  <c r="AC32778" i="1"/>
  <c r="AC32779" i="1"/>
  <c r="AD32779" i="1" s="1"/>
  <c r="AC32780" i="1"/>
  <c r="AC32781" i="1"/>
  <c r="AC32782" i="1"/>
  <c r="AC32783" i="1"/>
  <c r="AC32784" i="1"/>
  <c r="AC32785" i="1"/>
  <c r="AC32786" i="1"/>
  <c r="AC32787" i="1"/>
  <c r="AC32788" i="1"/>
  <c r="AC32789" i="1"/>
  <c r="AC32790" i="1"/>
  <c r="AC32791" i="1"/>
  <c r="AD32791" i="1" s="1"/>
  <c r="AC32792" i="1"/>
  <c r="AC32793" i="1"/>
  <c r="AC32794" i="1"/>
  <c r="AC32795" i="1"/>
  <c r="AC32796" i="1"/>
  <c r="AC32797" i="1"/>
  <c r="AC32798" i="1"/>
  <c r="AC32799" i="1"/>
  <c r="AC32800" i="1"/>
  <c r="AC32801" i="1"/>
  <c r="AC32802" i="1"/>
  <c r="AC32803" i="1"/>
  <c r="AD32803" i="1" s="1"/>
  <c r="AC32804" i="1"/>
  <c r="AC32805" i="1"/>
  <c r="AC32806" i="1"/>
  <c r="AC32807" i="1"/>
  <c r="AC32808" i="1"/>
  <c r="AC32809" i="1"/>
  <c r="AC32810" i="1"/>
  <c r="AC32811" i="1"/>
  <c r="AC32812" i="1"/>
  <c r="AC32813" i="1"/>
  <c r="AC32814" i="1"/>
  <c r="AC32815" i="1"/>
  <c r="AD32815" i="1" s="1"/>
  <c r="AC32816" i="1"/>
  <c r="AC32817" i="1"/>
  <c r="AC32818" i="1"/>
  <c r="AC32819" i="1"/>
  <c r="AC32820" i="1"/>
  <c r="AC32821" i="1"/>
  <c r="AC32822" i="1"/>
  <c r="AC32823" i="1"/>
  <c r="AC32824" i="1"/>
  <c r="AC32825" i="1"/>
  <c r="AC32826" i="1"/>
  <c r="AC32827" i="1"/>
  <c r="AD32827" i="1" s="1"/>
  <c r="AC32828" i="1"/>
  <c r="AC32829" i="1"/>
  <c r="AC32830" i="1"/>
  <c r="AC32831" i="1"/>
  <c r="AC32832" i="1"/>
  <c r="AC32833" i="1"/>
  <c r="AC32834" i="1"/>
  <c r="AC32835" i="1"/>
  <c r="AC32836" i="1"/>
  <c r="AC32837" i="1"/>
  <c r="AC32838" i="1"/>
  <c r="AC32839" i="1"/>
  <c r="AD32839" i="1" s="1"/>
  <c r="AC32840" i="1"/>
  <c r="AC32841" i="1"/>
  <c r="AC32842" i="1"/>
  <c r="AC32843" i="1"/>
  <c r="AC32844" i="1"/>
  <c r="AC32845" i="1"/>
  <c r="AC32846" i="1"/>
  <c r="AC32847" i="1"/>
  <c r="AC32848" i="1"/>
  <c r="AC32849" i="1"/>
  <c r="AC32850" i="1"/>
  <c r="AC32851" i="1"/>
  <c r="AD32851" i="1" s="1"/>
  <c r="AC32852" i="1"/>
  <c r="AC32853" i="1"/>
  <c r="AC32854" i="1"/>
  <c r="AC32855" i="1"/>
  <c r="AC32856" i="1"/>
  <c r="AC32857" i="1"/>
  <c r="AC32858" i="1"/>
  <c r="AC32859" i="1"/>
  <c r="AC32860" i="1"/>
  <c r="AC32861" i="1"/>
  <c r="AC32862" i="1"/>
  <c r="AC32863" i="1"/>
  <c r="AD32863" i="1" s="1"/>
  <c r="AC32864" i="1"/>
  <c r="AC32865" i="1"/>
  <c r="AC32866" i="1"/>
  <c r="AC32867" i="1"/>
  <c r="AC32868" i="1"/>
  <c r="AC32869" i="1"/>
  <c r="AC32870" i="1"/>
  <c r="AC32871" i="1"/>
  <c r="AC32872" i="1"/>
  <c r="AC32873" i="1"/>
  <c r="AC32874" i="1"/>
  <c r="AC32875" i="1"/>
  <c r="AD32875" i="1" s="1"/>
  <c r="AC32876" i="1"/>
  <c r="AC32877" i="1"/>
  <c r="AC32878" i="1"/>
  <c r="AC32879" i="1"/>
  <c r="AC32880" i="1"/>
  <c r="AC32881" i="1"/>
  <c r="AC32882" i="1"/>
  <c r="AC32883" i="1"/>
  <c r="AC32884" i="1"/>
  <c r="AC32885" i="1"/>
  <c r="AC32886" i="1"/>
  <c r="AC32887" i="1"/>
  <c r="AD32887" i="1" s="1"/>
  <c r="AC32888" i="1"/>
  <c r="AC32889" i="1"/>
  <c r="AC32890" i="1"/>
  <c r="AC32891" i="1"/>
  <c r="AC32892" i="1"/>
  <c r="AC32893" i="1"/>
  <c r="AC32894" i="1"/>
  <c r="AC32895" i="1"/>
  <c r="AC32896" i="1"/>
  <c r="AC32897" i="1"/>
  <c r="AC32898" i="1"/>
  <c r="AC32899" i="1"/>
  <c r="AD32899" i="1" s="1"/>
  <c r="AC32900" i="1"/>
  <c r="AC32901" i="1"/>
  <c r="AC32902" i="1"/>
  <c r="AC32903" i="1"/>
  <c r="AC32904" i="1"/>
  <c r="AC32905" i="1"/>
  <c r="AC32906" i="1"/>
  <c r="AC32907" i="1"/>
  <c r="AC32908" i="1"/>
  <c r="AC32909" i="1"/>
  <c r="AC32910" i="1"/>
  <c r="AC32911" i="1"/>
  <c r="AD32911" i="1" s="1"/>
  <c r="AC32912" i="1"/>
  <c r="AC32913" i="1"/>
  <c r="AC32914" i="1"/>
  <c r="AC32915" i="1"/>
  <c r="AC32916" i="1"/>
  <c r="AC32917" i="1"/>
  <c r="AC32918" i="1"/>
  <c r="AC32919" i="1"/>
  <c r="AC32920" i="1"/>
  <c r="AC32921" i="1"/>
  <c r="AC32922" i="1"/>
  <c r="AC32923" i="1"/>
  <c r="AD32923" i="1" s="1"/>
  <c r="AC32924" i="1"/>
  <c r="AC32925" i="1"/>
  <c r="AC32926" i="1"/>
  <c r="AC32927" i="1"/>
  <c r="AC32928" i="1"/>
  <c r="AC32929" i="1"/>
  <c r="AC32930" i="1"/>
  <c r="AC32931" i="1"/>
  <c r="AC32932" i="1"/>
  <c r="AC32933" i="1"/>
  <c r="AC32934" i="1"/>
  <c r="AC32935" i="1"/>
  <c r="AD32935" i="1" s="1"/>
  <c r="AC32936" i="1"/>
  <c r="AC32937" i="1"/>
  <c r="AC32938" i="1"/>
  <c r="AC32939" i="1"/>
  <c r="AC32940" i="1"/>
  <c r="AC32941" i="1"/>
  <c r="AC32942" i="1"/>
  <c r="AC32943" i="1"/>
  <c r="AC32944" i="1"/>
  <c r="AC32945" i="1"/>
  <c r="AC32946" i="1"/>
  <c r="AC32947" i="1"/>
  <c r="AD32947" i="1" s="1"/>
  <c r="AC32948" i="1"/>
  <c r="AC32949" i="1"/>
  <c r="AC32950" i="1"/>
  <c r="AC32951" i="1"/>
  <c r="AC32952" i="1"/>
  <c r="AC32953" i="1"/>
  <c r="AC32954" i="1"/>
  <c r="AC32955" i="1"/>
  <c r="AC32956" i="1"/>
  <c r="AC32957" i="1"/>
  <c r="AC32958" i="1"/>
  <c r="AC32959" i="1"/>
  <c r="AD32959" i="1" s="1"/>
  <c r="AC32960" i="1"/>
  <c r="AC32961" i="1"/>
  <c r="AC32962" i="1"/>
  <c r="AC32963" i="1"/>
  <c r="AC32964" i="1"/>
  <c r="AC32965" i="1"/>
  <c r="AC32966" i="1"/>
  <c r="AC32967" i="1"/>
  <c r="AC32968" i="1"/>
  <c r="AC32969" i="1"/>
  <c r="AC32970" i="1"/>
  <c r="AC32971" i="1"/>
  <c r="AD32971" i="1" s="1"/>
  <c r="AC32972" i="1"/>
  <c r="AC32973" i="1"/>
  <c r="AC32974" i="1"/>
  <c r="AC32975" i="1"/>
  <c r="AC32976" i="1"/>
  <c r="AC32977" i="1"/>
  <c r="AC32978" i="1"/>
  <c r="AC32979" i="1"/>
  <c r="AC32980" i="1"/>
  <c r="AC32981" i="1"/>
  <c r="AC32982" i="1"/>
  <c r="AC32983" i="1"/>
  <c r="AD32983" i="1" s="1"/>
  <c r="AC32984" i="1"/>
  <c r="AC32985" i="1"/>
  <c r="AC32986" i="1"/>
  <c r="AC32987" i="1"/>
  <c r="AC32988" i="1"/>
  <c r="AC32989" i="1"/>
  <c r="AC32990" i="1"/>
  <c r="AC32991" i="1"/>
  <c r="AC32992" i="1"/>
  <c r="AC32993" i="1"/>
  <c r="AC32994" i="1"/>
  <c r="AC32995" i="1"/>
  <c r="AD32995" i="1" s="1"/>
  <c r="AC32996" i="1"/>
  <c r="AC32997" i="1"/>
  <c r="AC32998" i="1"/>
  <c r="AC32999" i="1"/>
  <c r="AC33000" i="1"/>
  <c r="AC33001" i="1"/>
  <c r="AC33002" i="1"/>
  <c r="AC33003" i="1"/>
  <c r="AC33004" i="1"/>
  <c r="AC33005" i="1"/>
  <c r="AC33006" i="1"/>
  <c r="AC33007" i="1"/>
  <c r="AD33007" i="1" s="1"/>
  <c r="AC33008" i="1"/>
  <c r="AC33009" i="1"/>
  <c r="AC33010" i="1"/>
  <c r="AC33011" i="1"/>
  <c r="AC33012" i="1"/>
  <c r="AC33013" i="1"/>
  <c r="AC33014" i="1"/>
  <c r="AC33015" i="1"/>
  <c r="AC33016" i="1"/>
  <c r="AC33017" i="1"/>
  <c r="AC33018" i="1"/>
  <c r="AC33019" i="1"/>
  <c r="AD33019" i="1" s="1"/>
  <c r="AC33020" i="1"/>
  <c r="AC33021" i="1"/>
  <c r="AC33022" i="1"/>
  <c r="AC33023" i="1"/>
  <c r="AC33024" i="1"/>
  <c r="AC33025" i="1"/>
  <c r="AC33026" i="1"/>
  <c r="AC33027" i="1"/>
  <c r="AC33028" i="1"/>
  <c r="AC33029" i="1"/>
  <c r="AC33030" i="1"/>
  <c r="AC33031" i="1"/>
  <c r="AD33031" i="1" s="1"/>
  <c r="AC33032" i="1"/>
  <c r="AC33033" i="1"/>
  <c r="AC33034" i="1"/>
  <c r="AC33035" i="1"/>
  <c r="AC33036" i="1"/>
  <c r="AC33037" i="1"/>
  <c r="AC33038" i="1"/>
  <c r="AC33039" i="1"/>
  <c r="AC33040" i="1"/>
  <c r="AC33041" i="1"/>
  <c r="AC33042" i="1"/>
  <c r="AC33043" i="1"/>
  <c r="AD33043" i="1" s="1"/>
  <c r="AC33044" i="1"/>
  <c r="AC33045" i="1"/>
  <c r="AC33046" i="1"/>
  <c r="AC33047" i="1"/>
  <c r="AC33048" i="1"/>
  <c r="AC33049" i="1"/>
  <c r="AC33050" i="1"/>
  <c r="AC33051" i="1"/>
  <c r="AC33052" i="1"/>
  <c r="AC33053" i="1"/>
  <c r="AC33054" i="1"/>
  <c r="AC33055" i="1"/>
  <c r="AD33055" i="1" s="1"/>
  <c r="AC33056" i="1"/>
  <c r="AC33057" i="1"/>
  <c r="AC33058" i="1"/>
  <c r="AC33059" i="1"/>
  <c r="AC33060" i="1"/>
  <c r="AC33061" i="1"/>
  <c r="AC33062" i="1"/>
  <c r="AC33063" i="1"/>
  <c r="AC33064" i="1"/>
  <c r="AC33065" i="1"/>
  <c r="AC33066" i="1"/>
  <c r="AC33067" i="1"/>
  <c r="AD33067" i="1" s="1"/>
  <c r="AC33068" i="1"/>
  <c r="AC33069" i="1"/>
  <c r="AC33070" i="1"/>
  <c r="AC33071" i="1"/>
  <c r="AC33072" i="1"/>
  <c r="AC33073" i="1"/>
  <c r="AC33074" i="1"/>
  <c r="AC33075" i="1"/>
  <c r="AC33076" i="1"/>
  <c r="AC33077" i="1"/>
  <c r="AC33078" i="1"/>
  <c r="AC33079" i="1"/>
  <c r="AD33079" i="1" s="1"/>
  <c r="AC33080" i="1"/>
  <c r="AC33081" i="1"/>
  <c r="AC33082" i="1"/>
  <c r="AC33083" i="1"/>
  <c r="AC33084" i="1"/>
  <c r="AC33085" i="1"/>
  <c r="AC33086" i="1"/>
  <c r="AC33087" i="1"/>
  <c r="AC33088" i="1"/>
  <c r="AC33089" i="1"/>
  <c r="AC33090" i="1"/>
  <c r="AC33091" i="1"/>
  <c r="AD33091" i="1" s="1"/>
  <c r="AC33092" i="1"/>
  <c r="AC33093" i="1"/>
  <c r="AC33094" i="1"/>
  <c r="AC33095" i="1"/>
  <c r="AC33096" i="1"/>
  <c r="AC33097" i="1"/>
  <c r="AC33098" i="1"/>
  <c r="AC33099" i="1"/>
  <c r="AC33100" i="1"/>
  <c r="AC33101" i="1"/>
  <c r="AC33102" i="1"/>
  <c r="AC33103" i="1"/>
  <c r="AD33103" i="1" s="1"/>
  <c r="AC33104" i="1"/>
  <c r="AC33105" i="1"/>
  <c r="AC33106" i="1"/>
  <c r="AC33107" i="1"/>
  <c r="AC33108" i="1"/>
  <c r="AC33109" i="1"/>
  <c r="AC33110" i="1"/>
  <c r="AC33111" i="1"/>
  <c r="AC33112" i="1"/>
  <c r="AC33113" i="1"/>
  <c r="AC33114" i="1"/>
  <c r="AC33115" i="1"/>
  <c r="AD33115" i="1" s="1"/>
  <c r="AC33116" i="1"/>
  <c r="AC33117" i="1"/>
  <c r="AC33118" i="1"/>
  <c r="AC33119" i="1"/>
  <c r="AC33120" i="1"/>
  <c r="AC33121" i="1"/>
  <c r="AC33122" i="1"/>
  <c r="AC33123" i="1"/>
  <c r="AC33124" i="1"/>
  <c r="AC33125" i="1"/>
  <c r="AC33126" i="1"/>
  <c r="AC33127" i="1"/>
  <c r="AD33127" i="1" s="1"/>
  <c r="AC33128" i="1"/>
  <c r="AC33129" i="1"/>
  <c r="AC33130" i="1"/>
  <c r="AC33131" i="1"/>
  <c r="AC33132" i="1"/>
  <c r="AC33133" i="1"/>
  <c r="AC33134" i="1"/>
  <c r="AC33135" i="1"/>
  <c r="AC33136" i="1"/>
  <c r="AC33137" i="1"/>
  <c r="AC33138" i="1"/>
  <c r="AC33139" i="1"/>
  <c r="AD33139" i="1" s="1"/>
  <c r="AC33140" i="1"/>
  <c r="AC33141" i="1"/>
  <c r="AC33142" i="1"/>
  <c r="AC33143" i="1"/>
  <c r="AC33144" i="1"/>
  <c r="AC33145" i="1"/>
  <c r="AC33146" i="1"/>
  <c r="AC33147" i="1"/>
  <c r="AC33148" i="1"/>
  <c r="AC33149" i="1"/>
  <c r="AC33150" i="1"/>
  <c r="AC33151" i="1"/>
  <c r="AD33151" i="1" s="1"/>
  <c r="AC33152" i="1"/>
  <c r="AC33153" i="1"/>
  <c r="AC33154" i="1"/>
  <c r="AC33155" i="1"/>
  <c r="AC33156" i="1"/>
  <c r="AC33157" i="1"/>
  <c r="AC33158" i="1"/>
  <c r="AC33159" i="1"/>
  <c r="AC33160" i="1"/>
  <c r="AC33161" i="1"/>
  <c r="AC33162" i="1"/>
  <c r="AC33163" i="1"/>
  <c r="AD33163" i="1" s="1"/>
  <c r="AC33164" i="1"/>
  <c r="AC33165" i="1"/>
  <c r="AC33166" i="1"/>
  <c r="AC33167" i="1"/>
  <c r="AC33168" i="1"/>
  <c r="AC33169" i="1"/>
  <c r="AC33170" i="1"/>
  <c r="AC33171" i="1"/>
  <c r="AC33172" i="1"/>
  <c r="AC33173" i="1"/>
  <c r="AC33174" i="1"/>
  <c r="AC33175" i="1"/>
  <c r="AD33175" i="1" s="1"/>
  <c r="AC33176" i="1"/>
  <c r="AC33177" i="1"/>
  <c r="AC33178" i="1"/>
  <c r="AC33179" i="1"/>
  <c r="AC33180" i="1"/>
  <c r="AC33181" i="1"/>
  <c r="AC33182" i="1"/>
  <c r="AC33183" i="1"/>
  <c r="AC33184" i="1"/>
  <c r="AC33185" i="1"/>
  <c r="AC33186" i="1"/>
  <c r="AC33187" i="1"/>
  <c r="AD33187" i="1" s="1"/>
  <c r="AC33188" i="1"/>
  <c r="AC33189" i="1"/>
  <c r="AC33190" i="1"/>
  <c r="AC33191" i="1"/>
  <c r="AC33192" i="1"/>
  <c r="AC33193" i="1"/>
  <c r="AC33194" i="1"/>
  <c r="AC33195" i="1"/>
  <c r="AC33196" i="1"/>
  <c r="AC33197" i="1"/>
  <c r="AC33198" i="1"/>
  <c r="AC33199" i="1"/>
  <c r="AD33199" i="1" s="1"/>
  <c r="AC33200" i="1"/>
  <c r="AC33201" i="1"/>
  <c r="AC33202" i="1"/>
  <c r="AC33203" i="1"/>
  <c r="AC33204" i="1"/>
  <c r="AC33205" i="1"/>
  <c r="AC33206" i="1"/>
  <c r="AC33207" i="1"/>
  <c r="AC33208" i="1"/>
  <c r="AC33209" i="1"/>
  <c r="AC33210" i="1"/>
  <c r="AC33211" i="1"/>
  <c r="AD33211" i="1" s="1"/>
  <c r="AC33212" i="1"/>
  <c r="AC33213" i="1"/>
  <c r="AC33214" i="1"/>
  <c r="AC33215" i="1"/>
  <c r="AC33216" i="1"/>
  <c r="AC33217" i="1"/>
  <c r="AC33218" i="1"/>
  <c r="AC33219" i="1"/>
  <c r="AC33220" i="1"/>
  <c r="AC33221" i="1"/>
  <c r="AC33222" i="1"/>
  <c r="AC33223" i="1"/>
  <c r="AD33223" i="1" s="1"/>
  <c r="AC33224" i="1"/>
  <c r="AC33225" i="1"/>
  <c r="AC33226" i="1"/>
  <c r="AC33227" i="1"/>
  <c r="AC33228" i="1"/>
  <c r="AC33229" i="1"/>
  <c r="AC33230" i="1"/>
  <c r="AC33231" i="1"/>
  <c r="AC33232" i="1"/>
  <c r="AC33233" i="1"/>
  <c r="AC33234" i="1"/>
  <c r="AC33235" i="1"/>
  <c r="AD33235" i="1" s="1"/>
  <c r="AC33236" i="1"/>
  <c r="AC33237" i="1"/>
  <c r="AC33238" i="1"/>
  <c r="AC33239" i="1"/>
  <c r="AC33240" i="1"/>
  <c r="AC33241" i="1"/>
  <c r="AC33242" i="1"/>
  <c r="AC33243" i="1"/>
  <c r="AC33244" i="1"/>
  <c r="AC33245" i="1"/>
  <c r="AC33246" i="1"/>
  <c r="AC33247" i="1"/>
  <c r="AD33247" i="1" s="1"/>
  <c r="AC33248" i="1"/>
  <c r="AC33249" i="1"/>
  <c r="AC33250" i="1"/>
  <c r="AC33251" i="1"/>
  <c r="AC33252" i="1"/>
  <c r="AC33253" i="1"/>
  <c r="AC33254" i="1"/>
  <c r="AC33255" i="1"/>
  <c r="AC33256" i="1"/>
  <c r="AC33257" i="1"/>
  <c r="AC33258" i="1"/>
  <c r="AC33259" i="1"/>
  <c r="AD33259" i="1" s="1"/>
  <c r="AC33260" i="1"/>
  <c r="AC33261" i="1"/>
  <c r="AC33262" i="1"/>
  <c r="AC33263" i="1"/>
  <c r="AC33264" i="1"/>
  <c r="AC33265" i="1"/>
  <c r="AC33266" i="1"/>
  <c r="AC33267" i="1"/>
  <c r="AC33268" i="1"/>
  <c r="AC33269" i="1"/>
  <c r="AC33270" i="1"/>
  <c r="AC33271" i="1"/>
  <c r="AD33271" i="1" s="1"/>
  <c r="AC33272" i="1"/>
  <c r="AC33273" i="1"/>
  <c r="AC33274" i="1"/>
  <c r="AC33275" i="1"/>
  <c r="AC33276" i="1"/>
  <c r="AC33277" i="1"/>
  <c r="AC33278" i="1"/>
  <c r="AC33279" i="1"/>
  <c r="AC33280" i="1"/>
  <c r="AC33281" i="1"/>
  <c r="AC33282" i="1"/>
  <c r="AC33283" i="1"/>
  <c r="AD33283" i="1" s="1"/>
  <c r="AC33284" i="1"/>
  <c r="AC33285" i="1"/>
  <c r="AC33286" i="1"/>
  <c r="AC33287" i="1"/>
  <c r="AC33288" i="1"/>
  <c r="AC33289" i="1"/>
  <c r="AC33290" i="1"/>
  <c r="AC33291" i="1"/>
  <c r="AC33292" i="1"/>
  <c r="AC33293" i="1"/>
  <c r="AC33294" i="1"/>
  <c r="AC33295" i="1"/>
  <c r="AD33295" i="1" s="1"/>
  <c r="AC33296" i="1"/>
  <c r="AC33297" i="1"/>
  <c r="AC33298" i="1"/>
  <c r="AC33299" i="1"/>
  <c r="AC33300" i="1"/>
  <c r="AC33301" i="1"/>
  <c r="AC33302" i="1"/>
  <c r="AC33303" i="1"/>
  <c r="AC33304" i="1"/>
  <c r="AC33305" i="1"/>
  <c r="AC33306" i="1"/>
  <c r="AC33307" i="1"/>
  <c r="AD33307" i="1" s="1"/>
  <c r="AC33308" i="1"/>
  <c r="AC33309" i="1"/>
  <c r="AC33310" i="1"/>
  <c r="AC33311" i="1"/>
  <c r="AC33312" i="1"/>
  <c r="AC33313" i="1"/>
  <c r="AC33314" i="1"/>
  <c r="AC33315" i="1"/>
  <c r="AC33316" i="1"/>
  <c r="AC33317" i="1"/>
  <c r="AC33318" i="1"/>
  <c r="AC33319" i="1"/>
  <c r="AD33319" i="1" s="1"/>
  <c r="AC33320" i="1"/>
  <c r="AC33321" i="1"/>
  <c r="AC33322" i="1"/>
  <c r="AC33323" i="1"/>
  <c r="AC33324" i="1"/>
  <c r="AC33325" i="1"/>
  <c r="AC33326" i="1"/>
  <c r="AC33327" i="1"/>
  <c r="AC33328" i="1"/>
  <c r="AC33329" i="1"/>
  <c r="AC33330" i="1"/>
  <c r="AC33331" i="1"/>
  <c r="AD33331" i="1" s="1"/>
  <c r="AC33332" i="1"/>
  <c r="AC33333" i="1"/>
  <c r="AC33334" i="1"/>
  <c r="AC33335" i="1"/>
  <c r="AC33336" i="1"/>
  <c r="AC33337" i="1"/>
  <c r="AC33338" i="1"/>
  <c r="AC33339" i="1"/>
  <c r="AC33340" i="1"/>
  <c r="AC33341" i="1"/>
  <c r="AC33342" i="1"/>
  <c r="AC33343" i="1"/>
  <c r="AD33343" i="1" s="1"/>
  <c r="AC33344" i="1"/>
  <c r="AC33345" i="1"/>
  <c r="AC33346" i="1"/>
  <c r="AC33347" i="1"/>
  <c r="AC33348" i="1"/>
  <c r="AC33349" i="1"/>
  <c r="AC33350" i="1"/>
  <c r="AC33351" i="1"/>
  <c r="AC33352" i="1"/>
  <c r="AC33353" i="1"/>
  <c r="AC33354" i="1"/>
  <c r="AC33355" i="1"/>
  <c r="AD33355" i="1" s="1"/>
  <c r="AC33356" i="1"/>
  <c r="AC33357" i="1"/>
  <c r="AC33358" i="1"/>
  <c r="AC33359" i="1"/>
  <c r="AC33360" i="1"/>
  <c r="AC33361" i="1"/>
  <c r="AC33362" i="1"/>
  <c r="AC33363" i="1"/>
  <c r="AC33364" i="1"/>
  <c r="AC33365" i="1"/>
  <c r="AC33366" i="1"/>
  <c r="AC33367" i="1"/>
  <c r="AD33367" i="1" s="1"/>
  <c r="AC33368" i="1"/>
  <c r="AC33369" i="1"/>
  <c r="AC33370" i="1"/>
  <c r="AC33371" i="1"/>
  <c r="AC33372" i="1"/>
  <c r="AC33373" i="1"/>
  <c r="AC33374" i="1"/>
  <c r="AC33375" i="1"/>
  <c r="AC33376" i="1"/>
  <c r="AC33377" i="1"/>
  <c r="AC33378" i="1"/>
  <c r="AC33379" i="1"/>
  <c r="AD33379" i="1" s="1"/>
  <c r="AC33380" i="1"/>
  <c r="AC33381" i="1"/>
  <c r="AC33382" i="1"/>
  <c r="AC33383" i="1"/>
  <c r="AC33384" i="1"/>
  <c r="AC33385" i="1"/>
  <c r="AC33386" i="1"/>
  <c r="AC33387" i="1"/>
  <c r="AC33388" i="1"/>
  <c r="AC33389" i="1"/>
  <c r="AC33390" i="1"/>
  <c r="AC33391" i="1"/>
  <c r="AD33391" i="1" s="1"/>
  <c r="AC33392" i="1"/>
  <c r="AC33393" i="1"/>
  <c r="AC33394" i="1"/>
  <c r="AC33395" i="1"/>
  <c r="AC33396" i="1"/>
  <c r="AC33397" i="1"/>
  <c r="AC33398" i="1"/>
  <c r="AC33399" i="1"/>
  <c r="AC33400" i="1"/>
  <c r="AC33401" i="1"/>
  <c r="AC33402" i="1"/>
  <c r="AC33403" i="1"/>
  <c r="AD33403" i="1" s="1"/>
  <c r="AC33404" i="1"/>
  <c r="AC33405" i="1"/>
  <c r="AC33406" i="1"/>
  <c r="AC33407" i="1"/>
  <c r="AC33408" i="1"/>
  <c r="AC33409" i="1"/>
  <c r="AC33410" i="1"/>
  <c r="AC33411" i="1"/>
  <c r="AC33412" i="1"/>
  <c r="AC33413" i="1"/>
  <c r="AC33414" i="1"/>
  <c r="AC33415" i="1"/>
  <c r="AD33415" i="1" s="1"/>
  <c r="AC33416" i="1"/>
  <c r="AC33417" i="1"/>
  <c r="AC33418" i="1"/>
  <c r="AC33419" i="1"/>
  <c r="AC33420" i="1"/>
  <c r="AC33421" i="1"/>
  <c r="AC33422" i="1"/>
  <c r="AC33423" i="1"/>
  <c r="AC33424" i="1"/>
  <c r="AC33425" i="1"/>
  <c r="AC33426" i="1"/>
  <c r="AC33427" i="1"/>
  <c r="AD33427" i="1" s="1"/>
  <c r="AC33428" i="1"/>
  <c r="AC33429" i="1"/>
  <c r="AC33430" i="1"/>
  <c r="AC33431" i="1"/>
  <c r="AC33432" i="1"/>
  <c r="AC33433" i="1"/>
  <c r="AC33434" i="1"/>
  <c r="AC33435" i="1"/>
  <c r="AC33436" i="1"/>
  <c r="AC33437" i="1"/>
  <c r="AC33438" i="1"/>
  <c r="AC33439" i="1"/>
  <c r="AD33439" i="1" s="1"/>
  <c r="AC33440" i="1"/>
  <c r="AC33441" i="1"/>
  <c r="AC33442" i="1"/>
  <c r="AC33443" i="1"/>
  <c r="AC33444" i="1"/>
  <c r="AC33445" i="1"/>
  <c r="AC33446" i="1"/>
  <c r="AC33447" i="1"/>
  <c r="AC33448" i="1"/>
  <c r="AC33449" i="1"/>
  <c r="AC33450" i="1"/>
  <c r="AC33451" i="1"/>
  <c r="AD33451" i="1" s="1"/>
  <c r="AC33452" i="1"/>
  <c r="AC33453" i="1"/>
  <c r="AC33454" i="1"/>
  <c r="AC33455" i="1"/>
  <c r="AC33456" i="1"/>
  <c r="AC33457" i="1"/>
  <c r="AC33458" i="1"/>
  <c r="AC33459" i="1"/>
  <c r="AC33460" i="1"/>
  <c r="AC33461" i="1"/>
  <c r="AC33462" i="1"/>
  <c r="AC33463" i="1"/>
  <c r="AD33463" i="1" s="1"/>
  <c r="AC33464" i="1"/>
  <c r="AC33465" i="1"/>
  <c r="AC33466" i="1"/>
  <c r="AC33467" i="1"/>
  <c r="AC33468" i="1"/>
  <c r="AC33469" i="1"/>
  <c r="AC33470" i="1"/>
  <c r="AC33471" i="1"/>
  <c r="AC33472" i="1"/>
  <c r="AC33473" i="1"/>
  <c r="AC33474" i="1"/>
  <c r="AC33475" i="1"/>
  <c r="AD33475" i="1" s="1"/>
  <c r="AC33476" i="1"/>
  <c r="AC33477" i="1"/>
  <c r="AC33478" i="1"/>
  <c r="AC33479" i="1"/>
  <c r="AC33480" i="1"/>
  <c r="AC33481" i="1"/>
  <c r="AC33482" i="1"/>
  <c r="AC33483" i="1"/>
  <c r="AC33484" i="1"/>
  <c r="AC33485" i="1"/>
  <c r="AC33486" i="1"/>
  <c r="AC33487" i="1"/>
  <c r="AD33487" i="1" s="1"/>
  <c r="AC33488" i="1"/>
  <c r="AC33489" i="1"/>
  <c r="AC33490" i="1"/>
  <c r="AC33491" i="1"/>
  <c r="AC33492" i="1"/>
  <c r="AC33493" i="1"/>
  <c r="AC33494" i="1"/>
  <c r="AC33495" i="1"/>
  <c r="AC33496" i="1"/>
  <c r="AC33497" i="1"/>
  <c r="AC33498" i="1"/>
  <c r="AC33499" i="1"/>
  <c r="AD33499" i="1" s="1"/>
  <c r="AC33500" i="1"/>
  <c r="AC33501" i="1"/>
  <c r="AC33502" i="1"/>
  <c r="AC33503" i="1"/>
  <c r="AC33504" i="1"/>
  <c r="AC33505" i="1"/>
  <c r="AC33506" i="1"/>
  <c r="AC33507" i="1"/>
  <c r="AC33508" i="1"/>
  <c r="AC33509" i="1"/>
  <c r="AC33510" i="1"/>
  <c r="AC33511" i="1"/>
  <c r="AD33511" i="1" s="1"/>
  <c r="AC33512" i="1"/>
  <c r="AC33513" i="1"/>
  <c r="AC33514" i="1"/>
  <c r="AC33515" i="1"/>
  <c r="AC33516" i="1"/>
  <c r="AC33517" i="1"/>
  <c r="AC33518" i="1"/>
  <c r="AC33519" i="1"/>
  <c r="AC33520" i="1"/>
  <c r="AC33521" i="1"/>
  <c r="AC33522" i="1"/>
  <c r="AC33523" i="1"/>
  <c r="AD33523" i="1" s="1"/>
  <c r="AC33524" i="1"/>
  <c r="AC33525" i="1"/>
  <c r="AC33526" i="1"/>
  <c r="AC33527" i="1"/>
  <c r="AC33528" i="1"/>
  <c r="AC33529" i="1"/>
  <c r="AC33530" i="1"/>
  <c r="AC33531" i="1"/>
  <c r="AC33532" i="1"/>
  <c r="AC33533" i="1"/>
  <c r="AC33534" i="1"/>
  <c r="AC33535" i="1"/>
  <c r="AD33535" i="1" s="1"/>
  <c r="AC33536" i="1"/>
  <c r="AC33537" i="1"/>
  <c r="AC33538" i="1"/>
  <c r="AC33539" i="1"/>
  <c r="AC33540" i="1"/>
  <c r="AC33541" i="1"/>
  <c r="AC33542" i="1"/>
  <c r="AC33543" i="1"/>
  <c r="AC33544" i="1"/>
  <c r="AC33545" i="1"/>
  <c r="AC33546" i="1"/>
  <c r="AC33547" i="1"/>
  <c r="AD33547" i="1" s="1"/>
  <c r="AC33548" i="1"/>
  <c r="AC33549" i="1"/>
  <c r="AC33550" i="1"/>
  <c r="AC33551" i="1"/>
  <c r="AC33552" i="1"/>
  <c r="AC33553" i="1"/>
  <c r="AC33554" i="1"/>
  <c r="AC33555" i="1"/>
  <c r="AC33556" i="1"/>
  <c r="AC33557" i="1"/>
  <c r="AC33558" i="1"/>
  <c r="AC33559" i="1"/>
  <c r="AD33559" i="1" s="1"/>
  <c r="AC33560" i="1"/>
  <c r="AC33561" i="1"/>
  <c r="AC33562" i="1"/>
  <c r="AC33563" i="1"/>
  <c r="AC33564" i="1"/>
  <c r="AC33565" i="1"/>
  <c r="AC33566" i="1"/>
  <c r="AC33567" i="1"/>
  <c r="AC33568" i="1"/>
  <c r="AC33569" i="1"/>
  <c r="AC33570" i="1"/>
  <c r="AC33571" i="1"/>
  <c r="AD33571" i="1" s="1"/>
  <c r="AC33572" i="1"/>
  <c r="AC33573" i="1"/>
  <c r="AC33574" i="1"/>
  <c r="AC33575" i="1"/>
  <c r="AC33576" i="1"/>
  <c r="AC33577" i="1"/>
  <c r="AC33578" i="1"/>
  <c r="AC33579" i="1"/>
  <c r="AC33580" i="1"/>
  <c r="AC33581" i="1"/>
  <c r="AC33582" i="1"/>
  <c r="AC33583" i="1"/>
  <c r="AD33583" i="1" s="1"/>
  <c r="AC33584" i="1"/>
  <c r="AC33585" i="1"/>
  <c r="AC33586" i="1"/>
  <c r="AC33587" i="1"/>
  <c r="AC33588" i="1"/>
  <c r="AC33589" i="1"/>
  <c r="AC33590" i="1"/>
  <c r="AC33591" i="1"/>
  <c r="AC33592" i="1"/>
  <c r="AC33593" i="1"/>
  <c r="AC33594" i="1"/>
  <c r="AC33595" i="1"/>
  <c r="AD33595" i="1" s="1"/>
  <c r="AC33596" i="1"/>
  <c r="AC33597" i="1"/>
  <c r="AC33598" i="1"/>
  <c r="AC33599" i="1"/>
  <c r="AC33600" i="1"/>
  <c r="AC33601" i="1"/>
  <c r="AC33602" i="1"/>
  <c r="AC33603" i="1"/>
  <c r="AC33604" i="1"/>
  <c r="AC33605" i="1"/>
  <c r="AC33606" i="1"/>
  <c r="AC33607" i="1"/>
  <c r="AD33607" i="1" s="1"/>
  <c r="AC33608" i="1"/>
  <c r="AC33609" i="1"/>
  <c r="AC33610" i="1"/>
  <c r="AC33611" i="1"/>
  <c r="AC33612" i="1"/>
  <c r="AC33613" i="1"/>
  <c r="AC33614" i="1"/>
  <c r="AC33615" i="1"/>
  <c r="AC33616" i="1"/>
  <c r="AC33617" i="1"/>
  <c r="AC33618" i="1"/>
  <c r="AC33619" i="1"/>
  <c r="AD33619" i="1" s="1"/>
  <c r="AC33620" i="1"/>
  <c r="AC33621" i="1"/>
  <c r="AC33622" i="1"/>
  <c r="AC33623" i="1"/>
  <c r="AC33624" i="1"/>
  <c r="AC33625" i="1"/>
  <c r="AC33626" i="1"/>
  <c r="AC33627" i="1"/>
  <c r="AC33628" i="1"/>
  <c r="AC33629" i="1"/>
  <c r="AC33630" i="1"/>
  <c r="AC33631" i="1"/>
  <c r="AD33631" i="1" s="1"/>
  <c r="AC33632" i="1"/>
  <c r="AC33633" i="1"/>
  <c r="AC33634" i="1"/>
  <c r="AC33635" i="1"/>
  <c r="AC33636" i="1"/>
  <c r="AC33637" i="1"/>
  <c r="AC33638" i="1"/>
  <c r="AC33639" i="1"/>
  <c r="AC33640" i="1"/>
  <c r="AC33641" i="1"/>
  <c r="AC33642" i="1"/>
  <c r="AC33643" i="1"/>
  <c r="AD33643" i="1" s="1"/>
  <c r="AC33644" i="1"/>
  <c r="AC33645" i="1"/>
  <c r="AC33646" i="1"/>
  <c r="AC33647" i="1"/>
  <c r="AC33648" i="1"/>
  <c r="AC33649" i="1"/>
  <c r="AC33650" i="1"/>
  <c r="AC33651" i="1"/>
  <c r="AC33652" i="1"/>
  <c r="AC33653" i="1"/>
  <c r="AC33654" i="1"/>
  <c r="AC33655" i="1"/>
  <c r="AD33655" i="1" s="1"/>
  <c r="AC33656" i="1"/>
  <c r="AC33657" i="1"/>
  <c r="AC33658" i="1"/>
  <c r="AC33659" i="1"/>
  <c r="AC33660" i="1"/>
  <c r="AC33661" i="1"/>
  <c r="AC33662" i="1"/>
  <c r="AC33663" i="1"/>
  <c r="AC33664" i="1"/>
  <c r="AC33665" i="1"/>
  <c r="AC33666" i="1"/>
  <c r="AC33667" i="1"/>
  <c r="AD33667" i="1" s="1"/>
  <c r="AC33668" i="1"/>
  <c r="AC33669" i="1"/>
  <c r="AC33670" i="1"/>
  <c r="AC33671" i="1"/>
  <c r="AC33672" i="1"/>
  <c r="AC33673" i="1"/>
  <c r="AC33674" i="1"/>
  <c r="AC33675" i="1"/>
  <c r="AC33676" i="1"/>
  <c r="AC33677" i="1"/>
  <c r="AC33678" i="1"/>
  <c r="AC33679" i="1"/>
  <c r="AD33679" i="1" s="1"/>
  <c r="AC33680" i="1"/>
  <c r="AC33681" i="1"/>
  <c r="AC33682" i="1"/>
  <c r="AC33683" i="1"/>
  <c r="AC33684" i="1"/>
  <c r="AC33685" i="1"/>
  <c r="AC33686" i="1"/>
  <c r="AC33687" i="1"/>
  <c r="AC33688" i="1"/>
  <c r="AC33689" i="1"/>
  <c r="AC33690" i="1"/>
  <c r="AC33691" i="1"/>
  <c r="AD33691" i="1" s="1"/>
  <c r="AC33692" i="1"/>
  <c r="AC33693" i="1"/>
  <c r="AC33694" i="1"/>
  <c r="AC33695" i="1"/>
  <c r="AC33696" i="1"/>
  <c r="AC33697" i="1"/>
  <c r="AC33698" i="1"/>
  <c r="AC33699" i="1"/>
  <c r="AC33700" i="1"/>
  <c r="AC33701" i="1"/>
  <c r="AC33702" i="1"/>
  <c r="AC33703" i="1"/>
  <c r="AD33703" i="1" s="1"/>
  <c r="AC33704" i="1"/>
  <c r="AC33705" i="1"/>
  <c r="AC33706" i="1"/>
  <c r="AC33707" i="1"/>
  <c r="AC33708" i="1"/>
  <c r="AC33709" i="1"/>
  <c r="AC33710" i="1"/>
  <c r="AC33711" i="1"/>
  <c r="AC33712" i="1"/>
  <c r="AC33713" i="1"/>
  <c r="AC33714" i="1"/>
  <c r="AC33715" i="1"/>
  <c r="AD33715" i="1" s="1"/>
  <c r="AC33716" i="1"/>
  <c r="AC33717" i="1"/>
  <c r="AC33718" i="1"/>
  <c r="AC33719" i="1"/>
  <c r="AC33720" i="1"/>
  <c r="AC33721" i="1"/>
  <c r="AC33722" i="1"/>
  <c r="AC33723" i="1"/>
  <c r="AC33724" i="1"/>
  <c r="AC33725" i="1"/>
  <c r="AC33726" i="1"/>
  <c r="AC33727" i="1"/>
  <c r="AD33727" i="1" s="1"/>
  <c r="AC33728" i="1"/>
  <c r="AC33729" i="1"/>
  <c r="AC33730" i="1"/>
  <c r="AC33731" i="1"/>
  <c r="AC33732" i="1"/>
  <c r="AC33733" i="1"/>
  <c r="AC33734" i="1"/>
  <c r="AC33735" i="1"/>
  <c r="AC33736" i="1"/>
  <c r="AC33737" i="1"/>
  <c r="AC33738" i="1"/>
  <c r="AC33739" i="1"/>
  <c r="AD33739" i="1" s="1"/>
  <c r="AC33740" i="1"/>
  <c r="AC33741" i="1"/>
  <c r="AC33742" i="1"/>
  <c r="AC33743" i="1"/>
  <c r="AC33744" i="1"/>
  <c r="AC33745" i="1"/>
  <c r="AC33746" i="1"/>
  <c r="AC33747" i="1"/>
  <c r="AC33748" i="1"/>
  <c r="AC33749" i="1"/>
  <c r="AC33750" i="1"/>
  <c r="AC33751" i="1"/>
  <c r="AD33751" i="1" s="1"/>
  <c r="AC33752" i="1"/>
  <c r="AC33753" i="1"/>
  <c r="AC33754" i="1"/>
  <c r="AC33755" i="1"/>
  <c r="AC33756" i="1"/>
  <c r="AC33757" i="1"/>
  <c r="AC33758" i="1"/>
  <c r="AC33759" i="1"/>
  <c r="AC33760" i="1"/>
  <c r="AC33761" i="1"/>
  <c r="AC33762" i="1"/>
  <c r="AC33763" i="1"/>
  <c r="AD33763" i="1" s="1"/>
  <c r="AC33764" i="1"/>
  <c r="AC33765" i="1"/>
  <c r="AC33766" i="1"/>
  <c r="AC33767" i="1"/>
  <c r="AC33768" i="1"/>
  <c r="AC33769" i="1"/>
  <c r="AC33770" i="1"/>
  <c r="AC33771" i="1"/>
  <c r="AC33772" i="1"/>
  <c r="AC33773" i="1"/>
  <c r="AC33774" i="1"/>
  <c r="AC33775" i="1"/>
  <c r="AD33775" i="1" s="1"/>
  <c r="AC33776" i="1"/>
  <c r="AC33777" i="1"/>
  <c r="AC33778" i="1"/>
  <c r="AC33779" i="1"/>
  <c r="AC33780" i="1"/>
  <c r="AC33781" i="1"/>
  <c r="AC33782" i="1"/>
  <c r="AC33783" i="1"/>
  <c r="AC33784" i="1"/>
  <c r="AC33785" i="1"/>
  <c r="AC33786" i="1"/>
  <c r="AC33787" i="1"/>
  <c r="AD33787" i="1" s="1"/>
  <c r="AC33788" i="1"/>
  <c r="AC33789" i="1"/>
  <c r="AC33790" i="1"/>
  <c r="AC33791" i="1"/>
  <c r="AC33792" i="1"/>
  <c r="AC33793" i="1"/>
  <c r="AC33794" i="1"/>
  <c r="AC33795" i="1"/>
  <c r="AC33796" i="1"/>
  <c r="AC33797" i="1"/>
  <c r="AC33798" i="1"/>
  <c r="AC33799" i="1"/>
  <c r="AD33799" i="1" s="1"/>
  <c r="AC33800" i="1"/>
  <c r="AC33801" i="1"/>
  <c r="AC33802" i="1"/>
  <c r="AC33803" i="1"/>
  <c r="AC33804" i="1"/>
  <c r="AC33805" i="1"/>
  <c r="AC33806" i="1"/>
  <c r="AC33807" i="1"/>
  <c r="AC33808" i="1"/>
  <c r="AC33809" i="1"/>
  <c r="AC33810" i="1"/>
  <c r="AC33811" i="1"/>
  <c r="AD33811" i="1" s="1"/>
  <c r="AC33812" i="1"/>
  <c r="AC33813" i="1"/>
  <c r="AC33814" i="1"/>
  <c r="AC33815" i="1"/>
  <c r="AC33816" i="1"/>
  <c r="AC33817" i="1"/>
  <c r="AC33818" i="1"/>
  <c r="AC33819" i="1"/>
  <c r="AC33820" i="1"/>
  <c r="AC33821" i="1"/>
  <c r="AC33822" i="1"/>
  <c r="AC33823" i="1"/>
  <c r="AD33823" i="1" s="1"/>
  <c r="AC33824" i="1"/>
  <c r="AC33825" i="1"/>
  <c r="AC33826" i="1"/>
  <c r="AC33827" i="1"/>
  <c r="AC33828" i="1"/>
  <c r="AC33829" i="1"/>
  <c r="AC33830" i="1"/>
  <c r="AC33831" i="1"/>
  <c r="AC33832" i="1"/>
  <c r="AC33833" i="1"/>
  <c r="AC33834" i="1"/>
  <c r="AC33835" i="1"/>
  <c r="AD33835" i="1" s="1"/>
  <c r="AC33836" i="1"/>
  <c r="AC33837" i="1"/>
  <c r="AC33838" i="1"/>
  <c r="AC33839" i="1"/>
  <c r="AC33840" i="1"/>
  <c r="AC33841" i="1"/>
  <c r="AC33842" i="1"/>
  <c r="AC33843" i="1"/>
  <c r="AC33844" i="1"/>
  <c r="AC33845" i="1"/>
  <c r="AC33846" i="1"/>
  <c r="AC33847" i="1"/>
  <c r="AD33847" i="1" s="1"/>
  <c r="AC33848" i="1"/>
  <c r="AC33849" i="1"/>
  <c r="AC33850" i="1"/>
  <c r="AC33851" i="1"/>
  <c r="AC33852" i="1"/>
  <c r="AC33853" i="1"/>
  <c r="AC33854" i="1"/>
  <c r="AC33855" i="1"/>
  <c r="AC33856" i="1"/>
  <c r="AC33857" i="1"/>
  <c r="AC33858" i="1"/>
  <c r="AC33859" i="1"/>
  <c r="AD33859" i="1" s="1"/>
  <c r="AC33860" i="1"/>
  <c r="AC33861" i="1"/>
  <c r="AC33862" i="1"/>
  <c r="AC33863" i="1"/>
  <c r="AC33864" i="1"/>
  <c r="AC33865" i="1"/>
  <c r="AC33866" i="1"/>
  <c r="AC33867" i="1"/>
  <c r="AC33868" i="1"/>
  <c r="AC33869" i="1"/>
  <c r="AC33870" i="1"/>
  <c r="AC33871" i="1"/>
  <c r="AD33871" i="1" s="1"/>
  <c r="AC33872" i="1"/>
  <c r="AC33873" i="1"/>
  <c r="AC33874" i="1"/>
  <c r="AC33875" i="1"/>
  <c r="AC33876" i="1"/>
  <c r="AC33877" i="1"/>
  <c r="AC33878" i="1"/>
  <c r="AC33879" i="1"/>
  <c r="AC33880" i="1"/>
  <c r="AC33881" i="1"/>
  <c r="AC33882" i="1"/>
  <c r="AC33883" i="1"/>
  <c r="AD33883" i="1" s="1"/>
  <c r="AC33884" i="1"/>
  <c r="AC33885" i="1"/>
  <c r="AC33886" i="1"/>
  <c r="AC33887" i="1"/>
  <c r="AC33888" i="1"/>
  <c r="AC33889" i="1"/>
  <c r="AC33890" i="1"/>
  <c r="AC33891" i="1"/>
  <c r="AC33892" i="1"/>
  <c r="AC33893" i="1"/>
  <c r="AC33894" i="1"/>
  <c r="AC33895" i="1"/>
  <c r="AD33895" i="1" s="1"/>
  <c r="AC33896" i="1"/>
  <c r="AC33897" i="1"/>
  <c r="AC33898" i="1"/>
  <c r="AC33899" i="1"/>
  <c r="AC33900" i="1"/>
  <c r="AC33901" i="1"/>
  <c r="AC33902" i="1"/>
  <c r="AC33903" i="1"/>
  <c r="AC33904" i="1"/>
  <c r="AC33905" i="1"/>
  <c r="AC33906" i="1"/>
  <c r="AC33907" i="1"/>
  <c r="AD33907" i="1" s="1"/>
  <c r="AC33908" i="1"/>
  <c r="AC33909" i="1"/>
  <c r="AC33910" i="1"/>
  <c r="AC33911" i="1"/>
  <c r="AC33912" i="1"/>
  <c r="AC33913" i="1"/>
  <c r="AC33914" i="1"/>
  <c r="AC33915" i="1"/>
  <c r="AC33916" i="1"/>
  <c r="AC33917" i="1"/>
  <c r="AC33918" i="1"/>
  <c r="AC33919" i="1"/>
  <c r="AD33919" i="1" s="1"/>
  <c r="AC33920" i="1"/>
  <c r="AC33921" i="1"/>
  <c r="AC33922" i="1"/>
  <c r="AC33923" i="1"/>
  <c r="AC33924" i="1"/>
  <c r="AC33925" i="1"/>
  <c r="AC33926" i="1"/>
  <c r="AC33927" i="1"/>
  <c r="AC33928" i="1"/>
  <c r="AC33929" i="1"/>
  <c r="AC33930" i="1"/>
  <c r="AC33931" i="1"/>
  <c r="AD33931" i="1" s="1"/>
  <c r="AC33932" i="1"/>
  <c r="AC33933" i="1"/>
  <c r="AC33934" i="1"/>
  <c r="AC33935" i="1"/>
  <c r="AC33936" i="1"/>
  <c r="AC33937" i="1"/>
  <c r="AC33938" i="1"/>
  <c r="AC33939" i="1"/>
  <c r="AC33940" i="1"/>
  <c r="AC33941" i="1"/>
  <c r="AC33942" i="1"/>
  <c r="AC33943" i="1"/>
  <c r="AD33943" i="1" s="1"/>
  <c r="AC33944" i="1"/>
  <c r="AC33945" i="1"/>
  <c r="AC33946" i="1"/>
  <c r="AC33947" i="1"/>
  <c r="AC33948" i="1"/>
  <c r="AC33949" i="1"/>
  <c r="AC33950" i="1"/>
  <c r="AC33951" i="1"/>
  <c r="AC33952" i="1"/>
  <c r="AC33953" i="1"/>
  <c r="AC33954" i="1"/>
  <c r="AC33955" i="1"/>
  <c r="AD33955" i="1" s="1"/>
  <c r="AC33956" i="1"/>
  <c r="AC33957" i="1"/>
  <c r="AC33958" i="1"/>
  <c r="AC33959" i="1"/>
  <c r="AC33960" i="1"/>
  <c r="AC33961" i="1"/>
  <c r="AC33962" i="1"/>
  <c r="AC33963" i="1"/>
  <c r="AC33964" i="1"/>
  <c r="AC33965" i="1"/>
  <c r="AC33966" i="1"/>
  <c r="AC33967" i="1"/>
  <c r="AD33967" i="1" s="1"/>
  <c r="AC33968" i="1"/>
  <c r="AC33969" i="1"/>
  <c r="AC33970" i="1"/>
  <c r="AC33971" i="1"/>
  <c r="AC33972" i="1"/>
  <c r="AC33973" i="1"/>
  <c r="AC33974" i="1"/>
  <c r="AC33975" i="1"/>
  <c r="AC33976" i="1"/>
  <c r="AC33977" i="1"/>
  <c r="AC33978" i="1"/>
  <c r="AC33979" i="1"/>
  <c r="AD33979" i="1" s="1"/>
  <c r="AC33980" i="1"/>
  <c r="AC33981" i="1"/>
  <c r="AC33982" i="1"/>
  <c r="AC33983" i="1"/>
  <c r="AC33984" i="1"/>
  <c r="AC33985" i="1"/>
  <c r="AC33986" i="1"/>
  <c r="AC33987" i="1"/>
  <c r="AC33988" i="1"/>
  <c r="AC33989" i="1"/>
  <c r="AC33990" i="1"/>
  <c r="AC33991" i="1"/>
  <c r="AD33991" i="1" s="1"/>
  <c r="AC33992" i="1"/>
  <c r="AC33993" i="1"/>
  <c r="AC33994" i="1"/>
  <c r="AC33995" i="1"/>
  <c r="AC33996" i="1"/>
  <c r="AC33997" i="1"/>
  <c r="AC33998" i="1"/>
  <c r="AC33999" i="1"/>
  <c r="AC34000" i="1"/>
  <c r="AC34001" i="1"/>
  <c r="AC34002" i="1"/>
  <c r="AC34003" i="1"/>
  <c r="AD34003" i="1" s="1"/>
  <c r="AC34004" i="1"/>
  <c r="AC34005" i="1"/>
  <c r="AC34006" i="1"/>
  <c r="AC34007" i="1"/>
  <c r="AC34008" i="1"/>
  <c r="AC34009" i="1"/>
  <c r="AC34010" i="1"/>
  <c r="AC34011" i="1"/>
  <c r="AC34012" i="1"/>
  <c r="AC34013" i="1"/>
  <c r="AC34014" i="1"/>
  <c r="AC34015" i="1"/>
  <c r="AD34015" i="1" s="1"/>
  <c r="AC34016" i="1"/>
  <c r="AC34017" i="1"/>
  <c r="AC34018" i="1"/>
  <c r="AC34019" i="1"/>
  <c r="AC34020" i="1"/>
  <c r="AC34021" i="1"/>
  <c r="AC34022" i="1"/>
  <c r="AC34023" i="1"/>
  <c r="AC34024" i="1"/>
  <c r="AC34025" i="1"/>
  <c r="AC34026" i="1"/>
  <c r="AC34027" i="1"/>
  <c r="AD34027" i="1" s="1"/>
  <c r="AC34028" i="1"/>
  <c r="AC34029" i="1"/>
  <c r="AC34030" i="1"/>
  <c r="AC34031" i="1"/>
  <c r="AC34032" i="1"/>
  <c r="AC34033" i="1"/>
  <c r="AC34034" i="1"/>
  <c r="AC34035" i="1"/>
  <c r="AC34036" i="1"/>
  <c r="AC34037" i="1"/>
  <c r="AC34038" i="1"/>
  <c r="AC34039" i="1"/>
  <c r="AD34039" i="1" s="1"/>
  <c r="AC34040" i="1"/>
  <c r="AC34041" i="1"/>
  <c r="AC34042" i="1"/>
  <c r="AC34043" i="1"/>
  <c r="AC34044" i="1"/>
  <c r="AC34045" i="1"/>
  <c r="AC34046" i="1"/>
  <c r="AC34047" i="1"/>
  <c r="AC34048" i="1"/>
  <c r="AC34049" i="1"/>
  <c r="AC34050" i="1"/>
  <c r="AC34051" i="1"/>
  <c r="AD34051" i="1" s="1"/>
  <c r="AC34052" i="1"/>
  <c r="AC34053" i="1"/>
  <c r="AC34054" i="1"/>
  <c r="AC34055" i="1"/>
  <c r="AC34056" i="1"/>
  <c r="AC34057" i="1"/>
  <c r="AC34058" i="1"/>
  <c r="AC34059" i="1"/>
  <c r="AC34060" i="1"/>
  <c r="AC34061" i="1"/>
  <c r="AC34062" i="1"/>
  <c r="AC34063" i="1"/>
  <c r="AD34063" i="1" s="1"/>
  <c r="AC34064" i="1"/>
  <c r="AC34065" i="1"/>
  <c r="AC34066" i="1"/>
  <c r="AC34067" i="1"/>
  <c r="AC34068" i="1"/>
  <c r="AC34069" i="1"/>
  <c r="AC34070" i="1"/>
  <c r="AC34071" i="1"/>
  <c r="AC34072" i="1"/>
  <c r="AC34073" i="1"/>
  <c r="AC34074" i="1"/>
  <c r="AC34075" i="1"/>
  <c r="AD34075" i="1" s="1"/>
  <c r="AC34076" i="1"/>
  <c r="AC34077" i="1"/>
  <c r="AC34078" i="1"/>
  <c r="AC34079" i="1"/>
  <c r="AC34080" i="1"/>
  <c r="AC34081" i="1"/>
  <c r="AC34082" i="1"/>
  <c r="AC34083" i="1"/>
  <c r="AC34084" i="1"/>
  <c r="AC34085" i="1"/>
  <c r="AC34086" i="1"/>
  <c r="AC34087" i="1"/>
  <c r="AD34087" i="1" s="1"/>
  <c r="AC34088" i="1"/>
  <c r="AC34089" i="1"/>
  <c r="AC34090" i="1"/>
  <c r="AC34091" i="1"/>
  <c r="AC34092" i="1"/>
  <c r="AC34093" i="1"/>
  <c r="AC34094" i="1"/>
  <c r="AC34095" i="1"/>
  <c r="AC34096" i="1"/>
  <c r="AC34097" i="1"/>
  <c r="AC34098" i="1"/>
  <c r="AC34099" i="1"/>
  <c r="AD34099" i="1" s="1"/>
  <c r="AC34100" i="1"/>
  <c r="AC34101" i="1"/>
  <c r="AC34102" i="1"/>
  <c r="AC34103" i="1"/>
  <c r="AC34104" i="1"/>
  <c r="AC34105" i="1"/>
  <c r="AC34106" i="1"/>
  <c r="AC34107" i="1"/>
  <c r="AC34108" i="1"/>
  <c r="AC34109" i="1"/>
  <c r="AC34110" i="1"/>
  <c r="AC34111" i="1"/>
  <c r="AD34111" i="1" s="1"/>
  <c r="AC34112" i="1"/>
  <c r="AC34113" i="1"/>
  <c r="AC34114" i="1"/>
  <c r="AC34115" i="1"/>
  <c r="AC34116" i="1"/>
  <c r="AC34117" i="1"/>
  <c r="AC34118" i="1"/>
  <c r="AC34119" i="1"/>
  <c r="AC34120" i="1"/>
  <c r="AC34121" i="1"/>
  <c r="AC34122" i="1"/>
  <c r="AC34123" i="1"/>
  <c r="AD34123" i="1" s="1"/>
  <c r="AC34124" i="1"/>
  <c r="AC34125" i="1"/>
  <c r="AC34126" i="1"/>
  <c r="AC34127" i="1"/>
  <c r="AC34128" i="1"/>
  <c r="AC34129" i="1"/>
  <c r="AC34130" i="1"/>
  <c r="AC34131" i="1"/>
  <c r="AC34132" i="1"/>
  <c r="AC34133" i="1"/>
  <c r="AC34134" i="1"/>
  <c r="AC34135" i="1"/>
  <c r="AD34135" i="1" s="1"/>
  <c r="AC34136" i="1"/>
  <c r="AC34137" i="1"/>
  <c r="AC34138" i="1"/>
  <c r="AC34139" i="1"/>
  <c r="AC34140" i="1"/>
  <c r="AC34141" i="1"/>
  <c r="AC34142" i="1"/>
  <c r="AC34143" i="1"/>
  <c r="AC34144" i="1"/>
  <c r="AC34145" i="1"/>
  <c r="AC34146" i="1"/>
  <c r="AC34147" i="1"/>
  <c r="AD34147" i="1" s="1"/>
  <c r="AC34148" i="1"/>
  <c r="AC34149" i="1"/>
  <c r="AC34150" i="1"/>
  <c r="AC34151" i="1"/>
  <c r="AC34152" i="1"/>
  <c r="AC34153" i="1"/>
  <c r="AC34154" i="1"/>
  <c r="AC34155" i="1"/>
  <c r="AC34156" i="1"/>
  <c r="AC34157" i="1"/>
  <c r="AC34158" i="1"/>
  <c r="AC34159" i="1"/>
  <c r="AD34159" i="1" s="1"/>
  <c r="AC34160" i="1"/>
  <c r="AC34161" i="1"/>
  <c r="AC34162" i="1"/>
  <c r="AC34163" i="1"/>
  <c r="AC34164" i="1"/>
  <c r="AC34165" i="1"/>
  <c r="AC34166" i="1"/>
  <c r="AC34167" i="1"/>
  <c r="AC34168" i="1"/>
  <c r="AC34169" i="1"/>
  <c r="AC34170" i="1"/>
  <c r="AC34171" i="1"/>
  <c r="AD34171" i="1" s="1"/>
  <c r="AC34172" i="1"/>
  <c r="AC34173" i="1"/>
  <c r="AC34174" i="1"/>
  <c r="AC34175" i="1"/>
  <c r="AC34176" i="1"/>
  <c r="AC34177" i="1"/>
  <c r="AC34178" i="1"/>
  <c r="AC34179" i="1"/>
  <c r="AC34180" i="1"/>
  <c r="AC34181" i="1"/>
  <c r="AC34182" i="1"/>
  <c r="AC34183" i="1"/>
  <c r="AD34183" i="1" s="1"/>
  <c r="AC34184" i="1"/>
  <c r="AC34185" i="1"/>
  <c r="AC34186" i="1"/>
  <c r="AC34187" i="1"/>
  <c r="AC34188" i="1"/>
  <c r="AC34189" i="1"/>
  <c r="AC34190" i="1"/>
  <c r="AC34191" i="1"/>
  <c r="AC34192" i="1"/>
  <c r="AC34193" i="1"/>
  <c r="AC34194" i="1"/>
  <c r="AC34195" i="1"/>
  <c r="AD34195" i="1" s="1"/>
  <c r="AC34196" i="1"/>
  <c r="AC34197" i="1"/>
  <c r="AC34198" i="1"/>
  <c r="AC34199" i="1"/>
  <c r="AC34200" i="1"/>
  <c r="AC34201" i="1"/>
  <c r="AC34202" i="1"/>
  <c r="AC34203" i="1"/>
  <c r="AC34204" i="1"/>
  <c r="AC34205" i="1"/>
  <c r="AC34206" i="1"/>
  <c r="AC34207" i="1"/>
  <c r="AD34207" i="1" s="1"/>
  <c r="AC34208" i="1"/>
  <c r="AC34209" i="1"/>
  <c r="AC34210" i="1"/>
  <c r="AC34211" i="1"/>
  <c r="AC34212" i="1"/>
  <c r="AC34213" i="1"/>
  <c r="AC34214" i="1"/>
  <c r="AC34215" i="1"/>
  <c r="AC34216" i="1"/>
  <c r="AC34217" i="1"/>
  <c r="AC34218" i="1"/>
  <c r="AC34219" i="1"/>
  <c r="AD34219" i="1" s="1"/>
  <c r="AC34220" i="1"/>
  <c r="AC34221" i="1"/>
  <c r="AC34222" i="1"/>
  <c r="AC34223" i="1"/>
  <c r="AC34224" i="1"/>
  <c r="AC34225" i="1"/>
  <c r="AC34226" i="1"/>
  <c r="AC34227" i="1"/>
  <c r="AC34228" i="1"/>
  <c r="AC34229" i="1"/>
  <c r="AC34230" i="1"/>
  <c r="AC34231" i="1"/>
  <c r="AD34231" i="1" s="1"/>
  <c r="AC34232" i="1"/>
  <c r="AC34233" i="1"/>
  <c r="AC34234" i="1"/>
  <c r="AC34235" i="1"/>
  <c r="AC34236" i="1"/>
  <c r="AC34237" i="1"/>
  <c r="AC34238" i="1"/>
  <c r="AC34239" i="1"/>
  <c r="AC34240" i="1"/>
  <c r="AC34241" i="1"/>
  <c r="AC34242" i="1"/>
  <c r="AC34243" i="1"/>
  <c r="AD34243" i="1" s="1"/>
  <c r="AC34244" i="1"/>
  <c r="AC34245" i="1"/>
  <c r="AC34246" i="1"/>
  <c r="AC34247" i="1"/>
  <c r="AC34248" i="1"/>
  <c r="AC34249" i="1"/>
  <c r="AC34250" i="1"/>
  <c r="AC34251" i="1"/>
  <c r="AC34252" i="1"/>
  <c r="AC34253" i="1"/>
  <c r="AC34254" i="1"/>
  <c r="AC34255" i="1"/>
  <c r="AD34255" i="1" s="1"/>
  <c r="AC34256" i="1"/>
  <c r="AC34257" i="1"/>
  <c r="AC34258" i="1"/>
  <c r="AC34259" i="1"/>
  <c r="AC34260" i="1"/>
  <c r="AC34261" i="1"/>
  <c r="AC34262" i="1"/>
  <c r="AC34263" i="1"/>
  <c r="AC34264" i="1"/>
  <c r="AC34265" i="1"/>
  <c r="AC34266" i="1"/>
  <c r="AC34267" i="1"/>
  <c r="AD34267" i="1" s="1"/>
  <c r="AC34268" i="1"/>
  <c r="AC34269" i="1"/>
  <c r="AC34270" i="1"/>
  <c r="AC34271" i="1"/>
  <c r="AC34272" i="1"/>
  <c r="AC34273" i="1"/>
  <c r="AC34274" i="1"/>
  <c r="AC34275" i="1"/>
  <c r="AC34276" i="1"/>
  <c r="AC34277" i="1"/>
  <c r="AC34278" i="1"/>
  <c r="AC34279" i="1"/>
  <c r="AD34279" i="1" s="1"/>
  <c r="AC34280" i="1"/>
  <c r="AC34281" i="1"/>
  <c r="AC34282" i="1"/>
  <c r="AC34283" i="1"/>
  <c r="AC34284" i="1"/>
  <c r="AC34285" i="1"/>
  <c r="AC34286" i="1"/>
  <c r="AC34287" i="1"/>
  <c r="AC34288" i="1"/>
  <c r="AC34289" i="1"/>
  <c r="AC34290" i="1"/>
  <c r="AC34291" i="1"/>
  <c r="AD34291" i="1" s="1"/>
  <c r="AC34292" i="1"/>
  <c r="AC34293" i="1"/>
  <c r="AC34294" i="1"/>
  <c r="AC34295" i="1"/>
  <c r="AC34296" i="1"/>
  <c r="AC34297" i="1"/>
  <c r="AC34298" i="1"/>
  <c r="AC34299" i="1"/>
  <c r="AC34300" i="1"/>
  <c r="AC34301" i="1"/>
  <c r="AC34302" i="1"/>
  <c r="AC34303" i="1"/>
  <c r="AD34303" i="1" s="1"/>
  <c r="AC34304" i="1"/>
  <c r="AC34305" i="1"/>
  <c r="AC34306" i="1"/>
  <c r="AC34307" i="1"/>
  <c r="AC34308" i="1"/>
  <c r="AC34309" i="1"/>
  <c r="AC34310" i="1"/>
  <c r="AC34311" i="1"/>
  <c r="AC34312" i="1"/>
  <c r="AC34313" i="1"/>
  <c r="AC34314" i="1"/>
  <c r="AC34315" i="1"/>
  <c r="AD34315" i="1" s="1"/>
  <c r="AC34316" i="1"/>
  <c r="AC34317" i="1"/>
  <c r="AC34318" i="1"/>
  <c r="AC34319" i="1"/>
  <c r="AC34320" i="1"/>
  <c r="AC34321" i="1"/>
  <c r="AC34322" i="1"/>
  <c r="AC34323" i="1"/>
  <c r="AC34324" i="1"/>
  <c r="AC34325" i="1"/>
  <c r="AC34326" i="1"/>
  <c r="AC34327" i="1"/>
  <c r="AD34327" i="1" s="1"/>
  <c r="AC34328" i="1"/>
  <c r="AC34329" i="1"/>
  <c r="AC34330" i="1"/>
  <c r="AC34331" i="1"/>
  <c r="AC34332" i="1"/>
  <c r="AC34333" i="1"/>
  <c r="AC34334" i="1"/>
  <c r="AC34335" i="1"/>
  <c r="AC34336" i="1"/>
  <c r="AC34337" i="1"/>
  <c r="AC34338" i="1"/>
  <c r="AC34339" i="1"/>
  <c r="AD34339" i="1" s="1"/>
  <c r="AC34340" i="1"/>
  <c r="AC34341" i="1"/>
  <c r="AC34342" i="1"/>
  <c r="AC34343" i="1"/>
  <c r="AC34344" i="1"/>
  <c r="AC34345" i="1"/>
  <c r="AC34346" i="1"/>
  <c r="AC34347" i="1"/>
  <c r="AC34348" i="1"/>
  <c r="AC34349" i="1"/>
  <c r="AC34350" i="1"/>
  <c r="AC34351" i="1"/>
  <c r="AD34351" i="1" s="1"/>
  <c r="AC34352" i="1"/>
  <c r="AC34353" i="1"/>
  <c r="AC34354" i="1"/>
  <c r="AC34355" i="1"/>
  <c r="AC34356" i="1"/>
  <c r="AC34357" i="1"/>
  <c r="AC34358" i="1"/>
  <c r="AC34359" i="1"/>
  <c r="AC34360" i="1"/>
  <c r="AC34361" i="1"/>
  <c r="AC34362" i="1"/>
  <c r="AC34363" i="1"/>
  <c r="AD34363" i="1" s="1"/>
  <c r="AC34364" i="1"/>
  <c r="AC34365" i="1"/>
  <c r="AC34366" i="1"/>
  <c r="AC34367" i="1"/>
  <c r="AC34368" i="1"/>
  <c r="AC34369" i="1"/>
  <c r="AC34370" i="1"/>
  <c r="AC34371" i="1"/>
  <c r="AC34372" i="1"/>
  <c r="AC34373" i="1"/>
  <c r="AC34374" i="1"/>
  <c r="AC34375" i="1"/>
  <c r="AD34375" i="1" s="1"/>
  <c r="AC34376" i="1"/>
  <c r="AC34377" i="1"/>
  <c r="AC34378" i="1"/>
  <c r="AC34379" i="1"/>
  <c r="AC34380" i="1"/>
  <c r="AC34381" i="1"/>
  <c r="AC34382" i="1"/>
  <c r="AC34383" i="1"/>
  <c r="AC34384" i="1"/>
  <c r="AC34385" i="1"/>
  <c r="AC34386" i="1"/>
  <c r="AC34387" i="1"/>
  <c r="AD34387" i="1" s="1"/>
  <c r="AC34388" i="1"/>
  <c r="AC34389" i="1"/>
  <c r="AC34390" i="1"/>
  <c r="AC34391" i="1"/>
  <c r="AC34392" i="1"/>
  <c r="AC34393" i="1"/>
  <c r="AC34394" i="1"/>
  <c r="AC34395" i="1"/>
  <c r="AC34396" i="1"/>
  <c r="AC34397" i="1"/>
  <c r="AC34398" i="1"/>
  <c r="AC34399" i="1"/>
  <c r="AD34399" i="1" s="1"/>
  <c r="AC34400" i="1"/>
  <c r="AC34401" i="1"/>
  <c r="AC34402" i="1"/>
  <c r="AC34403" i="1"/>
  <c r="AC34404" i="1"/>
  <c r="AC34405" i="1"/>
  <c r="AC34406" i="1"/>
  <c r="AC34407" i="1"/>
  <c r="AC34408" i="1"/>
  <c r="AC34409" i="1"/>
  <c r="AC34410" i="1"/>
  <c r="AC34411" i="1"/>
  <c r="AD34411" i="1" s="1"/>
  <c r="AC34412" i="1"/>
  <c r="AC34413" i="1"/>
  <c r="AC34414" i="1"/>
  <c r="AC34415" i="1"/>
  <c r="AC34416" i="1"/>
  <c r="AC34417" i="1"/>
  <c r="AC34418" i="1"/>
  <c r="AC34419" i="1"/>
  <c r="AC34420" i="1"/>
  <c r="AC34421" i="1"/>
  <c r="AC34422" i="1"/>
  <c r="AC34423" i="1"/>
  <c r="AD34423" i="1" s="1"/>
  <c r="AC34424" i="1"/>
  <c r="AC34425" i="1"/>
  <c r="AC34426" i="1"/>
  <c r="AC34427" i="1"/>
  <c r="AC34428" i="1"/>
  <c r="AC34429" i="1"/>
  <c r="AC34430" i="1"/>
  <c r="AC34431" i="1"/>
  <c r="AC34432" i="1"/>
  <c r="AC34433" i="1"/>
  <c r="AC34434" i="1"/>
  <c r="AC34435" i="1"/>
  <c r="AD34435" i="1" s="1"/>
  <c r="AC34436" i="1"/>
  <c r="AC34437" i="1"/>
  <c r="AC34438" i="1"/>
  <c r="AC34439" i="1"/>
  <c r="AC34440" i="1"/>
  <c r="AC34441" i="1"/>
  <c r="AC34442" i="1"/>
  <c r="AC34443" i="1"/>
  <c r="AC34444" i="1"/>
  <c r="AC34445" i="1"/>
  <c r="AC34446" i="1"/>
  <c r="AC34447" i="1"/>
  <c r="AD34447" i="1" s="1"/>
  <c r="AC34448" i="1"/>
  <c r="AC34449" i="1"/>
  <c r="AC34450" i="1"/>
  <c r="AC34451" i="1"/>
  <c r="AC34452" i="1"/>
  <c r="AC34453" i="1"/>
  <c r="AC34454" i="1"/>
  <c r="AC34455" i="1"/>
  <c r="AC34456" i="1"/>
  <c r="AC34457" i="1"/>
  <c r="AC34458" i="1"/>
  <c r="AC34459" i="1"/>
  <c r="AD34459" i="1" s="1"/>
  <c r="AC34460" i="1"/>
  <c r="AC34461" i="1"/>
  <c r="AC34462" i="1"/>
  <c r="AC34463" i="1"/>
  <c r="AC34464" i="1"/>
  <c r="AC34465" i="1"/>
  <c r="AC34466" i="1"/>
  <c r="AC34467" i="1"/>
  <c r="AC34468" i="1"/>
  <c r="AC34469" i="1"/>
  <c r="AC34470" i="1"/>
  <c r="AC34471" i="1"/>
  <c r="AD34471" i="1" s="1"/>
  <c r="AC34472" i="1"/>
  <c r="AC34473" i="1"/>
  <c r="AC34474" i="1"/>
  <c r="AC34475" i="1"/>
  <c r="AC34476" i="1"/>
  <c r="AC34477" i="1"/>
  <c r="AC34478" i="1"/>
  <c r="AC34479" i="1"/>
  <c r="AC34480" i="1"/>
  <c r="AC34481" i="1"/>
  <c r="AC34482" i="1"/>
  <c r="AC34483" i="1"/>
  <c r="AD34483" i="1" s="1"/>
  <c r="AC34484" i="1"/>
  <c r="AC34485" i="1"/>
  <c r="AC34486" i="1"/>
  <c r="AC34487" i="1"/>
  <c r="AC34488" i="1"/>
  <c r="AC34489" i="1"/>
  <c r="AC34490" i="1"/>
  <c r="AC34491" i="1"/>
  <c r="AC34492" i="1"/>
  <c r="AC34493" i="1"/>
  <c r="AC34494" i="1"/>
  <c r="AC34495" i="1"/>
  <c r="AD34495" i="1" s="1"/>
  <c r="AC34496" i="1"/>
  <c r="AC34497" i="1"/>
  <c r="AC34498" i="1"/>
  <c r="AC34499" i="1"/>
  <c r="AC34500" i="1"/>
  <c r="AC34501" i="1"/>
  <c r="AC34502" i="1"/>
  <c r="AC34503" i="1"/>
  <c r="AC34504" i="1"/>
  <c r="AC34505" i="1"/>
  <c r="AC34506" i="1"/>
  <c r="AC34507" i="1"/>
  <c r="AD34507" i="1" s="1"/>
  <c r="AC34508" i="1"/>
  <c r="AC34509" i="1"/>
  <c r="AC34510" i="1"/>
  <c r="AC34511" i="1"/>
  <c r="AC34512" i="1"/>
  <c r="AC34513" i="1"/>
  <c r="AC34514" i="1"/>
  <c r="AC34515" i="1"/>
  <c r="AC34516" i="1"/>
  <c r="AC34517" i="1"/>
  <c r="AC34518" i="1"/>
  <c r="AC34519" i="1"/>
  <c r="AD34519" i="1" s="1"/>
  <c r="AC34520" i="1"/>
  <c r="AC34521" i="1"/>
  <c r="AC34522" i="1"/>
  <c r="AC34523" i="1"/>
  <c r="AC34524" i="1"/>
  <c r="AC34525" i="1"/>
  <c r="AC34526" i="1"/>
  <c r="AC34527" i="1"/>
  <c r="AC34528" i="1"/>
  <c r="AC34529" i="1"/>
  <c r="AC34530" i="1"/>
  <c r="AC34531" i="1"/>
  <c r="AD34531" i="1" s="1"/>
  <c r="AC34532" i="1"/>
  <c r="AC34533" i="1"/>
  <c r="AC34534" i="1"/>
  <c r="AC34535" i="1"/>
  <c r="AC34536" i="1"/>
  <c r="AC34537" i="1"/>
  <c r="AC34538" i="1"/>
  <c r="AC34539" i="1"/>
  <c r="AC34540" i="1"/>
  <c r="AC34541" i="1"/>
  <c r="AC34542" i="1"/>
  <c r="AC34543" i="1"/>
  <c r="AD34543" i="1" s="1"/>
  <c r="AC34544" i="1"/>
  <c r="AC34545" i="1"/>
  <c r="AC34546" i="1"/>
  <c r="AC34547" i="1"/>
  <c r="AC34548" i="1"/>
  <c r="AC34549" i="1"/>
  <c r="AC34550" i="1"/>
  <c r="AC34551" i="1"/>
  <c r="AC34552" i="1"/>
  <c r="AC34553" i="1"/>
  <c r="AC34554" i="1"/>
  <c r="AC34555" i="1"/>
  <c r="AD34555" i="1" s="1"/>
  <c r="AC34556" i="1"/>
  <c r="AC34557" i="1"/>
  <c r="AC34558" i="1"/>
  <c r="AC34559" i="1"/>
  <c r="AC34560" i="1"/>
  <c r="AC34561" i="1"/>
  <c r="AC34562" i="1"/>
  <c r="AC34563" i="1"/>
  <c r="AC34564" i="1"/>
  <c r="AC34565" i="1"/>
  <c r="AC34566" i="1"/>
  <c r="AC34567" i="1"/>
  <c r="AD34567" i="1" s="1"/>
  <c r="AC34568" i="1"/>
  <c r="AC34569" i="1"/>
  <c r="AC34570" i="1"/>
  <c r="AC34571" i="1"/>
  <c r="AC34572" i="1"/>
  <c r="AC34573" i="1"/>
  <c r="AC34574" i="1"/>
  <c r="AC34575" i="1"/>
  <c r="AC34576" i="1"/>
  <c r="AC34577" i="1"/>
  <c r="AC34578" i="1"/>
  <c r="AC34579" i="1"/>
  <c r="AD34579" i="1" s="1"/>
  <c r="AC34580" i="1"/>
  <c r="AC34581" i="1"/>
  <c r="AC34582" i="1"/>
  <c r="AC34583" i="1"/>
  <c r="AC34584" i="1"/>
  <c r="AC34585" i="1"/>
  <c r="AC34586" i="1"/>
  <c r="AC34587" i="1"/>
  <c r="AC34588" i="1"/>
  <c r="AC34589" i="1"/>
  <c r="AC34590" i="1"/>
  <c r="AC34591" i="1"/>
  <c r="AD34591" i="1" s="1"/>
  <c r="AC34592" i="1"/>
  <c r="AC34593" i="1"/>
  <c r="AC34594" i="1"/>
  <c r="AC34595" i="1"/>
  <c r="AC34596" i="1"/>
  <c r="AC34597" i="1"/>
  <c r="AC34598" i="1"/>
  <c r="AC34599" i="1"/>
  <c r="AC34600" i="1"/>
  <c r="AC34601" i="1"/>
  <c r="AC34602" i="1"/>
  <c r="AC34603" i="1"/>
  <c r="AD34603" i="1" s="1"/>
  <c r="AC34604" i="1"/>
  <c r="AC34605" i="1"/>
  <c r="AC34606" i="1"/>
  <c r="AC34607" i="1"/>
  <c r="AC34608" i="1"/>
  <c r="AC34609" i="1"/>
  <c r="AC34610" i="1"/>
  <c r="AC34611" i="1"/>
  <c r="AC34612" i="1"/>
  <c r="AC34613" i="1"/>
  <c r="AC34614" i="1"/>
  <c r="AC34615" i="1"/>
  <c r="AD34615" i="1" s="1"/>
  <c r="AC34616" i="1"/>
  <c r="AC34617" i="1"/>
  <c r="AC34618" i="1"/>
  <c r="AC34619" i="1"/>
  <c r="AC34620" i="1"/>
  <c r="AC34621" i="1"/>
  <c r="AC34622" i="1"/>
  <c r="AC34623" i="1"/>
  <c r="AC34624" i="1"/>
  <c r="AC34625" i="1"/>
  <c r="AC34626" i="1"/>
  <c r="AC34627" i="1"/>
  <c r="AD34627" i="1" s="1"/>
  <c r="AC34628" i="1"/>
  <c r="AC34629" i="1"/>
  <c r="AC34630" i="1"/>
  <c r="AC34631" i="1"/>
  <c r="AC34632" i="1"/>
  <c r="AC34633" i="1"/>
  <c r="AC34634" i="1"/>
  <c r="AC34635" i="1"/>
  <c r="AC34636" i="1"/>
  <c r="AC34637" i="1"/>
  <c r="AC34638" i="1"/>
  <c r="AC34639" i="1"/>
  <c r="AD34639" i="1" s="1"/>
  <c r="AC34640" i="1"/>
  <c r="AC34641" i="1"/>
  <c r="AC34642" i="1"/>
  <c r="AC34643" i="1"/>
  <c r="AC34644" i="1"/>
  <c r="AC34645" i="1"/>
  <c r="AC34646" i="1"/>
  <c r="AC34647" i="1"/>
  <c r="AC34648" i="1"/>
  <c r="AC34649" i="1"/>
  <c r="AC34650" i="1"/>
  <c r="AC34651" i="1"/>
  <c r="AD34651" i="1" s="1"/>
  <c r="AC34652" i="1"/>
  <c r="AC34653" i="1"/>
  <c r="AC34654" i="1"/>
  <c r="AC34655" i="1"/>
  <c r="AC34656" i="1"/>
  <c r="AC34657" i="1"/>
  <c r="AC34658" i="1"/>
  <c r="AC34659" i="1"/>
  <c r="AC34660" i="1"/>
  <c r="AC34661" i="1"/>
  <c r="AC34662" i="1"/>
  <c r="AC34663" i="1"/>
  <c r="AD34663" i="1" s="1"/>
  <c r="AC34664" i="1"/>
  <c r="AC34665" i="1"/>
  <c r="AC34666" i="1"/>
  <c r="AC34667" i="1"/>
  <c r="AC34668" i="1"/>
  <c r="AC34669" i="1"/>
  <c r="AC34670" i="1"/>
  <c r="AC34671" i="1"/>
  <c r="AC34672" i="1"/>
  <c r="AC34673" i="1"/>
  <c r="AC34674" i="1"/>
  <c r="AC34675" i="1"/>
  <c r="AD34675" i="1" s="1"/>
  <c r="AC34676" i="1"/>
  <c r="AC34677" i="1"/>
  <c r="AC34678" i="1"/>
  <c r="AC34679" i="1"/>
  <c r="AC34680" i="1"/>
  <c r="AC34681" i="1"/>
  <c r="AC34682" i="1"/>
  <c r="AC34683" i="1"/>
  <c r="AC34684" i="1"/>
  <c r="AC34685" i="1"/>
  <c r="AC34686" i="1"/>
  <c r="AC34687" i="1"/>
  <c r="AD34687" i="1" s="1"/>
  <c r="AC34688" i="1"/>
  <c r="AC34689" i="1"/>
  <c r="AC34690" i="1"/>
  <c r="AC34691" i="1"/>
  <c r="AC34692" i="1"/>
  <c r="AC34693" i="1"/>
  <c r="AC34694" i="1"/>
  <c r="AC34695" i="1"/>
  <c r="AC34696" i="1"/>
  <c r="AC34697" i="1"/>
  <c r="AC34698" i="1"/>
  <c r="AC34699" i="1"/>
  <c r="AD34699" i="1" s="1"/>
  <c r="AC34700" i="1"/>
  <c r="AC34701" i="1"/>
  <c r="AC34702" i="1"/>
  <c r="AC34703" i="1"/>
  <c r="AC34704" i="1"/>
  <c r="AC34705" i="1"/>
  <c r="AC34706" i="1"/>
  <c r="AC34707" i="1"/>
  <c r="AC34708" i="1"/>
  <c r="AC34709" i="1"/>
  <c r="AC34710" i="1"/>
  <c r="AC34711" i="1"/>
  <c r="AD34711" i="1" s="1"/>
  <c r="AC34712" i="1"/>
  <c r="AC34713" i="1"/>
  <c r="AC34714" i="1"/>
  <c r="AC34715" i="1"/>
  <c r="AC34716" i="1"/>
  <c r="AC34717" i="1"/>
  <c r="AC34718" i="1"/>
  <c r="AC34719" i="1"/>
  <c r="AC34720" i="1"/>
  <c r="AC34721" i="1"/>
  <c r="AC34722" i="1"/>
  <c r="AC34723" i="1"/>
  <c r="AD34723" i="1" s="1"/>
  <c r="AC34724" i="1"/>
  <c r="AC34725" i="1"/>
  <c r="AC34726" i="1"/>
  <c r="AC34727" i="1"/>
  <c r="AC34728" i="1"/>
  <c r="AC34729" i="1"/>
  <c r="AC34730" i="1"/>
  <c r="AC34731" i="1"/>
  <c r="AC34732" i="1"/>
  <c r="AC34733" i="1"/>
  <c r="AC34734" i="1"/>
  <c r="AC34735" i="1"/>
  <c r="AD34735" i="1" s="1"/>
  <c r="AC34736" i="1"/>
  <c r="AC34737" i="1"/>
  <c r="AC34738" i="1"/>
  <c r="AC34739" i="1"/>
  <c r="AC34740" i="1"/>
  <c r="AC34741" i="1"/>
  <c r="AC34742" i="1"/>
  <c r="AC34743" i="1"/>
  <c r="AC34744" i="1"/>
  <c r="AC34745" i="1"/>
  <c r="AC34746" i="1"/>
  <c r="AC34747" i="1"/>
  <c r="AD34747" i="1" s="1"/>
  <c r="AC34748" i="1"/>
  <c r="AC34749" i="1"/>
  <c r="AC34750" i="1"/>
  <c r="AC34751" i="1"/>
  <c r="AC34752" i="1"/>
  <c r="AC34753" i="1"/>
  <c r="AC34754" i="1"/>
  <c r="AC34755" i="1"/>
  <c r="AC34756" i="1"/>
  <c r="AC34757" i="1"/>
  <c r="AC34758" i="1"/>
  <c r="AC34759" i="1"/>
  <c r="AD34759" i="1" s="1"/>
  <c r="AC34760" i="1"/>
  <c r="AC34761" i="1"/>
  <c r="AC34762" i="1"/>
  <c r="AC34763" i="1"/>
  <c r="AC34764" i="1"/>
  <c r="AC34765" i="1"/>
  <c r="AC34766" i="1"/>
  <c r="AC34767" i="1"/>
  <c r="AC34768" i="1"/>
  <c r="AC34769" i="1"/>
  <c r="AC34770" i="1"/>
  <c r="AC34771" i="1"/>
  <c r="AD34771" i="1" s="1"/>
  <c r="AC34772" i="1"/>
  <c r="AC34773" i="1"/>
  <c r="AC34774" i="1"/>
  <c r="AC34775" i="1"/>
  <c r="AC34776" i="1"/>
  <c r="AC34777" i="1"/>
  <c r="AC34778" i="1"/>
  <c r="AC34779" i="1"/>
  <c r="AC34780" i="1"/>
  <c r="AC34781" i="1"/>
  <c r="AC34782" i="1"/>
  <c r="AC34783" i="1"/>
  <c r="AD34783" i="1" s="1"/>
  <c r="AC34784" i="1"/>
  <c r="AC34785" i="1"/>
  <c r="AC34786" i="1"/>
  <c r="AC34787" i="1"/>
  <c r="AC34788" i="1"/>
  <c r="AC34789" i="1"/>
  <c r="AC34790" i="1"/>
  <c r="AC34791" i="1"/>
  <c r="AC34792" i="1"/>
  <c r="AC34793" i="1"/>
  <c r="AC34794" i="1"/>
  <c r="AC34795" i="1"/>
  <c r="AD34795" i="1" s="1"/>
  <c r="AC34796" i="1"/>
  <c r="AC34797" i="1"/>
  <c r="AC34798" i="1"/>
  <c r="AC34799" i="1"/>
  <c r="AC34800" i="1"/>
  <c r="AC34801" i="1"/>
  <c r="AC34802" i="1"/>
  <c r="AC34803" i="1"/>
  <c r="AC34804" i="1"/>
  <c r="AC34805" i="1"/>
  <c r="AC34806" i="1"/>
  <c r="AC34807" i="1"/>
  <c r="AD34807" i="1" s="1"/>
  <c r="AC34808" i="1"/>
  <c r="AC34809" i="1"/>
  <c r="AC34810" i="1"/>
  <c r="AC34811" i="1"/>
  <c r="AC34812" i="1"/>
  <c r="AC34813" i="1"/>
  <c r="AC34814" i="1"/>
  <c r="AC34815" i="1"/>
  <c r="AC34816" i="1"/>
  <c r="AC34817" i="1"/>
  <c r="AC34818" i="1"/>
  <c r="AC34819" i="1"/>
  <c r="AD34819" i="1" s="1"/>
  <c r="AC34820" i="1"/>
  <c r="AC34821" i="1"/>
  <c r="AC34822" i="1"/>
  <c r="AC34823" i="1"/>
  <c r="AC34824" i="1"/>
  <c r="AC34825" i="1"/>
  <c r="AC34826" i="1"/>
  <c r="AC34827" i="1"/>
  <c r="AC34828" i="1"/>
  <c r="AC34829" i="1"/>
  <c r="AC34830" i="1"/>
  <c r="AC34831" i="1"/>
  <c r="AD34831" i="1" s="1"/>
  <c r="AC34832" i="1"/>
  <c r="AC34833" i="1"/>
  <c r="AC34834" i="1"/>
  <c r="AC34835" i="1"/>
  <c r="AC34836" i="1"/>
  <c r="AC34837" i="1"/>
  <c r="AC34838" i="1"/>
  <c r="AC34839" i="1"/>
  <c r="AC34840" i="1"/>
  <c r="AC34841" i="1"/>
  <c r="AC34842" i="1"/>
  <c r="AC34843" i="1"/>
  <c r="AD34843" i="1" s="1"/>
  <c r="AC34844" i="1"/>
  <c r="AC34845" i="1"/>
  <c r="AC34846" i="1"/>
  <c r="AC34847" i="1"/>
  <c r="AC34848" i="1"/>
  <c r="AC34849" i="1"/>
  <c r="AC34850" i="1"/>
  <c r="AC34851" i="1"/>
  <c r="AC34852" i="1"/>
  <c r="AC34853" i="1"/>
  <c r="AC34854" i="1"/>
  <c r="AC34855" i="1"/>
  <c r="AD34855" i="1" s="1"/>
  <c r="AC34856" i="1"/>
  <c r="AC34857" i="1"/>
  <c r="AC34858" i="1"/>
  <c r="AC34859" i="1"/>
  <c r="AC34860" i="1"/>
  <c r="AC34861" i="1"/>
  <c r="AC34862" i="1"/>
  <c r="AC34863" i="1"/>
  <c r="AC34864" i="1"/>
  <c r="AC34865" i="1"/>
  <c r="AC34866" i="1"/>
  <c r="AC34867" i="1"/>
  <c r="AD34867" i="1" s="1"/>
  <c r="AC34868" i="1"/>
  <c r="AC34869" i="1"/>
  <c r="AC34870" i="1"/>
  <c r="AC34871" i="1"/>
  <c r="AC34872" i="1"/>
  <c r="AC34873" i="1"/>
  <c r="AC34874" i="1"/>
  <c r="AC34875" i="1"/>
  <c r="AC34876" i="1"/>
  <c r="AC34877" i="1"/>
  <c r="AC34878" i="1"/>
  <c r="AC34879" i="1"/>
  <c r="AD34879" i="1" s="1"/>
  <c r="AC34880" i="1"/>
  <c r="AC34881" i="1"/>
  <c r="AC34882" i="1"/>
  <c r="AC34883" i="1"/>
  <c r="AC34884" i="1"/>
  <c r="AC34885" i="1"/>
  <c r="AC34886" i="1"/>
  <c r="AC34887" i="1"/>
  <c r="AC34888" i="1"/>
  <c r="AC34889" i="1"/>
  <c r="AC34890" i="1"/>
  <c r="AC34891" i="1"/>
  <c r="AD34891" i="1" s="1"/>
  <c r="AC34892" i="1"/>
  <c r="AC34893" i="1"/>
  <c r="AC34894" i="1"/>
  <c r="AC34895" i="1"/>
  <c r="AC34896" i="1"/>
  <c r="AC34897" i="1"/>
  <c r="AC34898" i="1"/>
  <c r="AC34899" i="1"/>
  <c r="AC34900" i="1"/>
  <c r="AC34901" i="1"/>
  <c r="AC34902" i="1"/>
  <c r="AC34903" i="1"/>
  <c r="AD34903" i="1" s="1"/>
  <c r="AC34904" i="1"/>
  <c r="AC34905" i="1"/>
  <c r="AC34906" i="1"/>
  <c r="AC34907" i="1"/>
  <c r="AC34908" i="1"/>
  <c r="AC34909" i="1"/>
  <c r="AC34910" i="1"/>
  <c r="AC34911" i="1"/>
  <c r="AC34912" i="1"/>
  <c r="AC34913" i="1"/>
  <c r="AC34914" i="1"/>
  <c r="AC34915" i="1"/>
  <c r="AD34915" i="1" s="1"/>
  <c r="AC34916" i="1"/>
  <c r="AC34917" i="1"/>
  <c r="AC34918" i="1"/>
  <c r="AC34919" i="1"/>
  <c r="AC34920" i="1"/>
  <c r="AC34921" i="1"/>
  <c r="AC34922" i="1"/>
  <c r="AC34923" i="1"/>
  <c r="AC34924" i="1"/>
  <c r="AC34925" i="1"/>
  <c r="AC34926" i="1"/>
  <c r="AC34927" i="1"/>
  <c r="AD34927" i="1" s="1"/>
  <c r="AC34928" i="1"/>
  <c r="AC34929" i="1"/>
  <c r="AC34930" i="1"/>
  <c r="AC34931" i="1"/>
  <c r="AC34932" i="1"/>
  <c r="AC34933" i="1"/>
  <c r="AC34934" i="1"/>
  <c r="AC34935" i="1"/>
  <c r="AC34936" i="1"/>
  <c r="AC34937" i="1"/>
  <c r="AC34938" i="1"/>
  <c r="AC34939" i="1"/>
  <c r="AD34939" i="1" s="1"/>
  <c r="AC34940" i="1"/>
  <c r="AC34941" i="1"/>
  <c r="AC34942" i="1"/>
  <c r="AC34943" i="1"/>
  <c r="AC34944" i="1"/>
  <c r="AC34945" i="1"/>
  <c r="AC34946" i="1"/>
  <c r="AC34947" i="1"/>
  <c r="AC34948" i="1"/>
  <c r="AC34949" i="1"/>
  <c r="AC34950" i="1"/>
  <c r="AC34951" i="1"/>
  <c r="AD34951" i="1" s="1"/>
  <c r="AC34952" i="1"/>
  <c r="AC34953" i="1"/>
  <c r="AC34954" i="1"/>
  <c r="AC34955" i="1"/>
  <c r="AC34956" i="1"/>
  <c r="AC34957" i="1"/>
  <c r="AC34958" i="1"/>
  <c r="AC34959" i="1"/>
  <c r="AC34960" i="1"/>
  <c r="AC34961" i="1"/>
  <c r="AC34962" i="1"/>
  <c r="AC34963" i="1"/>
  <c r="AD34963" i="1" s="1"/>
  <c r="AC34964" i="1"/>
  <c r="AC34965" i="1"/>
  <c r="AC34966" i="1"/>
  <c r="AC34967" i="1"/>
  <c r="AC34968" i="1"/>
  <c r="AC34969" i="1"/>
  <c r="AC34970" i="1"/>
  <c r="AC34971" i="1"/>
  <c r="AC34972" i="1"/>
  <c r="AC34973" i="1"/>
  <c r="AC34974" i="1"/>
  <c r="AC34975" i="1"/>
  <c r="AD34975" i="1" s="1"/>
  <c r="AC34976" i="1"/>
  <c r="AC34977" i="1"/>
  <c r="AC34978" i="1"/>
  <c r="AC34979" i="1"/>
  <c r="AC34980" i="1"/>
  <c r="AC34981" i="1"/>
  <c r="AC34982" i="1"/>
  <c r="AC34983" i="1"/>
  <c r="AC34984" i="1"/>
  <c r="AC34985" i="1"/>
  <c r="AC34986" i="1"/>
  <c r="AC34987" i="1"/>
  <c r="AD34987" i="1" s="1"/>
  <c r="AC34988" i="1"/>
  <c r="AC34989" i="1"/>
  <c r="AC34990" i="1"/>
  <c r="AC34991" i="1"/>
  <c r="AC34992" i="1"/>
  <c r="AC34993" i="1"/>
  <c r="AC34994" i="1"/>
  <c r="AC34995" i="1"/>
  <c r="AC34996" i="1"/>
  <c r="AC34997" i="1"/>
  <c r="AC34998" i="1"/>
  <c r="AC34999" i="1"/>
  <c r="AD34999" i="1" s="1"/>
  <c r="AC35000" i="1"/>
  <c r="AC35001" i="1"/>
  <c r="AC35002" i="1"/>
  <c r="AC35003" i="1"/>
  <c r="AC35004" i="1"/>
  <c r="AC35005" i="1"/>
  <c r="AC35006" i="1"/>
  <c r="AC35007" i="1"/>
  <c r="AC35008" i="1"/>
  <c r="AC35009" i="1"/>
  <c r="AC35010" i="1"/>
  <c r="AC35011" i="1"/>
  <c r="AD35011" i="1" s="1"/>
  <c r="AC35012" i="1"/>
  <c r="AC35013" i="1"/>
  <c r="AC35014" i="1"/>
  <c r="AC35015" i="1"/>
  <c r="AC35016" i="1"/>
  <c r="AC35017" i="1"/>
  <c r="AC35018" i="1"/>
  <c r="AC35019" i="1"/>
  <c r="AC35020" i="1"/>
  <c r="AC35021" i="1"/>
  <c r="AC35022" i="1"/>
  <c r="AC35023" i="1"/>
  <c r="AD35023" i="1" s="1"/>
  <c r="AC35024" i="1"/>
  <c r="AC35025" i="1"/>
  <c r="AC35026" i="1"/>
  <c r="AC35027" i="1"/>
  <c r="AC35028" i="1"/>
  <c r="AC35029" i="1"/>
  <c r="AC35030" i="1"/>
  <c r="AC35031" i="1"/>
  <c r="AC35032" i="1"/>
  <c r="AC35033" i="1"/>
  <c r="AC35034" i="1"/>
  <c r="AC35035" i="1"/>
  <c r="AD35035" i="1" s="1"/>
  <c r="AC35036" i="1"/>
  <c r="AC35037" i="1"/>
  <c r="AC35038" i="1"/>
  <c r="AC35039" i="1"/>
  <c r="AC35040" i="1"/>
  <c r="AC35041" i="1"/>
  <c r="AC35042" i="1"/>
  <c r="AC35043" i="1"/>
  <c r="AC35044" i="1"/>
  <c r="AC35045" i="1"/>
  <c r="AC35046" i="1"/>
  <c r="AC35047" i="1"/>
  <c r="AD35047" i="1" s="1"/>
  <c r="AC35048" i="1"/>
  <c r="AC35049" i="1"/>
  <c r="AC35050" i="1"/>
  <c r="AC35051" i="1"/>
  <c r="AC35052" i="1"/>
  <c r="AC35053" i="1"/>
  <c r="AC35054" i="1"/>
  <c r="AC35055" i="1"/>
  <c r="AC35056" i="1"/>
  <c r="AC35057" i="1"/>
  <c r="AC35058" i="1"/>
  <c r="AC35059" i="1"/>
  <c r="AD35059" i="1" s="1"/>
  <c r="AC35060" i="1"/>
  <c r="AC35061" i="1"/>
  <c r="AC35062" i="1"/>
  <c r="AC35063" i="1"/>
  <c r="AC35064" i="1"/>
  <c r="AC35065" i="1"/>
  <c r="AC35066" i="1"/>
  <c r="AC35067" i="1"/>
  <c r="AC35068" i="1"/>
  <c r="AC35069" i="1"/>
  <c r="AC35070" i="1"/>
  <c r="AC35071" i="1"/>
  <c r="AD35071" i="1" s="1"/>
  <c r="AC35072" i="1"/>
  <c r="AC35073" i="1"/>
  <c r="AC35074" i="1"/>
  <c r="AC35075" i="1"/>
  <c r="AC35076" i="1"/>
  <c r="AC35077" i="1"/>
  <c r="AC35078" i="1"/>
  <c r="AC35079" i="1"/>
  <c r="AC35080" i="1"/>
  <c r="AC35081" i="1"/>
  <c r="AC35082" i="1"/>
  <c r="AC35083" i="1"/>
  <c r="AD35083" i="1" s="1"/>
  <c r="AC35084" i="1"/>
  <c r="AC35085" i="1"/>
  <c r="AC35086" i="1"/>
  <c r="AC35087" i="1"/>
  <c r="AC35088" i="1"/>
  <c r="AC35089" i="1"/>
  <c r="AC35090" i="1"/>
  <c r="AC35091" i="1"/>
  <c r="AC35092" i="1"/>
  <c r="AC35093" i="1"/>
  <c r="AC35094" i="1"/>
  <c r="AC35095" i="1"/>
  <c r="AD35095" i="1" s="1"/>
  <c r="AC35096" i="1"/>
  <c r="AC35097" i="1"/>
  <c r="AC35098" i="1"/>
  <c r="AC35099" i="1"/>
  <c r="AC35100" i="1"/>
  <c r="AC35101" i="1"/>
  <c r="AC35102" i="1"/>
  <c r="AC35103" i="1"/>
  <c r="AC35104" i="1"/>
  <c r="AC35105" i="1"/>
  <c r="AC35106" i="1"/>
  <c r="AC35107" i="1"/>
  <c r="AD35107" i="1" s="1"/>
  <c r="AC35108" i="1"/>
  <c r="AC35109" i="1"/>
  <c r="AC35110" i="1"/>
  <c r="AC35111" i="1"/>
  <c r="AC35112" i="1"/>
  <c r="AC35113" i="1"/>
  <c r="AC35114" i="1"/>
  <c r="AC35115" i="1"/>
  <c r="AC35116" i="1"/>
  <c r="AC35117" i="1"/>
  <c r="AC35118" i="1"/>
  <c r="AC35119" i="1"/>
  <c r="AD35119" i="1" s="1"/>
  <c r="AC35120" i="1"/>
  <c r="AC35121" i="1"/>
  <c r="AC35122" i="1"/>
  <c r="AC35123" i="1"/>
  <c r="AC35124" i="1"/>
  <c r="AC35125" i="1"/>
  <c r="AC35126" i="1"/>
  <c r="AC35127" i="1"/>
  <c r="AC35128" i="1"/>
  <c r="AC35129" i="1"/>
  <c r="AC35130" i="1"/>
  <c r="AC35131" i="1"/>
  <c r="AD35131" i="1" s="1"/>
  <c r="AC35132" i="1"/>
  <c r="AC35133" i="1"/>
  <c r="AC35134" i="1"/>
  <c r="AC35135" i="1"/>
  <c r="AC35136" i="1"/>
  <c r="AC35137" i="1"/>
  <c r="AC35138" i="1"/>
  <c r="AC35139" i="1"/>
  <c r="AC35140" i="1"/>
  <c r="AC35141" i="1"/>
  <c r="AC35142" i="1"/>
  <c r="AC35143" i="1"/>
  <c r="AD35143" i="1" s="1"/>
  <c r="AC35144" i="1"/>
  <c r="AC35145" i="1"/>
  <c r="AC35146" i="1"/>
  <c r="AC35147" i="1"/>
  <c r="AC35148" i="1"/>
  <c r="AC35149" i="1"/>
  <c r="AC35150" i="1"/>
  <c r="AC35151" i="1"/>
  <c r="AC35152" i="1"/>
  <c r="AC35153" i="1"/>
  <c r="AC35154" i="1"/>
  <c r="AC35155" i="1"/>
  <c r="AD35155" i="1" s="1"/>
  <c r="AC35156" i="1"/>
  <c r="AC35157" i="1"/>
  <c r="AC35158" i="1"/>
  <c r="AC35159" i="1"/>
  <c r="AC35160" i="1"/>
  <c r="AC35161" i="1"/>
  <c r="AC35162" i="1"/>
  <c r="AC35163" i="1"/>
  <c r="AC35164" i="1"/>
  <c r="AC35165" i="1"/>
  <c r="AC35166" i="1"/>
  <c r="AC35167" i="1"/>
  <c r="AD35167" i="1" s="1"/>
  <c r="AC35168" i="1"/>
  <c r="AC35169" i="1"/>
  <c r="AC35170" i="1"/>
  <c r="AC35171" i="1"/>
  <c r="AC35172" i="1"/>
  <c r="AC35173" i="1"/>
  <c r="AC35174" i="1"/>
  <c r="AC35175" i="1"/>
  <c r="AC35176" i="1"/>
  <c r="AC35177" i="1"/>
  <c r="AC35178" i="1"/>
  <c r="AC35179" i="1"/>
  <c r="AD35179" i="1" s="1"/>
  <c r="AC35180" i="1"/>
  <c r="AC35181" i="1"/>
  <c r="AC35182" i="1"/>
  <c r="AC35183" i="1"/>
  <c r="AC35184" i="1"/>
  <c r="AC35185" i="1"/>
  <c r="AC35186" i="1"/>
  <c r="AC35187" i="1"/>
  <c r="AC35188" i="1"/>
  <c r="AC35189" i="1"/>
  <c r="AC35190" i="1"/>
  <c r="AC35191" i="1"/>
  <c r="AD35191" i="1" s="1"/>
  <c r="AC35192" i="1"/>
  <c r="AC35193" i="1"/>
  <c r="AC35194" i="1"/>
  <c r="AC35195" i="1"/>
  <c r="AC35196" i="1"/>
  <c r="AC35197" i="1"/>
  <c r="AC35198" i="1"/>
  <c r="AC35199" i="1"/>
  <c r="AC35200" i="1"/>
  <c r="AC35201" i="1"/>
  <c r="AC35202" i="1"/>
  <c r="AC35203" i="1"/>
  <c r="AD35203" i="1" s="1"/>
  <c r="AC35204" i="1"/>
  <c r="AC35205" i="1"/>
  <c r="AC35206" i="1"/>
  <c r="AC35207" i="1"/>
  <c r="AC35208" i="1"/>
  <c r="AC35209" i="1"/>
  <c r="AC35210" i="1"/>
  <c r="AC35211" i="1"/>
  <c r="AC35212" i="1"/>
  <c r="AC35213" i="1"/>
  <c r="AC35214" i="1"/>
  <c r="AC35215" i="1"/>
  <c r="AD35215" i="1" s="1"/>
  <c r="AC35216" i="1"/>
  <c r="AC35217" i="1"/>
  <c r="AC35218" i="1"/>
  <c r="AC35219" i="1"/>
  <c r="AC35220" i="1"/>
  <c r="AC35221" i="1"/>
  <c r="AC35222" i="1"/>
  <c r="AC35223" i="1"/>
  <c r="AC35224" i="1"/>
  <c r="AC35225" i="1"/>
  <c r="AC35226" i="1"/>
  <c r="AC35227" i="1"/>
  <c r="AD35227" i="1" s="1"/>
  <c r="AC35228" i="1"/>
  <c r="AC35229" i="1"/>
  <c r="AC35230" i="1"/>
  <c r="AC35231" i="1"/>
  <c r="AC35232" i="1"/>
  <c r="AC35233" i="1"/>
  <c r="AC35234" i="1"/>
  <c r="AC35235" i="1"/>
  <c r="AC35236" i="1"/>
  <c r="AC35237" i="1"/>
  <c r="AC35238" i="1"/>
  <c r="AC35239" i="1"/>
  <c r="AD35239" i="1" s="1"/>
  <c r="AC35240" i="1"/>
  <c r="AC35241" i="1"/>
  <c r="AC35242" i="1"/>
  <c r="AC35243" i="1"/>
  <c r="AC35244" i="1"/>
  <c r="AC35245" i="1"/>
  <c r="AC35246" i="1"/>
  <c r="AC35247" i="1"/>
  <c r="AC35248" i="1"/>
  <c r="AC35249" i="1"/>
  <c r="AC35250" i="1"/>
  <c r="AC35251" i="1"/>
  <c r="AD35251" i="1" s="1"/>
  <c r="AC35252" i="1"/>
  <c r="AC35253" i="1"/>
  <c r="AC35254" i="1"/>
  <c r="AC35255" i="1"/>
  <c r="AC35256" i="1"/>
  <c r="AC35257" i="1"/>
  <c r="AC35258" i="1"/>
  <c r="AC35259" i="1"/>
  <c r="AC35260" i="1"/>
  <c r="AC35261" i="1"/>
  <c r="AC35262" i="1"/>
  <c r="AC35263" i="1"/>
  <c r="AD35263" i="1" s="1"/>
  <c r="AC35264" i="1"/>
  <c r="AC35265" i="1"/>
  <c r="AC35266" i="1"/>
  <c r="AC35267" i="1"/>
  <c r="AC35268" i="1"/>
  <c r="AC35269" i="1"/>
  <c r="AC35270" i="1"/>
  <c r="AC35271" i="1"/>
  <c r="AC35272" i="1"/>
  <c r="AC35273" i="1"/>
  <c r="AC35274" i="1"/>
  <c r="AC35275" i="1"/>
  <c r="AD35275" i="1" s="1"/>
  <c r="AC35276" i="1"/>
  <c r="AC35277" i="1"/>
  <c r="AC35278" i="1"/>
  <c r="AC35279" i="1"/>
  <c r="AC35280" i="1"/>
  <c r="AC35281" i="1"/>
  <c r="AC35282" i="1"/>
  <c r="AC35283" i="1"/>
  <c r="AC35284" i="1"/>
  <c r="AC35285" i="1"/>
  <c r="AC35286" i="1"/>
  <c r="AC35287" i="1"/>
  <c r="AD35287" i="1" s="1"/>
  <c r="AC35288" i="1"/>
  <c r="AC35289" i="1"/>
  <c r="AC35290" i="1"/>
  <c r="AC35291" i="1"/>
  <c r="AC35292" i="1"/>
  <c r="AC35293" i="1"/>
  <c r="AC35294" i="1"/>
  <c r="AC35295" i="1"/>
  <c r="AC35296" i="1"/>
  <c r="AC35297" i="1"/>
  <c r="AC35298" i="1"/>
  <c r="AC35299" i="1"/>
  <c r="AD35299" i="1" s="1"/>
  <c r="AC35300" i="1"/>
  <c r="AC35301" i="1"/>
  <c r="AC35302" i="1"/>
  <c r="AC35303" i="1"/>
  <c r="AC35304" i="1"/>
  <c r="AC35305" i="1"/>
  <c r="AC35306" i="1"/>
  <c r="AC35307" i="1"/>
  <c r="AC35308" i="1"/>
  <c r="AC35309" i="1"/>
  <c r="AC35310" i="1"/>
  <c r="AC35311" i="1"/>
  <c r="AD35311" i="1" s="1"/>
  <c r="AC35312" i="1"/>
  <c r="AC35313" i="1"/>
  <c r="AC35314" i="1"/>
  <c r="AC35315" i="1"/>
  <c r="AC35316" i="1"/>
  <c r="AC35317" i="1"/>
  <c r="AC35318" i="1"/>
  <c r="AC35319" i="1"/>
  <c r="AC35320" i="1"/>
  <c r="AC35321" i="1"/>
  <c r="AC35322" i="1"/>
  <c r="AC35323" i="1"/>
  <c r="AD35323" i="1" s="1"/>
  <c r="AC35324" i="1"/>
  <c r="AC35325" i="1"/>
  <c r="AC35326" i="1"/>
  <c r="AC35327" i="1"/>
  <c r="AC35328" i="1"/>
  <c r="AC35329" i="1"/>
  <c r="AC35330" i="1"/>
  <c r="AC35331" i="1"/>
  <c r="AC35332" i="1"/>
  <c r="AC35333" i="1"/>
  <c r="AC35334" i="1"/>
  <c r="AC35335" i="1"/>
  <c r="AD35335" i="1" s="1"/>
  <c r="AC35336" i="1"/>
  <c r="AC35337" i="1"/>
  <c r="AC35338" i="1"/>
  <c r="AC35339" i="1"/>
  <c r="AC35340" i="1"/>
  <c r="AC35341" i="1"/>
  <c r="AC35342" i="1"/>
  <c r="AC35343" i="1"/>
  <c r="AC35344" i="1"/>
  <c r="AC35345" i="1"/>
  <c r="AC35346" i="1"/>
  <c r="AC35347" i="1"/>
  <c r="AD35347" i="1" s="1"/>
  <c r="AC35348" i="1"/>
  <c r="AC35349" i="1"/>
  <c r="AC35350" i="1"/>
  <c r="AC35351" i="1"/>
  <c r="AC35352" i="1"/>
  <c r="AC35353" i="1"/>
  <c r="AC35354" i="1"/>
  <c r="AC35355" i="1"/>
  <c r="AC35356" i="1"/>
  <c r="AC35357" i="1"/>
  <c r="AC35358" i="1"/>
  <c r="AC35359" i="1"/>
  <c r="AD35359" i="1" s="1"/>
  <c r="AC35360" i="1"/>
  <c r="AC35361" i="1"/>
  <c r="AC35362" i="1"/>
  <c r="AC35363" i="1"/>
  <c r="AC35364" i="1"/>
  <c r="AC35365" i="1"/>
  <c r="AC35366" i="1"/>
  <c r="AC35367" i="1"/>
  <c r="AC35368" i="1"/>
  <c r="AC35369" i="1"/>
  <c r="AC35370" i="1"/>
  <c r="AC35371" i="1"/>
  <c r="AD35371" i="1" s="1"/>
  <c r="AC35372" i="1"/>
  <c r="AC35373" i="1"/>
  <c r="AC35374" i="1"/>
  <c r="AC35375" i="1"/>
  <c r="AC35376" i="1"/>
  <c r="AC35377" i="1"/>
  <c r="AC35378" i="1"/>
  <c r="AC35379" i="1"/>
  <c r="AC35380" i="1"/>
  <c r="AC35381" i="1"/>
  <c r="AC35382" i="1"/>
  <c r="AC35383" i="1"/>
  <c r="AD35383" i="1" s="1"/>
  <c r="AC35384" i="1"/>
  <c r="AC35385" i="1"/>
  <c r="AC35386" i="1"/>
  <c r="AC35387" i="1"/>
  <c r="AC35388" i="1"/>
  <c r="AC35389" i="1"/>
  <c r="AC35390" i="1"/>
  <c r="AC35391" i="1"/>
  <c r="AC35392" i="1"/>
  <c r="AC35393" i="1"/>
  <c r="AC35394" i="1"/>
  <c r="AC35395" i="1"/>
  <c r="AD35395" i="1" s="1"/>
  <c r="AC35396" i="1"/>
  <c r="AC35397" i="1"/>
  <c r="AC35398" i="1"/>
  <c r="AC35399" i="1"/>
  <c r="AC35400" i="1"/>
  <c r="AC35401" i="1"/>
  <c r="AC35402" i="1"/>
  <c r="AC35403" i="1"/>
  <c r="AC35404" i="1"/>
  <c r="AC35405" i="1"/>
  <c r="AC35406" i="1"/>
  <c r="AC35407" i="1"/>
  <c r="AD35407" i="1" s="1"/>
  <c r="AC35408" i="1"/>
  <c r="AC35409" i="1"/>
  <c r="AC35410" i="1"/>
  <c r="AC35411" i="1"/>
  <c r="AC35412" i="1"/>
  <c r="AC35413" i="1"/>
  <c r="AC35414" i="1"/>
  <c r="AC35415" i="1"/>
  <c r="AC35416" i="1"/>
  <c r="AC35417" i="1"/>
  <c r="AC35418" i="1"/>
  <c r="AC35419" i="1"/>
  <c r="AD35419" i="1" s="1"/>
  <c r="AC35420" i="1"/>
  <c r="AC35421" i="1"/>
  <c r="AC35422" i="1"/>
  <c r="AC35423" i="1"/>
  <c r="AC35424" i="1"/>
  <c r="AC35425" i="1"/>
  <c r="AC35426" i="1"/>
  <c r="AC35427" i="1"/>
  <c r="AC35428" i="1"/>
  <c r="AC35429" i="1"/>
  <c r="AC35430" i="1"/>
  <c r="AC35431" i="1"/>
  <c r="AD35431" i="1" s="1"/>
  <c r="AC35432" i="1"/>
  <c r="AC35433" i="1"/>
  <c r="AC35434" i="1"/>
  <c r="AC35435" i="1"/>
  <c r="AC35436" i="1"/>
  <c r="AC35437" i="1"/>
  <c r="AC35438" i="1"/>
  <c r="AC35439" i="1"/>
  <c r="AC35440" i="1"/>
  <c r="AC35441" i="1"/>
  <c r="AC35442" i="1"/>
  <c r="AC35443" i="1"/>
  <c r="AD35443" i="1" s="1"/>
  <c r="AC35444" i="1"/>
  <c r="AC35445" i="1"/>
  <c r="AC35446" i="1"/>
  <c r="AC35447" i="1"/>
  <c r="AC35448" i="1"/>
  <c r="AC35449" i="1"/>
  <c r="AC35450" i="1"/>
  <c r="AC35451" i="1"/>
  <c r="AC35452" i="1"/>
  <c r="AC35453" i="1"/>
  <c r="AC35454" i="1"/>
  <c r="AC35455" i="1"/>
  <c r="AD35455" i="1" s="1"/>
  <c r="AC35456" i="1"/>
  <c r="AC35457" i="1"/>
  <c r="AC35458" i="1"/>
  <c r="AC35459" i="1"/>
  <c r="AC35460" i="1"/>
  <c r="AC35461" i="1"/>
  <c r="AC35462" i="1"/>
  <c r="AC35463" i="1"/>
  <c r="AC35464" i="1"/>
  <c r="AC35465" i="1"/>
  <c r="AC35466" i="1"/>
  <c r="AC35467" i="1"/>
  <c r="AD35467" i="1" s="1"/>
  <c r="AC35468" i="1"/>
  <c r="AC35469" i="1"/>
  <c r="AC35470" i="1"/>
  <c r="AC35471" i="1"/>
  <c r="AC35472" i="1"/>
  <c r="AC35473" i="1"/>
  <c r="AC35474" i="1"/>
  <c r="AC35475" i="1"/>
  <c r="AC35476" i="1"/>
  <c r="AC35477" i="1"/>
  <c r="AC35478" i="1"/>
  <c r="AC35479" i="1"/>
  <c r="AD35479" i="1" s="1"/>
  <c r="AC35480" i="1"/>
  <c r="AC35481" i="1"/>
  <c r="AC35482" i="1"/>
  <c r="AC35483" i="1"/>
  <c r="AC35484" i="1"/>
  <c r="AC35485" i="1"/>
  <c r="AC35486" i="1"/>
  <c r="AC35487" i="1"/>
  <c r="AC35488" i="1"/>
  <c r="AC35489" i="1"/>
  <c r="AC35490" i="1"/>
  <c r="AC35491" i="1"/>
  <c r="AD35491" i="1" s="1"/>
  <c r="AC35492" i="1"/>
  <c r="AC35493" i="1"/>
  <c r="AC35494" i="1"/>
  <c r="AC35495" i="1"/>
  <c r="AC35496" i="1"/>
  <c r="AC35497" i="1"/>
  <c r="AC35498" i="1"/>
  <c r="AC35499" i="1"/>
  <c r="AC35500" i="1"/>
  <c r="AC35501" i="1"/>
  <c r="AC35502" i="1"/>
  <c r="AC35503" i="1"/>
  <c r="AD35503" i="1" s="1"/>
  <c r="AC35504" i="1"/>
  <c r="AC35505" i="1"/>
  <c r="AC35506" i="1"/>
  <c r="AC35507" i="1"/>
  <c r="AC35508" i="1"/>
  <c r="AC35509" i="1"/>
  <c r="AC35510" i="1"/>
  <c r="AC35511" i="1"/>
  <c r="AC35512" i="1"/>
  <c r="AC35513" i="1"/>
  <c r="AC35514" i="1"/>
  <c r="AC35515" i="1"/>
  <c r="AD35515" i="1" s="1"/>
  <c r="AC35516" i="1"/>
  <c r="AC35517" i="1"/>
  <c r="AC35518" i="1"/>
  <c r="AC35519" i="1"/>
  <c r="AC35520" i="1"/>
  <c r="AC35521" i="1"/>
  <c r="AC35522" i="1"/>
  <c r="AC35523" i="1"/>
  <c r="AC35524" i="1"/>
  <c r="AC35525" i="1"/>
  <c r="AC35526" i="1"/>
  <c r="AC35527" i="1"/>
  <c r="AD35527" i="1" s="1"/>
  <c r="AC35528" i="1"/>
  <c r="AC35529" i="1"/>
  <c r="AC35530" i="1"/>
  <c r="AC35531" i="1"/>
  <c r="AC35532" i="1"/>
  <c r="AC35533" i="1"/>
  <c r="AC35534" i="1"/>
  <c r="AC35535" i="1"/>
  <c r="AC35536" i="1"/>
  <c r="AC35537" i="1"/>
  <c r="AC35538" i="1"/>
  <c r="AC35539" i="1"/>
  <c r="AD35539" i="1" s="1"/>
  <c r="AC35540" i="1"/>
  <c r="AC35541" i="1"/>
  <c r="AC35542" i="1"/>
  <c r="AC35543" i="1"/>
  <c r="AC35544" i="1"/>
  <c r="AC35545" i="1"/>
  <c r="AC35546" i="1"/>
  <c r="AC35547" i="1"/>
  <c r="AC35548" i="1"/>
  <c r="AC35549" i="1"/>
  <c r="AC35550" i="1"/>
  <c r="AC35551" i="1"/>
  <c r="AD35551" i="1" s="1"/>
  <c r="AC35552" i="1"/>
  <c r="AC35553" i="1"/>
  <c r="AC35554" i="1"/>
  <c r="AC35555" i="1"/>
  <c r="AC35556" i="1"/>
  <c r="AC35557" i="1"/>
  <c r="AC35558" i="1"/>
  <c r="AC35559" i="1"/>
  <c r="AC35560" i="1"/>
  <c r="AC35561" i="1"/>
  <c r="AC35562" i="1"/>
  <c r="AC35563" i="1"/>
  <c r="AD35563" i="1" s="1"/>
  <c r="AC35564" i="1"/>
  <c r="AC35565" i="1"/>
  <c r="AC35566" i="1"/>
  <c r="AC35567" i="1"/>
  <c r="AC35568" i="1"/>
  <c r="AC35569" i="1"/>
  <c r="AC35570" i="1"/>
  <c r="AC35571" i="1"/>
  <c r="AC35572" i="1"/>
  <c r="AC35573" i="1"/>
  <c r="AC35574" i="1"/>
  <c r="AC35575" i="1"/>
  <c r="AD35575" i="1" s="1"/>
  <c r="AC35576" i="1"/>
  <c r="AC35577" i="1"/>
  <c r="AC35578" i="1"/>
  <c r="AC35579" i="1"/>
  <c r="AC35580" i="1"/>
  <c r="AC35581" i="1"/>
  <c r="AC35582" i="1"/>
  <c r="AC35583" i="1"/>
  <c r="AC35584" i="1"/>
  <c r="AC35585" i="1"/>
  <c r="AC35586" i="1"/>
  <c r="AC35587" i="1"/>
  <c r="AD35587" i="1" s="1"/>
  <c r="AC35588" i="1"/>
  <c r="AC35589" i="1"/>
  <c r="AC35590" i="1"/>
  <c r="AC35591" i="1"/>
  <c r="AC35592" i="1"/>
  <c r="AC35593" i="1"/>
  <c r="AC35594" i="1"/>
  <c r="AC35595" i="1"/>
  <c r="AC35596" i="1"/>
  <c r="AC35597" i="1"/>
  <c r="AC35598" i="1"/>
  <c r="AC35599" i="1"/>
  <c r="AD35599" i="1" s="1"/>
  <c r="AC35600" i="1"/>
  <c r="AC35601" i="1"/>
  <c r="AC35602" i="1"/>
  <c r="AC35603" i="1"/>
  <c r="AC35604" i="1"/>
  <c r="AC35605" i="1"/>
  <c r="AC35606" i="1"/>
  <c r="AC35607" i="1"/>
  <c r="AC35608" i="1"/>
  <c r="AC35609" i="1"/>
  <c r="AC35610" i="1"/>
  <c r="AC35611" i="1"/>
  <c r="AD35611" i="1" s="1"/>
  <c r="AC35612" i="1"/>
  <c r="AC35613" i="1"/>
  <c r="AC35614" i="1"/>
  <c r="AC35615" i="1"/>
  <c r="AC35616" i="1"/>
  <c r="AC35617" i="1"/>
  <c r="AC35618" i="1"/>
  <c r="AC35619" i="1"/>
  <c r="AC35620" i="1"/>
  <c r="AC35621" i="1"/>
  <c r="AC35622" i="1"/>
  <c r="AC35623" i="1"/>
  <c r="AD35623" i="1" s="1"/>
  <c r="AC35624" i="1"/>
  <c r="AC35625" i="1"/>
  <c r="AC35626" i="1"/>
  <c r="AC35627" i="1"/>
  <c r="AC35628" i="1"/>
  <c r="AC35629" i="1"/>
  <c r="AC35630" i="1"/>
  <c r="AC35631" i="1"/>
  <c r="AC35632" i="1"/>
  <c r="AC35633" i="1"/>
  <c r="AC35634" i="1"/>
  <c r="AC35635" i="1"/>
  <c r="AD35635" i="1" s="1"/>
  <c r="AC35636" i="1"/>
  <c r="AC35637" i="1"/>
  <c r="AC35638" i="1"/>
  <c r="AC35639" i="1"/>
  <c r="AC35640" i="1"/>
  <c r="AC35641" i="1"/>
  <c r="AC35642" i="1"/>
  <c r="AC35643" i="1"/>
  <c r="AC35644" i="1"/>
  <c r="AC35645" i="1"/>
  <c r="AC35646" i="1"/>
  <c r="AC35647" i="1"/>
  <c r="AD35647" i="1" s="1"/>
  <c r="AC35648" i="1"/>
  <c r="AC35649" i="1"/>
  <c r="AC35650" i="1"/>
  <c r="AC35651" i="1"/>
  <c r="AC35652" i="1"/>
  <c r="AC35653" i="1"/>
  <c r="AC35654" i="1"/>
  <c r="AC35655" i="1"/>
  <c r="AC35656" i="1"/>
  <c r="AC35657" i="1"/>
  <c r="AC35658" i="1"/>
  <c r="AC35659" i="1"/>
  <c r="AD35659" i="1" s="1"/>
  <c r="AC35660" i="1"/>
  <c r="AC35661" i="1"/>
  <c r="AC35662" i="1"/>
  <c r="AC35663" i="1"/>
  <c r="AC35664" i="1"/>
  <c r="AC35665" i="1"/>
  <c r="AC35666" i="1"/>
  <c r="AC35667" i="1"/>
  <c r="AC35668" i="1"/>
  <c r="AC35669" i="1"/>
  <c r="AC35670" i="1"/>
  <c r="AC35671" i="1"/>
  <c r="AD35671" i="1" s="1"/>
  <c r="AC35672" i="1"/>
  <c r="AC35673" i="1"/>
  <c r="AC35674" i="1"/>
  <c r="AC35675" i="1"/>
  <c r="AC35676" i="1"/>
  <c r="AC35677" i="1"/>
  <c r="AC35678" i="1"/>
  <c r="AC35679" i="1"/>
  <c r="AC35680" i="1"/>
  <c r="AC35681" i="1"/>
  <c r="AC35682" i="1"/>
  <c r="AC35683" i="1"/>
  <c r="AD35683" i="1" s="1"/>
  <c r="AC35684" i="1"/>
  <c r="AC35685" i="1"/>
  <c r="AC35686" i="1"/>
  <c r="AC35687" i="1"/>
  <c r="AC35688" i="1"/>
  <c r="AC35689" i="1"/>
  <c r="AC35690" i="1"/>
  <c r="AC35691" i="1"/>
  <c r="AC35692" i="1"/>
  <c r="AC35693" i="1"/>
  <c r="AC35694" i="1"/>
  <c r="AC35695" i="1"/>
  <c r="AD35695" i="1" s="1"/>
  <c r="AC35696" i="1"/>
  <c r="AC35697" i="1"/>
  <c r="AC35698" i="1"/>
  <c r="AC35699" i="1"/>
  <c r="AC35700" i="1"/>
  <c r="AC35701" i="1"/>
  <c r="AC35702" i="1"/>
  <c r="AC35703" i="1"/>
  <c r="AC35704" i="1"/>
  <c r="AC35705" i="1"/>
  <c r="AC35706" i="1"/>
  <c r="AC35707" i="1"/>
  <c r="AD35707" i="1" s="1"/>
  <c r="AC35708" i="1"/>
  <c r="AC35709" i="1"/>
  <c r="AC35710" i="1"/>
  <c r="AC35711" i="1"/>
  <c r="AC35712" i="1"/>
  <c r="AC35713" i="1"/>
  <c r="AC35714" i="1"/>
  <c r="AC35715" i="1"/>
  <c r="AC35716" i="1"/>
  <c r="AC35717" i="1"/>
  <c r="AC35718" i="1"/>
  <c r="AC35719" i="1"/>
  <c r="AD35719" i="1" s="1"/>
  <c r="AC35720" i="1"/>
  <c r="AC35721" i="1"/>
  <c r="AC35722" i="1"/>
  <c r="AC35723" i="1"/>
  <c r="AC35724" i="1"/>
  <c r="AC35725" i="1"/>
  <c r="AC35726" i="1"/>
  <c r="AC35727" i="1"/>
  <c r="AC35728" i="1"/>
  <c r="AC35729" i="1"/>
  <c r="AC35730" i="1"/>
  <c r="AC35731" i="1"/>
  <c r="AD35731" i="1" s="1"/>
  <c r="AC35732" i="1"/>
  <c r="AC35733" i="1"/>
  <c r="AC35734" i="1"/>
  <c r="AC35735" i="1"/>
  <c r="AC35736" i="1"/>
  <c r="AC35737" i="1"/>
  <c r="AC35738" i="1"/>
  <c r="AC35739" i="1"/>
  <c r="AC35740" i="1"/>
  <c r="AC35741" i="1"/>
  <c r="AC35742" i="1"/>
  <c r="AC35743" i="1"/>
  <c r="AD35743" i="1" s="1"/>
  <c r="AC35744" i="1"/>
  <c r="AC35745" i="1"/>
  <c r="AC35746" i="1"/>
  <c r="AC35747" i="1"/>
  <c r="AC35748" i="1"/>
  <c r="AC35749" i="1"/>
  <c r="AC35750" i="1"/>
  <c r="AC35751" i="1"/>
  <c r="AC35752" i="1"/>
  <c r="AC35753" i="1"/>
  <c r="AC35754" i="1"/>
  <c r="AC35755" i="1"/>
  <c r="AD35755" i="1" s="1"/>
  <c r="AC35756" i="1"/>
  <c r="AC35757" i="1"/>
  <c r="AC35758" i="1"/>
  <c r="AC35759" i="1"/>
  <c r="AC35760" i="1"/>
  <c r="AC35761" i="1"/>
  <c r="AC35762" i="1"/>
  <c r="AC35763" i="1"/>
  <c r="AC35764" i="1"/>
  <c r="AC35765" i="1"/>
  <c r="AC35766" i="1"/>
  <c r="AC35767" i="1"/>
  <c r="AD35767" i="1" s="1"/>
  <c r="AC35768" i="1"/>
  <c r="AC35769" i="1"/>
  <c r="AC35770" i="1"/>
  <c r="AC35771" i="1"/>
  <c r="AC35772" i="1"/>
  <c r="AC35773" i="1"/>
  <c r="AC35774" i="1"/>
  <c r="AC35775" i="1"/>
  <c r="AC35776" i="1"/>
  <c r="AC35777" i="1"/>
  <c r="AC35778" i="1"/>
  <c r="AC35779" i="1"/>
  <c r="AD35779" i="1" s="1"/>
  <c r="AC35780" i="1"/>
  <c r="AC35781" i="1"/>
  <c r="AC35782" i="1"/>
  <c r="AC35783" i="1"/>
  <c r="AC35784" i="1"/>
  <c r="AC35785" i="1"/>
  <c r="AC35786" i="1"/>
  <c r="AC35787" i="1"/>
  <c r="AC35788" i="1"/>
  <c r="AC35789" i="1"/>
  <c r="AC35790" i="1"/>
  <c r="AC35791" i="1"/>
  <c r="AD35791" i="1" s="1"/>
  <c r="AC35792" i="1"/>
  <c r="AC35793" i="1"/>
  <c r="AC35794" i="1"/>
  <c r="AC35795" i="1"/>
  <c r="AC35796" i="1"/>
  <c r="AC35797" i="1"/>
  <c r="AC35798" i="1"/>
  <c r="AC35799" i="1"/>
  <c r="AC35800" i="1"/>
  <c r="AC35801" i="1"/>
  <c r="AC35802" i="1"/>
  <c r="AC35803" i="1"/>
  <c r="AD35803" i="1" s="1"/>
  <c r="AC35804" i="1"/>
  <c r="AC35805" i="1"/>
  <c r="AC35806" i="1"/>
  <c r="AC35807" i="1"/>
  <c r="AC35808" i="1"/>
  <c r="AC35809" i="1"/>
  <c r="AC35810" i="1"/>
  <c r="AC35811" i="1"/>
  <c r="AC35812" i="1"/>
  <c r="AC35813" i="1"/>
  <c r="AC35814" i="1"/>
  <c r="AC35815" i="1"/>
  <c r="AD35815" i="1" s="1"/>
  <c r="AC35816" i="1"/>
  <c r="AC35817" i="1"/>
  <c r="AC35818" i="1"/>
  <c r="AC35819" i="1"/>
  <c r="AC35820" i="1"/>
  <c r="AC35821" i="1"/>
  <c r="AC35822" i="1"/>
  <c r="AC35823" i="1"/>
  <c r="AC35824" i="1"/>
  <c r="AC35825" i="1"/>
  <c r="AC35826" i="1"/>
  <c r="AC35827" i="1"/>
  <c r="AD35827" i="1" s="1"/>
  <c r="AC35828" i="1"/>
  <c r="AC35829" i="1"/>
  <c r="AC35830" i="1"/>
  <c r="AC35831" i="1"/>
  <c r="AC35832" i="1"/>
  <c r="AC35833" i="1"/>
  <c r="AC35834" i="1"/>
  <c r="AC35835" i="1"/>
  <c r="AC35836" i="1"/>
  <c r="AC35837" i="1"/>
  <c r="AC35838" i="1"/>
  <c r="AC35839" i="1"/>
  <c r="AD35839" i="1" s="1"/>
  <c r="AC35840" i="1"/>
  <c r="AC35841" i="1"/>
  <c r="AC35842" i="1"/>
  <c r="AC35843" i="1"/>
  <c r="AC35844" i="1"/>
  <c r="AC35845" i="1"/>
  <c r="AC35846" i="1"/>
  <c r="AC35847" i="1"/>
  <c r="AC35848" i="1"/>
  <c r="AC35849" i="1"/>
  <c r="AC35850" i="1"/>
  <c r="AC35851" i="1"/>
  <c r="AD35851" i="1" s="1"/>
  <c r="AC35852" i="1"/>
  <c r="AC35853" i="1"/>
  <c r="AC35854" i="1"/>
  <c r="AC35855" i="1"/>
  <c r="AC35856" i="1"/>
  <c r="AC35857" i="1"/>
  <c r="AC35858" i="1"/>
  <c r="AC35859" i="1"/>
  <c r="AC35860" i="1"/>
  <c r="AC35861" i="1"/>
  <c r="AC35862" i="1"/>
  <c r="AC35863" i="1"/>
  <c r="AD35863" i="1" s="1"/>
  <c r="AC35864" i="1"/>
  <c r="AC35865" i="1"/>
  <c r="AC35866" i="1"/>
  <c r="AC35867" i="1"/>
  <c r="AC35868" i="1"/>
  <c r="AC35869" i="1"/>
  <c r="AC35870" i="1"/>
  <c r="AC35871" i="1"/>
  <c r="AC35872" i="1"/>
  <c r="AC35873" i="1"/>
  <c r="AC35874" i="1"/>
  <c r="AC35875" i="1"/>
  <c r="AD35875" i="1" s="1"/>
  <c r="AC35876" i="1"/>
  <c r="AC35877" i="1"/>
  <c r="AC35878" i="1"/>
  <c r="AC35879" i="1"/>
  <c r="AC35880" i="1"/>
  <c r="AC35881" i="1"/>
  <c r="AC35882" i="1"/>
  <c r="AC35883" i="1"/>
  <c r="AC35884" i="1"/>
  <c r="AC35885" i="1"/>
  <c r="AC35886" i="1"/>
  <c r="AC35887" i="1"/>
  <c r="AD35887" i="1" s="1"/>
  <c r="AC35888" i="1"/>
  <c r="AC35889" i="1"/>
  <c r="AC35890" i="1"/>
  <c r="AC35891" i="1"/>
  <c r="AC35892" i="1"/>
  <c r="AC35893" i="1"/>
  <c r="AC35894" i="1"/>
  <c r="AC35895" i="1"/>
  <c r="AC35896" i="1"/>
  <c r="AC35897" i="1"/>
  <c r="AC35898" i="1"/>
  <c r="AC35899" i="1"/>
  <c r="AD35899" i="1" s="1"/>
  <c r="AC35900" i="1"/>
  <c r="AC35901" i="1"/>
  <c r="AC35902" i="1"/>
  <c r="AC35903" i="1"/>
  <c r="AC35904" i="1"/>
  <c r="AC35905" i="1"/>
  <c r="AC35906" i="1"/>
  <c r="AC35907" i="1"/>
  <c r="AC35908" i="1"/>
  <c r="AC35909" i="1"/>
  <c r="AC35910" i="1"/>
  <c r="AC35911" i="1"/>
  <c r="AD35911" i="1" s="1"/>
  <c r="AC35912" i="1"/>
  <c r="AC35913" i="1"/>
  <c r="AC35914" i="1"/>
  <c r="AC35915" i="1"/>
  <c r="AC35916" i="1"/>
  <c r="AC35917" i="1"/>
  <c r="AC35918" i="1"/>
  <c r="AC35919" i="1"/>
  <c r="AC35920" i="1"/>
  <c r="AC35921" i="1"/>
  <c r="AC35922" i="1"/>
  <c r="AC35923" i="1"/>
  <c r="AD35923" i="1" s="1"/>
  <c r="AC35924" i="1"/>
  <c r="AC35925" i="1"/>
  <c r="AC35926" i="1"/>
  <c r="AC35927" i="1"/>
  <c r="AC35928" i="1"/>
  <c r="AC35929" i="1"/>
  <c r="AC35930" i="1"/>
  <c r="AC35931" i="1"/>
  <c r="AC35932" i="1"/>
  <c r="AC35933" i="1"/>
  <c r="AC35934" i="1"/>
  <c r="AC35935" i="1"/>
  <c r="AD35935" i="1" s="1"/>
  <c r="AC35936" i="1"/>
  <c r="AC35937" i="1"/>
  <c r="AC35938" i="1"/>
  <c r="AC35939" i="1"/>
  <c r="AC35940" i="1"/>
  <c r="AC35941" i="1"/>
  <c r="AC35942" i="1"/>
  <c r="AC35943" i="1"/>
  <c r="AC35944" i="1"/>
  <c r="AC35945" i="1"/>
  <c r="AC35946" i="1"/>
  <c r="AC35947" i="1"/>
  <c r="AD35947" i="1" s="1"/>
  <c r="AC35948" i="1"/>
  <c r="AC35949" i="1"/>
  <c r="AC35950" i="1"/>
  <c r="AC35951" i="1"/>
  <c r="AC35952" i="1"/>
  <c r="AC35953" i="1"/>
  <c r="AC35954" i="1"/>
  <c r="AC35955" i="1"/>
  <c r="AC35956" i="1"/>
  <c r="AC35957" i="1"/>
  <c r="AC35958" i="1"/>
  <c r="AC35959" i="1"/>
  <c r="AD35959" i="1" s="1"/>
  <c r="AC35960" i="1"/>
  <c r="AC35961" i="1"/>
  <c r="AC35962" i="1"/>
  <c r="AC35963" i="1"/>
  <c r="AC35964" i="1"/>
  <c r="AC35965" i="1"/>
  <c r="AC35966" i="1"/>
  <c r="AC35967" i="1"/>
  <c r="AC35968" i="1"/>
  <c r="AC35969" i="1"/>
  <c r="AC35970" i="1"/>
  <c r="AC35971" i="1"/>
  <c r="AD35971" i="1" s="1"/>
  <c r="AC35972" i="1"/>
  <c r="AC35973" i="1"/>
  <c r="AC35974" i="1"/>
  <c r="AC35975" i="1"/>
  <c r="AC35976" i="1"/>
  <c r="AC35977" i="1"/>
  <c r="AC35978" i="1"/>
  <c r="AC35979" i="1"/>
  <c r="AC35980" i="1"/>
  <c r="AC35981" i="1"/>
  <c r="AC35982" i="1"/>
  <c r="AC35983" i="1"/>
  <c r="AD35983" i="1" s="1"/>
  <c r="AC35984" i="1"/>
  <c r="AC35985" i="1"/>
  <c r="AC35986" i="1"/>
  <c r="AC35987" i="1"/>
  <c r="AC35988" i="1"/>
  <c r="AC35989" i="1"/>
  <c r="AC35990" i="1"/>
  <c r="AC35991" i="1"/>
  <c r="AC35992" i="1"/>
  <c r="AC35993" i="1"/>
  <c r="AC35994" i="1"/>
  <c r="AC35995" i="1"/>
  <c r="AD35995" i="1" s="1"/>
  <c r="AC35996" i="1"/>
  <c r="AC35997" i="1"/>
  <c r="AC35998" i="1"/>
  <c r="AC35999" i="1"/>
  <c r="AC36000" i="1"/>
  <c r="AC36001" i="1"/>
  <c r="AC36002" i="1"/>
  <c r="AC36003" i="1"/>
  <c r="AC36004" i="1"/>
  <c r="AC36005" i="1"/>
  <c r="AC36006" i="1"/>
  <c r="AC36007" i="1"/>
  <c r="AD36007" i="1" s="1"/>
  <c r="AC36008" i="1"/>
  <c r="AC36009" i="1"/>
  <c r="AC36010" i="1"/>
  <c r="AC36011" i="1"/>
  <c r="AC36012" i="1"/>
  <c r="AC36013" i="1"/>
  <c r="AC36014" i="1"/>
  <c r="AC36015" i="1"/>
  <c r="AC36016" i="1"/>
  <c r="AC36017" i="1"/>
  <c r="AC36018" i="1"/>
  <c r="AC36019" i="1"/>
  <c r="AD36019" i="1" s="1"/>
  <c r="AC36020" i="1"/>
  <c r="AC36021" i="1"/>
  <c r="AC36022" i="1"/>
  <c r="AC36023" i="1"/>
  <c r="AC36024" i="1"/>
  <c r="AC36025" i="1"/>
  <c r="AC36026" i="1"/>
  <c r="AC36027" i="1"/>
  <c r="AC36028" i="1"/>
  <c r="AC36029" i="1"/>
  <c r="AC36030" i="1"/>
  <c r="AC36031" i="1"/>
  <c r="AD36031" i="1" s="1"/>
  <c r="AC36032" i="1"/>
  <c r="AC36033" i="1"/>
  <c r="AC36034" i="1"/>
  <c r="AC36035" i="1"/>
  <c r="AC36036" i="1"/>
  <c r="AC36037" i="1"/>
  <c r="AC36038" i="1"/>
  <c r="AC36039" i="1"/>
  <c r="AC36040" i="1"/>
  <c r="AC36041" i="1"/>
  <c r="AC36042" i="1"/>
  <c r="AC36043" i="1"/>
  <c r="AD36043" i="1" s="1"/>
  <c r="AC36044" i="1"/>
  <c r="AC36045" i="1"/>
  <c r="AC36046" i="1"/>
  <c r="AC36047" i="1"/>
  <c r="AC36048" i="1"/>
  <c r="AC36049" i="1"/>
  <c r="AC36050" i="1"/>
  <c r="AC36051" i="1"/>
  <c r="AC36052" i="1"/>
  <c r="AC36053" i="1"/>
  <c r="AC36054" i="1"/>
  <c r="AC36055" i="1"/>
  <c r="AD36055" i="1" s="1"/>
  <c r="AC36056" i="1"/>
  <c r="AC36057" i="1"/>
  <c r="AC36058" i="1"/>
  <c r="AC36059" i="1"/>
  <c r="AC36060" i="1"/>
  <c r="AC36061" i="1"/>
  <c r="AC36062" i="1"/>
  <c r="AC36063" i="1"/>
  <c r="AC36064" i="1"/>
  <c r="AC36065" i="1"/>
  <c r="AC36066" i="1"/>
  <c r="AC36067" i="1"/>
  <c r="AD36067" i="1" s="1"/>
  <c r="AC36068" i="1"/>
  <c r="AC36069" i="1"/>
  <c r="AC36070" i="1"/>
  <c r="AC36071" i="1"/>
  <c r="AC36072" i="1"/>
  <c r="AC36073" i="1"/>
  <c r="AC36074" i="1"/>
  <c r="AC36075" i="1"/>
  <c r="AC36076" i="1"/>
  <c r="AC36077" i="1"/>
  <c r="AC36078" i="1"/>
  <c r="AC36079" i="1"/>
  <c r="AD36079" i="1" s="1"/>
  <c r="AC36080" i="1"/>
  <c r="AC36081" i="1"/>
  <c r="AC36082" i="1"/>
  <c r="AC36083" i="1"/>
  <c r="AC36084" i="1"/>
  <c r="AC36085" i="1"/>
  <c r="AC36086" i="1"/>
  <c r="AC36087" i="1"/>
  <c r="AC36088" i="1"/>
  <c r="AC36089" i="1"/>
  <c r="AC36090" i="1"/>
  <c r="AC36091" i="1"/>
  <c r="AD36091" i="1" s="1"/>
  <c r="AC36092" i="1"/>
  <c r="AC36093" i="1"/>
  <c r="AC36094" i="1"/>
  <c r="AC36095" i="1"/>
  <c r="AC36096" i="1"/>
  <c r="AC36097" i="1"/>
  <c r="AC36098" i="1"/>
  <c r="AC36099" i="1"/>
  <c r="AC36100" i="1"/>
  <c r="AC36101" i="1"/>
  <c r="AC36102" i="1"/>
  <c r="AC36103" i="1"/>
  <c r="AD36103" i="1" s="1"/>
  <c r="AC36104" i="1"/>
  <c r="AC36105" i="1"/>
  <c r="AC36106" i="1"/>
  <c r="AC36107" i="1"/>
  <c r="AC36108" i="1"/>
  <c r="AC36109" i="1"/>
  <c r="AC36110" i="1"/>
  <c r="AC36111" i="1"/>
  <c r="AC36112" i="1"/>
  <c r="AC36113" i="1"/>
  <c r="AC36114" i="1"/>
  <c r="AC36115" i="1"/>
  <c r="AD36115" i="1" s="1"/>
  <c r="AC36116" i="1"/>
  <c r="AC36117" i="1"/>
  <c r="AC36118" i="1"/>
  <c r="AC36119" i="1"/>
  <c r="AC36120" i="1"/>
  <c r="AC36121" i="1"/>
  <c r="AC36122" i="1"/>
  <c r="AC36123" i="1"/>
  <c r="AC36124" i="1"/>
  <c r="AC36125" i="1"/>
  <c r="AC36126" i="1"/>
  <c r="AC36127" i="1"/>
  <c r="AD36127" i="1" s="1"/>
  <c r="AC36128" i="1"/>
  <c r="AC36129" i="1"/>
  <c r="AC36130" i="1"/>
  <c r="AC36131" i="1"/>
  <c r="AC36132" i="1"/>
  <c r="AC36133" i="1"/>
  <c r="AC36134" i="1"/>
  <c r="AC36135" i="1"/>
  <c r="AC36136" i="1"/>
  <c r="AC36137" i="1"/>
  <c r="AC36138" i="1"/>
  <c r="AC36139" i="1"/>
  <c r="AD36139" i="1" s="1"/>
  <c r="AC36140" i="1"/>
  <c r="AC36141" i="1"/>
  <c r="AC36142" i="1"/>
  <c r="AC36143" i="1"/>
  <c r="AC36144" i="1"/>
  <c r="AC36145" i="1"/>
  <c r="AC36146" i="1"/>
  <c r="AC36147" i="1"/>
  <c r="AC36148" i="1"/>
  <c r="AC36149" i="1"/>
  <c r="AC36150" i="1"/>
  <c r="AC36151" i="1"/>
  <c r="AD36151" i="1" s="1"/>
  <c r="AC36152" i="1"/>
  <c r="AC36153" i="1"/>
  <c r="AC36154" i="1"/>
  <c r="AC36155" i="1"/>
  <c r="AC36156" i="1"/>
  <c r="AC36157" i="1"/>
  <c r="AC36158" i="1"/>
  <c r="AC36159" i="1"/>
  <c r="AC36160" i="1"/>
  <c r="AC36161" i="1"/>
  <c r="AC36162" i="1"/>
  <c r="AC36163" i="1"/>
  <c r="AD36163" i="1" s="1"/>
  <c r="AC36164" i="1"/>
  <c r="AC36165" i="1"/>
  <c r="AC36166" i="1"/>
  <c r="AC36167" i="1"/>
  <c r="AC36168" i="1"/>
  <c r="AC36169" i="1"/>
  <c r="AC36170" i="1"/>
  <c r="AC36171" i="1"/>
  <c r="AC36172" i="1"/>
  <c r="AC36173" i="1"/>
  <c r="AC36174" i="1"/>
  <c r="AC36175" i="1"/>
  <c r="AD36175" i="1" s="1"/>
  <c r="AC36176" i="1"/>
  <c r="AC36177" i="1"/>
  <c r="AC36178" i="1"/>
  <c r="AC36179" i="1"/>
  <c r="AC36180" i="1"/>
  <c r="AC36181" i="1"/>
  <c r="AC36182" i="1"/>
  <c r="AC36183" i="1"/>
  <c r="AC36184" i="1"/>
  <c r="AC36185" i="1"/>
  <c r="AC36186" i="1"/>
  <c r="AC36187" i="1"/>
  <c r="AD36187" i="1" s="1"/>
  <c r="AC36188" i="1"/>
  <c r="AC36189" i="1"/>
  <c r="AC36190" i="1"/>
  <c r="AC36191" i="1"/>
  <c r="AC36192" i="1"/>
  <c r="AC36193" i="1"/>
  <c r="AC36194" i="1"/>
  <c r="AC36195" i="1"/>
  <c r="AC36196" i="1"/>
  <c r="AC36197" i="1"/>
  <c r="AC36198" i="1"/>
  <c r="AC36199" i="1"/>
  <c r="AD36199" i="1" s="1"/>
  <c r="AC36200" i="1"/>
  <c r="AC36201" i="1"/>
  <c r="AC36202" i="1"/>
  <c r="AC36203" i="1"/>
  <c r="AC36204" i="1"/>
  <c r="AC36205" i="1"/>
  <c r="AC36206" i="1"/>
  <c r="AC36207" i="1"/>
  <c r="AC36208" i="1"/>
  <c r="AC36209" i="1"/>
  <c r="AC36210" i="1"/>
  <c r="AC36211" i="1"/>
  <c r="AD36211" i="1" s="1"/>
  <c r="AC36212" i="1"/>
  <c r="AC36213" i="1"/>
  <c r="AC36214" i="1"/>
  <c r="AC36215" i="1"/>
  <c r="AC36216" i="1"/>
  <c r="AC36217" i="1"/>
  <c r="AC36218" i="1"/>
  <c r="AC36219" i="1"/>
  <c r="AC36220" i="1"/>
  <c r="AC36221" i="1"/>
  <c r="AC36222" i="1"/>
  <c r="AC36223" i="1"/>
  <c r="AD36223" i="1" s="1"/>
  <c r="AC36224" i="1"/>
  <c r="AC36225" i="1"/>
  <c r="AC36226" i="1"/>
  <c r="AC36227" i="1"/>
  <c r="AC36228" i="1"/>
  <c r="AC36229" i="1"/>
  <c r="AC36230" i="1"/>
  <c r="AC36231" i="1"/>
  <c r="AC36232" i="1"/>
  <c r="AC36233" i="1"/>
  <c r="AC36234" i="1"/>
  <c r="AC36235" i="1"/>
  <c r="AD36235" i="1" s="1"/>
  <c r="AC36236" i="1"/>
  <c r="AC36237" i="1"/>
  <c r="AC36238" i="1"/>
  <c r="AC36239" i="1"/>
  <c r="AC36240" i="1"/>
  <c r="AC36241" i="1"/>
  <c r="AC36242" i="1"/>
  <c r="AC36243" i="1"/>
  <c r="AC36244" i="1"/>
  <c r="AC36245" i="1"/>
  <c r="AC36246" i="1"/>
  <c r="AC36247" i="1"/>
  <c r="AD36247" i="1" s="1"/>
  <c r="AC36248" i="1"/>
  <c r="AC36249" i="1"/>
  <c r="AC36250" i="1"/>
  <c r="AC36251" i="1"/>
  <c r="AC36252" i="1"/>
  <c r="AC36253" i="1"/>
  <c r="AC36254" i="1"/>
  <c r="AC36255" i="1"/>
  <c r="AC36256" i="1"/>
  <c r="AC36257" i="1"/>
  <c r="AC36258" i="1"/>
  <c r="AC36259" i="1"/>
  <c r="AD36259" i="1" s="1"/>
  <c r="AC36260" i="1"/>
  <c r="AC36261" i="1"/>
  <c r="AC36262" i="1"/>
  <c r="AC36263" i="1"/>
  <c r="AC36264" i="1"/>
  <c r="AC36265" i="1"/>
  <c r="AC36266" i="1"/>
  <c r="AC36267" i="1"/>
  <c r="AC36268" i="1"/>
  <c r="AC36269" i="1"/>
  <c r="AC36270" i="1"/>
  <c r="AC36271" i="1"/>
  <c r="AD36271" i="1" s="1"/>
  <c r="AC36272" i="1"/>
  <c r="AC36273" i="1"/>
  <c r="AC36274" i="1"/>
  <c r="AC36275" i="1"/>
  <c r="AC36276" i="1"/>
  <c r="AC36277" i="1"/>
  <c r="AC36278" i="1"/>
  <c r="AC36279" i="1"/>
  <c r="AC36280" i="1"/>
  <c r="AC36281" i="1"/>
  <c r="AC36282" i="1"/>
  <c r="AC36283" i="1"/>
  <c r="AD36283" i="1" s="1"/>
  <c r="AC36284" i="1"/>
  <c r="AC36285" i="1"/>
  <c r="AC36286" i="1"/>
  <c r="AC36287" i="1"/>
  <c r="AC36288" i="1"/>
  <c r="AC36289" i="1"/>
  <c r="AC36290" i="1"/>
  <c r="AC36291" i="1"/>
  <c r="AC36292" i="1"/>
  <c r="AC36293" i="1"/>
  <c r="AC36294" i="1"/>
  <c r="AC36295" i="1"/>
  <c r="AD36295" i="1" s="1"/>
  <c r="AC36296" i="1"/>
  <c r="AC36297" i="1"/>
  <c r="AC36298" i="1"/>
  <c r="AC36299" i="1"/>
  <c r="AC36300" i="1"/>
  <c r="AC36301" i="1"/>
  <c r="AC36302" i="1"/>
  <c r="AC36303" i="1"/>
  <c r="AC36304" i="1"/>
  <c r="AC36305" i="1"/>
  <c r="AC36306" i="1"/>
  <c r="AC36307" i="1"/>
  <c r="AD36307" i="1" s="1"/>
  <c r="AC36308" i="1"/>
  <c r="AC36309" i="1"/>
  <c r="AC36310" i="1"/>
  <c r="AC36311" i="1"/>
  <c r="AC36312" i="1"/>
  <c r="AC36313" i="1"/>
  <c r="AC36314" i="1"/>
  <c r="AC36315" i="1"/>
  <c r="AC36316" i="1"/>
  <c r="AC36317" i="1"/>
  <c r="AC36318" i="1"/>
  <c r="AC36319" i="1"/>
  <c r="AD36319" i="1" s="1"/>
  <c r="AC36320" i="1"/>
  <c r="AC36321" i="1"/>
  <c r="AC36322" i="1"/>
  <c r="AC36323" i="1"/>
  <c r="AC36324" i="1"/>
  <c r="AC36325" i="1"/>
  <c r="AC36326" i="1"/>
  <c r="AC36327" i="1"/>
  <c r="AC36328" i="1"/>
  <c r="AC36329" i="1"/>
  <c r="AC36330" i="1"/>
  <c r="AC36331" i="1"/>
  <c r="AD36331" i="1" s="1"/>
  <c r="AC36332" i="1"/>
  <c r="AC36333" i="1"/>
  <c r="AC36334" i="1"/>
  <c r="AC36335" i="1"/>
  <c r="AC36336" i="1"/>
  <c r="AC36337" i="1"/>
  <c r="AC36338" i="1"/>
  <c r="AC36339" i="1"/>
  <c r="AC36340" i="1"/>
  <c r="AC36341" i="1"/>
  <c r="AC36342" i="1"/>
  <c r="AC36343" i="1"/>
  <c r="AD36343" i="1" s="1"/>
  <c r="AC36344" i="1"/>
  <c r="AC36345" i="1"/>
  <c r="AC36346" i="1"/>
  <c r="AC36347" i="1"/>
  <c r="AC36348" i="1"/>
  <c r="AC36349" i="1"/>
  <c r="AC36350" i="1"/>
  <c r="AC36351" i="1"/>
  <c r="AC36352" i="1"/>
  <c r="AC36353" i="1"/>
  <c r="AC36354" i="1"/>
  <c r="AC36355" i="1"/>
  <c r="AD36355" i="1" s="1"/>
  <c r="AC36356" i="1"/>
  <c r="AC36357" i="1"/>
  <c r="AC36358" i="1"/>
  <c r="AC36359" i="1"/>
  <c r="AC36360" i="1"/>
  <c r="AC36361" i="1"/>
  <c r="AC36362" i="1"/>
  <c r="AC36363" i="1"/>
  <c r="AC36364" i="1"/>
  <c r="AC36365" i="1"/>
  <c r="AC36366" i="1"/>
  <c r="AC36367" i="1"/>
  <c r="AD36367" i="1" s="1"/>
  <c r="AC36368" i="1"/>
  <c r="AC36369" i="1"/>
  <c r="AC36370" i="1"/>
  <c r="AC36371" i="1"/>
  <c r="AC36372" i="1"/>
  <c r="AC36373" i="1"/>
  <c r="AC36374" i="1"/>
  <c r="AC36375" i="1"/>
  <c r="AC36376" i="1"/>
  <c r="AC36377" i="1"/>
  <c r="AC36378" i="1"/>
  <c r="AC36379" i="1"/>
  <c r="AD36379" i="1" s="1"/>
  <c r="AC36380" i="1"/>
  <c r="AC36381" i="1"/>
  <c r="AC36382" i="1"/>
  <c r="AC36383" i="1"/>
  <c r="AC36384" i="1"/>
  <c r="AC36385" i="1"/>
  <c r="AC36386" i="1"/>
  <c r="AC36387" i="1"/>
  <c r="AC36388" i="1"/>
  <c r="AC36389" i="1"/>
  <c r="AC36390" i="1"/>
  <c r="AC36391" i="1"/>
  <c r="AD36391" i="1" s="1"/>
  <c r="AC36392" i="1"/>
  <c r="AC36393" i="1"/>
  <c r="AC36394" i="1"/>
  <c r="AC36395" i="1"/>
  <c r="AC36396" i="1"/>
  <c r="AC36397" i="1"/>
  <c r="AC36398" i="1"/>
  <c r="AC36399" i="1"/>
  <c r="AC36400" i="1"/>
  <c r="AC36401" i="1"/>
  <c r="AC36402" i="1"/>
  <c r="AC36403" i="1"/>
  <c r="AD36403" i="1" s="1"/>
  <c r="AC36404" i="1"/>
  <c r="AC36405" i="1"/>
  <c r="AC36406" i="1"/>
  <c r="AC36407" i="1"/>
  <c r="AC36408" i="1"/>
  <c r="AC36409" i="1"/>
  <c r="AC36410" i="1"/>
  <c r="AC36411" i="1"/>
  <c r="AC36412" i="1"/>
  <c r="AC36413" i="1"/>
  <c r="AC36414" i="1"/>
  <c r="AC36415" i="1"/>
  <c r="AD36415" i="1" s="1"/>
  <c r="AC36416" i="1"/>
  <c r="AC36417" i="1"/>
  <c r="AC36418" i="1"/>
  <c r="AC36419" i="1"/>
  <c r="AC36420" i="1"/>
  <c r="AC36421" i="1"/>
  <c r="AC36422" i="1"/>
  <c r="AC36423" i="1"/>
  <c r="AC36424" i="1"/>
  <c r="AC36425" i="1"/>
  <c r="AC36426" i="1"/>
  <c r="AC36427" i="1"/>
  <c r="AD36427" i="1" s="1"/>
  <c r="AC36428" i="1"/>
  <c r="AC36429" i="1"/>
  <c r="AC36430" i="1"/>
  <c r="AC36431" i="1"/>
  <c r="AC36432" i="1"/>
  <c r="AC36433" i="1"/>
  <c r="AC36434" i="1"/>
  <c r="AC36435" i="1"/>
  <c r="AC36436" i="1"/>
  <c r="AC36437" i="1"/>
  <c r="AC36438" i="1"/>
  <c r="AC36439" i="1"/>
  <c r="AD36439" i="1" s="1"/>
  <c r="AC36440" i="1"/>
  <c r="AC36441" i="1"/>
  <c r="AC36442" i="1"/>
  <c r="AC36443" i="1"/>
  <c r="AC36444" i="1"/>
  <c r="AC36445" i="1"/>
  <c r="AC36446" i="1"/>
  <c r="AC36447" i="1"/>
  <c r="AC36448" i="1"/>
  <c r="AC36449" i="1"/>
  <c r="AC36450" i="1"/>
  <c r="AC36451" i="1"/>
  <c r="AD36451" i="1" s="1"/>
  <c r="AC36452" i="1"/>
  <c r="AC36453" i="1"/>
  <c r="AC36454" i="1"/>
  <c r="AC36455" i="1"/>
  <c r="AC36456" i="1"/>
  <c r="AC36457" i="1"/>
  <c r="AC36458" i="1"/>
  <c r="AC36459" i="1"/>
  <c r="AC36460" i="1"/>
  <c r="AC36461" i="1"/>
  <c r="AC36462" i="1"/>
  <c r="AC36463" i="1"/>
  <c r="AD36463" i="1" s="1"/>
  <c r="AC36464" i="1"/>
  <c r="AC36465" i="1"/>
  <c r="AC36466" i="1"/>
  <c r="AC36467" i="1"/>
  <c r="AC36468" i="1"/>
  <c r="AC36469" i="1"/>
  <c r="AC36470" i="1"/>
  <c r="AC36471" i="1"/>
  <c r="AC36472" i="1"/>
  <c r="AC36473" i="1"/>
  <c r="AC36474" i="1"/>
  <c r="AC36475" i="1"/>
  <c r="AD36475" i="1" s="1"/>
  <c r="AC36476" i="1"/>
  <c r="AC36477" i="1"/>
  <c r="AC36478" i="1"/>
  <c r="AC36479" i="1"/>
  <c r="AC36480" i="1"/>
  <c r="AC36481" i="1"/>
  <c r="AC36482" i="1"/>
  <c r="AC36483" i="1"/>
  <c r="AC36484" i="1"/>
  <c r="AC36485" i="1"/>
  <c r="AC36486" i="1"/>
  <c r="AC36487" i="1"/>
  <c r="AD36487" i="1" s="1"/>
  <c r="AC36488" i="1"/>
  <c r="AC36489" i="1"/>
  <c r="AC36490" i="1"/>
  <c r="AC36491" i="1"/>
  <c r="AC36492" i="1"/>
  <c r="AC36493" i="1"/>
  <c r="AC36494" i="1"/>
  <c r="AC36495" i="1"/>
  <c r="AC36496" i="1"/>
  <c r="AC36497" i="1"/>
  <c r="AC36498" i="1"/>
  <c r="AC36499" i="1"/>
  <c r="AD36499" i="1" s="1"/>
  <c r="AC36500" i="1"/>
  <c r="AC36501" i="1"/>
  <c r="AC36502" i="1"/>
  <c r="AC36503" i="1"/>
  <c r="AC36504" i="1"/>
  <c r="AC36505" i="1"/>
  <c r="AC36506" i="1"/>
  <c r="AC36507" i="1"/>
  <c r="AC36508" i="1"/>
  <c r="AC36509" i="1"/>
  <c r="AC36510" i="1"/>
  <c r="AC36511" i="1"/>
  <c r="AD36511" i="1" s="1"/>
  <c r="AC36512" i="1"/>
  <c r="AC36513" i="1"/>
  <c r="AC36514" i="1"/>
  <c r="AC36515" i="1"/>
  <c r="AC36516" i="1"/>
  <c r="AC36517" i="1"/>
  <c r="AC36518" i="1"/>
  <c r="AC36519" i="1"/>
  <c r="AC36520" i="1"/>
  <c r="AC36521" i="1"/>
  <c r="AC36522" i="1"/>
  <c r="AC36523" i="1"/>
  <c r="AD36523" i="1" s="1"/>
  <c r="AC36524" i="1"/>
  <c r="AC36525" i="1"/>
  <c r="AC36526" i="1"/>
  <c r="AC36527" i="1"/>
  <c r="AC36528" i="1"/>
  <c r="AC36529" i="1"/>
  <c r="AC36530" i="1"/>
  <c r="AC36531" i="1"/>
  <c r="AC36532" i="1"/>
  <c r="AC36533" i="1"/>
  <c r="AC36534" i="1"/>
  <c r="AC36535" i="1"/>
  <c r="AD36535" i="1" s="1"/>
  <c r="AC36536" i="1"/>
  <c r="AC36537" i="1"/>
  <c r="AC36538" i="1"/>
  <c r="AC36539" i="1"/>
  <c r="AC36540" i="1"/>
  <c r="AC36541" i="1"/>
  <c r="AC36542" i="1"/>
  <c r="AC36543" i="1"/>
  <c r="AC36544" i="1"/>
  <c r="AC36545" i="1"/>
  <c r="AC36546" i="1"/>
  <c r="AC36547" i="1"/>
  <c r="AD36547" i="1" s="1"/>
  <c r="AC36548" i="1"/>
  <c r="AC36549" i="1"/>
  <c r="AC36550" i="1"/>
  <c r="AC36551" i="1"/>
  <c r="AC36552" i="1"/>
  <c r="AC36553" i="1"/>
  <c r="AC36554" i="1"/>
  <c r="AC36555" i="1"/>
  <c r="AC36556" i="1"/>
  <c r="AC36557" i="1"/>
  <c r="AC36558" i="1"/>
  <c r="AC36559" i="1"/>
  <c r="AD36559" i="1" s="1"/>
  <c r="AC36560" i="1"/>
  <c r="AC36561" i="1"/>
  <c r="AC36562" i="1"/>
  <c r="AC36563" i="1"/>
  <c r="AC36564" i="1"/>
  <c r="AC36565" i="1"/>
  <c r="AC36566" i="1"/>
  <c r="AC36567" i="1"/>
  <c r="AC36568" i="1"/>
  <c r="AC36569" i="1"/>
  <c r="AC36570" i="1"/>
  <c r="AC36571" i="1"/>
  <c r="AD36571" i="1" s="1"/>
  <c r="AC36572" i="1"/>
  <c r="AC36573" i="1"/>
  <c r="AC36574" i="1"/>
  <c r="AC36575" i="1"/>
  <c r="AC36576" i="1"/>
  <c r="AC36577" i="1"/>
  <c r="AC36578" i="1"/>
  <c r="AC36579" i="1"/>
  <c r="AC36580" i="1"/>
  <c r="AC36581" i="1"/>
  <c r="AC36582" i="1"/>
  <c r="AC36583" i="1"/>
  <c r="AD36583" i="1" s="1"/>
  <c r="AC36584" i="1"/>
  <c r="AC36585" i="1"/>
  <c r="AC36586" i="1"/>
  <c r="AC36587" i="1"/>
  <c r="AC36588" i="1"/>
  <c r="AC36589" i="1"/>
  <c r="AC36590" i="1"/>
  <c r="AC36591" i="1"/>
  <c r="AC36592" i="1"/>
  <c r="AC36593" i="1"/>
  <c r="AC36594" i="1"/>
  <c r="AC36595" i="1"/>
  <c r="AD36595" i="1" s="1"/>
  <c r="AC36596" i="1"/>
  <c r="AC36597" i="1"/>
  <c r="AC36598" i="1"/>
  <c r="AC36599" i="1"/>
  <c r="AC36600" i="1"/>
  <c r="AC36601" i="1"/>
  <c r="AC36602" i="1"/>
  <c r="AC36603" i="1"/>
  <c r="AC36604" i="1"/>
  <c r="AC36605" i="1"/>
  <c r="AC36606" i="1"/>
  <c r="AC36607" i="1"/>
  <c r="AD36607" i="1" s="1"/>
  <c r="AC36608" i="1"/>
  <c r="AC36609" i="1"/>
  <c r="AC36610" i="1"/>
  <c r="AC36611" i="1"/>
  <c r="AC36612" i="1"/>
  <c r="AC36613" i="1"/>
  <c r="AC36614" i="1"/>
  <c r="AC36615" i="1"/>
  <c r="AC36616" i="1"/>
  <c r="AC36617" i="1"/>
  <c r="AC36618" i="1"/>
  <c r="AC36619" i="1"/>
  <c r="AD36619" i="1" s="1"/>
  <c r="AC36620" i="1"/>
  <c r="AC36621" i="1"/>
  <c r="AC36622" i="1"/>
  <c r="AC36623" i="1"/>
  <c r="AC36624" i="1"/>
  <c r="AC36625" i="1"/>
  <c r="AC36626" i="1"/>
  <c r="AC36627" i="1"/>
  <c r="AC36628" i="1"/>
  <c r="AC36629" i="1"/>
  <c r="AC36630" i="1"/>
  <c r="AC36631" i="1"/>
  <c r="AD36631" i="1" s="1"/>
  <c r="AC36632" i="1"/>
  <c r="AC36633" i="1"/>
  <c r="AC36634" i="1"/>
  <c r="AC36635" i="1"/>
  <c r="AC36636" i="1"/>
  <c r="AC36637" i="1"/>
  <c r="AC36638" i="1"/>
  <c r="AC36639" i="1"/>
  <c r="AC36640" i="1"/>
  <c r="AC36641" i="1"/>
  <c r="AC36642" i="1"/>
  <c r="AC36643" i="1"/>
  <c r="AD36643" i="1" s="1"/>
  <c r="AC36644" i="1"/>
  <c r="AC36645" i="1"/>
  <c r="AC36646" i="1"/>
  <c r="AC36647" i="1"/>
  <c r="AC36648" i="1"/>
  <c r="AC36649" i="1"/>
  <c r="AC36650" i="1"/>
  <c r="AC36651" i="1"/>
  <c r="AC36652" i="1"/>
  <c r="AC36653" i="1"/>
  <c r="AC36654" i="1"/>
  <c r="AC36655" i="1"/>
  <c r="AD36655" i="1" s="1"/>
  <c r="AC36656" i="1"/>
  <c r="AC36657" i="1"/>
  <c r="AC36658" i="1"/>
  <c r="AC36659" i="1"/>
  <c r="AC36660" i="1"/>
  <c r="AC36661" i="1"/>
  <c r="AC36662" i="1"/>
  <c r="AC36663" i="1"/>
  <c r="AC36664" i="1"/>
  <c r="AC36665" i="1"/>
  <c r="AC36666" i="1"/>
  <c r="AC36667" i="1"/>
  <c r="AD36667" i="1" s="1"/>
  <c r="AC36668" i="1"/>
  <c r="AC36669" i="1"/>
  <c r="AC36670" i="1"/>
  <c r="AC36671" i="1"/>
  <c r="AC36672" i="1"/>
  <c r="AC36673" i="1"/>
  <c r="AC36674" i="1"/>
  <c r="AC36675" i="1"/>
  <c r="AC36676" i="1"/>
  <c r="AC36677" i="1"/>
  <c r="AC36678" i="1"/>
  <c r="AC36679" i="1"/>
  <c r="AD36679" i="1" s="1"/>
  <c r="AC36680" i="1"/>
  <c r="AC36681" i="1"/>
  <c r="AC36682" i="1"/>
  <c r="AC36683" i="1"/>
  <c r="AC36684" i="1"/>
  <c r="AC36685" i="1"/>
  <c r="AC36686" i="1"/>
  <c r="AC36687" i="1"/>
  <c r="AC36688" i="1"/>
  <c r="AC36689" i="1"/>
  <c r="AC36690" i="1"/>
  <c r="AC36691" i="1"/>
  <c r="AD36691" i="1" s="1"/>
  <c r="AC36692" i="1"/>
  <c r="AC36693" i="1"/>
  <c r="AC36694" i="1"/>
  <c r="AC36695" i="1"/>
  <c r="AC36696" i="1"/>
  <c r="AC36697" i="1"/>
  <c r="AC36698" i="1"/>
  <c r="AC36699" i="1"/>
  <c r="AC36700" i="1"/>
  <c r="AC36701" i="1"/>
  <c r="AC36702" i="1"/>
  <c r="AC36703" i="1"/>
  <c r="AD36703" i="1" s="1"/>
  <c r="AC36704" i="1"/>
  <c r="AC36705" i="1"/>
  <c r="AC36706" i="1"/>
  <c r="AC36707" i="1"/>
  <c r="AC36708" i="1"/>
  <c r="AC36709" i="1"/>
  <c r="AC36710" i="1"/>
  <c r="AC36711" i="1"/>
  <c r="AC36712" i="1"/>
  <c r="AC36713" i="1"/>
  <c r="AC36714" i="1"/>
  <c r="AC36715" i="1"/>
  <c r="AD36715" i="1" s="1"/>
  <c r="AC36716" i="1"/>
  <c r="AC36717" i="1"/>
  <c r="AC36718" i="1"/>
  <c r="AC36719" i="1"/>
  <c r="AC36720" i="1"/>
  <c r="AC36721" i="1"/>
  <c r="AC36722" i="1"/>
  <c r="AC36723" i="1"/>
  <c r="AC36724" i="1"/>
  <c r="AC36725" i="1"/>
  <c r="AC36726" i="1"/>
  <c r="AC36727" i="1"/>
  <c r="AD36727" i="1" s="1"/>
  <c r="AC36728" i="1"/>
  <c r="AC36729" i="1"/>
  <c r="AC36730" i="1"/>
  <c r="AC36731" i="1"/>
  <c r="AC36732" i="1"/>
  <c r="AC36733" i="1"/>
  <c r="AC36734" i="1"/>
  <c r="AC36735" i="1"/>
  <c r="AC36736" i="1"/>
  <c r="AC36737" i="1"/>
  <c r="AC36738" i="1"/>
  <c r="AC36739" i="1"/>
  <c r="AD36739" i="1" s="1"/>
  <c r="AC36740" i="1"/>
  <c r="AC36741" i="1"/>
  <c r="AC36742" i="1"/>
  <c r="AC36743" i="1"/>
  <c r="AC36744" i="1"/>
  <c r="AC36745" i="1"/>
  <c r="AC36746" i="1"/>
  <c r="AC36747" i="1"/>
  <c r="AC36748" i="1"/>
  <c r="AC36749" i="1"/>
  <c r="AC36750" i="1"/>
  <c r="AC36751" i="1"/>
  <c r="AD36751" i="1" s="1"/>
  <c r="AC36752" i="1"/>
  <c r="AC36753" i="1"/>
  <c r="AC36754" i="1"/>
  <c r="AC36755" i="1"/>
  <c r="AC36756" i="1"/>
  <c r="AC36757" i="1"/>
  <c r="AC36758" i="1"/>
  <c r="AC36759" i="1"/>
  <c r="AC36760" i="1"/>
  <c r="AC36761" i="1"/>
  <c r="AC36762" i="1"/>
  <c r="AC36763" i="1"/>
  <c r="AD36763" i="1" s="1"/>
  <c r="AC36764" i="1"/>
  <c r="AC36765" i="1"/>
  <c r="AC36766" i="1"/>
  <c r="AC36767" i="1"/>
  <c r="AC36768" i="1"/>
  <c r="AC36769" i="1"/>
  <c r="AC36770" i="1"/>
  <c r="AC36771" i="1"/>
  <c r="AC36772" i="1"/>
  <c r="AC36773" i="1"/>
  <c r="AC36774" i="1"/>
  <c r="AC36775" i="1"/>
  <c r="AD36775" i="1" s="1"/>
  <c r="AC36776" i="1"/>
  <c r="AC36777" i="1"/>
  <c r="AC36778" i="1"/>
  <c r="AC36779" i="1"/>
  <c r="AC36780" i="1"/>
  <c r="AC36781" i="1"/>
  <c r="AC36782" i="1"/>
  <c r="AC36783" i="1"/>
  <c r="AC36784" i="1"/>
  <c r="AC36785" i="1"/>
  <c r="AC36786" i="1"/>
  <c r="AC36787" i="1"/>
  <c r="AD36787" i="1" s="1"/>
  <c r="AC36788" i="1"/>
  <c r="AC36789" i="1"/>
  <c r="AC36790" i="1"/>
  <c r="AC36791" i="1"/>
  <c r="AC36792" i="1"/>
  <c r="AC36793" i="1"/>
  <c r="AC36794" i="1"/>
  <c r="AC36795" i="1"/>
  <c r="AC36796" i="1"/>
  <c r="AC36797" i="1"/>
  <c r="AC36798" i="1"/>
  <c r="AC36799" i="1"/>
  <c r="AD36799" i="1" s="1"/>
  <c r="AC36800" i="1"/>
  <c r="AC36801" i="1"/>
  <c r="AC36802" i="1"/>
  <c r="AC36803" i="1"/>
  <c r="AC36804" i="1"/>
  <c r="AC36805" i="1"/>
  <c r="AC36806" i="1"/>
  <c r="AC36807" i="1"/>
  <c r="AC36808" i="1"/>
  <c r="AC36809" i="1"/>
  <c r="AC36810" i="1"/>
  <c r="AC36811" i="1"/>
  <c r="AD36811" i="1" s="1"/>
  <c r="AC36812" i="1"/>
  <c r="AC36813" i="1"/>
  <c r="AC36814" i="1"/>
  <c r="AC36815" i="1"/>
  <c r="AC36816" i="1"/>
  <c r="AC36817" i="1"/>
  <c r="AC36818" i="1"/>
  <c r="AC36819" i="1"/>
  <c r="AC36820" i="1"/>
  <c r="AC36821" i="1"/>
  <c r="AC36822" i="1"/>
  <c r="AC36823" i="1"/>
  <c r="AD36823" i="1" s="1"/>
  <c r="AC36824" i="1"/>
  <c r="AC36825" i="1"/>
  <c r="AC36826" i="1"/>
  <c r="AC36827" i="1"/>
  <c r="AC36828" i="1"/>
  <c r="AC36829" i="1"/>
  <c r="AC36830" i="1"/>
  <c r="AC36831" i="1"/>
  <c r="AC36832" i="1"/>
  <c r="AC36833" i="1"/>
  <c r="AC36834" i="1"/>
  <c r="AC36835" i="1"/>
  <c r="AD36835" i="1" s="1"/>
  <c r="AC36836" i="1"/>
  <c r="AC36837" i="1"/>
  <c r="AC36838" i="1"/>
  <c r="AC36839" i="1"/>
  <c r="AC36840" i="1"/>
  <c r="AC36841" i="1"/>
  <c r="AC36842" i="1"/>
  <c r="AC36843" i="1"/>
  <c r="AC36844" i="1"/>
  <c r="AC36845" i="1"/>
  <c r="AC36846" i="1"/>
  <c r="AC36847" i="1"/>
  <c r="AD36847" i="1" s="1"/>
  <c r="AC36848" i="1"/>
  <c r="AC36849" i="1"/>
  <c r="AC36850" i="1"/>
  <c r="AC36851" i="1"/>
  <c r="AC36852" i="1"/>
  <c r="AC36853" i="1"/>
  <c r="AC36854" i="1"/>
  <c r="AC36855" i="1"/>
  <c r="AC36856" i="1"/>
  <c r="AC36857" i="1"/>
  <c r="AC36858" i="1"/>
  <c r="AC36859" i="1"/>
  <c r="AD36859" i="1" s="1"/>
  <c r="AC36860" i="1"/>
  <c r="AC36861" i="1"/>
  <c r="AC36862" i="1"/>
  <c r="AC36863" i="1"/>
  <c r="AC36864" i="1"/>
  <c r="AC36865" i="1"/>
  <c r="AC36866" i="1"/>
  <c r="AC36867" i="1"/>
  <c r="AC36868" i="1"/>
  <c r="AC36869" i="1"/>
  <c r="AC36870" i="1"/>
  <c r="AC36871" i="1"/>
  <c r="AD36871" i="1" s="1"/>
  <c r="AC36872" i="1"/>
  <c r="AC36873" i="1"/>
  <c r="AC36874" i="1"/>
  <c r="AC36875" i="1"/>
  <c r="AC36876" i="1"/>
  <c r="AC36877" i="1"/>
  <c r="AC36878" i="1"/>
  <c r="AC36879" i="1"/>
  <c r="AC36880" i="1"/>
  <c r="AC36881" i="1"/>
  <c r="AC36882" i="1"/>
  <c r="AC36883" i="1"/>
  <c r="AD36883" i="1" s="1"/>
  <c r="AC36884" i="1"/>
  <c r="AC36885" i="1"/>
  <c r="AC36886" i="1"/>
  <c r="AC36887" i="1"/>
  <c r="AC36888" i="1"/>
  <c r="AC36889" i="1"/>
  <c r="AC36890" i="1"/>
  <c r="AC36891" i="1"/>
  <c r="AC36892" i="1"/>
  <c r="AC36893" i="1"/>
  <c r="AC36894" i="1"/>
  <c r="AC36895" i="1"/>
  <c r="AD36895" i="1" s="1"/>
  <c r="AC36896" i="1"/>
  <c r="AC36897" i="1"/>
  <c r="AC36898" i="1"/>
  <c r="AC36899" i="1"/>
  <c r="AC36900" i="1"/>
  <c r="AC36901" i="1"/>
  <c r="AC36902" i="1"/>
  <c r="AC36903" i="1"/>
  <c r="AC36904" i="1"/>
  <c r="AC36905" i="1"/>
  <c r="AC36906" i="1"/>
  <c r="AC36907" i="1"/>
  <c r="AD36907" i="1" s="1"/>
  <c r="AC36908" i="1"/>
  <c r="AC36909" i="1"/>
  <c r="AC36910" i="1"/>
  <c r="AC36911" i="1"/>
  <c r="AC36912" i="1"/>
  <c r="AC36913" i="1"/>
  <c r="AC36914" i="1"/>
  <c r="AC36915" i="1"/>
  <c r="AC36916" i="1"/>
  <c r="AC36917" i="1"/>
  <c r="AC36918" i="1"/>
  <c r="AC36919" i="1"/>
  <c r="AD36919" i="1" s="1"/>
  <c r="AC36920" i="1"/>
  <c r="AC36921" i="1"/>
  <c r="AC36922" i="1"/>
  <c r="AC36923" i="1"/>
  <c r="AC36924" i="1"/>
  <c r="AC36925" i="1"/>
  <c r="AC36926" i="1"/>
  <c r="AC36927" i="1"/>
  <c r="AC36928" i="1"/>
  <c r="AC36929" i="1"/>
  <c r="AC36930" i="1"/>
  <c r="AC36931" i="1"/>
  <c r="AD36931" i="1" s="1"/>
  <c r="AC36932" i="1"/>
  <c r="AC36933" i="1"/>
  <c r="AC36934" i="1"/>
  <c r="AC36935" i="1"/>
  <c r="AC36936" i="1"/>
  <c r="AC36937" i="1"/>
  <c r="AC36938" i="1"/>
  <c r="AC36939" i="1"/>
  <c r="AC36940" i="1"/>
  <c r="AC36941" i="1"/>
  <c r="AC36942" i="1"/>
  <c r="AC36943" i="1"/>
  <c r="AD36943" i="1" s="1"/>
  <c r="AC36944" i="1"/>
  <c r="AC36945" i="1"/>
  <c r="AC36946" i="1"/>
  <c r="AC36947" i="1"/>
  <c r="AC36948" i="1"/>
  <c r="AC36949" i="1"/>
  <c r="AC36950" i="1"/>
  <c r="AC36951" i="1"/>
  <c r="AC36952" i="1"/>
  <c r="AC36953" i="1"/>
  <c r="AC36954" i="1"/>
  <c r="AC36955" i="1"/>
  <c r="AD36955" i="1" s="1"/>
  <c r="AC36956" i="1"/>
  <c r="AC36957" i="1"/>
  <c r="AC36958" i="1"/>
  <c r="AC36959" i="1"/>
  <c r="AC36960" i="1"/>
  <c r="AC36961" i="1"/>
  <c r="AC36962" i="1"/>
  <c r="AC36963" i="1"/>
  <c r="AC36964" i="1"/>
  <c r="AC36965" i="1"/>
  <c r="AC36966" i="1"/>
  <c r="AC36967" i="1"/>
  <c r="AD36967" i="1" s="1"/>
  <c r="AC36968" i="1"/>
  <c r="AC36969" i="1"/>
  <c r="AC36970" i="1"/>
  <c r="AC36971" i="1"/>
  <c r="AC36972" i="1"/>
  <c r="AC36973" i="1"/>
  <c r="AC36974" i="1"/>
  <c r="AC36975" i="1"/>
  <c r="AC36976" i="1"/>
  <c r="AC36977" i="1"/>
  <c r="AC36978" i="1"/>
  <c r="AC36979" i="1"/>
  <c r="AD36979" i="1" s="1"/>
  <c r="AC36980" i="1"/>
  <c r="AC36981" i="1"/>
  <c r="AC36982" i="1"/>
  <c r="AC36983" i="1"/>
  <c r="AC36984" i="1"/>
  <c r="AC36985" i="1"/>
  <c r="AC36986" i="1"/>
  <c r="AC36987" i="1"/>
  <c r="AC36988" i="1"/>
  <c r="AC36989" i="1"/>
  <c r="AC36990" i="1"/>
  <c r="AC36991" i="1"/>
  <c r="AD36991" i="1" s="1"/>
  <c r="AC36992" i="1"/>
  <c r="AC36993" i="1"/>
  <c r="AC36994" i="1"/>
  <c r="AC36995" i="1"/>
  <c r="AC36996" i="1"/>
  <c r="AC36997" i="1"/>
  <c r="AC36998" i="1"/>
  <c r="AC36999" i="1"/>
  <c r="AC37000" i="1"/>
  <c r="AC37001" i="1"/>
  <c r="AC37002" i="1"/>
  <c r="AC37003" i="1"/>
  <c r="AD37003" i="1" s="1"/>
  <c r="AC37004" i="1"/>
  <c r="AC37005" i="1"/>
  <c r="AC37006" i="1"/>
  <c r="AC37007" i="1"/>
  <c r="AC37008" i="1"/>
  <c r="AC37009" i="1"/>
  <c r="AC37010" i="1"/>
  <c r="AC37011" i="1"/>
  <c r="AC37012" i="1"/>
  <c r="AC37013" i="1"/>
  <c r="AC37014" i="1"/>
  <c r="AC37015" i="1"/>
  <c r="AD37015" i="1" s="1"/>
  <c r="AC37016" i="1"/>
  <c r="AC37017" i="1"/>
  <c r="AC37018" i="1"/>
  <c r="AC37019" i="1"/>
  <c r="AC37020" i="1"/>
  <c r="AC37021" i="1"/>
  <c r="AC37022" i="1"/>
  <c r="AC37023" i="1"/>
  <c r="AC37024" i="1"/>
  <c r="AC37025" i="1"/>
  <c r="AC37026" i="1"/>
  <c r="AC37027" i="1"/>
  <c r="AD37027" i="1" s="1"/>
  <c r="AC37028" i="1"/>
  <c r="AC37029" i="1"/>
  <c r="AC37030" i="1"/>
  <c r="AC37031" i="1"/>
  <c r="AC37032" i="1"/>
  <c r="AC37033" i="1"/>
  <c r="AC37034" i="1"/>
  <c r="AC37035" i="1"/>
  <c r="AC37036" i="1"/>
  <c r="AC37037" i="1"/>
  <c r="AC37038" i="1"/>
  <c r="AC37039" i="1"/>
  <c r="AD37039" i="1" s="1"/>
  <c r="AC37040" i="1"/>
  <c r="AC37041" i="1"/>
  <c r="AC37042" i="1"/>
  <c r="AC37043" i="1"/>
  <c r="AC37044" i="1"/>
  <c r="AC37045" i="1"/>
  <c r="AC37046" i="1"/>
  <c r="AC37047" i="1"/>
  <c r="AC37048" i="1"/>
  <c r="AC37049" i="1"/>
  <c r="AC37050" i="1"/>
  <c r="AC37051" i="1"/>
  <c r="AD37051" i="1" s="1"/>
  <c r="AC37052" i="1"/>
  <c r="AC37053" i="1"/>
  <c r="AC37054" i="1"/>
  <c r="AC37055" i="1"/>
  <c r="AC37056" i="1"/>
  <c r="AC37057" i="1"/>
  <c r="AC37058" i="1"/>
  <c r="AC37059" i="1"/>
  <c r="AC37060" i="1"/>
  <c r="AC37061" i="1"/>
  <c r="AC37062" i="1"/>
  <c r="AC37063" i="1"/>
  <c r="AD37063" i="1" s="1"/>
  <c r="AC37064" i="1"/>
  <c r="AC37065" i="1"/>
  <c r="AC37066" i="1"/>
  <c r="AC37067" i="1"/>
  <c r="AC37068" i="1"/>
  <c r="AC37069" i="1"/>
  <c r="AC37070" i="1"/>
  <c r="AC37071" i="1"/>
  <c r="AC37072" i="1"/>
  <c r="AC37073" i="1"/>
  <c r="AC37074" i="1"/>
  <c r="AC37075" i="1"/>
  <c r="AD37075" i="1" s="1"/>
  <c r="AC37076" i="1"/>
  <c r="AC37077" i="1"/>
  <c r="AC37078" i="1"/>
  <c r="AC37079" i="1"/>
  <c r="AC37080" i="1"/>
  <c r="AC37081" i="1"/>
  <c r="AC37082" i="1"/>
  <c r="AC37083" i="1"/>
  <c r="AC37084" i="1"/>
  <c r="AC37085" i="1"/>
  <c r="AC37086" i="1"/>
  <c r="AC37087" i="1"/>
  <c r="AD37087" i="1" s="1"/>
  <c r="AC37088" i="1"/>
  <c r="AC37089" i="1"/>
  <c r="AC37090" i="1"/>
  <c r="AC37091" i="1"/>
  <c r="AC37092" i="1"/>
  <c r="AC37093" i="1"/>
  <c r="AC37094" i="1"/>
  <c r="AC37095" i="1"/>
  <c r="AC37096" i="1"/>
  <c r="AC37097" i="1"/>
  <c r="AC37098" i="1"/>
  <c r="AC37099" i="1"/>
  <c r="AD37099" i="1" s="1"/>
  <c r="AC37100" i="1"/>
  <c r="AC37101" i="1"/>
  <c r="AC37102" i="1"/>
  <c r="AC37103" i="1"/>
  <c r="AC37104" i="1"/>
  <c r="AC37105" i="1"/>
  <c r="AC37106" i="1"/>
  <c r="AC37107" i="1"/>
  <c r="AC37108" i="1"/>
  <c r="AC37109" i="1"/>
  <c r="AC37110" i="1"/>
  <c r="AC37111" i="1"/>
  <c r="AD37111" i="1" s="1"/>
  <c r="AC37112" i="1"/>
  <c r="AC37113" i="1"/>
  <c r="AC37114" i="1"/>
  <c r="AC37115" i="1"/>
  <c r="AC37116" i="1"/>
  <c r="AC37117" i="1"/>
  <c r="AC37118" i="1"/>
  <c r="AC37119" i="1"/>
  <c r="AC37120" i="1"/>
  <c r="AC37121" i="1"/>
  <c r="AC37122" i="1"/>
  <c r="AC37123" i="1"/>
  <c r="AD37123" i="1" s="1"/>
  <c r="AC37124" i="1"/>
  <c r="AC37125" i="1"/>
  <c r="AC37126" i="1"/>
  <c r="AC37127" i="1"/>
  <c r="AC37128" i="1"/>
  <c r="AC37129" i="1"/>
  <c r="AC37130" i="1"/>
  <c r="AC37131" i="1"/>
  <c r="AC37132" i="1"/>
  <c r="AC37133" i="1"/>
  <c r="AC37134" i="1"/>
  <c r="AC37135" i="1"/>
  <c r="AD37135" i="1" s="1"/>
  <c r="AC37136" i="1"/>
  <c r="AC37137" i="1"/>
  <c r="AC37138" i="1"/>
  <c r="AC37139" i="1"/>
  <c r="AC37140" i="1"/>
  <c r="AC37141" i="1"/>
  <c r="AC37142" i="1"/>
  <c r="AC37143" i="1"/>
  <c r="AC37144" i="1"/>
  <c r="AC37145" i="1"/>
  <c r="AC37146" i="1"/>
  <c r="AC37147" i="1"/>
  <c r="AD37147" i="1" s="1"/>
  <c r="AC37148" i="1"/>
  <c r="AC37149" i="1"/>
  <c r="AC37150" i="1"/>
  <c r="AC37151" i="1"/>
  <c r="AC37152" i="1"/>
  <c r="AC37153" i="1"/>
  <c r="AC37154" i="1"/>
  <c r="AC37155" i="1"/>
  <c r="AC37156" i="1"/>
  <c r="AC37157" i="1"/>
  <c r="AC37158" i="1"/>
  <c r="AC37159" i="1"/>
  <c r="AD37159" i="1" s="1"/>
  <c r="AC37160" i="1"/>
  <c r="AC37161" i="1"/>
  <c r="AC37162" i="1"/>
  <c r="AC37163" i="1"/>
  <c r="AC37164" i="1"/>
  <c r="AC37165" i="1"/>
  <c r="AC37166" i="1"/>
  <c r="AC37167" i="1"/>
  <c r="AC37168" i="1"/>
  <c r="AC37169" i="1"/>
  <c r="AC37170" i="1"/>
  <c r="AC37171" i="1"/>
  <c r="AD37171" i="1" s="1"/>
  <c r="AC37172" i="1"/>
  <c r="AC37173" i="1"/>
  <c r="AC37174" i="1"/>
  <c r="AC37175" i="1"/>
  <c r="AC37176" i="1"/>
  <c r="AC37177" i="1"/>
  <c r="AC37178" i="1"/>
  <c r="AC37179" i="1"/>
  <c r="AC37180" i="1"/>
  <c r="AC37181" i="1"/>
  <c r="AC37182" i="1"/>
  <c r="AC37183" i="1"/>
  <c r="AD37183" i="1" s="1"/>
  <c r="AC37184" i="1"/>
  <c r="AC37185" i="1"/>
  <c r="AC37186" i="1"/>
  <c r="AC37187" i="1"/>
  <c r="AC37188" i="1"/>
  <c r="AC37189" i="1"/>
  <c r="AC37190" i="1"/>
  <c r="AC37191" i="1"/>
  <c r="AC37192" i="1"/>
  <c r="AC37193" i="1"/>
  <c r="AC37194" i="1"/>
  <c r="AC37195" i="1"/>
  <c r="AD37195" i="1" s="1"/>
  <c r="AC37196" i="1"/>
  <c r="AC37197" i="1"/>
  <c r="AC37198" i="1"/>
  <c r="AC37199" i="1"/>
  <c r="AC37200" i="1"/>
  <c r="AC37201" i="1"/>
  <c r="AC37202" i="1"/>
  <c r="AC37203" i="1"/>
  <c r="AC37204" i="1"/>
  <c r="AC37205" i="1"/>
  <c r="AC37206" i="1"/>
  <c r="AC37207" i="1"/>
  <c r="AD37207" i="1" s="1"/>
  <c r="AC37208" i="1"/>
  <c r="AC37209" i="1"/>
  <c r="AC37210" i="1"/>
  <c r="AC37211" i="1"/>
  <c r="AC37212" i="1"/>
  <c r="AC37213" i="1"/>
  <c r="AC37214" i="1"/>
  <c r="AC37215" i="1"/>
  <c r="AC37216" i="1"/>
  <c r="AC37217" i="1"/>
  <c r="AC37218" i="1"/>
  <c r="AC37219" i="1"/>
  <c r="AD37219" i="1" s="1"/>
  <c r="AC37220" i="1"/>
  <c r="AC37221" i="1"/>
  <c r="AC37222" i="1"/>
  <c r="AC37223" i="1"/>
  <c r="AC37224" i="1"/>
  <c r="AC37225" i="1"/>
  <c r="AC37226" i="1"/>
  <c r="AC37227" i="1"/>
  <c r="AC37228" i="1"/>
  <c r="AC37229" i="1"/>
  <c r="AC37230" i="1"/>
  <c r="AC37231" i="1"/>
  <c r="AD37231" i="1" s="1"/>
  <c r="AC37232" i="1"/>
  <c r="AC37233" i="1"/>
  <c r="AC37234" i="1"/>
  <c r="AC37235" i="1"/>
  <c r="AC37236" i="1"/>
  <c r="AC37237" i="1"/>
  <c r="AC37238" i="1"/>
  <c r="AC37239" i="1"/>
  <c r="AC37240" i="1"/>
  <c r="AC37241" i="1"/>
  <c r="AC37242" i="1"/>
  <c r="AC37243" i="1"/>
  <c r="AD37243" i="1" s="1"/>
  <c r="AC37244" i="1"/>
  <c r="AC37245" i="1"/>
  <c r="AC37246" i="1"/>
  <c r="AC37247" i="1"/>
  <c r="AC37248" i="1"/>
  <c r="AC37249" i="1"/>
  <c r="AC37250" i="1"/>
  <c r="AC37251" i="1"/>
  <c r="AC37252" i="1"/>
  <c r="AC37253" i="1"/>
  <c r="AC37254" i="1"/>
  <c r="AC37255" i="1"/>
  <c r="AD37255" i="1" s="1"/>
  <c r="AC37256" i="1"/>
  <c r="AC37257" i="1"/>
  <c r="AC37258" i="1"/>
  <c r="AC37259" i="1"/>
  <c r="AC37260" i="1"/>
  <c r="AC37261" i="1"/>
  <c r="AC37262" i="1"/>
  <c r="AC37263" i="1"/>
  <c r="AC37264" i="1"/>
  <c r="AC37265" i="1"/>
  <c r="AC37266" i="1"/>
  <c r="AC37267" i="1"/>
  <c r="AD37267" i="1" s="1"/>
  <c r="AC37268" i="1"/>
  <c r="AC37269" i="1"/>
  <c r="AC37270" i="1"/>
  <c r="AC37271" i="1"/>
  <c r="AC37272" i="1"/>
  <c r="AC37273" i="1"/>
  <c r="AC37274" i="1"/>
  <c r="AC37275" i="1"/>
  <c r="AC37276" i="1"/>
  <c r="AC37277" i="1"/>
  <c r="AC37278" i="1"/>
  <c r="AC37279" i="1"/>
  <c r="AD37279" i="1" s="1"/>
  <c r="AC37280" i="1"/>
  <c r="AC37281" i="1"/>
  <c r="AC37282" i="1"/>
  <c r="AC37283" i="1"/>
  <c r="AC37284" i="1"/>
  <c r="AC37285" i="1"/>
  <c r="AC37286" i="1"/>
  <c r="AC37287" i="1"/>
  <c r="AC37288" i="1"/>
  <c r="AC37289" i="1"/>
  <c r="AC37290" i="1"/>
  <c r="AC37291" i="1"/>
  <c r="AD37291" i="1" s="1"/>
  <c r="AC37292" i="1"/>
  <c r="AC37293" i="1"/>
  <c r="AC37294" i="1"/>
  <c r="AC37295" i="1"/>
  <c r="AC37296" i="1"/>
  <c r="AC37297" i="1"/>
  <c r="AC37298" i="1"/>
  <c r="AC37299" i="1"/>
  <c r="AC37300" i="1"/>
  <c r="AC37301" i="1"/>
  <c r="AC37302" i="1"/>
  <c r="AC37303" i="1"/>
  <c r="AD37303" i="1" s="1"/>
  <c r="AC37304" i="1"/>
  <c r="AC37305" i="1"/>
  <c r="AC37306" i="1"/>
  <c r="AC37307" i="1"/>
  <c r="AC37308" i="1"/>
  <c r="AC37309" i="1"/>
  <c r="AC37310" i="1"/>
  <c r="AC37311" i="1"/>
  <c r="AC37312" i="1"/>
  <c r="AC37313" i="1"/>
  <c r="AC37314" i="1"/>
  <c r="AC37315" i="1"/>
  <c r="AD37315" i="1" s="1"/>
  <c r="AC37316" i="1"/>
  <c r="AC37317" i="1"/>
  <c r="AC37318" i="1"/>
  <c r="AC37319" i="1"/>
  <c r="AC37320" i="1"/>
  <c r="AC37321" i="1"/>
  <c r="AC37322" i="1"/>
  <c r="AC37323" i="1"/>
  <c r="AC37324" i="1"/>
  <c r="AC37325" i="1"/>
  <c r="AC37326" i="1"/>
  <c r="AC37327" i="1"/>
  <c r="AD37327" i="1" s="1"/>
  <c r="AC37328" i="1"/>
  <c r="AC37329" i="1"/>
  <c r="AC37330" i="1"/>
  <c r="AC37331" i="1"/>
  <c r="AC37332" i="1"/>
  <c r="AC37333" i="1"/>
  <c r="AC37334" i="1"/>
  <c r="AC37335" i="1"/>
  <c r="AC37336" i="1"/>
  <c r="AC37337" i="1"/>
  <c r="AC37338" i="1"/>
  <c r="AC37339" i="1"/>
  <c r="AD37339" i="1" s="1"/>
  <c r="AC37340" i="1"/>
  <c r="AC37341" i="1"/>
  <c r="AC37342" i="1"/>
  <c r="AC37343" i="1"/>
  <c r="AC37344" i="1"/>
  <c r="AC37345" i="1"/>
  <c r="AC37346" i="1"/>
  <c r="AC37347" i="1"/>
  <c r="AC37348" i="1"/>
  <c r="AC37349" i="1"/>
  <c r="AC37350" i="1"/>
  <c r="AC37351" i="1"/>
  <c r="AD37351" i="1" s="1"/>
  <c r="AC37352" i="1"/>
  <c r="AC37353" i="1"/>
  <c r="AC37354" i="1"/>
  <c r="AC37355" i="1"/>
  <c r="AC37356" i="1"/>
  <c r="AC37357" i="1"/>
  <c r="AC37358" i="1"/>
  <c r="AC37359" i="1"/>
  <c r="AC37360" i="1"/>
  <c r="AC37361" i="1"/>
  <c r="AC37362" i="1"/>
  <c r="AC37363" i="1"/>
  <c r="AD37363" i="1" s="1"/>
  <c r="AC37364" i="1"/>
  <c r="AC37365" i="1"/>
  <c r="AC37366" i="1"/>
  <c r="AC37367" i="1"/>
  <c r="AC37368" i="1"/>
  <c r="AC37369" i="1"/>
  <c r="AC37370" i="1"/>
  <c r="AC37371" i="1"/>
  <c r="AC37372" i="1"/>
  <c r="AC37373" i="1"/>
  <c r="AC37374" i="1"/>
  <c r="AC37375" i="1"/>
  <c r="AD37375" i="1" s="1"/>
  <c r="AC37376" i="1"/>
  <c r="AC37377" i="1"/>
  <c r="AC37378" i="1"/>
  <c r="AC37379" i="1"/>
  <c r="AC37380" i="1"/>
  <c r="AC37381" i="1"/>
  <c r="AC37382" i="1"/>
  <c r="AC37383" i="1"/>
  <c r="AC37384" i="1"/>
  <c r="AC37385" i="1"/>
  <c r="AC37386" i="1"/>
  <c r="AC37387" i="1"/>
  <c r="AD37387" i="1" s="1"/>
  <c r="AC37388" i="1"/>
  <c r="AC37389" i="1"/>
  <c r="AC37390" i="1"/>
  <c r="AC37391" i="1"/>
  <c r="AC37392" i="1"/>
  <c r="AC37393" i="1"/>
  <c r="AC37394" i="1"/>
  <c r="AC37395" i="1"/>
  <c r="AC37396" i="1"/>
  <c r="AC37397" i="1"/>
  <c r="AC37398" i="1"/>
  <c r="AC37399" i="1"/>
  <c r="AD37399" i="1" s="1"/>
  <c r="AC37400" i="1"/>
  <c r="AC37401" i="1"/>
  <c r="AC37402" i="1"/>
  <c r="AC37403" i="1"/>
  <c r="AC37404" i="1"/>
  <c r="AC37405" i="1"/>
  <c r="AC37406" i="1"/>
  <c r="AC37407" i="1"/>
  <c r="AC37408" i="1"/>
  <c r="AC37409" i="1"/>
  <c r="AC37410" i="1"/>
  <c r="AC37411" i="1"/>
  <c r="AD37411" i="1" s="1"/>
  <c r="AC37412" i="1"/>
  <c r="AC37413" i="1"/>
  <c r="AC37414" i="1"/>
  <c r="AC37415" i="1"/>
  <c r="AC37416" i="1"/>
  <c r="AC37417" i="1"/>
  <c r="AC37418" i="1"/>
  <c r="AC37419" i="1"/>
  <c r="AC37420" i="1"/>
  <c r="AC37421" i="1"/>
  <c r="AC37422" i="1"/>
  <c r="AC37423" i="1"/>
  <c r="AD37423" i="1" s="1"/>
  <c r="AC37424" i="1"/>
  <c r="AC37425" i="1"/>
  <c r="AC37426" i="1"/>
  <c r="AC37427" i="1"/>
  <c r="AC37428" i="1"/>
  <c r="AC37429" i="1"/>
  <c r="AC37430" i="1"/>
  <c r="AC37431" i="1"/>
  <c r="AC37432" i="1"/>
  <c r="AC37433" i="1"/>
  <c r="AC37434" i="1"/>
  <c r="AC37435" i="1"/>
  <c r="AD37435" i="1" s="1"/>
  <c r="AC37436" i="1"/>
  <c r="AC37437" i="1"/>
  <c r="AC37438" i="1"/>
  <c r="AC37439" i="1"/>
  <c r="AC37440" i="1"/>
  <c r="AC37441" i="1"/>
  <c r="AC37442" i="1"/>
  <c r="AC37443" i="1"/>
  <c r="AC37444" i="1"/>
  <c r="AC37445" i="1"/>
  <c r="AC37446" i="1"/>
  <c r="AC37447" i="1"/>
  <c r="AD37447" i="1" s="1"/>
  <c r="AC37448" i="1"/>
  <c r="AC37449" i="1"/>
  <c r="AC37450" i="1"/>
  <c r="AC37451" i="1"/>
  <c r="AC37452" i="1"/>
  <c r="AC37453" i="1"/>
  <c r="AC37454" i="1"/>
  <c r="AC37455" i="1"/>
  <c r="AC37456" i="1"/>
  <c r="AC37457" i="1"/>
  <c r="AC37458" i="1"/>
  <c r="AC37459" i="1"/>
  <c r="AD37459" i="1" s="1"/>
  <c r="AC37460" i="1"/>
  <c r="AC37461" i="1"/>
  <c r="AC37462" i="1"/>
  <c r="AC37463" i="1"/>
  <c r="AC37464" i="1"/>
  <c r="AC37465" i="1"/>
  <c r="AC37466" i="1"/>
  <c r="AC37467" i="1"/>
  <c r="AC37468" i="1"/>
  <c r="AC37469" i="1"/>
  <c r="AC37470" i="1"/>
  <c r="AC37471" i="1"/>
  <c r="AD37471" i="1" s="1"/>
  <c r="AC37472" i="1"/>
  <c r="AC37473" i="1"/>
  <c r="AC37474" i="1"/>
  <c r="AC37475" i="1"/>
  <c r="AC37476" i="1"/>
  <c r="AC37477" i="1"/>
  <c r="AC37478" i="1"/>
  <c r="AC37479" i="1"/>
  <c r="AC37480" i="1"/>
  <c r="AC37481" i="1"/>
  <c r="AC37482" i="1"/>
  <c r="AC37483" i="1"/>
  <c r="AD37483" i="1" s="1"/>
  <c r="AC37484" i="1"/>
  <c r="AC37485" i="1"/>
  <c r="AC37486" i="1"/>
  <c r="AC37487" i="1"/>
  <c r="AC37488" i="1"/>
  <c r="AC37489" i="1"/>
  <c r="AC37490" i="1"/>
  <c r="AC37491" i="1"/>
  <c r="AC37492" i="1"/>
  <c r="AC37493" i="1"/>
  <c r="AC37494" i="1"/>
  <c r="AC37495" i="1"/>
  <c r="AD37495" i="1" s="1"/>
  <c r="AC37496" i="1"/>
  <c r="AC37497" i="1"/>
  <c r="AC37498" i="1"/>
  <c r="AC37499" i="1"/>
  <c r="AC37500" i="1"/>
  <c r="AC37501" i="1"/>
  <c r="AC37502" i="1"/>
  <c r="AC37503" i="1"/>
  <c r="AC37504" i="1"/>
  <c r="AC37505" i="1"/>
  <c r="AC37506" i="1"/>
  <c r="AC37507" i="1"/>
  <c r="AD37507" i="1" s="1"/>
  <c r="AC37508" i="1"/>
  <c r="AC37509" i="1"/>
  <c r="AC37510" i="1"/>
  <c r="AC37511" i="1"/>
  <c r="AC37512" i="1"/>
  <c r="AC37513" i="1"/>
  <c r="AC37514" i="1"/>
  <c r="AC37515" i="1"/>
  <c r="AC37516" i="1"/>
  <c r="AC37517" i="1"/>
  <c r="AC37518" i="1"/>
  <c r="AC37519" i="1"/>
  <c r="AD37519" i="1" s="1"/>
  <c r="AC37520" i="1"/>
  <c r="AC37521" i="1"/>
  <c r="AC37522" i="1"/>
  <c r="AC37523" i="1"/>
  <c r="AC37524" i="1"/>
  <c r="AC37525" i="1"/>
  <c r="AC37526" i="1"/>
  <c r="AC37527" i="1"/>
  <c r="AC37528" i="1"/>
  <c r="AC37529" i="1"/>
  <c r="AC37530" i="1"/>
  <c r="AC37531" i="1"/>
  <c r="AD37531" i="1" s="1"/>
  <c r="AC37532" i="1"/>
  <c r="AC37533" i="1"/>
  <c r="AC37534" i="1"/>
  <c r="AC37535" i="1"/>
  <c r="AC37536" i="1"/>
  <c r="AC37537" i="1"/>
  <c r="AC37538" i="1"/>
  <c r="AC37539" i="1"/>
  <c r="AC37540" i="1"/>
  <c r="AC37541" i="1"/>
  <c r="AC37542" i="1"/>
  <c r="AC37543" i="1"/>
  <c r="AD37543" i="1" s="1"/>
  <c r="AC37544" i="1"/>
  <c r="AC37545" i="1"/>
  <c r="AC37546" i="1"/>
  <c r="AC37547" i="1"/>
  <c r="AC37548" i="1"/>
  <c r="AC37549" i="1"/>
  <c r="AC37550" i="1"/>
  <c r="AC37551" i="1"/>
  <c r="AC37552" i="1"/>
  <c r="AC37553" i="1"/>
  <c r="AC37554" i="1"/>
  <c r="AC37555" i="1"/>
  <c r="AD37555" i="1" s="1"/>
  <c r="AC37556" i="1"/>
  <c r="AC37557" i="1"/>
  <c r="AC37558" i="1"/>
  <c r="AC37559" i="1"/>
  <c r="AC37560" i="1"/>
  <c r="AC37561" i="1"/>
  <c r="AC37562" i="1"/>
  <c r="AC37563" i="1"/>
  <c r="AC37564" i="1"/>
  <c r="AC37565" i="1"/>
  <c r="AC37566" i="1"/>
  <c r="AC37567" i="1"/>
  <c r="AD37567" i="1" s="1"/>
  <c r="AC37568" i="1"/>
  <c r="AC37569" i="1"/>
  <c r="AC37570" i="1"/>
  <c r="AC37571" i="1"/>
  <c r="AC37572" i="1"/>
  <c r="AC37573" i="1"/>
  <c r="AC37574" i="1"/>
  <c r="AC37575" i="1"/>
  <c r="AC37576" i="1"/>
  <c r="AC37577" i="1"/>
  <c r="AC37578" i="1"/>
  <c r="AC37579" i="1"/>
  <c r="AD37579" i="1" s="1"/>
  <c r="AC37580" i="1"/>
  <c r="AC37581" i="1"/>
  <c r="AC37582" i="1"/>
  <c r="AC37583" i="1"/>
  <c r="AC37584" i="1"/>
  <c r="AC37585" i="1"/>
  <c r="AC37586" i="1"/>
  <c r="AC37587" i="1"/>
  <c r="AC37588" i="1"/>
  <c r="AC37589" i="1"/>
  <c r="AC37590" i="1"/>
  <c r="AC37591" i="1"/>
  <c r="AD37591" i="1" s="1"/>
  <c r="AC37592" i="1"/>
  <c r="AC37593" i="1"/>
  <c r="AC37594" i="1"/>
  <c r="AC37595" i="1"/>
  <c r="AC37596" i="1"/>
  <c r="AC37597" i="1"/>
  <c r="AC37598" i="1"/>
  <c r="AC37599" i="1"/>
  <c r="AC37600" i="1"/>
  <c r="AC37601" i="1"/>
  <c r="AC37602" i="1"/>
  <c r="AC37603" i="1"/>
  <c r="AD37603" i="1" s="1"/>
  <c r="AC37604" i="1"/>
  <c r="AC37605" i="1"/>
  <c r="AC37606" i="1"/>
  <c r="AC37607" i="1"/>
  <c r="AC37608" i="1"/>
  <c r="AC37609" i="1"/>
  <c r="AC37610" i="1"/>
  <c r="AC37611" i="1"/>
  <c r="AC37612" i="1"/>
  <c r="AC37613" i="1"/>
  <c r="AC37614" i="1"/>
  <c r="AC37615" i="1"/>
  <c r="AD37615" i="1" s="1"/>
  <c r="AC37616" i="1"/>
  <c r="AC37617" i="1"/>
  <c r="AC37618" i="1"/>
  <c r="AC37619" i="1"/>
  <c r="AC37620" i="1"/>
  <c r="AC37621" i="1"/>
  <c r="AC37622" i="1"/>
  <c r="AC37623" i="1"/>
  <c r="AC37624" i="1"/>
  <c r="AC37625" i="1"/>
  <c r="AC37626" i="1"/>
  <c r="AC37627" i="1"/>
  <c r="AD37627" i="1" s="1"/>
  <c r="AC37628" i="1"/>
  <c r="AC37629" i="1"/>
  <c r="AC37630" i="1"/>
  <c r="AC37631" i="1"/>
  <c r="AC37632" i="1"/>
  <c r="AC37633" i="1"/>
  <c r="AC37634" i="1"/>
  <c r="AC37635" i="1"/>
  <c r="AC37636" i="1"/>
  <c r="AC37637" i="1"/>
  <c r="AC37638" i="1"/>
  <c r="AC37639" i="1"/>
  <c r="AD37639" i="1" s="1"/>
  <c r="AC37640" i="1"/>
  <c r="AC37641" i="1"/>
  <c r="AC37642" i="1"/>
  <c r="AC37643" i="1"/>
  <c r="AC37644" i="1"/>
  <c r="AC37645" i="1"/>
  <c r="AC37646" i="1"/>
  <c r="AC37647" i="1"/>
  <c r="AC37648" i="1"/>
  <c r="AC37649" i="1"/>
  <c r="AC37650" i="1"/>
  <c r="AC37651" i="1"/>
  <c r="AD37651" i="1" s="1"/>
  <c r="AC37652" i="1"/>
  <c r="AC37653" i="1"/>
  <c r="AC37654" i="1"/>
  <c r="AC37655" i="1"/>
  <c r="AC37656" i="1"/>
  <c r="AC37657" i="1"/>
  <c r="AC37658" i="1"/>
  <c r="AC37659" i="1"/>
  <c r="AC37660" i="1"/>
  <c r="AC37661" i="1"/>
  <c r="AC37662" i="1"/>
  <c r="AC37663" i="1"/>
  <c r="AD37663" i="1" s="1"/>
  <c r="AC37664" i="1"/>
  <c r="AC37665" i="1"/>
  <c r="AC37666" i="1"/>
  <c r="AC37667" i="1"/>
  <c r="AC37668" i="1"/>
  <c r="AC37669" i="1"/>
  <c r="AC37670" i="1"/>
  <c r="AC37671" i="1"/>
  <c r="AC37672" i="1"/>
  <c r="AC37673" i="1"/>
  <c r="AC37674" i="1"/>
  <c r="AC37675" i="1"/>
  <c r="AD37675" i="1" s="1"/>
  <c r="AC37676" i="1"/>
  <c r="AC37677" i="1"/>
  <c r="AC37678" i="1"/>
  <c r="AC37679" i="1"/>
  <c r="AC37680" i="1"/>
  <c r="AC37681" i="1"/>
  <c r="AC37682" i="1"/>
  <c r="AC37683" i="1"/>
  <c r="AC37684" i="1"/>
  <c r="AC37685" i="1"/>
  <c r="AC37686" i="1"/>
  <c r="AC37687" i="1"/>
  <c r="AD37687" i="1" s="1"/>
  <c r="AC37688" i="1"/>
  <c r="AC37689" i="1"/>
  <c r="AC37690" i="1"/>
  <c r="AC37691" i="1"/>
  <c r="AC37692" i="1"/>
  <c r="AC37693" i="1"/>
  <c r="AC37694" i="1"/>
  <c r="AC37695" i="1"/>
  <c r="AC37696" i="1"/>
  <c r="AC37697" i="1"/>
  <c r="AC37698" i="1"/>
  <c r="AC37699" i="1"/>
  <c r="AD37699" i="1" s="1"/>
  <c r="AC37700" i="1"/>
  <c r="AC37701" i="1"/>
  <c r="AC37702" i="1"/>
  <c r="AC37703" i="1"/>
  <c r="AC37704" i="1"/>
  <c r="AC37705" i="1"/>
  <c r="AC37706" i="1"/>
  <c r="AC37707" i="1"/>
  <c r="AC37708" i="1"/>
  <c r="AC37709" i="1"/>
  <c r="AC37710" i="1"/>
  <c r="AC37711" i="1"/>
  <c r="AD37711" i="1" s="1"/>
  <c r="AC37712" i="1"/>
  <c r="AC37713" i="1"/>
  <c r="AC37714" i="1"/>
  <c r="AC37715" i="1"/>
  <c r="AC37716" i="1"/>
  <c r="AC37717" i="1"/>
  <c r="AC37718" i="1"/>
  <c r="AC37719" i="1"/>
  <c r="AC37720" i="1"/>
  <c r="AC37721" i="1"/>
  <c r="AC37722" i="1"/>
  <c r="AC37723" i="1"/>
  <c r="AD37723" i="1" s="1"/>
  <c r="AC37724" i="1"/>
  <c r="AC37725" i="1"/>
  <c r="AC37726" i="1"/>
  <c r="AC37727" i="1"/>
  <c r="AC37728" i="1"/>
  <c r="AC37729" i="1"/>
  <c r="AC37730" i="1"/>
  <c r="AC37731" i="1"/>
  <c r="AC37732" i="1"/>
  <c r="AC37733" i="1"/>
  <c r="AC37734" i="1"/>
  <c r="AC37735" i="1"/>
  <c r="AD37735" i="1" s="1"/>
  <c r="AC37736" i="1"/>
  <c r="AC37737" i="1"/>
  <c r="AC37738" i="1"/>
  <c r="AC37739" i="1"/>
  <c r="AC37740" i="1"/>
  <c r="AC37741" i="1"/>
  <c r="AC37742" i="1"/>
  <c r="AC37743" i="1"/>
  <c r="AC37744" i="1"/>
  <c r="AC37745" i="1"/>
  <c r="AC37746" i="1"/>
  <c r="AC37747" i="1"/>
  <c r="AD37747" i="1" s="1"/>
  <c r="AC37748" i="1"/>
  <c r="AC37749" i="1"/>
  <c r="AC37750" i="1"/>
  <c r="AC37751" i="1"/>
  <c r="AC37752" i="1"/>
  <c r="AC37753" i="1"/>
  <c r="AC37754" i="1"/>
  <c r="AC37755" i="1"/>
  <c r="AC37756" i="1"/>
  <c r="AC37757" i="1"/>
  <c r="AC37758" i="1"/>
  <c r="AC37759" i="1"/>
  <c r="AD37759" i="1" s="1"/>
  <c r="AC37760" i="1"/>
  <c r="AC37761" i="1"/>
  <c r="AC37762" i="1"/>
  <c r="AC37763" i="1"/>
  <c r="AC37764" i="1"/>
  <c r="AC37765" i="1"/>
  <c r="AC37766" i="1"/>
  <c r="AC37767" i="1"/>
  <c r="AC37768" i="1"/>
  <c r="AC37769" i="1"/>
  <c r="AC37770" i="1"/>
  <c r="AC37771" i="1"/>
  <c r="AD37771" i="1" s="1"/>
  <c r="AC37772" i="1"/>
  <c r="AC37773" i="1"/>
  <c r="AC37774" i="1"/>
  <c r="AC37775" i="1"/>
  <c r="AC37776" i="1"/>
  <c r="AC37777" i="1"/>
  <c r="AC37778" i="1"/>
  <c r="AC37779" i="1"/>
  <c r="AC37780" i="1"/>
  <c r="AC37781" i="1"/>
  <c r="AC37782" i="1"/>
  <c r="AC37783" i="1"/>
  <c r="AD37783" i="1" s="1"/>
  <c r="AC37784" i="1"/>
  <c r="AC37785" i="1"/>
  <c r="AC37786" i="1"/>
  <c r="AC37787" i="1"/>
  <c r="AC37788" i="1"/>
  <c r="AC37789" i="1"/>
  <c r="AC37790" i="1"/>
  <c r="AC37791" i="1"/>
  <c r="AC37792" i="1"/>
  <c r="AC37793" i="1"/>
  <c r="AC37794" i="1"/>
  <c r="AC37795" i="1"/>
  <c r="AD37795" i="1" s="1"/>
  <c r="AC37796" i="1"/>
  <c r="AC37797" i="1"/>
  <c r="AC37798" i="1"/>
  <c r="AC37799" i="1"/>
  <c r="AC37800" i="1"/>
  <c r="AC37801" i="1"/>
  <c r="AC37802" i="1"/>
  <c r="AC37803" i="1"/>
  <c r="AC37804" i="1"/>
  <c r="AC37805" i="1"/>
  <c r="AC37806" i="1"/>
  <c r="AC37807" i="1"/>
  <c r="AD37807" i="1" s="1"/>
  <c r="AC37808" i="1"/>
  <c r="AC37809" i="1"/>
  <c r="AC37810" i="1"/>
  <c r="AC37811" i="1"/>
  <c r="AC37812" i="1"/>
  <c r="AC37813" i="1"/>
  <c r="AC37814" i="1"/>
  <c r="AC37815" i="1"/>
  <c r="AC37816" i="1"/>
  <c r="AC37817" i="1"/>
  <c r="AC37818" i="1"/>
  <c r="AC37819" i="1"/>
  <c r="AD37819" i="1" s="1"/>
  <c r="AC37820" i="1"/>
  <c r="AC37821" i="1"/>
  <c r="AC37822" i="1"/>
  <c r="AC37823" i="1"/>
  <c r="AC37824" i="1"/>
  <c r="AC37825" i="1"/>
  <c r="AC37826" i="1"/>
  <c r="AC37827" i="1"/>
  <c r="AC37828" i="1"/>
  <c r="AC37829" i="1"/>
  <c r="AC37830" i="1"/>
  <c r="AC37831" i="1"/>
  <c r="AD37831" i="1" s="1"/>
  <c r="AC37832" i="1"/>
  <c r="AC37833" i="1"/>
  <c r="AC37834" i="1"/>
  <c r="AC37835" i="1"/>
  <c r="AC37836" i="1"/>
  <c r="AC37837" i="1"/>
  <c r="AC37838" i="1"/>
  <c r="AC37839" i="1"/>
  <c r="AC37840" i="1"/>
  <c r="AC37841" i="1"/>
  <c r="AC37842" i="1"/>
  <c r="AC37843" i="1"/>
  <c r="AD37843" i="1" s="1"/>
  <c r="AC37844" i="1"/>
  <c r="AC37845" i="1"/>
  <c r="AC37846" i="1"/>
  <c r="AC37847" i="1"/>
  <c r="AC37848" i="1"/>
  <c r="AC37849" i="1"/>
  <c r="AC37850" i="1"/>
  <c r="AC37851" i="1"/>
  <c r="AC37852" i="1"/>
  <c r="AC37853" i="1"/>
  <c r="AC37854" i="1"/>
  <c r="AC37855" i="1"/>
  <c r="AD37855" i="1" s="1"/>
  <c r="AC37856" i="1"/>
  <c r="AC37857" i="1"/>
  <c r="AC37858" i="1"/>
  <c r="AC37859" i="1"/>
  <c r="AC37860" i="1"/>
  <c r="AC37861" i="1"/>
  <c r="AC37862" i="1"/>
  <c r="AC37863" i="1"/>
  <c r="AC37864" i="1"/>
  <c r="AC37865" i="1"/>
  <c r="AC37866" i="1"/>
  <c r="AC37867" i="1"/>
  <c r="AD37867" i="1" s="1"/>
  <c r="AC37868" i="1"/>
  <c r="AC37869" i="1"/>
  <c r="AC37870" i="1"/>
  <c r="AC37871" i="1"/>
  <c r="AC37872" i="1"/>
  <c r="AC37873" i="1"/>
  <c r="AC37874" i="1"/>
  <c r="AC37875" i="1"/>
  <c r="AC37876" i="1"/>
  <c r="AC37877" i="1"/>
  <c r="AC37878" i="1"/>
  <c r="AC37879" i="1"/>
  <c r="AD37879" i="1" s="1"/>
  <c r="AC37880" i="1"/>
  <c r="AC37881" i="1"/>
  <c r="AC37882" i="1"/>
  <c r="AC37883" i="1"/>
  <c r="AC37884" i="1"/>
  <c r="AC37885" i="1"/>
  <c r="AC37886" i="1"/>
  <c r="AC37887" i="1"/>
  <c r="AC37888" i="1"/>
  <c r="AC37889" i="1"/>
  <c r="AC37890" i="1"/>
  <c r="AC37891" i="1"/>
  <c r="AD37891" i="1" s="1"/>
  <c r="AC37892" i="1"/>
  <c r="AC37893" i="1"/>
  <c r="AC37894" i="1"/>
  <c r="AC37895" i="1"/>
  <c r="AC37896" i="1"/>
  <c r="AC37897" i="1"/>
  <c r="AC37898" i="1"/>
  <c r="AC37899" i="1"/>
  <c r="AC37900" i="1"/>
  <c r="AC37901" i="1"/>
  <c r="AC37902" i="1"/>
  <c r="AC37903" i="1"/>
  <c r="AD37903" i="1" s="1"/>
  <c r="AC37904" i="1"/>
  <c r="AC37905" i="1"/>
  <c r="AC37906" i="1"/>
  <c r="AC37907" i="1"/>
  <c r="AC37908" i="1"/>
  <c r="AC37909" i="1"/>
  <c r="AC37910" i="1"/>
  <c r="AC37911" i="1"/>
  <c r="AC37912" i="1"/>
  <c r="AC37913" i="1"/>
  <c r="AC37914" i="1"/>
  <c r="AC37915" i="1"/>
  <c r="AD37915" i="1" s="1"/>
  <c r="AC37916" i="1"/>
  <c r="AC37917" i="1"/>
  <c r="AC37918" i="1"/>
  <c r="AC37919" i="1"/>
  <c r="AC37920" i="1"/>
  <c r="AC37921" i="1"/>
  <c r="AC37922" i="1"/>
  <c r="AC37923" i="1"/>
  <c r="AC37924" i="1"/>
  <c r="AC37925" i="1"/>
  <c r="AC37926" i="1"/>
  <c r="AC37927" i="1"/>
  <c r="AD37927" i="1" s="1"/>
  <c r="AC37928" i="1"/>
  <c r="AC37929" i="1"/>
  <c r="AC37930" i="1"/>
  <c r="AC37931" i="1"/>
  <c r="AC37932" i="1"/>
  <c r="AC37933" i="1"/>
  <c r="AC37934" i="1"/>
  <c r="AC37935" i="1"/>
  <c r="AC37936" i="1"/>
  <c r="AC37937" i="1"/>
  <c r="AC37938" i="1"/>
  <c r="AC37939" i="1"/>
  <c r="AD37939" i="1" s="1"/>
  <c r="AC37940" i="1"/>
  <c r="AC37941" i="1"/>
  <c r="AC37942" i="1"/>
  <c r="AC37943" i="1"/>
  <c r="AC37944" i="1"/>
  <c r="AC37945" i="1"/>
  <c r="AC37946" i="1"/>
  <c r="AC37947" i="1"/>
  <c r="AC37948" i="1"/>
  <c r="AC37949" i="1"/>
  <c r="AC37950" i="1"/>
  <c r="AC37951" i="1"/>
  <c r="AD37951" i="1" s="1"/>
  <c r="AC37952" i="1"/>
  <c r="AC37953" i="1"/>
  <c r="AC37954" i="1"/>
  <c r="AC37955" i="1"/>
  <c r="AC37956" i="1"/>
  <c r="AC37957" i="1"/>
  <c r="AC37958" i="1"/>
  <c r="AC37959" i="1"/>
  <c r="AC37960" i="1"/>
  <c r="AC37961" i="1"/>
  <c r="AC37962" i="1"/>
  <c r="AC37963" i="1"/>
  <c r="AD37963" i="1" s="1"/>
  <c r="AC37964" i="1"/>
  <c r="AC37965" i="1"/>
  <c r="AC37966" i="1"/>
  <c r="AC37967" i="1"/>
  <c r="AC37968" i="1"/>
  <c r="AC37969" i="1"/>
  <c r="AC37970" i="1"/>
  <c r="AC37971" i="1"/>
  <c r="AC37972" i="1"/>
  <c r="AC37973" i="1"/>
  <c r="AC37974" i="1"/>
  <c r="AC37975" i="1"/>
  <c r="AD37975" i="1" s="1"/>
  <c r="AC37976" i="1"/>
  <c r="AC37977" i="1"/>
  <c r="AC37978" i="1"/>
  <c r="AC37979" i="1"/>
  <c r="AC37980" i="1"/>
  <c r="AC37981" i="1"/>
  <c r="AC37982" i="1"/>
  <c r="AC37983" i="1"/>
  <c r="AC37984" i="1"/>
  <c r="AC37985" i="1"/>
  <c r="AC37986" i="1"/>
  <c r="AC37987" i="1"/>
  <c r="AD37987" i="1" s="1"/>
  <c r="AC37988" i="1"/>
  <c r="AC37989" i="1"/>
  <c r="AC37990" i="1"/>
  <c r="AC37991" i="1"/>
  <c r="AC37992" i="1"/>
  <c r="AC37993" i="1"/>
  <c r="AC37994" i="1"/>
  <c r="AC37995" i="1"/>
  <c r="AC37996" i="1"/>
  <c r="AC37997" i="1"/>
  <c r="AC37998" i="1"/>
  <c r="AC37999" i="1"/>
  <c r="AD37999" i="1" s="1"/>
  <c r="AC38000" i="1"/>
  <c r="AC38001" i="1"/>
  <c r="AC38002" i="1"/>
  <c r="AC38003" i="1"/>
  <c r="AC38004" i="1"/>
  <c r="AC38005" i="1"/>
  <c r="AC38006" i="1"/>
  <c r="AC38007" i="1"/>
  <c r="AC38008" i="1"/>
  <c r="AC38009" i="1"/>
  <c r="AC38010" i="1"/>
  <c r="AC38011" i="1"/>
  <c r="AD38011" i="1" s="1"/>
  <c r="AC38012" i="1"/>
  <c r="AC38013" i="1"/>
  <c r="AC38014" i="1"/>
  <c r="AC38015" i="1"/>
  <c r="AC38016" i="1"/>
  <c r="AC38017" i="1"/>
  <c r="AC38018" i="1"/>
  <c r="AC38019" i="1"/>
  <c r="AC38020" i="1"/>
  <c r="AC38021" i="1"/>
  <c r="AC38022" i="1"/>
  <c r="AC38023" i="1"/>
  <c r="AD38023" i="1" s="1"/>
  <c r="AC38024" i="1"/>
  <c r="AC38025" i="1"/>
  <c r="AC38026" i="1"/>
  <c r="AC38027" i="1"/>
  <c r="AC38028" i="1"/>
  <c r="AC38029" i="1"/>
  <c r="AC38030" i="1"/>
  <c r="AC38031" i="1"/>
  <c r="AC38032" i="1"/>
  <c r="AC38033" i="1"/>
  <c r="AC38034" i="1"/>
  <c r="AC38035" i="1"/>
  <c r="AD38035" i="1" s="1"/>
  <c r="AC38036" i="1"/>
  <c r="AC38037" i="1"/>
  <c r="AC38038" i="1"/>
  <c r="AC38039" i="1"/>
  <c r="AC38040" i="1"/>
  <c r="AC38041" i="1"/>
  <c r="AC38042" i="1"/>
  <c r="AC38043" i="1"/>
  <c r="AC38044" i="1"/>
  <c r="AC38045" i="1"/>
  <c r="AC38046" i="1"/>
  <c r="AC38047" i="1"/>
  <c r="AD38047" i="1" s="1"/>
  <c r="AC38048" i="1"/>
  <c r="AC38049" i="1"/>
  <c r="AC38050" i="1"/>
  <c r="AC38051" i="1"/>
  <c r="AC38052" i="1"/>
  <c r="AC38053" i="1"/>
  <c r="AC38054" i="1"/>
  <c r="AC38055" i="1"/>
  <c r="AC38056" i="1"/>
  <c r="AC38057" i="1"/>
  <c r="AC38058" i="1"/>
  <c r="AC38059" i="1"/>
  <c r="AD38059" i="1" s="1"/>
  <c r="AC38060" i="1"/>
  <c r="AC38061" i="1"/>
  <c r="AC38062" i="1"/>
  <c r="AC38063" i="1"/>
  <c r="AC38064" i="1"/>
  <c r="AC38065" i="1"/>
  <c r="AC38066" i="1"/>
  <c r="AC38067" i="1"/>
  <c r="AC38068" i="1"/>
  <c r="AC38069" i="1"/>
  <c r="AC38070" i="1"/>
  <c r="AC38071" i="1"/>
  <c r="AD38071" i="1" s="1"/>
  <c r="AC38072" i="1"/>
  <c r="AC38073" i="1"/>
  <c r="AC38074" i="1"/>
  <c r="AC38075" i="1"/>
  <c r="AC38076" i="1"/>
  <c r="AC38077" i="1"/>
  <c r="AC38078" i="1"/>
  <c r="AC38079" i="1"/>
  <c r="AC38080" i="1"/>
  <c r="AC38081" i="1"/>
  <c r="AC38082" i="1"/>
  <c r="AC38083" i="1"/>
  <c r="AD38083" i="1" s="1"/>
  <c r="AC38084" i="1"/>
  <c r="AC38085" i="1"/>
  <c r="AC38086" i="1"/>
  <c r="AC38087" i="1"/>
  <c r="AC38088" i="1"/>
  <c r="AC38089" i="1"/>
  <c r="AC38090" i="1"/>
  <c r="AC38091" i="1"/>
  <c r="AC38092" i="1"/>
  <c r="AC38093" i="1"/>
  <c r="AC38094" i="1"/>
  <c r="AC38095" i="1"/>
  <c r="AD38095" i="1" s="1"/>
  <c r="AC38096" i="1"/>
  <c r="AC38097" i="1"/>
  <c r="AC38098" i="1"/>
  <c r="AC38099" i="1"/>
  <c r="AC38100" i="1"/>
  <c r="AC38101" i="1"/>
  <c r="AC38102" i="1"/>
  <c r="AC38103" i="1"/>
  <c r="AC38104" i="1"/>
  <c r="AC38105" i="1"/>
  <c r="AC38106" i="1"/>
  <c r="AC38107" i="1"/>
  <c r="AD38107" i="1" s="1"/>
  <c r="AC38108" i="1"/>
  <c r="AC38109" i="1"/>
  <c r="AC38110" i="1"/>
  <c r="AC38111" i="1"/>
  <c r="AC38112" i="1"/>
  <c r="AC38113" i="1"/>
  <c r="AC38114" i="1"/>
  <c r="AC38115" i="1"/>
  <c r="AC38116" i="1"/>
  <c r="AC38117" i="1"/>
  <c r="AC38118" i="1"/>
  <c r="AC38119" i="1"/>
  <c r="AD38119" i="1" s="1"/>
  <c r="AC38120" i="1"/>
  <c r="AC38121" i="1"/>
  <c r="AC38122" i="1"/>
  <c r="AC38123" i="1"/>
  <c r="AC38124" i="1"/>
  <c r="AC38125" i="1"/>
  <c r="AC38126" i="1"/>
  <c r="AC38127" i="1"/>
  <c r="AC38128" i="1"/>
  <c r="AC38129" i="1"/>
  <c r="AC38130" i="1"/>
  <c r="AC38131" i="1"/>
  <c r="AD38131" i="1" s="1"/>
  <c r="AC38132" i="1"/>
  <c r="AC38133" i="1"/>
  <c r="AC38134" i="1"/>
  <c r="AC38135" i="1"/>
  <c r="AC38136" i="1"/>
  <c r="AC38137" i="1"/>
  <c r="AC38138" i="1"/>
  <c r="AC38139" i="1"/>
  <c r="AC38140" i="1"/>
  <c r="AC38141" i="1"/>
  <c r="AC38142" i="1"/>
  <c r="AC38143" i="1"/>
  <c r="AD38143" i="1" s="1"/>
  <c r="AC38144" i="1"/>
  <c r="AC38145" i="1"/>
  <c r="AC38146" i="1"/>
  <c r="AC38147" i="1"/>
  <c r="AC38148" i="1"/>
  <c r="AC38149" i="1"/>
  <c r="AC38150" i="1"/>
  <c r="AC38151" i="1"/>
  <c r="AC38152" i="1"/>
  <c r="AC38153" i="1"/>
  <c r="AC38154" i="1"/>
  <c r="AC38155" i="1"/>
  <c r="AD38155" i="1" s="1"/>
  <c r="AC38156" i="1"/>
  <c r="AC38157" i="1"/>
  <c r="AC38158" i="1"/>
  <c r="AC38159" i="1"/>
  <c r="AC38160" i="1"/>
  <c r="AC38161" i="1"/>
  <c r="AC38162" i="1"/>
  <c r="AC38163" i="1"/>
  <c r="AC38164" i="1"/>
  <c r="AC38165" i="1"/>
  <c r="AC38166" i="1"/>
  <c r="AC38167" i="1"/>
  <c r="AD38167" i="1" s="1"/>
  <c r="AC38168" i="1"/>
  <c r="AC38169" i="1"/>
  <c r="AC38170" i="1"/>
  <c r="AC38171" i="1"/>
  <c r="AC38172" i="1"/>
  <c r="AC38173" i="1"/>
  <c r="AC38174" i="1"/>
  <c r="AC38175" i="1"/>
  <c r="AC38176" i="1"/>
  <c r="AC38177" i="1"/>
  <c r="AC38178" i="1"/>
  <c r="AC38179" i="1"/>
  <c r="AD38179" i="1" s="1"/>
  <c r="AC38180" i="1"/>
  <c r="AC38181" i="1"/>
  <c r="AC38182" i="1"/>
  <c r="AC38183" i="1"/>
  <c r="AC38184" i="1"/>
  <c r="AC38185" i="1"/>
  <c r="AC38186" i="1"/>
  <c r="AC38187" i="1"/>
  <c r="AC38188" i="1"/>
  <c r="AC38189" i="1"/>
  <c r="AC38190" i="1"/>
  <c r="AC38191" i="1"/>
  <c r="AD38191" i="1" s="1"/>
  <c r="AC38192" i="1"/>
  <c r="AC38193" i="1"/>
  <c r="AC38194" i="1"/>
  <c r="AC38195" i="1"/>
  <c r="AC38196" i="1"/>
  <c r="AC38197" i="1"/>
  <c r="AC38198" i="1"/>
  <c r="AC38199" i="1"/>
  <c r="AC38200" i="1"/>
  <c r="AC38201" i="1"/>
  <c r="AC38202" i="1"/>
  <c r="AC38203" i="1"/>
  <c r="AD38203" i="1" s="1"/>
  <c r="AC38204" i="1"/>
  <c r="AC38205" i="1"/>
  <c r="AC38206" i="1"/>
  <c r="AC38207" i="1"/>
  <c r="AC38208" i="1"/>
  <c r="AC38209" i="1"/>
  <c r="AC38210" i="1"/>
  <c r="AC38211" i="1"/>
  <c r="AC38212" i="1"/>
  <c r="AC38213" i="1"/>
  <c r="AC38214" i="1"/>
  <c r="AC38215" i="1"/>
  <c r="AD38215" i="1" s="1"/>
  <c r="AC38216" i="1"/>
  <c r="AC38217" i="1"/>
  <c r="AC38218" i="1"/>
  <c r="AC38219" i="1"/>
  <c r="AC38220" i="1"/>
  <c r="AC38221" i="1"/>
  <c r="AC38222" i="1"/>
  <c r="AC38223" i="1"/>
  <c r="AC38224" i="1"/>
  <c r="AC38225" i="1"/>
  <c r="AC38226" i="1"/>
  <c r="AC38227" i="1"/>
  <c r="AD38227" i="1" s="1"/>
  <c r="AC38228" i="1"/>
  <c r="AC38229" i="1"/>
  <c r="AC38230" i="1"/>
  <c r="AC38231" i="1"/>
  <c r="AC38232" i="1"/>
  <c r="AC38233" i="1"/>
  <c r="AC38234" i="1"/>
  <c r="AC38235" i="1"/>
  <c r="AC38236" i="1"/>
  <c r="AC38237" i="1"/>
  <c r="AC38238" i="1"/>
  <c r="AC38239" i="1"/>
  <c r="AD38239" i="1" s="1"/>
  <c r="AC38240" i="1"/>
  <c r="AC38241" i="1"/>
  <c r="AC38242" i="1"/>
  <c r="AC38243" i="1"/>
  <c r="AC38244" i="1"/>
  <c r="AC38245" i="1"/>
  <c r="AC38246" i="1"/>
  <c r="AC38247" i="1"/>
  <c r="AC38248" i="1"/>
  <c r="AC38249" i="1"/>
  <c r="AC38250" i="1"/>
  <c r="AC38251" i="1"/>
  <c r="AD38251" i="1" s="1"/>
  <c r="AC38252" i="1"/>
  <c r="AC38253" i="1"/>
  <c r="AC38254" i="1"/>
  <c r="AC38255" i="1"/>
  <c r="AC38256" i="1"/>
  <c r="AC38257" i="1"/>
  <c r="AC38258" i="1"/>
  <c r="AC38259" i="1"/>
  <c r="AC38260" i="1"/>
  <c r="AC38261" i="1"/>
  <c r="AC38262" i="1"/>
  <c r="AC38263" i="1"/>
  <c r="AD38263" i="1" s="1"/>
  <c r="AC38264" i="1"/>
  <c r="AC38265" i="1"/>
  <c r="AC38266" i="1"/>
  <c r="AC38267" i="1"/>
  <c r="AC38268" i="1"/>
  <c r="AC38269" i="1"/>
  <c r="AC38270" i="1"/>
  <c r="AC38271" i="1"/>
  <c r="AC38272" i="1"/>
  <c r="AC38273" i="1"/>
  <c r="AC38274" i="1"/>
  <c r="AC38275" i="1"/>
  <c r="AD38275" i="1" s="1"/>
  <c r="AC38276" i="1"/>
  <c r="AC38277" i="1"/>
  <c r="AC38278" i="1"/>
  <c r="AC38279" i="1"/>
  <c r="AC38280" i="1"/>
  <c r="AC38281" i="1"/>
  <c r="AC38282" i="1"/>
  <c r="AC38283" i="1"/>
  <c r="AC38284" i="1"/>
  <c r="AC38285" i="1"/>
  <c r="AC38286" i="1"/>
  <c r="AC38287" i="1"/>
  <c r="AD38287" i="1" s="1"/>
  <c r="AC38288" i="1"/>
  <c r="AC38289" i="1"/>
  <c r="AC38290" i="1"/>
  <c r="AC38291" i="1"/>
  <c r="AC38292" i="1"/>
  <c r="AC38293" i="1"/>
  <c r="AC38294" i="1"/>
  <c r="AC38295" i="1"/>
  <c r="AC38296" i="1"/>
  <c r="AC38297" i="1"/>
  <c r="AC38298" i="1"/>
  <c r="AC38299" i="1"/>
  <c r="AD38299" i="1" s="1"/>
  <c r="AC38300" i="1"/>
  <c r="AC38301" i="1"/>
  <c r="AC38302" i="1"/>
  <c r="AC38303" i="1"/>
  <c r="AC38304" i="1"/>
  <c r="AC38305" i="1"/>
  <c r="AC38306" i="1"/>
  <c r="AC38307" i="1"/>
  <c r="AC38308" i="1"/>
  <c r="AC38309" i="1"/>
  <c r="AC38310" i="1"/>
  <c r="AC38311" i="1"/>
  <c r="AD38311" i="1" s="1"/>
  <c r="AC38312" i="1"/>
  <c r="AC38313" i="1"/>
  <c r="AC38314" i="1"/>
  <c r="AC38315" i="1"/>
  <c r="AC38316" i="1"/>
  <c r="AC38317" i="1"/>
  <c r="AC38318" i="1"/>
  <c r="AC38319" i="1"/>
  <c r="AC38320" i="1"/>
  <c r="AC38321" i="1"/>
  <c r="AC38322" i="1"/>
  <c r="AC38323" i="1"/>
  <c r="AD38323" i="1" s="1"/>
  <c r="AC38324" i="1"/>
  <c r="AC38325" i="1"/>
  <c r="AC38326" i="1"/>
  <c r="AC38327" i="1"/>
  <c r="AC38328" i="1"/>
  <c r="AC38329" i="1"/>
  <c r="AC38330" i="1"/>
  <c r="AC38331" i="1"/>
  <c r="AC38332" i="1"/>
  <c r="AC38333" i="1"/>
  <c r="AC38334" i="1"/>
  <c r="AC38335" i="1"/>
  <c r="AD38335" i="1" s="1"/>
  <c r="AC38336" i="1"/>
  <c r="AC38337" i="1"/>
  <c r="AC38338" i="1"/>
  <c r="AC38339" i="1"/>
  <c r="AC38340" i="1"/>
  <c r="AC38341" i="1"/>
  <c r="AC38342" i="1"/>
  <c r="AC38343" i="1"/>
  <c r="AC38344" i="1"/>
  <c r="AC38345" i="1"/>
  <c r="AC38346" i="1"/>
  <c r="AC38347" i="1"/>
  <c r="AD38347" i="1" s="1"/>
  <c r="AC38348" i="1"/>
  <c r="AC38349" i="1"/>
  <c r="AC38350" i="1"/>
  <c r="AC38351" i="1"/>
  <c r="AC38352" i="1"/>
  <c r="AC38353" i="1"/>
  <c r="AC38354" i="1"/>
  <c r="AC38355" i="1"/>
  <c r="AC38356" i="1"/>
  <c r="AC38357" i="1"/>
  <c r="AC38358" i="1"/>
  <c r="AC38359" i="1"/>
  <c r="AD38359" i="1" s="1"/>
  <c r="AC38360" i="1"/>
  <c r="AC38361" i="1"/>
  <c r="AC38362" i="1"/>
  <c r="AC38363" i="1"/>
  <c r="AC38364" i="1"/>
  <c r="AC38365" i="1"/>
  <c r="AC38366" i="1"/>
  <c r="AC38367" i="1"/>
  <c r="AC38368" i="1"/>
  <c r="AC38369" i="1"/>
  <c r="AC38370" i="1"/>
  <c r="AC38371" i="1"/>
  <c r="AD38371" i="1" s="1"/>
  <c r="AC38372" i="1"/>
  <c r="AC38373" i="1"/>
  <c r="AC38374" i="1"/>
  <c r="AC38375" i="1"/>
  <c r="AC38376" i="1"/>
  <c r="AC38377" i="1"/>
  <c r="AC38378" i="1"/>
  <c r="AC38379" i="1"/>
  <c r="AC38380" i="1"/>
  <c r="AC38381" i="1"/>
  <c r="AC38382" i="1"/>
  <c r="AC38383" i="1"/>
  <c r="AD38383" i="1" s="1"/>
  <c r="AC38384" i="1"/>
  <c r="AC38385" i="1"/>
  <c r="AC38386" i="1"/>
  <c r="AC38387" i="1"/>
  <c r="AC38388" i="1"/>
  <c r="AC38389" i="1"/>
  <c r="AC38390" i="1"/>
  <c r="AC38391" i="1"/>
  <c r="AC38392" i="1"/>
  <c r="AC38393" i="1"/>
  <c r="AC38394" i="1"/>
  <c r="AC38395" i="1"/>
  <c r="AD38395" i="1" s="1"/>
  <c r="AC38396" i="1"/>
  <c r="AC38397" i="1"/>
  <c r="AC38398" i="1"/>
  <c r="AC38399" i="1"/>
  <c r="AC38400" i="1"/>
  <c r="AC38401" i="1"/>
  <c r="AC38402" i="1"/>
  <c r="AC38403" i="1"/>
  <c r="AC38404" i="1"/>
  <c r="AC38405" i="1"/>
  <c r="AC38406" i="1"/>
  <c r="AC38407" i="1"/>
  <c r="AD38407" i="1" s="1"/>
  <c r="AC38408" i="1"/>
  <c r="AC38409" i="1"/>
  <c r="AC38410" i="1"/>
  <c r="AC38411" i="1"/>
  <c r="AC38412" i="1"/>
  <c r="AC38413" i="1"/>
  <c r="AC38414" i="1"/>
  <c r="AC38415" i="1"/>
  <c r="AC38416" i="1"/>
  <c r="AC38417" i="1"/>
  <c r="AC38418" i="1"/>
  <c r="AC38419" i="1"/>
  <c r="AD38419" i="1" s="1"/>
  <c r="AC38420" i="1"/>
  <c r="AC38421" i="1"/>
  <c r="AC38422" i="1"/>
  <c r="AC38423" i="1"/>
  <c r="AC38424" i="1"/>
  <c r="AC38425" i="1"/>
  <c r="AC38426" i="1"/>
  <c r="AC38427" i="1"/>
  <c r="AC38428" i="1"/>
  <c r="AC38429" i="1"/>
  <c r="AC38430" i="1"/>
  <c r="AC38431" i="1"/>
  <c r="AD38431" i="1" s="1"/>
  <c r="AC38432" i="1"/>
  <c r="AC38433" i="1"/>
  <c r="AC38434" i="1"/>
  <c r="AC38435" i="1"/>
  <c r="AC38436" i="1"/>
  <c r="AC38437" i="1"/>
  <c r="AC38438" i="1"/>
  <c r="AC38439" i="1"/>
  <c r="AC38440" i="1"/>
  <c r="AC38441" i="1"/>
  <c r="AC38442" i="1"/>
  <c r="AC38443" i="1"/>
  <c r="AD38443" i="1" s="1"/>
  <c r="AC38444" i="1"/>
  <c r="AC38445" i="1"/>
  <c r="AC38446" i="1"/>
  <c r="AC38447" i="1"/>
  <c r="AC38448" i="1"/>
  <c r="AC38449" i="1"/>
  <c r="AC38450" i="1"/>
  <c r="AC38451" i="1"/>
  <c r="AC38452" i="1"/>
  <c r="AC38453" i="1"/>
  <c r="AC38454" i="1"/>
  <c r="AC38455" i="1"/>
  <c r="AD38455" i="1" s="1"/>
  <c r="AC38456" i="1"/>
  <c r="AC38457" i="1"/>
  <c r="AC38458" i="1"/>
  <c r="AC38459" i="1"/>
  <c r="AC38460" i="1"/>
  <c r="AC38461" i="1"/>
  <c r="AC38462" i="1"/>
  <c r="AC38463" i="1"/>
  <c r="AC38464" i="1"/>
  <c r="AC38465" i="1"/>
  <c r="AC38466" i="1"/>
  <c r="AC38467" i="1"/>
  <c r="AD38467" i="1" s="1"/>
  <c r="AC38468" i="1"/>
  <c r="AC38469" i="1"/>
  <c r="AC38470" i="1"/>
  <c r="AC38471" i="1"/>
  <c r="AC38472" i="1"/>
  <c r="AC38473" i="1"/>
  <c r="AC38474" i="1"/>
  <c r="AC38475" i="1"/>
  <c r="AC38476" i="1"/>
  <c r="AC38477" i="1"/>
  <c r="AC38478" i="1"/>
  <c r="AC38479" i="1"/>
  <c r="AD38479" i="1" s="1"/>
  <c r="AC38480" i="1"/>
  <c r="AC38481" i="1"/>
  <c r="AC38482" i="1"/>
  <c r="AC38483" i="1"/>
  <c r="AC38484" i="1"/>
  <c r="AC38485" i="1"/>
  <c r="AC38486" i="1"/>
  <c r="AC38487" i="1"/>
  <c r="AC38488" i="1"/>
  <c r="AC38489" i="1"/>
  <c r="AC38490" i="1"/>
  <c r="AC38491" i="1"/>
  <c r="AD38491" i="1" s="1"/>
  <c r="AC38492" i="1"/>
  <c r="AC38493" i="1"/>
  <c r="AC38494" i="1"/>
  <c r="AC38495" i="1"/>
  <c r="AC38496" i="1"/>
  <c r="AC38497" i="1"/>
  <c r="AC38498" i="1"/>
  <c r="AC38499" i="1"/>
  <c r="AC38500" i="1"/>
  <c r="AC38501" i="1"/>
  <c r="AC38502" i="1"/>
  <c r="AC38503" i="1"/>
  <c r="AD38503" i="1" s="1"/>
  <c r="AC38504" i="1"/>
  <c r="AC38505" i="1"/>
  <c r="AC38506" i="1"/>
  <c r="AC38507" i="1"/>
  <c r="AC38508" i="1"/>
  <c r="AC38509" i="1"/>
  <c r="AC38510" i="1"/>
  <c r="AC38511" i="1"/>
  <c r="AC38512" i="1"/>
  <c r="AC38513" i="1"/>
  <c r="AC38514" i="1"/>
  <c r="AC38515" i="1"/>
  <c r="AD38515" i="1" s="1"/>
  <c r="AC38516" i="1"/>
  <c r="AC38517" i="1"/>
  <c r="AC38518" i="1"/>
  <c r="AC38519" i="1"/>
  <c r="AC38520" i="1"/>
  <c r="AC38521" i="1"/>
  <c r="AC38522" i="1"/>
  <c r="AC38523" i="1"/>
  <c r="AC38524" i="1"/>
  <c r="AC38525" i="1"/>
  <c r="AC38526" i="1"/>
  <c r="AC38527" i="1"/>
  <c r="AD38527" i="1" s="1"/>
  <c r="AC38528" i="1"/>
  <c r="AC38529" i="1"/>
  <c r="AC38530" i="1"/>
  <c r="AC38531" i="1"/>
  <c r="AC38532" i="1"/>
  <c r="AC38533" i="1"/>
  <c r="AC38534" i="1"/>
  <c r="AC38535" i="1"/>
  <c r="AC38536" i="1"/>
  <c r="AC38537" i="1"/>
  <c r="AC38538" i="1"/>
  <c r="AC38539" i="1"/>
  <c r="AD38539" i="1" s="1"/>
  <c r="AC38540" i="1"/>
  <c r="AC38541" i="1"/>
  <c r="AC38542" i="1"/>
  <c r="AC38543" i="1"/>
  <c r="AC38544" i="1"/>
  <c r="AC38545" i="1"/>
  <c r="AC38546" i="1"/>
  <c r="AC38547" i="1"/>
  <c r="AC38548" i="1"/>
  <c r="AC38549" i="1"/>
  <c r="AC38550" i="1"/>
  <c r="AC38551" i="1"/>
  <c r="AD38551" i="1" s="1"/>
  <c r="AC38552" i="1"/>
  <c r="AC38553" i="1"/>
  <c r="AC38554" i="1"/>
  <c r="AC38555" i="1"/>
  <c r="AC38556" i="1"/>
  <c r="AC38557" i="1"/>
  <c r="AC38558" i="1"/>
  <c r="AC38559" i="1"/>
  <c r="AC38560" i="1"/>
  <c r="AC38561" i="1"/>
  <c r="AC38562" i="1"/>
  <c r="AC38563" i="1"/>
  <c r="AD38563" i="1" s="1"/>
  <c r="AC38564" i="1"/>
  <c r="AC38565" i="1"/>
  <c r="AC38566" i="1"/>
  <c r="AC38567" i="1"/>
  <c r="AC38568" i="1"/>
  <c r="AC38569" i="1"/>
  <c r="AC38570" i="1"/>
  <c r="AC38571" i="1"/>
  <c r="AC38572" i="1"/>
  <c r="AC38573" i="1"/>
  <c r="AC38574" i="1"/>
  <c r="AC38575" i="1"/>
  <c r="AD38575" i="1" s="1"/>
  <c r="AC38576" i="1"/>
  <c r="AC38577" i="1"/>
  <c r="AC38578" i="1"/>
  <c r="AC38579" i="1"/>
  <c r="AC38580" i="1"/>
  <c r="AC38581" i="1"/>
  <c r="AC38582" i="1"/>
  <c r="AC38583" i="1"/>
  <c r="AC38584" i="1"/>
  <c r="AC38585" i="1"/>
  <c r="AC38586" i="1"/>
  <c r="AC38587" i="1"/>
  <c r="AD38587" i="1" s="1"/>
  <c r="AC38588" i="1"/>
  <c r="AC38589" i="1"/>
  <c r="AC38590" i="1"/>
  <c r="AC38591" i="1"/>
  <c r="AC38592" i="1"/>
  <c r="AC38593" i="1"/>
  <c r="AC38594" i="1"/>
  <c r="AC38595" i="1"/>
  <c r="AC38596" i="1"/>
  <c r="AC38597" i="1"/>
  <c r="AC38598" i="1"/>
  <c r="AC38599" i="1"/>
  <c r="AD38599" i="1" s="1"/>
  <c r="AC38600" i="1"/>
  <c r="AC38601" i="1"/>
  <c r="AC38602" i="1"/>
  <c r="AC38603" i="1"/>
  <c r="AC38604" i="1"/>
  <c r="AC38605" i="1"/>
  <c r="AC38606" i="1"/>
  <c r="AC38607" i="1"/>
  <c r="AC38608" i="1"/>
  <c r="AC38609" i="1"/>
  <c r="AC38610" i="1"/>
  <c r="AC38611" i="1"/>
  <c r="AD38611" i="1" s="1"/>
  <c r="AC38612" i="1"/>
  <c r="AC38613" i="1"/>
  <c r="AC38614" i="1"/>
  <c r="AC38615" i="1"/>
  <c r="AC38616" i="1"/>
  <c r="AC38617" i="1"/>
  <c r="AC38618" i="1"/>
  <c r="AC38619" i="1"/>
  <c r="AC38620" i="1"/>
  <c r="AC38621" i="1"/>
  <c r="AC38622" i="1"/>
  <c r="AC38623" i="1"/>
  <c r="AD38623" i="1" s="1"/>
  <c r="AC38624" i="1"/>
  <c r="AC38625" i="1"/>
  <c r="AC38626" i="1"/>
  <c r="AC38627" i="1"/>
  <c r="AC38628" i="1"/>
  <c r="AC38629" i="1"/>
  <c r="AC38630" i="1"/>
  <c r="AC38631" i="1"/>
  <c r="AC38632" i="1"/>
  <c r="AC38633" i="1"/>
  <c r="AC38634" i="1"/>
  <c r="AC38635" i="1"/>
  <c r="AD38635" i="1" s="1"/>
  <c r="AC38636" i="1"/>
  <c r="AC38637" i="1"/>
  <c r="AC38638" i="1"/>
  <c r="AC38639" i="1"/>
  <c r="AC38640" i="1"/>
  <c r="AC38641" i="1"/>
  <c r="AC38642" i="1"/>
  <c r="AC38643" i="1"/>
  <c r="AC38644" i="1"/>
  <c r="AC38645" i="1"/>
  <c r="AC38646" i="1"/>
  <c r="AC38647" i="1"/>
  <c r="AD38647" i="1" s="1"/>
  <c r="AC38648" i="1"/>
  <c r="AC38649" i="1"/>
  <c r="AC38650" i="1"/>
  <c r="AC38651" i="1"/>
  <c r="AC38652" i="1"/>
  <c r="AC38653" i="1"/>
  <c r="AC38654" i="1"/>
  <c r="AC38655" i="1"/>
  <c r="AC38656" i="1"/>
  <c r="AC38657" i="1"/>
  <c r="AC38658" i="1"/>
  <c r="AC38659" i="1"/>
  <c r="AD38659" i="1" s="1"/>
  <c r="AC38660" i="1"/>
  <c r="AC38661" i="1"/>
  <c r="AC38662" i="1"/>
  <c r="AC38663" i="1"/>
  <c r="AC38664" i="1"/>
  <c r="AC38665" i="1"/>
  <c r="AC38666" i="1"/>
  <c r="AC38667" i="1"/>
  <c r="AC38668" i="1"/>
  <c r="AC38669" i="1"/>
  <c r="AC38670" i="1"/>
  <c r="AC38671" i="1"/>
  <c r="AD38671" i="1" s="1"/>
  <c r="AC38672" i="1"/>
  <c r="AC38673" i="1"/>
  <c r="AC38674" i="1"/>
  <c r="AC38675" i="1"/>
  <c r="AC38676" i="1"/>
  <c r="AC38677" i="1"/>
  <c r="AC38678" i="1"/>
  <c r="AC38679" i="1"/>
  <c r="AC38680" i="1"/>
  <c r="AC38681" i="1"/>
  <c r="AC38682" i="1"/>
  <c r="AC38683" i="1"/>
  <c r="AD38683" i="1" s="1"/>
  <c r="AC38684" i="1"/>
  <c r="AC38685" i="1"/>
  <c r="AC38686" i="1"/>
  <c r="AC38687" i="1"/>
  <c r="AC38688" i="1"/>
  <c r="AC38689" i="1"/>
  <c r="AC38690" i="1"/>
  <c r="AC38691" i="1"/>
  <c r="AC38692" i="1"/>
  <c r="AC38693" i="1"/>
  <c r="AC38694" i="1"/>
  <c r="AC38695" i="1"/>
  <c r="AD38695" i="1" s="1"/>
  <c r="AC38696" i="1"/>
  <c r="AC38697" i="1"/>
  <c r="AC38698" i="1"/>
  <c r="AC38699" i="1"/>
  <c r="AC38700" i="1"/>
  <c r="AC38701" i="1"/>
  <c r="AC38702" i="1"/>
  <c r="AC38703" i="1"/>
  <c r="AC38704" i="1"/>
  <c r="AC38705" i="1"/>
  <c r="AC38706" i="1"/>
  <c r="AC38707" i="1"/>
  <c r="AD38707" i="1" s="1"/>
  <c r="AC38708" i="1"/>
  <c r="AC38709" i="1"/>
  <c r="AC38710" i="1"/>
  <c r="AC38711" i="1"/>
  <c r="AC38712" i="1"/>
  <c r="AC38713" i="1"/>
  <c r="AC38714" i="1"/>
  <c r="AC38715" i="1"/>
  <c r="AC38716" i="1"/>
  <c r="AC38717" i="1"/>
  <c r="AC38718" i="1"/>
  <c r="AC38719" i="1"/>
  <c r="AD38719" i="1" s="1"/>
  <c r="AC38720" i="1"/>
  <c r="AC38721" i="1"/>
  <c r="AC38722" i="1"/>
  <c r="AC38723" i="1"/>
  <c r="AC38724" i="1"/>
  <c r="AC38725" i="1"/>
  <c r="AC38726" i="1"/>
  <c r="AC38727" i="1"/>
  <c r="AC38728" i="1"/>
  <c r="AC38729" i="1"/>
  <c r="AC38730" i="1"/>
  <c r="AC38731" i="1"/>
  <c r="AD38731" i="1" s="1"/>
  <c r="AC38732" i="1"/>
  <c r="AC38733" i="1"/>
  <c r="AC38734" i="1"/>
  <c r="AC38735" i="1"/>
  <c r="AC38736" i="1"/>
  <c r="AC38737" i="1"/>
  <c r="AC38738" i="1"/>
  <c r="AC38739" i="1"/>
  <c r="AC38740" i="1"/>
  <c r="AC38741" i="1"/>
  <c r="AC38742" i="1"/>
  <c r="AC38743" i="1"/>
  <c r="AD38743" i="1" s="1"/>
  <c r="AC38744" i="1"/>
  <c r="AC38745" i="1"/>
  <c r="AC38746" i="1"/>
  <c r="AC38747" i="1"/>
  <c r="AC38748" i="1"/>
  <c r="AC38749" i="1"/>
  <c r="AC38750" i="1"/>
  <c r="AC38751" i="1"/>
  <c r="AC38752" i="1"/>
  <c r="AC38753" i="1"/>
  <c r="AC38754" i="1"/>
  <c r="AC38755" i="1"/>
  <c r="AD38755" i="1" s="1"/>
  <c r="AC38756" i="1"/>
  <c r="AC38757" i="1"/>
  <c r="AC38758" i="1"/>
  <c r="AC38759" i="1"/>
  <c r="AC38760" i="1"/>
  <c r="AC38761" i="1"/>
  <c r="AC38762" i="1"/>
  <c r="AC38763" i="1"/>
  <c r="AC38764" i="1"/>
  <c r="AC38765" i="1"/>
  <c r="AC38766" i="1"/>
  <c r="AC38767" i="1"/>
  <c r="AD38767" i="1" s="1"/>
  <c r="AC38768" i="1"/>
  <c r="AC38769" i="1"/>
  <c r="AC38770" i="1"/>
  <c r="AC38771" i="1"/>
  <c r="AC38772" i="1"/>
  <c r="AC38773" i="1"/>
  <c r="AC38774" i="1"/>
  <c r="AC38775" i="1"/>
  <c r="AC38776" i="1"/>
  <c r="AC38777" i="1"/>
  <c r="AC38778" i="1"/>
  <c r="AC38779" i="1"/>
  <c r="AD38779" i="1" s="1"/>
  <c r="AC38780" i="1"/>
  <c r="AC38781" i="1"/>
  <c r="AC38782" i="1"/>
  <c r="AC38783" i="1"/>
  <c r="AC38784" i="1"/>
  <c r="AC38785" i="1"/>
  <c r="AC38786" i="1"/>
  <c r="AC38787" i="1"/>
  <c r="AC38788" i="1"/>
  <c r="AC38789" i="1"/>
  <c r="AC38790" i="1"/>
  <c r="AC38791" i="1"/>
  <c r="AD38791" i="1" s="1"/>
  <c r="AC38792" i="1"/>
  <c r="AC38793" i="1"/>
  <c r="AC38794" i="1"/>
  <c r="AC38795" i="1"/>
  <c r="AC38796" i="1"/>
  <c r="AC38797" i="1"/>
  <c r="AC38798" i="1"/>
  <c r="AC38799" i="1"/>
  <c r="AC38800" i="1"/>
  <c r="AC38801" i="1"/>
  <c r="AC38802" i="1"/>
  <c r="AC38803" i="1"/>
  <c r="AD38803" i="1" s="1"/>
  <c r="AC38804" i="1"/>
  <c r="AC38805" i="1"/>
  <c r="AC38806" i="1"/>
  <c r="AC38807" i="1"/>
  <c r="AC38808" i="1"/>
  <c r="AC38809" i="1"/>
  <c r="AC38810" i="1"/>
  <c r="AC38811" i="1"/>
  <c r="AC38812" i="1"/>
  <c r="AC38813" i="1"/>
  <c r="AC38814" i="1"/>
  <c r="AC38815" i="1"/>
  <c r="AD38815" i="1" s="1"/>
  <c r="AC38816" i="1"/>
  <c r="AC38817" i="1"/>
  <c r="AC38818" i="1"/>
  <c r="AC38819" i="1"/>
  <c r="AC38820" i="1"/>
  <c r="AC38821" i="1"/>
  <c r="AC38822" i="1"/>
  <c r="AC38823" i="1"/>
  <c r="AC38824" i="1"/>
  <c r="AC38825" i="1"/>
  <c r="AC38826" i="1"/>
  <c r="AC38827" i="1"/>
  <c r="AD38827" i="1" s="1"/>
  <c r="AC38828" i="1"/>
  <c r="AC38829" i="1"/>
  <c r="AC38830" i="1"/>
  <c r="AC38831" i="1"/>
  <c r="AC38832" i="1"/>
  <c r="AC38833" i="1"/>
  <c r="AC38834" i="1"/>
  <c r="AC38835" i="1"/>
  <c r="AC38836" i="1"/>
  <c r="AC38837" i="1"/>
  <c r="AC38838" i="1"/>
  <c r="AC38839" i="1"/>
  <c r="AD38839" i="1" s="1"/>
  <c r="AC38840" i="1"/>
  <c r="AC38841" i="1"/>
  <c r="AC38842" i="1"/>
  <c r="AC38843" i="1"/>
  <c r="AC38844" i="1"/>
  <c r="AC38845" i="1"/>
  <c r="AC38846" i="1"/>
  <c r="AC38847" i="1"/>
  <c r="AC38848" i="1"/>
  <c r="AC38849" i="1"/>
  <c r="AC38850" i="1"/>
  <c r="AC38851" i="1"/>
  <c r="AD38851" i="1" s="1"/>
  <c r="AC38852" i="1"/>
  <c r="AC38853" i="1"/>
  <c r="AC38854" i="1"/>
  <c r="AC38855" i="1"/>
  <c r="AC38856" i="1"/>
  <c r="AC38857" i="1"/>
  <c r="AC38858" i="1"/>
  <c r="AC38859" i="1"/>
  <c r="AC38860" i="1"/>
  <c r="AC38861" i="1"/>
  <c r="AC38862" i="1"/>
  <c r="AC38863" i="1"/>
  <c r="AD38863" i="1" s="1"/>
  <c r="AC38864" i="1"/>
  <c r="AC38865" i="1"/>
  <c r="AC38866" i="1"/>
  <c r="AC38867" i="1"/>
  <c r="AC38868" i="1"/>
  <c r="AC38869" i="1"/>
  <c r="AC38870" i="1"/>
  <c r="AC38871" i="1"/>
  <c r="AC38872" i="1"/>
  <c r="AC38873" i="1"/>
  <c r="AC38874" i="1"/>
  <c r="AC38875" i="1"/>
  <c r="AD38875" i="1" s="1"/>
  <c r="AC38876" i="1"/>
  <c r="AC38877" i="1"/>
  <c r="AC38878" i="1"/>
  <c r="AC38879" i="1"/>
  <c r="AC38880" i="1"/>
  <c r="AC38881" i="1"/>
  <c r="AC38882" i="1"/>
  <c r="AC38883" i="1"/>
  <c r="AC38884" i="1"/>
  <c r="AC38885" i="1"/>
  <c r="AC38886" i="1"/>
  <c r="AC38887" i="1"/>
  <c r="AD38887" i="1" s="1"/>
  <c r="AC38888" i="1"/>
  <c r="AC38889" i="1"/>
  <c r="AC38890" i="1"/>
  <c r="AC38891" i="1"/>
  <c r="AC38892" i="1"/>
  <c r="AC38893" i="1"/>
  <c r="AC38894" i="1"/>
  <c r="AC38895" i="1"/>
  <c r="AC38896" i="1"/>
  <c r="AC38897" i="1"/>
  <c r="AC38898" i="1"/>
  <c r="AC38899" i="1"/>
  <c r="AD38899" i="1" s="1"/>
  <c r="AC38900" i="1"/>
  <c r="AC38901" i="1"/>
  <c r="AC38902" i="1"/>
  <c r="AC38903" i="1"/>
  <c r="AC38904" i="1"/>
  <c r="AC38905" i="1"/>
  <c r="AC38906" i="1"/>
  <c r="AC38907" i="1"/>
  <c r="AC38908" i="1"/>
  <c r="AC38909" i="1"/>
  <c r="AC38910" i="1"/>
  <c r="AC38911" i="1"/>
  <c r="AD38911" i="1" s="1"/>
  <c r="AC38912" i="1"/>
  <c r="AC38913" i="1"/>
  <c r="AC38914" i="1"/>
  <c r="AC38915" i="1"/>
  <c r="AC38916" i="1"/>
  <c r="AC38917" i="1"/>
  <c r="AC38918" i="1"/>
  <c r="AC38919" i="1"/>
  <c r="AC38920" i="1"/>
  <c r="AC38921" i="1"/>
  <c r="AC38922" i="1"/>
  <c r="AC38923" i="1"/>
  <c r="AD38923" i="1" s="1"/>
  <c r="AC38924" i="1"/>
  <c r="AC38925" i="1"/>
  <c r="AC38926" i="1"/>
  <c r="AC38927" i="1"/>
  <c r="AC38928" i="1"/>
  <c r="AC38929" i="1"/>
  <c r="AC38930" i="1"/>
  <c r="AC38931" i="1"/>
  <c r="AC38932" i="1"/>
  <c r="AC38933" i="1"/>
  <c r="AC38934" i="1"/>
  <c r="AC38935" i="1"/>
  <c r="AD38935" i="1" s="1"/>
  <c r="AC38936" i="1"/>
  <c r="AC38937" i="1"/>
  <c r="AC38938" i="1"/>
  <c r="AC38939" i="1"/>
  <c r="AC38940" i="1"/>
  <c r="AC38941" i="1"/>
  <c r="AC38942" i="1"/>
  <c r="AC38943" i="1"/>
  <c r="AC38944" i="1"/>
  <c r="AC38945" i="1"/>
  <c r="AC38946" i="1"/>
  <c r="AC38947" i="1"/>
  <c r="AD38947" i="1" s="1"/>
  <c r="AC38948" i="1"/>
  <c r="AC38949" i="1"/>
  <c r="AC38950" i="1"/>
  <c r="AC38951" i="1"/>
  <c r="AC38952" i="1"/>
  <c r="AC38953" i="1"/>
  <c r="AC38954" i="1"/>
  <c r="AC38955" i="1"/>
  <c r="AC38956" i="1"/>
  <c r="AC38957" i="1"/>
  <c r="AC38958" i="1"/>
  <c r="AC38959" i="1"/>
  <c r="AD38959" i="1" s="1"/>
  <c r="AC38960" i="1"/>
  <c r="AC38961" i="1"/>
  <c r="AC38962" i="1"/>
  <c r="AC38963" i="1"/>
  <c r="AC38964" i="1"/>
  <c r="AC38965" i="1"/>
  <c r="AC38966" i="1"/>
  <c r="AC38967" i="1"/>
  <c r="AC38968" i="1"/>
  <c r="AC38969" i="1"/>
  <c r="AC38970" i="1"/>
  <c r="AC38971" i="1"/>
  <c r="AD38971" i="1" s="1"/>
  <c r="AC38972" i="1"/>
  <c r="AC38973" i="1"/>
  <c r="AC38974" i="1"/>
  <c r="AC38975" i="1"/>
  <c r="AC38976" i="1"/>
  <c r="AC38977" i="1"/>
  <c r="AC38978" i="1"/>
  <c r="AC38979" i="1"/>
  <c r="AC38980" i="1"/>
  <c r="AC38981" i="1"/>
  <c r="AC38982" i="1"/>
  <c r="AC38983" i="1"/>
  <c r="AD38983" i="1" s="1"/>
  <c r="AC38984" i="1"/>
  <c r="AC38985" i="1"/>
  <c r="AC38986" i="1"/>
  <c r="AC38987" i="1"/>
  <c r="AC38988" i="1"/>
  <c r="AC38989" i="1"/>
  <c r="AC38990" i="1"/>
  <c r="AC38991" i="1"/>
  <c r="AC38992" i="1"/>
  <c r="AC38993" i="1"/>
  <c r="AC38994" i="1"/>
  <c r="AC38995" i="1"/>
  <c r="AD38995" i="1" s="1"/>
  <c r="AC38996" i="1"/>
  <c r="AC38997" i="1"/>
  <c r="AC38998" i="1"/>
  <c r="AC38999" i="1"/>
  <c r="AC39000" i="1"/>
  <c r="AC39001" i="1"/>
  <c r="AC39002" i="1"/>
  <c r="AC39003" i="1"/>
  <c r="AC39004" i="1"/>
  <c r="AC39005" i="1"/>
  <c r="AC39006" i="1"/>
  <c r="AC39007" i="1"/>
  <c r="AD39007" i="1" s="1"/>
  <c r="AC39008" i="1"/>
  <c r="AC39009" i="1"/>
  <c r="AC39010" i="1"/>
  <c r="AC39011" i="1"/>
  <c r="AC39012" i="1"/>
  <c r="AC39013" i="1"/>
  <c r="AC39014" i="1"/>
  <c r="AC39015" i="1"/>
  <c r="AC39016" i="1"/>
  <c r="AC39017" i="1"/>
  <c r="AC39018" i="1"/>
  <c r="AC39019" i="1"/>
  <c r="AD39019" i="1" s="1"/>
  <c r="AC39020" i="1"/>
  <c r="AC39021" i="1"/>
  <c r="AC39022" i="1"/>
  <c r="AC39023" i="1"/>
  <c r="AC39024" i="1"/>
  <c r="AC39025" i="1"/>
  <c r="AC39026" i="1"/>
  <c r="AC39027" i="1"/>
  <c r="AC39028" i="1"/>
  <c r="AC39029" i="1"/>
  <c r="AC39030" i="1"/>
  <c r="AC39031" i="1"/>
  <c r="AD39031" i="1" s="1"/>
  <c r="AC39032" i="1"/>
  <c r="AC39033" i="1"/>
  <c r="AC39034" i="1"/>
  <c r="AC39035" i="1"/>
  <c r="AC39036" i="1"/>
  <c r="AC39037" i="1"/>
  <c r="AC39038" i="1"/>
  <c r="AC39039" i="1"/>
  <c r="AC39040" i="1"/>
  <c r="AC39041" i="1"/>
  <c r="AC39042" i="1"/>
  <c r="AC39043" i="1"/>
  <c r="AD39043" i="1" s="1"/>
  <c r="AC39044" i="1"/>
  <c r="AC39045" i="1"/>
  <c r="AC39046" i="1"/>
  <c r="AC39047" i="1"/>
  <c r="AC39048" i="1"/>
  <c r="AC39049" i="1"/>
  <c r="AC39050" i="1"/>
  <c r="AC39051" i="1"/>
  <c r="AC39052" i="1"/>
  <c r="AC39053" i="1"/>
  <c r="AC39054" i="1"/>
  <c r="AC39055" i="1"/>
  <c r="AD39055" i="1" s="1"/>
  <c r="AC39056" i="1"/>
  <c r="AC39057" i="1"/>
  <c r="AC39058" i="1"/>
  <c r="AC39059" i="1"/>
  <c r="AC39060" i="1"/>
  <c r="AC39061" i="1"/>
  <c r="AC39062" i="1"/>
  <c r="AC39063" i="1"/>
  <c r="AC39064" i="1"/>
  <c r="AC39065" i="1"/>
  <c r="AC39066" i="1"/>
  <c r="AC39067" i="1"/>
  <c r="AD39067" i="1" s="1"/>
  <c r="AC39068" i="1"/>
  <c r="AC39069" i="1"/>
  <c r="AC39070" i="1"/>
  <c r="AC39071" i="1"/>
  <c r="AC39072" i="1"/>
  <c r="AC39073" i="1"/>
  <c r="AC39074" i="1"/>
  <c r="AC39075" i="1"/>
  <c r="AC39076" i="1"/>
  <c r="AC39077" i="1"/>
  <c r="AC39078" i="1"/>
  <c r="AC39079" i="1"/>
  <c r="AD39079" i="1" s="1"/>
  <c r="AC39080" i="1"/>
  <c r="AC39081" i="1"/>
  <c r="AC39082" i="1"/>
  <c r="AC39083" i="1"/>
  <c r="AC39084" i="1"/>
  <c r="AC39085" i="1"/>
  <c r="AC39086" i="1"/>
  <c r="AC39087" i="1"/>
  <c r="AC39088" i="1"/>
  <c r="AC39089" i="1"/>
  <c r="AC39090" i="1"/>
  <c r="AC39091" i="1"/>
  <c r="AD39091" i="1" s="1"/>
  <c r="AC39092" i="1"/>
  <c r="AC39093" i="1"/>
  <c r="AC39094" i="1"/>
  <c r="AC39095" i="1"/>
  <c r="AC39096" i="1"/>
  <c r="AC39097" i="1"/>
  <c r="AC39098" i="1"/>
  <c r="AC39099" i="1"/>
  <c r="AC39100" i="1"/>
  <c r="AC39101" i="1"/>
  <c r="AC39102" i="1"/>
  <c r="AC39103" i="1"/>
  <c r="AD39103" i="1" s="1"/>
  <c r="AC39104" i="1"/>
  <c r="AC39105" i="1"/>
  <c r="AC39106" i="1"/>
  <c r="AC39107" i="1"/>
  <c r="AC39108" i="1"/>
  <c r="AC39109" i="1"/>
  <c r="AC39110" i="1"/>
  <c r="AC39111" i="1"/>
  <c r="AC39112" i="1"/>
  <c r="AC39113" i="1"/>
  <c r="AC39114" i="1"/>
  <c r="AC39115" i="1"/>
  <c r="AD39115" i="1" s="1"/>
  <c r="AC39116" i="1"/>
  <c r="AC39117" i="1"/>
  <c r="AC39118" i="1"/>
  <c r="AC39119" i="1"/>
  <c r="AC39120" i="1"/>
  <c r="AC39121" i="1"/>
  <c r="AC39122" i="1"/>
  <c r="AC39123" i="1"/>
  <c r="AC39124" i="1"/>
  <c r="AC39125" i="1"/>
  <c r="AC39126" i="1"/>
  <c r="AC39127" i="1"/>
  <c r="AD39127" i="1" s="1"/>
  <c r="AC39128" i="1"/>
  <c r="AC39129" i="1"/>
  <c r="AC39130" i="1"/>
  <c r="AC39131" i="1"/>
  <c r="AC39132" i="1"/>
  <c r="AC39133" i="1"/>
  <c r="AC39134" i="1"/>
  <c r="AC39135" i="1"/>
  <c r="AC39136" i="1"/>
  <c r="AC39137" i="1"/>
  <c r="AC39138" i="1"/>
  <c r="AC39139" i="1"/>
  <c r="AD39139" i="1" s="1"/>
  <c r="AC39140" i="1"/>
  <c r="AC39141" i="1"/>
  <c r="AC39142" i="1"/>
  <c r="AC39143" i="1"/>
  <c r="AC39144" i="1"/>
  <c r="AC39145" i="1"/>
  <c r="AC39146" i="1"/>
  <c r="AC39147" i="1"/>
  <c r="AC39148" i="1"/>
  <c r="AC39149" i="1"/>
  <c r="AC39150" i="1"/>
  <c r="AC39151" i="1"/>
  <c r="AD39151" i="1" s="1"/>
  <c r="AC39152" i="1"/>
  <c r="AC39153" i="1"/>
  <c r="AC39154" i="1"/>
  <c r="AC39155" i="1"/>
  <c r="AC39156" i="1"/>
  <c r="AC39157" i="1"/>
  <c r="AC39158" i="1"/>
  <c r="AC39159" i="1"/>
  <c r="AC39160" i="1"/>
  <c r="AC39161" i="1"/>
  <c r="AC39162" i="1"/>
  <c r="AC39163" i="1"/>
  <c r="AD39163" i="1" s="1"/>
  <c r="AC39164" i="1"/>
  <c r="AC39165" i="1"/>
  <c r="AC39166" i="1"/>
  <c r="AC39167" i="1"/>
  <c r="AC39168" i="1"/>
  <c r="AC39169" i="1"/>
  <c r="AC39170" i="1"/>
  <c r="AC39171" i="1"/>
  <c r="AC39172" i="1"/>
  <c r="AC39173" i="1"/>
  <c r="AC39174" i="1"/>
  <c r="AC39175" i="1"/>
  <c r="AD39175" i="1" s="1"/>
  <c r="AC39176" i="1"/>
  <c r="AC39177" i="1"/>
  <c r="AC39178" i="1"/>
  <c r="AC39179" i="1"/>
  <c r="AC39180" i="1"/>
  <c r="AC39181" i="1"/>
  <c r="AC39182" i="1"/>
  <c r="AC39183" i="1"/>
  <c r="AC39184" i="1"/>
  <c r="AC39185" i="1"/>
  <c r="AC39186" i="1"/>
  <c r="AC39187" i="1"/>
  <c r="AD39187" i="1" s="1"/>
  <c r="AC39188" i="1"/>
  <c r="AC39189" i="1"/>
  <c r="AC39190" i="1"/>
  <c r="AC39191" i="1"/>
  <c r="AC39192" i="1"/>
  <c r="AC39193" i="1"/>
  <c r="AC39194" i="1"/>
  <c r="AC39195" i="1"/>
  <c r="AC39196" i="1"/>
  <c r="AC39197" i="1"/>
  <c r="AC39198" i="1"/>
  <c r="AC39199" i="1"/>
  <c r="AD39199" i="1" s="1"/>
  <c r="AC39200" i="1"/>
  <c r="AC39201" i="1"/>
  <c r="AC39202" i="1"/>
  <c r="AC39203" i="1"/>
  <c r="AC39204" i="1"/>
  <c r="AC39205" i="1"/>
  <c r="AC39206" i="1"/>
  <c r="AC39207" i="1"/>
  <c r="AC39208" i="1"/>
  <c r="AC39209" i="1"/>
  <c r="AC39210" i="1"/>
  <c r="AC39211" i="1"/>
  <c r="AD39211" i="1" s="1"/>
  <c r="AC39212" i="1"/>
  <c r="AC39213" i="1"/>
  <c r="AC39214" i="1"/>
  <c r="AC39215" i="1"/>
  <c r="AC39216" i="1"/>
  <c r="AC39217" i="1"/>
  <c r="AC39218" i="1"/>
  <c r="AC39219" i="1"/>
  <c r="AC39220" i="1"/>
  <c r="AC39221" i="1"/>
  <c r="AC39222" i="1"/>
  <c r="AC39223" i="1"/>
  <c r="AD39223" i="1" s="1"/>
  <c r="AC39224" i="1"/>
  <c r="AC39225" i="1"/>
  <c r="AC39226" i="1"/>
  <c r="AC39227" i="1"/>
  <c r="AC39228" i="1"/>
  <c r="AC39229" i="1"/>
  <c r="AC39230" i="1"/>
  <c r="AC39231" i="1"/>
  <c r="AC39232" i="1"/>
  <c r="AC39233" i="1"/>
  <c r="AC39234" i="1"/>
  <c r="AC39235" i="1"/>
  <c r="AD39235" i="1" s="1"/>
  <c r="AC39236" i="1"/>
  <c r="AC39237" i="1"/>
  <c r="AC39238" i="1"/>
  <c r="AC39239" i="1"/>
  <c r="AC39240" i="1"/>
  <c r="AC39241" i="1"/>
  <c r="AC39242" i="1"/>
  <c r="AC39243" i="1"/>
  <c r="AC39244" i="1"/>
  <c r="AC39245" i="1"/>
  <c r="AC39246" i="1"/>
  <c r="AC39247" i="1"/>
  <c r="AD39247" i="1" s="1"/>
  <c r="AC39248" i="1"/>
  <c r="AC39249" i="1"/>
  <c r="AC39250" i="1"/>
  <c r="AC39251" i="1"/>
  <c r="AC39252" i="1"/>
  <c r="AC39253" i="1"/>
  <c r="AC39254" i="1"/>
  <c r="AC39255" i="1"/>
  <c r="AC39256" i="1"/>
  <c r="AC39257" i="1"/>
  <c r="AC39258" i="1"/>
  <c r="AC39259" i="1"/>
  <c r="AD39259" i="1" s="1"/>
  <c r="AC39260" i="1"/>
  <c r="AC39261" i="1"/>
  <c r="AC39262" i="1"/>
  <c r="AC39263" i="1"/>
  <c r="AC39264" i="1"/>
  <c r="AC39265" i="1"/>
  <c r="AC39266" i="1"/>
  <c r="AC39267" i="1"/>
  <c r="AC39268" i="1"/>
  <c r="AC39269" i="1"/>
  <c r="AC39270" i="1"/>
  <c r="AC39271" i="1"/>
  <c r="AD39271" i="1" s="1"/>
  <c r="AC39272" i="1"/>
  <c r="AC39273" i="1"/>
  <c r="AC39274" i="1"/>
  <c r="AC39275" i="1"/>
  <c r="AC39276" i="1"/>
  <c r="AC39277" i="1"/>
  <c r="AC39278" i="1"/>
  <c r="AC39279" i="1"/>
  <c r="AC39280" i="1"/>
  <c r="AC39281" i="1"/>
  <c r="AC39282" i="1"/>
  <c r="AC39283" i="1"/>
  <c r="AD39283" i="1" s="1"/>
  <c r="AC39284" i="1"/>
  <c r="AC39285" i="1"/>
  <c r="AC39286" i="1"/>
  <c r="AC39287" i="1"/>
  <c r="AC39288" i="1"/>
  <c r="AC39289" i="1"/>
  <c r="AC39290" i="1"/>
  <c r="AC39291" i="1"/>
  <c r="AC39292" i="1"/>
  <c r="AC39293" i="1"/>
  <c r="AC39294" i="1"/>
  <c r="AC39295" i="1"/>
  <c r="AD39295" i="1" s="1"/>
  <c r="AC39296" i="1"/>
  <c r="AC39297" i="1"/>
  <c r="AC39298" i="1"/>
  <c r="AC39299" i="1"/>
  <c r="AC39300" i="1"/>
  <c r="AC39301" i="1"/>
  <c r="AC39302" i="1"/>
  <c r="AC39303" i="1"/>
  <c r="AC39304" i="1"/>
  <c r="AC39305" i="1"/>
  <c r="AC39306" i="1"/>
  <c r="AC39307" i="1"/>
  <c r="AD39307" i="1" s="1"/>
  <c r="AC39308" i="1"/>
  <c r="AC39309" i="1"/>
  <c r="AC39310" i="1"/>
  <c r="AC39311" i="1"/>
  <c r="AC39312" i="1"/>
  <c r="AC39313" i="1"/>
  <c r="AC39314" i="1"/>
  <c r="AC39315" i="1"/>
  <c r="AC39316" i="1"/>
  <c r="AC39317" i="1"/>
  <c r="AC39318" i="1"/>
  <c r="AC39319" i="1"/>
  <c r="AD39319" i="1" s="1"/>
  <c r="AC39320" i="1"/>
  <c r="AC39321" i="1"/>
  <c r="AC39322" i="1"/>
  <c r="AC39323" i="1"/>
  <c r="AC39324" i="1"/>
  <c r="AC39325" i="1"/>
  <c r="AC39326" i="1"/>
  <c r="AC39327" i="1"/>
  <c r="AC39328" i="1"/>
  <c r="AC39329" i="1"/>
  <c r="AC39330" i="1"/>
  <c r="AC39331" i="1"/>
  <c r="AD39331" i="1" s="1"/>
  <c r="AC39332" i="1"/>
  <c r="AC39333" i="1"/>
  <c r="AC39334" i="1"/>
  <c r="AC39335" i="1"/>
  <c r="AC39336" i="1"/>
  <c r="AC39337" i="1"/>
  <c r="AC39338" i="1"/>
  <c r="AC39339" i="1"/>
  <c r="AC39340" i="1"/>
  <c r="AC39341" i="1"/>
  <c r="AC39342" i="1"/>
  <c r="AC39343" i="1"/>
  <c r="AD39343" i="1" s="1"/>
  <c r="AC39344" i="1"/>
  <c r="AC39345" i="1"/>
  <c r="AC39346" i="1"/>
  <c r="AC39347" i="1"/>
  <c r="AC39348" i="1"/>
  <c r="AC39349" i="1"/>
  <c r="AC39350" i="1"/>
  <c r="AC39351" i="1"/>
  <c r="AC39352" i="1"/>
  <c r="AC39353" i="1"/>
  <c r="AC39354" i="1"/>
  <c r="AC39355" i="1"/>
  <c r="AD39355" i="1" s="1"/>
  <c r="AC39356" i="1"/>
  <c r="AC39357" i="1"/>
  <c r="AC39358" i="1"/>
  <c r="AC39359" i="1"/>
  <c r="AC39360" i="1"/>
  <c r="AC39361" i="1"/>
  <c r="AC39362" i="1"/>
  <c r="AC39363" i="1"/>
  <c r="AC39364" i="1"/>
  <c r="AC39365" i="1"/>
  <c r="AC39366" i="1"/>
  <c r="AC39367" i="1"/>
  <c r="AD39367" i="1" s="1"/>
  <c r="AC39368" i="1"/>
  <c r="AC39369" i="1"/>
  <c r="AC39370" i="1"/>
  <c r="AC39371" i="1"/>
  <c r="AC39372" i="1"/>
  <c r="AC39373" i="1"/>
  <c r="AC39374" i="1"/>
  <c r="AC39375" i="1"/>
  <c r="AC39376" i="1"/>
  <c r="AC39377" i="1"/>
  <c r="AC39378" i="1"/>
  <c r="AC39379" i="1"/>
  <c r="AD39379" i="1" s="1"/>
  <c r="AC39380" i="1"/>
  <c r="AC39381" i="1"/>
  <c r="AC39382" i="1"/>
  <c r="AC39383" i="1"/>
  <c r="AC39384" i="1"/>
  <c r="AC39385" i="1"/>
  <c r="AC39386" i="1"/>
  <c r="AC39387" i="1"/>
  <c r="AC39388" i="1"/>
  <c r="AC39389" i="1"/>
  <c r="AC39390" i="1"/>
  <c r="AC39391" i="1"/>
  <c r="AD39391" i="1" s="1"/>
  <c r="AC39392" i="1"/>
  <c r="AC39393" i="1"/>
  <c r="AC39394" i="1"/>
  <c r="AC39395" i="1"/>
  <c r="AC39396" i="1"/>
  <c r="AC39397" i="1"/>
  <c r="AC39398" i="1"/>
  <c r="AC39399" i="1"/>
  <c r="AC39400" i="1"/>
  <c r="AC39401" i="1"/>
  <c r="AC39402" i="1"/>
  <c r="AC39403" i="1"/>
  <c r="AD39403" i="1" s="1"/>
  <c r="AC39404" i="1"/>
  <c r="AC39405" i="1"/>
  <c r="AC39406" i="1"/>
  <c r="AC39407" i="1"/>
  <c r="AC39408" i="1"/>
  <c r="AC39409" i="1"/>
  <c r="AC39410" i="1"/>
  <c r="AC39411" i="1"/>
  <c r="AC39412" i="1"/>
  <c r="AC39413" i="1"/>
  <c r="AC39414" i="1"/>
  <c r="AC39415" i="1"/>
  <c r="AD39415" i="1" s="1"/>
  <c r="AC39416" i="1"/>
  <c r="AC39417" i="1"/>
  <c r="AC39418" i="1"/>
  <c r="AC39419" i="1"/>
  <c r="AC39420" i="1"/>
  <c r="AC39421" i="1"/>
  <c r="AC39422" i="1"/>
  <c r="AC39423" i="1"/>
  <c r="AC39424" i="1"/>
  <c r="AC39425" i="1"/>
  <c r="AC39426" i="1"/>
  <c r="AC39427" i="1"/>
  <c r="AD39427" i="1" s="1"/>
  <c r="AC39428" i="1"/>
  <c r="AC39429" i="1"/>
  <c r="AC39430" i="1"/>
  <c r="AC39431" i="1"/>
  <c r="AC39432" i="1"/>
  <c r="AC39433" i="1"/>
  <c r="AC39434" i="1"/>
  <c r="AC39435" i="1"/>
  <c r="AC39436" i="1"/>
  <c r="AC39437" i="1"/>
  <c r="AC39438" i="1"/>
  <c r="AC39439" i="1"/>
  <c r="AD39439" i="1" s="1"/>
  <c r="AC39440" i="1"/>
  <c r="AC39441" i="1"/>
  <c r="AC39442" i="1"/>
  <c r="AC39443" i="1"/>
  <c r="AC39444" i="1"/>
  <c r="AC39445" i="1"/>
  <c r="AC39446" i="1"/>
  <c r="AC39447" i="1"/>
  <c r="AC39448" i="1"/>
  <c r="AC39449" i="1"/>
  <c r="AC39450" i="1"/>
  <c r="AC39451" i="1"/>
  <c r="AD39451" i="1" s="1"/>
  <c r="AC39452" i="1"/>
  <c r="AC39453" i="1"/>
  <c r="AC39454" i="1"/>
  <c r="AC39455" i="1"/>
  <c r="AC39456" i="1"/>
  <c r="AC39457" i="1"/>
  <c r="AC39458" i="1"/>
  <c r="AC39459" i="1"/>
  <c r="AC39460" i="1"/>
  <c r="AC39461" i="1"/>
  <c r="AC39462" i="1"/>
  <c r="AC39463" i="1"/>
  <c r="AD39463" i="1" s="1"/>
  <c r="AC39464" i="1"/>
  <c r="AC39465" i="1"/>
  <c r="AC39466" i="1"/>
  <c r="AC39467" i="1"/>
  <c r="AC39468" i="1"/>
  <c r="AC39469" i="1"/>
  <c r="AC39470" i="1"/>
  <c r="AC39471" i="1"/>
  <c r="AC39472" i="1"/>
  <c r="AC39473" i="1"/>
  <c r="AC39474" i="1"/>
  <c r="AC39475" i="1"/>
  <c r="AD39475" i="1" s="1"/>
  <c r="AC39476" i="1"/>
  <c r="AC39477" i="1"/>
  <c r="AC39478" i="1"/>
  <c r="AC39479" i="1"/>
  <c r="AC39480" i="1"/>
  <c r="AC39481" i="1"/>
  <c r="AC39482" i="1"/>
  <c r="AC39483" i="1"/>
  <c r="AC39484" i="1"/>
  <c r="AC39485" i="1"/>
  <c r="AC39486" i="1"/>
  <c r="AC39487" i="1"/>
  <c r="AD39487" i="1" s="1"/>
  <c r="AC39488" i="1"/>
  <c r="AC39489" i="1"/>
  <c r="AC39490" i="1"/>
  <c r="AC39491" i="1"/>
  <c r="AC39492" i="1"/>
  <c r="AC39493" i="1"/>
  <c r="AC39494" i="1"/>
  <c r="AC39495" i="1"/>
  <c r="AC39496" i="1"/>
  <c r="AC39497" i="1"/>
  <c r="AC39498" i="1"/>
  <c r="AC39499" i="1"/>
  <c r="AD39499" i="1" s="1"/>
  <c r="AC39500" i="1"/>
  <c r="AC39501" i="1"/>
  <c r="AC39502" i="1"/>
  <c r="AC39503" i="1"/>
  <c r="AC39504" i="1"/>
  <c r="AC39505" i="1"/>
  <c r="AC39506" i="1"/>
  <c r="AC39507" i="1"/>
  <c r="AC39508" i="1"/>
  <c r="AC39509" i="1"/>
  <c r="AC39510" i="1"/>
  <c r="AC39511" i="1"/>
  <c r="AD39511" i="1" s="1"/>
  <c r="AC39512" i="1"/>
  <c r="AC39513" i="1"/>
  <c r="AC39514" i="1"/>
  <c r="AC39515" i="1"/>
  <c r="AC39516" i="1"/>
  <c r="AC39517" i="1"/>
  <c r="AC39518" i="1"/>
  <c r="AC39519" i="1"/>
  <c r="AC39520" i="1"/>
  <c r="AC39521" i="1"/>
  <c r="AC39522" i="1"/>
  <c r="AC39523" i="1"/>
  <c r="AD39523" i="1" s="1"/>
  <c r="AC39524" i="1"/>
  <c r="AC39525" i="1"/>
  <c r="AC39526" i="1"/>
  <c r="AC39527" i="1"/>
  <c r="AC39528" i="1"/>
  <c r="AC39529" i="1"/>
  <c r="AC39530" i="1"/>
  <c r="AC39531" i="1"/>
  <c r="AC39532" i="1"/>
  <c r="AC39533" i="1"/>
  <c r="AC39534" i="1"/>
  <c r="AC39535" i="1"/>
  <c r="AD39535" i="1" s="1"/>
  <c r="AC39536" i="1"/>
  <c r="AC39537" i="1"/>
  <c r="AC39538" i="1"/>
  <c r="AC39539" i="1"/>
  <c r="AC39540" i="1"/>
  <c r="AC39541" i="1"/>
  <c r="AC39542" i="1"/>
  <c r="AC39543" i="1"/>
  <c r="AC39544" i="1"/>
  <c r="AC39545" i="1"/>
  <c r="AC39546" i="1"/>
  <c r="AC39547" i="1"/>
  <c r="AD39547" i="1" s="1"/>
  <c r="AC39548" i="1"/>
  <c r="AC39549" i="1"/>
  <c r="AC39550" i="1"/>
  <c r="AC39551" i="1"/>
  <c r="AC39552" i="1"/>
  <c r="AC39553" i="1"/>
  <c r="AC39554" i="1"/>
  <c r="AC39555" i="1"/>
  <c r="AC39556" i="1"/>
  <c r="AC39557" i="1"/>
  <c r="AC39558" i="1"/>
  <c r="AC39559" i="1"/>
  <c r="AD39559" i="1" s="1"/>
  <c r="AC39560" i="1"/>
  <c r="AC39561" i="1"/>
  <c r="AC39562" i="1"/>
  <c r="AC39563" i="1"/>
  <c r="AC39564" i="1"/>
  <c r="AC39565" i="1"/>
  <c r="AC39566" i="1"/>
  <c r="AC39567" i="1"/>
  <c r="AC39568" i="1"/>
  <c r="AC39569" i="1"/>
  <c r="AC39570" i="1"/>
  <c r="AC39571" i="1"/>
  <c r="AD39571" i="1" s="1"/>
  <c r="AC39572" i="1"/>
  <c r="AC39573" i="1"/>
  <c r="AC39574" i="1"/>
  <c r="AC39575" i="1"/>
  <c r="AC39576" i="1"/>
  <c r="AC39577" i="1"/>
  <c r="AC39578" i="1"/>
  <c r="AC39579" i="1"/>
  <c r="AC39580" i="1"/>
  <c r="AC39581" i="1"/>
  <c r="AC39582" i="1"/>
  <c r="AC39583" i="1"/>
  <c r="AD39583" i="1" s="1"/>
  <c r="AC39584" i="1"/>
  <c r="AC39585" i="1"/>
  <c r="AC39586" i="1"/>
  <c r="AC39587" i="1"/>
  <c r="AC39588" i="1"/>
  <c r="AC39589" i="1"/>
  <c r="AC39590" i="1"/>
  <c r="AC39591" i="1"/>
  <c r="AC39592" i="1"/>
  <c r="AC39593" i="1"/>
  <c r="AC39594" i="1"/>
  <c r="AC39595" i="1"/>
  <c r="AD39595" i="1" s="1"/>
  <c r="AC39596" i="1"/>
  <c r="AC39597" i="1"/>
  <c r="AC39598" i="1"/>
  <c r="AC39599" i="1"/>
  <c r="AC39600" i="1"/>
  <c r="AC39601" i="1"/>
  <c r="AC39602" i="1"/>
  <c r="AC39603" i="1"/>
  <c r="AC39604" i="1"/>
  <c r="AC39605" i="1"/>
  <c r="AC39606" i="1"/>
  <c r="AC39607" i="1"/>
  <c r="AD39607" i="1" s="1"/>
  <c r="AC39608" i="1"/>
  <c r="AC39609" i="1"/>
  <c r="AC39610" i="1"/>
  <c r="AC39611" i="1"/>
  <c r="AC39612" i="1"/>
  <c r="AC39613" i="1"/>
  <c r="AC39614" i="1"/>
  <c r="AC39615" i="1"/>
  <c r="AC39616" i="1"/>
  <c r="AC39617" i="1"/>
  <c r="AC39618" i="1"/>
  <c r="AC39619" i="1"/>
  <c r="AD39619" i="1" s="1"/>
  <c r="AC39620" i="1"/>
  <c r="AC39621" i="1"/>
  <c r="AC39622" i="1"/>
  <c r="AC39623" i="1"/>
  <c r="AC39624" i="1"/>
  <c r="AC39625" i="1"/>
  <c r="AC39626" i="1"/>
  <c r="AC39627" i="1"/>
  <c r="AC39628" i="1"/>
  <c r="AC39629" i="1"/>
  <c r="AC39630" i="1"/>
  <c r="AC39631" i="1"/>
  <c r="AD39631" i="1" s="1"/>
  <c r="AC39632" i="1"/>
  <c r="AC39633" i="1"/>
  <c r="AC39634" i="1"/>
  <c r="AC39635" i="1"/>
  <c r="AC39636" i="1"/>
  <c r="AC39637" i="1"/>
  <c r="AC39638" i="1"/>
  <c r="AC39639" i="1"/>
  <c r="AC39640" i="1"/>
  <c r="AC39641" i="1"/>
  <c r="AC39642" i="1"/>
  <c r="AC39643" i="1"/>
  <c r="AD39643" i="1" s="1"/>
  <c r="AC39644" i="1"/>
  <c r="AC39645" i="1"/>
  <c r="AC39646" i="1"/>
  <c r="AC39647" i="1"/>
  <c r="AC39648" i="1"/>
  <c r="AC39649" i="1"/>
  <c r="AC39650" i="1"/>
  <c r="AC39651" i="1"/>
  <c r="AC39652" i="1"/>
  <c r="AC39653" i="1"/>
  <c r="AC39654" i="1"/>
  <c r="AC39655" i="1"/>
  <c r="AD39655" i="1" s="1"/>
  <c r="AC39656" i="1"/>
  <c r="AC39657" i="1"/>
  <c r="AC39658" i="1"/>
  <c r="AC39659" i="1"/>
  <c r="AC39660" i="1"/>
  <c r="AC39661" i="1"/>
  <c r="AC39662" i="1"/>
  <c r="AC39663" i="1"/>
  <c r="AC39664" i="1"/>
  <c r="AC39665" i="1"/>
  <c r="AC39666" i="1"/>
  <c r="AC39667" i="1"/>
  <c r="AD39667" i="1" s="1"/>
  <c r="AC39668" i="1"/>
  <c r="AC39669" i="1"/>
  <c r="AC39670" i="1"/>
  <c r="AC39671" i="1"/>
  <c r="AC39672" i="1"/>
  <c r="AC39673" i="1"/>
  <c r="AC39674" i="1"/>
  <c r="AC39675" i="1"/>
  <c r="AC39676" i="1"/>
  <c r="AC39677" i="1"/>
  <c r="AC39678" i="1"/>
  <c r="AC39679" i="1"/>
  <c r="AD39679" i="1" s="1"/>
  <c r="AC39680" i="1"/>
  <c r="AC39681" i="1"/>
  <c r="AC39682" i="1"/>
  <c r="AC39683" i="1"/>
  <c r="AC39684" i="1"/>
  <c r="AC39685" i="1"/>
  <c r="AC39686" i="1"/>
  <c r="AC39687" i="1"/>
  <c r="AC39688" i="1"/>
  <c r="AC39689" i="1"/>
  <c r="AC39690" i="1"/>
  <c r="AC39691" i="1"/>
  <c r="AD39691" i="1" s="1"/>
  <c r="AC39692" i="1"/>
  <c r="AC39693" i="1"/>
  <c r="AC39694" i="1"/>
  <c r="AC39695" i="1"/>
  <c r="AC39696" i="1"/>
  <c r="AC39697" i="1"/>
  <c r="AC39698" i="1"/>
  <c r="AC39699" i="1"/>
  <c r="AC39700" i="1"/>
  <c r="AC39701" i="1"/>
  <c r="AC39702" i="1"/>
  <c r="AC39703" i="1"/>
  <c r="AD39703" i="1" s="1"/>
  <c r="AC39704" i="1"/>
  <c r="AC39705" i="1"/>
  <c r="AC39706" i="1"/>
  <c r="AC39707" i="1"/>
  <c r="AC39708" i="1"/>
  <c r="AC39709" i="1"/>
  <c r="AC39710" i="1"/>
  <c r="AC39711" i="1"/>
  <c r="AC39712" i="1"/>
  <c r="AC39713" i="1"/>
  <c r="AC39714" i="1"/>
  <c r="AC39715" i="1"/>
  <c r="AD39715" i="1" s="1"/>
  <c r="AC39716" i="1"/>
  <c r="AC39717" i="1"/>
  <c r="AC39718" i="1"/>
  <c r="AC39719" i="1"/>
  <c r="AC39720" i="1"/>
  <c r="AC39721" i="1"/>
  <c r="AC39722" i="1"/>
  <c r="AC39723" i="1"/>
  <c r="AC39724" i="1"/>
  <c r="AC39725" i="1"/>
  <c r="AC39726" i="1"/>
  <c r="AC39727" i="1"/>
  <c r="AD39727" i="1" s="1"/>
  <c r="AC39728" i="1"/>
  <c r="AC39729" i="1"/>
  <c r="AC39730" i="1"/>
  <c r="AC39731" i="1"/>
  <c r="AC39732" i="1"/>
  <c r="AC39733" i="1"/>
  <c r="AC39734" i="1"/>
  <c r="AC39735" i="1"/>
  <c r="AC39736" i="1"/>
  <c r="AC39737" i="1"/>
  <c r="AC39738" i="1"/>
  <c r="AC39739" i="1"/>
  <c r="AD39739" i="1" s="1"/>
  <c r="AC39740" i="1"/>
  <c r="AC39741" i="1"/>
  <c r="AC39742" i="1"/>
  <c r="AC39743" i="1"/>
  <c r="AC39744" i="1"/>
  <c r="AC39745" i="1"/>
  <c r="AC39746" i="1"/>
  <c r="AC39747" i="1"/>
  <c r="AC39748" i="1"/>
  <c r="AC39749" i="1"/>
  <c r="AC39750" i="1"/>
  <c r="AC39751" i="1"/>
  <c r="AD39751" i="1" s="1"/>
  <c r="AC39752" i="1"/>
  <c r="AC39753" i="1"/>
  <c r="AC39754" i="1"/>
  <c r="AC39755" i="1"/>
  <c r="AC39756" i="1"/>
  <c r="AC39757" i="1"/>
  <c r="AC39758" i="1"/>
  <c r="AC39759" i="1"/>
  <c r="AC39760" i="1"/>
  <c r="AC39761" i="1"/>
  <c r="AC39762" i="1"/>
  <c r="AC39763" i="1"/>
  <c r="AD39763" i="1" s="1"/>
  <c r="AC39764" i="1"/>
  <c r="AC39765" i="1"/>
  <c r="AC39766" i="1"/>
  <c r="AC39767" i="1"/>
  <c r="AC39768" i="1"/>
  <c r="AC39769" i="1"/>
  <c r="AC39770" i="1"/>
  <c r="AC39771" i="1"/>
  <c r="AC39772" i="1"/>
  <c r="AC39773" i="1"/>
  <c r="AC39774" i="1"/>
  <c r="AC39775" i="1"/>
  <c r="AD39775" i="1" s="1"/>
  <c r="AC39776" i="1"/>
  <c r="AC39777" i="1"/>
  <c r="AC39778" i="1"/>
  <c r="AC39779" i="1"/>
  <c r="AC39780" i="1"/>
  <c r="AC39781" i="1"/>
  <c r="AC39782" i="1"/>
  <c r="AC39783" i="1"/>
  <c r="AC39784" i="1"/>
  <c r="AC39785" i="1"/>
  <c r="AC39786" i="1"/>
  <c r="AC39787" i="1"/>
  <c r="AD39787" i="1" s="1"/>
  <c r="AC39788" i="1"/>
  <c r="AC39789" i="1"/>
  <c r="AC39790" i="1"/>
  <c r="AC39791" i="1"/>
  <c r="AC39792" i="1"/>
  <c r="AC39793" i="1"/>
  <c r="AC39794" i="1"/>
  <c r="AC39795" i="1"/>
  <c r="AC39796" i="1"/>
  <c r="AC39797" i="1"/>
  <c r="AC39798" i="1"/>
  <c r="AC39799" i="1"/>
  <c r="AD39799" i="1" s="1"/>
  <c r="AC39800" i="1"/>
  <c r="AC39801" i="1"/>
  <c r="AC39802" i="1"/>
  <c r="AC39803" i="1"/>
  <c r="AC39804" i="1"/>
  <c r="AC39805" i="1"/>
  <c r="AC39806" i="1"/>
  <c r="AC39807" i="1"/>
  <c r="AC39808" i="1"/>
  <c r="AC39809" i="1"/>
  <c r="AC39810" i="1"/>
  <c r="AC39811" i="1"/>
  <c r="AD39811" i="1" s="1"/>
  <c r="AC39812" i="1"/>
  <c r="AC39813" i="1"/>
  <c r="AC39814" i="1"/>
  <c r="AC39815" i="1"/>
  <c r="AC39816" i="1"/>
  <c r="AC39817" i="1"/>
  <c r="AC39818" i="1"/>
  <c r="AC39819" i="1"/>
  <c r="AC39820" i="1"/>
  <c r="AC39821" i="1"/>
  <c r="AC39822" i="1"/>
  <c r="AC39823" i="1"/>
  <c r="AD39823" i="1" s="1"/>
  <c r="AC39824" i="1"/>
  <c r="AC39825" i="1"/>
  <c r="AC39826" i="1"/>
  <c r="AC39827" i="1"/>
  <c r="AC39828" i="1"/>
  <c r="AC39829" i="1"/>
  <c r="AC39830" i="1"/>
  <c r="AC39831" i="1"/>
  <c r="AC39832" i="1"/>
  <c r="AC39833" i="1"/>
  <c r="AC39834" i="1"/>
  <c r="AC39835" i="1"/>
  <c r="AD39835" i="1" s="1"/>
  <c r="AC39836" i="1"/>
  <c r="AC39837" i="1"/>
  <c r="AC39838" i="1"/>
  <c r="AC39839" i="1"/>
  <c r="AC39840" i="1"/>
  <c r="AC39841" i="1"/>
  <c r="AC39842" i="1"/>
  <c r="AC39843" i="1"/>
  <c r="AC39844" i="1"/>
  <c r="AC39845" i="1"/>
  <c r="AC39846" i="1"/>
  <c r="AC39847" i="1"/>
  <c r="AD39847" i="1" s="1"/>
  <c r="AC39848" i="1"/>
  <c r="AC39849" i="1"/>
  <c r="AC39850" i="1"/>
  <c r="AC39851" i="1"/>
  <c r="AC39852" i="1"/>
  <c r="AC39853" i="1"/>
  <c r="AC39854" i="1"/>
  <c r="AC39855" i="1"/>
  <c r="AC39856" i="1"/>
  <c r="AC39857" i="1"/>
  <c r="AC39858" i="1"/>
  <c r="AC39859" i="1"/>
  <c r="AD39859" i="1" s="1"/>
  <c r="AC39860" i="1"/>
  <c r="AC39861" i="1"/>
  <c r="AC39862" i="1"/>
  <c r="AC39863" i="1"/>
  <c r="AC39864" i="1"/>
  <c r="AC39865" i="1"/>
  <c r="AC39866" i="1"/>
  <c r="AC39867" i="1"/>
  <c r="AC39868" i="1"/>
  <c r="AC39869" i="1"/>
  <c r="AC39870" i="1"/>
  <c r="AC39871" i="1"/>
  <c r="AD39871" i="1" s="1"/>
  <c r="AC39872" i="1"/>
  <c r="AC39873" i="1"/>
  <c r="AC39874" i="1"/>
  <c r="AC39875" i="1"/>
  <c r="AC39876" i="1"/>
  <c r="AC39877" i="1"/>
  <c r="AC39878" i="1"/>
  <c r="AC39879" i="1"/>
  <c r="AC39880" i="1"/>
  <c r="AC39881" i="1"/>
  <c r="AC39882" i="1"/>
  <c r="AC39883" i="1"/>
  <c r="AD39883" i="1" s="1"/>
  <c r="AC39884" i="1"/>
  <c r="AC39885" i="1"/>
  <c r="AC39886" i="1"/>
  <c r="AC39887" i="1"/>
  <c r="AC39888" i="1"/>
  <c r="AC39889" i="1"/>
  <c r="AC39890" i="1"/>
  <c r="AC39891" i="1"/>
  <c r="AC39892" i="1"/>
  <c r="AC39893" i="1"/>
  <c r="AC39894" i="1"/>
  <c r="AC39895" i="1"/>
  <c r="AD39895" i="1" s="1"/>
  <c r="AC39896" i="1"/>
  <c r="AC39897" i="1"/>
  <c r="AC39898" i="1"/>
  <c r="AC39899" i="1"/>
  <c r="AC39900" i="1"/>
  <c r="AC39901" i="1"/>
  <c r="AC39902" i="1"/>
  <c r="AC39903" i="1"/>
  <c r="AC39904" i="1"/>
  <c r="AC39905" i="1"/>
  <c r="AC39906" i="1"/>
  <c r="AC39907" i="1"/>
  <c r="AD39907" i="1" s="1"/>
  <c r="AC39908" i="1"/>
  <c r="AC39909" i="1"/>
  <c r="AC39910" i="1"/>
  <c r="AC39911" i="1"/>
  <c r="AC39912" i="1"/>
  <c r="AC39913" i="1"/>
  <c r="AC39914" i="1"/>
  <c r="AC39915" i="1"/>
  <c r="AC39916" i="1"/>
  <c r="AC39917" i="1"/>
  <c r="AC39918" i="1"/>
  <c r="AC39919" i="1"/>
  <c r="AD39919" i="1" s="1"/>
  <c r="AC39920" i="1"/>
  <c r="AC39921" i="1"/>
  <c r="AC39922" i="1"/>
  <c r="AC39923" i="1"/>
  <c r="AC39924" i="1"/>
  <c r="AC39925" i="1"/>
  <c r="AC39926" i="1"/>
  <c r="AC39927" i="1"/>
  <c r="AC39928" i="1"/>
  <c r="AC39929" i="1"/>
  <c r="AC39930" i="1"/>
  <c r="AC39931" i="1"/>
  <c r="AD39931" i="1" s="1"/>
  <c r="AC39932" i="1"/>
  <c r="AC39933" i="1"/>
  <c r="AC39934" i="1"/>
  <c r="AC39935" i="1"/>
  <c r="AC39936" i="1"/>
  <c r="AC39937" i="1"/>
  <c r="AC39938" i="1"/>
  <c r="AC39939" i="1"/>
  <c r="AC39940" i="1"/>
  <c r="AC39941" i="1"/>
  <c r="AC39942" i="1"/>
  <c r="AC39943" i="1"/>
  <c r="AD39943" i="1" s="1"/>
  <c r="AC39944" i="1"/>
  <c r="AC39945" i="1"/>
  <c r="AC39946" i="1"/>
  <c r="AC39947" i="1"/>
  <c r="AC39948" i="1"/>
  <c r="AC39949" i="1"/>
  <c r="AC39950" i="1"/>
  <c r="AC39951" i="1"/>
  <c r="AC39952" i="1"/>
  <c r="AC39953" i="1"/>
  <c r="AC39954" i="1"/>
  <c r="AC39955" i="1"/>
  <c r="AD39955" i="1" s="1"/>
  <c r="AC39956" i="1"/>
  <c r="AC39957" i="1"/>
  <c r="AC39958" i="1"/>
  <c r="AC39959" i="1"/>
  <c r="AC39960" i="1"/>
  <c r="AC39961" i="1"/>
  <c r="AC39962" i="1"/>
  <c r="AC39963" i="1"/>
  <c r="AC39964" i="1"/>
  <c r="AC39965" i="1"/>
  <c r="AC39966" i="1"/>
  <c r="AC39967" i="1"/>
  <c r="AD39967" i="1" s="1"/>
  <c r="AC39968" i="1"/>
  <c r="AC39969" i="1"/>
  <c r="AC39970" i="1"/>
  <c r="AC39971" i="1"/>
  <c r="AC39972" i="1"/>
  <c r="AC39973" i="1"/>
  <c r="AC39974" i="1"/>
  <c r="AC39975" i="1"/>
  <c r="AC39976" i="1"/>
  <c r="AC39977" i="1"/>
  <c r="AC39978" i="1"/>
  <c r="AC39979" i="1"/>
  <c r="AD39979" i="1" s="1"/>
  <c r="AC39980" i="1"/>
  <c r="AC39981" i="1"/>
  <c r="AC39982" i="1"/>
  <c r="AC39983" i="1"/>
  <c r="AC39984" i="1"/>
  <c r="AC39985" i="1"/>
  <c r="AC39986" i="1"/>
  <c r="AC39987" i="1"/>
  <c r="AC39988" i="1"/>
  <c r="AC39989" i="1"/>
  <c r="AC39990" i="1"/>
  <c r="AC39991" i="1"/>
  <c r="AD39991" i="1" s="1"/>
  <c r="AC39992" i="1"/>
  <c r="AC39993" i="1"/>
  <c r="AC39994" i="1"/>
  <c r="AC39995" i="1"/>
  <c r="AC39996" i="1"/>
  <c r="AC39997" i="1"/>
  <c r="AC39998" i="1"/>
  <c r="AC39999" i="1"/>
  <c r="AC40000" i="1"/>
  <c r="AC40001" i="1"/>
  <c r="AC40002" i="1"/>
  <c r="AC40003" i="1"/>
  <c r="AD40003" i="1" s="1"/>
  <c r="AC40004" i="1"/>
  <c r="AC40005" i="1"/>
  <c r="AC40006" i="1"/>
  <c r="AC40007" i="1"/>
  <c r="AC40008" i="1"/>
  <c r="AC40009" i="1"/>
  <c r="AC40010" i="1"/>
  <c r="AC40011" i="1"/>
  <c r="AC40012" i="1"/>
  <c r="AC40013" i="1"/>
  <c r="AC40014" i="1"/>
  <c r="AC40015" i="1"/>
  <c r="AD40015" i="1" s="1"/>
  <c r="AC40016" i="1"/>
  <c r="AC40017" i="1"/>
  <c r="AC40018" i="1"/>
  <c r="AC40019" i="1"/>
  <c r="AC40020" i="1"/>
  <c r="AC40021" i="1"/>
  <c r="AC40022" i="1"/>
  <c r="AC40023" i="1"/>
  <c r="AC40024" i="1"/>
  <c r="AC40025" i="1"/>
  <c r="AC40026" i="1"/>
  <c r="AC40027" i="1"/>
  <c r="AD40027" i="1" s="1"/>
  <c r="AC40028" i="1"/>
  <c r="AC40029" i="1"/>
  <c r="AC40030" i="1"/>
  <c r="AC40031" i="1"/>
  <c r="AC40032" i="1"/>
  <c r="AC40033" i="1"/>
  <c r="AC40034" i="1"/>
  <c r="AC40035" i="1"/>
  <c r="AC40036" i="1"/>
  <c r="AC40037" i="1"/>
  <c r="AC40038" i="1"/>
  <c r="AC40039" i="1"/>
  <c r="AD40039" i="1" s="1"/>
  <c r="AC40040" i="1"/>
  <c r="AC40041" i="1"/>
  <c r="AC40042" i="1"/>
  <c r="AC40043" i="1"/>
  <c r="AC40044" i="1"/>
  <c r="AC40045" i="1"/>
  <c r="AC40046" i="1"/>
  <c r="AC40047" i="1"/>
  <c r="AC40048" i="1"/>
  <c r="AC40049" i="1"/>
  <c r="AC40050" i="1"/>
  <c r="AC40051" i="1"/>
  <c r="AD40051" i="1" s="1"/>
  <c r="AC40052" i="1"/>
  <c r="AC40053" i="1"/>
  <c r="AC40054" i="1"/>
  <c r="AC40055" i="1"/>
  <c r="AC40056" i="1"/>
  <c r="AC40057" i="1"/>
  <c r="AC40058" i="1"/>
  <c r="AC40059" i="1"/>
  <c r="AC40060" i="1"/>
  <c r="AC40061" i="1"/>
  <c r="AC40062" i="1"/>
  <c r="AC40063" i="1"/>
  <c r="AD40063" i="1" s="1"/>
  <c r="AC40064" i="1"/>
  <c r="AC40065" i="1"/>
  <c r="AC40066" i="1"/>
  <c r="AC40067" i="1"/>
  <c r="AC40068" i="1"/>
  <c r="AC40069" i="1"/>
  <c r="AC40070" i="1"/>
  <c r="AC40071" i="1"/>
  <c r="AC40072" i="1"/>
  <c r="AC40073" i="1"/>
  <c r="AC40074" i="1"/>
  <c r="AC40075" i="1"/>
  <c r="AD40075" i="1" s="1"/>
  <c r="AC40076" i="1"/>
  <c r="AC40077" i="1"/>
  <c r="AC40078" i="1"/>
  <c r="AC40079" i="1"/>
  <c r="AC40080" i="1"/>
  <c r="AC40081" i="1"/>
  <c r="AC40082" i="1"/>
  <c r="AC40083" i="1"/>
  <c r="AC40084" i="1"/>
  <c r="AC40085" i="1"/>
  <c r="AC40086" i="1"/>
  <c r="AC40087" i="1"/>
  <c r="AD40087" i="1" s="1"/>
  <c r="AC40088" i="1"/>
  <c r="AC40089" i="1"/>
  <c r="AC40090" i="1"/>
  <c r="AC40091" i="1"/>
  <c r="AC40092" i="1"/>
  <c r="AC40093" i="1"/>
  <c r="AC40094" i="1"/>
  <c r="AC40095" i="1"/>
  <c r="AC40096" i="1"/>
  <c r="AC40097" i="1"/>
  <c r="AC40098" i="1"/>
  <c r="AC40099" i="1"/>
  <c r="AD40099" i="1" s="1"/>
  <c r="AC40100" i="1"/>
  <c r="AC40101" i="1"/>
  <c r="AC40102" i="1"/>
  <c r="AC40103" i="1"/>
  <c r="AC40104" i="1"/>
  <c r="AC40105" i="1"/>
  <c r="AC40106" i="1"/>
  <c r="AC40107" i="1"/>
  <c r="AC40108" i="1"/>
  <c r="AC40109" i="1"/>
  <c r="AC40110" i="1"/>
  <c r="AC40111" i="1"/>
  <c r="AD40111" i="1" s="1"/>
  <c r="AC40112" i="1"/>
  <c r="AC40113" i="1"/>
  <c r="AC40114" i="1"/>
  <c r="AC40115" i="1"/>
  <c r="AC40116" i="1"/>
  <c r="AC40117" i="1"/>
  <c r="AC40118" i="1"/>
  <c r="AC40119" i="1"/>
  <c r="AC40120" i="1"/>
  <c r="AC40121" i="1"/>
  <c r="AC40122" i="1"/>
  <c r="AC40123" i="1"/>
  <c r="AD40123" i="1" s="1"/>
  <c r="AC40124" i="1"/>
  <c r="AC40125" i="1"/>
  <c r="AC40126" i="1"/>
  <c r="AC40127" i="1"/>
  <c r="AC40128" i="1"/>
  <c r="AC40129" i="1"/>
  <c r="AC40130" i="1"/>
  <c r="AC40131" i="1"/>
  <c r="AC40132" i="1"/>
  <c r="AC40133" i="1"/>
  <c r="AC40134" i="1"/>
  <c r="AC40135" i="1"/>
  <c r="AD40135" i="1" s="1"/>
  <c r="AC40136" i="1"/>
  <c r="AC40137" i="1"/>
  <c r="AC40138" i="1"/>
  <c r="AC40139" i="1"/>
  <c r="AC40140" i="1"/>
  <c r="AC40141" i="1"/>
  <c r="AC40142" i="1"/>
  <c r="AC40143" i="1"/>
  <c r="AC40144" i="1"/>
  <c r="AC40145" i="1"/>
  <c r="AC40146" i="1"/>
  <c r="AC40147" i="1"/>
  <c r="AD40147" i="1" s="1"/>
  <c r="AC40148" i="1"/>
  <c r="AC40149" i="1"/>
  <c r="AC40150" i="1"/>
  <c r="AC40151" i="1"/>
  <c r="AC40152" i="1"/>
  <c r="AC40153" i="1"/>
  <c r="AC40154" i="1"/>
  <c r="AC40155" i="1"/>
  <c r="AC40156" i="1"/>
  <c r="AC40157" i="1"/>
  <c r="AC40158" i="1"/>
  <c r="AC40159" i="1"/>
  <c r="AD40159" i="1" s="1"/>
  <c r="AC40160" i="1"/>
  <c r="AC40161" i="1"/>
  <c r="AC40162" i="1"/>
  <c r="AC40163" i="1"/>
  <c r="AC40164" i="1"/>
  <c r="AC40165" i="1"/>
  <c r="AC40166" i="1"/>
  <c r="AC40167" i="1"/>
  <c r="AC40168" i="1"/>
  <c r="AC40169" i="1"/>
  <c r="AC40170" i="1"/>
  <c r="AC40171" i="1"/>
  <c r="AD40171" i="1" s="1"/>
  <c r="AC40172" i="1"/>
  <c r="AC40173" i="1"/>
  <c r="AC40174" i="1"/>
  <c r="AC40175" i="1"/>
  <c r="AC40176" i="1"/>
  <c r="AC40177" i="1"/>
  <c r="AC40178" i="1"/>
  <c r="AC40179" i="1"/>
  <c r="AC40180" i="1"/>
  <c r="AC40181" i="1"/>
  <c r="AC40182" i="1"/>
  <c r="AC40183" i="1"/>
  <c r="AD40183" i="1" s="1"/>
  <c r="AC40184" i="1"/>
  <c r="AC40185" i="1"/>
  <c r="AC40186" i="1"/>
  <c r="AC40187" i="1"/>
  <c r="AC40188" i="1"/>
  <c r="AC40189" i="1"/>
  <c r="AC40190" i="1"/>
  <c r="AC40191" i="1"/>
  <c r="AC40192" i="1"/>
  <c r="AC40193" i="1"/>
  <c r="AC40194" i="1"/>
  <c r="AC40195" i="1"/>
  <c r="AD40195" i="1" s="1"/>
  <c r="AC40196" i="1"/>
  <c r="AC40197" i="1"/>
  <c r="AC40198" i="1"/>
  <c r="AC40199" i="1"/>
  <c r="AC40200" i="1"/>
  <c r="AC40201" i="1"/>
  <c r="AC40202" i="1"/>
  <c r="AC40203" i="1"/>
  <c r="AC40204" i="1"/>
  <c r="AC40205" i="1"/>
  <c r="AC40206" i="1"/>
  <c r="AC40207" i="1"/>
  <c r="AD40207" i="1" s="1"/>
  <c r="AC40208" i="1"/>
  <c r="AC40209" i="1"/>
  <c r="AC40210" i="1"/>
  <c r="AC40211" i="1"/>
  <c r="AC40212" i="1"/>
  <c r="AC40213" i="1"/>
  <c r="AC40214" i="1"/>
  <c r="AC40215" i="1"/>
  <c r="AC40216" i="1"/>
  <c r="AC40217" i="1"/>
  <c r="AC40218" i="1"/>
  <c r="AC40219" i="1"/>
  <c r="AD40219" i="1" s="1"/>
  <c r="AC40220" i="1"/>
  <c r="AC40221" i="1"/>
  <c r="AC40222" i="1"/>
  <c r="AC40223" i="1"/>
  <c r="AC40224" i="1"/>
  <c r="AC40225" i="1"/>
  <c r="AC40226" i="1"/>
  <c r="AC40227" i="1"/>
  <c r="AC40228" i="1"/>
  <c r="AC40229" i="1"/>
  <c r="AC40230" i="1"/>
  <c r="AC40231" i="1"/>
  <c r="AD40231" i="1" s="1"/>
  <c r="AC40232" i="1"/>
  <c r="AC40233" i="1"/>
  <c r="AC40234" i="1"/>
  <c r="AC40235" i="1"/>
  <c r="AC40236" i="1"/>
  <c r="AC40237" i="1"/>
  <c r="AC40238" i="1"/>
  <c r="AC40239" i="1"/>
  <c r="AC40240" i="1"/>
  <c r="AC40241" i="1"/>
  <c r="AC40242" i="1"/>
  <c r="AC40243" i="1"/>
  <c r="AD40243" i="1" s="1"/>
  <c r="AC40244" i="1"/>
  <c r="AC40245" i="1"/>
  <c r="AC40246" i="1"/>
  <c r="AC40247" i="1"/>
  <c r="AC40248" i="1"/>
  <c r="AC40249" i="1"/>
  <c r="AC40250" i="1"/>
  <c r="AC40251" i="1"/>
  <c r="AC40252" i="1"/>
  <c r="AC40253" i="1"/>
  <c r="AC40254" i="1"/>
  <c r="AC40255" i="1"/>
  <c r="AD40255" i="1" s="1"/>
  <c r="AC40256" i="1"/>
  <c r="AC40257" i="1"/>
  <c r="AC40258" i="1"/>
  <c r="AC40259" i="1"/>
  <c r="AC40260" i="1"/>
  <c r="AC40261" i="1"/>
  <c r="AC40262" i="1"/>
  <c r="AC40263" i="1"/>
  <c r="AC40264" i="1"/>
  <c r="AC40265" i="1"/>
  <c r="AC40266" i="1"/>
  <c r="AC40267" i="1"/>
  <c r="AD40267" i="1" s="1"/>
  <c r="AC40268" i="1"/>
  <c r="AC40269" i="1"/>
  <c r="AC40270" i="1"/>
  <c r="AC40271" i="1"/>
  <c r="AC40272" i="1"/>
  <c r="AC40273" i="1"/>
  <c r="AC40274" i="1"/>
  <c r="AC40275" i="1"/>
  <c r="AC40276" i="1"/>
  <c r="AC40277" i="1"/>
  <c r="AC40278" i="1"/>
  <c r="AC40279" i="1"/>
  <c r="AD40279" i="1" s="1"/>
  <c r="AC40280" i="1"/>
  <c r="AC40281" i="1"/>
  <c r="AC40282" i="1"/>
  <c r="AC40283" i="1"/>
  <c r="AC40284" i="1"/>
  <c r="AC40285" i="1"/>
  <c r="AC40286" i="1"/>
  <c r="AC40287" i="1"/>
  <c r="AC40288" i="1"/>
  <c r="AC40289" i="1"/>
  <c r="AC40290" i="1"/>
  <c r="AC40291" i="1"/>
  <c r="AD40291" i="1" s="1"/>
  <c r="AC40292" i="1"/>
  <c r="AC40293" i="1"/>
  <c r="AC40294" i="1"/>
  <c r="AC40295" i="1"/>
  <c r="AC40296" i="1"/>
  <c r="AC40297" i="1"/>
  <c r="AC40298" i="1"/>
  <c r="AC40299" i="1"/>
  <c r="AC40300" i="1"/>
  <c r="AC40301" i="1"/>
  <c r="AC40302" i="1"/>
  <c r="AC40303" i="1"/>
  <c r="AD40303" i="1" s="1"/>
  <c r="AC40304" i="1"/>
  <c r="AC40305" i="1"/>
  <c r="AC40306" i="1"/>
  <c r="AC40307" i="1"/>
  <c r="AC40308" i="1"/>
  <c r="AC40309" i="1"/>
  <c r="AC40310" i="1"/>
  <c r="AC40311" i="1"/>
  <c r="AC40312" i="1"/>
  <c r="AC40313" i="1"/>
  <c r="AC40314" i="1"/>
  <c r="AC40315" i="1"/>
  <c r="AD40315" i="1" s="1"/>
  <c r="AC40316" i="1"/>
  <c r="AC40317" i="1"/>
  <c r="AC40318" i="1"/>
  <c r="AC40319" i="1"/>
  <c r="AC40320" i="1"/>
  <c r="AC40321" i="1"/>
  <c r="AC40322" i="1"/>
  <c r="AC40323" i="1"/>
  <c r="AC40324" i="1"/>
  <c r="AC40325" i="1"/>
  <c r="AC40326" i="1"/>
  <c r="AC40327" i="1"/>
  <c r="AD40327" i="1" s="1"/>
  <c r="AC40328" i="1"/>
  <c r="AC40329" i="1"/>
  <c r="AC40330" i="1"/>
  <c r="AC40331" i="1"/>
  <c r="AC40332" i="1"/>
  <c r="AC40333" i="1"/>
  <c r="AC40334" i="1"/>
  <c r="AC40335" i="1"/>
  <c r="AC40336" i="1"/>
  <c r="AC40337" i="1"/>
  <c r="AC40338" i="1"/>
  <c r="AC40339" i="1"/>
  <c r="AD40339" i="1" s="1"/>
  <c r="AC40340" i="1"/>
  <c r="AC40341" i="1"/>
  <c r="AC40342" i="1"/>
  <c r="AC40343" i="1"/>
  <c r="AC40344" i="1"/>
  <c r="AC40345" i="1"/>
  <c r="AC40346" i="1"/>
  <c r="AC40347" i="1"/>
  <c r="AC40348" i="1"/>
  <c r="AC40349" i="1"/>
  <c r="AC40350" i="1"/>
  <c r="AC40351" i="1"/>
  <c r="AD40351" i="1" s="1"/>
  <c r="AC40352" i="1"/>
  <c r="AC40353" i="1"/>
  <c r="AC40354" i="1"/>
  <c r="AC40355" i="1"/>
  <c r="AC40356" i="1"/>
  <c r="AC40357" i="1"/>
  <c r="AC40358" i="1"/>
  <c r="AC40359" i="1"/>
  <c r="AC40360" i="1"/>
  <c r="AC40361" i="1"/>
  <c r="AC40362" i="1"/>
  <c r="AC40363" i="1"/>
  <c r="AD40363" i="1" s="1"/>
  <c r="AC40364" i="1"/>
  <c r="AC40365" i="1"/>
  <c r="AC40366" i="1"/>
  <c r="AC40367" i="1"/>
  <c r="AC40368" i="1"/>
  <c r="AC40369" i="1"/>
  <c r="AC40370" i="1"/>
  <c r="AC40371" i="1"/>
  <c r="AC40372" i="1"/>
  <c r="AC40373" i="1"/>
  <c r="AC40374" i="1"/>
  <c r="AC40375" i="1"/>
  <c r="AD40375" i="1" s="1"/>
  <c r="AC40376" i="1"/>
  <c r="AC40377" i="1"/>
  <c r="AC40378" i="1"/>
  <c r="AC40379" i="1"/>
  <c r="AC40380" i="1"/>
  <c r="AC40381" i="1"/>
  <c r="AC40382" i="1"/>
  <c r="AC40383" i="1"/>
  <c r="AC40384" i="1"/>
  <c r="AC40385" i="1"/>
  <c r="AC40386" i="1"/>
  <c r="AC40387" i="1"/>
  <c r="AD40387" i="1" s="1"/>
  <c r="AC40388" i="1"/>
  <c r="AC40389" i="1"/>
  <c r="AC40390" i="1"/>
  <c r="AC40391" i="1"/>
  <c r="AC40392" i="1"/>
  <c r="AC40393" i="1"/>
  <c r="AC40394" i="1"/>
  <c r="AC40395" i="1"/>
  <c r="AC40396" i="1"/>
  <c r="AC40397" i="1"/>
  <c r="AC40398" i="1"/>
  <c r="AC40399" i="1"/>
  <c r="AD40399" i="1" s="1"/>
  <c r="AC40400" i="1"/>
  <c r="AC40401" i="1"/>
  <c r="AC40402" i="1"/>
  <c r="AC40403" i="1"/>
  <c r="AC40404" i="1"/>
  <c r="AC40405" i="1"/>
  <c r="AC40406" i="1"/>
  <c r="AC40407" i="1"/>
  <c r="AC40408" i="1"/>
  <c r="AC40409" i="1"/>
  <c r="AC40410" i="1"/>
  <c r="AC40411" i="1"/>
  <c r="AD40411" i="1" s="1"/>
  <c r="AC40412" i="1"/>
  <c r="AC40413" i="1"/>
  <c r="AC40414" i="1"/>
  <c r="AC40415" i="1"/>
  <c r="AC40416" i="1"/>
  <c r="AC40417" i="1"/>
  <c r="AC40418" i="1"/>
  <c r="AC40419" i="1"/>
  <c r="AC40420" i="1"/>
  <c r="AC40421" i="1"/>
  <c r="AC40422" i="1"/>
  <c r="AC40423" i="1"/>
  <c r="AD40423" i="1" s="1"/>
  <c r="AC40424" i="1"/>
  <c r="AC40425" i="1"/>
  <c r="AC40426" i="1"/>
  <c r="AC40427" i="1"/>
  <c r="AC40428" i="1"/>
  <c r="AC40429" i="1"/>
  <c r="AC40430" i="1"/>
  <c r="AC40431" i="1"/>
  <c r="AC40432" i="1"/>
  <c r="AC40433" i="1"/>
  <c r="AC40434" i="1"/>
  <c r="AC40435" i="1"/>
  <c r="AD40435" i="1" s="1"/>
  <c r="AC40436" i="1"/>
  <c r="AC40437" i="1"/>
  <c r="AC40438" i="1"/>
  <c r="AC40439" i="1"/>
  <c r="AC40440" i="1"/>
  <c r="AC40441" i="1"/>
  <c r="AC40442" i="1"/>
  <c r="AC40443" i="1"/>
  <c r="AC40444" i="1"/>
  <c r="AC40445" i="1"/>
  <c r="AC40446" i="1"/>
  <c r="AC40447" i="1"/>
  <c r="AD40447" i="1" s="1"/>
  <c r="AC40448" i="1"/>
  <c r="AC40449" i="1"/>
  <c r="AC40450" i="1"/>
  <c r="AC40451" i="1"/>
  <c r="AC40452" i="1"/>
  <c r="AC40453" i="1"/>
  <c r="AC40454" i="1"/>
  <c r="AC40455" i="1"/>
  <c r="AC40456" i="1"/>
  <c r="AC40457" i="1"/>
  <c r="AC40458" i="1"/>
  <c r="AC40459" i="1"/>
  <c r="AD40459" i="1" s="1"/>
  <c r="AC40460" i="1"/>
  <c r="AC40461" i="1"/>
  <c r="AC40462" i="1"/>
  <c r="AC40463" i="1"/>
  <c r="AC40464" i="1"/>
  <c r="AC40465" i="1"/>
  <c r="AC40466" i="1"/>
  <c r="AC40467" i="1"/>
  <c r="AC40468" i="1"/>
  <c r="AC40469" i="1"/>
  <c r="AC40470" i="1"/>
  <c r="AC40471" i="1"/>
  <c r="AD40471" i="1" s="1"/>
  <c r="AC40472" i="1"/>
  <c r="AC40473" i="1"/>
  <c r="AC40474" i="1"/>
  <c r="AC40475" i="1"/>
  <c r="AC40476" i="1"/>
  <c r="AC40477" i="1"/>
  <c r="AC40478" i="1"/>
  <c r="AC40479" i="1"/>
  <c r="AC40480" i="1"/>
  <c r="AC40481" i="1"/>
  <c r="AC40482" i="1"/>
  <c r="AC40483" i="1"/>
  <c r="AD40483" i="1" s="1"/>
  <c r="AC40484" i="1"/>
  <c r="AC40485" i="1"/>
  <c r="AC40486" i="1"/>
  <c r="AC40487" i="1"/>
  <c r="AC40488" i="1"/>
  <c r="AC40489" i="1"/>
  <c r="AC40490" i="1"/>
  <c r="AC40491" i="1"/>
  <c r="AC40492" i="1"/>
  <c r="AC40493" i="1"/>
  <c r="AC40494" i="1"/>
  <c r="AC40495" i="1"/>
  <c r="AD40495" i="1" s="1"/>
  <c r="AC40496" i="1"/>
  <c r="AC40497" i="1"/>
  <c r="AC40498" i="1"/>
  <c r="AC40499" i="1"/>
  <c r="AC40500" i="1"/>
  <c r="AC40501" i="1"/>
  <c r="AC40502" i="1"/>
  <c r="AC40503" i="1"/>
  <c r="AC40504" i="1"/>
  <c r="AC40505" i="1"/>
  <c r="AC40506" i="1"/>
  <c r="AC40507" i="1"/>
  <c r="AD40507" i="1" s="1"/>
  <c r="AC40508" i="1"/>
  <c r="AC40509" i="1"/>
  <c r="AC40510" i="1"/>
  <c r="AC40511" i="1"/>
  <c r="AC40512" i="1"/>
  <c r="AC40513" i="1"/>
  <c r="AC40514" i="1"/>
  <c r="AC40515" i="1"/>
  <c r="AC40516" i="1"/>
  <c r="AC40517" i="1"/>
  <c r="AC40518" i="1"/>
  <c r="AC40519" i="1"/>
  <c r="AD40519" i="1" s="1"/>
  <c r="AC40520" i="1"/>
  <c r="AC40521" i="1"/>
  <c r="AC40522" i="1"/>
  <c r="AC40523" i="1"/>
  <c r="AC40524" i="1"/>
  <c r="AC40525" i="1"/>
  <c r="AC40526" i="1"/>
  <c r="AC40527" i="1"/>
  <c r="AC40528" i="1"/>
  <c r="AC40529" i="1"/>
  <c r="AC40530" i="1"/>
  <c r="AC40531" i="1"/>
  <c r="AD40531" i="1" s="1"/>
  <c r="AC40532" i="1"/>
  <c r="AC40533" i="1"/>
  <c r="AC40534" i="1"/>
  <c r="AC40535" i="1"/>
  <c r="AC40536" i="1"/>
  <c r="AC40537" i="1"/>
  <c r="AC40538" i="1"/>
  <c r="AC40539" i="1"/>
  <c r="AC40540" i="1"/>
  <c r="AC40541" i="1"/>
  <c r="AC40542" i="1"/>
  <c r="AC40543" i="1"/>
  <c r="AD40543" i="1" s="1"/>
  <c r="AC40544" i="1"/>
  <c r="AC40545" i="1"/>
  <c r="AC40546" i="1"/>
  <c r="AC40547" i="1"/>
  <c r="AC40548" i="1"/>
  <c r="AC40549" i="1"/>
  <c r="AC40550" i="1"/>
  <c r="AC40551" i="1"/>
  <c r="AC40552" i="1"/>
  <c r="AC40553" i="1"/>
  <c r="AC40554" i="1"/>
  <c r="AC40555" i="1"/>
  <c r="AD40555" i="1" s="1"/>
  <c r="AC40556" i="1"/>
  <c r="AC40557" i="1"/>
  <c r="AC40558" i="1"/>
  <c r="AC40559" i="1"/>
  <c r="AC40560" i="1"/>
  <c r="AC40561" i="1"/>
  <c r="AC40562" i="1"/>
  <c r="AC40563" i="1"/>
  <c r="AC40564" i="1"/>
  <c r="AC40565" i="1"/>
  <c r="AC40566" i="1"/>
  <c r="AC40567" i="1"/>
  <c r="AD40567" i="1" s="1"/>
  <c r="AC40568" i="1"/>
  <c r="AC40569" i="1"/>
  <c r="AC40570" i="1"/>
  <c r="AC40571" i="1"/>
  <c r="AC40572" i="1"/>
  <c r="AC40573" i="1"/>
  <c r="AC40574" i="1"/>
  <c r="AC40575" i="1"/>
  <c r="AC40576" i="1"/>
  <c r="AC40577" i="1"/>
  <c r="AC40578" i="1"/>
  <c r="AC40579" i="1"/>
  <c r="AD40579" i="1" s="1"/>
  <c r="AC40580" i="1"/>
  <c r="AC40581" i="1"/>
  <c r="AC40582" i="1"/>
  <c r="AC40583" i="1"/>
  <c r="AC40584" i="1"/>
  <c r="AC40585" i="1"/>
  <c r="AC40586" i="1"/>
  <c r="AC40587" i="1"/>
  <c r="AC40588" i="1"/>
  <c r="AC40589" i="1"/>
  <c r="AC40590" i="1"/>
  <c r="AC40591" i="1"/>
  <c r="AD40591" i="1" s="1"/>
  <c r="AC40592" i="1"/>
  <c r="AC40593" i="1"/>
  <c r="AC40594" i="1"/>
  <c r="AC40595" i="1"/>
  <c r="AC40596" i="1"/>
  <c r="AC40597" i="1"/>
  <c r="AC40598" i="1"/>
  <c r="AC40599" i="1"/>
  <c r="AC40600" i="1"/>
  <c r="AC40601" i="1"/>
  <c r="AC40602" i="1"/>
  <c r="AC40603" i="1"/>
  <c r="AD40603" i="1" s="1"/>
  <c r="AC40604" i="1"/>
  <c r="AC40605" i="1"/>
  <c r="AC40606" i="1"/>
  <c r="AC40607" i="1"/>
  <c r="AC40608" i="1"/>
  <c r="AC40609" i="1"/>
  <c r="AC40610" i="1"/>
  <c r="AC40611" i="1"/>
  <c r="AC40612" i="1"/>
  <c r="AC40613" i="1"/>
  <c r="AC40614" i="1"/>
  <c r="AC40615" i="1"/>
  <c r="AD40615" i="1" s="1"/>
  <c r="AC40616" i="1"/>
  <c r="AC40617" i="1"/>
  <c r="AC40618" i="1"/>
  <c r="AC40619" i="1"/>
  <c r="AC40620" i="1"/>
  <c r="AC40621" i="1"/>
  <c r="AC40622" i="1"/>
  <c r="AC40623" i="1"/>
  <c r="AC40624" i="1"/>
  <c r="AC40625" i="1"/>
  <c r="AC40626" i="1"/>
  <c r="AC40627" i="1"/>
  <c r="AD40627" i="1" s="1"/>
  <c r="AC40628" i="1"/>
  <c r="AC40629" i="1"/>
  <c r="AC40630" i="1"/>
  <c r="AC40631" i="1"/>
  <c r="AC40632" i="1"/>
  <c r="AC40633" i="1"/>
  <c r="AC40634" i="1"/>
  <c r="AC40635" i="1"/>
  <c r="AC40636" i="1"/>
  <c r="AC40637" i="1"/>
  <c r="AC40638" i="1"/>
  <c r="AC40639" i="1"/>
  <c r="AD40639" i="1" s="1"/>
  <c r="AC40640" i="1"/>
  <c r="AC40641" i="1"/>
  <c r="AC40642" i="1"/>
  <c r="AC40643" i="1"/>
  <c r="AC40644" i="1"/>
  <c r="AC40645" i="1"/>
  <c r="AC40646" i="1"/>
  <c r="AC40647" i="1"/>
  <c r="AC40648" i="1"/>
  <c r="AC40649" i="1"/>
  <c r="AC40650" i="1"/>
  <c r="AC40651" i="1"/>
  <c r="AD40651" i="1" s="1"/>
  <c r="AC40652" i="1"/>
  <c r="AC40653" i="1"/>
  <c r="AC40654" i="1"/>
  <c r="AC40655" i="1"/>
  <c r="AC40656" i="1"/>
  <c r="AC40657" i="1"/>
  <c r="AC40658" i="1"/>
  <c r="AC40659" i="1"/>
  <c r="AC40660" i="1"/>
  <c r="AC40661" i="1"/>
  <c r="AC40662" i="1"/>
  <c r="AC40663" i="1"/>
  <c r="AD40663" i="1" s="1"/>
  <c r="AC40664" i="1"/>
  <c r="AC40665" i="1"/>
  <c r="AC40666" i="1"/>
  <c r="AC40667" i="1"/>
  <c r="AC40668" i="1"/>
  <c r="AC40669" i="1"/>
  <c r="AC40670" i="1"/>
  <c r="AC40671" i="1"/>
  <c r="AC40672" i="1"/>
  <c r="AC40673" i="1"/>
  <c r="AC40674" i="1"/>
  <c r="AC40675" i="1"/>
  <c r="AD40675" i="1" s="1"/>
  <c r="AC40676" i="1"/>
  <c r="AC40677" i="1"/>
  <c r="AC40678" i="1"/>
  <c r="AC40679" i="1"/>
  <c r="AC40680" i="1"/>
  <c r="AC40681" i="1"/>
  <c r="AC40682" i="1"/>
  <c r="AC40683" i="1"/>
  <c r="AC40684" i="1"/>
  <c r="AC40685" i="1"/>
  <c r="AC40686" i="1"/>
  <c r="AC40687" i="1"/>
  <c r="AD40687" i="1" s="1"/>
  <c r="AC40688" i="1"/>
  <c r="AC40689" i="1"/>
  <c r="AC40690" i="1"/>
  <c r="AC40691" i="1"/>
  <c r="AC40692" i="1"/>
  <c r="AC40693" i="1"/>
  <c r="AC40694" i="1"/>
  <c r="AC40695" i="1"/>
  <c r="AC40696" i="1"/>
  <c r="AC40697" i="1"/>
  <c r="AC40698" i="1"/>
  <c r="AC40699" i="1"/>
  <c r="AD40699" i="1" s="1"/>
  <c r="AC40700" i="1"/>
  <c r="AC40701" i="1"/>
  <c r="AC40702" i="1"/>
  <c r="AC40703" i="1"/>
  <c r="AC40704" i="1"/>
  <c r="AC40705" i="1"/>
  <c r="AC40706" i="1"/>
  <c r="AC40707" i="1"/>
  <c r="AC40708" i="1"/>
  <c r="AC40709" i="1"/>
  <c r="AC40710" i="1"/>
  <c r="AC40711" i="1"/>
  <c r="AD40711" i="1" s="1"/>
  <c r="AC40712" i="1"/>
  <c r="AC40713" i="1"/>
  <c r="AC40714" i="1"/>
  <c r="AC40715" i="1"/>
  <c r="AC40716" i="1"/>
  <c r="AC40717" i="1"/>
  <c r="AC40718" i="1"/>
  <c r="AC40719" i="1"/>
  <c r="AC40720" i="1"/>
  <c r="AC40721" i="1"/>
  <c r="AC40722" i="1"/>
  <c r="AC40723" i="1"/>
  <c r="AD40723" i="1" s="1"/>
  <c r="AC40724" i="1"/>
  <c r="AC40725" i="1"/>
  <c r="AC40726" i="1"/>
  <c r="AC40727" i="1"/>
  <c r="AC40728" i="1"/>
  <c r="AC40729" i="1"/>
  <c r="AC40730" i="1"/>
  <c r="AC40731" i="1"/>
  <c r="AC40732" i="1"/>
  <c r="AC40733" i="1"/>
  <c r="AC40734" i="1"/>
  <c r="AC40735" i="1"/>
  <c r="AD40735" i="1" s="1"/>
  <c r="AC40736" i="1"/>
  <c r="AC40737" i="1"/>
  <c r="AC40738" i="1"/>
  <c r="AC40739" i="1"/>
  <c r="AC40740" i="1"/>
  <c r="AC40741" i="1"/>
  <c r="AC40742" i="1"/>
  <c r="AC40743" i="1"/>
  <c r="AC40744" i="1"/>
  <c r="AC40745" i="1"/>
  <c r="AC40746" i="1"/>
  <c r="AC40747" i="1"/>
  <c r="AD40747" i="1" s="1"/>
  <c r="AC40748" i="1"/>
  <c r="AC40749" i="1"/>
  <c r="AC40750" i="1"/>
  <c r="AC40751" i="1"/>
  <c r="AC40752" i="1"/>
  <c r="AC40753" i="1"/>
  <c r="AC40754" i="1"/>
  <c r="AC40755" i="1"/>
  <c r="AC40756" i="1"/>
  <c r="AC40757" i="1"/>
  <c r="AC40758" i="1"/>
  <c r="AC40759" i="1"/>
  <c r="AD40759" i="1" s="1"/>
  <c r="AC40760" i="1"/>
  <c r="AC40761" i="1"/>
  <c r="AC40762" i="1"/>
  <c r="AC40763" i="1"/>
  <c r="AC40764" i="1"/>
  <c r="AC40765" i="1"/>
  <c r="AC40766" i="1"/>
  <c r="AC40767" i="1"/>
  <c r="AC40768" i="1"/>
  <c r="AC40769" i="1"/>
  <c r="AC40770" i="1"/>
  <c r="AC40771" i="1"/>
  <c r="AD40771" i="1" s="1"/>
  <c r="AC40772" i="1"/>
  <c r="AC40773" i="1"/>
  <c r="AC40774" i="1"/>
  <c r="AC40775" i="1"/>
  <c r="AC40776" i="1"/>
  <c r="AC40777" i="1"/>
  <c r="AC40778" i="1"/>
  <c r="AC40779" i="1"/>
  <c r="AC40780" i="1"/>
  <c r="AC40781" i="1"/>
  <c r="AC40782" i="1"/>
  <c r="AC40783" i="1"/>
  <c r="AD40783" i="1" s="1"/>
  <c r="AC40784" i="1"/>
  <c r="AC40785" i="1"/>
  <c r="AC40786" i="1"/>
  <c r="AC40787" i="1"/>
  <c r="AC40788" i="1"/>
  <c r="AC40789" i="1"/>
  <c r="AC40790" i="1"/>
  <c r="AC40791" i="1"/>
  <c r="AC40792" i="1"/>
  <c r="AC40793" i="1"/>
  <c r="AC40794" i="1"/>
  <c r="AC40795" i="1"/>
  <c r="AD40795" i="1" s="1"/>
  <c r="AC40796" i="1"/>
  <c r="AC40797" i="1"/>
  <c r="AC40798" i="1"/>
  <c r="AC40799" i="1"/>
  <c r="AC40800" i="1"/>
  <c r="AC40801" i="1"/>
  <c r="AC40802" i="1"/>
  <c r="AC40803" i="1"/>
  <c r="AC40804" i="1"/>
  <c r="AC40805" i="1"/>
  <c r="AC40806" i="1"/>
  <c r="AC40807" i="1"/>
  <c r="AD40807" i="1" s="1"/>
  <c r="AC40808" i="1"/>
  <c r="AC40809" i="1"/>
  <c r="AC40810" i="1"/>
  <c r="AC40811" i="1"/>
  <c r="AC40812" i="1"/>
  <c r="AC40813" i="1"/>
  <c r="AC40814" i="1"/>
  <c r="AC40815" i="1"/>
  <c r="AC40816" i="1"/>
  <c r="AC40817" i="1"/>
  <c r="AC40818" i="1"/>
  <c r="AC40819" i="1"/>
  <c r="AD40819" i="1" s="1"/>
  <c r="AC40820" i="1"/>
  <c r="AC40821" i="1"/>
  <c r="AC40822" i="1"/>
  <c r="AC40823" i="1"/>
  <c r="AC40824" i="1"/>
  <c r="AC40825" i="1"/>
  <c r="AC40826" i="1"/>
  <c r="AC40827" i="1"/>
  <c r="AC40828" i="1"/>
  <c r="AC40829" i="1"/>
  <c r="AC40830" i="1"/>
  <c r="AC40831" i="1"/>
  <c r="AD40831" i="1" s="1"/>
  <c r="AC40832" i="1"/>
  <c r="AC40833" i="1"/>
  <c r="AC40834" i="1"/>
  <c r="AC40835" i="1"/>
  <c r="AC40836" i="1"/>
  <c r="AC40837" i="1"/>
  <c r="AC40838" i="1"/>
  <c r="AC40839" i="1"/>
  <c r="AC40840" i="1"/>
  <c r="AC40841" i="1"/>
  <c r="AC40842" i="1"/>
  <c r="AC40843" i="1"/>
  <c r="AD40843" i="1" s="1"/>
  <c r="AC40844" i="1"/>
  <c r="AC40845" i="1"/>
  <c r="AC40846" i="1"/>
  <c r="AC40847" i="1"/>
  <c r="AC40848" i="1"/>
  <c r="AC40849" i="1"/>
  <c r="AC40850" i="1"/>
  <c r="AC40851" i="1"/>
  <c r="AC40852" i="1"/>
  <c r="AC40853" i="1"/>
  <c r="AC40854" i="1"/>
  <c r="AC40855" i="1"/>
  <c r="AD40855" i="1" s="1"/>
  <c r="AC40856" i="1"/>
  <c r="AC40857" i="1"/>
  <c r="AC40858" i="1"/>
  <c r="AC40859" i="1"/>
  <c r="AC40860" i="1"/>
  <c r="AC40861" i="1"/>
  <c r="AC40862" i="1"/>
  <c r="AC40863" i="1"/>
  <c r="AC40864" i="1"/>
  <c r="AC40865" i="1"/>
  <c r="AC40866" i="1"/>
  <c r="AC40867" i="1"/>
  <c r="AD40867" i="1" s="1"/>
  <c r="AC40868" i="1"/>
  <c r="AC40869" i="1"/>
  <c r="AC40870" i="1"/>
  <c r="AC40871" i="1"/>
  <c r="AC40872" i="1"/>
  <c r="AC40873" i="1"/>
  <c r="AC40874" i="1"/>
  <c r="AC40875" i="1"/>
  <c r="AC40876" i="1"/>
  <c r="AC40877" i="1"/>
  <c r="AC40878" i="1"/>
  <c r="AC40879" i="1"/>
  <c r="AD40879" i="1" s="1"/>
  <c r="AC40880" i="1"/>
  <c r="AC40881" i="1"/>
  <c r="AC40882" i="1"/>
  <c r="AC40883" i="1"/>
  <c r="AC40884" i="1"/>
  <c r="AC40885" i="1"/>
  <c r="AC40886" i="1"/>
  <c r="AC40887" i="1"/>
  <c r="AC40888" i="1"/>
  <c r="AC40889" i="1"/>
  <c r="AC40890" i="1"/>
  <c r="AC40891" i="1"/>
  <c r="AD40891" i="1" s="1"/>
  <c r="AC40892" i="1"/>
  <c r="AC40893" i="1"/>
  <c r="AC40894" i="1"/>
  <c r="AC40895" i="1"/>
  <c r="AC40896" i="1"/>
  <c r="AC40897" i="1"/>
  <c r="AC40898" i="1"/>
  <c r="AC40899" i="1"/>
  <c r="AC40900" i="1"/>
  <c r="AC40901" i="1"/>
  <c r="AC40902" i="1"/>
  <c r="AC40903" i="1"/>
  <c r="AD40903" i="1" s="1"/>
  <c r="AC40904" i="1"/>
  <c r="AC40905" i="1"/>
  <c r="AC40906" i="1"/>
  <c r="AC40907" i="1"/>
  <c r="AC40908" i="1"/>
  <c r="AC40909" i="1"/>
  <c r="AC40910" i="1"/>
  <c r="AC40911" i="1"/>
  <c r="AC40912" i="1"/>
  <c r="AC40913" i="1"/>
  <c r="AC40914" i="1"/>
  <c r="AC40915" i="1"/>
  <c r="AD40915" i="1" s="1"/>
  <c r="AC40916" i="1"/>
  <c r="AC40917" i="1"/>
  <c r="AC40918" i="1"/>
  <c r="AC40919" i="1"/>
  <c r="AC40920" i="1"/>
  <c r="AC40921" i="1"/>
  <c r="AC40922" i="1"/>
  <c r="AC40923" i="1"/>
  <c r="AC40924" i="1"/>
  <c r="AC40925" i="1"/>
  <c r="AC40926" i="1"/>
  <c r="AC40927" i="1"/>
  <c r="AD40927" i="1" s="1"/>
  <c r="AC40928" i="1"/>
  <c r="AC40929" i="1"/>
  <c r="AC40930" i="1"/>
  <c r="AC40931" i="1"/>
  <c r="AC40932" i="1"/>
  <c r="AC40933" i="1"/>
  <c r="AC40934" i="1"/>
  <c r="AC40935" i="1"/>
  <c r="AC40936" i="1"/>
  <c r="AC40937" i="1"/>
  <c r="AC40938" i="1"/>
  <c r="AC40939" i="1"/>
  <c r="AD40939" i="1" s="1"/>
  <c r="AC40940" i="1"/>
  <c r="AC40941" i="1"/>
  <c r="AC40942" i="1"/>
  <c r="AC40943" i="1"/>
  <c r="AC40944" i="1"/>
  <c r="AC40945" i="1"/>
  <c r="AC40946" i="1"/>
  <c r="AC40947" i="1"/>
  <c r="AC40948" i="1"/>
  <c r="AC40949" i="1"/>
  <c r="AC40950" i="1"/>
  <c r="AC40951" i="1"/>
  <c r="AD40951" i="1" s="1"/>
  <c r="AC40952" i="1"/>
  <c r="AC40953" i="1"/>
  <c r="AC40954" i="1"/>
  <c r="AC40955" i="1"/>
  <c r="AC40956" i="1"/>
  <c r="AC40957" i="1"/>
  <c r="AC40958" i="1"/>
  <c r="AC40959" i="1"/>
  <c r="AC40960" i="1"/>
  <c r="AC40961" i="1"/>
  <c r="AC40962" i="1"/>
  <c r="AC40963" i="1"/>
  <c r="AD40963" i="1" s="1"/>
  <c r="AC40964" i="1"/>
  <c r="AC40965" i="1"/>
  <c r="AC40966" i="1"/>
  <c r="AC40967" i="1"/>
  <c r="AC40968" i="1"/>
  <c r="AC40969" i="1"/>
  <c r="AC40970" i="1"/>
  <c r="AC40971" i="1"/>
  <c r="AC40972" i="1"/>
  <c r="AC40973" i="1"/>
  <c r="AC40974" i="1"/>
  <c r="AC40975" i="1"/>
  <c r="AD40975" i="1" s="1"/>
  <c r="AC40976" i="1"/>
  <c r="AC40977" i="1"/>
  <c r="AC40978" i="1"/>
  <c r="AC40979" i="1"/>
  <c r="AC40980" i="1"/>
  <c r="AC40981" i="1"/>
  <c r="AC40982" i="1"/>
  <c r="AC40983" i="1"/>
  <c r="AC40984" i="1"/>
  <c r="AC40985" i="1"/>
  <c r="AC40986" i="1"/>
  <c r="AC40987" i="1"/>
  <c r="AD40987" i="1" s="1"/>
  <c r="AC40988" i="1"/>
  <c r="AC40989" i="1"/>
  <c r="AC40990" i="1"/>
  <c r="AC40991" i="1"/>
  <c r="AC40992" i="1"/>
  <c r="AC40993" i="1"/>
  <c r="AC40994" i="1"/>
  <c r="AC40995" i="1"/>
  <c r="AC40996" i="1"/>
  <c r="AC40997" i="1"/>
  <c r="AC40998" i="1"/>
  <c r="AC40999" i="1"/>
  <c r="AD40999" i="1" s="1"/>
  <c r="AC41000" i="1"/>
  <c r="AC41001" i="1"/>
  <c r="AC41002" i="1"/>
  <c r="AC41003" i="1"/>
  <c r="AC41004" i="1"/>
  <c r="AC41005" i="1"/>
  <c r="AC41006" i="1"/>
  <c r="AC41007" i="1"/>
  <c r="AC41008" i="1"/>
  <c r="AC41009" i="1"/>
  <c r="AC41010" i="1"/>
  <c r="AC41011" i="1"/>
  <c r="AD41011" i="1" s="1"/>
  <c r="AC41012" i="1"/>
  <c r="AC41013" i="1"/>
  <c r="AC41014" i="1"/>
  <c r="AC41015" i="1"/>
  <c r="AC41016" i="1"/>
  <c r="AC41017" i="1"/>
  <c r="AC41018" i="1"/>
  <c r="AC41019" i="1"/>
  <c r="AC41020" i="1"/>
  <c r="AC41021" i="1"/>
  <c r="AC41022" i="1"/>
  <c r="AC41023" i="1"/>
  <c r="AD41023" i="1" s="1"/>
  <c r="AC41024" i="1"/>
  <c r="AC41025" i="1"/>
  <c r="AC41026" i="1"/>
  <c r="AC41027" i="1"/>
  <c r="AC41028" i="1"/>
  <c r="AC41029" i="1"/>
  <c r="AC41030" i="1"/>
  <c r="AC41031" i="1"/>
  <c r="AC41032" i="1"/>
  <c r="AC41033" i="1"/>
  <c r="AC41034" i="1"/>
  <c r="AC41035" i="1"/>
  <c r="AD41035" i="1" s="1"/>
  <c r="AC41036" i="1"/>
  <c r="AC41037" i="1"/>
  <c r="AC41038" i="1"/>
  <c r="AC41039" i="1"/>
  <c r="AC41040" i="1"/>
  <c r="AC41041" i="1"/>
  <c r="AC41042" i="1"/>
  <c r="AC41043" i="1"/>
  <c r="AC41044" i="1"/>
  <c r="AC41045" i="1"/>
  <c r="AC41046" i="1"/>
  <c r="AC41047" i="1"/>
  <c r="AD41047" i="1" s="1"/>
  <c r="AC41048" i="1"/>
  <c r="AC41049" i="1"/>
  <c r="AC41050" i="1"/>
  <c r="AC41051" i="1"/>
  <c r="AC41052" i="1"/>
  <c r="AC41053" i="1"/>
  <c r="AC41054" i="1"/>
  <c r="AC41055" i="1"/>
  <c r="AC41056" i="1"/>
  <c r="AC41057" i="1"/>
  <c r="AC41058" i="1"/>
  <c r="AC41059" i="1"/>
  <c r="AD41059" i="1" s="1"/>
  <c r="AC41060" i="1"/>
  <c r="AC41061" i="1"/>
  <c r="AC41062" i="1"/>
  <c r="AC41063" i="1"/>
  <c r="AC41064" i="1"/>
  <c r="AC41065" i="1"/>
  <c r="AC41066" i="1"/>
  <c r="AC41067" i="1"/>
  <c r="AC41068" i="1"/>
  <c r="AC41069" i="1"/>
  <c r="AC41070" i="1"/>
  <c r="AC41071" i="1"/>
  <c r="AD41071" i="1" s="1"/>
  <c r="AC41072" i="1"/>
  <c r="AC41073" i="1"/>
  <c r="AC41074" i="1"/>
  <c r="AC41075" i="1"/>
  <c r="AC41076" i="1"/>
  <c r="AC41077" i="1"/>
  <c r="AC41078" i="1"/>
  <c r="AC41079" i="1"/>
  <c r="AC41080" i="1"/>
  <c r="AC41081" i="1"/>
  <c r="AC41082" i="1"/>
  <c r="AC41083" i="1"/>
  <c r="AD41083" i="1" s="1"/>
  <c r="AC41084" i="1"/>
  <c r="AC41085" i="1"/>
  <c r="AC41086" i="1"/>
  <c r="AC41087" i="1"/>
  <c r="AC41088" i="1"/>
  <c r="AC41089" i="1"/>
  <c r="AC41090" i="1"/>
  <c r="AC41091" i="1"/>
  <c r="AC41092" i="1"/>
  <c r="AC41093" i="1"/>
  <c r="AC41094" i="1"/>
  <c r="AC41095" i="1"/>
  <c r="AD41095" i="1" s="1"/>
  <c r="AC41096" i="1"/>
  <c r="AC41097" i="1"/>
  <c r="AC41098" i="1"/>
  <c r="AC41099" i="1"/>
  <c r="AC41100" i="1"/>
  <c r="AC41101" i="1"/>
  <c r="AC41102" i="1"/>
  <c r="AC41103" i="1"/>
  <c r="AC41104" i="1"/>
  <c r="AC41105" i="1"/>
  <c r="AC41106" i="1"/>
  <c r="AC41107" i="1"/>
  <c r="AD41107" i="1" s="1"/>
  <c r="AC41108" i="1"/>
  <c r="AC41109" i="1"/>
  <c r="AC41110" i="1"/>
  <c r="AC41111" i="1"/>
  <c r="AC41112" i="1"/>
  <c r="AC41113" i="1"/>
  <c r="AC41114" i="1"/>
  <c r="AC41115" i="1"/>
  <c r="AC41116" i="1"/>
  <c r="AC41117" i="1"/>
  <c r="AC41118" i="1"/>
  <c r="AC41119" i="1"/>
  <c r="AD41119" i="1" s="1"/>
  <c r="AC41120" i="1"/>
  <c r="AC41121" i="1"/>
  <c r="AC41122" i="1"/>
  <c r="AC41123" i="1"/>
  <c r="AC41124" i="1"/>
  <c r="AC41125" i="1"/>
  <c r="AC41126" i="1"/>
  <c r="AC41127" i="1"/>
  <c r="AC41128" i="1"/>
  <c r="AC41129" i="1"/>
  <c r="AC41130" i="1"/>
  <c r="AC41131" i="1"/>
  <c r="AD41131" i="1" s="1"/>
  <c r="AC41132" i="1"/>
  <c r="AC41133" i="1"/>
  <c r="AC41134" i="1"/>
  <c r="AC41135" i="1"/>
  <c r="AC41136" i="1"/>
  <c r="AC41137" i="1"/>
  <c r="AC41138" i="1"/>
  <c r="AC41139" i="1"/>
  <c r="AC41140" i="1"/>
  <c r="AC41141" i="1"/>
  <c r="AC41142" i="1"/>
  <c r="AC41143" i="1"/>
  <c r="AD41143" i="1" s="1"/>
  <c r="AC41144" i="1"/>
  <c r="AC41145" i="1"/>
  <c r="AC41146" i="1"/>
  <c r="AC41147" i="1"/>
  <c r="AC41148" i="1"/>
  <c r="AC41149" i="1"/>
  <c r="AC41150" i="1"/>
  <c r="AC41151" i="1"/>
  <c r="AC41152" i="1"/>
  <c r="AC41153" i="1"/>
  <c r="AC41154" i="1"/>
  <c r="AC41155" i="1"/>
  <c r="AD41155" i="1" s="1"/>
  <c r="AC41156" i="1"/>
  <c r="AC41157" i="1"/>
  <c r="AC41158" i="1"/>
  <c r="AC41159" i="1"/>
  <c r="AC41160" i="1"/>
  <c r="AC41161" i="1"/>
  <c r="AC41162" i="1"/>
  <c r="AC41163" i="1"/>
  <c r="AC41164" i="1"/>
  <c r="AC41165" i="1"/>
  <c r="AC41166" i="1"/>
  <c r="AC41167" i="1"/>
  <c r="AD41167" i="1" s="1"/>
  <c r="AC41168" i="1"/>
  <c r="AC41169" i="1"/>
  <c r="AC41170" i="1"/>
  <c r="AC41171" i="1"/>
  <c r="AC41172" i="1"/>
  <c r="AC41173" i="1"/>
  <c r="AC41174" i="1"/>
  <c r="AC41175" i="1"/>
  <c r="AC41176" i="1"/>
  <c r="AC41177" i="1"/>
  <c r="AC41178" i="1"/>
  <c r="AC41179" i="1"/>
  <c r="AD41179" i="1" s="1"/>
  <c r="AC41180" i="1"/>
  <c r="AC41181" i="1"/>
  <c r="AC41182" i="1"/>
  <c r="AC41183" i="1"/>
  <c r="AC41184" i="1"/>
  <c r="AC41185" i="1"/>
  <c r="AC41186" i="1"/>
  <c r="AC41187" i="1"/>
  <c r="AC41188" i="1"/>
  <c r="AC41189" i="1"/>
  <c r="AC41190" i="1"/>
  <c r="AC41191" i="1"/>
  <c r="AD41191" i="1" s="1"/>
  <c r="AC41192" i="1"/>
  <c r="AC41193" i="1"/>
  <c r="AC41194" i="1"/>
  <c r="AC41195" i="1"/>
  <c r="AC41196" i="1"/>
  <c r="AC41197" i="1"/>
  <c r="AC41198" i="1"/>
  <c r="AC41199" i="1"/>
  <c r="AC41200" i="1"/>
  <c r="AC41201" i="1"/>
  <c r="AC41202" i="1"/>
  <c r="AC41203" i="1"/>
  <c r="AD41203" i="1" s="1"/>
  <c r="AC41204" i="1"/>
  <c r="AC41205" i="1"/>
  <c r="AC41206" i="1"/>
  <c r="AC41207" i="1"/>
  <c r="AC41208" i="1"/>
  <c r="AC41209" i="1"/>
  <c r="AC41210" i="1"/>
  <c r="AC41211" i="1"/>
  <c r="AC41212" i="1"/>
  <c r="AC41213" i="1"/>
  <c r="AC41214" i="1"/>
  <c r="AC41215" i="1"/>
  <c r="AD41215" i="1" s="1"/>
  <c r="AC41216" i="1"/>
  <c r="AC41217" i="1"/>
  <c r="AC41218" i="1"/>
  <c r="AC41219" i="1"/>
  <c r="AC41220" i="1"/>
  <c r="AC41221" i="1"/>
  <c r="AC41222" i="1"/>
  <c r="AC41223" i="1"/>
  <c r="AC41224" i="1"/>
  <c r="AC41225" i="1"/>
  <c r="AC41226" i="1"/>
  <c r="AC41227" i="1"/>
  <c r="AD41227" i="1" s="1"/>
  <c r="AC41228" i="1"/>
  <c r="AC41229" i="1"/>
  <c r="AC41230" i="1"/>
  <c r="AC41231" i="1"/>
  <c r="AC41232" i="1"/>
  <c r="AC41233" i="1"/>
  <c r="AC41234" i="1"/>
  <c r="AC41235" i="1"/>
  <c r="AC41236" i="1"/>
  <c r="AC41237" i="1"/>
  <c r="AC41238" i="1"/>
  <c r="AC41239" i="1"/>
  <c r="AD41239" i="1" s="1"/>
  <c r="AC41240" i="1"/>
  <c r="AC41241" i="1"/>
  <c r="AC41242" i="1"/>
  <c r="AC41243" i="1"/>
  <c r="AC41244" i="1"/>
  <c r="AC41245" i="1"/>
  <c r="AC41246" i="1"/>
  <c r="AC41247" i="1"/>
  <c r="AC41248" i="1"/>
  <c r="AC41249" i="1"/>
  <c r="AC41250" i="1"/>
  <c r="AC41251" i="1"/>
  <c r="AD41251" i="1" s="1"/>
  <c r="AC41252" i="1"/>
  <c r="AC41253" i="1"/>
  <c r="AC41254" i="1"/>
  <c r="AC41255" i="1"/>
  <c r="AC41256" i="1"/>
  <c r="AC41257" i="1"/>
  <c r="AC41258" i="1"/>
  <c r="AC41259" i="1"/>
  <c r="AC41260" i="1"/>
  <c r="AC41261" i="1"/>
  <c r="AC41262" i="1"/>
  <c r="AC41263" i="1"/>
  <c r="AD41263" i="1" s="1"/>
  <c r="AC41264" i="1"/>
  <c r="AC41265" i="1"/>
  <c r="AC41266" i="1"/>
  <c r="AC41267" i="1"/>
  <c r="AC41268" i="1"/>
  <c r="AC41269" i="1"/>
  <c r="AC41270" i="1"/>
  <c r="AC41271" i="1"/>
  <c r="AC41272" i="1"/>
  <c r="AC41273" i="1"/>
  <c r="AC41274" i="1"/>
  <c r="AC41275" i="1"/>
  <c r="AD41275" i="1" s="1"/>
  <c r="AC41276" i="1"/>
  <c r="AC41277" i="1"/>
  <c r="AC41278" i="1"/>
  <c r="AC41279" i="1"/>
  <c r="AC41280" i="1"/>
  <c r="AC41281" i="1"/>
  <c r="AC41282" i="1"/>
  <c r="AC41283" i="1"/>
  <c r="AC41284" i="1"/>
  <c r="AC41285" i="1"/>
  <c r="AC41286" i="1"/>
  <c r="AC41287" i="1"/>
  <c r="AD41287" i="1" s="1"/>
  <c r="AC41288" i="1"/>
  <c r="AC41289" i="1"/>
  <c r="AC41290" i="1"/>
  <c r="AC41291" i="1"/>
  <c r="AC41292" i="1"/>
  <c r="AC41293" i="1"/>
  <c r="AC41294" i="1"/>
  <c r="AC41295" i="1"/>
  <c r="AC41296" i="1"/>
  <c r="AC41297" i="1"/>
  <c r="AC41298" i="1"/>
  <c r="AC41299" i="1"/>
  <c r="AD41299" i="1" s="1"/>
  <c r="AC41300" i="1"/>
  <c r="AC41301" i="1"/>
  <c r="AC41302" i="1"/>
  <c r="AC41303" i="1"/>
  <c r="AC41304" i="1"/>
  <c r="AC41305" i="1"/>
  <c r="AC41306" i="1"/>
  <c r="AC41307" i="1"/>
  <c r="AC41308" i="1"/>
  <c r="AC41309" i="1"/>
  <c r="AC41310" i="1"/>
  <c r="AC41311" i="1"/>
  <c r="AD41311" i="1" s="1"/>
  <c r="AC41312" i="1"/>
  <c r="AC41313" i="1"/>
  <c r="AC41314" i="1"/>
  <c r="AC41315" i="1"/>
  <c r="AC41316" i="1"/>
  <c r="AC41317" i="1"/>
  <c r="AC41318" i="1"/>
  <c r="AC41319" i="1"/>
  <c r="AC41320" i="1"/>
  <c r="AC41321" i="1"/>
  <c r="AC41322" i="1"/>
  <c r="AC41323" i="1"/>
  <c r="AD41323" i="1" s="1"/>
  <c r="AC41324" i="1"/>
  <c r="AC41325" i="1"/>
  <c r="AC41326" i="1"/>
  <c r="AC41327" i="1"/>
  <c r="AC41328" i="1"/>
  <c r="AC41329" i="1"/>
  <c r="AC41330" i="1"/>
  <c r="AC41331" i="1"/>
  <c r="AC41332" i="1"/>
  <c r="AC41333" i="1"/>
  <c r="AC41334" i="1"/>
  <c r="AC41335" i="1"/>
  <c r="AD41335" i="1" s="1"/>
  <c r="AC41336" i="1"/>
  <c r="AC41337" i="1"/>
  <c r="AC41338" i="1"/>
  <c r="AC41339" i="1"/>
  <c r="AC41340" i="1"/>
  <c r="AC41341" i="1"/>
  <c r="AC41342" i="1"/>
  <c r="AC41343" i="1"/>
  <c r="AC41344" i="1"/>
  <c r="AC41345" i="1"/>
  <c r="AC41346" i="1"/>
  <c r="AC41347" i="1"/>
  <c r="AD41347" i="1" s="1"/>
  <c r="AC41348" i="1"/>
  <c r="AC41349" i="1"/>
  <c r="AC41350" i="1"/>
  <c r="AC41351" i="1"/>
  <c r="AC41352" i="1"/>
  <c r="AC41353" i="1"/>
  <c r="AC41354" i="1"/>
  <c r="AC41355" i="1"/>
  <c r="AC41356" i="1"/>
  <c r="AC41357" i="1"/>
  <c r="AC41358" i="1"/>
  <c r="AC41359" i="1"/>
  <c r="AD41359" i="1" s="1"/>
  <c r="AC41360" i="1"/>
  <c r="AC41361" i="1"/>
  <c r="AC41362" i="1"/>
  <c r="AC41363" i="1"/>
  <c r="AC41364" i="1"/>
  <c r="AC41365" i="1"/>
  <c r="AC41366" i="1"/>
  <c r="AC41367" i="1"/>
  <c r="AC41368" i="1"/>
  <c r="AC41369" i="1"/>
  <c r="AC41370" i="1"/>
  <c r="AC41371" i="1"/>
  <c r="AD41371" i="1" s="1"/>
  <c r="AC41372" i="1"/>
  <c r="AC41373" i="1"/>
  <c r="AC41374" i="1"/>
  <c r="AC41375" i="1"/>
  <c r="AC41376" i="1"/>
  <c r="AC41377" i="1"/>
  <c r="AC41378" i="1"/>
  <c r="AC41379" i="1"/>
  <c r="AC41380" i="1"/>
  <c r="AC41381" i="1"/>
  <c r="AC41382" i="1"/>
  <c r="AC41383" i="1"/>
  <c r="AD41383" i="1" s="1"/>
  <c r="AC41384" i="1"/>
  <c r="AC41385" i="1"/>
  <c r="AC41386" i="1"/>
  <c r="AC41387" i="1"/>
  <c r="AC41388" i="1"/>
  <c r="AC41389" i="1"/>
  <c r="AC41390" i="1"/>
  <c r="AC41391" i="1"/>
  <c r="AC41392" i="1"/>
  <c r="AC41393" i="1"/>
  <c r="AC41394" i="1"/>
  <c r="AC41395" i="1"/>
  <c r="AD41395" i="1" s="1"/>
  <c r="AC41396" i="1"/>
  <c r="AC41397" i="1"/>
  <c r="AC41398" i="1"/>
  <c r="AC41399" i="1"/>
  <c r="AC41400" i="1"/>
  <c r="AC41401" i="1"/>
  <c r="AC41402" i="1"/>
  <c r="AC41403" i="1"/>
  <c r="AC41404" i="1"/>
  <c r="AC41405" i="1"/>
  <c r="AC41406" i="1"/>
  <c r="AC41407" i="1"/>
  <c r="AD41407" i="1" s="1"/>
  <c r="AC41408" i="1"/>
  <c r="AC41409" i="1"/>
  <c r="AC41410" i="1"/>
  <c r="AC41411" i="1"/>
  <c r="AC41412" i="1"/>
  <c r="AC41413" i="1"/>
  <c r="AC41414" i="1"/>
  <c r="AC41415" i="1"/>
  <c r="AC41416" i="1"/>
  <c r="AC41417" i="1"/>
  <c r="AC41418" i="1"/>
  <c r="AC41419" i="1"/>
  <c r="AD41419" i="1" s="1"/>
  <c r="AC41420" i="1"/>
  <c r="AC41421" i="1"/>
  <c r="AC41422" i="1"/>
  <c r="AC41423" i="1"/>
  <c r="AC41424" i="1"/>
  <c r="AC41425" i="1"/>
  <c r="AC41426" i="1"/>
  <c r="AC41427" i="1"/>
  <c r="AC41428" i="1"/>
  <c r="AC41429" i="1"/>
  <c r="AC41430" i="1"/>
  <c r="AC41431" i="1"/>
  <c r="AD41431" i="1" s="1"/>
  <c r="AC41432" i="1"/>
  <c r="AC41433" i="1"/>
  <c r="AC41434" i="1"/>
  <c r="AC41435" i="1"/>
  <c r="AC41436" i="1"/>
  <c r="AC41437" i="1"/>
  <c r="AC41438" i="1"/>
  <c r="AC41439" i="1"/>
  <c r="AC41440" i="1"/>
  <c r="AC41441" i="1"/>
  <c r="AC41442" i="1"/>
  <c r="AC41443" i="1"/>
  <c r="AD41443" i="1" s="1"/>
  <c r="AC41444" i="1"/>
  <c r="AC41445" i="1"/>
  <c r="AC41446" i="1"/>
  <c r="AC41447" i="1"/>
  <c r="AC41448" i="1"/>
  <c r="AC41449" i="1"/>
  <c r="AC41450" i="1"/>
  <c r="AC41451" i="1"/>
  <c r="AC41452" i="1"/>
  <c r="AC41453" i="1"/>
  <c r="AC41454" i="1"/>
  <c r="AC41455" i="1"/>
  <c r="AD41455" i="1" s="1"/>
  <c r="AC41456" i="1"/>
  <c r="AC41457" i="1"/>
  <c r="AC41458" i="1"/>
  <c r="AC41459" i="1"/>
  <c r="AC41460" i="1"/>
  <c r="AC41461" i="1"/>
  <c r="AC41462" i="1"/>
  <c r="AC41463" i="1"/>
  <c r="AC41464" i="1"/>
  <c r="AC41465" i="1"/>
  <c r="AC41466" i="1"/>
  <c r="AC41467" i="1"/>
  <c r="AD41467" i="1" s="1"/>
  <c r="AC41468" i="1"/>
  <c r="AC41469" i="1"/>
  <c r="AC41470" i="1"/>
  <c r="AC41471" i="1"/>
  <c r="AC41472" i="1"/>
  <c r="AC41473" i="1"/>
  <c r="AC41474" i="1"/>
  <c r="AC41475" i="1"/>
  <c r="AC41476" i="1"/>
  <c r="AC41477" i="1"/>
  <c r="AC41478" i="1"/>
  <c r="AC41479" i="1"/>
  <c r="AD41479" i="1" s="1"/>
  <c r="AC41480" i="1"/>
  <c r="AC41481" i="1"/>
  <c r="AC41482" i="1"/>
  <c r="AC41483" i="1"/>
  <c r="AC41484" i="1"/>
  <c r="AC41485" i="1"/>
  <c r="AC41486" i="1"/>
  <c r="AC41487" i="1"/>
  <c r="AC41488" i="1"/>
  <c r="AC41489" i="1"/>
  <c r="AC41490" i="1"/>
  <c r="AC41491" i="1"/>
  <c r="AD41491" i="1" s="1"/>
  <c r="AC41492" i="1"/>
  <c r="AC41493" i="1"/>
  <c r="AC41494" i="1"/>
  <c r="AC41495" i="1"/>
  <c r="AC41496" i="1"/>
  <c r="AC41497" i="1"/>
  <c r="AC41498" i="1"/>
  <c r="AC41499" i="1"/>
  <c r="AC41500" i="1"/>
  <c r="AC41501" i="1"/>
  <c r="AC41502" i="1"/>
  <c r="AC41503" i="1"/>
  <c r="AD41503" i="1" s="1"/>
  <c r="AC41504" i="1"/>
  <c r="AC41505" i="1"/>
  <c r="AC41506" i="1"/>
  <c r="AC41507" i="1"/>
  <c r="AC41508" i="1"/>
  <c r="AC41509" i="1"/>
  <c r="AC41510" i="1"/>
  <c r="AC41511" i="1"/>
  <c r="AC41512" i="1"/>
  <c r="AC41513" i="1"/>
  <c r="AC41514" i="1"/>
  <c r="AC41515" i="1"/>
  <c r="AD41515" i="1" s="1"/>
  <c r="AC41516" i="1"/>
  <c r="AC41517" i="1"/>
  <c r="AC41518" i="1"/>
  <c r="AC41519" i="1"/>
  <c r="AC41520" i="1"/>
  <c r="AC41521" i="1"/>
  <c r="AC41522" i="1"/>
  <c r="AC41523" i="1"/>
  <c r="AC41524" i="1"/>
  <c r="AC41525" i="1"/>
  <c r="AC41526" i="1"/>
  <c r="AC41527" i="1"/>
  <c r="AD41527" i="1" s="1"/>
  <c r="AC41528" i="1"/>
  <c r="AC41529" i="1"/>
  <c r="AC41530" i="1"/>
  <c r="AC41531" i="1"/>
  <c r="AC41532" i="1"/>
  <c r="AC41533" i="1"/>
  <c r="AC41534" i="1"/>
  <c r="AC41535" i="1"/>
  <c r="AC41536" i="1"/>
  <c r="AC41537" i="1"/>
  <c r="AC41538" i="1"/>
  <c r="AC41539" i="1"/>
  <c r="AD41539" i="1" s="1"/>
  <c r="AC41540" i="1"/>
  <c r="AC41541" i="1"/>
  <c r="AC41542" i="1"/>
  <c r="AC41543" i="1"/>
  <c r="AC41544" i="1"/>
  <c r="AC41545" i="1"/>
  <c r="AC41546" i="1"/>
  <c r="AC41547" i="1"/>
  <c r="AC41548" i="1"/>
  <c r="AC41549" i="1"/>
  <c r="AC41550" i="1"/>
  <c r="AC41551" i="1"/>
  <c r="AD41551" i="1" s="1"/>
  <c r="AC41552" i="1"/>
  <c r="AC41553" i="1"/>
  <c r="AC41554" i="1"/>
  <c r="AC41555" i="1"/>
  <c r="AC41556" i="1"/>
  <c r="AC41557" i="1"/>
  <c r="AC41558" i="1"/>
  <c r="AC41559" i="1"/>
  <c r="AC41560" i="1"/>
  <c r="AC41561" i="1"/>
  <c r="AC41562" i="1"/>
  <c r="AC41563" i="1"/>
  <c r="AD41563" i="1" s="1"/>
  <c r="AC41564" i="1"/>
  <c r="AC41565" i="1"/>
  <c r="AC41566" i="1"/>
  <c r="AC41567" i="1"/>
  <c r="AC41568" i="1"/>
  <c r="AC41569" i="1"/>
  <c r="AC41570" i="1"/>
  <c r="AC41571" i="1"/>
  <c r="AC41572" i="1"/>
  <c r="AC41573" i="1"/>
  <c r="AC41574" i="1"/>
  <c r="AC41575" i="1"/>
  <c r="AD41575" i="1" s="1"/>
  <c r="AC41576" i="1"/>
  <c r="AC41577" i="1"/>
  <c r="AC41578" i="1"/>
  <c r="AC41579" i="1"/>
  <c r="AC41580" i="1"/>
  <c r="AC41581" i="1"/>
  <c r="AC41582" i="1"/>
  <c r="AC41583" i="1"/>
  <c r="AC41584" i="1"/>
  <c r="AC41585" i="1"/>
  <c r="AC41586" i="1"/>
  <c r="AC41587" i="1"/>
  <c r="AD41587" i="1" s="1"/>
  <c r="AC41588" i="1"/>
  <c r="AC41589" i="1"/>
  <c r="AC41590" i="1"/>
  <c r="AC41591" i="1"/>
  <c r="AC41592" i="1"/>
  <c r="AC41593" i="1"/>
  <c r="AC41594" i="1"/>
  <c r="AC41595" i="1"/>
  <c r="AC41596" i="1"/>
  <c r="AC41597" i="1"/>
  <c r="AC41598" i="1"/>
  <c r="AC41599" i="1"/>
  <c r="AD41599" i="1" s="1"/>
  <c r="AC41600" i="1"/>
  <c r="AC41601" i="1"/>
  <c r="AC41602" i="1"/>
  <c r="AC41603" i="1"/>
  <c r="AC41604" i="1"/>
  <c r="AC41605" i="1"/>
  <c r="AC41606" i="1"/>
  <c r="AC41607" i="1"/>
  <c r="AC41608" i="1"/>
  <c r="AC41609" i="1"/>
  <c r="AC41610" i="1"/>
  <c r="AC41611" i="1"/>
  <c r="AD41611" i="1" s="1"/>
  <c r="AC41612" i="1"/>
  <c r="AC41613" i="1"/>
  <c r="AC41614" i="1"/>
  <c r="AC41615" i="1"/>
  <c r="AC41616" i="1"/>
  <c r="AC41617" i="1"/>
  <c r="AC41618" i="1"/>
  <c r="AC41619" i="1"/>
  <c r="AC41620" i="1"/>
  <c r="AC41621" i="1"/>
  <c r="AC41622" i="1"/>
  <c r="AC41623" i="1"/>
  <c r="AD41623" i="1" s="1"/>
  <c r="AC41624" i="1"/>
  <c r="AC41625" i="1"/>
  <c r="AC41626" i="1"/>
  <c r="AC41627" i="1"/>
  <c r="AC41628" i="1"/>
  <c r="AC41629" i="1"/>
  <c r="AC41630" i="1"/>
  <c r="AC41631" i="1"/>
  <c r="AC41632" i="1"/>
  <c r="AC41633" i="1"/>
  <c r="AC41634" i="1"/>
  <c r="AC41635" i="1"/>
  <c r="AD41635" i="1" s="1"/>
  <c r="AC41636" i="1"/>
  <c r="AC41637" i="1"/>
  <c r="AC41638" i="1"/>
  <c r="AC41639" i="1"/>
  <c r="AC41640" i="1"/>
  <c r="AC41641" i="1"/>
  <c r="AC41642" i="1"/>
  <c r="AC41643" i="1"/>
  <c r="AC41644" i="1"/>
  <c r="AC41645" i="1"/>
  <c r="AC41646" i="1"/>
  <c r="AC41647" i="1"/>
  <c r="AD41647" i="1" s="1"/>
  <c r="AC41648" i="1"/>
  <c r="AC41649" i="1"/>
  <c r="AC41650" i="1"/>
  <c r="AC41651" i="1"/>
  <c r="AC41652" i="1"/>
  <c r="AC41653" i="1"/>
  <c r="AC41654" i="1"/>
  <c r="AC41655" i="1"/>
  <c r="AC41656" i="1"/>
  <c r="AC41657" i="1"/>
  <c r="AC41658" i="1"/>
  <c r="AC41659" i="1"/>
  <c r="AD41659" i="1" s="1"/>
  <c r="AC41660" i="1"/>
  <c r="AC41661" i="1"/>
  <c r="AC41662" i="1"/>
  <c r="AC41663" i="1"/>
  <c r="AC41664" i="1"/>
  <c r="AC41665" i="1"/>
  <c r="AC41666" i="1"/>
  <c r="AC41667" i="1"/>
  <c r="AC41668" i="1"/>
  <c r="AC41669" i="1"/>
  <c r="AC41670" i="1"/>
  <c r="AC41671" i="1"/>
  <c r="AD41671" i="1" s="1"/>
  <c r="AC41672" i="1"/>
  <c r="AC41673" i="1"/>
  <c r="AC41674" i="1"/>
  <c r="AC41675" i="1"/>
  <c r="AC41676" i="1"/>
  <c r="AC41677" i="1"/>
  <c r="AC41678" i="1"/>
  <c r="AC41679" i="1"/>
  <c r="AC41680" i="1"/>
  <c r="AC41681" i="1"/>
  <c r="AC41682" i="1"/>
  <c r="AC41683" i="1"/>
  <c r="AD41683" i="1" s="1"/>
  <c r="AC41684" i="1"/>
  <c r="AC41685" i="1"/>
  <c r="AC41686" i="1"/>
  <c r="AC41687" i="1"/>
  <c r="AC41688" i="1"/>
  <c r="AC41689" i="1"/>
  <c r="AC41690" i="1"/>
  <c r="AC41691" i="1"/>
  <c r="AC41692" i="1"/>
  <c r="AC41693" i="1"/>
  <c r="AC41694" i="1"/>
  <c r="AC41695" i="1"/>
  <c r="AD41695" i="1" s="1"/>
  <c r="AC41696" i="1"/>
  <c r="AC41697" i="1"/>
  <c r="AC41698" i="1"/>
  <c r="AC41699" i="1"/>
  <c r="AC41700" i="1"/>
  <c r="AC41701" i="1"/>
  <c r="AC41702" i="1"/>
  <c r="AC41703" i="1"/>
  <c r="AC41704" i="1"/>
  <c r="AC41705" i="1"/>
  <c r="AC41706" i="1"/>
  <c r="AC41707" i="1"/>
  <c r="AD41707" i="1" s="1"/>
  <c r="AC41708" i="1"/>
  <c r="AC41709" i="1"/>
  <c r="AC41710" i="1"/>
  <c r="AC41711" i="1"/>
  <c r="AC41712" i="1"/>
  <c r="AC41713" i="1"/>
  <c r="AC41714" i="1"/>
  <c r="AC41715" i="1"/>
  <c r="AC41716" i="1"/>
  <c r="AC41717" i="1"/>
  <c r="AC41718" i="1"/>
  <c r="AC41719" i="1"/>
  <c r="AD41719" i="1" s="1"/>
  <c r="AC41720" i="1"/>
  <c r="AC41721" i="1"/>
  <c r="AC41722" i="1"/>
  <c r="AC41723" i="1"/>
  <c r="AC41724" i="1"/>
  <c r="AC41725" i="1"/>
  <c r="AC41726" i="1"/>
  <c r="AC41727" i="1"/>
  <c r="AC41728" i="1"/>
  <c r="AC41729" i="1"/>
  <c r="AC41730" i="1"/>
  <c r="AC41731" i="1"/>
  <c r="AD41731" i="1" s="1"/>
  <c r="AC41732" i="1"/>
  <c r="AC41733" i="1"/>
  <c r="AC41734" i="1"/>
  <c r="AC41735" i="1"/>
  <c r="AC41736" i="1"/>
  <c r="AC41737" i="1"/>
  <c r="AC41738" i="1"/>
  <c r="AC41739" i="1"/>
  <c r="AC41740" i="1"/>
  <c r="AC41741" i="1"/>
  <c r="AC41742" i="1"/>
  <c r="AC41743" i="1"/>
  <c r="AD41743" i="1" s="1"/>
  <c r="AC41744" i="1"/>
  <c r="AC41745" i="1"/>
  <c r="AC41746" i="1"/>
  <c r="AC41747" i="1"/>
  <c r="AC41748" i="1"/>
  <c r="AC41749" i="1"/>
  <c r="AC41750" i="1"/>
  <c r="AC41751" i="1"/>
  <c r="AC41752" i="1"/>
  <c r="AC41753" i="1"/>
  <c r="AC41754" i="1"/>
  <c r="AC41755" i="1"/>
  <c r="AD41755" i="1" s="1"/>
  <c r="AC41756" i="1"/>
  <c r="AC41757" i="1"/>
  <c r="AC41758" i="1"/>
  <c r="AC41759" i="1"/>
  <c r="AC41760" i="1"/>
  <c r="AC41761" i="1"/>
  <c r="AC41762" i="1"/>
  <c r="AC41763" i="1"/>
  <c r="AC41764" i="1"/>
  <c r="AC41765" i="1"/>
  <c r="AC41766" i="1"/>
  <c r="AC41767" i="1"/>
  <c r="AD41767" i="1" s="1"/>
  <c r="AC41768" i="1"/>
  <c r="AC41769" i="1"/>
  <c r="AC41770" i="1"/>
  <c r="AC41771" i="1"/>
  <c r="AC41772" i="1"/>
  <c r="AC41773" i="1"/>
  <c r="AC41774" i="1"/>
  <c r="AC41775" i="1"/>
  <c r="AC41776" i="1"/>
  <c r="AC41777" i="1"/>
  <c r="AC41778" i="1"/>
  <c r="AC41779" i="1"/>
  <c r="AD41779" i="1" s="1"/>
  <c r="AC41780" i="1"/>
  <c r="AC41781" i="1"/>
  <c r="AC41782" i="1"/>
  <c r="AC41783" i="1"/>
  <c r="AC41784" i="1"/>
  <c r="AC41785" i="1"/>
  <c r="AC41786" i="1"/>
  <c r="AC41787" i="1"/>
  <c r="AC41788" i="1"/>
  <c r="AC41789" i="1"/>
  <c r="AC41790" i="1"/>
  <c r="AC41791" i="1"/>
  <c r="AD41791" i="1" s="1"/>
  <c r="AC41792" i="1"/>
  <c r="AC41793" i="1"/>
  <c r="AC41794" i="1"/>
  <c r="AC41795" i="1"/>
  <c r="AC41796" i="1"/>
  <c r="AC41797" i="1"/>
  <c r="AC41798" i="1"/>
  <c r="AC41799" i="1"/>
  <c r="AC41800" i="1"/>
  <c r="AC41801" i="1"/>
  <c r="AC41802" i="1"/>
  <c r="AC41803" i="1"/>
  <c r="AD41803" i="1" s="1"/>
  <c r="AC41804" i="1"/>
  <c r="AC41805" i="1"/>
  <c r="AC41806" i="1"/>
  <c r="AC41807" i="1"/>
  <c r="AC41808" i="1"/>
  <c r="AC41809" i="1"/>
  <c r="AC41810" i="1"/>
  <c r="AC41811" i="1"/>
  <c r="AC41812" i="1"/>
  <c r="AC41813" i="1"/>
  <c r="AC41814" i="1"/>
  <c r="AC41815" i="1"/>
  <c r="AD41815" i="1" s="1"/>
  <c r="AC41816" i="1"/>
  <c r="AC41817" i="1"/>
  <c r="AC41818" i="1"/>
  <c r="AC41819" i="1"/>
  <c r="AC41820" i="1"/>
  <c r="AC41821" i="1"/>
  <c r="AC41822" i="1"/>
  <c r="AC41823" i="1"/>
  <c r="AC41824" i="1"/>
  <c r="AC41825" i="1"/>
  <c r="AC41826" i="1"/>
  <c r="AC41827" i="1"/>
  <c r="AD41827" i="1" s="1"/>
  <c r="AC41828" i="1"/>
  <c r="AC41829" i="1"/>
  <c r="AC41830" i="1"/>
  <c r="AC41831" i="1"/>
  <c r="AC41832" i="1"/>
  <c r="AC41833" i="1"/>
  <c r="AC41834" i="1"/>
  <c r="AC41835" i="1"/>
  <c r="AC41836" i="1"/>
  <c r="AC41837" i="1"/>
  <c r="AC41838" i="1"/>
  <c r="AC41839" i="1"/>
  <c r="AD41839" i="1" s="1"/>
  <c r="AC41840" i="1"/>
  <c r="AC41841" i="1"/>
  <c r="AC41842" i="1"/>
  <c r="AC41843" i="1"/>
  <c r="AC41844" i="1"/>
  <c r="AC41845" i="1"/>
  <c r="AC41846" i="1"/>
  <c r="AC41847" i="1"/>
  <c r="AC41848" i="1"/>
  <c r="AC41849" i="1"/>
  <c r="AC41850" i="1"/>
  <c r="AC41851" i="1"/>
  <c r="AD41851" i="1" s="1"/>
  <c r="AC41852" i="1"/>
  <c r="AC41853" i="1"/>
  <c r="AC41854" i="1"/>
  <c r="AC41855" i="1"/>
  <c r="AC41856" i="1"/>
  <c r="AC41857" i="1"/>
  <c r="AC41858" i="1"/>
  <c r="AC41859" i="1"/>
  <c r="AC41860" i="1"/>
  <c r="AC41861" i="1"/>
  <c r="AC41862" i="1"/>
  <c r="AC41863" i="1"/>
  <c r="AD41863" i="1" s="1"/>
  <c r="AC41864" i="1"/>
  <c r="AC41865" i="1"/>
  <c r="AC41866" i="1"/>
  <c r="AC41867" i="1"/>
  <c r="AC41868" i="1"/>
  <c r="AC41869" i="1"/>
  <c r="AC41870" i="1"/>
  <c r="AC41871" i="1"/>
  <c r="AC41872" i="1"/>
  <c r="AC41873" i="1"/>
  <c r="AC41874" i="1"/>
  <c r="AC41875" i="1"/>
  <c r="AD41875" i="1" s="1"/>
  <c r="AC41876" i="1"/>
  <c r="AC41877" i="1"/>
  <c r="AC41878" i="1"/>
  <c r="AC41879" i="1"/>
  <c r="AC41880" i="1"/>
  <c r="AC41881" i="1"/>
  <c r="AC41882" i="1"/>
  <c r="AC41883" i="1"/>
  <c r="AC41884" i="1"/>
  <c r="AC41885" i="1"/>
  <c r="AC41886" i="1"/>
  <c r="AC41887" i="1"/>
  <c r="AD41887" i="1" s="1"/>
  <c r="AC41888" i="1"/>
  <c r="AC41889" i="1"/>
  <c r="AC41890" i="1"/>
  <c r="AC41891" i="1"/>
  <c r="AC41892" i="1"/>
  <c r="AC41893" i="1"/>
  <c r="AC41894" i="1"/>
  <c r="AC41895" i="1"/>
  <c r="AC41896" i="1"/>
  <c r="AC41897" i="1"/>
  <c r="AC41898" i="1"/>
  <c r="AC41899" i="1"/>
  <c r="AD41899" i="1" s="1"/>
  <c r="AC41900" i="1"/>
  <c r="AC41901" i="1"/>
  <c r="AC41902" i="1"/>
  <c r="AC41903" i="1"/>
  <c r="AC41904" i="1"/>
  <c r="AC41905" i="1"/>
  <c r="AC41906" i="1"/>
  <c r="AC41907" i="1"/>
  <c r="AC41908" i="1"/>
  <c r="AC41909" i="1"/>
  <c r="AC41910" i="1"/>
  <c r="AC41911" i="1"/>
  <c r="AD41911" i="1" s="1"/>
  <c r="AC41912" i="1"/>
  <c r="AC41913" i="1"/>
  <c r="AC41914" i="1"/>
  <c r="AC41915" i="1"/>
  <c r="AC41916" i="1"/>
  <c r="AC41917" i="1"/>
  <c r="AC41918" i="1"/>
  <c r="AC41919" i="1"/>
  <c r="AC41920" i="1"/>
  <c r="AC41921" i="1"/>
  <c r="AC41922" i="1"/>
  <c r="AC41923" i="1"/>
  <c r="AD41923" i="1" s="1"/>
  <c r="AC41924" i="1"/>
  <c r="AC41925" i="1"/>
  <c r="AC41926" i="1"/>
  <c r="AC41927" i="1"/>
  <c r="AC41928" i="1"/>
  <c r="AC41929" i="1"/>
  <c r="AC41930" i="1"/>
  <c r="AC41931" i="1"/>
  <c r="AC41932" i="1"/>
  <c r="AC41933" i="1"/>
  <c r="AC41934" i="1"/>
  <c r="AC41935" i="1"/>
  <c r="AD41935" i="1" s="1"/>
  <c r="AC41936" i="1"/>
  <c r="AC41937" i="1"/>
  <c r="AC41938" i="1"/>
  <c r="AC41939" i="1"/>
  <c r="AC41940" i="1"/>
  <c r="AC41941" i="1"/>
  <c r="AC41942" i="1"/>
  <c r="AC41943" i="1"/>
  <c r="AC41944" i="1"/>
  <c r="AC41945" i="1"/>
  <c r="AC41946" i="1"/>
  <c r="AC41947" i="1"/>
  <c r="AD41947" i="1" s="1"/>
  <c r="AC41948" i="1"/>
  <c r="AC41949" i="1"/>
  <c r="AC41950" i="1"/>
  <c r="AC41951" i="1"/>
  <c r="AC41952" i="1"/>
  <c r="AC41953" i="1"/>
  <c r="AC41954" i="1"/>
  <c r="AC41955" i="1"/>
  <c r="AC41956" i="1"/>
  <c r="AC41957" i="1"/>
  <c r="AC41958" i="1"/>
  <c r="AC41959" i="1"/>
  <c r="AD41959" i="1" s="1"/>
  <c r="AC41960" i="1"/>
  <c r="AC41961" i="1"/>
  <c r="AC41962" i="1"/>
  <c r="AC41963" i="1"/>
  <c r="AC41964" i="1"/>
  <c r="AC41965" i="1"/>
  <c r="AC41966" i="1"/>
  <c r="AC41967" i="1"/>
  <c r="AC41968" i="1"/>
  <c r="AC41969" i="1"/>
  <c r="AC41970" i="1"/>
  <c r="AC41971" i="1"/>
  <c r="AD41971" i="1" s="1"/>
  <c r="AC41972" i="1"/>
  <c r="AC41973" i="1"/>
  <c r="AC41974" i="1"/>
  <c r="AC41975" i="1"/>
  <c r="AC41976" i="1"/>
  <c r="AC41977" i="1"/>
  <c r="AC41978" i="1"/>
  <c r="AC41979" i="1"/>
  <c r="AC41980" i="1"/>
  <c r="AC41981" i="1"/>
  <c r="AC41982" i="1"/>
  <c r="AC41983" i="1"/>
  <c r="AD41983" i="1" s="1"/>
  <c r="AC41984" i="1"/>
  <c r="AC41985" i="1"/>
  <c r="AC41986" i="1"/>
  <c r="AC41987" i="1"/>
  <c r="AC41988" i="1"/>
  <c r="AC41989" i="1"/>
  <c r="AC41990" i="1"/>
  <c r="AC41991" i="1"/>
  <c r="AC41992" i="1"/>
  <c r="AC41993" i="1"/>
  <c r="AC41994" i="1"/>
  <c r="AC41995" i="1"/>
  <c r="AD41995" i="1" s="1"/>
  <c r="AC41996" i="1"/>
  <c r="AC41997" i="1"/>
  <c r="AC41998" i="1"/>
  <c r="AC41999" i="1"/>
  <c r="AC42000" i="1"/>
  <c r="AC42001" i="1"/>
  <c r="AC42002" i="1"/>
  <c r="AC42003" i="1"/>
  <c r="AC42004" i="1"/>
  <c r="AC42005" i="1"/>
  <c r="AC42006" i="1"/>
  <c r="AC42007" i="1"/>
  <c r="AD42007" i="1" s="1"/>
  <c r="AC42008" i="1"/>
  <c r="AC42009" i="1"/>
  <c r="AC42010" i="1"/>
  <c r="AC42011" i="1"/>
  <c r="AC42012" i="1"/>
  <c r="AC42013" i="1"/>
  <c r="AC42014" i="1"/>
  <c r="AC42015" i="1"/>
  <c r="AC42016" i="1"/>
  <c r="AC42017" i="1"/>
  <c r="AC42018" i="1"/>
  <c r="AC42019" i="1"/>
  <c r="AD42019" i="1" s="1"/>
  <c r="AC42020" i="1"/>
  <c r="AC42021" i="1"/>
  <c r="AC42022" i="1"/>
  <c r="AC42023" i="1"/>
  <c r="AC42024" i="1"/>
  <c r="AC42025" i="1"/>
  <c r="AC42026" i="1"/>
  <c r="AC42027" i="1"/>
  <c r="AC42028" i="1"/>
  <c r="AC42029" i="1"/>
  <c r="AC42030" i="1"/>
  <c r="AC42031" i="1"/>
  <c r="AD42031" i="1" s="1"/>
  <c r="AC42032" i="1"/>
  <c r="AC42033" i="1"/>
  <c r="AC42034" i="1"/>
  <c r="AC42035" i="1"/>
  <c r="AC42036" i="1"/>
  <c r="AC42037" i="1"/>
  <c r="AC42038" i="1"/>
  <c r="AC42039" i="1"/>
  <c r="AC42040" i="1"/>
  <c r="AC42041" i="1"/>
  <c r="AC42042" i="1"/>
  <c r="AC42043" i="1"/>
  <c r="AD42043" i="1" s="1"/>
  <c r="AC42044" i="1"/>
  <c r="AC42045" i="1"/>
  <c r="AC42046" i="1"/>
  <c r="AC42047" i="1"/>
  <c r="AC42048" i="1"/>
  <c r="AC42049" i="1"/>
  <c r="AC42050" i="1"/>
  <c r="AC42051" i="1"/>
  <c r="AC42052" i="1"/>
  <c r="AC42053" i="1"/>
  <c r="AC42054" i="1"/>
  <c r="AC42055" i="1"/>
  <c r="AD42055" i="1" s="1"/>
  <c r="AC42056" i="1"/>
  <c r="AC42057" i="1"/>
  <c r="AC42058" i="1"/>
  <c r="AC42059" i="1"/>
  <c r="AC42060" i="1"/>
  <c r="AC42061" i="1"/>
  <c r="AC42062" i="1"/>
  <c r="AC42063" i="1"/>
  <c r="AC42064" i="1"/>
  <c r="AC42065" i="1"/>
  <c r="AC42066" i="1"/>
  <c r="AC42067" i="1"/>
  <c r="AD42067" i="1" s="1"/>
  <c r="AC42068" i="1"/>
  <c r="AC42069" i="1"/>
  <c r="AC42070" i="1"/>
  <c r="AC42071" i="1"/>
  <c r="AC42072" i="1"/>
  <c r="AC42073" i="1"/>
  <c r="AC42074" i="1"/>
  <c r="AC42075" i="1"/>
  <c r="AC42076" i="1"/>
  <c r="AC42077" i="1"/>
  <c r="AC42078" i="1"/>
  <c r="AC42079" i="1"/>
  <c r="AD42079" i="1" s="1"/>
  <c r="AC42080" i="1"/>
  <c r="AC42081" i="1"/>
  <c r="AC42082" i="1"/>
  <c r="AC42083" i="1"/>
  <c r="AC42084" i="1"/>
  <c r="AC42085" i="1"/>
  <c r="AC42086" i="1"/>
  <c r="AC42087" i="1"/>
  <c r="AC42088" i="1"/>
  <c r="AC42089" i="1"/>
  <c r="AC42090" i="1"/>
  <c r="AC42091" i="1"/>
  <c r="AD42091" i="1" s="1"/>
  <c r="AC42092" i="1"/>
  <c r="AC42093" i="1"/>
  <c r="AC42094" i="1"/>
  <c r="AC42095" i="1"/>
  <c r="AC42096" i="1"/>
  <c r="AC42097" i="1"/>
  <c r="AC42098" i="1"/>
  <c r="AC42099" i="1"/>
  <c r="AC42100" i="1"/>
  <c r="AC42101" i="1"/>
  <c r="AC42102" i="1"/>
  <c r="AC42103" i="1"/>
  <c r="AD42103" i="1" s="1"/>
  <c r="AC42104" i="1"/>
  <c r="AC42105" i="1"/>
  <c r="AC42106" i="1"/>
  <c r="AC42107" i="1"/>
  <c r="AC42108" i="1"/>
  <c r="AC42109" i="1"/>
  <c r="AC42110" i="1"/>
  <c r="AC42111" i="1"/>
  <c r="AC42112" i="1"/>
  <c r="AC42113" i="1"/>
  <c r="AC42114" i="1"/>
  <c r="AC42115" i="1"/>
  <c r="AD42115" i="1" s="1"/>
  <c r="AC42116" i="1"/>
  <c r="AC42117" i="1"/>
  <c r="AC42118" i="1"/>
  <c r="AC42119" i="1"/>
  <c r="AC42120" i="1"/>
  <c r="AC42121" i="1"/>
  <c r="AC42122" i="1"/>
  <c r="AC42123" i="1"/>
  <c r="AC42124" i="1"/>
  <c r="AC42125" i="1"/>
  <c r="AC42126" i="1"/>
  <c r="AC42127" i="1"/>
  <c r="AD42127" i="1" s="1"/>
  <c r="AC42128" i="1"/>
  <c r="AC42129" i="1"/>
  <c r="AC42130" i="1"/>
  <c r="AC42131" i="1"/>
  <c r="AC42132" i="1"/>
  <c r="AC42133" i="1"/>
  <c r="AC42134" i="1"/>
  <c r="AC42135" i="1"/>
  <c r="AC42136" i="1"/>
  <c r="AC42137" i="1"/>
  <c r="AC42138" i="1"/>
  <c r="AC42139" i="1"/>
  <c r="AD42139" i="1" s="1"/>
  <c r="AC42140" i="1"/>
  <c r="AC42141" i="1"/>
  <c r="AC42142" i="1"/>
  <c r="AC42143" i="1"/>
  <c r="AC42144" i="1"/>
  <c r="AC42145" i="1"/>
  <c r="AC42146" i="1"/>
  <c r="AC42147" i="1"/>
  <c r="AC42148" i="1"/>
  <c r="AC42149" i="1"/>
  <c r="AC42150" i="1"/>
  <c r="AC42151" i="1"/>
  <c r="AD42151" i="1" s="1"/>
  <c r="AC42152" i="1"/>
  <c r="AC42153" i="1"/>
  <c r="AC42154" i="1"/>
  <c r="AC42155" i="1"/>
  <c r="AC42156" i="1"/>
  <c r="AC42157" i="1"/>
  <c r="AC42158" i="1"/>
  <c r="AC42159" i="1"/>
  <c r="AC42160" i="1"/>
  <c r="AC42161" i="1"/>
  <c r="AC42162" i="1"/>
  <c r="AC42163" i="1"/>
  <c r="AD42163" i="1" s="1"/>
  <c r="AC42164" i="1"/>
  <c r="AC42165" i="1"/>
  <c r="AC42166" i="1"/>
  <c r="AC42167" i="1"/>
  <c r="AC42168" i="1"/>
  <c r="AC42169" i="1"/>
  <c r="AC42170" i="1"/>
  <c r="AC42171" i="1"/>
  <c r="AC42172" i="1"/>
  <c r="AC42173" i="1"/>
  <c r="AC42174" i="1"/>
  <c r="AC42175" i="1"/>
  <c r="AD42175" i="1" s="1"/>
  <c r="AC42176" i="1"/>
  <c r="AC42177" i="1"/>
  <c r="AC42178" i="1"/>
  <c r="AC42179" i="1"/>
  <c r="AC42180" i="1"/>
  <c r="AC42181" i="1"/>
  <c r="AC42182" i="1"/>
  <c r="AC42183" i="1"/>
  <c r="AC42184" i="1"/>
  <c r="AC42185" i="1"/>
  <c r="AC42186" i="1"/>
  <c r="AC42187" i="1"/>
  <c r="AD42187" i="1" s="1"/>
  <c r="AC42188" i="1"/>
  <c r="AC42189" i="1"/>
  <c r="AC42190" i="1"/>
  <c r="AC42191" i="1"/>
  <c r="AC42192" i="1"/>
  <c r="AC42193" i="1"/>
  <c r="AC42194" i="1"/>
  <c r="AC42195" i="1"/>
  <c r="AC42196" i="1"/>
  <c r="AC42197" i="1"/>
  <c r="AC42198" i="1"/>
  <c r="AC42199" i="1"/>
  <c r="AD42199" i="1" s="1"/>
  <c r="AC42200" i="1"/>
  <c r="AC42201" i="1"/>
  <c r="AC42202" i="1"/>
  <c r="AC42203" i="1"/>
  <c r="AC42204" i="1"/>
  <c r="AC42205" i="1"/>
  <c r="AC42206" i="1"/>
  <c r="AC42207" i="1"/>
  <c r="AC42208" i="1"/>
  <c r="AC42209" i="1"/>
  <c r="AC42210" i="1"/>
  <c r="AC42211" i="1"/>
  <c r="AD42211" i="1" s="1"/>
  <c r="AC42212" i="1"/>
  <c r="AC42213" i="1"/>
  <c r="AC42214" i="1"/>
  <c r="AC42215" i="1"/>
  <c r="AC42216" i="1"/>
  <c r="AC42217" i="1"/>
  <c r="AC42218" i="1"/>
  <c r="AC42219" i="1"/>
  <c r="AC42220" i="1"/>
  <c r="AC42221" i="1"/>
  <c r="AC42222" i="1"/>
  <c r="AC42223" i="1"/>
  <c r="AD42223" i="1" s="1"/>
  <c r="AC42224" i="1"/>
  <c r="AC42225" i="1"/>
  <c r="AC42226" i="1"/>
  <c r="AC42227" i="1"/>
  <c r="AC42228" i="1"/>
  <c r="AC42229" i="1"/>
  <c r="AC42230" i="1"/>
  <c r="AC42231" i="1"/>
  <c r="AC42232" i="1"/>
  <c r="AC42233" i="1"/>
  <c r="AC42234" i="1"/>
  <c r="AC42235" i="1"/>
  <c r="AD42235" i="1" s="1"/>
  <c r="AC42236" i="1"/>
  <c r="AC42237" i="1"/>
  <c r="AC42238" i="1"/>
  <c r="AC42239" i="1"/>
  <c r="AC42240" i="1"/>
  <c r="AC42241" i="1"/>
  <c r="AC42242" i="1"/>
  <c r="AC42243" i="1"/>
  <c r="AC42244" i="1"/>
  <c r="AC42245" i="1"/>
  <c r="AC42246" i="1"/>
  <c r="AC42247" i="1"/>
  <c r="AD42247" i="1" s="1"/>
  <c r="AC42248" i="1"/>
  <c r="AC42249" i="1"/>
  <c r="AC42250" i="1"/>
  <c r="AC42251" i="1"/>
  <c r="AC42252" i="1"/>
  <c r="AC42253" i="1"/>
  <c r="AC42254" i="1"/>
  <c r="AC42255" i="1"/>
  <c r="AC42256" i="1"/>
  <c r="AC42257" i="1"/>
  <c r="AC42258" i="1"/>
  <c r="AC42259" i="1"/>
  <c r="AD42259" i="1" s="1"/>
  <c r="AC42260" i="1"/>
  <c r="AC42261" i="1"/>
  <c r="AC42262" i="1"/>
  <c r="AC42263" i="1"/>
  <c r="AC42264" i="1"/>
  <c r="AC42265" i="1"/>
  <c r="AC42266" i="1"/>
  <c r="AC42267" i="1"/>
  <c r="AC42268" i="1"/>
  <c r="AC42269" i="1"/>
  <c r="AC42270" i="1"/>
  <c r="AC42271" i="1"/>
  <c r="AD42271" i="1" s="1"/>
  <c r="AC42272" i="1"/>
  <c r="AC42273" i="1"/>
  <c r="AC42274" i="1"/>
  <c r="AC42275" i="1"/>
  <c r="AC42276" i="1"/>
  <c r="AC42277" i="1"/>
  <c r="AC42278" i="1"/>
  <c r="AC42279" i="1"/>
  <c r="AC42280" i="1"/>
  <c r="AC42281" i="1"/>
  <c r="AC42282" i="1"/>
  <c r="AC42283" i="1"/>
  <c r="AD42283" i="1" s="1"/>
  <c r="AC42284" i="1"/>
  <c r="AC42285" i="1"/>
  <c r="AC42286" i="1"/>
  <c r="AC42287" i="1"/>
  <c r="AC42288" i="1"/>
  <c r="AC42289" i="1"/>
  <c r="AC42290" i="1"/>
  <c r="AC42291" i="1"/>
  <c r="AC42292" i="1"/>
  <c r="AC42293" i="1"/>
  <c r="AC42294" i="1"/>
  <c r="AC42295" i="1"/>
  <c r="AD42295" i="1" s="1"/>
  <c r="AC42296" i="1"/>
  <c r="AC42297" i="1"/>
  <c r="AC42298" i="1"/>
  <c r="AC42299" i="1"/>
  <c r="AC42300" i="1"/>
  <c r="AC42301" i="1"/>
  <c r="AC42302" i="1"/>
  <c r="AC42303" i="1"/>
  <c r="AC42304" i="1"/>
  <c r="AC42305" i="1"/>
  <c r="AC42306" i="1"/>
  <c r="AC42307" i="1"/>
  <c r="AD42307" i="1" s="1"/>
  <c r="AC42308" i="1"/>
  <c r="AC42309" i="1"/>
  <c r="AC42310" i="1"/>
  <c r="AC42311" i="1"/>
  <c r="AC42312" i="1"/>
  <c r="AC42313" i="1"/>
  <c r="AC42314" i="1"/>
  <c r="AC42315" i="1"/>
  <c r="AC42316" i="1"/>
  <c r="AC42317" i="1"/>
  <c r="AC42318" i="1"/>
  <c r="AC42319" i="1"/>
  <c r="AD42319" i="1" s="1"/>
  <c r="AC42320" i="1"/>
  <c r="AC42321" i="1"/>
  <c r="AC42322" i="1"/>
  <c r="AC42323" i="1"/>
  <c r="AC42324" i="1"/>
  <c r="AC42325" i="1"/>
  <c r="AC42326" i="1"/>
  <c r="AC42327" i="1"/>
  <c r="AC42328" i="1"/>
  <c r="AC42329" i="1"/>
  <c r="AC42330" i="1"/>
  <c r="AC42331" i="1"/>
  <c r="AD42331" i="1" s="1"/>
  <c r="AC42332" i="1"/>
  <c r="AC42333" i="1"/>
  <c r="AC42334" i="1"/>
  <c r="AC42335" i="1"/>
  <c r="AC42336" i="1"/>
  <c r="AC42337" i="1"/>
  <c r="AC42338" i="1"/>
  <c r="AC42339" i="1"/>
  <c r="AC42340" i="1"/>
  <c r="AC42341" i="1"/>
  <c r="AC42342" i="1"/>
  <c r="AC42343" i="1"/>
  <c r="AD42343" i="1" s="1"/>
  <c r="AC42344" i="1"/>
  <c r="AC42345" i="1"/>
  <c r="AC42346" i="1"/>
  <c r="AC42347" i="1"/>
  <c r="AC42348" i="1"/>
  <c r="AC42349" i="1"/>
  <c r="AC42350" i="1"/>
  <c r="AC42351" i="1"/>
  <c r="AC42352" i="1"/>
  <c r="AC42353" i="1"/>
  <c r="AC42354" i="1"/>
  <c r="AC42355" i="1"/>
  <c r="AD42355" i="1" s="1"/>
  <c r="AC42356" i="1"/>
  <c r="AC42357" i="1"/>
  <c r="AC42358" i="1"/>
  <c r="AC42359" i="1"/>
  <c r="AC42360" i="1"/>
  <c r="AC42361" i="1"/>
  <c r="AC42362" i="1"/>
  <c r="AC42363" i="1"/>
  <c r="AC42364" i="1"/>
  <c r="AC42365" i="1"/>
  <c r="AC42366" i="1"/>
  <c r="AC42367" i="1"/>
  <c r="AD42367" i="1" s="1"/>
  <c r="AC42368" i="1"/>
  <c r="AC42369" i="1"/>
  <c r="AC42370" i="1"/>
  <c r="AC42371" i="1"/>
  <c r="AC42372" i="1"/>
  <c r="AC42373" i="1"/>
  <c r="AC42374" i="1"/>
  <c r="AC42375" i="1"/>
  <c r="AC42376" i="1"/>
  <c r="AC42377" i="1"/>
  <c r="AC42378" i="1"/>
  <c r="AC42379" i="1"/>
  <c r="AD42379" i="1" s="1"/>
  <c r="AC42380" i="1"/>
  <c r="AC42381" i="1"/>
  <c r="AC42382" i="1"/>
  <c r="AC42383" i="1"/>
  <c r="AC42384" i="1"/>
  <c r="AC42385" i="1"/>
  <c r="AC42386" i="1"/>
  <c r="AC42387" i="1"/>
  <c r="AC42388" i="1"/>
  <c r="AC42389" i="1"/>
  <c r="AC42390" i="1"/>
  <c r="AC42391" i="1"/>
  <c r="AD42391" i="1" s="1"/>
  <c r="AC42392" i="1"/>
  <c r="AC42393" i="1"/>
  <c r="AC42394" i="1"/>
  <c r="AC42395" i="1"/>
  <c r="AC42396" i="1"/>
  <c r="AC42397" i="1"/>
  <c r="AC42398" i="1"/>
  <c r="AC42399" i="1"/>
  <c r="AC42400" i="1"/>
  <c r="AC42401" i="1"/>
  <c r="AC42402" i="1"/>
  <c r="AC42403" i="1"/>
  <c r="AD42403" i="1" s="1"/>
  <c r="AC42404" i="1"/>
  <c r="AC42405" i="1"/>
  <c r="AC42406" i="1"/>
  <c r="AC42407" i="1"/>
  <c r="AC42408" i="1"/>
  <c r="AC42409" i="1"/>
  <c r="AC42410" i="1"/>
  <c r="AC42411" i="1"/>
  <c r="AC42412" i="1"/>
  <c r="AC42413" i="1"/>
  <c r="AC42414" i="1"/>
  <c r="AC42415" i="1"/>
  <c r="AD42415" i="1" s="1"/>
  <c r="AC42416" i="1"/>
  <c r="AC42417" i="1"/>
  <c r="AC42418" i="1"/>
  <c r="AC42419" i="1"/>
  <c r="AC42420" i="1"/>
  <c r="AC42421" i="1"/>
  <c r="AC42422" i="1"/>
  <c r="AC42423" i="1"/>
  <c r="AC42424" i="1"/>
  <c r="AC42425" i="1"/>
  <c r="AC42426" i="1"/>
  <c r="AC42427" i="1"/>
  <c r="AD42427" i="1" s="1"/>
  <c r="AC42428" i="1"/>
  <c r="AC42429" i="1"/>
  <c r="AC42430" i="1"/>
  <c r="AC42431" i="1"/>
  <c r="AC42432" i="1"/>
  <c r="AC42433" i="1"/>
  <c r="AC42434" i="1"/>
  <c r="AC42435" i="1"/>
  <c r="AC42436" i="1"/>
  <c r="AC42437" i="1"/>
  <c r="AC42438" i="1"/>
  <c r="AC42439" i="1"/>
  <c r="AD42439" i="1" s="1"/>
  <c r="AC42440" i="1"/>
  <c r="AC42441" i="1"/>
  <c r="AC42442" i="1"/>
  <c r="AC42443" i="1"/>
  <c r="AC42444" i="1"/>
  <c r="AC42445" i="1"/>
  <c r="AC42446" i="1"/>
  <c r="AC42447" i="1"/>
  <c r="AC42448" i="1"/>
  <c r="AC42449" i="1"/>
  <c r="AC42450" i="1"/>
  <c r="AC42451" i="1"/>
  <c r="AD42451" i="1" s="1"/>
  <c r="AC42452" i="1"/>
  <c r="AC42453" i="1"/>
  <c r="AC42454" i="1"/>
  <c r="AC42455" i="1"/>
  <c r="AC42456" i="1"/>
  <c r="AC42457" i="1"/>
  <c r="AC42458" i="1"/>
  <c r="AC42459" i="1"/>
  <c r="AC42460" i="1"/>
  <c r="AC42461" i="1"/>
  <c r="AC42462" i="1"/>
  <c r="AC42463" i="1"/>
  <c r="AD42463" i="1" s="1"/>
  <c r="AC42464" i="1"/>
  <c r="AC42465" i="1"/>
  <c r="AC42466" i="1"/>
  <c r="AC42467" i="1"/>
  <c r="AC42468" i="1"/>
  <c r="AC42469" i="1"/>
  <c r="AC42470" i="1"/>
  <c r="AC42471" i="1"/>
  <c r="AC42472" i="1"/>
  <c r="AC42473" i="1"/>
  <c r="AC42474" i="1"/>
  <c r="AC42475" i="1"/>
  <c r="AD42475" i="1" s="1"/>
  <c r="AC42476" i="1"/>
  <c r="AC42477" i="1"/>
  <c r="AC42478" i="1"/>
  <c r="AC42479" i="1"/>
  <c r="AC42480" i="1"/>
  <c r="AC42481" i="1"/>
  <c r="AC42482" i="1"/>
  <c r="AC42483" i="1"/>
  <c r="AC42484" i="1"/>
  <c r="AC42485" i="1"/>
  <c r="AC42486" i="1"/>
  <c r="AC42487" i="1"/>
  <c r="AD42487" i="1" s="1"/>
  <c r="AC42488" i="1"/>
  <c r="AC42489" i="1"/>
  <c r="AC42490" i="1"/>
  <c r="AC42491" i="1"/>
  <c r="AC42492" i="1"/>
  <c r="AC42493" i="1"/>
  <c r="AC42494" i="1"/>
  <c r="AC42495" i="1"/>
  <c r="AC42496" i="1"/>
  <c r="AC42497" i="1"/>
  <c r="AC42498" i="1"/>
  <c r="AC42499" i="1"/>
  <c r="AD42499" i="1" s="1"/>
  <c r="AC42500" i="1"/>
  <c r="AC42501" i="1"/>
  <c r="AC42502" i="1"/>
  <c r="AC42503" i="1"/>
  <c r="AC42504" i="1"/>
  <c r="AC42505" i="1"/>
  <c r="AC42506" i="1"/>
  <c r="AC42507" i="1"/>
  <c r="AC42508" i="1"/>
  <c r="AC42509" i="1"/>
  <c r="AC42510" i="1"/>
  <c r="AC42511" i="1"/>
  <c r="AD42511" i="1" s="1"/>
  <c r="AC42512" i="1"/>
  <c r="AC42513" i="1"/>
  <c r="AC42514" i="1"/>
  <c r="AC42515" i="1"/>
  <c r="AC42516" i="1"/>
  <c r="AC42517" i="1"/>
  <c r="AC42518" i="1"/>
  <c r="AC42519" i="1"/>
  <c r="AC42520" i="1"/>
  <c r="AC42521" i="1"/>
  <c r="AC42522" i="1"/>
  <c r="AC42523" i="1"/>
  <c r="AD42523" i="1" s="1"/>
  <c r="AC42524" i="1"/>
  <c r="AC42525" i="1"/>
  <c r="AC42526" i="1"/>
  <c r="AC42527" i="1"/>
  <c r="AC42528" i="1"/>
  <c r="AC42529" i="1"/>
  <c r="AC42530" i="1"/>
  <c r="AC42531" i="1"/>
  <c r="AC42532" i="1"/>
  <c r="AC42533" i="1"/>
  <c r="AC42534" i="1"/>
  <c r="AC42535" i="1"/>
  <c r="AD42535" i="1" s="1"/>
  <c r="AC42536" i="1"/>
  <c r="AC42537" i="1"/>
  <c r="AC42538" i="1"/>
  <c r="AC42539" i="1"/>
  <c r="AC42540" i="1"/>
  <c r="AC42541" i="1"/>
  <c r="AC42542" i="1"/>
  <c r="AC42543" i="1"/>
  <c r="AC42544" i="1"/>
  <c r="AC42545" i="1"/>
  <c r="AC42546" i="1"/>
  <c r="AC42547" i="1"/>
  <c r="AD42547" i="1" s="1"/>
  <c r="AC42548" i="1"/>
  <c r="AC42549" i="1"/>
  <c r="AC42550" i="1"/>
  <c r="AC42551" i="1"/>
  <c r="AC42552" i="1"/>
  <c r="AC42553" i="1"/>
  <c r="AC42554" i="1"/>
  <c r="AC42555" i="1"/>
  <c r="AC42556" i="1"/>
  <c r="AC42557" i="1"/>
  <c r="AC42558" i="1"/>
  <c r="AC42559" i="1"/>
  <c r="AD42559" i="1" s="1"/>
  <c r="AC42560" i="1"/>
  <c r="AC42561" i="1"/>
  <c r="AC42562" i="1"/>
  <c r="AC42563" i="1"/>
  <c r="AC42564" i="1"/>
  <c r="AC42565" i="1"/>
  <c r="AC42566" i="1"/>
  <c r="AC42567" i="1"/>
  <c r="AC42568" i="1"/>
  <c r="AC42569" i="1"/>
  <c r="AC42570" i="1"/>
  <c r="AC42571" i="1"/>
  <c r="AD42571" i="1" s="1"/>
  <c r="AC42572" i="1"/>
  <c r="AC42573" i="1"/>
  <c r="AC42574" i="1"/>
  <c r="AC42575" i="1"/>
  <c r="AC42576" i="1"/>
  <c r="AC42577" i="1"/>
  <c r="AC42578" i="1"/>
  <c r="AC42579" i="1"/>
  <c r="AC42580" i="1"/>
  <c r="AC42581" i="1"/>
  <c r="AC42582" i="1"/>
  <c r="AC42583" i="1"/>
  <c r="AD42583" i="1" s="1"/>
  <c r="AC42584" i="1"/>
  <c r="AC42585" i="1"/>
  <c r="AC42586" i="1"/>
  <c r="AC42587" i="1"/>
  <c r="AC42588" i="1"/>
  <c r="AC42589" i="1"/>
  <c r="AC42590" i="1"/>
  <c r="AC42591" i="1"/>
  <c r="AC42592" i="1"/>
  <c r="AC42593" i="1"/>
  <c r="AC42594" i="1"/>
  <c r="AC42595" i="1"/>
  <c r="AD42595" i="1" s="1"/>
  <c r="AC42596" i="1"/>
  <c r="AC42597" i="1"/>
  <c r="AC42598" i="1"/>
  <c r="AC42599" i="1"/>
  <c r="AC42600" i="1"/>
  <c r="AC42601" i="1"/>
  <c r="AC42602" i="1"/>
  <c r="AC42603" i="1"/>
  <c r="AC42604" i="1"/>
  <c r="AC42605" i="1"/>
  <c r="AC42606" i="1"/>
  <c r="AC42607" i="1"/>
  <c r="AD42607" i="1" s="1"/>
  <c r="AC42608" i="1"/>
  <c r="AC42609" i="1"/>
  <c r="AC42610" i="1"/>
  <c r="AC42611" i="1"/>
  <c r="AC42612" i="1"/>
  <c r="AC42613" i="1"/>
  <c r="AC42614" i="1"/>
  <c r="AC42615" i="1"/>
  <c r="AC42616" i="1"/>
  <c r="AC42617" i="1"/>
  <c r="AC42618" i="1"/>
  <c r="AC42619" i="1"/>
  <c r="AD42619" i="1" s="1"/>
  <c r="AC42620" i="1"/>
  <c r="AC42621" i="1"/>
  <c r="AC42622" i="1"/>
  <c r="AC42623" i="1"/>
  <c r="AC42624" i="1"/>
  <c r="AC42625" i="1"/>
  <c r="AC42626" i="1"/>
  <c r="AC42627" i="1"/>
  <c r="AC42628" i="1"/>
  <c r="AC42629" i="1"/>
  <c r="AC42630" i="1"/>
  <c r="AC42631" i="1"/>
  <c r="AD42631" i="1" s="1"/>
  <c r="AC42632" i="1"/>
  <c r="AC42633" i="1"/>
  <c r="AC42634" i="1"/>
  <c r="AC42635" i="1"/>
  <c r="AC42636" i="1"/>
  <c r="AC42637" i="1"/>
  <c r="AC42638" i="1"/>
  <c r="AC42639" i="1"/>
  <c r="AC42640" i="1"/>
  <c r="AC42641" i="1"/>
  <c r="AC42642" i="1"/>
  <c r="AC42643" i="1"/>
  <c r="AD42643" i="1" s="1"/>
  <c r="AC42644" i="1"/>
  <c r="AC42645" i="1"/>
  <c r="AC42646" i="1"/>
  <c r="AC42647" i="1"/>
  <c r="AC42648" i="1"/>
  <c r="AC42649" i="1"/>
  <c r="AC42650" i="1"/>
  <c r="AC42651" i="1"/>
  <c r="AC42652" i="1"/>
  <c r="AC42653" i="1"/>
  <c r="AC42654" i="1"/>
  <c r="AC42655" i="1"/>
  <c r="AD42655" i="1" s="1"/>
  <c r="AC42656" i="1"/>
  <c r="AC42657" i="1"/>
  <c r="AC42658" i="1"/>
  <c r="AC42659" i="1"/>
  <c r="AC42660" i="1"/>
  <c r="AC42661" i="1"/>
  <c r="AC42662" i="1"/>
  <c r="AC42663" i="1"/>
  <c r="AC42664" i="1"/>
  <c r="AC42665" i="1"/>
  <c r="AC42666" i="1"/>
  <c r="AC42667" i="1"/>
  <c r="AD42667" i="1" s="1"/>
  <c r="AC42668" i="1"/>
  <c r="AC42669" i="1"/>
  <c r="AC42670" i="1"/>
  <c r="AC42671" i="1"/>
  <c r="AC42672" i="1"/>
  <c r="AC42673" i="1"/>
  <c r="AC42674" i="1"/>
  <c r="AC42675" i="1"/>
  <c r="AC42676" i="1"/>
  <c r="AC42677" i="1"/>
  <c r="AC42678" i="1"/>
  <c r="AC42679" i="1"/>
  <c r="AD42679" i="1" s="1"/>
  <c r="AC42680" i="1"/>
  <c r="AC42681" i="1"/>
  <c r="AC42682" i="1"/>
  <c r="AC42683" i="1"/>
  <c r="AC42684" i="1"/>
  <c r="AC42685" i="1"/>
  <c r="AC42686" i="1"/>
  <c r="AC42687" i="1"/>
  <c r="AC42688" i="1"/>
  <c r="AC42689" i="1"/>
  <c r="AC42690" i="1"/>
  <c r="AC42691" i="1"/>
  <c r="AD42691" i="1" s="1"/>
  <c r="AC42692" i="1"/>
  <c r="AC42693" i="1"/>
  <c r="AC42694" i="1"/>
  <c r="AC42695" i="1"/>
  <c r="AC42696" i="1"/>
  <c r="AC42697" i="1"/>
  <c r="AC42698" i="1"/>
  <c r="AC42699" i="1"/>
  <c r="AC42700" i="1"/>
  <c r="AC42701" i="1"/>
  <c r="AC42702" i="1"/>
  <c r="AC42703" i="1"/>
  <c r="AD42703" i="1" s="1"/>
  <c r="AC42704" i="1"/>
  <c r="AC42705" i="1"/>
  <c r="AC42706" i="1"/>
  <c r="AC42707" i="1"/>
  <c r="AC42708" i="1"/>
  <c r="AC42709" i="1"/>
  <c r="AC42710" i="1"/>
  <c r="AC42711" i="1"/>
  <c r="AC42712" i="1"/>
  <c r="AC42713" i="1"/>
  <c r="AC42714" i="1"/>
  <c r="AC42715" i="1"/>
  <c r="AD42715" i="1" s="1"/>
  <c r="AC42716" i="1"/>
  <c r="AC42717" i="1"/>
  <c r="AC42718" i="1"/>
  <c r="AC42719" i="1"/>
  <c r="AC42720" i="1"/>
  <c r="AC42721" i="1"/>
  <c r="AC42722" i="1"/>
  <c r="AC42723" i="1"/>
  <c r="AC42724" i="1"/>
  <c r="AC42725" i="1"/>
  <c r="AC42726" i="1"/>
  <c r="AC42727" i="1"/>
  <c r="AD42727" i="1" s="1"/>
  <c r="AC42728" i="1"/>
  <c r="AC42729" i="1"/>
  <c r="AC42730" i="1"/>
  <c r="AC42731" i="1"/>
  <c r="AC42732" i="1"/>
  <c r="AC42733" i="1"/>
  <c r="AC42734" i="1"/>
  <c r="AC42735" i="1"/>
  <c r="AC42736" i="1"/>
  <c r="AC42737" i="1"/>
  <c r="AC42738" i="1"/>
  <c r="AC42739" i="1"/>
  <c r="AD42739" i="1" s="1"/>
  <c r="AC42740" i="1"/>
  <c r="AC42741" i="1"/>
  <c r="AC42742" i="1"/>
  <c r="AC42743" i="1"/>
  <c r="AC42744" i="1"/>
  <c r="AC42745" i="1"/>
  <c r="AC42746" i="1"/>
  <c r="AC42747" i="1"/>
  <c r="AC42748" i="1"/>
  <c r="AC42749" i="1"/>
  <c r="AC42750" i="1"/>
  <c r="AC42751" i="1"/>
  <c r="AD42751" i="1" s="1"/>
  <c r="AC42752" i="1"/>
  <c r="AC42753" i="1"/>
  <c r="AC42754" i="1"/>
  <c r="AC42755" i="1"/>
  <c r="AC42756" i="1"/>
  <c r="AC42757" i="1"/>
  <c r="AC42758" i="1"/>
  <c r="AC42759" i="1"/>
  <c r="AC42760" i="1"/>
  <c r="AC42761" i="1"/>
  <c r="AC42762" i="1"/>
  <c r="AC42763" i="1"/>
  <c r="AD42763" i="1" s="1"/>
  <c r="AC42764" i="1"/>
  <c r="AC42765" i="1"/>
  <c r="AC42766" i="1"/>
  <c r="AC42767" i="1"/>
  <c r="AC42768" i="1"/>
  <c r="AC42769" i="1"/>
  <c r="AC42770" i="1"/>
  <c r="AC42771" i="1"/>
  <c r="AC42772" i="1"/>
  <c r="AC42773" i="1"/>
  <c r="AC42774" i="1"/>
  <c r="AC42775" i="1"/>
  <c r="AD42775" i="1" s="1"/>
  <c r="AC42776" i="1"/>
  <c r="AC42777" i="1"/>
  <c r="AC42778" i="1"/>
  <c r="AC42779" i="1"/>
  <c r="AC42780" i="1"/>
  <c r="AC42781" i="1"/>
  <c r="AC42782" i="1"/>
  <c r="AC42783" i="1"/>
  <c r="AC42784" i="1"/>
  <c r="AC42785" i="1"/>
  <c r="AC42786" i="1"/>
  <c r="AC42787" i="1"/>
  <c r="AD42787" i="1" s="1"/>
  <c r="AC42788" i="1"/>
  <c r="AC42789" i="1"/>
  <c r="AC42790" i="1"/>
  <c r="AC42791" i="1"/>
  <c r="AC42792" i="1"/>
  <c r="AC42793" i="1"/>
  <c r="AC42794" i="1"/>
  <c r="AC42795" i="1"/>
  <c r="AC42796" i="1"/>
  <c r="AC42797" i="1"/>
  <c r="AC42798" i="1"/>
  <c r="AC42799" i="1"/>
  <c r="AD42799" i="1" s="1"/>
  <c r="AC42800" i="1"/>
  <c r="AC42801" i="1"/>
  <c r="AC42802" i="1"/>
  <c r="AC42803" i="1"/>
  <c r="AC42804" i="1"/>
  <c r="AC42805" i="1"/>
  <c r="AC42806" i="1"/>
  <c r="AC42807" i="1"/>
  <c r="AC42808" i="1"/>
  <c r="AC42809" i="1"/>
  <c r="AC42810" i="1"/>
  <c r="AC42811" i="1"/>
  <c r="AD42811" i="1" s="1"/>
  <c r="AC42812" i="1"/>
  <c r="AC42813" i="1"/>
  <c r="AC42814" i="1"/>
  <c r="AC42815" i="1"/>
  <c r="AC42816" i="1"/>
  <c r="AC42817" i="1"/>
  <c r="AC42818" i="1"/>
  <c r="AC42819" i="1"/>
  <c r="AC42820" i="1"/>
  <c r="AC42821" i="1"/>
  <c r="AC42822" i="1"/>
  <c r="AC42823" i="1"/>
  <c r="AD42823" i="1" s="1"/>
  <c r="AC42824" i="1"/>
  <c r="AC42825" i="1"/>
  <c r="AC42826" i="1"/>
  <c r="AC42827" i="1"/>
  <c r="AC42828" i="1"/>
  <c r="AC42829" i="1"/>
  <c r="AC42830" i="1"/>
  <c r="AC42831" i="1"/>
  <c r="AC42832" i="1"/>
  <c r="AC42833" i="1"/>
  <c r="AC42834" i="1"/>
  <c r="AC42835" i="1"/>
  <c r="AD42835" i="1" s="1"/>
  <c r="AC42836" i="1"/>
  <c r="AC42837" i="1"/>
  <c r="AC42838" i="1"/>
  <c r="AC42839" i="1"/>
  <c r="AC42840" i="1"/>
  <c r="AC42841" i="1"/>
  <c r="AC42842" i="1"/>
  <c r="AC42843" i="1"/>
  <c r="AC42844" i="1"/>
  <c r="AC42845" i="1"/>
  <c r="AC42846" i="1"/>
  <c r="AC42847" i="1"/>
  <c r="AD42847" i="1" s="1"/>
  <c r="AC42848" i="1"/>
  <c r="AC42849" i="1"/>
  <c r="AC42850" i="1"/>
  <c r="AC42851" i="1"/>
  <c r="AC42852" i="1"/>
  <c r="AC42853" i="1"/>
  <c r="AC42854" i="1"/>
  <c r="AC42855" i="1"/>
  <c r="AC42856" i="1"/>
  <c r="AC42857" i="1"/>
  <c r="AC42858" i="1"/>
  <c r="AC42859" i="1"/>
  <c r="AD42859" i="1" s="1"/>
  <c r="AC42860" i="1"/>
  <c r="AC42861" i="1"/>
  <c r="AC42862" i="1"/>
  <c r="AC42863" i="1"/>
  <c r="AC42864" i="1"/>
  <c r="AC42865" i="1"/>
  <c r="AC42866" i="1"/>
  <c r="AC42867" i="1"/>
  <c r="AC42868" i="1"/>
  <c r="AC42869" i="1"/>
  <c r="AC42870" i="1"/>
  <c r="AC42871" i="1"/>
  <c r="AD42871" i="1" s="1"/>
  <c r="AC42872" i="1"/>
  <c r="AC42873" i="1"/>
  <c r="AC42874" i="1"/>
  <c r="AC42875" i="1"/>
  <c r="AC42876" i="1"/>
  <c r="AC42877" i="1"/>
  <c r="AC42878" i="1"/>
  <c r="AC42879" i="1"/>
  <c r="AC42880" i="1"/>
  <c r="AC42881" i="1"/>
  <c r="AC42882" i="1"/>
  <c r="AC42883" i="1"/>
  <c r="AD42883" i="1" s="1"/>
  <c r="AC42884" i="1"/>
  <c r="AC42885" i="1"/>
  <c r="AC42886" i="1"/>
  <c r="AC42887" i="1"/>
  <c r="AC42888" i="1"/>
  <c r="AC42889" i="1"/>
  <c r="AC42890" i="1"/>
  <c r="AC42891" i="1"/>
  <c r="AC42892" i="1"/>
  <c r="AC42893" i="1"/>
  <c r="AC42894" i="1"/>
  <c r="AC42895" i="1"/>
  <c r="AD42895" i="1" s="1"/>
  <c r="AC42896" i="1"/>
  <c r="AC42897" i="1"/>
  <c r="AC42898" i="1"/>
  <c r="AC42899" i="1"/>
  <c r="AC42900" i="1"/>
  <c r="AC42901" i="1"/>
  <c r="AC42902" i="1"/>
  <c r="AC42903" i="1"/>
  <c r="AC42904" i="1"/>
  <c r="AC42905" i="1"/>
  <c r="AC42906" i="1"/>
  <c r="AC42907" i="1"/>
  <c r="AD42907" i="1" s="1"/>
  <c r="AC42908" i="1"/>
  <c r="AC42909" i="1"/>
  <c r="AC42910" i="1"/>
  <c r="AC42911" i="1"/>
  <c r="AC42912" i="1"/>
  <c r="AC42913" i="1"/>
  <c r="AC42914" i="1"/>
  <c r="AC42915" i="1"/>
  <c r="AC42916" i="1"/>
  <c r="AC42917" i="1"/>
  <c r="AC42918" i="1"/>
  <c r="AC42919" i="1"/>
  <c r="AD42919" i="1" s="1"/>
  <c r="AC42920" i="1"/>
  <c r="AC42921" i="1"/>
  <c r="AC42922" i="1"/>
  <c r="AC42923" i="1"/>
  <c r="AC42924" i="1"/>
  <c r="AC42925" i="1"/>
  <c r="AC42926" i="1"/>
  <c r="AC42927" i="1"/>
  <c r="AC42928" i="1"/>
  <c r="AC42929" i="1"/>
  <c r="AC42930" i="1"/>
  <c r="AC42931" i="1"/>
  <c r="AD42931" i="1" s="1"/>
  <c r="AC42932" i="1"/>
  <c r="AC42933" i="1"/>
  <c r="AC42934" i="1"/>
  <c r="AC42935" i="1"/>
  <c r="AC42936" i="1"/>
  <c r="AC42937" i="1"/>
  <c r="AC42938" i="1"/>
  <c r="AC42939" i="1"/>
  <c r="AC42940" i="1"/>
  <c r="AC42941" i="1"/>
  <c r="AC42942" i="1"/>
  <c r="AC42943" i="1"/>
  <c r="AD42943" i="1" s="1"/>
  <c r="AC42944" i="1"/>
  <c r="AC42945" i="1"/>
  <c r="AC42946" i="1"/>
  <c r="AC42947" i="1"/>
  <c r="AC42948" i="1"/>
  <c r="AC42949" i="1"/>
  <c r="AC42950" i="1"/>
  <c r="AC42951" i="1"/>
  <c r="AC42952" i="1"/>
  <c r="AC42953" i="1"/>
  <c r="AC42954" i="1"/>
  <c r="AC42955" i="1"/>
  <c r="AD42955" i="1" s="1"/>
  <c r="AC42956" i="1"/>
  <c r="AC42957" i="1"/>
  <c r="AC42958" i="1"/>
  <c r="AC42959" i="1"/>
  <c r="AC42960" i="1"/>
  <c r="AC42961" i="1"/>
  <c r="AC42962" i="1"/>
  <c r="AC42963" i="1"/>
  <c r="AC42964" i="1"/>
  <c r="AC42965" i="1"/>
  <c r="AC42966" i="1"/>
  <c r="AC42967" i="1"/>
  <c r="AD42967" i="1" s="1"/>
  <c r="AC42968" i="1"/>
  <c r="AC42969" i="1"/>
  <c r="AC42970" i="1"/>
  <c r="AC42971" i="1"/>
  <c r="AC42972" i="1"/>
  <c r="AC42973" i="1"/>
  <c r="AC42974" i="1"/>
  <c r="AC42975" i="1"/>
  <c r="AC42976" i="1"/>
  <c r="AC42977" i="1"/>
  <c r="AC42978" i="1"/>
  <c r="AC42979" i="1"/>
  <c r="AD42979" i="1" s="1"/>
  <c r="AC42980" i="1"/>
  <c r="AC42981" i="1"/>
  <c r="AC42982" i="1"/>
  <c r="AC42983" i="1"/>
  <c r="AC42984" i="1"/>
  <c r="AC42985" i="1"/>
  <c r="AC42986" i="1"/>
  <c r="AC42987" i="1"/>
  <c r="AC42988" i="1"/>
  <c r="AC42989" i="1"/>
  <c r="AC42990" i="1"/>
  <c r="AC42991" i="1"/>
  <c r="AD42991" i="1" s="1"/>
  <c r="AC42992" i="1"/>
  <c r="AC42993" i="1"/>
  <c r="AC42994" i="1"/>
  <c r="AC42995" i="1"/>
  <c r="AC42996" i="1"/>
  <c r="AC42997" i="1"/>
  <c r="AC42998" i="1"/>
  <c r="AC42999" i="1"/>
  <c r="AC43000" i="1"/>
  <c r="AC43001" i="1"/>
  <c r="AC43002" i="1"/>
  <c r="AC43003" i="1"/>
  <c r="AD43003" i="1" s="1"/>
  <c r="AC43004" i="1"/>
  <c r="AC43005" i="1"/>
  <c r="AC43006" i="1"/>
  <c r="AC43007" i="1"/>
  <c r="AC43008" i="1"/>
  <c r="AC43009" i="1"/>
  <c r="AC43010" i="1"/>
  <c r="AC43011" i="1"/>
  <c r="AC43012" i="1"/>
  <c r="AC43013" i="1"/>
  <c r="AC43014" i="1"/>
  <c r="AC43015" i="1"/>
  <c r="AD43015" i="1" s="1"/>
  <c r="AC43016" i="1"/>
  <c r="AC43017" i="1"/>
  <c r="AC43018" i="1"/>
  <c r="AC43019" i="1"/>
  <c r="AC43020" i="1"/>
  <c r="AC43021" i="1"/>
  <c r="AC43022" i="1"/>
  <c r="AC43023" i="1"/>
  <c r="AC43024" i="1"/>
  <c r="AC43025" i="1"/>
  <c r="AC43026" i="1"/>
  <c r="AC43027" i="1"/>
  <c r="AD43027" i="1" s="1"/>
  <c r="AC43028" i="1"/>
  <c r="AC43029" i="1"/>
  <c r="AC43030" i="1"/>
  <c r="AC43031" i="1"/>
  <c r="AC43032" i="1"/>
  <c r="AC43033" i="1"/>
  <c r="AC43034" i="1"/>
  <c r="AC43035" i="1"/>
  <c r="AC43036" i="1"/>
  <c r="AC43037" i="1"/>
  <c r="AC43038" i="1"/>
  <c r="AC43039" i="1"/>
  <c r="AD43039" i="1" s="1"/>
  <c r="AC43040" i="1"/>
  <c r="AC43041" i="1"/>
  <c r="AC43042" i="1"/>
  <c r="AC43043" i="1"/>
  <c r="AC43044" i="1"/>
  <c r="AC43045" i="1"/>
  <c r="AC43046" i="1"/>
  <c r="AC43047" i="1"/>
  <c r="AC43048" i="1"/>
  <c r="AC43049" i="1"/>
  <c r="AC43050" i="1"/>
  <c r="AC43051" i="1"/>
  <c r="AD43051" i="1" s="1"/>
  <c r="AC43052" i="1"/>
  <c r="AC43053" i="1"/>
  <c r="AC43054" i="1"/>
  <c r="AC43055" i="1"/>
  <c r="AC43056" i="1"/>
  <c r="AC43057" i="1"/>
  <c r="AC43058" i="1"/>
  <c r="AC43059" i="1"/>
  <c r="AC43060" i="1"/>
  <c r="AC43061" i="1"/>
  <c r="AC43062" i="1"/>
  <c r="AC43063" i="1"/>
  <c r="AD43063" i="1" s="1"/>
  <c r="AC43064" i="1"/>
  <c r="AC43065" i="1"/>
  <c r="AC43066" i="1"/>
  <c r="AC43067" i="1"/>
  <c r="AC43068" i="1"/>
  <c r="AC43069" i="1"/>
  <c r="AC43070" i="1"/>
  <c r="AC43071" i="1"/>
  <c r="AC43072" i="1"/>
  <c r="AC43073" i="1"/>
  <c r="AC43074" i="1"/>
  <c r="AC43075" i="1"/>
  <c r="AD43075" i="1" s="1"/>
  <c r="AC43076" i="1"/>
  <c r="AC43077" i="1"/>
  <c r="AC43078" i="1"/>
  <c r="AC43079" i="1"/>
  <c r="AC43080" i="1"/>
  <c r="AC43081" i="1"/>
  <c r="AC43082" i="1"/>
  <c r="AC43083" i="1"/>
  <c r="AC43084" i="1"/>
  <c r="AC43085" i="1"/>
  <c r="AC43086" i="1"/>
  <c r="AC43087" i="1"/>
  <c r="AD43087" i="1" s="1"/>
  <c r="AC43088" i="1"/>
  <c r="AC43089" i="1"/>
  <c r="AC43090" i="1"/>
  <c r="AC43091" i="1"/>
  <c r="AC43092" i="1"/>
  <c r="AC43093" i="1"/>
  <c r="AC43094" i="1"/>
  <c r="AC43095" i="1"/>
  <c r="AC43096" i="1"/>
  <c r="AC43097" i="1"/>
  <c r="AC43098" i="1"/>
  <c r="AC43099" i="1"/>
  <c r="AD43099" i="1" s="1"/>
  <c r="AC43100" i="1"/>
  <c r="AC43101" i="1"/>
  <c r="AC43102" i="1"/>
  <c r="AC43103" i="1"/>
  <c r="AC43104" i="1"/>
  <c r="AC43105" i="1"/>
  <c r="AC43106" i="1"/>
  <c r="AC43107" i="1"/>
  <c r="AC43108" i="1"/>
  <c r="AC43109" i="1"/>
  <c r="AC43110" i="1"/>
  <c r="AC43111" i="1"/>
  <c r="AD43111" i="1" s="1"/>
  <c r="AC43112" i="1"/>
  <c r="AC43113" i="1"/>
  <c r="AC43114" i="1"/>
  <c r="AC43115" i="1"/>
  <c r="AC43116" i="1"/>
  <c r="AC43117" i="1"/>
  <c r="AC43118" i="1"/>
  <c r="AC43119" i="1"/>
  <c r="AC43120" i="1"/>
  <c r="AC43121" i="1"/>
  <c r="AC43122" i="1"/>
  <c r="AC43123" i="1"/>
  <c r="AD43123" i="1" s="1"/>
  <c r="AC43124" i="1"/>
  <c r="AC43125" i="1"/>
  <c r="AC43126" i="1"/>
  <c r="AC43127" i="1"/>
  <c r="AC43128" i="1"/>
  <c r="AC43129" i="1"/>
  <c r="AC43130" i="1"/>
  <c r="AC43131" i="1"/>
  <c r="AC43132" i="1"/>
  <c r="AC43133" i="1"/>
  <c r="AC43134" i="1"/>
  <c r="AC43135" i="1"/>
  <c r="AD43135" i="1" s="1"/>
  <c r="AC43136" i="1"/>
  <c r="AC43137" i="1"/>
  <c r="AC43138" i="1"/>
  <c r="AC43139" i="1"/>
  <c r="AC43140" i="1"/>
  <c r="AC43141" i="1"/>
  <c r="AC43142" i="1"/>
  <c r="AC43143" i="1"/>
  <c r="AC43144" i="1"/>
  <c r="AC43145" i="1"/>
  <c r="AC43146" i="1"/>
  <c r="AC43147" i="1"/>
  <c r="AD43147" i="1" s="1"/>
  <c r="AC43148" i="1"/>
  <c r="AC43149" i="1"/>
  <c r="AC43150" i="1"/>
  <c r="AC43151" i="1"/>
  <c r="AC43152" i="1"/>
  <c r="AC43153" i="1"/>
  <c r="AC43154" i="1"/>
  <c r="AC43155" i="1"/>
  <c r="AC43156" i="1"/>
  <c r="AC43157" i="1"/>
  <c r="AC43158" i="1"/>
  <c r="AC43159" i="1"/>
  <c r="AD43159" i="1" s="1"/>
  <c r="AC43160" i="1"/>
  <c r="AC43161" i="1"/>
  <c r="AC43162" i="1"/>
  <c r="AC43163" i="1"/>
  <c r="AC43164" i="1"/>
  <c r="AC43165" i="1"/>
  <c r="AC43166" i="1"/>
  <c r="AC43167" i="1"/>
  <c r="AC43168" i="1"/>
  <c r="AC43169" i="1"/>
  <c r="AC43170" i="1"/>
  <c r="AC43171" i="1"/>
  <c r="AD43171" i="1" s="1"/>
  <c r="AC43172" i="1"/>
  <c r="AC43173" i="1"/>
  <c r="AC43174" i="1"/>
  <c r="AC43175" i="1"/>
  <c r="AC43176" i="1"/>
  <c r="AC43177" i="1"/>
  <c r="AC43178" i="1"/>
  <c r="AC43179" i="1"/>
  <c r="AC43180" i="1"/>
  <c r="AC43181" i="1"/>
  <c r="AC43182" i="1"/>
  <c r="AC43183" i="1"/>
  <c r="AD43183" i="1" s="1"/>
  <c r="AC43184" i="1"/>
  <c r="AC43185" i="1"/>
  <c r="AC43186" i="1"/>
  <c r="AC43187" i="1"/>
  <c r="AC43188" i="1"/>
  <c r="AC43189" i="1"/>
  <c r="AC43190" i="1"/>
  <c r="AC43191" i="1"/>
  <c r="AC43192" i="1"/>
  <c r="AC43193" i="1"/>
  <c r="AC43194" i="1"/>
  <c r="AC43195" i="1"/>
  <c r="AD43195" i="1" s="1"/>
  <c r="AC43196" i="1"/>
  <c r="AC43197" i="1"/>
  <c r="AC43198" i="1"/>
  <c r="AC43199" i="1"/>
  <c r="AC43200" i="1"/>
  <c r="AC43201" i="1"/>
  <c r="AC43202" i="1"/>
  <c r="AC43203" i="1"/>
  <c r="AC43204" i="1"/>
  <c r="AC43205" i="1"/>
  <c r="AC43206" i="1"/>
  <c r="AC43207" i="1"/>
  <c r="AD43207" i="1" s="1"/>
  <c r="AC43208" i="1"/>
  <c r="AC43209" i="1"/>
  <c r="AC43210" i="1"/>
  <c r="AC43211" i="1"/>
  <c r="AC43212" i="1"/>
  <c r="AC43213" i="1"/>
  <c r="AC43214" i="1"/>
  <c r="AC43215" i="1"/>
  <c r="AC43216" i="1"/>
  <c r="AC43217" i="1"/>
  <c r="AC43218" i="1"/>
  <c r="AC43219" i="1"/>
  <c r="AD43219" i="1" s="1"/>
  <c r="AC43220" i="1"/>
  <c r="AC43221" i="1"/>
  <c r="AC43222" i="1"/>
  <c r="AC43223" i="1"/>
  <c r="AC43224" i="1"/>
  <c r="AC43225" i="1"/>
  <c r="AC43226" i="1"/>
  <c r="AC43227" i="1"/>
  <c r="AC43228" i="1"/>
  <c r="AC43229" i="1"/>
  <c r="AC43230" i="1"/>
  <c r="AC43231" i="1"/>
  <c r="AD43231" i="1" s="1"/>
  <c r="AC43232" i="1"/>
  <c r="AC43233" i="1"/>
  <c r="AC43234" i="1"/>
  <c r="AC43235" i="1"/>
  <c r="AC43236" i="1"/>
  <c r="AC43237" i="1"/>
  <c r="AC43238" i="1"/>
  <c r="AC43239" i="1"/>
  <c r="AC43240" i="1"/>
  <c r="AC43241" i="1"/>
  <c r="AC43242" i="1"/>
  <c r="AC43243" i="1"/>
  <c r="AD43243" i="1" s="1"/>
  <c r="AC43244" i="1"/>
  <c r="AC43245" i="1"/>
  <c r="AC43246" i="1"/>
  <c r="AC43247" i="1"/>
  <c r="AC43248" i="1"/>
  <c r="AC43249" i="1"/>
  <c r="AC43250" i="1"/>
  <c r="AC43251" i="1"/>
  <c r="AC43252" i="1"/>
  <c r="AC43253" i="1"/>
  <c r="AC43254" i="1"/>
  <c r="AC43255" i="1"/>
  <c r="AD43255" i="1" s="1"/>
  <c r="AC43256" i="1"/>
  <c r="AC43257" i="1"/>
  <c r="AC43258" i="1"/>
  <c r="AC43259" i="1"/>
  <c r="AC43260" i="1"/>
  <c r="AC43261" i="1"/>
  <c r="AC43262" i="1"/>
  <c r="AC43263" i="1"/>
  <c r="AC43264" i="1"/>
  <c r="AC43265" i="1"/>
  <c r="AC43266" i="1"/>
  <c r="AC43267" i="1"/>
  <c r="AD43267" i="1" s="1"/>
  <c r="AC43268" i="1"/>
  <c r="AC43269" i="1"/>
  <c r="AC43270" i="1"/>
  <c r="AC43271" i="1"/>
  <c r="AC43272" i="1"/>
  <c r="AC43273" i="1"/>
  <c r="AC43274" i="1"/>
  <c r="AC43275" i="1"/>
  <c r="AC43276" i="1"/>
  <c r="AC43277" i="1"/>
  <c r="AC43278" i="1"/>
  <c r="AC43279" i="1"/>
  <c r="AD43279" i="1" s="1"/>
  <c r="AC43280" i="1"/>
  <c r="AC43281" i="1"/>
  <c r="AC43282" i="1"/>
  <c r="AC43283" i="1"/>
  <c r="AC43284" i="1"/>
  <c r="AC43285" i="1"/>
  <c r="AC43286" i="1"/>
  <c r="AC43287" i="1"/>
  <c r="AC43288" i="1"/>
  <c r="AC43289" i="1"/>
  <c r="AC43290" i="1"/>
  <c r="AC43291" i="1"/>
  <c r="AD43291" i="1" s="1"/>
  <c r="AC43292" i="1"/>
  <c r="AC43293" i="1"/>
  <c r="AC43294" i="1"/>
  <c r="AC43295" i="1"/>
  <c r="AC43296" i="1"/>
  <c r="AC43297" i="1"/>
  <c r="AC43298" i="1"/>
  <c r="AC43299" i="1"/>
  <c r="AC43300" i="1"/>
  <c r="AC43301" i="1"/>
  <c r="AC43302" i="1"/>
  <c r="AC43303" i="1"/>
  <c r="AD43303" i="1" s="1"/>
  <c r="AC43304" i="1"/>
  <c r="AC43305" i="1"/>
  <c r="AC43306" i="1"/>
  <c r="AC43307" i="1"/>
  <c r="AC43308" i="1"/>
  <c r="AC43309" i="1"/>
  <c r="AC43310" i="1"/>
  <c r="AC43311" i="1"/>
  <c r="AC43312" i="1"/>
  <c r="AC43313" i="1"/>
  <c r="AC43314" i="1"/>
  <c r="AC43315" i="1"/>
  <c r="AD43315" i="1" s="1"/>
  <c r="AC43316" i="1"/>
  <c r="AC43317" i="1"/>
  <c r="AC43318" i="1"/>
  <c r="AC43319" i="1"/>
  <c r="AC43320" i="1"/>
  <c r="AC43321" i="1"/>
  <c r="AC43322" i="1"/>
  <c r="AC43323" i="1"/>
  <c r="AC43324" i="1"/>
  <c r="AC43325" i="1"/>
  <c r="AC43326" i="1"/>
  <c r="AC43327" i="1"/>
  <c r="AD43327" i="1" s="1"/>
  <c r="AC43328" i="1"/>
  <c r="AC43329" i="1"/>
  <c r="AC43330" i="1"/>
  <c r="AC43331" i="1"/>
  <c r="AC43332" i="1"/>
  <c r="AC43333" i="1"/>
  <c r="AC43334" i="1"/>
  <c r="AC43335" i="1"/>
  <c r="AC43336" i="1"/>
  <c r="AC43337" i="1"/>
  <c r="AC43338" i="1"/>
  <c r="AC43339" i="1"/>
  <c r="AD43339" i="1" s="1"/>
  <c r="AC43340" i="1"/>
  <c r="AC43341" i="1"/>
  <c r="AC43342" i="1"/>
  <c r="AC43343" i="1"/>
  <c r="AC43344" i="1"/>
  <c r="AC43345" i="1"/>
  <c r="AC43346" i="1"/>
  <c r="AC43347" i="1"/>
  <c r="AC43348" i="1"/>
  <c r="AC43349" i="1"/>
  <c r="AC43350" i="1"/>
  <c r="AC43351" i="1"/>
  <c r="AD43351" i="1" s="1"/>
  <c r="AC43352" i="1"/>
  <c r="AC43353" i="1"/>
  <c r="AC43354" i="1"/>
  <c r="AC43355" i="1"/>
  <c r="AC43356" i="1"/>
  <c r="AC43357" i="1"/>
  <c r="AC43358" i="1"/>
  <c r="AC43359" i="1"/>
  <c r="AC43360" i="1"/>
  <c r="AC43361" i="1"/>
  <c r="AC43362" i="1"/>
  <c r="AC43363" i="1"/>
  <c r="AD43363" i="1" s="1"/>
  <c r="AC43364" i="1"/>
  <c r="AC43365" i="1"/>
  <c r="AC43366" i="1"/>
  <c r="AC43367" i="1"/>
  <c r="AC43368" i="1"/>
  <c r="AC43369" i="1"/>
  <c r="AC43370" i="1"/>
  <c r="AC43371" i="1"/>
  <c r="AC43372" i="1"/>
  <c r="AC43373" i="1"/>
  <c r="AC43374" i="1"/>
  <c r="AC43375" i="1"/>
  <c r="AD43375" i="1" s="1"/>
  <c r="AC43376" i="1"/>
  <c r="AC43377" i="1"/>
  <c r="AC43378" i="1"/>
  <c r="AC43379" i="1"/>
  <c r="AC43380" i="1"/>
  <c r="AC43381" i="1"/>
  <c r="AC43382" i="1"/>
  <c r="AC43383" i="1"/>
  <c r="AC43384" i="1"/>
  <c r="AC43385" i="1"/>
  <c r="AC43386" i="1"/>
  <c r="AC43387" i="1"/>
  <c r="AD43387" i="1" s="1"/>
  <c r="AC43388" i="1"/>
  <c r="AC43389" i="1"/>
  <c r="AC43390" i="1"/>
  <c r="AC43391" i="1"/>
  <c r="AC43392" i="1"/>
  <c r="AC43393" i="1"/>
  <c r="AC43394" i="1"/>
  <c r="AC43395" i="1"/>
  <c r="AC43396" i="1"/>
  <c r="AC43397" i="1"/>
  <c r="AC43398" i="1"/>
  <c r="AC43399" i="1"/>
  <c r="AD43399" i="1" s="1"/>
  <c r="AC43400" i="1"/>
  <c r="AC43401" i="1"/>
  <c r="AC43402" i="1"/>
  <c r="AC43403" i="1"/>
  <c r="AC43404" i="1"/>
  <c r="AC43405" i="1"/>
  <c r="AC43406" i="1"/>
  <c r="AC43407" i="1"/>
  <c r="AC43408" i="1"/>
  <c r="AC43409" i="1"/>
  <c r="AC43410" i="1"/>
  <c r="AC43411" i="1"/>
  <c r="AD43411" i="1" s="1"/>
  <c r="AC43412" i="1"/>
  <c r="AC43413" i="1"/>
  <c r="AC43414" i="1"/>
  <c r="AC43415" i="1"/>
  <c r="AC43416" i="1"/>
  <c r="AC43417" i="1"/>
  <c r="AC43418" i="1"/>
  <c r="AC43419" i="1"/>
  <c r="AC43420" i="1"/>
  <c r="AC43421" i="1"/>
  <c r="AC43422" i="1"/>
  <c r="AC43423" i="1"/>
  <c r="AD43423" i="1" s="1"/>
  <c r="AC43424" i="1"/>
  <c r="AC43425" i="1"/>
  <c r="AC43426" i="1"/>
  <c r="AC43427" i="1"/>
  <c r="AC43428" i="1"/>
  <c r="AC43429" i="1"/>
  <c r="AC43430" i="1"/>
  <c r="AC43431" i="1"/>
  <c r="AC43432" i="1"/>
  <c r="AC43433" i="1"/>
  <c r="AC43434" i="1"/>
  <c r="AC43435" i="1"/>
  <c r="AD43435" i="1" s="1"/>
  <c r="AC43436" i="1"/>
  <c r="AC43437" i="1"/>
  <c r="AC43438" i="1"/>
  <c r="AC43439" i="1"/>
  <c r="AC43440" i="1"/>
  <c r="AC43441" i="1"/>
  <c r="AC43442" i="1"/>
  <c r="AC43443" i="1"/>
  <c r="AC43444" i="1"/>
  <c r="AC43445" i="1"/>
  <c r="AC43446" i="1"/>
  <c r="AC43447" i="1"/>
  <c r="AD43447" i="1" s="1"/>
  <c r="AC43448" i="1"/>
  <c r="AC43449" i="1"/>
  <c r="AC43450" i="1"/>
  <c r="AC43451" i="1"/>
  <c r="AC43452" i="1"/>
  <c r="AC43453" i="1"/>
  <c r="AC43454" i="1"/>
  <c r="AC43455" i="1"/>
  <c r="AC43456" i="1"/>
  <c r="AC43457" i="1"/>
  <c r="AC43458" i="1"/>
  <c r="AC43459" i="1"/>
  <c r="AD43459" i="1" s="1"/>
  <c r="AC43460" i="1"/>
  <c r="AC43461" i="1"/>
  <c r="AC43462" i="1"/>
  <c r="AC43463" i="1"/>
  <c r="AC43464" i="1"/>
  <c r="AC43465" i="1"/>
  <c r="AC43466" i="1"/>
  <c r="AC43467" i="1"/>
  <c r="AC43468" i="1"/>
  <c r="AC43469" i="1"/>
  <c r="AC43470" i="1"/>
  <c r="AC43471" i="1"/>
  <c r="AD43471" i="1" s="1"/>
  <c r="AC43472" i="1"/>
  <c r="AC43473" i="1"/>
  <c r="AC43474" i="1"/>
  <c r="AC43475" i="1"/>
  <c r="AC43476" i="1"/>
  <c r="AC43477" i="1"/>
  <c r="AC43478" i="1"/>
  <c r="AC43479" i="1"/>
  <c r="AC43480" i="1"/>
  <c r="AC43481" i="1"/>
  <c r="AC43482" i="1"/>
  <c r="AC43483" i="1"/>
  <c r="AD43483" i="1" s="1"/>
  <c r="AC43484" i="1"/>
  <c r="AC43485" i="1"/>
  <c r="AC43486" i="1"/>
  <c r="AC43487" i="1"/>
  <c r="AC43488" i="1"/>
  <c r="AC43489" i="1"/>
  <c r="AC43490" i="1"/>
  <c r="AC43491" i="1"/>
  <c r="AC43492" i="1"/>
  <c r="AC43493" i="1"/>
  <c r="AC43494" i="1"/>
  <c r="AC43495" i="1"/>
  <c r="AD43495" i="1" s="1"/>
  <c r="AC43496" i="1"/>
  <c r="AC43497" i="1"/>
  <c r="AC43498" i="1"/>
  <c r="AC43499" i="1"/>
  <c r="AC43500" i="1"/>
  <c r="AC43501" i="1"/>
  <c r="AC43502" i="1"/>
  <c r="AC43503" i="1"/>
  <c r="AC43504" i="1"/>
  <c r="AC43505" i="1"/>
  <c r="AC43506" i="1"/>
  <c r="AC43507" i="1"/>
  <c r="AD43507" i="1" s="1"/>
  <c r="AC43508" i="1"/>
  <c r="AC43509" i="1"/>
  <c r="AC43510" i="1"/>
  <c r="AC43511" i="1"/>
  <c r="AC43512" i="1"/>
  <c r="AC43513" i="1"/>
  <c r="AC43514" i="1"/>
  <c r="AC43515" i="1"/>
  <c r="AC43516" i="1"/>
  <c r="AC43517" i="1"/>
  <c r="AC43518" i="1"/>
  <c r="AC43519" i="1"/>
  <c r="AD43519" i="1" s="1"/>
  <c r="AC43520" i="1"/>
  <c r="AC43521" i="1"/>
  <c r="AC43522" i="1"/>
  <c r="AC43523" i="1"/>
  <c r="AC43524" i="1"/>
  <c r="AC43525" i="1"/>
  <c r="AC43526" i="1"/>
  <c r="AC43527" i="1"/>
  <c r="AC43528" i="1"/>
  <c r="AC43529" i="1"/>
  <c r="AC43530" i="1"/>
  <c r="AC43531" i="1"/>
  <c r="AD43531" i="1" s="1"/>
  <c r="AC43532" i="1"/>
  <c r="AC43533" i="1"/>
  <c r="AC43534" i="1"/>
  <c r="AC43535" i="1"/>
  <c r="AC43536" i="1"/>
  <c r="AC43537" i="1"/>
  <c r="AC43538" i="1"/>
  <c r="AC43539" i="1"/>
  <c r="AC43540" i="1"/>
  <c r="AC43541" i="1"/>
  <c r="AC43542" i="1"/>
  <c r="AC43543" i="1"/>
  <c r="AD43543" i="1" s="1"/>
  <c r="AC43544" i="1"/>
  <c r="AC43545" i="1"/>
  <c r="AC43546" i="1"/>
  <c r="AC43547" i="1"/>
  <c r="AC43548" i="1"/>
  <c r="AC43549" i="1"/>
  <c r="AC43550" i="1"/>
  <c r="AC43551" i="1"/>
  <c r="AC43552" i="1"/>
  <c r="AC43553" i="1"/>
  <c r="AC43554" i="1"/>
  <c r="AC43555" i="1"/>
  <c r="AD43555" i="1" s="1"/>
  <c r="AC43556" i="1"/>
  <c r="AC43557" i="1"/>
  <c r="AC43558" i="1"/>
  <c r="AC43559" i="1"/>
  <c r="AC43560" i="1"/>
  <c r="AC43561" i="1"/>
  <c r="AC43562" i="1"/>
  <c r="AC43563" i="1"/>
  <c r="AC43564" i="1"/>
  <c r="AC43565" i="1"/>
  <c r="AC43566" i="1"/>
  <c r="AC43567" i="1"/>
  <c r="AD43567" i="1" s="1"/>
  <c r="AC43568" i="1"/>
  <c r="AC43569" i="1"/>
  <c r="AC43570" i="1"/>
  <c r="AC43571" i="1"/>
  <c r="AC43572" i="1"/>
  <c r="AC43573" i="1"/>
  <c r="AC43574" i="1"/>
  <c r="AC43575" i="1"/>
  <c r="AC43576" i="1"/>
  <c r="AC43577" i="1"/>
  <c r="AC43578" i="1"/>
  <c r="AC43579" i="1"/>
  <c r="AD43579" i="1" s="1"/>
  <c r="AC43580" i="1"/>
  <c r="AC43581" i="1"/>
  <c r="AC43582" i="1"/>
  <c r="AC43583" i="1"/>
  <c r="AC43584" i="1"/>
  <c r="AC43585" i="1"/>
  <c r="AC43586" i="1"/>
  <c r="AC43587" i="1"/>
  <c r="AC43588" i="1"/>
  <c r="AC43589" i="1"/>
  <c r="AC43590" i="1"/>
  <c r="AC43591" i="1"/>
  <c r="AD43591" i="1" s="1"/>
  <c r="AC43592" i="1"/>
  <c r="AC43593" i="1"/>
  <c r="AC43594" i="1"/>
  <c r="AC43595" i="1"/>
  <c r="AC43596" i="1"/>
  <c r="AC43597" i="1"/>
  <c r="AC43598" i="1"/>
  <c r="AC43599" i="1"/>
  <c r="AC43600" i="1"/>
  <c r="AC43601" i="1"/>
  <c r="AC43602" i="1"/>
  <c r="AC43603" i="1"/>
  <c r="AD43603" i="1" s="1"/>
  <c r="AC43604" i="1"/>
  <c r="AC43605" i="1"/>
  <c r="AC43606" i="1"/>
  <c r="AC43607" i="1"/>
  <c r="AC43608" i="1"/>
  <c r="AC43609" i="1"/>
  <c r="AC43610" i="1"/>
  <c r="AC43611" i="1"/>
  <c r="AC43612" i="1"/>
  <c r="AC43613" i="1"/>
  <c r="AC43614" i="1"/>
  <c r="AC43615" i="1"/>
  <c r="AD43615" i="1" s="1"/>
  <c r="AC43616" i="1"/>
  <c r="AC43617" i="1"/>
  <c r="AC43618" i="1"/>
  <c r="AC43619" i="1"/>
  <c r="AC43620" i="1"/>
  <c r="AC43621" i="1"/>
  <c r="AC43622" i="1"/>
  <c r="AC43623" i="1"/>
  <c r="AC43624" i="1"/>
  <c r="AC43625" i="1"/>
  <c r="AC43626" i="1"/>
  <c r="AC43627" i="1"/>
  <c r="AD43627" i="1" s="1"/>
  <c r="AC43628" i="1"/>
  <c r="AC43629" i="1"/>
  <c r="AC43630" i="1"/>
  <c r="AC43631" i="1"/>
  <c r="AC43632" i="1"/>
  <c r="AC43633" i="1"/>
  <c r="AC43634" i="1"/>
  <c r="AC43635" i="1"/>
  <c r="AC43636" i="1"/>
  <c r="AC43637" i="1"/>
  <c r="AC43638" i="1"/>
  <c r="AC43639" i="1"/>
  <c r="AD43639" i="1" s="1"/>
  <c r="AC43640" i="1"/>
  <c r="AC43641" i="1"/>
  <c r="AC43642" i="1"/>
  <c r="AC43643" i="1"/>
  <c r="AC43644" i="1"/>
  <c r="AC43645" i="1"/>
  <c r="AC43646" i="1"/>
  <c r="AC43647" i="1"/>
  <c r="AC43648" i="1"/>
  <c r="AC43649" i="1"/>
  <c r="AC43650" i="1"/>
  <c r="AC43651" i="1"/>
  <c r="AD43651" i="1" s="1"/>
  <c r="AC43652" i="1"/>
  <c r="AC43653" i="1"/>
  <c r="AC43654" i="1"/>
  <c r="AC43655" i="1"/>
  <c r="AC43656" i="1"/>
  <c r="AC43657" i="1"/>
  <c r="AC43658" i="1"/>
  <c r="AC43659" i="1"/>
  <c r="AC43660" i="1"/>
  <c r="AC43661" i="1"/>
  <c r="AC43662" i="1"/>
  <c r="AC43663" i="1"/>
  <c r="AD43663" i="1" s="1"/>
  <c r="AC43664" i="1"/>
  <c r="AC43665" i="1"/>
  <c r="AC43666" i="1"/>
  <c r="AC43667" i="1"/>
  <c r="AC43668" i="1"/>
  <c r="AC43669" i="1"/>
  <c r="AC43670" i="1"/>
  <c r="AC43671" i="1"/>
  <c r="AC43672" i="1"/>
  <c r="AC43673" i="1"/>
  <c r="AC43674" i="1"/>
  <c r="AC43675" i="1"/>
  <c r="AD43675" i="1" s="1"/>
  <c r="AC43676" i="1"/>
  <c r="AC43677" i="1"/>
  <c r="AC43678" i="1"/>
  <c r="AC43679" i="1"/>
  <c r="AC43680" i="1"/>
  <c r="AC43681" i="1"/>
  <c r="AC43682" i="1"/>
  <c r="AC43683" i="1"/>
  <c r="AC43684" i="1"/>
  <c r="AC43685" i="1"/>
  <c r="AC43686" i="1"/>
  <c r="AC43687" i="1"/>
  <c r="AD43687" i="1" s="1"/>
  <c r="AC43688" i="1"/>
  <c r="AC43689" i="1"/>
  <c r="AC43690" i="1"/>
  <c r="AC43691" i="1"/>
  <c r="AC43692" i="1"/>
  <c r="AC43693" i="1"/>
  <c r="AC43694" i="1"/>
  <c r="AC43695" i="1"/>
  <c r="AC43696" i="1"/>
  <c r="AC43697" i="1"/>
  <c r="AC43698" i="1"/>
  <c r="AC43699" i="1"/>
  <c r="AD43699" i="1" s="1"/>
  <c r="AC43700" i="1"/>
  <c r="AC43701" i="1"/>
  <c r="AC43702" i="1"/>
  <c r="AC43703" i="1"/>
  <c r="AC43704" i="1"/>
  <c r="AC43705" i="1"/>
  <c r="AC43706" i="1"/>
  <c r="AC43707" i="1"/>
  <c r="AC43708" i="1"/>
  <c r="AC43709" i="1"/>
  <c r="AC43710" i="1"/>
  <c r="AC43711" i="1"/>
  <c r="AD43711" i="1" s="1"/>
  <c r="AC43712" i="1"/>
  <c r="AC43713" i="1"/>
  <c r="AC43714" i="1"/>
  <c r="AC43715" i="1"/>
  <c r="AC43716" i="1"/>
  <c r="AC43717" i="1"/>
  <c r="AC43718" i="1"/>
  <c r="AC43719" i="1"/>
  <c r="AC43720" i="1"/>
  <c r="AC43721" i="1"/>
  <c r="AC43722" i="1"/>
  <c r="AC43723" i="1"/>
  <c r="AD43723" i="1" s="1"/>
  <c r="AC43724" i="1"/>
  <c r="AC43725" i="1"/>
  <c r="AC43726" i="1"/>
  <c r="AC43727" i="1"/>
  <c r="AC43728" i="1"/>
  <c r="AC43729" i="1"/>
  <c r="AC43730" i="1"/>
  <c r="AC43731" i="1"/>
  <c r="AC43732" i="1"/>
  <c r="AC43733" i="1"/>
  <c r="AC43734" i="1"/>
  <c r="AC43735" i="1"/>
  <c r="AD43735" i="1" s="1"/>
  <c r="AC43736" i="1"/>
  <c r="AC43737" i="1"/>
  <c r="AC43738" i="1"/>
  <c r="AC43739" i="1"/>
  <c r="AC43740" i="1"/>
  <c r="AC43741" i="1"/>
  <c r="AC43742" i="1"/>
  <c r="AC43743" i="1"/>
  <c r="AC43744" i="1"/>
  <c r="AC43745" i="1"/>
  <c r="AC43746" i="1"/>
  <c r="AC43747" i="1"/>
  <c r="AD43747" i="1" s="1"/>
  <c r="AC43748" i="1"/>
  <c r="AC43749" i="1"/>
  <c r="AC43750" i="1"/>
  <c r="AC43751" i="1"/>
  <c r="AC43752" i="1"/>
  <c r="AC43753" i="1"/>
  <c r="AC43754" i="1"/>
  <c r="AC43755" i="1"/>
  <c r="AC43756" i="1"/>
  <c r="AC43757" i="1"/>
  <c r="AC43758" i="1"/>
  <c r="AC43759" i="1"/>
  <c r="AD43759" i="1" s="1"/>
  <c r="AC43760" i="1"/>
  <c r="AC43761" i="1"/>
  <c r="AC43762" i="1"/>
  <c r="AC43763" i="1"/>
  <c r="AC43764" i="1"/>
  <c r="AC43765" i="1"/>
  <c r="AC43766" i="1"/>
  <c r="AC43767" i="1"/>
  <c r="AC43768" i="1"/>
  <c r="AC43769" i="1"/>
  <c r="AC43770" i="1"/>
  <c r="AC43771" i="1"/>
  <c r="AD43771" i="1" s="1"/>
  <c r="AC43772" i="1"/>
  <c r="AC43773" i="1"/>
  <c r="AC43774" i="1"/>
  <c r="AC43775" i="1"/>
  <c r="AC43776" i="1"/>
  <c r="AC43777" i="1"/>
  <c r="AC43778" i="1"/>
  <c r="AC43779" i="1"/>
  <c r="AC43780" i="1"/>
  <c r="AC43781" i="1"/>
  <c r="AC43782" i="1"/>
  <c r="AC43783" i="1"/>
  <c r="AD43783" i="1" s="1"/>
  <c r="AC43784" i="1"/>
  <c r="AC43785" i="1"/>
  <c r="AC43786" i="1"/>
  <c r="AC43787" i="1"/>
  <c r="AC43788" i="1"/>
  <c r="AC43789" i="1"/>
  <c r="AC43790" i="1"/>
  <c r="AC43791" i="1"/>
  <c r="AC43792" i="1"/>
  <c r="AC43793" i="1"/>
  <c r="AC43794" i="1"/>
  <c r="AC43795" i="1"/>
  <c r="AD43795" i="1" s="1"/>
  <c r="AC43796" i="1"/>
  <c r="AC43797" i="1"/>
  <c r="AC43798" i="1"/>
  <c r="AC43799" i="1"/>
  <c r="AC43800" i="1"/>
  <c r="AC43801" i="1"/>
  <c r="AC43802" i="1"/>
  <c r="AC43803" i="1"/>
  <c r="AC43804" i="1"/>
  <c r="AC43805" i="1"/>
  <c r="AC43806" i="1"/>
  <c r="AC43807" i="1"/>
  <c r="AD43807" i="1" s="1"/>
  <c r="AC43808" i="1"/>
  <c r="AC43809" i="1"/>
  <c r="AC43810" i="1"/>
  <c r="AC43811" i="1"/>
  <c r="AC43812" i="1"/>
  <c r="AC43813" i="1"/>
  <c r="AC43814" i="1"/>
  <c r="AC43815" i="1"/>
  <c r="AC43816" i="1"/>
  <c r="AC43817" i="1"/>
  <c r="AC43818" i="1"/>
  <c r="AC43819" i="1"/>
  <c r="AD43819" i="1" s="1"/>
  <c r="AC43820" i="1"/>
  <c r="AC43821" i="1"/>
  <c r="AC43822" i="1"/>
  <c r="AC43823" i="1"/>
  <c r="AC43824" i="1"/>
  <c r="AC43825" i="1"/>
  <c r="AC43826" i="1"/>
  <c r="AC43827" i="1"/>
  <c r="AC43828" i="1"/>
  <c r="AC43829" i="1"/>
  <c r="AC43830" i="1"/>
  <c r="AC43831" i="1"/>
  <c r="AD43831" i="1" s="1"/>
  <c r="AC43832" i="1"/>
  <c r="AC43833" i="1"/>
  <c r="AC43834" i="1"/>
  <c r="AC43835" i="1"/>
  <c r="AC43836" i="1"/>
  <c r="AC43837" i="1"/>
  <c r="AC43838" i="1"/>
  <c r="AC43839" i="1"/>
  <c r="AC43840" i="1"/>
  <c r="AC43841" i="1"/>
  <c r="AC43842" i="1"/>
  <c r="AC43843" i="1"/>
  <c r="AD43843" i="1" s="1"/>
  <c r="AC43844" i="1"/>
  <c r="AC43845" i="1"/>
  <c r="AC43846" i="1"/>
  <c r="AC43847" i="1"/>
  <c r="AC43848" i="1"/>
  <c r="AC43849" i="1"/>
  <c r="AC43850" i="1"/>
  <c r="AC43851" i="1"/>
  <c r="AC43852" i="1"/>
  <c r="AC43853" i="1"/>
  <c r="AC43854" i="1"/>
  <c r="AC43855" i="1"/>
  <c r="AD43855" i="1" s="1"/>
  <c r="AC43856" i="1"/>
  <c r="AC43857" i="1"/>
  <c r="AC43858" i="1"/>
  <c r="AC43859" i="1"/>
  <c r="AC43860" i="1"/>
  <c r="AC43861" i="1"/>
  <c r="AC43862" i="1"/>
  <c r="AC43863" i="1"/>
  <c r="AC43864" i="1"/>
  <c r="AC43865" i="1"/>
  <c r="AC43866" i="1"/>
  <c r="AC43867" i="1"/>
  <c r="AD43867" i="1" s="1"/>
  <c r="AC43868" i="1"/>
  <c r="AC43869" i="1"/>
  <c r="AC43870" i="1"/>
  <c r="AC43871" i="1"/>
  <c r="AC43872" i="1"/>
  <c r="AC43873" i="1"/>
  <c r="AC43874" i="1"/>
  <c r="AC43875" i="1"/>
  <c r="AC43876" i="1"/>
  <c r="AC43877" i="1"/>
  <c r="AC43878" i="1"/>
  <c r="AC43879" i="1"/>
  <c r="AD43879" i="1" s="1"/>
  <c r="AC43880" i="1"/>
  <c r="AC43881" i="1"/>
  <c r="AC43882" i="1"/>
  <c r="AC43883" i="1"/>
  <c r="AC43884" i="1"/>
  <c r="AC43885" i="1"/>
  <c r="AC43886" i="1"/>
  <c r="AC43887" i="1"/>
  <c r="AC43888" i="1"/>
  <c r="AC43889" i="1"/>
  <c r="AC43890" i="1"/>
  <c r="AC43891" i="1"/>
  <c r="AD43891" i="1" s="1"/>
  <c r="AC43892" i="1"/>
  <c r="AC43893" i="1"/>
  <c r="AC43894" i="1"/>
  <c r="AC43895" i="1"/>
  <c r="AC43896" i="1"/>
  <c r="AC43897" i="1"/>
  <c r="AC43898" i="1"/>
  <c r="AC43899" i="1"/>
  <c r="AC43900" i="1"/>
  <c r="AC43901" i="1"/>
  <c r="AC43902" i="1"/>
  <c r="AC43903" i="1"/>
  <c r="AD43903" i="1" s="1"/>
  <c r="AC43904" i="1"/>
  <c r="AC43905" i="1"/>
  <c r="AC43906" i="1"/>
  <c r="AC43907" i="1"/>
  <c r="AC43908" i="1"/>
  <c r="AC43909" i="1"/>
  <c r="AC43910" i="1"/>
  <c r="AC43911" i="1"/>
  <c r="AC43912" i="1"/>
  <c r="AC43913" i="1"/>
  <c r="AC43914" i="1"/>
  <c r="AC43915" i="1"/>
  <c r="AD43915" i="1" s="1"/>
  <c r="AC43916" i="1"/>
  <c r="AC43917" i="1"/>
  <c r="AC43918" i="1"/>
  <c r="AC43919" i="1"/>
  <c r="AC43920" i="1"/>
  <c r="AC43921" i="1"/>
  <c r="AC43922" i="1"/>
  <c r="AC43923" i="1"/>
  <c r="AC43924" i="1"/>
  <c r="AC43925" i="1"/>
  <c r="AC43926" i="1"/>
  <c r="AC43927" i="1"/>
  <c r="AD43927" i="1" s="1"/>
  <c r="AC43928" i="1"/>
  <c r="AC43929" i="1"/>
  <c r="AC43930" i="1"/>
  <c r="AC43931" i="1"/>
  <c r="AC43932" i="1"/>
  <c r="AC43933" i="1"/>
  <c r="AC43934" i="1"/>
  <c r="AC43935" i="1"/>
  <c r="AC43936" i="1"/>
  <c r="AC43937" i="1"/>
  <c r="AC43938" i="1"/>
  <c r="AC43939" i="1"/>
  <c r="AD43939" i="1" s="1"/>
  <c r="AC43940" i="1"/>
  <c r="AC43941" i="1"/>
  <c r="AC43942" i="1"/>
  <c r="AC43943" i="1"/>
  <c r="AC43944" i="1"/>
  <c r="AC43945" i="1"/>
  <c r="AC43946" i="1"/>
  <c r="AC43947" i="1"/>
  <c r="AC43948" i="1"/>
  <c r="AC43949" i="1"/>
  <c r="AC43950" i="1"/>
  <c r="AC43951" i="1"/>
  <c r="AD43951" i="1" s="1"/>
  <c r="AC43952" i="1"/>
  <c r="AC43953" i="1"/>
  <c r="AC43954" i="1"/>
  <c r="AC43955" i="1"/>
  <c r="AC43956" i="1"/>
  <c r="AC43957" i="1"/>
  <c r="AC43958" i="1"/>
  <c r="AC43959" i="1"/>
  <c r="AC43960" i="1"/>
  <c r="AC43961" i="1"/>
  <c r="AC43962" i="1"/>
  <c r="AC43963" i="1"/>
  <c r="AD43963" i="1" s="1"/>
  <c r="AC43964" i="1"/>
  <c r="AC43965" i="1"/>
  <c r="AC43966" i="1"/>
  <c r="AC43967" i="1"/>
  <c r="AC43968" i="1"/>
  <c r="AC43969" i="1"/>
  <c r="AC43970" i="1"/>
  <c r="AC43971" i="1"/>
  <c r="AC43972" i="1"/>
  <c r="AC43973" i="1"/>
  <c r="AC43974" i="1"/>
  <c r="AC43975" i="1"/>
  <c r="AD43975" i="1" s="1"/>
  <c r="AC43976" i="1"/>
  <c r="AC43977" i="1"/>
  <c r="AC43978" i="1"/>
  <c r="AC43979" i="1"/>
  <c r="AC43980" i="1"/>
  <c r="AC43981" i="1"/>
  <c r="AC43982" i="1"/>
  <c r="AC43983" i="1"/>
  <c r="AC43984" i="1"/>
  <c r="AC43985" i="1"/>
  <c r="AC43986" i="1"/>
  <c r="AC43987" i="1"/>
  <c r="AD43987" i="1" s="1"/>
  <c r="AC43988" i="1"/>
  <c r="AC43989" i="1"/>
  <c r="AC43990" i="1"/>
  <c r="AC43991" i="1"/>
  <c r="AC43992" i="1"/>
  <c r="AC43993" i="1"/>
  <c r="AC43994" i="1"/>
  <c r="AC43995" i="1"/>
  <c r="AC43996" i="1"/>
  <c r="AC43997" i="1"/>
  <c r="AC43998" i="1"/>
  <c r="AC43999" i="1"/>
  <c r="AD43999" i="1" s="1"/>
  <c r="AC44000" i="1"/>
  <c r="AC44001" i="1"/>
  <c r="AC44002" i="1"/>
  <c r="AC44003" i="1"/>
  <c r="AC44004" i="1"/>
  <c r="AC44005" i="1"/>
  <c r="AC44006" i="1"/>
  <c r="AC44007" i="1"/>
  <c r="AC44008" i="1"/>
  <c r="AC44009" i="1"/>
  <c r="AC44010" i="1"/>
  <c r="AC44011" i="1"/>
  <c r="AD44011" i="1" s="1"/>
  <c r="AC44012" i="1"/>
  <c r="AC44013" i="1"/>
  <c r="AC44014" i="1"/>
  <c r="AC44015" i="1"/>
  <c r="AC44016" i="1"/>
  <c r="AC44017" i="1"/>
  <c r="AC44018" i="1"/>
  <c r="AC44019" i="1"/>
  <c r="AC44020" i="1"/>
  <c r="AC44021" i="1"/>
  <c r="AC44022" i="1"/>
  <c r="AC44023" i="1"/>
  <c r="AD44023" i="1" s="1"/>
  <c r="AC44024" i="1"/>
  <c r="AC44025" i="1"/>
  <c r="AC44026" i="1"/>
  <c r="AC44027" i="1"/>
  <c r="AC44028" i="1"/>
  <c r="AC44029" i="1"/>
  <c r="AC44030" i="1"/>
  <c r="AC44031" i="1"/>
  <c r="AC44032" i="1"/>
  <c r="AC44033" i="1"/>
  <c r="AC44034" i="1"/>
  <c r="AC44035" i="1"/>
  <c r="AD44035" i="1" s="1"/>
  <c r="AC44036" i="1"/>
  <c r="AC44037" i="1"/>
  <c r="AC44038" i="1"/>
  <c r="AC44039" i="1"/>
  <c r="AC44040" i="1"/>
  <c r="AC44041" i="1"/>
  <c r="AC44042" i="1"/>
  <c r="AC44043" i="1"/>
  <c r="AC44044" i="1"/>
  <c r="AC44045" i="1"/>
  <c r="AC44046" i="1"/>
  <c r="AC44047" i="1"/>
  <c r="AD44047" i="1" s="1"/>
  <c r="AC44048" i="1"/>
  <c r="AC44049" i="1"/>
  <c r="AC44050" i="1"/>
  <c r="AC44051" i="1"/>
  <c r="AC44052" i="1"/>
  <c r="AC44053" i="1"/>
  <c r="AC44054" i="1"/>
  <c r="AC44055" i="1"/>
  <c r="AC44056" i="1"/>
  <c r="AC44057" i="1"/>
  <c r="AC44058" i="1"/>
  <c r="AC44059" i="1"/>
  <c r="AD44059" i="1" s="1"/>
  <c r="AC44060" i="1"/>
  <c r="AC44061" i="1"/>
  <c r="AC44062" i="1"/>
  <c r="AC44063" i="1"/>
  <c r="AC44064" i="1"/>
  <c r="AC44065" i="1"/>
  <c r="AC44066" i="1"/>
  <c r="AC44067" i="1"/>
  <c r="AC44068" i="1"/>
  <c r="AC44069" i="1"/>
  <c r="AC44070" i="1"/>
  <c r="AC44071" i="1"/>
  <c r="AD44071" i="1" s="1"/>
  <c r="AC44072" i="1"/>
  <c r="AC44073" i="1"/>
  <c r="AC44074" i="1"/>
  <c r="AC44075" i="1"/>
  <c r="AC44076" i="1"/>
  <c r="AC44077" i="1"/>
  <c r="AC44078" i="1"/>
  <c r="AC44079" i="1"/>
  <c r="AC44080" i="1"/>
  <c r="AC44081" i="1"/>
  <c r="AC44082" i="1"/>
  <c r="AC44083" i="1"/>
  <c r="AD44083" i="1" s="1"/>
  <c r="AC44084" i="1"/>
  <c r="AC44085" i="1"/>
  <c r="AC44086" i="1"/>
  <c r="AC44087" i="1"/>
  <c r="AC44088" i="1"/>
  <c r="AC44089" i="1"/>
  <c r="AC44090" i="1"/>
  <c r="AC44091" i="1"/>
  <c r="AC44092" i="1"/>
  <c r="AC44093" i="1"/>
  <c r="AC44094" i="1"/>
  <c r="AC44095" i="1"/>
  <c r="AD44095" i="1" s="1"/>
  <c r="AC44096" i="1"/>
  <c r="AC44097" i="1"/>
  <c r="AC44098" i="1"/>
  <c r="AC44099" i="1"/>
  <c r="AC44100" i="1"/>
  <c r="AC44101" i="1"/>
  <c r="AC44102" i="1"/>
  <c r="AC44103" i="1"/>
  <c r="AC44104" i="1"/>
  <c r="AC44105" i="1"/>
  <c r="AC44106" i="1"/>
  <c r="AC44107" i="1"/>
  <c r="AD44107" i="1" s="1"/>
  <c r="AC44108" i="1"/>
  <c r="AC44109" i="1"/>
  <c r="AC44110" i="1"/>
  <c r="AC44111" i="1"/>
  <c r="AC44112" i="1"/>
  <c r="AC44113" i="1"/>
  <c r="AC44114" i="1"/>
  <c r="AC44115" i="1"/>
  <c r="AC44116" i="1"/>
  <c r="AC44117" i="1"/>
  <c r="AC44118" i="1"/>
  <c r="AC44119" i="1"/>
  <c r="AD44119" i="1" s="1"/>
  <c r="AC44120" i="1"/>
  <c r="AC44121" i="1"/>
  <c r="AC44122" i="1"/>
  <c r="AC44123" i="1"/>
  <c r="AC44124" i="1"/>
  <c r="AC44125" i="1"/>
  <c r="AC44126" i="1"/>
  <c r="AC44127" i="1"/>
  <c r="AC44128" i="1"/>
  <c r="AC44129" i="1"/>
  <c r="AC44130" i="1"/>
  <c r="AC44131" i="1"/>
  <c r="AD44131" i="1" s="1"/>
  <c r="AC44132" i="1"/>
  <c r="AC44133" i="1"/>
  <c r="AC44134" i="1"/>
  <c r="AC44135" i="1"/>
  <c r="AC44136" i="1"/>
  <c r="AC44137" i="1"/>
  <c r="AC44138" i="1"/>
  <c r="AC44139" i="1"/>
  <c r="AC44140" i="1"/>
  <c r="AC44141" i="1"/>
  <c r="AC44142" i="1"/>
  <c r="AC44143" i="1"/>
  <c r="AD44143" i="1" s="1"/>
  <c r="AC44144" i="1"/>
  <c r="AC44145" i="1"/>
  <c r="AC44146" i="1"/>
  <c r="AC44147" i="1"/>
  <c r="AC44148" i="1"/>
  <c r="AC44149" i="1"/>
  <c r="AC44150" i="1"/>
  <c r="AC44151" i="1"/>
  <c r="AC44152" i="1"/>
  <c r="AC44153" i="1"/>
  <c r="AC44154" i="1"/>
  <c r="AC44155" i="1"/>
  <c r="AD44155" i="1" s="1"/>
  <c r="AC44156" i="1"/>
  <c r="AC44157" i="1"/>
  <c r="AC44158" i="1"/>
  <c r="AC44159" i="1"/>
  <c r="AC44160" i="1"/>
  <c r="AC44161" i="1"/>
  <c r="AC44162" i="1"/>
  <c r="AC44163" i="1"/>
  <c r="AC44164" i="1"/>
  <c r="AC44165" i="1"/>
  <c r="AC44166" i="1"/>
  <c r="AC44167" i="1"/>
  <c r="AD44167" i="1" s="1"/>
  <c r="AC44168" i="1"/>
  <c r="AC44169" i="1"/>
  <c r="AC44170" i="1"/>
  <c r="AC44171" i="1"/>
  <c r="AC44172" i="1"/>
  <c r="AC44173" i="1"/>
  <c r="AC44174" i="1"/>
  <c r="AC44175" i="1"/>
  <c r="AC44176" i="1"/>
  <c r="AC44177" i="1"/>
  <c r="AC44178" i="1"/>
  <c r="AC44179" i="1"/>
  <c r="AD44179" i="1" s="1"/>
  <c r="AC44180" i="1"/>
  <c r="AC44181" i="1"/>
  <c r="AC44182" i="1"/>
  <c r="AC44183" i="1"/>
  <c r="AC44184" i="1"/>
  <c r="AC44185" i="1"/>
  <c r="AC44186" i="1"/>
  <c r="AC44187" i="1"/>
  <c r="AC44188" i="1"/>
  <c r="AC44189" i="1"/>
  <c r="AC44190" i="1"/>
  <c r="AC44191" i="1"/>
  <c r="AD44191" i="1" s="1"/>
  <c r="AC44192" i="1"/>
  <c r="AC44193" i="1"/>
  <c r="AC44194" i="1"/>
  <c r="AC44195" i="1"/>
  <c r="AC44196" i="1"/>
  <c r="AC44197" i="1"/>
  <c r="AC44198" i="1"/>
  <c r="AC44199" i="1"/>
  <c r="AC44200" i="1"/>
  <c r="AC44201" i="1"/>
  <c r="AC44202" i="1"/>
  <c r="AC44203" i="1"/>
  <c r="AD44203" i="1" s="1"/>
  <c r="AC44204" i="1"/>
  <c r="AC44205" i="1"/>
  <c r="AC44206" i="1"/>
  <c r="AC44207" i="1"/>
  <c r="AC44208" i="1"/>
  <c r="AC44209" i="1"/>
  <c r="AC44210" i="1"/>
  <c r="AC44211" i="1"/>
  <c r="AC44212" i="1"/>
  <c r="AC44213" i="1"/>
  <c r="AC44214" i="1"/>
  <c r="AC44215" i="1"/>
  <c r="AD44215" i="1" s="1"/>
  <c r="AC44216" i="1"/>
  <c r="AC44217" i="1"/>
  <c r="AC44218" i="1"/>
  <c r="AC44219" i="1"/>
  <c r="AC44220" i="1"/>
  <c r="AC44221" i="1"/>
  <c r="AC44222" i="1"/>
  <c r="AC44223" i="1"/>
  <c r="AC44224" i="1"/>
  <c r="AC44225" i="1"/>
  <c r="AC44226" i="1"/>
  <c r="AC44227" i="1"/>
  <c r="AD44227" i="1" s="1"/>
  <c r="AC44228" i="1"/>
  <c r="AC44229" i="1"/>
  <c r="AC44230" i="1"/>
  <c r="AC44231" i="1"/>
  <c r="AC44232" i="1"/>
  <c r="AC44233" i="1"/>
  <c r="AC44234" i="1"/>
  <c r="AC44235" i="1"/>
  <c r="AC44236" i="1"/>
  <c r="AC44237" i="1"/>
  <c r="AC44238" i="1"/>
  <c r="AC44239" i="1"/>
  <c r="AD44239" i="1" s="1"/>
  <c r="AC44240" i="1"/>
  <c r="AC44241" i="1"/>
  <c r="AC44242" i="1"/>
  <c r="AC44243" i="1"/>
  <c r="AC44244" i="1"/>
  <c r="AC44245" i="1"/>
  <c r="AC44246" i="1"/>
  <c r="AC44247" i="1"/>
  <c r="AC44248" i="1"/>
  <c r="AC44249" i="1"/>
  <c r="AC44250" i="1"/>
  <c r="AC44251" i="1"/>
  <c r="AD44251" i="1" s="1"/>
  <c r="AC44252" i="1"/>
  <c r="AC44253" i="1"/>
  <c r="AC44254" i="1"/>
  <c r="AC44255" i="1"/>
  <c r="AC44256" i="1"/>
  <c r="AC44257" i="1"/>
  <c r="AC44258" i="1"/>
  <c r="AC44259" i="1"/>
  <c r="AC44260" i="1"/>
  <c r="AC44261" i="1"/>
  <c r="AC44262" i="1"/>
  <c r="AC44263" i="1"/>
  <c r="AD44263" i="1" s="1"/>
  <c r="AC44264" i="1"/>
  <c r="AC44265" i="1"/>
  <c r="AC44266" i="1"/>
  <c r="AC44267" i="1"/>
  <c r="AC44268" i="1"/>
  <c r="AC44269" i="1"/>
  <c r="AC44270" i="1"/>
  <c r="AC44271" i="1"/>
  <c r="AC44272" i="1"/>
  <c r="AC44273" i="1"/>
  <c r="AC44274" i="1"/>
  <c r="AC44275" i="1"/>
  <c r="AD44275" i="1" s="1"/>
  <c r="AC44276" i="1"/>
  <c r="AC44277" i="1"/>
  <c r="AC44278" i="1"/>
  <c r="AC44279" i="1"/>
  <c r="AC44280" i="1"/>
  <c r="AC44281" i="1"/>
  <c r="AC44282" i="1"/>
  <c r="AC44283" i="1"/>
  <c r="AC44284" i="1"/>
  <c r="AC44285" i="1"/>
  <c r="AC44286" i="1"/>
  <c r="AC44287" i="1"/>
  <c r="AD44287" i="1" s="1"/>
  <c r="AC44288" i="1"/>
  <c r="AC44289" i="1"/>
  <c r="AC44290" i="1"/>
  <c r="AC44291" i="1"/>
  <c r="AC44292" i="1"/>
  <c r="AC44293" i="1"/>
  <c r="AC44294" i="1"/>
  <c r="AC44295" i="1"/>
  <c r="AC44296" i="1"/>
  <c r="AC44297" i="1"/>
  <c r="AC44298" i="1"/>
  <c r="AC44299" i="1"/>
  <c r="AD44299" i="1" s="1"/>
  <c r="AC44300" i="1"/>
  <c r="AC44301" i="1"/>
  <c r="AC44302" i="1"/>
  <c r="AC44303" i="1"/>
  <c r="AC44304" i="1"/>
  <c r="AC44305" i="1"/>
  <c r="AC44306" i="1"/>
  <c r="AC44307" i="1"/>
  <c r="AC44308" i="1"/>
  <c r="AC44309" i="1"/>
  <c r="AC44310" i="1"/>
  <c r="AC44311" i="1"/>
  <c r="AD44311" i="1" s="1"/>
  <c r="AC44312" i="1"/>
  <c r="AC44313" i="1"/>
  <c r="AC44314" i="1"/>
  <c r="AC44315" i="1"/>
  <c r="AC44316" i="1"/>
  <c r="AC44317" i="1"/>
  <c r="AC44318" i="1"/>
  <c r="AC44319" i="1"/>
  <c r="AC44320" i="1"/>
  <c r="AC44321" i="1"/>
  <c r="AC44322" i="1"/>
  <c r="AC44323" i="1"/>
  <c r="AD44323" i="1" s="1"/>
  <c r="AC44324" i="1"/>
  <c r="AC44325" i="1"/>
  <c r="AC44326" i="1"/>
  <c r="AC44327" i="1"/>
  <c r="AC44328" i="1"/>
  <c r="AC44329" i="1"/>
  <c r="AC44330" i="1"/>
  <c r="AC44331" i="1"/>
  <c r="AC44332" i="1"/>
  <c r="AC44333" i="1"/>
  <c r="AC44334" i="1"/>
  <c r="AC44335" i="1"/>
  <c r="AD44335" i="1" s="1"/>
  <c r="AC44336" i="1"/>
  <c r="AC44337" i="1"/>
  <c r="AC44338" i="1"/>
  <c r="AC44339" i="1"/>
  <c r="AC44340" i="1"/>
  <c r="AC44341" i="1"/>
  <c r="AC44342" i="1"/>
  <c r="AC44343" i="1"/>
  <c r="AC44344" i="1"/>
  <c r="AC44345" i="1"/>
  <c r="AC44346" i="1"/>
  <c r="AC44347" i="1"/>
  <c r="AD44347" i="1" s="1"/>
  <c r="AC44348" i="1"/>
  <c r="AC44349" i="1"/>
  <c r="AC44350" i="1"/>
  <c r="AC44351" i="1"/>
  <c r="AC44352" i="1"/>
  <c r="AC44353" i="1"/>
  <c r="AC44354" i="1"/>
  <c r="AC44355" i="1"/>
  <c r="AC44356" i="1"/>
  <c r="AC44357" i="1"/>
  <c r="AC44358" i="1"/>
  <c r="AC44359" i="1"/>
  <c r="AD44359" i="1" s="1"/>
  <c r="AC44360" i="1"/>
  <c r="AC44361" i="1"/>
  <c r="AC44362" i="1"/>
  <c r="AC44363" i="1"/>
  <c r="AC44364" i="1"/>
  <c r="AC44365" i="1"/>
  <c r="AC44366" i="1"/>
  <c r="AC44367" i="1"/>
  <c r="AC44368" i="1"/>
  <c r="AC44369" i="1"/>
  <c r="AC44370" i="1"/>
  <c r="AC44371" i="1"/>
  <c r="AD44371" i="1" s="1"/>
  <c r="AC44372" i="1"/>
  <c r="AC44373" i="1"/>
  <c r="AC44374" i="1"/>
  <c r="AC44375" i="1"/>
  <c r="AC44376" i="1"/>
  <c r="AC44377" i="1"/>
  <c r="AC44378" i="1"/>
  <c r="AC44379" i="1"/>
  <c r="AC44380" i="1"/>
  <c r="AC44381" i="1"/>
  <c r="AC44382" i="1"/>
  <c r="AC44383" i="1"/>
  <c r="AD44383" i="1" s="1"/>
  <c r="AC44384" i="1"/>
  <c r="AC44385" i="1"/>
  <c r="AC44386" i="1"/>
  <c r="AC44387" i="1"/>
  <c r="AC44388" i="1"/>
  <c r="AC44389" i="1"/>
  <c r="AC44390" i="1"/>
  <c r="AC44391" i="1"/>
  <c r="AC44392" i="1"/>
  <c r="AC44393" i="1"/>
  <c r="AC44394" i="1"/>
  <c r="AC44395" i="1"/>
  <c r="AD44395" i="1" s="1"/>
  <c r="AC44396" i="1"/>
  <c r="AC44397" i="1"/>
  <c r="AC44398" i="1"/>
  <c r="AC44399" i="1"/>
  <c r="AC44400" i="1"/>
  <c r="AC44401" i="1"/>
  <c r="AC44402" i="1"/>
  <c r="AC44403" i="1"/>
  <c r="AC44404" i="1"/>
  <c r="AC44405" i="1"/>
  <c r="AC44406" i="1"/>
  <c r="AC44407" i="1"/>
  <c r="AD44407" i="1" s="1"/>
  <c r="AC44408" i="1"/>
  <c r="AC44409" i="1"/>
  <c r="AC44410" i="1"/>
  <c r="AC44411" i="1"/>
  <c r="AC44412" i="1"/>
  <c r="AC44413" i="1"/>
  <c r="AC44414" i="1"/>
  <c r="AC44415" i="1"/>
  <c r="AC44416" i="1"/>
  <c r="AC44417" i="1"/>
  <c r="AC44418" i="1"/>
  <c r="AC44419" i="1"/>
  <c r="AD44419" i="1" s="1"/>
  <c r="AC44420" i="1"/>
  <c r="AC44421" i="1"/>
  <c r="AC44422" i="1"/>
  <c r="AC44423" i="1"/>
  <c r="AC44424" i="1"/>
  <c r="AC44425" i="1"/>
  <c r="AC44426" i="1"/>
  <c r="AC44427" i="1"/>
  <c r="AC44428" i="1"/>
  <c r="AC44429" i="1"/>
  <c r="AC44430" i="1"/>
  <c r="AC44431" i="1"/>
  <c r="AD44431" i="1" s="1"/>
  <c r="AC44432" i="1"/>
  <c r="AC44433" i="1"/>
  <c r="AC44434" i="1"/>
  <c r="AC44435" i="1"/>
  <c r="AC44436" i="1"/>
  <c r="AC44437" i="1"/>
  <c r="AC44438" i="1"/>
  <c r="AC44439" i="1"/>
  <c r="AC44440" i="1"/>
  <c r="AC44441" i="1"/>
  <c r="AC44442" i="1"/>
  <c r="AC44443" i="1"/>
  <c r="AD44443" i="1" s="1"/>
  <c r="AC44444" i="1"/>
  <c r="AC44445" i="1"/>
  <c r="AC44446" i="1"/>
  <c r="AC44447" i="1"/>
  <c r="AC44448" i="1"/>
  <c r="AC44449" i="1"/>
  <c r="AC44450" i="1"/>
  <c r="AC44451" i="1"/>
  <c r="AC44452" i="1"/>
  <c r="AC44453" i="1"/>
  <c r="AC44454" i="1"/>
  <c r="AC44455" i="1"/>
  <c r="AD44455" i="1" s="1"/>
  <c r="AC44456" i="1"/>
  <c r="AC44457" i="1"/>
  <c r="AC44458" i="1"/>
  <c r="AC44459" i="1"/>
  <c r="AC44460" i="1"/>
  <c r="AC44461" i="1"/>
  <c r="AC44462" i="1"/>
  <c r="AC44463" i="1"/>
  <c r="AC44464" i="1"/>
  <c r="AC44465" i="1"/>
  <c r="AC44466" i="1"/>
  <c r="AC44467" i="1"/>
  <c r="AD44467" i="1" s="1"/>
  <c r="AC44468" i="1"/>
  <c r="AC44469" i="1"/>
  <c r="AC44470" i="1"/>
  <c r="AC44471" i="1"/>
  <c r="AC44472" i="1"/>
  <c r="AC44473" i="1"/>
  <c r="AC44474" i="1"/>
  <c r="AC44475" i="1"/>
  <c r="AC44476" i="1"/>
  <c r="AC44477" i="1"/>
  <c r="AC44478" i="1"/>
  <c r="AC44479" i="1"/>
  <c r="AD44479" i="1" s="1"/>
  <c r="AC44480" i="1"/>
  <c r="AC44481" i="1"/>
  <c r="AC44482" i="1"/>
  <c r="AC44483" i="1"/>
  <c r="AC44484" i="1"/>
  <c r="AC44485" i="1"/>
  <c r="AC44486" i="1"/>
  <c r="AC44487" i="1"/>
  <c r="AC44488" i="1"/>
  <c r="AC44489" i="1"/>
  <c r="AC44490" i="1"/>
  <c r="AC44491" i="1"/>
  <c r="AD44491" i="1" s="1"/>
  <c r="AC44492" i="1"/>
  <c r="AC44493" i="1"/>
  <c r="AC44494" i="1"/>
  <c r="AC44495" i="1"/>
  <c r="AC44496" i="1"/>
  <c r="AC44497" i="1"/>
  <c r="AC44498" i="1"/>
  <c r="AC44499" i="1"/>
  <c r="AC44500" i="1"/>
  <c r="AC44501" i="1"/>
  <c r="AC44502" i="1"/>
  <c r="AC44503" i="1"/>
  <c r="AD44503" i="1" s="1"/>
  <c r="AC44504" i="1"/>
  <c r="AC44505" i="1"/>
  <c r="AC44506" i="1"/>
  <c r="AC44507" i="1"/>
  <c r="AC44508" i="1"/>
  <c r="AC44509" i="1"/>
  <c r="AC44510" i="1"/>
  <c r="AC44511" i="1"/>
  <c r="AC44512" i="1"/>
  <c r="AC44513" i="1"/>
  <c r="AC44514" i="1"/>
  <c r="AC44515" i="1"/>
  <c r="AD44515" i="1" s="1"/>
  <c r="AC44516" i="1"/>
  <c r="AC44517" i="1"/>
  <c r="AC44518" i="1"/>
  <c r="AC44519" i="1"/>
  <c r="AC44520" i="1"/>
  <c r="AC44521" i="1"/>
  <c r="AC44522" i="1"/>
  <c r="AC44523" i="1"/>
  <c r="AC44524" i="1"/>
  <c r="AC44525" i="1"/>
  <c r="AC44526" i="1"/>
  <c r="AC44527" i="1"/>
  <c r="AD44527" i="1" s="1"/>
  <c r="AC44528" i="1"/>
  <c r="AC44529" i="1"/>
  <c r="AC44530" i="1"/>
  <c r="AC44531" i="1"/>
  <c r="AC44532" i="1"/>
  <c r="AC44533" i="1"/>
  <c r="AC44534" i="1"/>
  <c r="AC44535" i="1"/>
  <c r="AC44536" i="1"/>
  <c r="AC44537" i="1"/>
  <c r="AC44538" i="1"/>
  <c r="AC44539" i="1"/>
  <c r="AD44539" i="1" s="1"/>
  <c r="AC44540" i="1"/>
  <c r="AC44541" i="1"/>
  <c r="AC44542" i="1"/>
  <c r="AC44543" i="1"/>
  <c r="AC44544" i="1"/>
  <c r="AC44545" i="1"/>
  <c r="AC44546" i="1"/>
  <c r="AC44547" i="1"/>
  <c r="AC44548" i="1"/>
  <c r="AC44549" i="1"/>
  <c r="AC44550" i="1"/>
  <c r="AC44551" i="1"/>
  <c r="AD44551" i="1" s="1"/>
  <c r="AC44552" i="1"/>
  <c r="AC44553" i="1"/>
  <c r="AC44554" i="1"/>
  <c r="AC44555" i="1"/>
  <c r="AC44556" i="1"/>
  <c r="AC44557" i="1"/>
  <c r="AC44558" i="1"/>
  <c r="AC44559" i="1"/>
  <c r="AC44560" i="1"/>
  <c r="AC44561" i="1"/>
  <c r="AC44562" i="1"/>
  <c r="AC44563" i="1"/>
  <c r="AD44563" i="1" s="1"/>
  <c r="AC44564" i="1"/>
  <c r="AC44565" i="1"/>
  <c r="AC44566" i="1"/>
  <c r="AC44567" i="1"/>
  <c r="AC44568" i="1"/>
  <c r="AC44569" i="1"/>
  <c r="AC44570" i="1"/>
  <c r="AC44571" i="1"/>
  <c r="AC44572" i="1"/>
  <c r="AC44573" i="1"/>
  <c r="AC44574" i="1"/>
  <c r="AC44575" i="1"/>
  <c r="AD44575" i="1" s="1"/>
  <c r="AC44576" i="1"/>
  <c r="AC44577" i="1"/>
  <c r="AC44578" i="1"/>
  <c r="AC44579" i="1"/>
  <c r="AC44580" i="1"/>
  <c r="AC44581" i="1"/>
  <c r="AC44582" i="1"/>
  <c r="AC44583" i="1"/>
  <c r="AC44584" i="1"/>
  <c r="AC44585" i="1"/>
  <c r="AC44586" i="1"/>
  <c r="AC44587" i="1"/>
  <c r="AD44587" i="1" s="1"/>
  <c r="AC44588" i="1"/>
  <c r="AC44589" i="1"/>
  <c r="AC44590" i="1"/>
  <c r="AC44591" i="1"/>
  <c r="AC44592" i="1"/>
  <c r="AC44593" i="1"/>
  <c r="AC44594" i="1"/>
  <c r="AC44595" i="1"/>
  <c r="AC44596" i="1"/>
  <c r="AC44597" i="1"/>
  <c r="AC44598" i="1"/>
  <c r="AC44599" i="1"/>
  <c r="AD44599" i="1" s="1"/>
  <c r="AC44600" i="1"/>
  <c r="AC44601" i="1"/>
  <c r="AC44602" i="1"/>
  <c r="AC44603" i="1"/>
  <c r="AC44604" i="1"/>
  <c r="AC44605" i="1"/>
  <c r="AC44606" i="1"/>
  <c r="AC44607" i="1"/>
  <c r="AC44608" i="1"/>
  <c r="AC44609" i="1"/>
  <c r="AC44610" i="1"/>
  <c r="AC44611" i="1"/>
  <c r="AD44611" i="1" s="1"/>
  <c r="AC44612" i="1"/>
  <c r="AC44613" i="1"/>
  <c r="AC44614" i="1"/>
  <c r="AC44615" i="1"/>
  <c r="AC44616" i="1"/>
  <c r="AC44617" i="1"/>
  <c r="AC44618" i="1"/>
  <c r="AC44619" i="1"/>
  <c r="AC44620" i="1"/>
  <c r="AC44621" i="1"/>
  <c r="AC44622" i="1"/>
  <c r="AC44623" i="1"/>
  <c r="AD44623" i="1" s="1"/>
  <c r="AC44624" i="1"/>
  <c r="AC44625" i="1"/>
  <c r="AC44626" i="1"/>
  <c r="AC44627" i="1"/>
  <c r="AC44628" i="1"/>
  <c r="AC44629" i="1"/>
  <c r="AC44630" i="1"/>
  <c r="AC44631" i="1"/>
  <c r="AC44632" i="1"/>
  <c r="AC44633" i="1"/>
  <c r="AC44634" i="1"/>
  <c r="AC44635" i="1"/>
  <c r="AD44635" i="1" s="1"/>
  <c r="AC44636" i="1"/>
  <c r="AC44637" i="1"/>
  <c r="AC44638" i="1"/>
  <c r="AC44639" i="1"/>
  <c r="AC44640" i="1"/>
  <c r="AC44641" i="1"/>
  <c r="AC44642" i="1"/>
  <c r="AC44643" i="1"/>
  <c r="AC44644" i="1"/>
  <c r="AC44645" i="1"/>
  <c r="AC44646" i="1"/>
  <c r="AC44647" i="1"/>
  <c r="AD44647" i="1" s="1"/>
  <c r="AC44648" i="1"/>
  <c r="AC44649" i="1"/>
  <c r="AC44650" i="1"/>
  <c r="AC44651" i="1"/>
  <c r="AC44652" i="1"/>
  <c r="AC44653" i="1"/>
  <c r="AC44654" i="1"/>
  <c r="AC44655" i="1"/>
  <c r="AC44656" i="1"/>
  <c r="AC44657" i="1"/>
  <c r="AC44658" i="1"/>
  <c r="AC44659" i="1"/>
  <c r="AD44659" i="1" s="1"/>
  <c r="AC44660" i="1"/>
  <c r="AC44661" i="1"/>
  <c r="AC44662" i="1"/>
  <c r="AC44663" i="1"/>
  <c r="AC44664" i="1"/>
  <c r="AC44665" i="1"/>
  <c r="AC44666" i="1"/>
  <c r="AC44667" i="1"/>
  <c r="AC44668" i="1"/>
  <c r="AC44669" i="1"/>
  <c r="AC44670" i="1"/>
  <c r="AC44671" i="1"/>
  <c r="AD44671" i="1" s="1"/>
  <c r="AC44672" i="1"/>
  <c r="AC44673" i="1"/>
  <c r="AC44674" i="1"/>
  <c r="AC44675" i="1"/>
  <c r="AC44676" i="1"/>
  <c r="AC44677" i="1"/>
  <c r="AC44678" i="1"/>
  <c r="AC44679" i="1"/>
  <c r="AC44680" i="1"/>
  <c r="AC44681" i="1"/>
  <c r="AC44682" i="1"/>
  <c r="AC44683" i="1"/>
  <c r="AD44683" i="1" s="1"/>
  <c r="AC44684" i="1"/>
  <c r="AC44685" i="1"/>
  <c r="AC44686" i="1"/>
  <c r="AC44687" i="1"/>
  <c r="AC44688" i="1"/>
  <c r="AC44689" i="1"/>
  <c r="AC44690" i="1"/>
  <c r="AC44691" i="1"/>
  <c r="AC44692" i="1"/>
  <c r="AC44693" i="1"/>
  <c r="AC44694" i="1"/>
  <c r="AC44695" i="1"/>
  <c r="AD44695" i="1" s="1"/>
  <c r="AC44696" i="1"/>
  <c r="AC44697" i="1"/>
  <c r="AC44698" i="1"/>
  <c r="AC44699" i="1"/>
  <c r="AC44700" i="1"/>
  <c r="AC44701" i="1"/>
  <c r="AC44702" i="1"/>
  <c r="AC44703" i="1"/>
  <c r="AC44704" i="1"/>
  <c r="AC44705" i="1"/>
  <c r="AC44706" i="1"/>
  <c r="AC44707" i="1"/>
  <c r="AD44707" i="1" s="1"/>
  <c r="AC44708" i="1"/>
  <c r="AC44709" i="1"/>
  <c r="AC44710" i="1"/>
  <c r="AC44711" i="1"/>
  <c r="AC44712" i="1"/>
  <c r="AC44713" i="1"/>
  <c r="AC44714" i="1"/>
  <c r="AC44715" i="1"/>
  <c r="AC44716" i="1"/>
  <c r="AC44717" i="1"/>
  <c r="AC44718" i="1"/>
  <c r="AC44719" i="1"/>
  <c r="AD44719" i="1" s="1"/>
  <c r="AC44720" i="1"/>
  <c r="AC44721" i="1"/>
  <c r="AC44722" i="1"/>
  <c r="AC44723" i="1"/>
  <c r="AC44724" i="1"/>
  <c r="AC44725" i="1"/>
  <c r="AC44726" i="1"/>
  <c r="AC44727" i="1"/>
  <c r="AC44728" i="1"/>
  <c r="AC44729" i="1"/>
  <c r="AC44730" i="1"/>
  <c r="AC44731" i="1"/>
  <c r="AD44731" i="1" s="1"/>
  <c r="AC44732" i="1"/>
  <c r="AC44733" i="1"/>
  <c r="AC44734" i="1"/>
  <c r="AC44735" i="1"/>
  <c r="AC44736" i="1"/>
  <c r="AC44737" i="1"/>
  <c r="AC44738" i="1"/>
  <c r="AC44739" i="1"/>
  <c r="AC44740" i="1"/>
  <c r="AC44741" i="1"/>
  <c r="AC44742" i="1"/>
  <c r="AC44743" i="1"/>
  <c r="AD44743" i="1" s="1"/>
  <c r="AC44744" i="1"/>
  <c r="AC44745" i="1"/>
  <c r="AC44746" i="1"/>
  <c r="AC44747" i="1"/>
  <c r="AC44748" i="1"/>
  <c r="AC44749" i="1"/>
  <c r="AC44750" i="1"/>
  <c r="AC44751" i="1"/>
  <c r="AC44752" i="1"/>
  <c r="AC44753" i="1"/>
  <c r="AC44754" i="1"/>
  <c r="AC44755" i="1"/>
  <c r="AD44755" i="1" s="1"/>
  <c r="AC44756" i="1"/>
  <c r="AC44757" i="1"/>
  <c r="AC44758" i="1"/>
  <c r="AC44759" i="1"/>
  <c r="AC44760" i="1"/>
  <c r="AC44761" i="1"/>
  <c r="AC44762" i="1"/>
  <c r="AC44763" i="1"/>
  <c r="AC44764" i="1"/>
  <c r="AC44765" i="1"/>
  <c r="AC44766" i="1"/>
  <c r="AC44767" i="1"/>
  <c r="AD44767" i="1" s="1"/>
  <c r="AC44768" i="1"/>
  <c r="AC44769" i="1"/>
  <c r="AC44770" i="1"/>
  <c r="AC44771" i="1"/>
  <c r="AC44772" i="1"/>
  <c r="AC44773" i="1"/>
  <c r="AC44774" i="1"/>
  <c r="AC44775" i="1"/>
  <c r="AC44776" i="1"/>
  <c r="AC44777" i="1"/>
  <c r="AC44778" i="1"/>
  <c r="AC44779" i="1"/>
  <c r="AD44779" i="1" s="1"/>
  <c r="AC44780" i="1"/>
  <c r="AC44781" i="1"/>
  <c r="AC44782" i="1"/>
  <c r="AC44783" i="1"/>
  <c r="AC44784" i="1"/>
  <c r="AC44785" i="1"/>
  <c r="AC44786" i="1"/>
  <c r="AC44787" i="1"/>
  <c r="AC44788" i="1"/>
  <c r="AC44789" i="1"/>
  <c r="AC44790" i="1"/>
  <c r="AC44791" i="1"/>
  <c r="AD44791" i="1" s="1"/>
  <c r="AC44792" i="1"/>
  <c r="AC44793" i="1"/>
  <c r="AC44794" i="1"/>
  <c r="AC44795" i="1"/>
  <c r="AC44796" i="1"/>
  <c r="AC44797" i="1"/>
  <c r="AC44798" i="1"/>
  <c r="AC44799" i="1"/>
  <c r="AC44800" i="1"/>
  <c r="AC44801" i="1"/>
  <c r="AC44802" i="1"/>
  <c r="AC44803" i="1"/>
  <c r="AD44803" i="1" s="1"/>
  <c r="AC44804" i="1"/>
  <c r="AC44805" i="1"/>
  <c r="AC44806" i="1"/>
  <c r="AC44807" i="1"/>
  <c r="AC44808" i="1"/>
  <c r="AC44809" i="1"/>
  <c r="AC44810" i="1"/>
  <c r="AC44811" i="1"/>
  <c r="AC44812" i="1"/>
  <c r="AC44813" i="1"/>
  <c r="AC44814" i="1"/>
  <c r="AC44815" i="1"/>
  <c r="AD44815" i="1" s="1"/>
  <c r="AC44816" i="1"/>
  <c r="AC44817" i="1"/>
  <c r="AC44818" i="1"/>
  <c r="AC44819" i="1"/>
  <c r="AC44820" i="1"/>
  <c r="AC44821" i="1"/>
  <c r="AC44822" i="1"/>
  <c r="AC44823" i="1"/>
  <c r="AC44824" i="1"/>
  <c r="AC44825" i="1"/>
  <c r="AC44826" i="1"/>
  <c r="AC44827" i="1"/>
  <c r="AD44827" i="1" s="1"/>
  <c r="AC44828" i="1"/>
  <c r="AC44829" i="1"/>
  <c r="AC44830" i="1"/>
  <c r="AC44831" i="1"/>
  <c r="AC44832" i="1"/>
  <c r="AC44833" i="1"/>
  <c r="AC44834" i="1"/>
  <c r="AC44835" i="1"/>
  <c r="AC44836" i="1"/>
  <c r="AC44837" i="1"/>
  <c r="AC44838" i="1"/>
  <c r="AC44839" i="1"/>
  <c r="AD44839" i="1" s="1"/>
  <c r="AC44840" i="1"/>
  <c r="AC44841" i="1"/>
  <c r="AC44842" i="1"/>
  <c r="AC44843" i="1"/>
  <c r="AC44844" i="1"/>
  <c r="AC44845" i="1"/>
  <c r="AC44846" i="1"/>
  <c r="AC44847" i="1"/>
  <c r="AC44848" i="1"/>
  <c r="AC44849" i="1"/>
  <c r="AC44850" i="1"/>
  <c r="AC44851" i="1"/>
  <c r="AD44851" i="1" s="1"/>
  <c r="AC44852" i="1"/>
  <c r="AC44853" i="1"/>
  <c r="AC44854" i="1"/>
  <c r="AC44855" i="1"/>
  <c r="AC44856" i="1"/>
  <c r="AC44857" i="1"/>
  <c r="AC44858" i="1"/>
  <c r="AC44859" i="1"/>
  <c r="AC44860" i="1"/>
  <c r="AC44861" i="1"/>
  <c r="AC44862" i="1"/>
  <c r="AC44863" i="1"/>
  <c r="AD44863" i="1" s="1"/>
  <c r="AC44864" i="1"/>
  <c r="AC44865" i="1"/>
  <c r="AC44866" i="1"/>
  <c r="AC44867" i="1"/>
  <c r="AC44868" i="1"/>
  <c r="AC44869" i="1"/>
  <c r="AC44870" i="1"/>
  <c r="AC44871" i="1"/>
  <c r="AC44872" i="1"/>
  <c r="AC44873" i="1"/>
  <c r="AC44874" i="1"/>
  <c r="AC44875" i="1"/>
  <c r="AD44875" i="1" s="1"/>
  <c r="AC44876" i="1"/>
  <c r="AC44877" i="1"/>
  <c r="AC44878" i="1"/>
  <c r="AC44879" i="1"/>
  <c r="AC44880" i="1"/>
  <c r="AC44881" i="1"/>
  <c r="AC44882" i="1"/>
  <c r="AC44883" i="1"/>
  <c r="AC44884" i="1"/>
  <c r="AC44885" i="1"/>
  <c r="AC44886" i="1"/>
  <c r="AC44887" i="1"/>
  <c r="AD44887" i="1" s="1"/>
  <c r="AC44888" i="1"/>
  <c r="AC44889" i="1"/>
  <c r="AC44890" i="1"/>
  <c r="AC44891" i="1"/>
  <c r="AC44892" i="1"/>
  <c r="AC44893" i="1"/>
  <c r="AC44894" i="1"/>
  <c r="AC44895" i="1"/>
  <c r="AC44896" i="1"/>
  <c r="AC44897" i="1"/>
  <c r="AC44898" i="1"/>
  <c r="AC44899" i="1"/>
  <c r="AD44899" i="1" s="1"/>
  <c r="AC44900" i="1"/>
  <c r="AC44901" i="1"/>
  <c r="AC44902" i="1"/>
  <c r="AC44903" i="1"/>
  <c r="AC44904" i="1"/>
  <c r="AC44905" i="1"/>
  <c r="AC44906" i="1"/>
  <c r="AC44907" i="1"/>
  <c r="AC44908" i="1"/>
  <c r="AC44909" i="1"/>
  <c r="AC44910" i="1"/>
  <c r="AC44911" i="1"/>
  <c r="AD44911" i="1" s="1"/>
  <c r="AC44912" i="1"/>
  <c r="AC44913" i="1"/>
  <c r="AC44914" i="1"/>
  <c r="AC44915" i="1"/>
  <c r="AC44916" i="1"/>
  <c r="AC44917" i="1"/>
  <c r="AC44918" i="1"/>
  <c r="AC44919" i="1"/>
  <c r="AC44920" i="1"/>
  <c r="AC44921" i="1"/>
  <c r="AC44922" i="1"/>
  <c r="AC44923" i="1"/>
  <c r="AD44923" i="1" s="1"/>
  <c r="AC44924" i="1"/>
  <c r="AC44925" i="1"/>
  <c r="AC44926" i="1"/>
  <c r="AC44927" i="1"/>
  <c r="AC44928" i="1"/>
  <c r="AC44929" i="1"/>
  <c r="AC44930" i="1"/>
  <c r="AC44931" i="1"/>
  <c r="AC44932" i="1"/>
  <c r="AC44933" i="1"/>
  <c r="AC44934" i="1"/>
  <c r="AC44935" i="1"/>
  <c r="AD44935" i="1" s="1"/>
  <c r="AC44936" i="1"/>
  <c r="AC44937" i="1"/>
  <c r="AC44938" i="1"/>
  <c r="AC44939" i="1"/>
  <c r="AC44940" i="1"/>
  <c r="AC44941" i="1"/>
  <c r="AC44942" i="1"/>
  <c r="AC44943" i="1"/>
  <c r="AC44944" i="1"/>
  <c r="AC44945" i="1"/>
  <c r="AC44946" i="1"/>
  <c r="AC44947" i="1"/>
  <c r="AD44947" i="1" s="1"/>
  <c r="AC44948" i="1"/>
  <c r="AC44949" i="1"/>
  <c r="AC44950" i="1"/>
  <c r="AC44951" i="1"/>
  <c r="AC44952" i="1"/>
  <c r="AC44953" i="1"/>
  <c r="AC44954" i="1"/>
  <c r="AC44955" i="1"/>
  <c r="AC44956" i="1"/>
  <c r="AC44957" i="1"/>
  <c r="AC44958" i="1"/>
  <c r="AC44959" i="1"/>
  <c r="AD44959" i="1" s="1"/>
  <c r="AC44960" i="1"/>
  <c r="AC44961" i="1"/>
  <c r="AC44962" i="1"/>
  <c r="AC44963" i="1"/>
  <c r="AC44964" i="1"/>
  <c r="AC44965" i="1"/>
  <c r="AC44966" i="1"/>
  <c r="AC44967" i="1"/>
  <c r="AC44968" i="1"/>
  <c r="AC44969" i="1"/>
  <c r="AC44970" i="1"/>
  <c r="AC44971" i="1"/>
  <c r="AD44971" i="1" s="1"/>
  <c r="AC44972" i="1"/>
  <c r="AC44973" i="1"/>
  <c r="AC44974" i="1"/>
  <c r="AC44975" i="1"/>
  <c r="AC44976" i="1"/>
  <c r="AC44977" i="1"/>
  <c r="AC44978" i="1"/>
  <c r="AC44979" i="1"/>
  <c r="AC44980" i="1"/>
  <c r="AC44981" i="1"/>
  <c r="AC44982" i="1"/>
  <c r="AC44983" i="1"/>
  <c r="AD44983" i="1" s="1"/>
  <c r="AC44984" i="1"/>
  <c r="AC44985" i="1"/>
  <c r="AC44986" i="1"/>
  <c r="AC44987" i="1"/>
  <c r="AC44988" i="1"/>
  <c r="AC44989" i="1"/>
  <c r="AC44990" i="1"/>
  <c r="AC44991" i="1"/>
  <c r="AC44992" i="1"/>
  <c r="AC44993" i="1"/>
  <c r="AC44994" i="1"/>
  <c r="AC44995" i="1"/>
  <c r="AD44995" i="1" s="1"/>
  <c r="AC44996" i="1"/>
  <c r="AC44997" i="1"/>
  <c r="AC44998" i="1"/>
  <c r="AC44999" i="1"/>
  <c r="AC45000" i="1"/>
  <c r="AC45001" i="1"/>
  <c r="AC45002" i="1"/>
  <c r="AC45003" i="1"/>
  <c r="AC45004" i="1"/>
  <c r="AC45005" i="1"/>
  <c r="AC45006" i="1"/>
  <c r="AC45007" i="1"/>
  <c r="AD45007" i="1" s="1"/>
  <c r="AC45008" i="1"/>
  <c r="AC45009" i="1"/>
  <c r="AC45010" i="1"/>
  <c r="AC45011" i="1"/>
  <c r="AC45012" i="1"/>
  <c r="AC45013" i="1"/>
  <c r="AC45014" i="1"/>
  <c r="AC45015" i="1"/>
  <c r="AC45016" i="1"/>
  <c r="AC45017" i="1"/>
  <c r="AC45018" i="1"/>
  <c r="AC45019" i="1"/>
  <c r="AD45019" i="1" s="1"/>
  <c r="AC45020" i="1"/>
  <c r="AC45021" i="1"/>
  <c r="AC45022" i="1"/>
  <c r="AC45023" i="1"/>
  <c r="AC45024" i="1"/>
  <c r="AC45025" i="1"/>
  <c r="AC45026" i="1"/>
  <c r="AC45027" i="1"/>
  <c r="AC45028" i="1"/>
  <c r="AC45029" i="1"/>
  <c r="AC45030" i="1"/>
  <c r="AC45031" i="1"/>
  <c r="AD45031" i="1" s="1"/>
  <c r="AC45032" i="1"/>
  <c r="AC45033" i="1"/>
  <c r="AC45034" i="1"/>
  <c r="AC45035" i="1"/>
  <c r="AC45036" i="1"/>
  <c r="AC45037" i="1"/>
  <c r="AC45038" i="1"/>
  <c r="AC45039" i="1"/>
  <c r="AC45040" i="1"/>
  <c r="AC45041" i="1"/>
  <c r="AC45042" i="1"/>
  <c r="AC45043" i="1"/>
  <c r="AD45043" i="1" s="1"/>
  <c r="AC45044" i="1"/>
  <c r="AC45045" i="1"/>
  <c r="AC45046" i="1"/>
  <c r="AC45047" i="1"/>
  <c r="AC45048" i="1"/>
  <c r="AC45049" i="1"/>
  <c r="AC45050" i="1"/>
  <c r="AC45051" i="1"/>
  <c r="AC45052" i="1"/>
  <c r="AC45053" i="1"/>
  <c r="AC45054" i="1"/>
  <c r="AC45055" i="1"/>
  <c r="AD45055" i="1" s="1"/>
  <c r="AC45056" i="1"/>
  <c r="AC45057" i="1"/>
  <c r="AC45058" i="1"/>
  <c r="AC45059" i="1"/>
  <c r="AC45060" i="1"/>
  <c r="AC45061" i="1"/>
  <c r="AC45062" i="1"/>
  <c r="AC45063" i="1"/>
  <c r="AC45064" i="1"/>
  <c r="AC45065" i="1"/>
  <c r="AC45066" i="1"/>
  <c r="AC45067" i="1"/>
  <c r="AD45067" i="1" s="1"/>
  <c r="AC45068" i="1"/>
  <c r="AC45069" i="1"/>
  <c r="AC45070" i="1"/>
  <c r="AC45071" i="1"/>
  <c r="AC45072" i="1"/>
  <c r="AC45073" i="1"/>
  <c r="AC45074" i="1"/>
  <c r="AC45075" i="1"/>
  <c r="AC45076" i="1"/>
  <c r="AC45077" i="1"/>
  <c r="AC45078" i="1"/>
  <c r="AC45079" i="1"/>
  <c r="AD45079" i="1" s="1"/>
  <c r="AC45080" i="1"/>
  <c r="AC45081" i="1"/>
  <c r="AC45082" i="1"/>
  <c r="AC45083" i="1"/>
  <c r="AC45084" i="1"/>
  <c r="AC45085" i="1"/>
  <c r="AC45086" i="1"/>
  <c r="AC45087" i="1"/>
  <c r="AC45088" i="1"/>
  <c r="AC45089" i="1"/>
  <c r="AC45090" i="1"/>
  <c r="AC45091" i="1"/>
  <c r="AD45091" i="1" s="1"/>
  <c r="AC45092" i="1"/>
  <c r="AC45093" i="1"/>
  <c r="AC45094" i="1"/>
  <c r="AC45095" i="1"/>
  <c r="AC45096" i="1"/>
  <c r="AC45097" i="1"/>
  <c r="AC45098" i="1"/>
  <c r="AC45099" i="1"/>
  <c r="AC45100" i="1"/>
  <c r="AC45101" i="1"/>
  <c r="AC45102" i="1"/>
  <c r="AC45103" i="1"/>
  <c r="AD45103" i="1" s="1"/>
  <c r="AC45104" i="1"/>
  <c r="AC45105" i="1"/>
  <c r="AC45106" i="1"/>
  <c r="AC45107" i="1"/>
  <c r="AC45108" i="1"/>
  <c r="AC45109" i="1"/>
  <c r="AC45110" i="1"/>
  <c r="AC45111" i="1"/>
  <c r="AC45112" i="1"/>
  <c r="AC45113" i="1"/>
  <c r="AC45114" i="1"/>
  <c r="AC45115" i="1"/>
  <c r="AD45115" i="1" s="1"/>
  <c r="AC45116" i="1"/>
  <c r="AC45117" i="1"/>
  <c r="AC45118" i="1"/>
  <c r="AC45119" i="1"/>
  <c r="AC45120" i="1"/>
  <c r="AC45121" i="1"/>
  <c r="AC45122" i="1"/>
  <c r="AC45123" i="1"/>
  <c r="AC45124" i="1"/>
  <c r="AC45125" i="1"/>
  <c r="AC45126" i="1"/>
  <c r="AC45127" i="1"/>
  <c r="AD45127" i="1" s="1"/>
  <c r="AC45128" i="1"/>
  <c r="AC45129" i="1"/>
  <c r="AC45130" i="1"/>
  <c r="AC45131" i="1"/>
  <c r="AC45132" i="1"/>
  <c r="AC45133" i="1"/>
  <c r="AC45134" i="1"/>
  <c r="AC45135" i="1"/>
  <c r="AC45136" i="1"/>
  <c r="AC45137" i="1"/>
  <c r="AC45138" i="1"/>
  <c r="AC45139" i="1"/>
  <c r="AD45139" i="1" s="1"/>
  <c r="AC45140" i="1"/>
  <c r="AC45141" i="1"/>
  <c r="AC45142" i="1"/>
  <c r="AC45143" i="1"/>
  <c r="AC45144" i="1"/>
  <c r="AC45145" i="1"/>
  <c r="AC45146" i="1"/>
  <c r="AC45147" i="1"/>
  <c r="AC45148" i="1"/>
  <c r="AC45149" i="1"/>
  <c r="AC45150" i="1"/>
  <c r="AC45151" i="1"/>
  <c r="AD45151" i="1" s="1"/>
  <c r="AC45152" i="1"/>
  <c r="AC45153" i="1"/>
  <c r="AC45154" i="1"/>
  <c r="AC45155" i="1"/>
  <c r="AC45156" i="1"/>
  <c r="AC45157" i="1"/>
  <c r="AC45158" i="1"/>
  <c r="AC45159" i="1"/>
  <c r="AC45160" i="1"/>
  <c r="AC45161" i="1"/>
  <c r="AC45162" i="1"/>
  <c r="AC45163" i="1"/>
  <c r="AD45163" i="1" s="1"/>
  <c r="AC45164" i="1"/>
  <c r="AC45165" i="1"/>
  <c r="AC45166" i="1"/>
  <c r="AC45167" i="1"/>
  <c r="AC45168" i="1"/>
  <c r="AC45169" i="1"/>
  <c r="AC45170" i="1"/>
  <c r="AC45171" i="1"/>
  <c r="AC45172" i="1"/>
  <c r="AC45173" i="1"/>
  <c r="AC45174" i="1"/>
  <c r="AC45175" i="1"/>
  <c r="AD45175" i="1" s="1"/>
  <c r="AC45176" i="1"/>
  <c r="AC45177" i="1"/>
  <c r="AC45178" i="1"/>
  <c r="AC45179" i="1"/>
  <c r="AC45180" i="1"/>
  <c r="AC45181" i="1"/>
  <c r="AC45182" i="1"/>
  <c r="AC45183" i="1"/>
  <c r="AC45184" i="1"/>
  <c r="AC45185" i="1"/>
  <c r="AC45186" i="1"/>
  <c r="AC45187" i="1"/>
  <c r="AD45187" i="1" s="1"/>
  <c r="AC45188" i="1"/>
  <c r="AC45189" i="1"/>
  <c r="AC45190" i="1"/>
  <c r="AC45191" i="1"/>
  <c r="AC45192" i="1"/>
  <c r="AC45193" i="1"/>
  <c r="AC45194" i="1"/>
  <c r="AC45195" i="1"/>
  <c r="AC45196" i="1"/>
  <c r="AC45197" i="1"/>
  <c r="AC45198" i="1"/>
  <c r="AC45199" i="1"/>
  <c r="AD45199" i="1" s="1"/>
  <c r="AC45200" i="1"/>
  <c r="AC45201" i="1"/>
  <c r="AC45202" i="1"/>
  <c r="AC45203" i="1"/>
  <c r="AC45204" i="1"/>
  <c r="AC45205" i="1"/>
  <c r="AC45206" i="1"/>
  <c r="AC45207" i="1"/>
  <c r="AC45208" i="1"/>
  <c r="AC45209" i="1"/>
  <c r="AC45210" i="1"/>
  <c r="AC45211" i="1"/>
  <c r="AD45211" i="1" s="1"/>
  <c r="AC45212" i="1"/>
  <c r="AC45213" i="1"/>
  <c r="AC45214" i="1"/>
  <c r="AC45215" i="1"/>
  <c r="AC45216" i="1"/>
  <c r="AC45217" i="1"/>
  <c r="AC45218" i="1"/>
  <c r="AC45219" i="1"/>
  <c r="AC45220" i="1"/>
  <c r="AC45221" i="1"/>
  <c r="AC45222" i="1"/>
  <c r="AC45223" i="1"/>
  <c r="AD45223" i="1" s="1"/>
  <c r="AC45224" i="1"/>
  <c r="AC45225" i="1"/>
  <c r="AC45226" i="1"/>
  <c r="AC45227" i="1"/>
  <c r="AC45228" i="1"/>
  <c r="AC45229" i="1"/>
  <c r="AC45230" i="1"/>
  <c r="AC45231" i="1"/>
  <c r="AC45232" i="1"/>
  <c r="AC45233" i="1"/>
  <c r="AC45234" i="1"/>
  <c r="AC45235" i="1"/>
  <c r="AD45235" i="1" s="1"/>
  <c r="AC45236" i="1"/>
  <c r="AC45237" i="1"/>
  <c r="AC45238" i="1"/>
  <c r="AC45239" i="1"/>
  <c r="AC45240" i="1"/>
  <c r="AC45241" i="1"/>
  <c r="AC45242" i="1"/>
  <c r="AC45243" i="1"/>
  <c r="AC45244" i="1"/>
  <c r="AC45245" i="1"/>
  <c r="AC45246" i="1"/>
  <c r="AC45247" i="1"/>
  <c r="AD45247" i="1" s="1"/>
  <c r="AC45248" i="1"/>
  <c r="AC45249" i="1"/>
  <c r="AC45250" i="1"/>
  <c r="AC45251" i="1"/>
  <c r="AC45252" i="1"/>
  <c r="AC45253" i="1"/>
  <c r="AC45254" i="1"/>
  <c r="AC45255" i="1"/>
  <c r="AC45256" i="1"/>
  <c r="AC45257" i="1"/>
  <c r="AC45258" i="1"/>
  <c r="AC45259" i="1"/>
  <c r="AD45259" i="1" s="1"/>
  <c r="AC45260" i="1"/>
  <c r="AC45261" i="1"/>
  <c r="AC45262" i="1"/>
  <c r="AC45263" i="1"/>
  <c r="AC45264" i="1"/>
  <c r="AC45265" i="1"/>
  <c r="AC45266" i="1"/>
  <c r="AC45267" i="1"/>
  <c r="AC45268" i="1"/>
  <c r="AC45269" i="1"/>
  <c r="AC45270" i="1"/>
  <c r="AC45271" i="1"/>
  <c r="AD45271" i="1" s="1"/>
  <c r="AC45272" i="1"/>
  <c r="AC45273" i="1"/>
  <c r="AC45274" i="1"/>
  <c r="AC45275" i="1"/>
  <c r="AC45276" i="1"/>
  <c r="AC45277" i="1"/>
  <c r="AC45278" i="1"/>
  <c r="AC45279" i="1"/>
  <c r="AC45280" i="1"/>
  <c r="AC45281" i="1"/>
  <c r="AC45282" i="1"/>
  <c r="AC45283" i="1"/>
  <c r="AD45283" i="1" s="1"/>
  <c r="AC45284" i="1"/>
  <c r="AC45285" i="1"/>
  <c r="AC45286" i="1"/>
  <c r="AC45287" i="1"/>
  <c r="AC45288" i="1"/>
  <c r="AC45289" i="1"/>
  <c r="AC45290" i="1"/>
  <c r="AC45291" i="1"/>
  <c r="AC45292" i="1"/>
  <c r="AC45293" i="1"/>
  <c r="AC45294" i="1"/>
  <c r="AC45295" i="1"/>
  <c r="AD45295" i="1" s="1"/>
  <c r="AC45296" i="1"/>
  <c r="AC45297" i="1"/>
  <c r="AC45298" i="1"/>
  <c r="AC45299" i="1"/>
  <c r="AC45300" i="1"/>
  <c r="AC45301" i="1"/>
  <c r="AC45302" i="1"/>
  <c r="AC45303" i="1"/>
  <c r="AC45304" i="1"/>
  <c r="AC45305" i="1"/>
  <c r="AC45306" i="1"/>
  <c r="AC45307" i="1"/>
  <c r="AD45307" i="1" s="1"/>
  <c r="AC45308" i="1"/>
  <c r="AC45309" i="1"/>
  <c r="AC45310" i="1"/>
  <c r="AC45311" i="1"/>
  <c r="AC45312" i="1"/>
  <c r="AC45313" i="1"/>
  <c r="AC45314" i="1"/>
  <c r="AC45315" i="1"/>
  <c r="AC45316" i="1"/>
  <c r="AC45317" i="1"/>
  <c r="AC45318" i="1"/>
  <c r="AC45319" i="1"/>
  <c r="AD45319" i="1" s="1"/>
  <c r="AC45320" i="1"/>
  <c r="AC45321" i="1"/>
  <c r="AC45322" i="1"/>
  <c r="AC45323" i="1"/>
  <c r="AC45324" i="1"/>
  <c r="AC45325" i="1"/>
  <c r="AC45326" i="1"/>
  <c r="AC45327" i="1"/>
  <c r="AC45328" i="1"/>
  <c r="AC45329" i="1"/>
  <c r="AC45330" i="1"/>
  <c r="AC45331" i="1"/>
  <c r="AD45331" i="1" s="1"/>
  <c r="AC45332" i="1"/>
  <c r="AC45333" i="1"/>
  <c r="AC45334" i="1"/>
  <c r="AC45335" i="1"/>
  <c r="AC45336" i="1"/>
  <c r="AC45337" i="1"/>
  <c r="AC45338" i="1"/>
  <c r="AC45339" i="1"/>
  <c r="AC45340" i="1"/>
  <c r="AC45341" i="1"/>
  <c r="AC45342" i="1"/>
  <c r="AC45343" i="1"/>
  <c r="AD45343" i="1" s="1"/>
  <c r="AC45344" i="1"/>
  <c r="AC45345" i="1"/>
  <c r="AC45346" i="1"/>
  <c r="AC45347" i="1"/>
  <c r="AC45348" i="1"/>
  <c r="AC45349" i="1"/>
  <c r="AC45350" i="1"/>
  <c r="AC45351" i="1"/>
  <c r="AC45352" i="1"/>
  <c r="AC45353" i="1"/>
  <c r="AC45354" i="1"/>
  <c r="AC45355" i="1"/>
  <c r="AD45355" i="1" s="1"/>
  <c r="AC45356" i="1"/>
  <c r="AC45357" i="1"/>
  <c r="AC45358" i="1"/>
  <c r="AC45359" i="1"/>
  <c r="AC45360" i="1"/>
  <c r="AC45361" i="1"/>
  <c r="AC45362" i="1"/>
  <c r="AC45363" i="1"/>
  <c r="AC45364" i="1"/>
  <c r="AC45365" i="1"/>
  <c r="AC45366" i="1"/>
  <c r="AC45367" i="1"/>
  <c r="AD45367" i="1" s="1"/>
  <c r="AC45368" i="1"/>
  <c r="AC45369" i="1"/>
  <c r="AC45370" i="1"/>
  <c r="AC45371" i="1"/>
  <c r="AC45372" i="1"/>
  <c r="AC45373" i="1"/>
  <c r="AC45374" i="1"/>
  <c r="AC45375" i="1"/>
  <c r="AC45376" i="1"/>
  <c r="AC45377" i="1"/>
  <c r="AC45378" i="1"/>
  <c r="AC45379" i="1"/>
  <c r="AD45379" i="1" s="1"/>
  <c r="AC45380" i="1"/>
  <c r="AC45381" i="1"/>
  <c r="AC45382" i="1"/>
  <c r="AC45383" i="1"/>
  <c r="AC45384" i="1"/>
  <c r="AC45385" i="1"/>
  <c r="AC45386" i="1"/>
  <c r="AC45387" i="1"/>
  <c r="AC45388" i="1"/>
  <c r="AC45389" i="1"/>
  <c r="AC45390" i="1"/>
  <c r="AC45391" i="1"/>
  <c r="AD45391" i="1" s="1"/>
  <c r="AC45392" i="1"/>
  <c r="AC45393" i="1"/>
  <c r="AC45394" i="1"/>
  <c r="AC45395" i="1"/>
  <c r="AC45396" i="1"/>
  <c r="AC45397" i="1"/>
  <c r="AC45398" i="1"/>
  <c r="AC45399" i="1"/>
  <c r="AC45400" i="1"/>
  <c r="AC45401" i="1"/>
  <c r="AC45402" i="1"/>
  <c r="AC45403" i="1"/>
  <c r="AD45403" i="1" s="1"/>
  <c r="AC45404" i="1"/>
  <c r="AC45405" i="1"/>
  <c r="AC45406" i="1"/>
  <c r="AC45407" i="1"/>
  <c r="AC45408" i="1"/>
  <c r="AC45409" i="1"/>
  <c r="AC45410" i="1"/>
  <c r="AC45411" i="1"/>
  <c r="AC45412" i="1"/>
  <c r="AC45413" i="1"/>
  <c r="AC45414" i="1"/>
  <c r="AC45415" i="1"/>
  <c r="AD45415" i="1" s="1"/>
  <c r="AC45416" i="1"/>
  <c r="AC45417" i="1"/>
  <c r="AC45418" i="1"/>
  <c r="AC45419" i="1"/>
  <c r="AC45420" i="1"/>
  <c r="AC45421" i="1"/>
  <c r="AC45422" i="1"/>
  <c r="AC45423" i="1"/>
  <c r="AC45424" i="1"/>
  <c r="AC45425" i="1"/>
  <c r="AC45426" i="1"/>
  <c r="AC45427" i="1"/>
  <c r="AD45427" i="1" s="1"/>
  <c r="AC45428" i="1"/>
  <c r="AC45429" i="1"/>
  <c r="AC45430" i="1"/>
  <c r="AC45431" i="1"/>
  <c r="AC45432" i="1"/>
  <c r="AC45433" i="1"/>
  <c r="AC45434" i="1"/>
  <c r="AC45435" i="1"/>
  <c r="AC45436" i="1"/>
  <c r="AC45437" i="1"/>
  <c r="AC45438" i="1"/>
  <c r="AC45439" i="1"/>
  <c r="AD45439" i="1" s="1"/>
  <c r="AC45440" i="1"/>
  <c r="AC45441" i="1"/>
  <c r="AC45442" i="1"/>
  <c r="AC45443" i="1"/>
  <c r="AC45444" i="1"/>
  <c r="AC45445" i="1"/>
  <c r="AC45446" i="1"/>
  <c r="AC45447" i="1"/>
  <c r="AC45448" i="1"/>
  <c r="AC45449" i="1"/>
  <c r="AC45450" i="1"/>
  <c r="AC45451" i="1"/>
  <c r="AD45451" i="1" s="1"/>
  <c r="AC45452" i="1"/>
  <c r="AC45453" i="1"/>
  <c r="AC45454" i="1"/>
  <c r="AC45455" i="1"/>
  <c r="AC45456" i="1"/>
  <c r="AC45457" i="1"/>
  <c r="AC45458" i="1"/>
  <c r="AC45459" i="1"/>
  <c r="AC45460" i="1"/>
  <c r="AC45461" i="1"/>
  <c r="AC45462" i="1"/>
  <c r="AC45463" i="1"/>
  <c r="AD45463" i="1" s="1"/>
  <c r="AC45464" i="1"/>
  <c r="AC45465" i="1"/>
  <c r="AC45466" i="1"/>
  <c r="AC45467" i="1"/>
  <c r="AC45468" i="1"/>
  <c r="AC45469" i="1"/>
  <c r="AC45470" i="1"/>
  <c r="AC45471" i="1"/>
  <c r="AC45472" i="1"/>
  <c r="AC45473" i="1"/>
  <c r="AC45474" i="1"/>
  <c r="AC45475" i="1"/>
  <c r="AD45475" i="1" s="1"/>
  <c r="AC45476" i="1"/>
  <c r="AC45477" i="1"/>
  <c r="AC45478" i="1"/>
  <c r="AC45479" i="1"/>
  <c r="AC45480" i="1"/>
  <c r="AC45481" i="1"/>
  <c r="AC45482" i="1"/>
  <c r="AC45483" i="1"/>
  <c r="AC45484" i="1"/>
  <c r="AC45485" i="1"/>
  <c r="AC45486" i="1"/>
  <c r="AC45487" i="1"/>
  <c r="AD45487" i="1" s="1"/>
  <c r="AC45488" i="1"/>
  <c r="AC45489" i="1"/>
  <c r="AC45490" i="1"/>
  <c r="AC45491" i="1"/>
  <c r="AC45492" i="1"/>
  <c r="AC45493" i="1"/>
  <c r="AC45494" i="1"/>
  <c r="AC45495" i="1"/>
  <c r="AC45496" i="1"/>
  <c r="AC45497" i="1"/>
  <c r="AC45498" i="1"/>
  <c r="AC45499" i="1"/>
  <c r="AD45499" i="1" s="1"/>
  <c r="AC45500" i="1"/>
  <c r="AC45501" i="1"/>
  <c r="AC45502" i="1"/>
  <c r="AC45503" i="1"/>
  <c r="AC45504" i="1"/>
  <c r="AC45505" i="1"/>
  <c r="AC45506" i="1"/>
  <c r="AC45507" i="1"/>
  <c r="AC45508" i="1"/>
  <c r="AC45509" i="1"/>
  <c r="AC45510" i="1"/>
  <c r="AC45511" i="1"/>
  <c r="AD45511" i="1" s="1"/>
  <c r="AC45512" i="1"/>
  <c r="AC45513" i="1"/>
  <c r="AC45514" i="1"/>
  <c r="AC45515" i="1"/>
  <c r="AC45516" i="1"/>
  <c r="AC45517" i="1"/>
  <c r="AC45518" i="1"/>
  <c r="AC45519" i="1"/>
  <c r="AC45520" i="1"/>
  <c r="AC45521" i="1"/>
  <c r="AC45522" i="1"/>
  <c r="AC45523" i="1"/>
  <c r="AD45523" i="1" s="1"/>
  <c r="AC45524" i="1"/>
  <c r="AC45525" i="1"/>
  <c r="AC45526" i="1"/>
  <c r="AC45527" i="1"/>
  <c r="AC45528" i="1"/>
  <c r="AC45529" i="1"/>
  <c r="AC45530" i="1"/>
  <c r="AC45531" i="1"/>
  <c r="AC45532" i="1"/>
  <c r="AC45533" i="1"/>
  <c r="AC45534" i="1"/>
  <c r="AC45535" i="1"/>
  <c r="AD45535" i="1" s="1"/>
  <c r="AC45536" i="1"/>
  <c r="AC45537" i="1"/>
  <c r="AC45538" i="1"/>
  <c r="AC45539" i="1"/>
  <c r="AC45540" i="1"/>
  <c r="AC45541" i="1"/>
  <c r="AC45542" i="1"/>
  <c r="AC45543" i="1"/>
  <c r="AC45544" i="1"/>
  <c r="AC45545" i="1"/>
  <c r="AC45546" i="1"/>
  <c r="AC45547" i="1"/>
  <c r="AD45547" i="1" s="1"/>
  <c r="AC45548" i="1"/>
  <c r="AC45549" i="1"/>
  <c r="AC45550" i="1"/>
  <c r="AC45551" i="1"/>
  <c r="AC45552" i="1"/>
  <c r="AC45553" i="1"/>
  <c r="AC45554" i="1"/>
  <c r="AC45555" i="1"/>
  <c r="AC45556" i="1"/>
  <c r="AC45557" i="1"/>
  <c r="AC45558" i="1"/>
  <c r="AC45559" i="1"/>
  <c r="AD45559" i="1" s="1"/>
  <c r="AC45560" i="1"/>
  <c r="AC45561" i="1"/>
  <c r="AC45562" i="1"/>
  <c r="AC45563" i="1"/>
  <c r="AC45564" i="1"/>
  <c r="AC45565" i="1"/>
  <c r="AC45566" i="1"/>
  <c r="AC45567" i="1"/>
  <c r="AC45568" i="1"/>
  <c r="AC45569" i="1"/>
  <c r="AC45570" i="1"/>
  <c r="AC45571" i="1"/>
  <c r="AD45571" i="1" s="1"/>
  <c r="AC45572" i="1"/>
  <c r="AC45573" i="1"/>
  <c r="AC45574" i="1"/>
  <c r="AC45575" i="1"/>
  <c r="AC45576" i="1"/>
  <c r="AC45577" i="1"/>
  <c r="AC45578" i="1"/>
  <c r="AC45579" i="1"/>
  <c r="AC45580" i="1"/>
  <c r="AC45581" i="1"/>
  <c r="AC45582" i="1"/>
  <c r="AC45583" i="1"/>
  <c r="AD45583" i="1" s="1"/>
  <c r="AC45584" i="1"/>
  <c r="AC45585" i="1"/>
  <c r="AC45586" i="1"/>
  <c r="AC45587" i="1"/>
  <c r="AC45588" i="1"/>
  <c r="AC45589" i="1"/>
  <c r="AC45590" i="1"/>
  <c r="AC45591" i="1"/>
  <c r="AC45592" i="1"/>
  <c r="AC45593" i="1"/>
  <c r="AC45594" i="1"/>
  <c r="AC45595" i="1"/>
  <c r="AD45595" i="1" s="1"/>
  <c r="AC45596" i="1"/>
  <c r="AC45597" i="1"/>
  <c r="AC45598" i="1"/>
  <c r="AC45599" i="1"/>
  <c r="AC45600" i="1"/>
  <c r="AC45601" i="1"/>
  <c r="AC45602" i="1"/>
  <c r="AC45603" i="1"/>
  <c r="AC45604" i="1"/>
  <c r="AC45605" i="1"/>
  <c r="AC45606" i="1"/>
  <c r="AC45607" i="1"/>
  <c r="AD45607" i="1" s="1"/>
  <c r="AC45608" i="1"/>
  <c r="AC45609" i="1"/>
  <c r="AC45610" i="1"/>
  <c r="AC45611" i="1"/>
  <c r="AC45612" i="1"/>
  <c r="AC45613" i="1"/>
  <c r="AC45614" i="1"/>
  <c r="AC45615" i="1"/>
  <c r="AC45616" i="1"/>
  <c r="AC45617" i="1"/>
  <c r="AC45618" i="1"/>
  <c r="AC45619" i="1"/>
  <c r="AD45619" i="1" s="1"/>
  <c r="AC45620" i="1"/>
  <c r="AC45621" i="1"/>
  <c r="AC45622" i="1"/>
  <c r="AC45623" i="1"/>
  <c r="AC45624" i="1"/>
  <c r="AC45625" i="1"/>
  <c r="AC45626" i="1"/>
  <c r="AC45627" i="1"/>
  <c r="AC45628" i="1"/>
  <c r="AC45629" i="1"/>
  <c r="AC45630" i="1"/>
  <c r="AC45631" i="1"/>
  <c r="AD45631" i="1" s="1"/>
  <c r="AC45632" i="1"/>
  <c r="AC45633" i="1"/>
  <c r="AC45634" i="1"/>
  <c r="AC45635" i="1"/>
  <c r="AC45636" i="1"/>
  <c r="AC45637" i="1"/>
  <c r="AC45638" i="1"/>
  <c r="AC45639" i="1"/>
  <c r="AC45640" i="1"/>
  <c r="AC45641" i="1"/>
  <c r="AC45642" i="1"/>
  <c r="AC45643" i="1"/>
  <c r="AD45643" i="1" s="1"/>
  <c r="AC45644" i="1"/>
  <c r="AC45645" i="1"/>
  <c r="AC45646" i="1"/>
  <c r="AC45647" i="1"/>
  <c r="AC45648" i="1"/>
  <c r="AC45649" i="1"/>
  <c r="AC45650" i="1"/>
  <c r="AC45651" i="1"/>
  <c r="AC45652" i="1"/>
  <c r="AC45653" i="1"/>
  <c r="AC45654" i="1"/>
  <c r="AC45655" i="1"/>
  <c r="AD45655" i="1" s="1"/>
  <c r="AC45656" i="1"/>
  <c r="AC45657" i="1"/>
  <c r="AC45658" i="1"/>
  <c r="AC45659" i="1"/>
  <c r="AC45660" i="1"/>
  <c r="AC45661" i="1"/>
  <c r="AC45662" i="1"/>
  <c r="AC45663" i="1"/>
  <c r="AC45664" i="1"/>
  <c r="AC45665" i="1"/>
  <c r="AC45666" i="1"/>
  <c r="AC45667" i="1"/>
  <c r="AD45667" i="1" s="1"/>
  <c r="AC45668" i="1"/>
  <c r="AC45669" i="1"/>
  <c r="AC45670" i="1"/>
  <c r="AC45671" i="1"/>
  <c r="AC45672" i="1"/>
  <c r="AC45673" i="1"/>
  <c r="AC45674" i="1"/>
  <c r="AC45675" i="1"/>
  <c r="AC45676" i="1"/>
  <c r="AC45677" i="1"/>
  <c r="AC45678" i="1"/>
  <c r="AC45679" i="1"/>
  <c r="AD45679" i="1" s="1"/>
  <c r="AC45680" i="1"/>
  <c r="AC45681" i="1"/>
  <c r="AC45682" i="1"/>
  <c r="AC45683" i="1"/>
  <c r="AC45684" i="1"/>
  <c r="AC45685" i="1"/>
  <c r="AC45686" i="1"/>
  <c r="AC45687" i="1"/>
  <c r="AC45688" i="1"/>
  <c r="AC45689" i="1"/>
  <c r="AC45690" i="1"/>
  <c r="AC45691" i="1"/>
  <c r="AD45691" i="1" s="1"/>
  <c r="AC45692" i="1"/>
  <c r="AC45693" i="1"/>
  <c r="AC45694" i="1"/>
  <c r="AC45695" i="1"/>
  <c r="AC45696" i="1"/>
  <c r="AC45697" i="1"/>
  <c r="AC45698" i="1"/>
  <c r="AC45699" i="1"/>
  <c r="AC45700" i="1"/>
  <c r="AC45701" i="1"/>
  <c r="AC45702" i="1"/>
  <c r="AC45703" i="1"/>
  <c r="AD45703" i="1" s="1"/>
  <c r="AC45704" i="1"/>
  <c r="AC45705" i="1"/>
  <c r="AC45706" i="1"/>
  <c r="AC45707" i="1"/>
  <c r="AC45708" i="1"/>
  <c r="AC45709" i="1"/>
  <c r="AC45710" i="1"/>
  <c r="AC45711" i="1"/>
  <c r="AC45712" i="1"/>
  <c r="AC45713" i="1"/>
  <c r="AC45714" i="1"/>
  <c r="AC45715" i="1"/>
  <c r="AD45715" i="1" s="1"/>
  <c r="AC45716" i="1"/>
  <c r="AC45717" i="1"/>
  <c r="AC45718" i="1"/>
  <c r="AC45719" i="1"/>
  <c r="AC45720" i="1"/>
  <c r="AC45721" i="1"/>
  <c r="AC45722" i="1"/>
  <c r="AC45723" i="1"/>
  <c r="AC45724" i="1"/>
  <c r="AC45725" i="1"/>
  <c r="AC45726" i="1"/>
  <c r="AC45727" i="1"/>
  <c r="AD45727" i="1" s="1"/>
  <c r="AC45728" i="1"/>
  <c r="AC45729" i="1"/>
  <c r="AC45730" i="1"/>
  <c r="AC45731" i="1"/>
  <c r="AC45732" i="1"/>
  <c r="AC45733" i="1"/>
  <c r="AC45734" i="1"/>
  <c r="AC45735" i="1"/>
  <c r="AC45736" i="1"/>
  <c r="AC45737" i="1"/>
  <c r="AC45738" i="1"/>
  <c r="AC45739" i="1"/>
  <c r="AD45739" i="1" s="1"/>
  <c r="AC45740" i="1"/>
  <c r="AC45741" i="1"/>
  <c r="AC45742" i="1"/>
  <c r="AC45743" i="1"/>
  <c r="AC45744" i="1"/>
  <c r="AC45745" i="1"/>
  <c r="AC45746" i="1"/>
  <c r="AC45747" i="1"/>
  <c r="AC45748" i="1"/>
  <c r="AC45749" i="1"/>
  <c r="AC45750" i="1"/>
  <c r="AC45751" i="1"/>
  <c r="AD45751" i="1" s="1"/>
  <c r="AC45752" i="1"/>
  <c r="AC45753" i="1"/>
  <c r="AC45754" i="1"/>
  <c r="AC45755" i="1"/>
  <c r="AC45756" i="1"/>
  <c r="AC45757" i="1"/>
  <c r="AC45758" i="1"/>
  <c r="AC45759" i="1"/>
  <c r="AC45760" i="1"/>
  <c r="AC45761" i="1"/>
  <c r="AC45762" i="1"/>
  <c r="AC45763" i="1"/>
  <c r="AD45763" i="1" s="1"/>
  <c r="AC45764" i="1"/>
  <c r="AC45765" i="1"/>
  <c r="AC45766" i="1"/>
  <c r="AC45767" i="1"/>
  <c r="AC45768" i="1"/>
  <c r="AC45769" i="1"/>
  <c r="AC45770" i="1"/>
  <c r="AC45771" i="1"/>
  <c r="AC45772" i="1"/>
  <c r="AC45773" i="1"/>
  <c r="AC45774" i="1"/>
  <c r="AC45775" i="1"/>
  <c r="AD45775" i="1" s="1"/>
  <c r="AC45776" i="1"/>
  <c r="AC45777" i="1"/>
  <c r="AC45778" i="1"/>
  <c r="AC45779" i="1"/>
  <c r="AC45780" i="1"/>
  <c r="AC45781" i="1"/>
  <c r="AC45782" i="1"/>
  <c r="AC45783" i="1"/>
  <c r="AC45784" i="1"/>
  <c r="AC45785" i="1"/>
  <c r="AC45786" i="1"/>
  <c r="AC45787" i="1"/>
  <c r="AD45787" i="1" s="1"/>
  <c r="AC45788" i="1"/>
  <c r="AC45789" i="1"/>
  <c r="AC45790" i="1"/>
  <c r="AC45791" i="1"/>
  <c r="AC45792" i="1"/>
  <c r="AC45793" i="1"/>
  <c r="AC45794" i="1"/>
  <c r="AC45795" i="1"/>
  <c r="AC45796" i="1"/>
  <c r="AC45797" i="1"/>
  <c r="AC45798" i="1"/>
  <c r="AC45799" i="1"/>
  <c r="AD45799" i="1" s="1"/>
  <c r="AC45800" i="1"/>
  <c r="AC45801" i="1"/>
  <c r="AC45802" i="1"/>
  <c r="AC45803" i="1"/>
  <c r="AC45804" i="1"/>
  <c r="AC45805" i="1"/>
  <c r="AC45806" i="1"/>
  <c r="AC45807" i="1"/>
  <c r="AC45808" i="1"/>
  <c r="AC45809" i="1"/>
  <c r="AC45810" i="1"/>
  <c r="AC45811" i="1"/>
  <c r="AD45811" i="1" s="1"/>
  <c r="AC45812" i="1"/>
  <c r="AC45813" i="1"/>
  <c r="AC45814" i="1"/>
  <c r="AC45815" i="1"/>
  <c r="AC45816" i="1"/>
  <c r="AC45817" i="1"/>
  <c r="AC45818" i="1"/>
  <c r="AC45819" i="1"/>
  <c r="AC45820" i="1"/>
  <c r="AC45821" i="1"/>
  <c r="AC45822" i="1"/>
  <c r="AC45823" i="1"/>
  <c r="AD45823" i="1" s="1"/>
  <c r="AC45824" i="1"/>
  <c r="AC45825" i="1"/>
  <c r="AC45826" i="1"/>
  <c r="AC45827" i="1"/>
  <c r="AC45828" i="1"/>
  <c r="AC45829" i="1"/>
  <c r="AC45830" i="1"/>
  <c r="AC45831" i="1"/>
  <c r="AC45832" i="1"/>
  <c r="AC45833" i="1"/>
  <c r="AC45834" i="1"/>
  <c r="AC45835" i="1"/>
  <c r="AD45835" i="1" s="1"/>
  <c r="AC45836" i="1"/>
  <c r="AC45837" i="1"/>
  <c r="AC45838" i="1"/>
  <c r="AC45839" i="1"/>
  <c r="AC45840" i="1"/>
  <c r="AC45841" i="1"/>
  <c r="AC45842" i="1"/>
  <c r="AC45843" i="1"/>
  <c r="AC45844" i="1"/>
  <c r="AC45845" i="1"/>
  <c r="AC45846" i="1"/>
  <c r="AC45847" i="1"/>
  <c r="AD45847" i="1" s="1"/>
  <c r="AC45848" i="1"/>
  <c r="AC45849" i="1"/>
  <c r="AC45850" i="1"/>
  <c r="AC45851" i="1"/>
  <c r="AC45852" i="1"/>
  <c r="AC45853" i="1"/>
  <c r="AC45854" i="1"/>
  <c r="AC45855" i="1"/>
  <c r="AC45856" i="1"/>
  <c r="AC45857" i="1"/>
  <c r="AC45858" i="1"/>
  <c r="AC45859" i="1"/>
  <c r="AD45859" i="1" s="1"/>
  <c r="AC45860" i="1"/>
  <c r="AC45861" i="1"/>
  <c r="AC45862" i="1"/>
  <c r="AC45863" i="1"/>
  <c r="AC45864" i="1"/>
  <c r="AC45865" i="1"/>
  <c r="AC45866" i="1"/>
  <c r="AC45867" i="1"/>
  <c r="AC45868" i="1"/>
  <c r="AC45869" i="1"/>
  <c r="AC45870" i="1"/>
  <c r="AC45871" i="1"/>
  <c r="AD45871" i="1" s="1"/>
  <c r="AC45872" i="1"/>
  <c r="AC45873" i="1"/>
  <c r="AC45874" i="1"/>
  <c r="AC45875" i="1"/>
  <c r="AC45876" i="1"/>
  <c r="AC45877" i="1"/>
  <c r="AC45878" i="1"/>
  <c r="AC45879" i="1"/>
  <c r="AC45880" i="1"/>
  <c r="AC45881" i="1"/>
  <c r="AC45882" i="1"/>
  <c r="AC45883" i="1"/>
  <c r="AD45883" i="1" s="1"/>
  <c r="AC45884" i="1"/>
  <c r="AC45885" i="1"/>
  <c r="AC45886" i="1"/>
  <c r="AC45887" i="1"/>
  <c r="AC45888" i="1"/>
  <c r="AC45889" i="1"/>
  <c r="AC45890" i="1"/>
  <c r="AC45891" i="1"/>
  <c r="AC45892" i="1"/>
  <c r="AC45893" i="1"/>
  <c r="AC45894" i="1"/>
  <c r="AC45895" i="1"/>
  <c r="AD45895" i="1" s="1"/>
  <c r="AC45896" i="1"/>
  <c r="AC45897" i="1"/>
  <c r="AC45898" i="1"/>
  <c r="AC45899" i="1"/>
  <c r="AC45900" i="1"/>
  <c r="AC45901" i="1"/>
  <c r="AC45902" i="1"/>
  <c r="AC45903" i="1"/>
  <c r="AC45904" i="1"/>
  <c r="AC45905" i="1"/>
  <c r="AC45906" i="1"/>
  <c r="AC45907" i="1"/>
  <c r="AD45907" i="1" s="1"/>
  <c r="AC45908" i="1"/>
  <c r="AC45909" i="1"/>
  <c r="AC45910" i="1"/>
  <c r="AC45911" i="1"/>
  <c r="AC45912" i="1"/>
  <c r="AC45913" i="1"/>
  <c r="AC45914" i="1"/>
  <c r="AC45915" i="1"/>
  <c r="AC45916" i="1"/>
  <c r="AC45917" i="1"/>
  <c r="AC45918" i="1"/>
  <c r="AC45919" i="1"/>
  <c r="AD45919" i="1" s="1"/>
  <c r="AC45920" i="1"/>
  <c r="AC45921" i="1"/>
  <c r="AC45922" i="1"/>
  <c r="AC45923" i="1"/>
  <c r="AC45924" i="1"/>
  <c r="AC45925" i="1"/>
  <c r="AC45926" i="1"/>
  <c r="AC45927" i="1"/>
  <c r="AC45928" i="1"/>
  <c r="AC45929" i="1"/>
  <c r="AC45930" i="1"/>
  <c r="AC45931" i="1"/>
  <c r="AD45931" i="1" s="1"/>
  <c r="AC45932" i="1"/>
  <c r="AC45933" i="1"/>
  <c r="AC45934" i="1"/>
  <c r="AC45935" i="1"/>
  <c r="AC45936" i="1"/>
  <c r="AC45937" i="1"/>
  <c r="AC45938" i="1"/>
  <c r="AC45939" i="1"/>
  <c r="AC45940" i="1"/>
  <c r="AC45941" i="1"/>
  <c r="AC45942" i="1"/>
  <c r="AC45943" i="1"/>
  <c r="AD45943" i="1" s="1"/>
  <c r="AC45944" i="1"/>
  <c r="AC45945" i="1"/>
  <c r="AC45946" i="1"/>
  <c r="AC45947" i="1"/>
  <c r="AC45948" i="1"/>
  <c r="AC45949" i="1"/>
  <c r="AC45950" i="1"/>
  <c r="AC45951" i="1"/>
  <c r="AC45952" i="1"/>
  <c r="AC45953" i="1"/>
  <c r="AC45954" i="1"/>
  <c r="AC45955" i="1"/>
  <c r="AD45955" i="1" s="1"/>
  <c r="AC45956" i="1"/>
  <c r="AC45957" i="1"/>
  <c r="AC45958" i="1"/>
  <c r="AC45959" i="1"/>
  <c r="AC45960" i="1"/>
  <c r="AC45961" i="1"/>
  <c r="AC45962" i="1"/>
  <c r="AC45963" i="1"/>
  <c r="AC45964" i="1"/>
  <c r="AC45965" i="1"/>
  <c r="AC45966" i="1"/>
  <c r="AC45967" i="1"/>
  <c r="AD45967" i="1" s="1"/>
  <c r="AC45968" i="1"/>
  <c r="AC45969" i="1"/>
  <c r="AC45970" i="1"/>
  <c r="AC45971" i="1"/>
  <c r="AC45972" i="1"/>
  <c r="AC45973" i="1"/>
  <c r="AC45974" i="1"/>
  <c r="AC45975" i="1"/>
  <c r="AC45976" i="1"/>
  <c r="AC45977" i="1"/>
  <c r="AC45978" i="1"/>
  <c r="AC45979" i="1"/>
  <c r="AD45979" i="1" s="1"/>
  <c r="AC45980" i="1"/>
  <c r="AC45981" i="1"/>
  <c r="AC45982" i="1"/>
  <c r="AC45983" i="1"/>
  <c r="AC45984" i="1"/>
  <c r="AC45985" i="1"/>
  <c r="AC45986" i="1"/>
  <c r="AC45987" i="1"/>
  <c r="AC45988" i="1"/>
  <c r="AC45989" i="1"/>
  <c r="AC45990" i="1"/>
  <c r="AC45991" i="1"/>
  <c r="AD45991" i="1" s="1"/>
  <c r="AC45992" i="1"/>
  <c r="AC45993" i="1"/>
  <c r="AC45994" i="1"/>
  <c r="AC45995" i="1"/>
  <c r="AC45996" i="1"/>
  <c r="AC45997" i="1"/>
  <c r="AC45998" i="1"/>
  <c r="AC45999" i="1"/>
  <c r="AC46000" i="1"/>
  <c r="AC46001" i="1"/>
  <c r="AC46002" i="1"/>
  <c r="AC46003" i="1"/>
  <c r="AD46003" i="1" s="1"/>
  <c r="AC46004" i="1"/>
  <c r="AC46005" i="1"/>
  <c r="AC46006" i="1"/>
  <c r="AC46007" i="1"/>
  <c r="AC46008" i="1"/>
  <c r="AC46009" i="1"/>
  <c r="AC46010" i="1"/>
  <c r="AC46011" i="1"/>
  <c r="AC46012" i="1"/>
  <c r="AC46013" i="1"/>
  <c r="AC46014" i="1"/>
  <c r="AC46015" i="1"/>
  <c r="AD46015" i="1" s="1"/>
  <c r="AC46016" i="1"/>
  <c r="AC46017" i="1"/>
  <c r="AC46018" i="1"/>
  <c r="AC46019" i="1"/>
  <c r="AC46020" i="1"/>
  <c r="AC46021" i="1"/>
  <c r="AC46022" i="1"/>
  <c r="AC46023" i="1"/>
  <c r="AC46024" i="1"/>
  <c r="AC46025" i="1"/>
  <c r="AC46026" i="1"/>
  <c r="AC46027" i="1"/>
  <c r="AD46027" i="1" s="1"/>
  <c r="AC46028" i="1"/>
  <c r="AC46029" i="1"/>
  <c r="AC46030" i="1"/>
  <c r="AC46031" i="1"/>
  <c r="AC46032" i="1"/>
  <c r="AC46033" i="1"/>
  <c r="AC46034" i="1"/>
  <c r="AC46035" i="1"/>
  <c r="AC46036" i="1"/>
  <c r="AC46037" i="1"/>
  <c r="AC46038" i="1"/>
  <c r="AC46039" i="1"/>
  <c r="AD46039" i="1" s="1"/>
  <c r="AC46040" i="1"/>
  <c r="AC46041" i="1"/>
  <c r="AC46042" i="1"/>
  <c r="AC46043" i="1"/>
  <c r="AC46044" i="1"/>
  <c r="AC46045" i="1"/>
  <c r="AC46046" i="1"/>
  <c r="AC46047" i="1"/>
  <c r="AC46048" i="1"/>
  <c r="AC46049" i="1"/>
  <c r="AC46050" i="1"/>
  <c r="AC46051" i="1"/>
  <c r="AD46051" i="1" s="1"/>
  <c r="AC46052" i="1"/>
  <c r="AC46053" i="1"/>
  <c r="AC46054" i="1"/>
  <c r="AC46055" i="1"/>
  <c r="AC46056" i="1"/>
  <c r="AC46057" i="1"/>
  <c r="AC46058" i="1"/>
  <c r="AC46059" i="1"/>
  <c r="AC46060" i="1"/>
  <c r="AC46061" i="1"/>
  <c r="AC46062" i="1"/>
  <c r="AC46063" i="1"/>
  <c r="AD46063" i="1" s="1"/>
  <c r="AC46064" i="1"/>
  <c r="AC46065" i="1"/>
  <c r="AC46066" i="1"/>
  <c r="AC46067" i="1"/>
  <c r="AC46068" i="1"/>
  <c r="AC46069" i="1"/>
  <c r="AC46070" i="1"/>
  <c r="AC46071" i="1"/>
  <c r="AC46072" i="1"/>
  <c r="AC46073" i="1"/>
  <c r="AC46074" i="1"/>
  <c r="AC46075" i="1"/>
  <c r="AD46075" i="1" s="1"/>
  <c r="AC46076" i="1"/>
  <c r="AC46077" i="1"/>
  <c r="AC46078" i="1"/>
  <c r="AC46079" i="1"/>
  <c r="AC46080" i="1"/>
  <c r="AC46081" i="1"/>
  <c r="AC46082" i="1"/>
  <c r="AC46083" i="1"/>
  <c r="AC46084" i="1"/>
  <c r="AC46085" i="1"/>
  <c r="AC46086" i="1"/>
  <c r="AC46087" i="1"/>
  <c r="AD46087" i="1" s="1"/>
  <c r="AC46088" i="1"/>
  <c r="AC46089" i="1"/>
  <c r="AC46090" i="1"/>
  <c r="AC46091" i="1"/>
  <c r="AC46092" i="1"/>
  <c r="AC46093" i="1"/>
  <c r="AC46094" i="1"/>
  <c r="AC46095" i="1"/>
  <c r="AC46096" i="1"/>
  <c r="AC46097" i="1"/>
  <c r="AC46098" i="1"/>
  <c r="AC46099" i="1"/>
  <c r="AD46099" i="1" s="1"/>
  <c r="AC46100" i="1"/>
  <c r="AC46101" i="1"/>
  <c r="AC46102" i="1"/>
  <c r="AC46103" i="1"/>
  <c r="AC46104" i="1"/>
  <c r="AC46105" i="1"/>
  <c r="AC46106" i="1"/>
  <c r="AC46107" i="1"/>
  <c r="AC46108" i="1"/>
  <c r="AC46109" i="1"/>
  <c r="AC46110" i="1"/>
  <c r="AC46111" i="1"/>
  <c r="AD46111" i="1" s="1"/>
  <c r="AC46112" i="1"/>
  <c r="AC46113" i="1"/>
  <c r="AC46114" i="1"/>
  <c r="AC46115" i="1"/>
  <c r="AC46116" i="1"/>
  <c r="AC46117" i="1"/>
  <c r="AC46118" i="1"/>
  <c r="AC46119" i="1"/>
  <c r="AC46120" i="1"/>
  <c r="AC46121" i="1"/>
  <c r="AC46122" i="1"/>
  <c r="AC46123" i="1"/>
  <c r="AD46123" i="1" s="1"/>
  <c r="AC46124" i="1"/>
  <c r="AC46125" i="1"/>
  <c r="AC46126" i="1"/>
  <c r="AC46127" i="1"/>
  <c r="AC46128" i="1"/>
  <c r="AC46129" i="1"/>
  <c r="AC46130" i="1"/>
  <c r="AC46131" i="1"/>
  <c r="AC46132" i="1"/>
  <c r="AC46133" i="1"/>
  <c r="AC46134" i="1"/>
  <c r="AC46135" i="1"/>
  <c r="AD46135" i="1" s="1"/>
  <c r="AC46136" i="1"/>
  <c r="AC46137" i="1"/>
  <c r="AC46138" i="1"/>
  <c r="AC46139" i="1"/>
  <c r="AC46140" i="1"/>
  <c r="AC46141" i="1"/>
  <c r="AC46142" i="1"/>
  <c r="AC46143" i="1"/>
  <c r="AC46144" i="1"/>
  <c r="AC46145" i="1"/>
  <c r="AC46146" i="1"/>
  <c r="AC46147" i="1"/>
  <c r="AD46147" i="1" s="1"/>
  <c r="AC46148" i="1"/>
  <c r="AC46149" i="1"/>
  <c r="AC46150" i="1"/>
  <c r="AC46151" i="1"/>
  <c r="AC46152" i="1"/>
  <c r="AC46153" i="1"/>
  <c r="AC46154" i="1"/>
  <c r="AC46155" i="1"/>
  <c r="AC46156" i="1"/>
  <c r="AC46157" i="1"/>
  <c r="AC46158" i="1"/>
  <c r="AC46159" i="1"/>
  <c r="AD46159" i="1" s="1"/>
  <c r="AC46160" i="1"/>
  <c r="AC46161" i="1"/>
  <c r="AC46162" i="1"/>
  <c r="AC46163" i="1"/>
  <c r="AC46164" i="1"/>
  <c r="AC46165" i="1"/>
  <c r="AC46166" i="1"/>
  <c r="AC46167" i="1"/>
  <c r="AC46168" i="1"/>
  <c r="AC46169" i="1"/>
  <c r="AC46170" i="1"/>
  <c r="AC46171" i="1"/>
  <c r="AD46171" i="1" s="1"/>
  <c r="AC46172" i="1"/>
  <c r="AC46173" i="1"/>
  <c r="AC46174" i="1"/>
  <c r="AC46175" i="1"/>
  <c r="AC46176" i="1"/>
  <c r="AC46177" i="1"/>
  <c r="AC46178" i="1"/>
  <c r="AC46179" i="1"/>
  <c r="AC46180" i="1"/>
  <c r="AC46181" i="1"/>
  <c r="AC46182" i="1"/>
  <c r="AC46183" i="1"/>
  <c r="AD46183" i="1" s="1"/>
  <c r="AC46184" i="1"/>
  <c r="AC46185" i="1"/>
  <c r="AC46186" i="1"/>
  <c r="AC46187" i="1"/>
  <c r="AC46188" i="1"/>
  <c r="AC46189" i="1"/>
  <c r="AC46190" i="1"/>
  <c r="AC46191" i="1"/>
  <c r="AC46192" i="1"/>
  <c r="AC46193" i="1"/>
  <c r="AC46194" i="1"/>
  <c r="AC46195" i="1"/>
  <c r="AD46195" i="1" s="1"/>
  <c r="AC46196" i="1"/>
  <c r="AC46197" i="1"/>
  <c r="AC46198" i="1"/>
  <c r="AC46199" i="1"/>
  <c r="AC46200" i="1"/>
  <c r="AC46201" i="1"/>
  <c r="AC46202" i="1"/>
  <c r="AC46203" i="1"/>
  <c r="AC46204" i="1"/>
  <c r="AC46205" i="1"/>
  <c r="AC46206" i="1"/>
  <c r="AC46207" i="1"/>
  <c r="AD46207" i="1" s="1"/>
  <c r="AC46208" i="1"/>
  <c r="AC46209" i="1"/>
  <c r="AC46210" i="1"/>
  <c r="AC46211" i="1"/>
  <c r="AC46212" i="1"/>
  <c r="AC46213" i="1"/>
  <c r="AC46214" i="1"/>
  <c r="AC46215" i="1"/>
  <c r="AC46216" i="1"/>
  <c r="AC46217" i="1"/>
  <c r="AC46218" i="1"/>
  <c r="AC46219" i="1"/>
  <c r="AD46219" i="1" s="1"/>
  <c r="AC46220" i="1"/>
  <c r="AC46221" i="1"/>
  <c r="AC46222" i="1"/>
  <c r="AC46223" i="1"/>
  <c r="AC46224" i="1"/>
  <c r="AC46225" i="1"/>
  <c r="AC46226" i="1"/>
  <c r="AC46227" i="1"/>
  <c r="AC46228" i="1"/>
  <c r="AC46229" i="1"/>
  <c r="AC46230" i="1"/>
  <c r="AC46231" i="1"/>
  <c r="AD46231" i="1" s="1"/>
  <c r="AC46232" i="1"/>
  <c r="AC46233" i="1"/>
  <c r="AC46234" i="1"/>
  <c r="AC46235" i="1"/>
  <c r="AC46236" i="1"/>
  <c r="AC46237" i="1"/>
  <c r="AC46238" i="1"/>
  <c r="AC46239" i="1"/>
  <c r="AC46240" i="1"/>
  <c r="AC46241" i="1"/>
  <c r="AC46242" i="1"/>
  <c r="AC46243" i="1"/>
  <c r="AD46243" i="1" s="1"/>
  <c r="AC46244" i="1"/>
  <c r="AC46245" i="1"/>
  <c r="AC46246" i="1"/>
  <c r="AC46247" i="1"/>
  <c r="AC46248" i="1"/>
  <c r="AC46249" i="1"/>
  <c r="AC46250" i="1"/>
  <c r="AC46251" i="1"/>
  <c r="AC46252" i="1"/>
  <c r="AC46253" i="1"/>
  <c r="AC46254" i="1"/>
  <c r="AC46255" i="1"/>
  <c r="AD46255" i="1" s="1"/>
  <c r="AC46256" i="1"/>
  <c r="AC46257" i="1"/>
  <c r="AC46258" i="1"/>
  <c r="AC46259" i="1"/>
  <c r="AC46260" i="1"/>
  <c r="AC46261" i="1"/>
  <c r="AC46262" i="1"/>
  <c r="AC46263" i="1"/>
  <c r="AC46264" i="1"/>
  <c r="AC46265" i="1"/>
  <c r="AC46266" i="1"/>
  <c r="AC46267" i="1"/>
  <c r="AD46267" i="1" s="1"/>
  <c r="AC46268" i="1"/>
  <c r="AC46269" i="1"/>
  <c r="AC46270" i="1"/>
  <c r="AC46271" i="1"/>
  <c r="AC46272" i="1"/>
  <c r="AC46273" i="1"/>
  <c r="AC46274" i="1"/>
  <c r="AC46275" i="1"/>
  <c r="AC46276" i="1"/>
  <c r="AC46277" i="1"/>
  <c r="AC46278" i="1"/>
  <c r="AC46279" i="1"/>
  <c r="AD46279" i="1" s="1"/>
  <c r="AC46280" i="1"/>
  <c r="AC46281" i="1"/>
  <c r="AC46282" i="1"/>
  <c r="AC46283" i="1"/>
  <c r="AC46284" i="1"/>
  <c r="AC46285" i="1"/>
  <c r="AC46286" i="1"/>
  <c r="AC46287" i="1"/>
  <c r="AC46288" i="1"/>
  <c r="AC46289" i="1"/>
  <c r="AC46290" i="1"/>
  <c r="AC46291" i="1"/>
  <c r="AD46291" i="1" s="1"/>
  <c r="AC46292" i="1"/>
  <c r="AC46293" i="1"/>
  <c r="AC46294" i="1"/>
  <c r="AC46295" i="1"/>
  <c r="AC46296" i="1"/>
  <c r="AC46297" i="1"/>
  <c r="AC46298" i="1"/>
  <c r="AC46299" i="1"/>
  <c r="AC46300" i="1"/>
  <c r="AC46301" i="1"/>
  <c r="AC46302" i="1"/>
  <c r="AC46303" i="1"/>
  <c r="AD46303" i="1" s="1"/>
  <c r="AC46304" i="1"/>
  <c r="AC46305" i="1"/>
  <c r="AC46306" i="1"/>
  <c r="AC46307" i="1"/>
  <c r="AC46308" i="1"/>
  <c r="AC46309" i="1"/>
  <c r="AC46310" i="1"/>
  <c r="AC46311" i="1"/>
  <c r="AC46312" i="1"/>
  <c r="AC46313" i="1"/>
  <c r="AC46314" i="1"/>
  <c r="AC46315" i="1"/>
  <c r="AD46315" i="1" s="1"/>
  <c r="AC46316" i="1"/>
  <c r="AC46317" i="1"/>
  <c r="AC46318" i="1"/>
  <c r="AC46319" i="1"/>
  <c r="AC46320" i="1"/>
  <c r="AC46321" i="1"/>
  <c r="AC46322" i="1"/>
  <c r="AC46323" i="1"/>
  <c r="AC46324" i="1"/>
  <c r="AC46325" i="1"/>
  <c r="AC46326" i="1"/>
  <c r="AC46327" i="1"/>
  <c r="AD46327" i="1" s="1"/>
  <c r="AC46328" i="1"/>
  <c r="AC46329" i="1"/>
  <c r="AC46330" i="1"/>
  <c r="AC46331" i="1"/>
  <c r="AC46332" i="1"/>
  <c r="AC46333" i="1"/>
  <c r="AC46334" i="1"/>
  <c r="AC46335" i="1"/>
  <c r="AC46336" i="1"/>
  <c r="AC46337" i="1"/>
  <c r="AC46338" i="1"/>
  <c r="AC46339" i="1"/>
  <c r="AD46339" i="1" s="1"/>
  <c r="AC46340" i="1"/>
  <c r="AC46341" i="1"/>
  <c r="AC46342" i="1"/>
  <c r="AC46343" i="1"/>
  <c r="AC46344" i="1"/>
  <c r="AC46345" i="1"/>
  <c r="AC46346" i="1"/>
  <c r="AC46347" i="1"/>
  <c r="AC46348" i="1"/>
  <c r="AC46349" i="1"/>
  <c r="AC46350" i="1"/>
  <c r="AC46351" i="1"/>
  <c r="AD46351" i="1" s="1"/>
  <c r="AC46352" i="1"/>
  <c r="AC46353" i="1"/>
  <c r="AC46354" i="1"/>
  <c r="AC46355" i="1"/>
  <c r="AC46356" i="1"/>
  <c r="AC46357" i="1"/>
  <c r="AC46358" i="1"/>
  <c r="AC46359" i="1"/>
  <c r="AC46360" i="1"/>
  <c r="AC46361" i="1"/>
  <c r="AC46362" i="1"/>
  <c r="AC46363" i="1"/>
  <c r="AD46363" i="1" s="1"/>
  <c r="AC46364" i="1"/>
  <c r="AC46365" i="1"/>
  <c r="AC46366" i="1"/>
  <c r="AC46367" i="1"/>
  <c r="AC46368" i="1"/>
  <c r="AC46369" i="1"/>
  <c r="AC46370" i="1"/>
  <c r="AC46371" i="1"/>
  <c r="AC46372" i="1"/>
  <c r="AC46373" i="1"/>
  <c r="AC46374" i="1"/>
  <c r="AC46375" i="1"/>
  <c r="AD46375" i="1" s="1"/>
  <c r="AC46376" i="1"/>
  <c r="AC46377" i="1"/>
  <c r="AC46378" i="1"/>
  <c r="AC46379" i="1"/>
  <c r="AC46380" i="1"/>
  <c r="AC46381" i="1"/>
  <c r="AC46382" i="1"/>
  <c r="AC46383" i="1"/>
  <c r="AC46384" i="1"/>
  <c r="AC46385" i="1"/>
  <c r="AC46386" i="1"/>
  <c r="AC46387" i="1"/>
  <c r="AD46387" i="1" s="1"/>
  <c r="AC46388" i="1"/>
  <c r="AC46389" i="1"/>
  <c r="AC46390" i="1"/>
  <c r="AC46391" i="1"/>
  <c r="AC46392" i="1"/>
  <c r="AC46393" i="1"/>
  <c r="AC46394" i="1"/>
  <c r="AC46395" i="1"/>
  <c r="AC46396" i="1"/>
  <c r="AC46397" i="1"/>
  <c r="AC46398" i="1"/>
  <c r="AC46399" i="1"/>
  <c r="AD46399" i="1" s="1"/>
  <c r="AC46400" i="1"/>
  <c r="AC46401" i="1"/>
  <c r="AC46402" i="1"/>
  <c r="AC46403" i="1"/>
  <c r="AC46404" i="1"/>
  <c r="AC46405" i="1"/>
  <c r="AC46406" i="1"/>
  <c r="AC46407" i="1"/>
  <c r="AC46408" i="1"/>
  <c r="AC46409" i="1"/>
  <c r="AC46410" i="1"/>
  <c r="AC46411" i="1"/>
  <c r="AD46411" i="1" s="1"/>
  <c r="AC46412" i="1"/>
  <c r="AC46413" i="1"/>
  <c r="AC46414" i="1"/>
  <c r="AC46415" i="1"/>
  <c r="AC46416" i="1"/>
  <c r="AC46417" i="1"/>
  <c r="AC46418" i="1"/>
  <c r="AC46419" i="1"/>
  <c r="AC46420" i="1"/>
  <c r="AC46421" i="1"/>
  <c r="AC46422" i="1"/>
  <c r="AC46423" i="1"/>
  <c r="AD46423" i="1" s="1"/>
  <c r="AC46424" i="1"/>
  <c r="AC46425" i="1"/>
  <c r="AC46426" i="1"/>
  <c r="AC46427" i="1"/>
  <c r="AC46428" i="1"/>
  <c r="AC46429" i="1"/>
  <c r="AC46430" i="1"/>
  <c r="AC46431" i="1"/>
  <c r="AC46432" i="1"/>
  <c r="AC46433" i="1"/>
  <c r="AC46434" i="1"/>
  <c r="AC46435" i="1"/>
  <c r="AD46435" i="1" s="1"/>
  <c r="AC46436" i="1"/>
  <c r="AC46437" i="1"/>
  <c r="AC46438" i="1"/>
  <c r="AC46439" i="1"/>
  <c r="AC46440" i="1"/>
  <c r="AC46441" i="1"/>
  <c r="AC46442" i="1"/>
  <c r="AC46443" i="1"/>
  <c r="AC46444" i="1"/>
  <c r="AC46445" i="1"/>
  <c r="AC46446" i="1"/>
  <c r="AC46447" i="1"/>
  <c r="AD46447" i="1" s="1"/>
  <c r="AC46448" i="1"/>
  <c r="AC46449" i="1"/>
  <c r="AC46450" i="1"/>
  <c r="AC46451" i="1"/>
  <c r="AC46452" i="1"/>
  <c r="AC46453" i="1"/>
  <c r="AC46454" i="1"/>
  <c r="AC46455" i="1"/>
  <c r="AC46456" i="1"/>
  <c r="AC46457" i="1"/>
  <c r="AC46458" i="1"/>
  <c r="AC46459" i="1"/>
  <c r="AD46459" i="1" s="1"/>
  <c r="AC46460" i="1"/>
  <c r="AC46461" i="1"/>
  <c r="AC46462" i="1"/>
  <c r="AC46463" i="1"/>
  <c r="AC46464" i="1"/>
  <c r="AC46465" i="1"/>
  <c r="AC46466" i="1"/>
  <c r="AC46467" i="1"/>
  <c r="AC46468" i="1"/>
  <c r="AC46469" i="1"/>
  <c r="AC46470" i="1"/>
  <c r="AC46471" i="1"/>
  <c r="AD46471" i="1" s="1"/>
  <c r="AC46472" i="1"/>
  <c r="AC46473" i="1"/>
  <c r="AC46474" i="1"/>
  <c r="AC46475" i="1"/>
  <c r="AC46476" i="1"/>
  <c r="AC46477" i="1"/>
  <c r="AC46478" i="1"/>
  <c r="AC46479" i="1"/>
  <c r="AC46480" i="1"/>
  <c r="AC46481" i="1"/>
  <c r="AC46482" i="1"/>
  <c r="AC46483" i="1"/>
  <c r="AD46483" i="1" s="1"/>
  <c r="AC46484" i="1"/>
  <c r="AC46485" i="1"/>
  <c r="AC46486" i="1"/>
  <c r="AC46487" i="1"/>
  <c r="AC46488" i="1"/>
  <c r="AC46489" i="1"/>
  <c r="AC46490" i="1"/>
  <c r="AC46491" i="1"/>
  <c r="AC46492" i="1"/>
  <c r="AC46493" i="1"/>
  <c r="AC46494" i="1"/>
  <c r="AC46495" i="1"/>
  <c r="AD46495" i="1" s="1"/>
  <c r="AC46496" i="1"/>
  <c r="AC46497" i="1"/>
  <c r="AC46498" i="1"/>
  <c r="AC46499" i="1"/>
  <c r="AC46500" i="1"/>
  <c r="AC46501" i="1"/>
  <c r="AC46502" i="1"/>
  <c r="AC46503" i="1"/>
  <c r="AC46504" i="1"/>
  <c r="AC46505" i="1"/>
  <c r="AC46506" i="1"/>
  <c r="AC46507" i="1"/>
  <c r="AD46507" i="1" s="1"/>
  <c r="AC46508" i="1"/>
  <c r="AC46509" i="1"/>
  <c r="AC46510" i="1"/>
  <c r="AC46511" i="1"/>
  <c r="AC46512" i="1"/>
  <c r="AC46513" i="1"/>
  <c r="AC46514" i="1"/>
  <c r="AC46515" i="1"/>
  <c r="AC46516" i="1"/>
  <c r="AC46517" i="1"/>
  <c r="AC46518" i="1"/>
  <c r="AC46519" i="1"/>
  <c r="AD46519" i="1" s="1"/>
  <c r="AC46520" i="1"/>
  <c r="AC46521" i="1"/>
  <c r="AC46522" i="1"/>
  <c r="AC46523" i="1"/>
  <c r="AC46524" i="1"/>
  <c r="AC46525" i="1"/>
  <c r="AC46526" i="1"/>
  <c r="AC46527" i="1"/>
  <c r="AC46528" i="1"/>
  <c r="AC46529" i="1"/>
  <c r="AC46530" i="1"/>
  <c r="AC46531" i="1"/>
  <c r="AD46531" i="1" s="1"/>
  <c r="AC46532" i="1"/>
  <c r="AC46533" i="1"/>
  <c r="AC46534" i="1"/>
  <c r="AC46535" i="1"/>
  <c r="AC46536" i="1"/>
  <c r="AC46537" i="1"/>
  <c r="AC46538" i="1"/>
  <c r="AC46539" i="1"/>
  <c r="AC46540" i="1"/>
  <c r="AC46541" i="1"/>
  <c r="AC46542" i="1"/>
  <c r="AC46543" i="1"/>
  <c r="AD46543" i="1" s="1"/>
  <c r="AC46544" i="1"/>
  <c r="AC46545" i="1"/>
  <c r="AC46546" i="1"/>
  <c r="AC46547" i="1"/>
  <c r="AC46548" i="1"/>
  <c r="AC46549" i="1"/>
  <c r="AC46550" i="1"/>
  <c r="AC46551" i="1"/>
  <c r="AC46552" i="1"/>
  <c r="AC46553" i="1"/>
  <c r="AC46554" i="1"/>
  <c r="AC46555" i="1"/>
  <c r="AD46555" i="1" s="1"/>
  <c r="AC46556" i="1"/>
  <c r="AC46557" i="1"/>
  <c r="AC46558" i="1"/>
  <c r="AC46559" i="1"/>
  <c r="AC46560" i="1"/>
  <c r="AC46561" i="1"/>
  <c r="AC46562" i="1"/>
  <c r="AC46563" i="1"/>
  <c r="AC46564" i="1"/>
  <c r="AC46565" i="1"/>
  <c r="AC46566" i="1"/>
  <c r="AC46567" i="1"/>
  <c r="AD46567" i="1" s="1"/>
  <c r="AC46568" i="1"/>
  <c r="AC46569" i="1"/>
  <c r="AC46570" i="1"/>
  <c r="AC46571" i="1"/>
  <c r="AC46572" i="1"/>
  <c r="AC46573" i="1"/>
  <c r="AC46574" i="1"/>
  <c r="AC46575" i="1"/>
  <c r="AC46576" i="1"/>
  <c r="AC46577" i="1"/>
  <c r="AC46578" i="1"/>
  <c r="AC46579" i="1"/>
  <c r="AD46579" i="1" s="1"/>
  <c r="AC46580" i="1"/>
  <c r="AC46581" i="1"/>
  <c r="AC46582" i="1"/>
  <c r="AC46583" i="1"/>
  <c r="AC46584" i="1"/>
  <c r="AC46585" i="1"/>
  <c r="AC46586" i="1"/>
  <c r="AC46587" i="1"/>
  <c r="AC46588" i="1"/>
  <c r="AC46589" i="1"/>
  <c r="AC46590" i="1"/>
  <c r="AC46591" i="1"/>
  <c r="AD46591" i="1" s="1"/>
  <c r="AC46592" i="1"/>
  <c r="AC46593" i="1"/>
  <c r="AC46594" i="1"/>
  <c r="AC46595" i="1"/>
  <c r="AC46596" i="1"/>
  <c r="AC46597" i="1"/>
  <c r="AC46598" i="1"/>
  <c r="AC46599" i="1"/>
  <c r="AC46600" i="1"/>
  <c r="AC46601" i="1"/>
  <c r="AC46602" i="1"/>
  <c r="AC46603" i="1"/>
  <c r="AD46603" i="1" s="1"/>
  <c r="AC46604" i="1"/>
  <c r="AC46605" i="1"/>
  <c r="AC46606" i="1"/>
  <c r="AC46607" i="1"/>
  <c r="AC46608" i="1"/>
  <c r="AC46609" i="1"/>
  <c r="AC46610" i="1"/>
  <c r="AC46611" i="1"/>
  <c r="AC46612" i="1"/>
  <c r="AC46613" i="1"/>
  <c r="AC46614" i="1"/>
  <c r="AC46615" i="1"/>
  <c r="AD46615" i="1" s="1"/>
  <c r="AC46616" i="1"/>
  <c r="AC46617" i="1"/>
  <c r="AC46618" i="1"/>
  <c r="AC46619" i="1"/>
  <c r="AC46620" i="1"/>
  <c r="AC46621" i="1"/>
  <c r="AC46622" i="1"/>
  <c r="AC46623" i="1"/>
  <c r="AC46624" i="1"/>
  <c r="AC46625" i="1"/>
  <c r="AC46626" i="1"/>
  <c r="AC46627" i="1"/>
  <c r="AD46627" i="1" s="1"/>
  <c r="AC46628" i="1"/>
  <c r="AC46629" i="1"/>
  <c r="AC46630" i="1"/>
  <c r="AC46631" i="1"/>
  <c r="AC46632" i="1"/>
  <c r="AC46633" i="1"/>
  <c r="AC46634" i="1"/>
  <c r="AC46635" i="1"/>
  <c r="AC46636" i="1"/>
  <c r="AC46637" i="1"/>
  <c r="AC46638" i="1"/>
  <c r="AC46639" i="1"/>
  <c r="AD46639" i="1" s="1"/>
  <c r="AC46640" i="1"/>
  <c r="AC46641" i="1"/>
  <c r="AC46642" i="1"/>
  <c r="AC46643" i="1"/>
  <c r="AC46644" i="1"/>
  <c r="AC46645" i="1"/>
  <c r="AC46646" i="1"/>
  <c r="AC46647" i="1"/>
  <c r="AC46648" i="1"/>
  <c r="AC46649" i="1"/>
  <c r="AC46650" i="1"/>
  <c r="AC46651" i="1"/>
  <c r="AD46651" i="1" s="1"/>
  <c r="AC46652" i="1"/>
  <c r="AC46653" i="1"/>
  <c r="AC46654" i="1"/>
  <c r="AC46655" i="1"/>
  <c r="AC46656" i="1"/>
  <c r="AC46657" i="1"/>
  <c r="AC46658" i="1"/>
  <c r="AC46659" i="1"/>
  <c r="AC46660" i="1"/>
  <c r="AC46661" i="1"/>
  <c r="AC46662" i="1"/>
  <c r="AC46663" i="1"/>
  <c r="AD46663" i="1" s="1"/>
  <c r="AC46664" i="1"/>
  <c r="AC46665" i="1"/>
  <c r="AC46666" i="1"/>
  <c r="AC46667" i="1"/>
  <c r="AC46668" i="1"/>
  <c r="AC46669" i="1"/>
  <c r="AC46670" i="1"/>
  <c r="AC46671" i="1"/>
  <c r="AC46672" i="1"/>
  <c r="AC46673" i="1"/>
  <c r="AC46674" i="1"/>
  <c r="AC46675" i="1"/>
  <c r="AD46675" i="1" s="1"/>
  <c r="AC46676" i="1"/>
  <c r="AC46677" i="1"/>
  <c r="AC46678" i="1"/>
  <c r="AC46679" i="1"/>
  <c r="AC46680" i="1"/>
  <c r="AC46681" i="1"/>
  <c r="AC46682" i="1"/>
  <c r="AC46683" i="1"/>
  <c r="AC46684" i="1"/>
  <c r="AC46685" i="1"/>
  <c r="AC46686" i="1"/>
  <c r="AC46687" i="1"/>
  <c r="AD46687" i="1" s="1"/>
  <c r="AC46688" i="1"/>
  <c r="AC46689" i="1"/>
  <c r="AC46690" i="1"/>
  <c r="AC46691" i="1"/>
  <c r="AC46692" i="1"/>
  <c r="AC46693" i="1"/>
  <c r="AC46694" i="1"/>
  <c r="AC46695" i="1"/>
  <c r="AC46696" i="1"/>
  <c r="AC46697" i="1"/>
  <c r="AC46698" i="1"/>
  <c r="AC46699" i="1"/>
  <c r="AD46699" i="1" s="1"/>
  <c r="AC46700" i="1"/>
  <c r="AC46701" i="1"/>
  <c r="AC46702" i="1"/>
  <c r="AC46703" i="1"/>
  <c r="AC46704" i="1"/>
  <c r="AC46705" i="1"/>
  <c r="AC46706" i="1"/>
  <c r="AC46707" i="1"/>
  <c r="AC46708" i="1"/>
  <c r="AC46709" i="1"/>
  <c r="AC46710" i="1"/>
  <c r="AC46711" i="1"/>
  <c r="AD46711" i="1" s="1"/>
  <c r="AC46712" i="1"/>
  <c r="AC46713" i="1"/>
  <c r="AC46714" i="1"/>
  <c r="AC46715" i="1"/>
  <c r="AC46716" i="1"/>
  <c r="AC46717" i="1"/>
  <c r="AC46718" i="1"/>
  <c r="AC46719" i="1"/>
  <c r="AC46720" i="1"/>
  <c r="AC46721" i="1"/>
  <c r="AC46722" i="1"/>
  <c r="AC46723" i="1"/>
  <c r="AD46723" i="1" s="1"/>
  <c r="AC46724" i="1"/>
  <c r="AC46725" i="1"/>
  <c r="AC46726" i="1"/>
  <c r="AC46727" i="1"/>
  <c r="AC46728" i="1"/>
  <c r="AC46729" i="1"/>
  <c r="AC46730" i="1"/>
  <c r="AC46731" i="1"/>
  <c r="AC46732" i="1"/>
  <c r="AC46733" i="1"/>
  <c r="AC46734" i="1"/>
  <c r="AC46735" i="1"/>
  <c r="AD46735" i="1" s="1"/>
  <c r="AC46736" i="1"/>
  <c r="AC46737" i="1"/>
  <c r="AC46738" i="1"/>
  <c r="AC46739" i="1"/>
  <c r="AC46740" i="1"/>
  <c r="AC46741" i="1"/>
  <c r="AC46742" i="1"/>
  <c r="AC46743" i="1"/>
  <c r="AC46744" i="1"/>
  <c r="AC46745" i="1"/>
  <c r="AC46746" i="1"/>
  <c r="AC46747" i="1"/>
  <c r="AD46747" i="1" s="1"/>
  <c r="AC46748" i="1"/>
  <c r="AC46749" i="1"/>
  <c r="AC46750" i="1"/>
  <c r="AC46751" i="1"/>
  <c r="AC46752" i="1"/>
  <c r="AC46753" i="1"/>
  <c r="AC46754" i="1"/>
  <c r="AC46755" i="1"/>
  <c r="AC46756" i="1"/>
  <c r="AC46757" i="1"/>
  <c r="AC46758" i="1"/>
  <c r="AC46759" i="1"/>
  <c r="AD46759" i="1" s="1"/>
  <c r="AC46760" i="1"/>
  <c r="AC46761" i="1"/>
  <c r="AC46762" i="1"/>
  <c r="AC46763" i="1"/>
  <c r="AC46764" i="1"/>
  <c r="AC46765" i="1"/>
  <c r="AC46766" i="1"/>
  <c r="AC46767" i="1"/>
  <c r="AC46768" i="1"/>
  <c r="AC46769" i="1"/>
  <c r="AC46770" i="1"/>
  <c r="AC46771" i="1"/>
  <c r="AD46771" i="1" s="1"/>
  <c r="AC46772" i="1"/>
  <c r="AC46773" i="1"/>
  <c r="AC46774" i="1"/>
  <c r="AC46775" i="1"/>
  <c r="AC46776" i="1"/>
  <c r="AC46777" i="1"/>
  <c r="AC46778" i="1"/>
  <c r="AC46779" i="1"/>
  <c r="AC46780" i="1"/>
  <c r="AC46781" i="1"/>
  <c r="AC46782" i="1"/>
  <c r="AC46783" i="1"/>
  <c r="AD46783" i="1" s="1"/>
  <c r="AC46784" i="1"/>
  <c r="AC46785" i="1"/>
  <c r="AC46786" i="1"/>
  <c r="AC46787" i="1"/>
  <c r="AC46788" i="1"/>
  <c r="AC46789" i="1"/>
  <c r="AC46790" i="1"/>
  <c r="AC46791" i="1"/>
  <c r="AC46792" i="1"/>
  <c r="AC46793" i="1"/>
  <c r="AC46794" i="1"/>
  <c r="AC46795" i="1"/>
  <c r="AD46795" i="1" s="1"/>
  <c r="AC46796" i="1"/>
  <c r="AC46797" i="1"/>
  <c r="AC46798" i="1"/>
  <c r="AC46799" i="1"/>
  <c r="AC46800" i="1"/>
  <c r="AC46801" i="1"/>
  <c r="AC46802" i="1"/>
  <c r="AC46803" i="1"/>
  <c r="AC46804" i="1"/>
  <c r="AC46805" i="1"/>
  <c r="AC46806" i="1"/>
  <c r="AC46807" i="1"/>
  <c r="AD46807" i="1" s="1"/>
  <c r="AC46808" i="1"/>
  <c r="AC46809" i="1"/>
  <c r="AC46810" i="1"/>
  <c r="AC46811" i="1"/>
  <c r="AC46812" i="1"/>
  <c r="AC46813" i="1"/>
  <c r="AC46814" i="1"/>
  <c r="AC46815" i="1"/>
  <c r="AC46816" i="1"/>
  <c r="AC46817" i="1"/>
  <c r="AC46818" i="1"/>
  <c r="AC46819" i="1"/>
  <c r="AD46819" i="1" s="1"/>
  <c r="AC46820" i="1"/>
  <c r="AC46821" i="1"/>
  <c r="AC46822" i="1"/>
  <c r="AC46823" i="1"/>
  <c r="AC46824" i="1"/>
  <c r="AC46825" i="1"/>
  <c r="AC46826" i="1"/>
  <c r="AC46827" i="1"/>
  <c r="AC46828" i="1"/>
  <c r="AC46829" i="1"/>
  <c r="AC46830" i="1"/>
  <c r="AC46831" i="1"/>
  <c r="AD46831" i="1" s="1"/>
  <c r="AC46832" i="1"/>
  <c r="AC46833" i="1"/>
  <c r="AC46834" i="1"/>
  <c r="AC46835" i="1"/>
  <c r="AC46836" i="1"/>
  <c r="AC46837" i="1"/>
  <c r="AC46838" i="1"/>
  <c r="AC46839" i="1"/>
  <c r="AC46840" i="1"/>
  <c r="AC46841" i="1"/>
  <c r="AC46842" i="1"/>
  <c r="AC46843" i="1"/>
  <c r="AD46843" i="1" s="1"/>
  <c r="AC46844" i="1"/>
  <c r="AC46845" i="1"/>
  <c r="AC46846" i="1"/>
  <c r="AC46847" i="1"/>
  <c r="AC46848" i="1"/>
  <c r="AC46849" i="1"/>
  <c r="AC46850" i="1"/>
  <c r="AC46851" i="1"/>
  <c r="AC46852" i="1"/>
  <c r="AC46853" i="1"/>
  <c r="AC46854" i="1"/>
  <c r="AC46855" i="1"/>
  <c r="AD46855" i="1" s="1"/>
  <c r="AC46856" i="1"/>
  <c r="AC46857" i="1"/>
  <c r="AC46858" i="1"/>
  <c r="AC46859" i="1"/>
  <c r="AC46860" i="1"/>
  <c r="AC46861" i="1"/>
  <c r="AC46862" i="1"/>
  <c r="AC46863" i="1"/>
  <c r="AC46864" i="1"/>
  <c r="AC46865" i="1"/>
  <c r="AC46866" i="1"/>
  <c r="AC46867" i="1"/>
  <c r="AD46867" i="1" s="1"/>
  <c r="AC46868" i="1"/>
  <c r="AC46869" i="1"/>
  <c r="AC46870" i="1"/>
  <c r="AC46871" i="1"/>
  <c r="AC46872" i="1"/>
  <c r="AC46873" i="1"/>
  <c r="AC46874" i="1"/>
  <c r="AC46875" i="1"/>
  <c r="AC46876" i="1"/>
  <c r="AC46877" i="1"/>
  <c r="AC46878" i="1"/>
  <c r="AC46879" i="1"/>
  <c r="AD46879" i="1" s="1"/>
  <c r="AC46880" i="1"/>
  <c r="AC46881" i="1"/>
  <c r="AC46882" i="1"/>
  <c r="AC46883" i="1"/>
  <c r="AC46884" i="1"/>
  <c r="AC46885" i="1"/>
  <c r="AC46886" i="1"/>
  <c r="AC46887" i="1"/>
  <c r="AC46888" i="1"/>
  <c r="AC46889" i="1"/>
  <c r="AC46890" i="1"/>
  <c r="AC46891" i="1"/>
  <c r="AD46891" i="1" s="1"/>
  <c r="AC46892" i="1"/>
  <c r="AC46893" i="1"/>
  <c r="AC46894" i="1"/>
  <c r="AC46895" i="1"/>
  <c r="AC46896" i="1"/>
  <c r="AC46897" i="1"/>
  <c r="AC46898" i="1"/>
  <c r="AC46899" i="1"/>
  <c r="AC46900" i="1"/>
  <c r="AC46901" i="1"/>
  <c r="AC46902" i="1"/>
  <c r="AC46903" i="1"/>
  <c r="AD46903" i="1" s="1"/>
  <c r="AC46904" i="1"/>
  <c r="AC46905" i="1"/>
  <c r="AC46906" i="1"/>
  <c r="AC46907" i="1"/>
  <c r="AC46908" i="1"/>
  <c r="AC46909" i="1"/>
  <c r="AC46910" i="1"/>
  <c r="AC46911" i="1"/>
  <c r="AC46912" i="1"/>
  <c r="AC46913" i="1"/>
  <c r="AC46914" i="1"/>
  <c r="AC46915" i="1"/>
  <c r="AD46915" i="1" s="1"/>
  <c r="AC46916" i="1"/>
  <c r="AC46917" i="1"/>
  <c r="AC46918" i="1"/>
  <c r="AC46919" i="1"/>
  <c r="AC46920" i="1"/>
  <c r="AC46921" i="1"/>
  <c r="AC46922" i="1"/>
  <c r="AC46923" i="1"/>
  <c r="AC46924" i="1"/>
  <c r="AC46925" i="1"/>
  <c r="AC46926" i="1"/>
  <c r="AC46927" i="1"/>
  <c r="AD46927" i="1" s="1"/>
  <c r="AC46928" i="1"/>
  <c r="AC46929" i="1"/>
  <c r="AC46930" i="1"/>
  <c r="AC46931" i="1"/>
  <c r="AC46932" i="1"/>
  <c r="AC46933" i="1"/>
  <c r="AC46934" i="1"/>
  <c r="AC46935" i="1"/>
  <c r="AC46936" i="1"/>
  <c r="AC46937" i="1"/>
  <c r="AC46938" i="1"/>
  <c r="AC46939" i="1"/>
  <c r="AD46939" i="1" s="1"/>
  <c r="AC46940" i="1"/>
  <c r="AC46941" i="1"/>
  <c r="AC46942" i="1"/>
  <c r="AC46943" i="1"/>
  <c r="AC46944" i="1"/>
  <c r="AC46945" i="1"/>
  <c r="AC46946" i="1"/>
  <c r="AC46947" i="1"/>
  <c r="AC46948" i="1"/>
  <c r="AC46949" i="1"/>
  <c r="AC46950" i="1"/>
  <c r="AC46951" i="1"/>
  <c r="AD46951" i="1" s="1"/>
  <c r="AC46952" i="1"/>
  <c r="AC46953" i="1"/>
  <c r="AC46954" i="1"/>
  <c r="AC46955" i="1"/>
  <c r="AC46956" i="1"/>
  <c r="AC46957" i="1"/>
  <c r="AC46958" i="1"/>
  <c r="AC46959" i="1"/>
  <c r="AC46960" i="1"/>
  <c r="AC46961" i="1"/>
  <c r="AC46962" i="1"/>
  <c r="AC46963" i="1"/>
  <c r="AD46963" i="1" s="1"/>
  <c r="AC46964" i="1"/>
  <c r="AC46965" i="1"/>
  <c r="AC46966" i="1"/>
  <c r="AC46967" i="1"/>
  <c r="AC46968" i="1"/>
  <c r="AC46969" i="1"/>
  <c r="AC46970" i="1"/>
  <c r="AC46971" i="1"/>
  <c r="AC46972" i="1"/>
  <c r="AC46973" i="1"/>
  <c r="AC46974" i="1"/>
  <c r="AC46975" i="1"/>
  <c r="AD46975" i="1" s="1"/>
  <c r="AC46976" i="1"/>
  <c r="AC46977" i="1"/>
  <c r="AC46978" i="1"/>
  <c r="AC46979" i="1"/>
  <c r="AC46980" i="1"/>
  <c r="AC46981" i="1"/>
  <c r="AC46982" i="1"/>
  <c r="AC46983" i="1"/>
  <c r="AC46984" i="1"/>
  <c r="AC46985" i="1"/>
  <c r="AC46986" i="1"/>
  <c r="AC46987" i="1"/>
  <c r="AD46987" i="1" s="1"/>
  <c r="AC46988" i="1"/>
  <c r="AC46989" i="1"/>
  <c r="AC46990" i="1"/>
  <c r="AC46991" i="1"/>
  <c r="AC46992" i="1"/>
  <c r="AC46993" i="1"/>
  <c r="AC46994" i="1"/>
  <c r="AC46995" i="1"/>
  <c r="AC46996" i="1"/>
  <c r="AC46997" i="1"/>
  <c r="AC46998" i="1"/>
  <c r="AC46999" i="1"/>
  <c r="AD46999" i="1" s="1"/>
  <c r="AC47000" i="1"/>
  <c r="AC47001" i="1"/>
  <c r="AC47002" i="1"/>
  <c r="AC47003" i="1"/>
  <c r="AC47004" i="1"/>
  <c r="AC47005" i="1"/>
  <c r="AC47006" i="1"/>
  <c r="AC47007" i="1"/>
  <c r="AC47008" i="1"/>
  <c r="AC47009" i="1"/>
  <c r="AC47010" i="1"/>
  <c r="AC47011" i="1"/>
  <c r="AD47011" i="1" s="1"/>
  <c r="AC47012" i="1"/>
  <c r="AC47013" i="1"/>
  <c r="AC47014" i="1"/>
  <c r="AC47015" i="1"/>
  <c r="AC47016" i="1"/>
  <c r="AC47017" i="1"/>
  <c r="AC47018" i="1"/>
  <c r="AC47019" i="1"/>
  <c r="AC47020" i="1"/>
  <c r="AC47021" i="1"/>
  <c r="AC47022" i="1"/>
  <c r="AC47023" i="1"/>
  <c r="AD47023" i="1" s="1"/>
  <c r="AC47024" i="1"/>
  <c r="AC47025" i="1"/>
  <c r="AC47026" i="1"/>
  <c r="AC47027" i="1"/>
  <c r="AC47028" i="1"/>
  <c r="AC47029" i="1"/>
  <c r="AC47030" i="1"/>
  <c r="AC47031" i="1"/>
  <c r="AC47032" i="1"/>
  <c r="AC47033" i="1"/>
  <c r="AC47034" i="1"/>
  <c r="AC47035" i="1"/>
  <c r="AD47035" i="1" s="1"/>
  <c r="AC47036" i="1"/>
  <c r="AC47037" i="1"/>
  <c r="AC47038" i="1"/>
  <c r="AC47039" i="1"/>
  <c r="AC47040" i="1"/>
  <c r="AC47041" i="1"/>
  <c r="AC47042" i="1"/>
  <c r="AC47043" i="1"/>
  <c r="AC47044" i="1"/>
  <c r="AC47045" i="1"/>
  <c r="AC47046" i="1"/>
  <c r="AC47047" i="1"/>
  <c r="AD47047" i="1" s="1"/>
  <c r="AC47048" i="1"/>
  <c r="AC47049" i="1"/>
  <c r="AC47050" i="1"/>
  <c r="AC47051" i="1"/>
  <c r="AC47052" i="1"/>
  <c r="AC47053" i="1"/>
  <c r="AC47054" i="1"/>
  <c r="AC47055" i="1"/>
  <c r="AC47056" i="1"/>
  <c r="AC47057" i="1"/>
  <c r="AC47058" i="1"/>
  <c r="AC47059" i="1"/>
  <c r="AD47059" i="1" s="1"/>
  <c r="AC47060" i="1"/>
  <c r="AC47061" i="1"/>
  <c r="AC47062" i="1"/>
  <c r="AC47063" i="1"/>
  <c r="AC47064" i="1"/>
  <c r="AC47065" i="1"/>
  <c r="AC47066" i="1"/>
  <c r="AC47067" i="1"/>
  <c r="AC47068" i="1"/>
  <c r="AC47069" i="1"/>
  <c r="AC47070" i="1"/>
  <c r="AC47071" i="1"/>
  <c r="AD47071" i="1" s="1"/>
  <c r="AC47072" i="1"/>
  <c r="AC47073" i="1"/>
  <c r="AC47074" i="1"/>
  <c r="AC47075" i="1"/>
  <c r="AC47076" i="1"/>
  <c r="AC47077" i="1"/>
  <c r="AC47078" i="1"/>
  <c r="AC47079" i="1"/>
  <c r="AC47080" i="1"/>
  <c r="AC47081" i="1"/>
  <c r="AC47082" i="1"/>
  <c r="AC47083" i="1"/>
  <c r="AD47083" i="1" s="1"/>
  <c r="AC47084" i="1"/>
  <c r="AC47085" i="1"/>
  <c r="AC47086" i="1"/>
  <c r="AC47087" i="1"/>
  <c r="AC47088" i="1"/>
  <c r="AC47089" i="1"/>
  <c r="AC47090" i="1"/>
  <c r="AC47091" i="1"/>
  <c r="AC47092" i="1"/>
  <c r="AC47093" i="1"/>
  <c r="AC47094" i="1"/>
  <c r="AC47095" i="1"/>
  <c r="AD47095" i="1" s="1"/>
  <c r="AC47096" i="1"/>
  <c r="AC47097" i="1"/>
  <c r="AC47098" i="1"/>
  <c r="AC47099" i="1"/>
  <c r="AC47100" i="1"/>
  <c r="AC47101" i="1"/>
  <c r="AC47102" i="1"/>
  <c r="AC47103" i="1"/>
  <c r="AC47104" i="1"/>
  <c r="AC47105" i="1"/>
  <c r="AC47106" i="1"/>
  <c r="AC47107" i="1"/>
  <c r="AD47107" i="1" s="1"/>
  <c r="AC47108" i="1"/>
  <c r="AC47109" i="1"/>
  <c r="AC47110" i="1"/>
  <c r="AC47111" i="1"/>
  <c r="AC47112" i="1"/>
  <c r="AC47113" i="1"/>
  <c r="AC47114" i="1"/>
  <c r="AC47115" i="1"/>
  <c r="AC47116" i="1"/>
  <c r="AC47117" i="1"/>
  <c r="AC47118" i="1"/>
  <c r="AC47119" i="1"/>
  <c r="AD47119" i="1" s="1"/>
  <c r="AC47120" i="1"/>
  <c r="AC47121" i="1"/>
  <c r="AC47122" i="1"/>
  <c r="AC47123" i="1"/>
  <c r="AC47124" i="1"/>
  <c r="AC47125" i="1"/>
  <c r="AC47126" i="1"/>
  <c r="AC47127" i="1"/>
  <c r="AC47128" i="1"/>
  <c r="AC47129" i="1"/>
  <c r="AC47130" i="1"/>
  <c r="AC47131" i="1"/>
  <c r="AD47131" i="1" s="1"/>
  <c r="AC47132" i="1"/>
  <c r="AC47133" i="1"/>
  <c r="AC47134" i="1"/>
  <c r="AC47135" i="1"/>
  <c r="AC47136" i="1"/>
  <c r="AC47137" i="1"/>
  <c r="AC47138" i="1"/>
  <c r="AC47139" i="1"/>
  <c r="AC47140" i="1"/>
  <c r="AC47141" i="1"/>
  <c r="AC47142" i="1"/>
  <c r="AC47143" i="1"/>
  <c r="AD47143" i="1" s="1"/>
  <c r="AC47144" i="1"/>
  <c r="AC47145" i="1"/>
  <c r="AC47146" i="1"/>
  <c r="AC47147" i="1"/>
  <c r="AC47148" i="1"/>
  <c r="AC47149" i="1"/>
  <c r="AC47150" i="1"/>
  <c r="AC47151" i="1"/>
  <c r="AC47152" i="1"/>
  <c r="AC47153" i="1"/>
  <c r="AC47154" i="1"/>
  <c r="AC47155" i="1"/>
  <c r="AD47155" i="1" s="1"/>
  <c r="AC47156" i="1"/>
  <c r="AC47157" i="1"/>
  <c r="AC47158" i="1"/>
  <c r="AC47159" i="1"/>
  <c r="AC47160" i="1"/>
  <c r="AC47161" i="1"/>
  <c r="AC47162" i="1"/>
  <c r="AC47163" i="1"/>
  <c r="AC47164" i="1"/>
  <c r="AC47165" i="1"/>
  <c r="AC47166" i="1"/>
  <c r="AC47167" i="1"/>
  <c r="AD47167" i="1" s="1"/>
  <c r="AC47168" i="1"/>
  <c r="AC47169" i="1"/>
  <c r="AC47170" i="1"/>
  <c r="AC47171" i="1"/>
  <c r="AC47172" i="1"/>
  <c r="AC47173" i="1"/>
  <c r="AC47174" i="1"/>
  <c r="AC47175" i="1"/>
  <c r="AC47176" i="1"/>
  <c r="AC47177" i="1"/>
  <c r="AC47178" i="1"/>
  <c r="AC47179" i="1"/>
  <c r="AD47179" i="1" s="1"/>
  <c r="AC47180" i="1"/>
  <c r="AC47181" i="1"/>
  <c r="AC47182" i="1"/>
  <c r="AC47183" i="1"/>
  <c r="AC47184" i="1"/>
  <c r="AC47185" i="1"/>
  <c r="AC47186" i="1"/>
  <c r="AC47187" i="1"/>
  <c r="AC47188" i="1"/>
  <c r="AC47189" i="1"/>
  <c r="AC47190" i="1"/>
  <c r="AC47191" i="1"/>
  <c r="AD47191" i="1" s="1"/>
  <c r="AC47192" i="1"/>
  <c r="AC47193" i="1"/>
  <c r="AC47194" i="1"/>
  <c r="AC47195" i="1"/>
  <c r="AC47196" i="1"/>
  <c r="AC47197" i="1"/>
  <c r="AC47198" i="1"/>
  <c r="AC47199" i="1"/>
  <c r="AC47200" i="1"/>
  <c r="AC47201" i="1"/>
  <c r="AC47202" i="1"/>
  <c r="AC47203" i="1"/>
  <c r="AD47203" i="1" s="1"/>
  <c r="AC47204" i="1"/>
  <c r="AC47205" i="1"/>
  <c r="AC47206" i="1"/>
  <c r="AC47207" i="1"/>
  <c r="AC47208" i="1"/>
  <c r="AC47209" i="1"/>
  <c r="AC47210" i="1"/>
  <c r="AC47211" i="1"/>
  <c r="AC47212" i="1"/>
  <c r="AC47213" i="1"/>
  <c r="AC47214" i="1"/>
  <c r="AC47215" i="1"/>
  <c r="AD47215" i="1" s="1"/>
  <c r="AC47216" i="1"/>
  <c r="AC47217" i="1"/>
  <c r="AC47218" i="1"/>
  <c r="AC47219" i="1"/>
  <c r="AC47220" i="1"/>
  <c r="AC47221" i="1"/>
  <c r="AC47222" i="1"/>
  <c r="AC47223" i="1"/>
  <c r="AC47224" i="1"/>
  <c r="AC47225" i="1"/>
  <c r="AC47226" i="1"/>
  <c r="AC47227" i="1"/>
  <c r="AD47227" i="1" s="1"/>
  <c r="AC47228" i="1"/>
  <c r="AC47229" i="1"/>
  <c r="AC47230" i="1"/>
  <c r="AC47231" i="1"/>
  <c r="AC47232" i="1"/>
  <c r="AC47233" i="1"/>
  <c r="AC47234" i="1"/>
  <c r="AC47235" i="1"/>
  <c r="AC47236" i="1"/>
  <c r="AC47237" i="1"/>
  <c r="AC47238" i="1"/>
  <c r="AC47239" i="1"/>
  <c r="AD47239" i="1" s="1"/>
  <c r="AC47240" i="1"/>
  <c r="AC47241" i="1"/>
  <c r="AC47242" i="1"/>
  <c r="AC47243" i="1"/>
  <c r="AC47244" i="1"/>
  <c r="AC47245" i="1"/>
  <c r="AC47246" i="1"/>
  <c r="AC47247" i="1"/>
  <c r="AC47248" i="1"/>
  <c r="AC47249" i="1"/>
  <c r="AC47250" i="1"/>
  <c r="AC47251" i="1"/>
  <c r="AD47251" i="1" s="1"/>
  <c r="AC47252" i="1"/>
  <c r="AC47253" i="1"/>
  <c r="AC47254" i="1"/>
  <c r="AC47255" i="1"/>
  <c r="AC47256" i="1"/>
  <c r="AC47257" i="1"/>
  <c r="AC47258" i="1"/>
  <c r="AC47259" i="1"/>
  <c r="AC47260" i="1"/>
  <c r="AC47261" i="1"/>
  <c r="AC47262" i="1"/>
  <c r="AC47263" i="1"/>
  <c r="AD47263" i="1" s="1"/>
  <c r="AC47264" i="1"/>
  <c r="AC47265" i="1"/>
  <c r="AC47266" i="1"/>
  <c r="AC47267" i="1"/>
  <c r="AC47268" i="1"/>
  <c r="AC47269" i="1"/>
  <c r="AC47270" i="1"/>
  <c r="AC47271" i="1"/>
  <c r="AC47272" i="1"/>
  <c r="AC47273" i="1"/>
  <c r="AC47274" i="1"/>
  <c r="AC47275" i="1"/>
  <c r="AD47275" i="1" s="1"/>
  <c r="AC47276" i="1"/>
  <c r="AC47277" i="1"/>
  <c r="AC47278" i="1"/>
  <c r="AC47279" i="1"/>
  <c r="AC47280" i="1"/>
  <c r="AC47281" i="1"/>
  <c r="AC47282" i="1"/>
  <c r="AC47283" i="1"/>
  <c r="AC47284" i="1"/>
  <c r="AC47285" i="1"/>
  <c r="AC47286" i="1"/>
  <c r="AC47287" i="1"/>
  <c r="AD47287" i="1" s="1"/>
  <c r="AC47288" i="1"/>
  <c r="AC47289" i="1"/>
  <c r="AC47290" i="1"/>
  <c r="AC47291" i="1"/>
  <c r="AC47292" i="1"/>
  <c r="AC47293" i="1"/>
  <c r="AC47294" i="1"/>
  <c r="AC47295" i="1"/>
  <c r="AC47296" i="1"/>
  <c r="AC47297" i="1"/>
  <c r="AC47298" i="1"/>
  <c r="AC47299" i="1"/>
  <c r="AD47299" i="1" s="1"/>
  <c r="AC47300" i="1"/>
  <c r="AC47301" i="1"/>
  <c r="AC47302" i="1"/>
  <c r="AC47303" i="1"/>
  <c r="AC47304" i="1"/>
  <c r="AC47305" i="1"/>
  <c r="AC47306" i="1"/>
  <c r="AC47307" i="1"/>
  <c r="AC47308" i="1"/>
  <c r="AC47309" i="1"/>
  <c r="AC47310" i="1"/>
  <c r="AC47311" i="1"/>
  <c r="AD47311" i="1" s="1"/>
  <c r="AC47312" i="1"/>
  <c r="AC47313" i="1"/>
  <c r="AC47314" i="1"/>
  <c r="AC47315" i="1"/>
  <c r="AC47316" i="1"/>
  <c r="AC47317" i="1"/>
  <c r="AC47318" i="1"/>
  <c r="AC47319" i="1"/>
  <c r="AC47320" i="1"/>
  <c r="AC47321" i="1"/>
  <c r="AC47322" i="1"/>
  <c r="AC47323" i="1"/>
  <c r="AD47323" i="1" s="1"/>
  <c r="AC47324" i="1"/>
  <c r="AC47325" i="1"/>
  <c r="AC47326" i="1"/>
  <c r="AC47327" i="1"/>
  <c r="AC47328" i="1"/>
  <c r="AC47329" i="1"/>
  <c r="AC47330" i="1"/>
  <c r="AC47331" i="1"/>
  <c r="AC47332" i="1"/>
  <c r="AC47333" i="1"/>
  <c r="AC47334" i="1"/>
  <c r="AC47335" i="1"/>
  <c r="AD47335" i="1" s="1"/>
  <c r="AC47336" i="1"/>
  <c r="AC47337" i="1"/>
  <c r="AC47338" i="1"/>
  <c r="AC47339" i="1"/>
  <c r="AC47340" i="1"/>
  <c r="AC47341" i="1"/>
  <c r="AC47342" i="1"/>
  <c r="AC47343" i="1"/>
  <c r="AC47344" i="1"/>
  <c r="AC47345" i="1"/>
  <c r="AC47346" i="1"/>
  <c r="AC47347" i="1"/>
  <c r="AD47347" i="1" s="1"/>
  <c r="AC47348" i="1"/>
  <c r="AC47349" i="1"/>
  <c r="AC47350" i="1"/>
  <c r="AC47351" i="1"/>
  <c r="AC47352" i="1"/>
  <c r="AC47353" i="1"/>
  <c r="AC47354" i="1"/>
  <c r="AC47355" i="1"/>
  <c r="AC47356" i="1"/>
  <c r="AC47357" i="1"/>
  <c r="AC47358" i="1"/>
  <c r="AC47359" i="1"/>
  <c r="AD47359" i="1" s="1"/>
  <c r="AC47360" i="1"/>
  <c r="AC47361" i="1"/>
  <c r="AC47362" i="1"/>
  <c r="AC47363" i="1"/>
  <c r="AC47364" i="1"/>
  <c r="AC47365" i="1"/>
  <c r="AC47366" i="1"/>
  <c r="AC47367" i="1"/>
  <c r="AC47368" i="1"/>
  <c r="AC47369" i="1"/>
  <c r="AC47370" i="1"/>
  <c r="AC47371" i="1"/>
  <c r="AD47371" i="1" s="1"/>
  <c r="AC47372" i="1"/>
  <c r="AC47373" i="1"/>
  <c r="AC47374" i="1"/>
  <c r="AC47375" i="1"/>
  <c r="AC47376" i="1"/>
  <c r="AC47377" i="1"/>
  <c r="AC47378" i="1"/>
  <c r="AC47379" i="1"/>
  <c r="AC47380" i="1"/>
  <c r="AC47381" i="1"/>
  <c r="AC47382" i="1"/>
  <c r="AC47383" i="1"/>
  <c r="AD47383" i="1" s="1"/>
  <c r="AC47384" i="1"/>
  <c r="AC47385" i="1"/>
  <c r="AC47386" i="1"/>
  <c r="AC47387" i="1"/>
  <c r="AC47388" i="1"/>
  <c r="AC47389" i="1"/>
  <c r="AC47390" i="1"/>
  <c r="AC47391" i="1"/>
  <c r="AC47392" i="1"/>
  <c r="AC47393" i="1"/>
  <c r="AC47394" i="1"/>
  <c r="AC47395" i="1"/>
  <c r="AD47395" i="1" s="1"/>
  <c r="AC47396" i="1"/>
  <c r="AC47397" i="1"/>
  <c r="AC47398" i="1"/>
  <c r="AC47399" i="1"/>
  <c r="AC47400" i="1"/>
  <c r="AC47401" i="1"/>
  <c r="AC47402" i="1"/>
  <c r="AC47403" i="1"/>
  <c r="AC47404" i="1"/>
  <c r="AC47405" i="1"/>
  <c r="AC47406" i="1"/>
  <c r="AC47407" i="1"/>
  <c r="AD47407" i="1" s="1"/>
  <c r="AC47408" i="1"/>
  <c r="AC47409" i="1"/>
  <c r="AC47410" i="1"/>
  <c r="AC47411" i="1"/>
  <c r="AC47412" i="1"/>
  <c r="AC47413" i="1"/>
  <c r="AC47414" i="1"/>
  <c r="AC47415" i="1"/>
  <c r="AC47416" i="1"/>
  <c r="AC47417" i="1"/>
  <c r="AC47418" i="1"/>
  <c r="AC47419" i="1"/>
  <c r="AD47419" i="1" s="1"/>
  <c r="AC47420" i="1"/>
  <c r="AC47421" i="1"/>
  <c r="AC47422" i="1"/>
  <c r="AC47423" i="1"/>
  <c r="AC47424" i="1"/>
  <c r="AC47425" i="1"/>
  <c r="AC47426" i="1"/>
  <c r="AC47427" i="1"/>
  <c r="AC47428" i="1"/>
  <c r="AC47429" i="1"/>
  <c r="AC47430" i="1"/>
  <c r="AC47431" i="1"/>
  <c r="AD47431" i="1" s="1"/>
  <c r="AC47432" i="1"/>
  <c r="AC47433" i="1"/>
  <c r="AC47434" i="1"/>
  <c r="AC47435" i="1"/>
  <c r="AC47436" i="1"/>
  <c r="AC47437" i="1"/>
  <c r="AC47438" i="1"/>
  <c r="AC47439" i="1"/>
  <c r="AC47440" i="1"/>
  <c r="AC47441" i="1"/>
  <c r="AC47442" i="1"/>
  <c r="AC47443" i="1"/>
  <c r="AD47443" i="1" s="1"/>
  <c r="AC47444" i="1"/>
  <c r="AC47445" i="1"/>
  <c r="AC47446" i="1"/>
  <c r="AC47447" i="1"/>
  <c r="AC47448" i="1"/>
  <c r="AC47449" i="1"/>
  <c r="AC47450" i="1"/>
  <c r="AC47451" i="1"/>
  <c r="AC47452" i="1"/>
  <c r="AC47453" i="1"/>
  <c r="AC47454" i="1"/>
  <c r="AC47455" i="1"/>
  <c r="AD47455" i="1" s="1"/>
  <c r="AC47456" i="1"/>
  <c r="AC47457" i="1"/>
  <c r="AC47458" i="1"/>
  <c r="AC47459" i="1"/>
  <c r="AC47460" i="1"/>
  <c r="AC47461" i="1"/>
  <c r="AC47462" i="1"/>
  <c r="AC47463" i="1"/>
  <c r="AC47464" i="1"/>
  <c r="AC47465" i="1"/>
  <c r="AC47466" i="1"/>
  <c r="AC47467" i="1"/>
  <c r="AD47467" i="1" s="1"/>
  <c r="AC47468" i="1"/>
  <c r="AC47469" i="1"/>
  <c r="AC47470" i="1"/>
  <c r="AC47471" i="1"/>
  <c r="AC47472" i="1"/>
  <c r="AC47473" i="1"/>
  <c r="AC47474" i="1"/>
  <c r="AC47475" i="1"/>
  <c r="AC47476" i="1"/>
  <c r="AC47477" i="1"/>
  <c r="AC47478" i="1"/>
  <c r="AC47479" i="1"/>
  <c r="AD47479" i="1" s="1"/>
  <c r="AC47480" i="1"/>
  <c r="AC47481" i="1"/>
  <c r="AC47482" i="1"/>
  <c r="AC47483" i="1"/>
  <c r="AC47484" i="1"/>
  <c r="AC47485" i="1"/>
  <c r="AC47486" i="1"/>
  <c r="AC47487" i="1"/>
  <c r="AC47488" i="1"/>
  <c r="AC47489" i="1"/>
  <c r="AC47490" i="1"/>
  <c r="AC47491" i="1"/>
  <c r="AD47491" i="1" s="1"/>
  <c r="AC47492" i="1"/>
  <c r="AC47493" i="1"/>
  <c r="AC47494" i="1"/>
  <c r="AC47495" i="1"/>
  <c r="AC47496" i="1"/>
  <c r="AC47497" i="1"/>
  <c r="AC47498" i="1"/>
  <c r="AC47499" i="1"/>
  <c r="AC47500" i="1"/>
  <c r="AC47501" i="1"/>
  <c r="AC47502" i="1"/>
  <c r="AC47503" i="1"/>
  <c r="AD47503" i="1" s="1"/>
  <c r="AC47504" i="1"/>
  <c r="AC47505" i="1"/>
  <c r="AC47506" i="1"/>
  <c r="AC47507" i="1"/>
  <c r="AC47508" i="1"/>
  <c r="AC47509" i="1"/>
  <c r="AC47510" i="1"/>
  <c r="AC47511" i="1"/>
  <c r="AC47512" i="1"/>
  <c r="AC47513" i="1"/>
  <c r="AC47514" i="1"/>
  <c r="AC47515" i="1"/>
  <c r="AD47515" i="1" s="1"/>
  <c r="AC47516" i="1"/>
  <c r="AC47517" i="1"/>
  <c r="AC47518" i="1"/>
  <c r="AC47519" i="1"/>
  <c r="AC47520" i="1"/>
  <c r="AC47521" i="1"/>
  <c r="AC47522" i="1"/>
  <c r="AC47523" i="1"/>
  <c r="AC47524" i="1"/>
  <c r="AC47525" i="1"/>
  <c r="AC47526" i="1"/>
  <c r="AC47527" i="1"/>
  <c r="AD47527" i="1" s="1"/>
  <c r="AC47528" i="1"/>
  <c r="AC47529" i="1"/>
  <c r="AC47530" i="1"/>
  <c r="AC47531" i="1"/>
  <c r="AC47532" i="1"/>
  <c r="AC47533" i="1"/>
  <c r="AC47534" i="1"/>
  <c r="AC47535" i="1"/>
  <c r="AC47536" i="1"/>
  <c r="AC47537" i="1"/>
  <c r="AC47538" i="1"/>
  <c r="AC47539" i="1"/>
  <c r="AD47539" i="1" s="1"/>
  <c r="AC47540" i="1"/>
  <c r="AC47541" i="1"/>
  <c r="AC47542" i="1"/>
  <c r="AC47543" i="1"/>
  <c r="AC47544" i="1"/>
  <c r="AC47545" i="1"/>
  <c r="AC47546" i="1"/>
  <c r="AC47547" i="1"/>
  <c r="AC47548" i="1"/>
  <c r="AC47549" i="1"/>
  <c r="AC47550" i="1"/>
  <c r="AC47551" i="1"/>
  <c r="AD47551" i="1" s="1"/>
  <c r="AC47552" i="1"/>
  <c r="AC47553" i="1"/>
  <c r="AC47554" i="1"/>
  <c r="AC47555" i="1"/>
  <c r="AC47556" i="1"/>
  <c r="AC47557" i="1"/>
  <c r="AC47558" i="1"/>
  <c r="AC47559" i="1"/>
  <c r="AC47560" i="1"/>
  <c r="AC47561" i="1"/>
  <c r="AC47562" i="1"/>
  <c r="AC47563" i="1"/>
  <c r="AD47563" i="1" s="1"/>
  <c r="AC47564" i="1"/>
  <c r="AC47565" i="1"/>
  <c r="AC47566" i="1"/>
  <c r="AC47567" i="1"/>
  <c r="AC47568" i="1"/>
  <c r="AC47569" i="1"/>
  <c r="AC47570" i="1"/>
  <c r="AC47571" i="1"/>
  <c r="AC47572" i="1"/>
  <c r="AC47573" i="1"/>
  <c r="AC47574" i="1"/>
  <c r="AC47575" i="1"/>
  <c r="AD47575" i="1" s="1"/>
  <c r="AC47576" i="1"/>
  <c r="AC47577" i="1"/>
  <c r="AC47578" i="1"/>
  <c r="AC47579" i="1"/>
  <c r="AC47580" i="1"/>
  <c r="AC47581" i="1"/>
  <c r="AC47582" i="1"/>
  <c r="AC47583" i="1"/>
  <c r="AC47584" i="1"/>
  <c r="AC47585" i="1"/>
  <c r="AC47586" i="1"/>
  <c r="AC47587" i="1"/>
  <c r="AD47587" i="1" s="1"/>
  <c r="AC47588" i="1"/>
  <c r="AC47589" i="1"/>
  <c r="AC47590" i="1"/>
  <c r="AC47591" i="1"/>
  <c r="AC47592" i="1"/>
  <c r="AC47593" i="1"/>
  <c r="AC47594" i="1"/>
  <c r="AC47595" i="1"/>
  <c r="AC47596" i="1"/>
  <c r="AC47597" i="1"/>
  <c r="AC47598" i="1"/>
  <c r="AC47599" i="1"/>
  <c r="AD47599" i="1" s="1"/>
  <c r="AC47600" i="1"/>
  <c r="AC47601" i="1"/>
  <c r="AC47602" i="1"/>
  <c r="AC47603" i="1"/>
  <c r="AC47604" i="1"/>
  <c r="AC47605" i="1"/>
  <c r="AC47606" i="1"/>
  <c r="AC47607" i="1"/>
  <c r="AC47608" i="1"/>
  <c r="AC47609" i="1"/>
  <c r="AC47610" i="1"/>
  <c r="AC47611" i="1"/>
  <c r="AD47611" i="1" s="1"/>
  <c r="AC47612" i="1"/>
  <c r="AC47613" i="1"/>
  <c r="AC47614" i="1"/>
  <c r="AC47615" i="1"/>
  <c r="AC47616" i="1"/>
  <c r="AC47617" i="1"/>
  <c r="AC47618" i="1"/>
  <c r="AC47619" i="1"/>
  <c r="AC47620" i="1"/>
  <c r="AC47621" i="1"/>
  <c r="AC47622" i="1"/>
  <c r="AC47623" i="1"/>
  <c r="AD47623" i="1" s="1"/>
  <c r="AC47624" i="1"/>
  <c r="AC47625" i="1"/>
  <c r="AC47626" i="1"/>
  <c r="AC47627" i="1"/>
  <c r="AC47628" i="1"/>
  <c r="AC47629" i="1"/>
  <c r="AC47630" i="1"/>
  <c r="AC47631" i="1"/>
  <c r="AC47632" i="1"/>
  <c r="AC47633" i="1"/>
  <c r="AC47634" i="1"/>
  <c r="AC47635" i="1"/>
  <c r="AD47635" i="1" s="1"/>
  <c r="AC47636" i="1"/>
  <c r="AC47637" i="1"/>
  <c r="AC47638" i="1"/>
  <c r="AC47639" i="1"/>
  <c r="AC47640" i="1"/>
  <c r="AC47641" i="1"/>
  <c r="AC47642" i="1"/>
  <c r="AC47643" i="1"/>
  <c r="AC47644" i="1"/>
  <c r="AC47645" i="1"/>
  <c r="AC47646" i="1"/>
  <c r="AC47647" i="1"/>
  <c r="AD47647" i="1" s="1"/>
  <c r="AC47648" i="1"/>
  <c r="AC47649" i="1"/>
  <c r="AC47650" i="1"/>
  <c r="AC47651" i="1"/>
  <c r="AC47652" i="1"/>
  <c r="AC47653" i="1"/>
  <c r="AC47654" i="1"/>
  <c r="AC47655" i="1"/>
  <c r="AC47656" i="1"/>
  <c r="AC47657" i="1"/>
  <c r="AC47658" i="1"/>
  <c r="AC47659" i="1"/>
  <c r="AD47659" i="1" s="1"/>
  <c r="AC47660" i="1"/>
  <c r="AC47661" i="1"/>
  <c r="AC47662" i="1"/>
  <c r="AC47663" i="1"/>
  <c r="AC47664" i="1"/>
  <c r="AC47665" i="1"/>
  <c r="AC47666" i="1"/>
  <c r="AC47667" i="1"/>
  <c r="AC47668" i="1"/>
  <c r="AC47669" i="1"/>
  <c r="AC47670" i="1"/>
  <c r="AC47671" i="1"/>
  <c r="AD47671" i="1" s="1"/>
  <c r="AC47672" i="1"/>
  <c r="AC47673" i="1"/>
  <c r="AC47674" i="1"/>
  <c r="AC47675" i="1"/>
  <c r="AC47676" i="1"/>
  <c r="AC47677" i="1"/>
  <c r="AC47678" i="1"/>
  <c r="AC47679" i="1"/>
  <c r="AC47680" i="1"/>
  <c r="AC47681" i="1"/>
  <c r="AC47682" i="1"/>
  <c r="AC47683" i="1"/>
  <c r="AD47683" i="1" s="1"/>
  <c r="AC47684" i="1"/>
  <c r="AC47685" i="1"/>
  <c r="AC47686" i="1"/>
  <c r="AC47687" i="1"/>
  <c r="AC47688" i="1"/>
  <c r="AC47689" i="1"/>
  <c r="AC47690" i="1"/>
  <c r="AC47691" i="1"/>
  <c r="AC47692" i="1"/>
  <c r="AC47693" i="1"/>
  <c r="AC47694" i="1"/>
  <c r="AC47695" i="1"/>
  <c r="AD47695" i="1" s="1"/>
  <c r="AC47696" i="1"/>
  <c r="AC47697" i="1"/>
  <c r="AC47698" i="1"/>
  <c r="AC47699" i="1"/>
  <c r="AC47700" i="1"/>
  <c r="AC47701" i="1"/>
  <c r="AC47702" i="1"/>
  <c r="AC47703" i="1"/>
  <c r="AC47704" i="1"/>
  <c r="AC47705" i="1"/>
  <c r="AC47706" i="1"/>
  <c r="AC47707" i="1"/>
  <c r="AD47707" i="1" s="1"/>
  <c r="AC47708" i="1"/>
  <c r="AC47709" i="1"/>
  <c r="AC47710" i="1"/>
  <c r="AC47711" i="1"/>
  <c r="AC47712" i="1"/>
  <c r="AC47713" i="1"/>
  <c r="AC47714" i="1"/>
  <c r="AC47715" i="1"/>
  <c r="AC47716" i="1"/>
  <c r="AC47717" i="1"/>
  <c r="AC47718" i="1"/>
  <c r="AC47719" i="1"/>
  <c r="AD47719" i="1" s="1"/>
  <c r="AC47720" i="1"/>
  <c r="AC47721" i="1"/>
  <c r="AC47722" i="1"/>
  <c r="AC47723" i="1"/>
  <c r="AC47724" i="1"/>
  <c r="AC47725" i="1"/>
  <c r="AC47726" i="1"/>
  <c r="AC47727" i="1"/>
  <c r="AC47728" i="1"/>
  <c r="AC47729" i="1"/>
  <c r="AC47730" i="1"/>
  <c r="AC47731" i="1"/>
  <c r="AD47731" i="1" s="1"/>
  <c r="AC47732" i="1"/>
  <c r="AC47733" i="1"/>
  <c r="AC47734" i="1"/>
  <c r="AC47735" i="1"/>
  <c r="AC47736" i="1"/>
  <c r="AC47737" i="1"/>
  <c r="AC47738" i="1"/>
  <c r="AC47739" i="1"/>
  <c r="AC47740" i="1"/>
  <c r="AC47741" i="1"/>
  <c r="AC47742" i="1"/>
  <c r="AC47743" i="1"/>
  <c r="AD47743" i="1" s="1"/>
  <c r="AC47744" i="1"/>
  <c r="AC47745" i="1"/>
  <c r="AC47746" i="1"/>
  <c r="AC47747" i="1"/>
  <c r="AC47748" i="1"/>
  <c r="AC47749" i="1"/>
  <c r="AC47750" i="1"/>
  <c r="AC47751" i="1"/>
  <c r="AC47752" i="1"/>
  <c r="AC47753" i="1"/>
  <c r="AC47754" i="1"/>
  <c r="AC47755" i="1"/>
  <c r="AD47755" i="1" s="1"/>
  <c r="AC47756" i="1"/>
  <c r="AC47757" i="1"/>
  <c r="AC47758" i="1"/>
  <c r="AC47759" i="1"/>
  <c r="AC47760" i="1"/>
  <c r="AC47761" i="1"/>
  <c r="AC47762" i="1"/>
  <c r="AC47763" i="1"/>
  <c r="AC47764" i="1"/>
  <c r="AC47765" i="1"/>
  <c r="AC47766" i="1"/>
  <c r="AC47767" i="1"/>
  <c r="AD47767" i="1" s="1"/>
  <c r="AC47768" i="1"/>
  <c r="AC47769" i="1"/>
  <c r="AC47770" i="1"/>
  <c r="AC47771" i="1"/>
  <c r="AC47772" i="1"/>
  <c r="AC47773" i="1"/>
  <c r="AC47774" i="1"/>
  <c r="AC47775" i="1"/>
  <c r="AC47776" i="1"/>
  <c r="AC47777" i="1"/>
  <c r="AC47778" i="1"/>
  <c r="AC47779" i="1"/>
  <c r="AD47779" i="1" s="1"/>
  <c r="AC47780" i="1"/>
  <c r="AC47781" i="1"/>
  <c r="AC47782" i="1"/>
  <c r="AC47783" i="1"/>
  <c r="AC47784" i="1"/>
  <c r="AC47785" i="1"/>
  <c r="AC47786" i="1"/>
  <c r="AC47787" i="1"/>
  <c r="AC47788" i="1"/>
  <c r="AC47789" i="1"/>
  <c r="AC47790" i="1"/>
  <c r="AC47791" i="1"/>
  <c r="AD47791" i="1" s="1"/>
  <c r="AC47792" i="1"/>
  <c r="AC47793" i="1"/>
  <c r="AC47794" i="1"/>
  <c r="AC47795" i="1"/>
  <c r="AC47796" i="1"/>
  <c r="AC47797" i="1"/>
  <c r="AC47798" i="1"/>
  <c r="AC47799" i="1"/>
  <c r="AC47800" i="1"/>
  <c r="AC47801" i="1"/>
  <c r="AC47802" i="1"/>
  <c r="AC47803" i="1"/>
  <c r="AD47803" i="1" s="1"/>
  <c r="AC47804" i="1"/>
  <c r="AC47805" i="1"/>
  <c r="AC47806" i="1"/>
  <c r="AC47807" i="1"/>
  <c r="AC47808" i="1"/>
  <c r="AC47809" i="1"/>
  <c r="AC47810" i="1"/>
  <c r="AC47811" i="1"/>
  <c r="AC47812" i="1"/>
  <c r="AC47813" i="1"/>
  <c r="AC47814" i="1"/>
  <c r="AC47815" i="1"/>
  <c r="AD47815" i="1" s="1"/>
  <c r="AC47816" i="1"/>
  <c r="AC47817" i="1"/>
  <c r="AC47818" i="1"/>
  <c r="AC47819" i="1"/>
  <c r="AC47820" i="1"/>
  <c r="AC47821" i="1"/>
  <c r="AC47822" i="1"/>
  <c r="AC47823" i="1"/>
  <c r="AC47824" i="1"/>
  <c r="AC47825" i="1"/>
  <c r="AC47826" i="1"/>
  <c r="AC47827" i="1"/>
  <c r="AD47827" i="1" s="1"/>
  <c r="AC47828" i="1"/>
  <c r="AC47829" i="1"/>
  <c r="AC47830" i="1"/>
  <c r="AC47831" i="1"/>
  <c r="AC47832" i="1"/>
  <c r="AC47833" i="1"/>
  <c r="AC47834" i="1"/>
  <c r="AC47835" i="1"/>
  <c r="AC47836" i="1"/>
  <c r="AC47837" i="1"/>
  <c r="AC47838" i="1"/>
  <c r="AC47839" i="1"/>
  <c r="AD47839" i="1" s="1"/>
  <c r="AC47840" i="1"/>
  <c r="AC47841" i="1"/>
  <c r="AC47842" i="1"/>
  <c r="AC47843" i="1"/>
  <c r="AC47844" i="1"/>
  <c r="AC47845" i="1"/>
  <c r="AC47846" i="1"/>
  <c r="AC47847" i="1"/>
  <c r="AC47848" i="1"/>
  <c r="AC47849" i="1"/>
  <c r="AC47850" i="1"/>
  <c r="AC47851" i="1"/>
  <c r="AD47851" i="1" s="1"/>
  <c r="AC47852" i="1"/>
  <c r="AC47853" i="1"/>
  <c r="AC47854" i="1"/>
  <c r="AC47855" i="1"/>
  <c r="AC47856" i="1"/>
  <c r="AC47857" i="1"/>
  <c r="AC47858" i="1"/>
  <c r="AC47859" i="1"/>
  <c r="AC47860" i="1"/>
  <c r="AC47861" i="1"/>
  <c r="AC47862" i="1"/>
  <c r="AC47863" i="1"/>
  <c r="AD47863" i="1" s="1"/>
  <c r="AC47864" i="1"/>
  <c r="AC47865" i="1"/>
  <c r="AC47866" i="1"/>
  <c r="AC47867" i="1"/>
  <c r="AC47868" i="1"/>
  <c r="AC47869" i="1"/>
  <c r="AC47870" i="1"/>
  <c r="AC47871" i="1"/>
  <c r="AC47872" i="1"/>
  <c r="AC47873" i="1"/>
  <c r="AC47874" i="1"/>
  <c r="AC47875" i="1"/>
  <c r="AD47875" i="1" s="1"/>
  <c r="AC47876" i="1"/>
  <c r="AC47877" i="1"/>
  <c r="AC47878" i="1"/>
  <c r="AC47879" i="1"/>
  <c r="AC47880" i="1"/>
  <c r="AC47881" i="1"/>
  <c r="AC47882" i="1"/>
  <c r="AC47883" i="1"/>
  <c r="AC47884" i="1"/>
  <c r="AC47885" i="1"/>
  <c r="AC47886" i="1"/>
  <c r="AC47887" i="1"/>
  <c r="AD47887" i="1" s="1"/>
  <c r="AC47888" i="1"/>
  <c r="AC47889" i="1"/>
  <c r="AC47890" i="1"/>
  <c r="AC47891" i="1"/>
  <c r="AC47892" i="1"/>
  <c r="AC47893" i="1"/>
  <c r="AC47894" i="1"/>
  <c r="AC47895" i="1"/>
  <c r="AC47896" i="1"/>
  <c r="AC47897" i="1"/>
  <c r="AC47898" i="1"/>
  <c r="AC47899" i="1"/>
  <c r="AD47899" i="1" s="1"/>
  <c r="AC47900" i="1"/>
  <c r="AC47901" i="1"/>
  <c r="AC47902" i="1"/>
  <c r="AC47903" i="1"/>
  <c r="AC47904" i="1"/>
  <c r="AC47905" i="1"/>
  <c r="AC47906" i="1"/>
  <c r="AC47907" i="1"/>
  <c r="AC47908" i="1"/>
  <c r="AC47909" i="1"/>
  <c r="AC47910" i="1"/>
  <c r="AC47911" i="1"/>
  <c r="AD47911" i="1" s="1"/>
  <c r="AC47912" i="1"/>
  <c r="AC47913" i="1"/>
  <c r="AC47914" i="1"/>
  <c r="AC47915" i="1"/>
  <c r="AC47916" i="1"/>
  <c r="AC47917" i="1"/>
  <c r="AC47918" i="1"/>
  <c r="AC47919" i="1"/>
  <c r="AC47920" i="1"/>
  <c r="AC47921" i="1"/>
  <c r="AC47922" i="1"/>
  <c r="AC47923" i="1"/>
  <c r="AD47923" i="1" s="1"/>
  <c r="AC47924" i="1"/>
  <c r="AC47925" i="1"/>
  <c r="AC47926" i="1"/>
  <c r="AC47927" i="1"/>
  <c r="AC47928" i="1"/>
  <c r="AC47929" i="1"/>
  <c r="AC47930" i="1"/>
  <c r="AC47931" i="1"/>
  <c r="AC47932" i="1"/>
  <c r="AC47933" i="1"/>
  <c r="AC47934" i="1"/>
  <c r="AC47935" i="1"/>
  <c r="AD47935" i="1" s="1"/>
  <c r="AC47936" i="1"/>
  <c r="AC47937" i="1"/>
  <c r="AC47938" i="1"/>
  <c r="AC47939" i="1"/>
  <c r="AC47940" i="1"/>
  <c r="AC47941" i="1"/>
  <c r="AC47942" i="1"/>
  <c r="AC47943" i="1"/>
  <c r="AC47944" i="1"/>
  <c r="AC47945" i="1"/>
  <c r="AC47946" i="1"/>
  <c r="AC47947" i="1"/>
  <c r="AD47947" i="1" s="1"/>
  <c r="AC47948" i="1"/>
  <c r="AC47949" i="1"/>
  <c r="AC47950" i="1"/>
  <c r="AC47951" i="1"/>
  <c r="AC47952" i="1"/>
  <c r="AC47953" i="1"/>
  <c r="AC47954" i="1"/>
  <c r="AC47955" i="1"/>
  <c r="AC47956" i="1"/>
  <c r="AC47957" i="1"/>
  <c r="AC47958" i="1"/>
  <c r="AC47959" i="1"/>
  <c r="AD47959" i="1" s="1"/>
  <c r="AC47960" i="1"/>
  <c r="AC47961" i="1"/>
  <c r="AC47962" i="1"/>
  <c r="AC47963" i="1"/>
  <c r="AC47964" i="1"/>
  <c r="AC47965" i="1"/>
  <c r="AC47966" i="1"/>
  <c r="AC47967" i="1"/>
  <c r="AC47968" i="1"/>
  <c r="AC47969" i="1"/>
  <c r="AC47970" i="1"/>
  <c r="AC47971" i="1"/>
  <c r="AD47971" i="1" s="1"/>
  <c r="AC47972" i="1"/>
  <c r="AC47973" i="1"/>
  <c r="AC47974" i="1"/>
  <c r="AC47975" i="1"/>
  <c r="AC47976" i="1"/>
  <c r="AC47977" i="1"/>
  <c r="AC47978" i="1"/>
  <c r="AC47979" i="1"/>
  <c r="AC47980" i="1"/>
  <c r="AC47981" i="1"/>
  <c r="AC47982" i="1"/>
  <c r="AC47983" i="1"/>
  <c r="AD47983" i="1" s="1"/>
  <c r="AC47984" i="1"/>
  <c r="AC47985" i="1"/>
  <c r="AC47986" i="1"/>
  <c r="AC47987" i="1"/>
  <c r="AC47988" i="1"/>
  <c r="AC47989" i="1"/>
  <c r="AC47990" i="1"/>
  <c r="AC47991" i="1"/>
  <c r="AC47992" i="1"/>
  <c r="AC47993" i="1"/>
  <c r="AC47994" i="1"/>
  <c r="AC47995" i="1"/>
  <c r="AD47995" i="1" s="1"/>
  <c r="AC47996" i="1"/>
  <c r="AC47997" i="1"/>
  <c r="AC47998" i="1"/>
  <c r="AC47999" i="1"/>
  <c r="AC48000" i="1"/>
  <c r="AC48001" i="1"/>
  <c r="AC48002" i="1"/>
  <c r="AC48003" i="1"/>
  <c r="AC48004" i="1"/>
  <c r="AC48005" i="1"/>
  <c r="AC48006" i="1"/>
  <c r="AC48007" i="1"/>
  <c r="AD48007" i="1" s="1"/>
  <c r="AC48008" i="1"/>
  <c r="AC48009" i="1"/>
  <c r="AC48010" i="1"/>
  <c r="AC48011" i="1"/>
  <c r="AC48012" i="1"/>
  <c r="AC48013" i="1"/>
  <c r="AC48014" i="1"/>
  <c r="AC48015" i="1"/>
  <c r="AC48016" i="1"/>
  <c r="AC48017" i="1"/>
  <c r="AC48018" i="1"/>
  <c r="AC48019" i="1"/>
  <c r="AD48019" i="1" s="1"/>
  <c r="AC48020" i="1"/>
  <c r="AC48021" i="1"/>
  <c r="AC48022" i="1"/>
  <c r="AC48023" i="1"/>
  <c r="AC48024" i="1"/>
  <c r="AC48025" i="1"/>
  <c r="AC48026" i="1"/>
  <c r="AC48027" i="1"/>
  <c r="AC48028" i="1"/>
  <c r="AC48029" i="1"/>
  <c r="AC48030" i="1"/>
  <c r="AC48031" i="1"/>
  <c r="AD48031" i="1" s="1"/>
  <c r="AC48032" i="1"/>
  <c r="AC48033" i="1"/>
  <c r="AC48034" i="1"/>
  <c r="AC48035" i="1"/>
  <c r="AC48036" i="1"/>
  <c r="AC48037" i="1"/>
  <c r="AC48038" i="1"/>
  <c r="AC48039" i="1"/>
  <c r="AC48040" i="1"/>
  <c r="AC48041" i="1"/>
  <c r="AC48042" i="1"/>
  <c r="AC48043" i="1"/>
  <c r="AD48043" i="1" s="1"/>
  <c r="AC48044" i="1"/>
  <c r="AC48045" i="1"/>
  <c r="AC48046" i="1"/>
  <c r="AC48047" i="1"/>
  <c r="AC48048" i="1"/>
  <c r="AC48049" i="1"/>
  <c r="AC48050" i="1"/>
  <c r="AC48051" i="1"/>
  <c r="AC48052" i="1"/>
  <c r="AC48053" i="1"/>
  <c r="AC48054" i="1"/>
  <c r="AC48055" i="1"/>
  <c r="AD48055" i="1" s="1"/>
  <c r="AC48056" i="1"/>
  <c r="AC48057" i="1"/>
  <c r="AC48058" i="1"/>
  <c r="AC48059" i="1"/>
  <c r="AC48060" i="1"/>
  <c r="AC48061" i="1"/>
  <c r="AC48062" i="1"/>
  <c r="AC48063" i="1"/>
  <c r="AC48064" i="1"/>
  <c r="AC48065" i="1"/>
  <c r="AC48066" i="1"/>
  <c r="AC48067" i="1"/>
  <c r="AD48067" i="1" s="1"/>
  <c r="AC48068" i="1"/>
  <c r="AC48069" i="1"/>
  <c r="AC48070" i="1"/>
  <c r="AC48071" i="1"/>
  <c r="AC48072" i="1"/>
  <c r="AC48073" i="1"/>
  <c r="AC48074" i="1"/>
  <c r="AC48075" i="1"/>
  <c r="AC48076" i="1"/>
  <c r="AC48077" i="1"/>
  <c r="AC48078" i="1"/>
  <c r="AC48079" i="1"/>
  <c r="AD48079" i="1" s="1"/>
  <c r="AC48080" i="1"/>
  <c r="AC48081" i="1"/>
  <c r="AC48082" i="1"/>
  <c r="AC48083" i="1"/>
  <c r="AC48084" i="1"/>
  <c r="AC48085" i="1"/>
  <c r="AC48086" i="1"/>
  <c r="AC48087" i="1"/>
  <c r="AC48088" i="1"/>
  <c r="AC48089" i="1"/>
  <c r="AC48090" i="1"/>
  <c r="AC48091" i="1"/>
  <c r="AD48091" i="1" s="1"/>
  <c r="AC48092" i="1"/>
  <c r="AC48093" i="1"/>
  <c r="AC48094" i="1"/>
  <c r="AC48095" i="1"/>
  <c r="AC48096" i="1"/>
  <c r="AC48097" i="1"/>
  <c r="AC48098" i="1"/>
  <c r="AC48099" i="1"/>
  <c r="AC48100" i="1"/>
  <c r="AC48101" i="1"/>
  <c r="AC48102" i="1"/>
  <c r="AC48103" i="1"/>
  <c r="AD48103" i="1" s="1"/>
  <c r="AC48104" i="1"/>
  <c r="AC48105" i="1"/>
  <c r="AC48106" i="1"/>
  <c r="AC48107" i="1"/>
  <c r="AC48108" i="1"/>
  <c r="AC48109" i="1"/>
  <c r="AC48110" i="1"/>
  <c r="AC48111" i="1"/>
  <c r="AC48112" i="1"/>
  <c r="AC48113" i="1"/>
  <c r="AC48114" i="1"/>
  <c r="AC48115" i="1"/>
  <c r="AD48115" i="1" s="1"/>
  <c r="AC48116" i="1"/>
  <c r="AC48117" i="1"/>
  <c r="AC48118" i="1"/>
  <c r="AC48119" i="1"/>
  <c r="AC48120" i="1"/>
  <c r="AC48121" i="1"/>
  <c r="AC48122" i="1"/>
  <c r="AC48123" i="1"/>
  <c r="AC48124" i="1"/>
  <c r="AC48125" i="1"/>
  <c r="AC48126" i="1"/>
  <c r="AC48127" i="1"/>
  <c r="AD48127" i="1" s="1"/>
  <c r="AC48128" i="1"/>
  <c r="AC48129" i="1"/>
  <c r="AC48130" i="1"/>
  <c r="AC48131" i="1"/>
  <c r="AC48132" i="1"/>
  <c r="AC48133" i="1"/>
  <c r="AC48134" i="1"/>
  <c r="AC48135" i="1"/>
  <c r="AC48136" i="1"/>
  <c r="AC48137" i="1"/>
  <c r="AC48138" i="1"/>
  <c r="AC48139" i="1"/>
  <c r="AD48139" i="1" s="1"/>
  <c r="AC48140" i="1"/>
  <c r="AC48141" i="1"/>
  <c r="AC48142" i="1"/>
  <c r="AC48143" i="1"/>
  <c r="AC48144" i="1"/>
  <c r="AC48145" i="1"/>
  <c r="AC48146" i="1"/>
  <c r="AC48147" i="1"/>
  <c r="AC48148" i="1"/>
  <c r="AC48149" i="1"/>
  <c r="AC48150" i="1"/>
  <c r="AC48151" i="1"/>
  <c r="AD48151" i="1" s="1"/>
  <c r="AC48152" i="1"/>
  <c r="AC48153" i="1"/>
  <c r="AC48154" i="1"/>
  <c r="AC48155" i="1"/>
  <c r="AC48156" i="1"/>
  <c r="AC48157" i="1"/>
  <c r="AC48158" i="1"/>
  <c r="AC48159" i="1"/>
  <c r="AC48160" i="1"/>
  <c r="AC48161" i="1"/>
  <c r="AC48162" i="1"/>
  <c r="AC48163" i="1"/>
  <c r="AD48163" i="1" s="1"/>
  <c r="AC48164" i="1"/>
  <c r="AC48165" i="1"/>
  <c r="AC48166" i="1"/>
  <c r="AC48167" i="1"/>
  <c r="AC48168" i="1"/>
  <c r="AC48169" i="1"/>
  <c r="AC48170" i="1"/>
  <c r="AC48171" i="1"/>
  <c r="AC48172" i="1"/>
  <c r="AC48173" i="1"/>
  <c r="AC48174" i="1"/>
  <c r="AC48175" i="1"/>
  <c r="AD48175" i="1" s="1"/>
  <c r="AC48176" i="1"/>
  <c r="AC48177" i="1"/>
  <c r="AC48178" i="1"/>
  <c r="AC48179" i="1"/>
  <c r="AC48180" i="1"/>
  <c r="AC48181" i="1"/>
  <c r="AC48182" i="1"/>
  <c r="AC48183" i="1"/>
  <c r="AC48184" i="1"/>
  <c r="AC48185" i="1"/>
  <c r="AC48186" i="1"/>
  <c r="AC48187" i="1"/>
  <c r="AD48187" i="1" s="1"/>
  <c r="AC48188" i="1"/>
  <c r="AC48189" i="1"/>
  <c r="AC48190" i="1"/>
  <c r="AC48191" i="1"/>
  <c r="AC48192" i="1"/>
  <c r="AC48193" i="1"/>
  <c r="AC48194" i="1"/>
  <c r="AC48195" i="1"/>
  <c r="AC48196" i="1"/>
  <c r="AC48197" i="1"/>
  <c r="AC48198" i="1"/>
  <c r="AC48199" i="1"/>
  <c r="AD48199" i="1" s="1"/>
  <c r="AC48200" i="1"/>
  <c r="AC48201" i="1"/>
  <c r="AC48202" i="1"/>
  <c r="AC48203" i="1"/>
  <c r="AC48204" i="1"/>
  <c r="AC48205" i="1"/>
  <c r="AC48206" i="1"/>
  <c r="AC48207" i="1"/>
  <c r="AC48208" i="1"/>
  <c r="AC48209" i="1"/>
  <c r="AC48210" i="1"/>
  <c r="AC48211" i="1"/>
  <c r="AD48211" i="1" s="1"/>
  <c r="AC48212" i="1"/>
  <c r="AC48213" i="1"/>
  <c r="AC48214" i="1"/>
  <c r="AC48215" i="1"/>
  <c r="AC48216" i="1"/>
  <c r="AC48217" i="1"/>
  <c r="AC48218" i="1"/>
  <c r="AC48219" i="1"/>
  <c r="AC48220" i="1"/>
  <c r="AC48221" i="1"/>
  <c r="AC48222" i="1"/>
  <c r="AC48223" i="1"/>
  <c r="AD48223" i="1" s="1"/>
  <c r="AC48224" i="1"/>
  <c r="AC48225" i="1"/>
  <c r="AC48226" i="1"/>
  <c r="AC48227" i="1"/>
  <c r="AC48228" i="1"/>
  <c r="AC48229" i="1"/>
  <c r="AC48230" i="1"/>
  <c r="AC48231" i="1"/>
  <c r="AC48232" i="1"/>
  <c r="AC48233" i="1"/>
  <c r="AC48234" i="1"/>
  <c r="AC48235" i="1"/>
  <c r="AD48235" i="1" s="1"/>
  <c r="AC48236" i="1"/>
  <c r="AC48237" i="1"/>
  <c r="AC48238" i="1"/>
  <c r="AC48239" i="1"/>
  <c r="AC48240" i="1"/>
  <c r="AC48241" i="1"/>
  <c r="AC48242" i="1"/>
  <c r="AC48243" i="1"/>
  <c r="AC48244" i="1"/>
  <c r="AC48245" i="1"/>
  <c r="AC48246" i="1"/>
  <c r="AC48247" i="1"/>
  <c r="AD48247" i="1" s="1"/>
  <c r="AC48248" i="1"/>
  <c r="AC48249" i="1"/>
  <c r="AC48250" i="1"/>
  <c r="AC48251" i="1"/>
  <c r="AC48252" i="1"/>
  <c r="AC48253" i="1"/>
  <c r="AC48254" i="1"/>
  <c r="AC48255" i="1"/>
  <c r="AC48256" i="1"/>
  <c r="AC48257" i="1"/>
  <c r="AC48258" i="1"/>
  <c r="AC48259" i="1"/>
  <c r="AD48259" i="1" s="1"/>
  <c r="AC48260" i="1"/>
  <c r="AC48261" i="1"/>
  <c r="AC48262" i="1"/>
  <c r="AC48263" i="1"/>
  <c r="AC48264" i="1"/>
  <c r="AC48265" i="1"/>
  <c r="AC48266" i="1"/>
  <c r="AC48267" i="1"/>
  <c r="AC48268" i="1"/>
  <c r="AC48269" i="1"/>
  <c r="AC48270" i="1"/>
  <c r="AC48271" i="1"/>
  <c r="AD48271" i="1" s="1"/>
  <c r="AC48272" i="1"/>
  <c r="AC48273" i="1"/>
  <c r="AC48274" i="1"/>
  <c r="AC48275" i="1"/>
  <c r="AC48276" i="1"/>
  <c r="AC48277" i="1"/>
  <c r="AC48278" i="1"/>
  <c r="AC48279" i="1"/>
  <c r="AC48280" i="1"/>
  <c r="AC48281" i="1"/>
  <c r="AC48282" i="1"/>
  <c r="AC48283" i="1"/>
  <c r="AD48283" i="1" s="1"/>
  <c r="AC48284" i="1"/>
  <c r="AC48285" i="1"/>
  <c r="AC48286" i="1"/>
  <c r="AC48287" i="1"/>
  <c r="AC48288" i="1"/>
  <c r="AC48289" i="1"/>
  <c r="AC48290" i="1"/>
  <c r="AC48291" i="1"/>
  <c r="AC48292" i="1"/>
  <c r="AC48293" i="1"/>
  <c r="AC48294" i="1"/>
  <c r="AC48295" i="1"/>
  <c r="AD48295" i="1" s="1"/>
  <c r="AC48296" i="1"/>
  <c r="AC48297" i="1"/>
  <c r="AC48298" i="1"/>
  <c r="AC48299" i="1"/>
  <c r="AC48300" i="1"/>
  <c r="AC48301" i="1"/>
  <c r="AC48302" i="1"/>
  <c r="AC48303" i="1"/>
  <c r="AC48304" i="1"/>
  <c r="AC48305" i="1"/>
  <c r="AC48306" i="1"/>
  <c r="AC48307" i="1"/>
  <c r="AD48307" i="1" s="1"/>
  <c r="AC48308" i="1"/>
  <c r="AC48309" i="1"/>
  <c r="AC48310" i="1"/>
  <c r="AC48311" i="1"/>
  <c r="AC48312" i="1"/>
  <c r="AC48313" i="1"/>
  <c r="AC48314" i="1"/>
  <c r="AC48315" i="1"/>
  <c r="AC48316" i="1"/>
  <c r="AC48317" i="1"/>
  <c r="AC48318" i="1"/>
  <c r="AC48319" i="1"/>
  <c r="AD48319" i="1" s="1"/>
  <c r="AC48320" i="1"/>
  <c r="AC48321" i="1"/>
  <c r="AC48322" i="1"/>
  <c r="AC48323" i="1"/>
  <c r="AC48324" i="1"/>
  <c r="AC48325" i="1"/>
  <c r="AC48326" i="1"/>
  <c r="AC48327" i="1"/>
  <c r="AC48328" i="1"/>
  <c r="AC48329" i="1"/>
  <c r="AC48330" i="1"/>
  <c r="AC48331" i="1"/>
  <c r="AD48331" i="1" s="1"/>
  <c r="AC48332" i="1"/>
  <c r="AC48333" i="1"/>
  <c r="AC48334" i="1"/>
  <c r="AC48335" i="1"/>
  <c r="AC48336" i="1"/>
  <c r="AC48337" i="1"/>
  <c r="AC48338" i="1"/>
  <c r="AC48339" i="1"/>
  <c r="AC48340" i="1"/>
  <c r="AC48341" i="1"/>
  <c r="AC48342" i="1"/>
  <c r="AC48343" i="1"/>
  <c r="AD48343" i="1" s="1"/>
  <c r="AC48344" i="1"/>
  <c r="AC48345" i="1"/>
  <c r="AC48346" i="1"/>
  <c r="AC48347" i="1"/>
  <c r="AC48348" i="1"/>
  <c r="AC48349" i="1"/>
  <c r="AC48350" i="1"/>
  <c r="AC48351" i="1"/>
  <c r="AC48352" i="1"/>
  <c r="AC48353" i="1"/>
  <c r="AC48354" i="1"/>
  <c r="AC48355" i="1"/>
  <c r="AD48355" i="1" s="1"/>
  <c r="AC48356" i="1"/>
  <c r="AC48357" i="1"/>
  <c r="AC48358" i="1"/>
  <c r="AC48359" i="1"/>
  <c r="AC48360" i="1"/>
  <c r="AC48361" i="1"/>
  <c r="AC48362" i="1"/>
  <c r="AC48363" i="1"/>
  <c r="AC48364" i="1"/>
  <c r="AC48365" i="1"/>
  <c r="AC48366" i="1"/>
  <c r="AC48367" i="1"/>
  <c r="AD48367" i="1" s="1"/>
  <c r="AC48368" i="1"/>
  <c r="AC48369" i="1"/>
  <c r="AC48370" i="1"/>
  <c r="AC48371" i="1"/>
  <c r="AC48372" i="1"/>
  <c r="AC48373" i="1"/>
  <c r="AC48374" i="1"/>
  <c r="AC48375" i="1"/>
  <c r="AC48376" i="1"/>
  <c r="AC48377" i="1"/>
  <c r="AC48378" i="1"/>
  <c r="AC48379" i="1"/>
  <c r="AD48379" i="1" s="1"/>
  <c r="AC48380" i="1"/>
  <c r="AC48381" i="1"/>
  <c r="AC48382" i="1"/>
  <c r="AC48383" i="1"/>
  <c r="AC48384" i="1"/>
  <c r="AC48385" i="1"/>
  <c r="AC48386" i="1"/>
  <c r="AC48387" i="1"/>
  <c r="AC48388" i="1"/>
  <c r="AC48389" i="1"/>
  <c r="AC48390" i="1"/>
  <c r="AC48391" i="1"/>
  <c r="AD48391" i="1" s="1"/>
  <c r="AC48392" i="1"/>
  <c r="AC48393" i="1"/>
  <c r="AC48394" i="1"/>
  <c r="AC48395" i="1"/>
  <c r="AC48396" i="1"/>
  <c r="AC48397" i="1"/>
  <c r="AC48398" i="1"/>
  <c r="AC48399" i="1"/>
  <c r="AC48400" i="1"/>
  <c r="AC48401" i="1"/>
  <c r="AC48402" i="1"/>
  <c r="AC48403" i="1"/>
  <c r="AD48403" i="1" s="1"/>
  <c r="AC48404" i="1"/>
  <c r="AC48405" i="1"/>
  <c r="AC48406" i="1"/>
  <c r="AC48407" i="1"/>
  <c r="AC48408" i="1"/>
  <c r="AC48409" i="1"/>
  <c r="AC48410" i="1"/>
  <c r="AC48411" i="1"/>
  <c r="AC48412" i="1"/>
  <c r="AC48413" i="1"/>
  <c r="AC48414" i="1"/>
  <c r="AC48415" i="1"/>
  <c r="AD48415" i="1" s="1"/>
  <c r="AC48416" i="1"/>
  <c r="AC48417" i="1"/>
  <c r="AC48418" i="1"/>
  <c r="AC48419" i="1"/>
  <c r="AC48420" i="1"/>
  <c r="AC48421" i="1"/>
  <c r="AC48422" i="1"/>
  <c r="AC48423" i="1"/>
  <c r="AC48424" i="1"/>
  <c r="AC48425" i="1"/>
  <c r="AC48426" i="1"/>
  <c r="AC48427" i="1"/>
  <c r="AD48427" i="1" s="1"/>
  <c r="AC48428" i="1"/>
  <c r="AC48429" i="1"/>
  <c r="AC48430" i="1"/>
  <c r="AC48431" i="1"/>
  <c r="AC48432" i="1"/>
  <c r="AC48433" i="1"/>
  <c r="AC48434" i="1"/>
  <c r="AC48435" i="1"/>
  <c r="AC48436" i="1"/>
  <c r="AC48437" i="1"/>
  <c r="AC48438" i="1"/>
  <c r="AC48439" i="1"/>
  <c r="AD48439" i="1" s="1"/>
  <c r="AC48440" i="1"/>
  <c r="AC48441" i="1"/>
  <c r="AC48442" i="1"/>
  <c r="AC48443" i="1"/>
  <c r="AC48444" i="1"/>
  <c r="AC48445" i="1"/>
  <c r="AC48446" i="1"/>
  <c r="AC48447" i="1"/>
  <c r="AC48448" i="1"/>
  <c r="AC48449" i="1"/>
  <c r="AC48450" i="1"/>
  <c r="AC48451" i="1"/>
  <c r="AD48451" i="1" s="1"/>
  <c r="AC48452" i="1"/>
  <c r="AC48453" i="1"/>
  <c r="AC48454" i="1"/>
  <c r="AC48455" i="1"/>
  <c r="AC48456" i="1"/>
  <c r="AC48457" i="1"/>
  <c r="AC48458" i="1"/>
  <c r="AC48459" i="1"/>
  <c r="AC48460" i="1"/>
  <c r="AC48461" i="1"/>
  <c r="AC48462" i="1"/>
  <c r="AC48463" i="1"/>
  <c r="AD48463" i="1" s="1"/>
  <c r="AC48464" i="1"/>
  <c r="AC48465" i="1"/>
  <c r="AC48466" i="1"/>
  <c r="AC48467" i="1"/>
  <c r="AC48468" i="1"/>
  <c r="AC48469" i="1"/>
  <c r="AC48470" i="1"/>
  <c r="AC48471" i="1"/>
  <c r="AC48472" i="1"/>
  <c r="AC48473" i="1"/>
  <c r="AC48474" i="1"/>
  <c r="AC48475" i="1"/>
  <c r="AD48475" i="1" s="1"/>
  <c r="AC48476" i="1"/>
  <c r="AC48477" i="1"/>
  <c r="AC48478" i="1"/>
  <c r="AC48479" i="1"/>
  <c r="AC48480" i="1"/>
  <c r="AC48481" i="1"/>
  <c r="AC48482" i="1"/>
  <c r="AC48483" i="1"/>
  <c r="AC48484" i="1"/>
  <c r="AC48485" i="1"/>
  <c r="AC48486" i="1"/>
  <c r="AC48487" i="1"/>
  <c r="AD48487" i="1" s="1"/>
  <c r="AC48488" i="1"/>
  <c r="AC48489" i="1"/>
  <c r="AC48490" i="1"/>
  <c r="AC48491" i="1"/>
  <c r="AC48492" i="1"/>
  <c r="AC48493" i="1"/>
  <c r="AC48494" i="1"/>
  <c r="AC48495" i="1"/>
  <c r="AC48496" i="1"/>
  <c r="AC48497" i="1"/>
  <c r="AC48498" i="1"/>
  <c r="AC48499" i="1"/>
  <c r="AD48499" i="1" s="1"/>
  <c r="AC48500" i="1"/>
  <c r="AC48501" i="1"/>
  <c r="AC48502" i="1"/>
  <c r="AC48503" i="1"/>
  <c r="AC48504" i="1"/>
  <c r="AC48505" i="1"/>
  <c r="AC48506" i="1"/>
  <c r="AC48507" i="1"/>
  <c r="AC48508" i="1"/>
  <c r="AC48509" i="1"/>
  <c r="AC48510" i="1"/>
  <c r="AC48511" i="1"/>
  <c r="AD48511" i="1" s="1"/>
  <c r="AC48512" i="1"/>
  <c r="AC48513" i="1"/>
  <c r="AC48514" i="1"/>
  <c r="AC48515" i="1"/>
  <c r="AC48516" i="1"/>
  <c r="AC48517" i="1"/>
  <c r="AC48518" i="1"/>
  <c r="AC48519" i="1"/>
  <c r="AC48520" i="1"/>
  <c r="AC48521" i="1"/>
  <c r="AC48522" i="1"/>
  <c r="AC48523" i="1"/>
  <c r="AD48523" i="1" s="1"/>
  <c r="AC48524" i="1"/>
  <c r="AC48525" i="1"/>
  <c r="AC48526" i="1"/>
  <c r="AC48527" i="1"/>
  <c r="AC48528" i="1"/>
  <c r="AC48529" i="1"/>
  <c r="AC48530" i="1"/>
  <c r="AC48531" i="1"/>
  <c r="AC48532" i="1"/>
  <c r="AC48533" i="1"/>
  <c r="AC48534" i="1"/>
  <c r="AC48535" i="1"/>
  <c r="AD48535" i="1" s="1"/>
  <c r="AC48536" i="1"/>
  <c r="AC48537" i="1"/>
  <c r="AC48538" i="1"/>
  <c r="AC48539" i="1"/>
  <c r="AC48540" i="1"/>
  <c r="AC48541" i="1"/>
  <c r="AC48542" i="1"/>
  <c r="AC48543" i="1"/>
  <c r="AC48544" i="1"/>
  <c r="AC48545" i="1"/>
  <c r="AC48546" i="1"/>
  <c r="AC48547" i="1"/>
  <c r="AD48547" i="1" s="1"/>
  <c r="AC48548" i="1"/>
  <c r="AC48549" i="1"/>
  <c r="AC48550" i="1"/>
  <c r="AC48551" i="1"/>
  <c r="AC48552" i="1"/>
  <c r="AC48553" i="1"/>
  <c r="AC48554" i="1"/>
  <c r="AC48555" i="1"/>
  <c r="AC48556" i="1"/>
  <c r="AC48557" i="1"/>
  <c r="AC48558" i="1"/>
  <c r="AC48559" i="1"/>
  <c r="AD48559" i="1" s="1"/>
  <c r="AC48560" i="1"/>
  <c r="AC48561" i="1"/>
  <c r="AC48562" i="1"/>
  <c r="AC48563" i="1"/>
  <c r="AC48564" i="1"/>
  <c r="AC48565" i="1"/>
  <c r="AC48566" i="1"/>
  <c r="AC48567" i="1"/>
  <c r="AC48568" i="1"/>
  <c r="AC48569" i="1"/>
  <c r="AC48570" i="1"/>
  <c r="AC48571" i="1"/>
  <c r="AD48571" i="1" s="1"/>
  <c r="AC48572" i="1"/>
  <c r="AC48573" i="1"/>
  <c r="AC48574" i="1"/>
  <c r="AC48575" i="1"/>
  <c r="AC48576" i="1"/>
  <c r="AC48577" i="1"/>
  <c r="AC48578" i="1"/>
  <c r="AC48579" i="1"/>
  <c r="AC48580" i="1"/>
  <c r="AC48581" i="1"/>
  <c r="AC48582" i="1"/>
  <c r="AC48583" i="1"/>
  <c r="AD48583" i="1" s="1"/>
  <c r="AC48584" i="1"/>
  <c r="AC48585" i="1"/>
  <c r="AC48586" i="1"/>
  <c r="AC48587" i="1"/>
  <c r="AC48588" i="1"/>
  <c r="AC48589" i="1"/>
  <c r="AC48590" i="1"/>
  <c r="AC48591" i="1"/>
  <c r="AC48592" i="1"/>
  <c r="AC48593" i="1"/>
  <c r="AC48594" i="1"/>
  <c r="AC48595" i="1"/>
  <c r="AD48595" i="1" s="1"/>
  <c r="AC48596" i="1"/>
  <c r="AC48597" i="1"/>
  <c r="AC48598" i="1"/>
  <c r="AC48599" i="1"/>
  <c r="AC48600" i="1"/>
  <c r="AC48601" i="1"/>
  <c r="AC48602" i="1"/>
  <c r="AC48603" i="1"/>
  <c r="AC48604" i="1"/>
  <c r="AC48605" i="1"/>
  <c r="AC48606" i="1"/>
  <c r="AC48607" i="1"/>
  <c r="AD48607" i="1" s="1"/>
  <c r="AC48608" i="1"/>
  <c r="AC48609" i="1"/>
  <c r="AC48610" i="1"/>
  <c r="AC48611" i="1"/>
  <c r="AC48612" i="1"/>
  <c r="AC48613" i="1"/>
  <c r="AC48614" i="1"/>
  <c r="AC48615" i="1"/>
  <c r="AC48616" i="1"/>
  <c r="AC48617" i="1"/>
  <c r="AC48618" i="1"/>
  <c r="AC48619" i="1"/>
  <c r="AD48619" i="1" s="1"/>
  <c r="AC48620" i="1"/>
  <c r="AC48621" i="1"/>
  <c r="AC48622" i="1"/>
  <c r="AC48623" i="1"/>
  <c r="AC48624" i="1"/>
  <c r="AC48625" i="1"/>
  <c r="AC48626" i="1"/>
  <c r="AC48627" i="1"/>
  <c r="AC48628" i="1"/>
  <c r="AC48629" i="1"/>
  <c r="AC48630" i="1"/>
  <c r="AC48631" i="1"/>
  <c r="AD48631" i="1" s="1"/>
  <c r="AC48632" i="1"/>
  <c r="AC48633" i="1"/>
  <c r="AC48634" i="1"/>
  <c r="AC48635" i="1"/>
  <c r="AC48636" i="1"/>
  <c r="AC48637" i="1"/>
  <c r="AC48638" i="1"/>
  <c r="AC48639" i="1"/>
  <c r="AC48640" i="1"/>
  <c r="AC48641" i="1"/>
  <c r="AC48642" i="1"/>
  <c r="AC48643" i="1"/>
  <c r="AD48643" i="1" s="1"/>
  <c r="AC48644" i="1"/>
  <c r="AC48645" i="1"/>
  <c r="AC48646" i="1"/>
  <c r="AC48647" i="1"/>
  <c r="AC48648" i="1"/>
  <c r="AC48649" i="1"/>
  <c r="AC48650" i="1"/>
  <c r="AC48651" i="1"/>
  <c r="AC48652" i="1"/>
  <c r="AC48653" i="1"/>
  <c r="AC48654" i="1"/>
  <c r="AC48655" i="1"/>
  <c r="AD48655" i="1" s="1"/>
  <c r="AC48656" i="1"/>
  <c r="AC48657" i="1"/>
  <c r="AC48658" i="1"/>
  <c r="AC48659" i="1"/>
  <c r="AC48660" i="1"/>
  <c r="AC48661" i="1"/>
  <c r="AC48662" i="1"/>
  <c r="AC48663" i="1"/>
  <c r="AC48664" i="1"/>
  <c r="AC48665" i="1"/>
  <c r="AC48666" i="1"/>
  <c r="AC48667" i="1"/>
  <c r="AD48667" i="1" s="1"/>
  <c r="AC48668" i="1"/>
  <c r="AC48669" i="1"/>
  <c r="AC48670" i="1"/>
  <c r="AC48671" i="1"/>
  <c r="AC48672" i="1"/>
  <c r="AC48673" i="1"/>
  <c r="AC48674" i="1"/>
  <c r="AC48675" i="1"/>
  <c r="AC48676" i="1"/>
  <c r="AC48677" i="1"/>
  <c r="AC48678" i="1"/>
  <c r="AC48679" i="1"/>
  <c r="AD48679" i="1" s="1"/>
  <c r="AC48680" i="1"/>
  <c r="AC48681" i="1"/>
  <c r="AC48682" i="1"/>
  <c r="AC48683" i="1"/>
  <c r="AC48684" i="1"/>
  <c r="AC48685" i="1"/>
  <c r="AC48686" i="1"/>
  <c r="AC48687" i="1"/>
  <c r="AC48688" i="1"/>
  <c r="AC48689" i="1"/>
  <c r="AC48690" i="1"/>
  <c r="AC48691" i="1"/>
  <c r="AD48691" i="1" s="1"/>
  <c r="AC48692" i="1"/>
  <c r="AC48693" i="1"/>
  <c r="AC48694" i="1"/>
  <c r="AC48695" i="1"/>
  <c r="AC48696" i="1"/>
  <c r="AC48697" i="1"/>
  <c r="AC48698" i="1"/>
  <c r="AC48699" i="1"/>
  <c r="AC48700" i="1"/>
  <c r="AC48701" i="1"/>
  <c r="AC48702" i="1"/>
  <c r="AC48703" i="1"/>
  <c r="AD48703" i="1" s="1"/>
  <c r="AC48704" i="1"/>
  <c r="AC48705" i="1"/>
  <c r="AC48706" i="1"/>
  <c r="AC48707" i="1"/>
  <c r="AC48708" i="1"/>
  <c r="AC48709" i="1"/>
  <c r="AC48710" i="1"/>
  <c r="AC48711" i="1"/>
  <c r="AC48712" i="1"/>
  <c r="AC48713" i="1"/>
  <c r="AC48714" i="1"/>
  <c r="AC48715" i="1"/>
  <c r="AD48715" i="1" s="1"/>
  <c r="AC48716" i="1"/>
  <c r="AC48717" i="1"/>
  <c r="AC48718" i="1"/>
  <c r="AC48719" i="1"/>
  <c r="AC48720" i="1"/>
  <c r="AC48721" i="1"/>
  <c r="AC48722" i="1"/>
  <c r="AC48723" i="1"/>
  <c r="AC48724" i="1"/>
  <c r="AC48725" i="1"/>
  <c r="AC48726" i="1"/>
  <c r="AC48727" i="1"/>
  <c r="AD48727" i="1" s="1"/>
  <c r="AC48728" i="1"/>
  <c r="AC48729" i="1"/>
  <c r="AC48730" i="1"/>
  <c r="AC48731" i="1"/>
  <c r="AC48732" i="1"/>
  <c r="AC48733" i="1"/>
  <c r="AC48734" i="1"/>
  <c r="AC48735" i="1"/>
  <c r="AC48736" i="1"/>
  <c r="AC48737" i="1"/>
  <c r="AC48738" i="1"/>
  <c r="AC48739" i="1"/>
  <c r="AD48739" i="1" s="1"/>
  <c r="AC48740" i="1"/>
  <c r="AC48741" i="1"/>
  <c r="AC48742" i="1"/>
  <c r="AC48743" i="1"/>
  <c r="AC48744" i="1"/>
  <c r="AC48745" i="1"/>
  <c r="AC48746" i="1"/>
  <c r="AC48747" i="1"/>
  <c r="AC48748" i="1"/>
  <c r="AC48749" i="1"/>
  <c r="AC48750" i="1"/>
  <c r="AC48751" i="1"/>
  <c r="AD48751" i="1" s="1"/>
  <c r="AC48752" i="1"/>
  <c r="AC48753" i="1"/>
  <c r="AC48754" i="1"/>
  <c r="AC48755" i="1"/>
  <c r="AC48756" i="1"/>
  <c r="AC48757" i="1"/>
  <c r="AC48758" i="1"/>
  <c r="AC48759" i="1"/>
  <c r="AC48760" i="1"/>
  <c r="AC48761" i="1"/>
  <c r="AC48762" i="1"/>
  <c r="AC48763" i="1"/>
  <c r="AD48763" i="1" s="1"/>
  <c r="AC48764" i="1"/>
  <c r="AC48765" i="1"/>
  <c r="AC48766" i="1"/>
  <c r="AC48767" i="1"/>
  <c r="AC48768" i="1"/>
  <c r="AC48769" i="1"/>
  <c r="AC48770" i="1"/>
  <c r="AC48771" i="1"/>
  <c r="AC48772" i="1"/>
  <c r="AC48773" i="1"/>
  <c r="AC48774" i="1"/>
  <c r="AC48775" i="1"/>
  <c r="AD48775" i="1" s="1"/>
  <c r="AC48776" i="1"/>
  <c r="AC48777" i="1"/>
  <c r="AC48778" i="1"/>
  <c r="AC48779" i="1"/>
  <c r="AC48780" i="1"/>
  <c r="AC48781" i="1"/>
  <c r="AC48782" i="1"/>
  <c r="AC48783" i="1"/>
  <c r="AC48784" i="1"/>
  <c r="AC48785" i="1"/>
  <c r="AC48786" i="1"/>
  <c r="AC48787" i="1"/>
  <c r="AD48787" i="1" s="1"/>
  <c r="AC48788" i="1"/>
  <c r="AC48789" i="1"/>
  <c r="AC48790" i="1"/>
  <c r="AC48791" i="1"/>
  <c r="AC48792" i="1"/>
  <c r="AC48793" i="1"/>
  <c r="AC48794" i="1"/>
  <c r="AC48795" i="1"/>
  <c r="AC48796" i="1"/>
  <c r="AC48797" i="1"/>
  <c r="AC48798" i="1"/>
  <c r="AC48799" i="1"/>
  <c r="AD48799" i="1" s="1"/>
  <c r="AC48800" i="1"/>
  <c r="AC48801" i="1"/>
  <c r="AC48802" i="1"/>
  <c r="AC48803" i="1"/>
  <c r="AC48804" i="1"/>
  <c r="AC48805" i="1"/>
  <c r="AC48806" i="1"/>
  <c r="AC48807" i="1"/>
  <c r="AC48808" i="1"/>
  <c r="AC48809" i="1"/>
  <c r="AC48810" i="1"/>
  <c r="AC48811" i="1"/>
  <c r="AD48811" i="1" s="1"/>
  <c r="AC48812" i="1"/>
  <c r="AC48813" i="1"/>
  <c r="AC48814" i="1"/>
  <c r="AC48815" i="1"/>
  <c r="AC48816" i="1"/>
  <c r="AC48817" i="1"/>
  <c r="AC48818" i="1"/>
  <c r="AC48819" i="1"/>
  <c r="AC48820" i="1"/>
  <c r="AC48821" i="1"/>
  <c r="AC48822" i="1"/>
  <c r="AC48823" i="1"/>
  <c r="AD48823" i="1" s="1"/>
  <c r="AC48824" i="1"/>
  <c r="AC48825" i="1"/>
  <c r="AC48826" i="1"/>
  <c r="AC48827" i="1"/>
  <c r="AC48828" i="1"/>
  <c r="AC48829" i="1"/>
  <c r="AC48830" i="1"/>
  <c r="AC48831" i="1"/>
  <c r="AC48832" i="1"/>
  <c r="AC48833" i="1"/>
  <c r="AC48834" i="1"/>
  <c r="AC48835" i="1"/>
  <c r="AD48835" i="1" s="1"/>
  <c r="AC48836" i="1"/>
  <c r="AC48837" i="1"/>
  <c r="AC48838" i="1"/>
  <c r="AC48839" i="1"/>
  <c r="AC48840" i="1"/>
  <c r="AC48841" i="1"/>
  <c r="AC48842" i="1"/>
  <c r="AC48843" i="1"/>
  <c r="AC48844" i="1"/>
  <c r="AC48845" i="1"/>
  <c r="AC48846" i="1"/>
  <c r="AC48847" i="1"/>
  <c r="AD48847" i="1" s="1"/>
  <c r="AC48848" i="1"/>
  <c r="AC48849" i="1"/>
  <c r="AC48850" i="1"/>
  <c r="AC48851" i="1"/>
  <c r="AC48852" i="1"/>
  <c r="AC48853" i="1"/>
  <c r="AD48853" i="1" s="1"/>
  <c r="AC48854" i="1"/>
  <c r="AC48855" i="1"/>
  <c r="AC48856" i="1"/>
  <c r="AC48857" i="1"/>
  <c r="AC48858" i="1"/>
  <c r="AC48859" i="1"/>
  <c r="AC48860" i="1"/>
  <c r="AC48861" i="1"/>
  <c r="AC48862" i="1"/>
  <c r="AC48863" i="1"/>
  <c r="AC48864" i="1"/>
  <c r="AC48865" i="1"/>
  <c r="AC48866" i="1"/>
  <c r="AC48867" i="1"/>
  <c r="AC48868" i="1"/>
  <c r="AC48869" i="1"/>
  <c r="AC48870" i="1"/>
  <c r="AC48871" i="1"/>
  <c r="AC48872" i="1"/>
  <c r="AC48873" i="1"/>
  <c r="AC48874" i="1"/>
  <c r="AC48875" i="1"/>
  <c r="AC48876" i="1"/>
  <c r="AC48877" i="1"/>
  <c r="AC48878" i="1"/>
  <c r="AC48879" i="1"/>
  <c r="AC48880" i="1"/>
  <c r="AC48881" i="1"/>
  <c r="AC48882" i="1"/>
  <c r="AC48883" i="1"/>
  <c r="AC48884" i="1"/>
  <c r="AC48885" i="1"/>
  <c r="AC48886" i="1"/>
  <c r="AC48887" i="1"/>
  <c r="AC48888" i="1"/>
  <c r="AC48889" i="1"/>
  <c r="AD48889" i="1" s="1"/>
  <c r="AC48890" i="1"/>
  <c r="AC48891" i="1"/>
  <c r="AC48892" i="1"/>
  <c r="AC48893" i="1"/>
  <c r="AC48894" i="1"/>
  <c r="AC48895" i="1"/>
  <c r="AC48896" i="1"/>
  <c r="AC48897" i="1"/>
  <c r="AC48898" i="1"/>
  <c r="AC48899" i="1"/>
  <c r="AC48900" i="1"/>
  <c r="AC48901" i="1"/>
  <c r="AD48901" i="1" s="1"/>
  <c r="AC48902" i="1"/>
  <c r="AC48903" i="1"/>
  <c r="AC48904" i="1"/>
  <c r="AC48905" i="1"/>
  <c r="AC48906" i="1"/>
  <c r="AC48907" i="1"/>
  <c r="AD48907" i="1" s="1"/>
  <c r="AC48908" i="1"/>
  <c r="AC48909" i="1"/>
  <c r="AC48910" i="1"/>
  <c r="AC48911" i="1"/>
  <c r="AC48912" i="1"/>
  <c r="AC48913" i="1"/>
  <c r="AD48913" i="1" s="1"/>
  <c r="AC48914" i="1"/>
  <c r="AC48915" i="1"/>
  <c r="AC48916" i="1"/>
  <c r="AC48917" i="1"/>
  <c r="AC48918" i="1"/>
  <c r="AC48919" i="1"/>
  <c r="AC48920" i="1"/>
  <c r="AC48921" i="1"/>
  <c r="AC48922" i="1"/>
  <c r="AC48923" i="1"/>
  <c r="AC48924" i="1"/>
  <c r="AC48925" i="1"/>
  <c r="AD48925" i="1" s="1"/>
  <c r="AC48926" i="1"/>
  <c r="AC48927" i="1"/>
  <c r="AC48928" i="1"/>
  <c r="AC48929" i="1"/>
  <c r="AC48930" i="1"/>
  <c r="AC48931" i="1"/>
  <c r="AC48932" i="1"/>
  <c r="AC48933" i="1"/>
  <c r="AC48934" i="1"/>
  <c r="AC48935" i="1"/>
  <c r="AC48936" i="1"/>
  <c r="AC48937" i="1"/>
  <c r="AD48937" i="1" s="1"/>
  <c r="AC48938" i="1"/>
  <c r="AC48939" i="1"/>
  <c r="AC48940" i="1"/>
  <c r="AC48941" i="1"/>
  <c r="AC48942" i="1"/>
  <c r="AC48943" i="1"/>
  <c r="AC48944" i="1"/>
  <c r="AC48945" i="1"/>
  <c r="AC48946" i="1"/>
  <c r="AC48947" i="1"/>
  <c r="AC48948" i="1"/>
  <c r="AC48949" i="1"/>
  <c r="AD48949" i="1" s="1"/>
  <c r="AC48950" i="1"/>
  <c r="AC48951" i="1"/>
  <c r="AC48952" i="1"/>
  <c r="AC48953" i="1"/>
  <c r="AC48954" i="1"/>
  <c r="AC48955" i="1"/>
  <c r="AC48956" i="1"/>
  <c r="AC48957" i="1"/>
  <c r="AC48958" i="1"/>
  <c r="AC48959" i="1"/>
  <c r="AC48960" i="1"/>
  <c r="AC48961" i="1"/>
  <c r="AD48961" i="1" s="1"/>
  <c r="AC48962" i="1"/>
  <c r="AC48963" i="1"/>
  <c r="AC48964" i="1"/>
  <c r="AC48965" i="1"/>
  <c r="AC48966" i="1"/>
  <c r="AC48967" i="1"/>
  <c r="AC48968" i="1"/>
  <c r="AC48969" i="1"/>
  <c r="AC48970" i="1"/>
  <c r="AC48971" i="1"/>
  <c r="AC48972" i="1"/>
  <c r="AC48973" i="1"/>
  <c r="AD48973" i="1" s="1"/>
  <c r="AC48974" i="1"/>
  <c r="AC48975" i="1"/>
  <c r="AC48976" i="1"/>
  <c r="AC48977" i="1"/>
  <c r="AC48978" i="1"/>
  <c r="AC48979" i="1"/>
  <c r="AC48980" i="1"/>
  <c r="AC48981" i="1"/>
  <c r="AC48982" i="1"/>
  <c r="AC48983" i="1"/>
  <c r="AC48984" i="1"/>
  <c r="AC48985" i="1"/>
  <c r="AD48985" i="1" s="1"/>
  <c r="AC48986" i="1"/>
  <c r="AC48987" i="1"/>
  <c r="AC48988" i="1"/>
  <c r="AC48989" i="1"/>
  <c r="AC48990" i="1"/>
  <c r="AC48991" i="1"/>
  <c r="AC48992" i="1"/>
  <c r="AC48993" i="1"/>
  <c r="AC48994" i="1"/>
  <c r="AC48995" i="1"/>
  <c r="AC48996" i="1"/>
  <c r="AC48997" i="1"/>
  <c r="AD48997" i="1" s="1"/>
  <c r="AC48998" i="1"/>
  <c r="AC48999" i="1"/>
  <c r="AC49000" i="1"/>
  <c r="AC49001" i="1"/>
  <c r="AC49002" i="1"/>
  <c r="AC49003" i="1"/>
  <c r="AC49004" i="1"/>
  <c r="AC49005" i="1"/>
  <c r="AC49006" i="1"/>
  <c r="AC49007" i="1"/>
  <c r="AC49008" i="1"/>
  <c r="AC49009" i="1"/>
  <c r="AD49009" i="1" s="1"/>
  <c r="AC49010" i="1"/>
  <c r="AC49011" i="1"/>
  <c r="AC49012" i="1"/>
  <c r="AC49013" i="1"/>
  <c r="AC49014" i="1"/>
  <c r="AC49015" i="1"/>
  <c r="AD49015" i="1" s="1"/>
  <c r="AC49016" i="1"/>
  <c r="AC49017" i="1"/>
  <c r="AC49018" i="1"/>
  <c r="AC49019" i="1"/>
  <c r="AC49020" i="1"/>
  <c r="AC49021" i="1"/>
  <c r="AD49021" i="1" s="1"/>
  <c r="AC49022" i="1"/>
  <c r="AC49023" i="1"/>
  <c r="AC49024" i="1"/>
  <c r="AC49025" i="1"/>
  <c r="AC49026" i="1"/>
  <c r="AC49027" i="1"/>
  <c r="AC49028" i="1"/>
  <c r="AC49029" i="1"/>
  <c r="AC49030" i="1"/>
  <c r="AC49031" i="1"/>
  <c r="AC49032" i="1"/>
  <c r="AC49033" i="1"/>
  <c r="AD49033" i="1" s="1"/>
  <c r="AC49034" i="1"/>
  <c r="AC49035" i="1"/>
  <c r="AC49036" i="1"/>
  <c r="AC49037" i="1"/>
  <c r="AC49038" i="1"/>
  <c r="AC49039" i="1"/>
  <c r="AC49040" i="1"/>
  <c r="AC49041" i="1"/>
  <c r="AC49042" i="1"/>
  <c r="AC49043" i="1"/>
  <c r="AC49044" i="1"/>
  <c r="AC49045" i="1"/>
  <c r="AD49045" i="1" s="1"/>
  <c r="AC49046" i="1"/>
  <c r="AC49047" i="1"/>
  <c r="AC49048" i="1"/>
  <c r="AC49049" i="1"/>
  <c r="AC49050" i="1"/>
  <c r="AC49051" i="1"/>
  <c r="AD49051" i="1" s="1"/>
  <c r="AC49052" i="1"/>
  <c r="AC49053" i="1"/>
  <c r="AC49054" i="1"/>
  <c r="AC49055" i="1"/>
  <c r="AC49056" i="1"/>
  <c r="AC49057" i="1"/>
  <c r="AD49057" i="1" s="1"/>
  <c r="AC49058" i="1"/>
  <c r="AC49059" i="1"/>
  <c r="AC49060" i="1"/>
  <c r="AC49061" i="1"/>
  <c r="AC49062" i="1"/>
  <c r="AC49063" i="1"/>
  <c r="AC49064" i="1"/>
  <c r="AC49065" i="1"/>
  <c r="AC49066" i="1"/>
  <c r="AC49067" i="1"/>
  <c r="AC49068" i="1"/>
  <c r="AC49069" i="1"/>
  <c r="AD49069" i="1" s="1"/>
  <c r="AC49070" i="1"/>
  <c r="AC49071" i="1"/>
  <c r="AC49072" i="1"/>
  <c r="AC49073" i="1"/>
  <c r="AC49074" i="1"/>
  <c r="AC49075" i="1"/>
  <c r="AC49076" i="1"/>
  <c r="AC49077" i="1"/>
  <c r="AC49078" i="1"/>
  <c r="AC49079" i="1"/>
  <c r="AC49080" i="1"/>
  <c r="AC49081" i="1"/>
  <c r="AD49081" i="1" s="1"/>
  <c r="AC49082" i="1"/>
  <c r="AC49083" i="1"/>
  <c r="AC49084" i="1"/>
  <c r="AC49085" i="1"/>
  <c r="AC49086" i="1"/>
  <c r="AC49087" i="1"/>
  <c r="AC49088" i="1"/>
  <c r="AC49089" i="1"/>
  <c r="AC49090" i="1"/>
  <c r="AC49091" i="1"/>
  <c r="AC49092" i="1"/>
  <c r="AC49093" i="1"/>
  <c r="AD49093" i="1" s="1"/>
  <c r="AC49094" i="1"/>
  <c r="AC49095" i="1"/>
  <c r="AC49096" i="1"/>
  <c r="AC49097" i="1"/>
  <c r="AC49098" i="1"/>
  <c r="AC49099" i="1"/>
  <c r="AC49100" i="1"/>
  <c r="AC49101" i="1"/>
  <c r="AC49102" i="1"/>
  <c r="AC49103" i="1"/>
  <c r="AC49104" i="1"/>
  <c r="AC49105" i="1"/>
  <c r="AD49105" i="1" s="1"/>
  <c r="AC49106" i="1"/>
  <c r="AC49107" i="1"/>
  <c r="AC49108" i="1"/>
  <c r="AC49109" i="1"/>
  <c r="AC49110" i="1"/>
  <c r="AC49111" i="1"/>
  <c r="AC49112" i="1"/>
  <c r="AC49113" i="1"/>
  <c r="AC49114" i="1"/>
  <c r="AC49115" i="1"/>
  <c r="AC49116" i="1"/>
  <c r="AC49117" i="1"/>
  <c r="AD49117" i="1" s="1"/>
  <c r="AC49118" i="1"/>
  <c r="AC49119" i="1"/>
  <c r="AC49120" i="1"/>
  <c r="AC49121" i="1"/>
  <c r="AC49122" i="1"/>
  <c r="AC49123" i="1"/>
  <c r="AC49124" i="1"/>
  <c r="AC49125" i="1"/>
  <c r="AC49126" i="1"/>
  <c r="AC49127" i="1"/>
  <c r="AC49128" i="1"/>
  <c r="AC49129" i="1"/>
  <c r="AD49129" i="1" s="1"/>
  <c r="AC49130" i="1"/>
  <c r="AC49131" i="1"/>
  <c r="AC49132" i="1"/>
  <c r="AC49133" i="1"/>
  <c r="AC49134" i="1"/>
  <c r="AC49135" i="1"/>
  <c r="AD49135" i="1" s="1"/>
  <c r="AC49136" i="1"/>
  <c r="AC49137" i="1"/>
  <c r="AC49138" i="1"/>
  <c r="AC49139" i="1"/>
  <c r="AC49140" i="1"/>
  <c r="AC49141" i="1"/>
  <c r="AD49141" i="1" s="1"/>
  <c r="AC49142" i="1"/>
  <c r="AC49143" i="1"/>
  <c r="AC49144" i="1"/>
  <c r="AC49145" i="1"/>
  <c r="AC49146" i="1"/>
  <c r="AC49147" i="1"/>
  <c r="AC49148" i="1"/>
  <c r="AC49149" i="1"/>
  <c r="AC49150" i="1"/>
  <c r="AC49151" i="1"/>
  <c r="AC49152" i="1"/>
  <c r="AC49153" i="1"/>
  <c r="AD49153" i="1" s="1"/>
  <c r="AC49154" i="1"/>
  <c r="AC49155" i="1"/>
  <c r="AC49156" i="1"/>
  <c r="AC49157" i="1"/>
  <c r="AC49158" i="1"/>
  <c r="AC49159" i="1"/>
  <c r="AD49159" i="1" s="1"/>
  <c r="AC49160" i="1"/>
  <c r="AC49161" i="1"/>
  <c r="AC49162" i="1"/>
  <c r="AC49163" i="1"/>
  <c r="AC49164" i="1"/>
  <c r="AC49165" i="1"/>
  <c r="AD49165" i="1" s="1"/>
  <c r="AC49166" i="1"/>
  <c r="AC49167" i="1"/>
  <c r="AC49168" i="1"/>
  <c r="AC49169" i="1"/>
  <c r="AC49170" i="1"/>
  <c r="AC49171" i="1"/>
  <c r="AC49172" i="1"/>
  <c r="AC49173" i="1"/>
  <c r="AC49174" i="1"/>
  <c r="AC49175" i="1"/>
  <c r="AC49176" i="1"/>
  <c r="AC49177" i="1"/>
  <c r="AD49177" i="1" s="1"/>
  <c r="AC49178" i="1"/>
  <c r="AC49179" i="1"/>
  <c r="AC49180" i="1"/>
  <c r="AC49181" i="1"/>
  <c r="AC49182" i="1"/>
  <c r="AC49183" i="1"/>
  <c r="AC49184" i="1"/>
  <c r="AC49185" i="1"/>
  <c r="AC49186" i="1"/>
  <c r="AC49187" i="1"/>
  <c r="AC49188" i="1"/>
  <c r="AC49189" i="1"/>
  <c r="AD49189" i="1" s="1"/>
  <c r="AC49190" i="1"/>
  <c r="AC49191" i="1"/>
  <c r="AC49192" i="1"/>
  <c r="AC49193" i="1"/>
  <c r="AC49194" i="1"/>
  <c r="AC49195" i="1"/>
  <c r="AD49195" i="1" s="1"/>
  <c r="AC49196" i="1"/>
  <c r="AC49197" i="1"/>
  <c r="AC49198" i="1"/>
  <c r="AC49199" i="1"/>
  <c r="AC49200" i="1"/>
  <c r="AC49201" i="1"/>
  <c r="AD49201" i="1" s="1"/>
  <c r="AC49202" i="1"/>
  <c r="AC49203" i="1"/>
  <c r="AC49204" i="1"/>
  <c r="AC49205" i="1"/>
  <c r="AC49206" i="1"/>
  <c r="AC49207" i="1"/>
  <c r="AC49208" i="1"/>
  <c r="AC49209" i="1"/>
  <c r="AC49210" i="1"/>
  <c r="AC49211" i="1"/>
  <c r="AC49212" i="1"/>
  <c r="AC49213" i="1"/>
  <c r="AD49213" i="1" s="1"/>
  <c r="AC49214" i="1"/>
  <c r="AC49215" i="1"/>
  <c r="AC49216" i="1"/>
  <c r="AC49217" i="1"/>
  <c r="AC49218" i="1"/>
  <c r="AC49219" i="1"/>
  <c r="AC49220" i="1"/>
  <c r="AC49221" i="1"/>
  <c r="AC49222" i="1"/>
  <c r="AC49223" i="1"/>
  <c r="AC49224" i="1"/>
  <c r="AC49225" i="1"/>
  <c r="AD49225" i="1" s="1"/>
  <c r="AC49226" i="1"/>
  <c r="AC49227" i="1"/>
  <c r="AC49228" i="1"/>
  <c r="AC49229" i="1"/>
  <c r="AC49230" i="1"/>
  <c r="AC49231" i="1"/>
  <c r="AC49232" i="1"/>
  <c r="AC49233" i="1"/>
  <c r="AC49234" i="1"/>
  <c r="AC49235" i="1"/>
  <c r="AC49236" i="1"/>
  <c r="AC49237" i="1"/>
  <c r="AD49237" i="1" s="1"/>
  <c r="AC49238" i="1"/>
  <c r="AC49239" i="1"/>
  <c r="AC49240" i="1"/>
  <c r="AC49241" i="1"/>
  <c r="AC49242" i="1"/>
  <c r="AC49243" i="1"/>
  <c r="AC49244" i="1"/>
  <c r="AC49245" i="1"/>
  <c r="AC49246" i="1"/>
  <c r="AC49247" i="1"/>
  <c r="AC49248" i="1"/>
  <c r="AC49249" i="1"/>
  <c r="AD49249" i="1" s="1"/>
  <c r="AC49250" i="1"/>
  <c r="AC49251" i="1"/>
  <c r="AC49252" i="1"/>
  <c r="AC49253" i="1"/>
  <c r="AC49254" i="1"/>
  <c r="AC49255" i="1"/>
  <c r="AC49256" i="1"/>
  <c r="AC49257" i="1"/>
  <c r="AC49258" i="1"/>
  <c r="AC49259" i="1"/>
  <c r="AC49260" i="1"/>
  <c r="AC49261" i="1"/>
  <c r="AD49261" i="1" s="1"/>
  <c r="AC49262" i="1"/>
  <c r="AC49263" i="1"/>
  <c r="AC49264" i="1"/>
  <c r="AC49265" i="1"/>
  <c r="AC49266" i="1"/>
  <c r="AC49267" i="1"/>
  <c r="AC49268" i="1"/>
  <c r="AC49269" i="1"/>
  <c r="AC49270" i="1"/>
  <c r="AC49271" i="1"/>
  <c r="AC49272" i="1"/>
  <c r="AC49273" i="1"/>
  <c r="AD49273" i="1" s="1"/>
  <c r="AC49274" i="1"/>
  <c r="AC49275" i="1"/>
  <c r="AC49276" i="1"/>
  <c r="AC49277" i="1"/>
  <c r="AC49278" i="1"/>
  <c r="AC49279" i="1"/>
  <c r="AD49279" i="1" s="1"/>
  <c r="AC49280" i="1"/>
  <c r="AC49281" i="1"/>
  <c r="AC49282" i="1"/>
  <c r="AC49283" i="1"/>
  <c r="AC49284" i="1"/>
  <c r="AC49285" i="1"/>
  <c r="AD49285" i="1" s="1"/>
  <c r="AC49286" i="1"/>
  <c r="AC49287" i="1"/>
  <c r="AC49288" i="1"/>
  <c r="AC49289" i="1"/>
  <c r="AC49290" i="1"/>
  <c r="AC49291" i="1"/>
  <c r="AC49292" i="1"/>
  <c r="AC49293" i="1"/>
  <c r="AC49294" i="1"/>
  <c r="AC49295" i="1"/>
  <c r="AC49296" i="1"/>
  <c r="AC49297" i="1"/>
  <c r="AD49297" i="1" s="1"/>
  <c r="AC49298" i="1"/>
  <c r="AC49299" i="1"/>
  <c r="AC49300" i="1"/>
  <c r="AC49301" i="1"/>
  <c r="AC49302" i="1"/>
  <c r="AC49303" i="1"/>
  <c r="AD49303" i="1" s="1"/>
  <c r="AC49304" i="1"/>
  <c r="AC49305" i="1"/>
  <c r="AC49306" i="1"/>
  <c r="AC49307" i="1"/>
  <c r="AC49308" i="1"/>
  <c r="AC49309" i="1"/>
  <c r="AD49309" i="1" s="1"/>
  <c r="AC49310" i="1"/>
  <c r="AC49311" i="1"/>
  <c r="AC49312" i="1"/>
  <c r="AC49313" i="1"/>
  <c r="AC49314" i="1"/>
  <c r="AC49315" i="1"/>
  <c r="AC49316" i="1"/>
  <c r="AC49317" i="1"/>
  <c r="AC49318" i="1"/>
  <c r="AC49319" i="1"/>
  <c r="AC49320" i="1"/>
  <c r="AC49321" i="1"/>
  <c r="AD49321" i="1" s="1"/>
  <c r="AC49322" i="1"/>
  <c r="AC49323" i="1"/>
  <c r="AC49324" i="1"/>
  <c r="AC49325" i="1"/>
  <c r="AC49326" i="1"/>
  <c r="AC49327" i="1"/>
  <c r="AC49328" i="1"/>
  <c r="AC49329" i="1"/>
  <c r="AC49330" i="1"/>
  <c r="AC49331" i="1"/>
  <c r="AC49332" i="1"/>
  <c r="AC49333" i="1"/>
  <c r="AD49333" i="1" s="1"/>
  <c r="AC49334" i="1"/>
  <c r="AC49335" i="1"/>
  <c r="AC49336" i="1"/>
  <c r="AC49337" i="1"/>
  <c r="AC49338" i="1"/>
  <c r="AC49339" i="1"/>
  <c r="AD49339" i="1" s="1"/>
  <c r="AC49340" i="1"/>
  <c r="AC49341" i="1"/>
  <c r="AC49342" i="1"/>
  <c r="AC49343" i="1"/>
  <c r="AC49344" i="1"/>
  <c r="AC49345" i="1"/>
  <c r="AD49345" i="1" s="1"/>
  <c r="AC49346" i="1"/>
  <c r="AC49347" i="1"/>
  <c r="AC49348" i="1"/>
  <c r="AC49349" i="1"/>
  <c r="AC49350" i="1"/>
  <c r="AC49351" i="1"/>
  <c r="AC49352" i="1"/>
  <c r="AC49353" i="1"/>
  <c r="AC49354" i="1"/>
  <c r="AC49355" i="1"/>
  <c r="AC49356" i="1"/>
  <c r="AC49357" i="1"/>
  <c r="AD49357" i="1" s="1"/>
  <c r="AC49358" i="1"/>
  <c r="AC49359" i="1"/>
  <c r="AC49360" i="1"/>
  <c r="AC49361" i="1"/>
  <c r="AC49362" i="1"/>
  <c r="AC49363" i="1"/>
  <c r="AC49364" i="1"/>
  <c r="AC49365" i="1"/>
  <c r="AC49366" i="1"/>
  <c r="AC49367" i="1"/>
  <c r="AC49368" i="1"/>
  <c r="AC49369" i="1"/>
  <c r="AD49369" i="1" s="1"/>
  <c r="AC49370" i="1"/>
  <c r="AC49371" i="1"/>
  <c r="AC49372" i="1"/>
  <c r="AC49373" i="1"/>
  <c r="AC49374" i="1"/>
  <c r="AC49375" i="1"/>
  <c r="AC49376" i="1"/>
  <c r="AC49377" i="1"/>
  <c r="AC49378" i="1"/>
  <c r="AC49379" i="1"/>
  <c r="AC49380" i="1"/>
  <c r="AC49381" i="1"/>
  <c r="AD49381" i="1" s="1"/>
  <c r="AC49382" i="1"/>
  <c r="AC49383" i="1"/>
  <c r="AC49384" i="1"/>
  <c r="AC49385" i="1"/>
  <c r="AC49386" i="1"/>
  <c r="AC49387" i="1"/>
  <c r="AC49388" i="1"/>
  <c r="AC49389" i="1"/>
  <c r="AC49390" i="1"/>
  <c r="AC49391" i="1"/>
  <c r="AC49392" i="1"/>
  <c r="AC49393" i="1"/>
  <c r="AD49393" i="1" s="1"/>
  <c r="AC49394" i="1"/>
  <c r="AC49395" i="1"/>
  <c r="AC49396" i="1"/>
  <c r="AC49397" i="1"/>
  <c r="AC49398" i="1"/>
  <c r="AC49399" i="1"/>
  <c r="AC49400" i="1"/>
  <c r="AC49401" i="1"/>
  <c r="AC49402" i="1"/>
  <c r="AC49403" i="1"/>
  <c r="AC49404" i="1"/>
  <c r="AC49405" i="1"/>
  <c r="AD49405" i="1" s="1"/>
  <c r="AC49406" i="1"/>
  <c r="AC49407" i="1"/>
  <c r="AC49408" i="1"/>
  <c r="AC49409" i="1"/>
  <c r="AC49410" i="1"/>
  <c r="AC49411" i="1"/>
  <c r="AC49412" i="1"/>
  <c r="AC49413" i="1"/>
  <c r="AC49414" i="1"/>
  <c r="AC49415" i="1"/>
  <c r="AC49416" i="1"/>
  <c r="AC49417" i="1"/>
  <c r="AD49417" i="1" s="1"/>
  <c r="AC49418" i="1"/>
  <c r="AC49419" i="1"/>
  <c r="AC49420" i="1"/>
  <c r="AC49421" i="1"/>
  <c r="AC49422" i="1"/>
  <c r="AC49423" i="1"/>
  <c r="AD49423" i="1" s="1"/>
  <c r="AC49424" i="1"/>
  <c r="AC49425" i="1"/>
  <c r="AC49426" i="1"/>
  <c r="AC49427" i="1"/>
  <c r="AC49428" i="1"/>
  <c r="AC49429" i="1"/>
  <c r="AD49429" i="1" s="1"/>
  <c r="AC49430" i="1"/>
  <c r="AC49431" i="1"/>
  <c r="AC49432" i="1"/>
  <c r="AC49433" i="1"/>
  <c r="AC49434" i="1"/>
  <c r="AC49435" i="1"/>
  <c r="AC49436" i="1"/>
  <c r="AC49437" i="1"/>
  <c r="AC49438" i="1"/>
  <c r="AC49439" i="1"/>
  <c r="AC49440" i="1"/>
  <c r="AC49441" i="1"/>
  <c r="AD49441" i="1" s="1"/>
  <c r="AC49442" i="1"/>
  <c r="AC49443" i="1"/>
  <c r="AC49444" i="1"/>
  <c r="AC49445" i="1"/>
  <c r="AC49446" i="1"/>
  <c r="AC49447" i="1"/>
  <c r="AD49447" i="1" s="1"/>
  <c r="AC49448" i="1"/>
  <c r="AC49449" i="1"/>
  <c r="AC49450" i="1"/>
  <c r="AC49451" i="1"/>
  <c r="AC49452" i="1"/>
  <c r="AC49453" i="1"/>
  <c r="AD49453" i="1" s="1"/>
  <c r="AC49454" i="1"/>
  <c r="AC49455" i="1"/>
  <c r="AC49456" i="1"/>
  <c r="AC49457" i="1"/>
  <c r="AC49458" i="1"/>
  <c r="AC49459" i="1"/>
  <c r="AC49460" i="1"/>
  <c r="AC49461" i="1"/>
  <c r="AC49462" i="1"/>
  <c r="AC49463" i="1"/>
  <c r="AC49464" i="1"/>
  <c r="AC49465" i="1"/>
  <c r="AD49465" i="1" s="1"/>
  <c r="AC49466" i="1"/>
  <c r="AC49467" i="1"/>
  <c r="AC49468" i="1"/>
  <c r="AC49469" i="1"/>
  <c r="AC49470" i="1"/>
  <c r="AC49471" i="1"/>
  <c r="AC49472" i="1"/>
  <c r="AC49473" i="1"/>
  <c r="AC49474" i="1"/>
  <c r="AC49475" i="1"/>
  <c r="AC49476" i="1"/>
  <c r="AC49477" i="1"/>
  <c r="AD49477" i="1" s="1"/>
  <c r="AC49478" i="1"/>
  <c r="AC49479" i="1"/>
  <c r="AC49480" i="1"/>
  <c r="AC49481" i="1"/>
  <c r="AC49482" i="1"/>
  <c r="AC49483" i="1"/>
  <c r="AC49484" i="1"/>
  <c r="AC49485" i="1"/>
  <c r="AC49486" i="1"/>
  <c r="AC49487" i="1"/>
  <c r="AC49488" i="1"/>
  <c r="AC49489" i="1"/>
  <c r="AD49489" i="1" s="1"/>
  <c r="AC49490" i="1"/>
  <c r="AC49491" i="1"/>
  <c r="AC49492" i="1"/>
  <c r="AC49493" i="1"/>
  <c r="AC49494" i="1"/>
  <c r="AC49495" i="1"/>
  <c r="AC49496" i="1"/>
  <c r="AC49497" i="1"/>
  <c r="AC49498" i="1"/>
  <c r="AC49499" i="1"/>
  <c r="AC49500" i="1"/>
  <c r="AC49501" i="1"/>
  <c r="AD49501" i="1" s="1"/>
  <c r="AC49502" i="1"/>
  <c r="AC49503" i="1"/>
  <c r="AC49504" i="1"/>
  <c r="AC49505" i="1"/>
  <c r="AC49506" i="1"/>
  <c r="AC49507" i="1"/>
  <c r="AC49508" i="1"/>
  <c r="AC49509" i="1"/>
  <c r="AC49510" i="1"/>
  <c r="AC49511" i="1"/>
  <c r="AC49512" i="1"/>
  <c r="AC49513" i="1"/>
  <c r="AD49513" i="1" s="1"/>
  <c r="AC49514" i="1"/>
  <c r="AC49515" i="1"/>
  <c r="AC49516" i="1"/>
  <c r="AC49517" i="1"/>
  <c r="AC49518" i="1"/>
  <c r="AC49519" i="1"/>
  <c r="AC49520" i="1"/>
  <c r="AC49521" i="1"/>
  <c r="AC49522" i="1"/>
  <c r="AC49523" i="1"/>
  <c r="AC49524" i="1"/>
  <c r="AC49525" i="1"/>
  <c r="AD49525" i="1" s="1"/>
  <c r="AC49526" i="1"/>
  <c r="AC49527" i="1"/>
  <c r="AC49528" i="1"/>
  <c r="AC49529" i="1"/>
  <c r="AC49530" i="1"/>
  <c r="AC49531" i="1"/>
  <c r="AC49532" i="1"/>
  <c r="AC49533" i="1"/>
  <c r="AC49534" i="1"/>
  <c r="AC49535" i="1"/>
  <c r="AC49536" i="1"/>
  <c r="AC49537" i="1"/>
  <c r="AD49537" i="1" s="1"/>
  <c r="AC49538" i="1"/>
  <c r="AC49539" i="1"/>
  <c r="AC49540" i="1"/>
  <c r="AC49541" i="1"/>
  <c r="AC49542" i="1"/>
  <c r="AC49543" i="1"/>
  <c r="AC49544" i="1"/>
  <c r="AC49545" i="1"/>
  <c r="AC49546" i="1"/>
  <c r="AC49547" i="1"/>
  <c r="AC49548" i="1"/>
  <c r="AC49549" i="1"/>
  <c r="AD49549" i="1" s="1"/>
  <c r="AC49550" i="1"/>
  <c r="AC49551" i="1"/>
  <c r="AC49552" i="1"/>
  <c r="AC49553" i="1"/>
  <c r="AC49554" i="1"/>
  <c r="AC49555" i="1"/>
  <c r="AC49556" i="1"/>
  <c r="AC49557" i="1"/>
  <c r="AC49558" i="1"/>
  <c r="AC49559" i="1"/>
  <c r="AC49560" i="1"/>
  <c r="AC49561" i="1"/>
  <c r="AD49561" i="1" s="1"/>
  <c r="AC49562" i="1"/>
  <c r="AC49563" i="1"/>
  <c r="AC49564" i="1"/>
  <c r="AC49565" i="1"/>
  <c r="AC49566" i="1"/>
  <c r="AC49567" i="1"/>
  <c r="AD49567" i="1" s="1"/>
  <c r="AC49568" i="1"/>
  <c r="AC49569" i="1"/>
  <c r="AC49570" i="1"/>
  <c r="AC49571" i="1"/>
  <c r="AC49572" i="1"/>
  <c r="AC49573" i="1"/>
  <c r="AD49573" i="1" s="1"/>
  <c r="AC49574" i="1"/>
  <c r="AC49575" i="1"/>
  <c r="AC49576" i="1"/>
  <c r="AC49577" i="1"/>
  <c r="AC49578" i="1"/>
  <c r="AC49579" i="1"/>
  <c r="AC49580" i="1"/>
  <c r="AC49581" i="1"/>
  <c r="AC49582" i="1"/>
  <c r="AC49583" i="1"/>
  <c r="AC49584" i="1"/>
  <c r="AC49585" i="1"/>
  <c r="AD49585" i="1" s="1"/>
  <c r="AC49586" i="1"/>
  <c r="AC49587" i="1"/>
  <c r="AC49588" i="1"/>
  <c r="AC49589" i="1"/>
  <c r="AC49590" i="1"/>
  <c r="AC49591" i="1"/>
  <c r="AD49591" i="1" s="1"/>
  <c r="AC49592" i="1"/>
  <c r="AC49593" i="1"/>
  <c r="AC49594" i="1"/>
  <c r="AC49595" i="1"/>
  <c r="AC49596" i="1"/>
  <c r="AC49597" i="1"/>
  <c r="AD49597" i="1" s="1"/>
  <c r="AC49598" i="1"/>
  <c r="AC49599" i="1"/>
  <c r="AC49600" i="1"/>
  <c r="AC49601" i="1"/>
  <c r="AC49602" i="1"/>
  <c r="AC49603" i="1"/>
  <c r="AC49604" i="1"/>
  <c r="AC49605" i="1"/>
  <c r="AC49606" i="1"/>
  <c r="AC49607" i="1"/>
  <c r="AC49608" i="1"/>
  <c r="AC49609" i="1"/>
  <c r="AD49609" i="1" s="1"/>
  <c r="AC49610" i="1"/>
  <c r="AC49611" i="1"/>
  <c r="AC49612" i="1"/>
  <c r="AC49613" i="1"/>
  <c r="AC49614" i="1"/>
  <c r="AC49615" i="1"/>
  <c r="AC49616" i="1"/>
  <c r="AC49617" i="1"/>
  <c r="AC49618" i="1"/>
  <c r="AC49619" i="1"/>
  <c r="AC49620" i="1"/>
  <c r="AC49621" i="1"/>
  <c r="AD49621" i="1" s="1"/>
  <c r="AC49622" i="1"/>
  <c r="AC49623" i="1"/>
  <c r="AC49624" i="1"/>
  <c r="AC49625" i="1"/>
  <c r="AC49626" i="1"/>
  <c r="AC49627" i="1"/>
  <c r="AD49627" i="1" s="1"/>
  <c r="AC49628" i="1"/>
  <c r="AC49629" i="1"/>
  <c r="AC49630" i="1"/>
  <c r="AC49631" i="1"/>
  <c r="AC49632" i="1"/>
  <c r="AC49633" i="1"/>
  <c r="AD49633" i="1" s="1"/>
  <c r="AC49634" i="1"/>
  <c r="AC49635" i="1"/>
  <c r="AC49636" i="1"/>
  <c r="AC49637" i="1"/>
  <c r="AC49638" i="1"/>
  <c r="AC49639" i="1"/>
  <c r="AC49640" i="1"/>
  <c r="AC49641" i="1"/>
  <c r="AC49642" i="1"/>
  <c r="AC49643" i="1"/>
  <c r="AC49644" i="1"/>
  <c r="AC49645" i="1"/>
  <c r="AD49645" i="1" s="1"/>
  <c r="AC49646" i="1"/>
  <c r="AC49647" i="1"/>
  <c r="AC49648" i="1"/>
  <c r="AC49649" i="1"/>
  <c r="AC49650" i="1"/>
  <c r="AC49651" i="1"/>
  <c r="AC49652" i="1"/>
  <c r="AC49653" i="1"/>
  <c r="AC49654" i="1"/>
  <c r="AC49655" i="1"/>
  <c r="AC49656" i="1"/>
  <c r="AC49657" i="1"/>
  <c r="AD49657" i="1" s="1"/>
  <c r="AC49658" i="1"/>
  <c r="AC49659" i="1"/>
  <c r="AC49660" i="1"/>
  <c r="AC49661" i="1"/>
  <c r="AC49662" i="1"/>
  <c r="AC49663" i="1"/>
  <c r="AC49664" i="1"/>
  <c r="AC49665" i="1"/>
  <c r="AC49666" i="1"/>
  <c r="AC49667" i="1"/>
  <c r="AC49668" i="1"/>
  <c r="AC49669" i="1"/>
  <c r="AD49669" i="1" s="1"/>
  <c r="AC49670" i="1"/>
  <c r="AC49671" i="1"/>
  <c r="AC49672" i="1"/>
  <c r="AC49673" i="1"/>
  <c r="AC49674" i="1"/>
  <c r="AC49675" i="1"/>
  <c r="AC49676" i="1"/>
  <c r="AC49677" i="1"/>
  <c r="AC49678" i="1"/>
  <c r="AC49679" i="1"/>
  <c r="AC49680" i="1"/>
  <c r="AC49681" i="1"/>
  <c r="AD49681" i="1" s="1"/>
  <c r="AC49682" i="1"/>
  <c r="AC49683" i="1"/>
  <c r="AC49684" i="1"/>
  <c r="AC49685" i="1"/>
  <c r="AC49686" i="1"/>
  <c r="AC49687" i="1"/>
  <c r="AC49688" i="1"/>
  <c r="AC49689" i="1"/>
  <c r="AC49690" i="1"/>
  <c r="AC49691" i="1"/>
  <c r="AC49692" i="1"/>
  <c r="AC49693" i="1"/>
  <c r="AD49693" i="1" s="1"/>
  <c r="AC49694" i="1"/>
  <c r="AC49695" i="1"/>
  <c r="AC49696" i="1"/>
  <c r="AC49697" i="1"/>
  <c r="AC49698" i="1"/>
  <c r="AC49699" i="1"/>
  <c r="AC49700" i="1"/>
  <c r="AC49701" i="1"/>
  <c r="AC49702" i="1"/>
  <c r="AC49703" i="1"/>
  <c r="AC49704" i="1"/>
  <c r="AC49705" i="1"/>
  <c r="AD49705" i="1" s="1"/>
  <c r="AC49706" i="1"/>
  <c r="AC49707" i="1"/>
  <c r="AC49708" i="1"/>
  <c r="AC49709" i="1"/>
  <c r="AC49710" i="1"/>
  <c r="AC49711" i="1"/>
  <c r="AC49712" i="1"/>
  <c r="AC49713" i="1"/>
  <c r="AC49714" i="1"/>
  <c r="AC49715" i="1"/>
  <c r="AC49716" i="1"/>
  <c r="AC49717" i="1"/>
  <c r="AD49717" i="1" s="1"/>
  <c r="AC49718" i="1"/>
  <c r="AC49719" i="1"/>
  <c r="AC49720" i="1"/>
  <c r="AC49721" i="1"/>
  <c r="AC49722" i="1"/>
  <c r="AC49723" i="1"/>
  <c r="AC49724" i="1"/>
  <c r="AC49725" i="1"/>
  <c r="AC49726" i="1"/>
  <c r="AC49727" i="1"/>
  <c r="AC49728" i="1"/>
  <c r="AC49729" i="1"/>
  <c r="AD49729" i="1" s="1"/>
  <c r="AC49730" i="1"/>
  <c r="AC49731" i="1"/>
  <c r="AC49732" i="1"/>
  <c r="AC49733" i="1"/>
  <c r="AC49734" i="1"/>
  <c r="AC49735" i="1"/>
  <c r="AD49735" i="1" s="1"/>
  <c r="AC49736" i="1"/>
  <c r="AC49737" i="1"/>
  <c r="AC49738" i="1"/>
  <c r="AC49739" i="1"/>
  <c r="AC49740" i="1"/>
  <c r="AC49741" i="1"/>
  <c r="AD49741" i="1" s="1"/>
  <c r="AC49742" i="1"/>
  <c r="AC49743" i="1"/>
  <c r="AC49744" i="1"/>
  <c r="AC49745" i="1"/>
  <c r="AC49746" i="1"/>
  <c r="AC49747" i="1"/>
  <c r="AC49748" i="1"/>
  <c r="AC49749" i="1"/>
  <c r="AC49750" i="1"/>
  <c r="AC49751" i="1"/>
  <c r="AC49752" i="1"/>
  <c r="AC49753" i="1"/>
  <c r="AD49753" i="1" s="1"/>
  <c r="AC49754" i="1"/>
  <c r="AC49755" i="1"/>
  <c r="AC49756" i="1"/>
  <c r="AC49757" i="1"/>
  <c r="AC49758" i="1"/>
  <c r="AC49759" i="1"/>
  <c r="AC49760" i="1"/>
  <c r="AC49761" i="1"/>
  <c r="AC49762" i="1"/>
  <c r="AC49763" i="1"/>
  <c r="AC49764" i="1"/>
  <c r="AC49765" i="1"/>
  <c r="AD49765" i="1" s="1"/>
  <c r="AC49766" i="1"/>
  <c r="AC49767" i="1"/>
  <c r="AC49768" i="1"/>
  <c r="AC49769" i="1"/>
  <c r="AC49770" i="1"/>
  <c r="AC49771" i="1"/>
  <c r="AD49771" i="1" s="1"/>
  <c r="AC49772" i="1"/>
  <c r="AC49773" i="1"/>
  <c r="AC49774" i="1"/>
  <c r="AC49775" i="1"/>
  <c r="AC49776" i="1"/>
  <c r="AC49777" i="1"/>
  <c r="AD49777" i="1" s="1"/>
  <c r="AC49778" i="1"/>
  <c r="AC49779" i="1"/>
  <c r="AC49780" i="1"/>
  <c r="AC49781" i="1"/>
  <c r="AC49782" i="1"/>
  <c r="AC49783" i="1"/>
  <c r="AC49784" i="1"/>
  <c r="AC49785" i="1"/>
  <c r="AC49786" i="1"/>
  <c r="AC49787" i="1"/>
  <c r="AC49788" i="1"/>
  <c r="AC49789" i="1"/>
  <c r="AD49789" i="1" s="1"/>
  <c r="AC49790" i="1"/>
  <c r="AC49791" i="1"/>
  <c r="AC49792" i="1"/>
  <c r="AC49793" i="1"/>
  <c r="AC49794" i="1"/>
  <c r="AC49795" i="1"/>
  <c r="AC49796" i="1"/>
  <c r="AC49797" i="1"/>
  <c r="AC49798" i="1"/>
  <c r="AC49799" i="1"/>
  <c r="AC49800" i="1"/>
  <c r="AC49801" i="1"/>
  <c r="AD49801" i="1" s="1"/>
  <c r="AC49802" i="1"/>
  <c r="AC49803" i="1"/>
  <c r="AC49804" i="1"/>
  <c r="AC49805" i="1"/>
  <c r="AC49806" i="1"/>
  <c r="AC49807" i="1"/>
  <c r="AC49808" i="1"/>
  <c r="AC49809" i="1"/>
  <c r="AC49810" i="1"/>
  <c r="AC49811" i="1"/>
  <c r="AC49812" i="1"/>
  <c r="AC49813" i="1"/>
  <c r="AD49813" i="1" s="1"/>
  <c r="AC49814" i="1"/>
  <c r="AC49815" i="1"/>
  <c r="AC49816" i="1"/>
  <c r="AC49817" i="1"/>
  <c r="AC49818" i="1"/>
  <c r="AC49819" i="1"/>
  <c r="AC49820" i="1"/>
  <c r="AC49821" i="1"/>
  <c r="AC49822" i="1"/>
  <c r="AC49823" i="1"/>
  <c r="AC49824" i="1"/>
  <c r="AC49825" i="1"/>
  <c r="AD49825" i="1" s="1"/>
  <c r="AC49826" i="1"/>
  <c r="AC49827" i="1"/>
  <c r="AC49828" i="1"/>
  <c r="AC49829" i="1"/>
  <c r="AC49830" i="1"/>
  <c r="AC49831" i="1"/>
  <c r="AC49832" i="1"/>
  <c r="AC49833" i="1"/>
  <c r="AC49834" i="1"/>
  <c r="AC49835" i="1"/>
  <c r="AC49836" i="1"/>
  <c r="AC49837" i="1"/>
  <c r="AD49837" i="1" s="1"/>
  <c r="AC49838" i="1"/>
  <c r="AC49839" i="1"/>
  <c r="AC49840" i="1"/>
  <c r="AC49841" i="1"/>
  <c r="AC49842" i="1"/>
  <c r="AC49843" i="1"/>
  <c r="AC49844" i="1"/>
  <c r="AC49845" i="1"/>
  <c r="AC49846" i="1"/>
  <c r="AC49847" i="1"/>
  <c r="AC49848" i="1"/>
  <c r="AC49849" i="1"/>
  <c r="AD49849" i="1" s="1"/>
  <c r="AC49850" i="1"/>
  <c r="AC49851" i="1"/>
  <c r="AC49852" i="1"/>
  <c r="AC49853" i="1"/>
  <c r="AC49854" i="1"/>
  <c r="AC49855" i="1"/>
  <c r="AD49855" i="1" s="1"/>
  <c r="AC49856" i="1"/>
  <c r="AC49857" i="1"/>
  <c r="AC49858" i="1"/>
  <c r="AC49859" i="1"/>
  <c r="AC49860" i="1"/>
  <c r="AC49861" i="1"/>
  <c r="AD49861" i="1" s="1"/>
  <c r="AC49862" i="1"/>
  <c r="AC49863" i="1"/>
  <c r="AC49864" i="1"/>
  <c r="AC49865" i="1"/>
  <c r="AC49866" i="1"/>
  <c r="AC49867" i="1"/>
  <c r="AC49868" i="1"/>
  <c r="AC49869" i="1"/>
  <c r="AC49870" i="1"/>
  <c r="AC49871" i="1"/>
  <c r="AC49872" i="1"/>
  <c r="AC49873" i="1"/>
  <c r="AD49873" i="1" s="1"/>
  <c r="AC49874" i="1"/>
  <c r="AC49875" i="1"/>
  <c r="AC49876" i="1"/>
  <c r="AC49877" i="1"/>
  <c r="AC49878" i="1"/>
  <c r="AC49879" i="1"/>
  <c r="AD49879" i="1" s="1"/>
  <c r="AC49880" i="1"/>
  <c r="AC49881" i="1"/>
  <c r="AC49882" i="1"/>
  <c r="AC49883" i="1"/>
  <c r="AC49884" i="1"/>
  <c r="AC49885" i="1"/>
  <c r="AD49885" i="1" s="1"/>
  <c r="AC49886" i="1"/>
  <c r="AC49887" i="1"/>
  <c r="AC49888" i="1"/>
  <c r="AC49889" i="1"/>
  <c r="AC49890" i="1"/>
  <c r="AC49891" i="1"/>
  <c r="AC49892" i="1"/>
  <c r="AC49893" i="1"/>
  <c r="AC49894" i="1"/>
  <c r="AC49895" i="1"/>
  <c r="AC49896" i="1"/>
  <c r="AC49897" i="1"/>
  <c r="AC49898" i="1"/>
  <c r="AC49899" i="1"/>
  <c r="AC49900" i="1"/>
  <c r="AC49901" i="1"/>
  <c r="AC49902" i="1"/>
  <c r="AC49903" i="1"/>
  <c r="AC49904" i="1"/>
  <c r="AC49905" i="1"/>
  <c r="AC49906" i="1"/>
  <c r="AC49907" i="1"/>
  <c r="AC49908" i="1"/>
  <c r="AC49909" i="1"/>
  <c r="AC49910" i="1"/>
  <c r="AC49911" i="1"/>
  <c r="AC49912" i="1"/>
  <c r="AC49913" i="1"/>
  <c r="AC49914" i="1"/>
  <c r="AC49915" i="1"/>
  <c r="AC49916" i="1"/>
  <c r="AC49917" i="1"/>
  <c r="AC49918" i="1"/>
  <c r="AC49919" i="1"/>
  <c r="AC49920" i="1"/>
  <c r="AC49921" i="1"/>
  <c r="AC49922" i="1"/>
  <c r="AC49923" i="1"/>
  <c r="AC49924" i="1"/>
  <c r="AC49925" i="1"/>
  <c r="AC49926" i="1"/>
  <c r="AC49927" i="1"/>
  <c r="AC49928" i="1"/>
  <c r="AC49929" i="1"/>
  <c r="AC49930" i="1"/>
  <c r="AC49931" i="1"/>
  <c r="AC49932" i="1"/>
  <c r="AC49933" i="1"/>
  <c r="AC49934" i="1"/>
  <c r="AC49935" i="1"/>
  <c r="AC49936" i="1"/>
  <c r="AC49937" i="1"/>
  <c r="AC49938" i="1"/>
  <c r="AC49939" i="1"/>
  <c r="AC49940" i="1"/>
  <c r="AC49941" i="1"/>
  <c r="AC49942" i="1"/>
  <c r="AC49943" i="1"/>
  <c r="AC49944" i="1"/>
  <c r="AC49945" i="1"/>
  <c r="AC49946" i="1"/>
  <c r="AC49947" i="1"/>
  <c r="AC49948" i="1"/>
  <c r="AC49949" i="1"/>
  <c r="AC49950" i="1"/>
  <c r="AC49951" i="1"/>
  <c r="AC49952" i="1"/>
  <c r="AC49953" i="1"/>
  <c r="AC49954" i="1"/>
  <c r="AC49955" i="1"/>
  <c r="AC49956" i="1"/>
  <c r="AC49957" i="1"/>
  <c r="AC49958" i="1"/>
  <c r="AC49959" i="1"/>
  <c r="AC49960" i="1"/>
  <c r="AC49961" i="1"/>
  <c r="AC49962" i="1"/>
  <c r="AC49963" i="1"/>
  <c r="AC49964" i="1"/>
  <c r="AC49965" i="1"/>
  <c r="AC49966" i="1"/>
  <c r="AC49967" i="1"/>
  <c r="AC49968" i="1"/>
  <c r="AC49969" i="1"/>
  <c r="AC49970" i="1"/>
  <c r="AC49971" i="1"/>
  <c r="AC49972" i="1"/>
  <c r="AC49973" i="1"/>
  <c r="AC49974" i="1"/>
  <c r="AC49975" i="1"/>
  <c r="AC49976" i="1"/>
  <c r="AC49977" i="1"/>
  <c r="AC49978" i="1"/>
  <c r="AC49979" i="1"/>
  <c r="AC49980" i="1"/>
  <c r="AC49981" i="1"/>
  <c r="AC49982" i="1"/>
  <c r="AC49983" i="1"/>
  <c r="AC49984" i="1"/>
  <c r="AC49985" i="1"/>
  <c r="AC49986" i="1"/>
  <c r="AC49987" i="1"/>
  <c r="AC49988" i="1"/>
  <c r="AC49989" i="1"/>
  <c r="AC49990" i="1"/>
  <c r="AC49991" i="1"/>
  <c r="AC49992" i="1"/>
  <c r="AC49993" i="1"/>
  <c r="AC49994" i="1"/>
  <c r="AC49995" i="1"/>
  <c r="AC49996" i="1"/>
  <c r="AC49997" i="1"/>
  <c r="AC49998" i="1"/>
  <c r="AC49999" i="1"/>
  <c r="AC50000" i="1"/>
  <c r="AC50001" i="1"/>
  <c r="AC50002" i="1"/>
  <c r="AC50003" i="1"/>
  <c r="AC50004" i="1"/>
  <c r="AC50005" i="1"/>
  <c r="AC50006" i="1"/>
  <c r="AC50007" i="1"/>
  <c r="AC50008" i="1"/>
  <c r="AC50009" i="1"/>
  <c r="AC50010" i="1"/>
  <c r="AC50011" i="1"/>
  <c r="AC50012" i="1"/>
  <c r="AC50013" i="1"/>
  <c r="AC50014" i="1"/>
  <c r="AC50015" i="1"/>
  <c r="AC50016" i="1"/>
  <c r="AC50017" i="1"/>
  <c r="AC50018" i="1"/>
  <c r="AC50019" i="1"/>
  <c r="AC50020" i="1"/>
  <c r="AC50021" i="1"/>
  <c r="AC50022" i="1"/>
  <c r="AC50023" i="1"/>
  <c r="AC50024" i="1"/>
  <c r="AC50025" i="1"/>
  <c r="AC50026" i="1"/>
  <c r="AC50027" i="1"/>
  <c r="AC50028" i="1"/>
  <c r="AC50029" i="1"/>
  <c r="AC50030" i="1"/>
  <c r="AC50031" i="1"/>
  <c r="AC50032" i="1"/>
  <c r="AC50033" i="1"/>
  <c r="AC50034" i="1"/>
  <c r="AC50035" i="1"/>
  <c r="AC50036" i="1"/>
  <c r="AC50037" i="1"/>
  <c r="AC50038" i="1"/>
  <c r="AC50039" i="1"/>
  <c r="AC50040" i="1"/>
  <c r="AC50041" i="1"/>
  <c r="AC50042" i="1"/>
  <c r="AC50043" i="1"/>
  <c r="AC50044" i="1"/>
  <c r="AC50045" i="1"/>
  <c r="AC50046" i="1"/>
  <c r="AC50047" i="1"/>
  <c r="AC50048" i="1"/>
  <c r="AC50049" i="1"/>
  <c r="AC50050" i="1"/>
  <c r="AC50051" i="1"/>
  <c r="AC50052" i="1"/>
  <c r="AC50053" i="1"/>
  <c r="AC50054" i="1"/>
  <c r="AC50055" i="1"/>
  <c r="AC50056" i="1"/>
  <c r="AC50057" i="1"/>
  <c r="AC50058" i="1"/>
  <c r="AC50059" i="1"/>
  <c r="AC50060" i="1"/>
  <c r="AC50061" i="1"/>
  <c r="AC50062" i="1"/>
  <c r="AC50063" i="1"/>
  <c r="AC50064" i="1"/>
  <c r="AC50065" i="1"/>
  <c r="AC50066" i="1"/>
  <c r="AC50067" i="1"/>
  <c r="AC50068" i="1"/>
  <c r="AC50069" i="1"/>
  <c r="AC50070" i="1"/>
  <c r="AC50071" i="1"/>
  <c r="AC50072" i="1"/>
  <c r="AC50073" i="1"/>
  <c r="AC50074" i="1"/>
  <c r="AC50075" i="1"/>
  <c r="AC50076" i="1"/>
  <c r="AC50077" i="1"/>
  <c r="AC50078" i="1"/>
  <c r="AC50079" i="1"/>
  <c r="AC50080" i="1"/>
  <c r="AC50081" i="1"/>
  <c r="AC50082" i="1"/>
  <c r="AC50083" i="1"/>
  <c r="AC50084" i="1"/>
  <c r="AC50085" i="1"/>
  <c r="AC50086" i="1"/>
  <c r="AC50087" i="1"/>
  <c r="AC50088" i="1"/>
  <c r="AC50089" i="1"/>
  <c r="AC50090" i="1"/>
  <c r="AC50091" i="1"/>
  <c r="AC50092" i="1"/>
  <c r="AC50093" i="1"/>
  <c r="AC50094" i="1"/>
  <c r="AC50095" i="1"/>
  <c r="AC50096" i="1"/>
  <c r="AC50097" i="1"/>
  <c r="AC50098" i="1"/>
  <c r="AC50099" i="1"/>
  <c r="AC50100" i="1"/>
  <c r="AC50101" i="1"/>
  <c r="AC50102" i="1"/>
  <c r="AC50103" i="1"/>
  <c r="AC50104" i="1"/>
  <c r="AC50105" i="1"/>
  <c r="AC50106" i="1"/>
  <c r="AC50107" i="1"/>
  <c r="AC50108" i="1"/>
  <c r="AC50109" i="1"/>
  <c r="AC50110" i="1"/>
  <c r="AC50111" i="1"/>
  <c r="AC50112" i="1"/>
  <c r="AC50113" i="1"/>
  <c r="AC50114" i="1"/>
  <c r="AC50115" i="1"/>
  <c r="AC50116" i="1"/>
  <c r="AC50117" i="1"/>
  <c r="AC50118" i="1"/>
  <c r="AC50119" i="1"/>
  <c r="AC50120" i="1"/>
  <c r="AC50121" i="1"/>
  <c r="AC50122" i="1"/>
  <c r="AC50123" i="1"/>
  <c r="AC50124" i="1"/>
  <c r="AC50125" i="1"/>
  <c r="AC50126" i="1"/>
  <c r="AC50127" i="1"/>
  <c r="AC50128" i="1"/>
  <c r="AC50129" i="1"/>
  <c r="AC50130" i="1"/>
  <c r="AC50131" i="1"/>
  <c r="AC50132" i="1"/>
  <c r="AC50133" i="1"/>
  <c r="AC50134" i="1"/>
  <c r="AC50135" i="1"/>
  <c r="AC50136" i="1"/>
  <c r="AC50137" i="1"/>
  <c r="AC50138" i="1"/>
  <c r="AC50139" i="1"/>
  <c r="AC50140" i="1"/>
  <c r="AC50141" i="1"/>
  <c r="AC50142" i="1"/>
  <c r="AC50143" i="1"/>
  <c r="AC50144" i="1"/>
  <c r="AC50145" i="1"/>
  <c r="AC50146" i="1"/>
  <c r="AC50147" i="1"/>
  <c r="AC50148" i="1"/>
  <c r="AC50149" i="1"/>
  <c r="AC50150" i="1"/>
  <c r="AC50151" i="1"/>
  <c r="AC50152" i="1"/>
  <c r="AC50153" i="1"/>
  <c r="AC50154" i="1"/>
  <c r="AC50155" i="1"/>
  <c r="AC50156" i="1"/>
  <c r="AC50157" i="1"/>
  <c r="AC50158" i="1"/>
  <c r="AC50159" i="1"/>
  <c r="AC50160" i="1"/>
  <c r="AC50161" i="1"/>
  <c r="AC50162" i="1"/>
  <c r="AC50163" i="1"/>
  <c r="AC50164" i="1"/>
  <c r="AC50165" i="1"/>
  <c r="AC50166" i="1"/>
  <c r="AC50167" i="1"/>
  <c r="AC50168" i="1"/>
  <c r="AC50169" i="1"/>
  <c r="AC50170" i="1"/>
  <c r="AC50171" i="1"/>
  <c r="AC50172" i="1"/>
  <c r="AC50173" i="1"/>
  <c r="AC50174" i="1"/>
  <c r="AC50175" i="1"/>
  <c r="AC50176" i="1"/>
  <c r="AC50177" i="1"/>
  <c r="AC50178" i="1"/>
  <c r="AC50179" i="1"/>
  <c r="AC50180" i="1"/>
  <c r="AC50181" i="1"/>
  <c r="AC50182" i="1"/>
  <c r="AC50183" i="1"/>
  <c r="AC50184" i="1"/>
  <c r="AC50185" i="1"/>
  <c r="AC50186" i="1"/>
  <c r="AC50187" i="1"/>
  <c r="AC50188" i="1"/>
  <c r="AC50189" i="1"/>
  <c r="AC50190" i="1"/>
  <c r="AC50191" i="1"/>
  <c r="AC50192" i="1"/>
  <c r="AC50193" i="1"/>
  <c r="AC50194" i="1"/>
  <c r="AC50195" i="1"/>
  <c r="AC50196" i="1"/>
  <c r="AC50197" i="1"/>
  <c r="AC50198" i="1"/>
  <c r="AC50199" i="1"/>
  <c r="AC50200" i="1"/>
  <c r="AC50201" i="1"/>
  <c r="AC50202" i="1"/>
  <c r="AC50203" i="1"/>
  <c r="AC50204" i="1"/>
  <c r="AC50205" i="1"/>
  <c r="AC50206" i="1"/>
  <c r="AC50207" i="1"/>
  <c r="AC50208" i="1"/>
  <c r="AC50209" i="1"/>
  <c r="AC50210" i="1"/>
  <c r="AC50211" i="1"/>
  <c r="AC50212" i="1"/>
  <c r="AC50213" i="1"/>
  <c r="AC50214" i="1"/>
  <c r="AC50215" i="1"/>
  <c r="AC50216" i="1"/>
  <c r="AC50217" i="1"/>
  <c r="AC50218" i="1"/>
  <c r="AC50219" i="1"/>
  <c r="AC50220" i="1"/>
  <c r="AC50221" i="1"/>
  <c r="AC50222" i="1"/>
  <c r="AC50223" i="1"/>
  <c r="AC50224" i="1"/>
  <c r="AC50225" i="1"/>
  <c r="AC50226" i="1"/>
  <c r="AC50227" i="1"/>
  <c r="AC50228" i="1"/>
  <c r="AC50229" i="1"/>
  <c r="AC50230" i="1"/>
  <c r="AC50231" i="1"/>
  <c r="AC50232" i="1"/>
  <c r="AC50233" i="1"/>
  <c r="AC50234" i="1"/>
  <c r="AC50235" i="1"/>
  <c r="AC50236" i="1"/>
  <c r="AC50237" i="1"/>
  <c r="AC50238" i="1"/>
  <c r="AC50239" i="1"/>
  <c r="AC50240" i="1"/>
  <c r="AC50241" i="1"/>
  <c r="AC50242" i="1"/>
  <c r="AC50243" i="1"/>
  <c r="AC50244" i="1"/>
  <c r="AC50245" i="1"/>
  <c r="AC50246" i="1"/>
  <c r="AC50247" i="1"/>
  <c r="AC50248" i="1"/>
  <c r="AC50249" i="1"/>
  <c r="AC50250" i="1"/>
  <c r="AC50251" i="1"/>
  <c r="AC50252" i="1"/>
  <c r="AC50253" i="1"/>
  <c r="AC50254" i="1"/>
  <c r="AC50255" i="1"/>
  <c r="AC50256" i="1"/>
  <c r="AC50257" i="1"/>
  <c r="AC50258" i="1"/>
  <c r="AC50259" i="1"/>
  <c r="AC50260" i="1"/>
  <c r="AC50261" i="1"/>
  <c r="AC50262" i="1"/>
  <c r="AC50263" i="1"/>
  <c r="AC50264" i="1"/>
  <c r="AC50265" i="1"/>
  <c r="AC50266" i="1"/>
  <c r="AC50267" i="1"/>
  <c r="AC50268" i="1"/>
  <c r="AC50269" i="1"/>
  <c r="AC50270" i="1"/>
  <c r="AC50271" i="1"/>
  <c r="AC50272" i="1"/>
  <c r="AC50273" i="1"/>
  <c r="AC50274" i="1"/>
  <c r="AC50275" i="1"/>
  <c r="AC50276" i="1"/>
  <c r="AC50277" i="1"/>
  <c r="AC50278" i="1"/>
  <c r="AC50279" i="1"/>
  <c r="AC50280" i="1"/>
  <c r="AC50281" i="1"/>
  <c r="AC50282" i="1"/>
  <c r="AC50283" i="1"/>
  <c r="AC50284" i="1"/>
  <c r="AC50285" i="1"/>
  <c r="AC50286" i="1"/>
  <c r="AC50287" i="1"/>
  <c r="AC50288" i="1"/>
  <c r="AC50289" i="1"/>
  <c r="AC50290" i="1"/>
  <c r="AC50291" i="1"/>
  <c r="AC50292" i="1"/>
  <c r="AC50293" i="1"/>
  <c r="AC50294" i="1"/>
  <c r="AC50295" i="1"/>
  <c r="AC50296" i="1"/>
  <c r="AC50297" i="1"/>
  <c r="AC50298" i="1"/>
  <c r="AC50299" i="1"/>
  <c r="AC50300" i="1"/>
  <c r="AC50301" i="1"/>
  <c r="AC50302" i="1"/>
  <c r="AC50303" i="1"/>
  <c r="AC50304" i="1"/>
  <c r="AC50305" i="1"/>
  <c r="AC50306" i="1"/>
  <c r="AC50307" i="1"/>
  <c r="AC50308" i="1"/>
  <c r="AC50309" i="1"/>
  <c r="AC50310" i="1"/>
  <c r="AC50311" i="1"/>
  <c r="AC50312" i="1"/>
  <c r="AC50313" i="1"/>
  <c r="AC50314" i="1"/>
  <c r="AC50315" i="1"/>
  <c r="AC50316" i="1"/>
  <c r="AC50317" i="1"/>
  <c r="AC50318" i="1"/>
  <c r="AC50319" i="1"/>
  <c r="AC50320" i="1"/>
  <c r="AC50321" i="1"/>
  <c r="AC50322" i="1"/>
  <c r="AC50323" i="1"/>
  <c r="AC50324" i="1"/>
  <c r="AC50325" i="1"/>
  <c r="AC50326" i="1"/>
  <c r="AC50327" i="1"/>
  <c r="AC50328" i="1"/>
  <c r="AC50329" i="1"/>
  <c r="AC50330" i="1"/>
  <c r="AC50331" i="1"/>
  <c r="AC50332" i="1"/>
  <c r="AC50333" i="1"/>
  <c r="AC50334" i="1"/>
  <c r="AC50335" i="1"/>
  <c r="AC50336" i="1"/>
  <c r="AC50337" i="1"/>
  <c r="AC50338" i="1"/>
  <c r="AC50339" i="1"/>
  <c r="AC50340" i="1"/>
  <c r="AC50341" i="1"/>
  <c r="AC50342" i="1"/>
  <c r="AC50343" i="1"/>
  <c r="AC50344" i="1"/>
  <c r="AC50345" i="1"/>
  <c r="AC50346" i="1"/>
  <c r="AC50347" i="1"/>
  <c r="AC50348" i="1"/>
  <c r="AC50349" i="1"/>
  <c r="AC50350" i="1"/>
  <c r="AC50351" i="1"/>
  <c r="AC50352" i="1"/>
  <c r="AC50353" i="1"/>
  <c r="AC50354" i="1"/>
  <c r="AC50355" i="1"/>
  <c r="AC50356" i="1"/>
  <c r="AC50357" i="1"/>
  <c r="AC50358" i="1"/>
  <c r="AC50359" i="1"/>
  <c r="AC50360" i="1"/>
  <c r="AC50361" i="1"/>
  <c r="AC50362" i="1"/>
  <c r="AC50363" i="1"/>
  <c r="AC50364" i="1"/>
  <c r="AC50365" i="1"/>
  <c r="AC50366" i="1"/>
  <c r="AC50367" i="1"/>
  <c r="AC50368" i="1"/>
  <c r="AC50369" i="1"/>
  <c r="AC50370" i="1"/>
  <c r="AC50371" i="1"/>
  <c r="AC50372" i="1"/>
  <c r="AC50373" i="1"/>
  <c r="AC50374" i="1"/>
  <c r="AC50375" i="1"/>
  <c r="AC50376" i="1"/>
  <c r="AC50377" i="1"/>
  <c r="AC50378" i="1"/>
  <c r="AC50379" i="1"/>
  <c r="AC50380" i="1"/>
  <c r="AC50381" i="1"/>
  <c r="AC50382" i="1"/>
  <c r="AC50383" i="1"/>
  <c r="AC50384" i="1"/>
  <c r="AC50385" i="1"/>
  <c r="AC50386" i="1"/>
  <c r="AC50387" i="1"/>
  <c r="AC50388" i="1"/>
  <c r="AC50389" i="1"/>
  <c r="AC50390" i="1"/>
  <c r="AC50391" i="1"/>
  <c r="AC50392" i="1"/>
  <c r="AC50393" i="1"/>
  <c r="AC50394" i="1"/>
  <c r="AC50395" i="1"/>
  <c r="AC50396" i="1"/>
  <c r="AC50397" i="1"/>
  <c r="AC50398" i="1"/>
  <c r="AC50399" i="1"/>
  <c r="AC50400" i="1"/>
  <c r="AC50401" i="1"/>
  <c r="AC50402" i="1"/>
  <c r="AC50403" i="1"/>
  <c r="AC50404" i="1"/>
  <c r="AC50405" i="1"/>
  <c r="AC50406" i="1"/>
  <c r="AC50407" i="1"/>
  <c r="AC50408" i="1"/>
  <c r="AC50409" i="1"/>
  <c r="AC50410" i="1"/>
  <c r="AC50411" i="1"/>
  <c r="AC50412" i="1"/>
  <c r="AC50413" i="1"/>
  <c r="AC50414" i="1"/>
  <c r="AC50415" i="1"/>
  <c r="AC50416" i="1"/>
  <c r="AC50417" i="1"/>
  <c r="AC50418" i="1"/>
  <c r="AC50419" i="1"/>
  <c r="AC50420" i="1"/>
  <c r="AC50421" i="1"/>
  <c r="AC50422" i="1"/>
  <c r="AC50423" i="1"/>
  <c r="AC50424" i="1"/>
  <c r="AC50425" i="1"/>
  <c r="AC50426" i="1"/>
  <c r="AC50427" i="1"/>
  <c r="AC50428" i="1"/>
  <c r="AC50429" i="1"/>
  <c r="AC50430" i="1"/>
  <c r="AC50431" i="1"/>
  <c r="AC50432" i="1"/>
  <c r="AC50433" i="1"/>
  <c r="AC50434" i="1"/>
  <c r="AC50435" i="1"/>
  <c r="AC50436" i="1"/>
  <c r="AC50437" i="1"/>
  <c r="AC50438" i="1"/>
  <c r="AC50439" i="1"/>
  <c r="AC50440" i="1"/>
  <c r="AC50441" i="1"/>
  <c r="AC50442" i="1"/>
  <c r="AC50443" i="1"/>
  <c r="AC50444" i="1"/>
  <c r="AC50445" i="1"/>
  <c r="AC50446" i="1"/>
  <c r="AC50447" i="1"/>
  <c r="AC50448" i="1"/>
  <c r="AC50449" i="1"/>
  <c r="AC50450" i="1"/>
  <c r="AC50451" i="1"/>
  <c r="AC50452" i="1"/>
  <c r="AC50453" i="1"/>
  <c r="AC50454" i="1"/>
  <c r="AC50455" i="1"/>
  <c r="AC50456" i="1"/>
  <c r="AC50457" i="1"/>
  <c r="AC50458" i="1"/>
  <c r="AC50459" i="1"/>
  <c r="AC50460" i="1"/>
  <c r="AC50461" i="1"/>
  <c r="AC50462" i="1"/>
  <c r="AC50463" i="1"/>
  <c r="AC50464" i="1"/>
  <c r="AC50465" i="1"/>
  <c r="AC50466" i="1"/>
  <c r="AC50467" i="1"/>
  <c r="AC50468" i="1"/>
  <c r="AC50469" i="1"/>
  <c r="AC50470" i="1"/>
  <c r="AC50471" i="1"/>
  <c r="AC50472" i="1"/>
  <c r="AC50473" i="1"/>
  <c r="AC50474" i="1"/>
  <c r="AC50475" i="1"/>
  <c r="AC50476" i="1"/>
  <c r="AC50477" i="1"/>
  <c r="AC50478" i="1"/>
  <c r="AC50479" i="1"/>
  <c r="AC50480" i="1"/>
  <c r="AC50481" i="1"/>
  <c r="AC50482" i="1"/>
  <c r="AC50483" i="1"/>
  <c r="AC50484" i="1"/>
  <c r="AC50485" i="1"/>
  <c r="AC50486" i="1"/>
  <c r="AC50487" i="1"/>
  <c r="AC50488" i="1"/>
  <c r="AC50489" i="1"/>
  <c r="AC50490" i="1"/>
  <c r="AC50491" i="1"/>
  <c r="AC50492" i="1"/>
  <c r="AC50493" i="1"/>
  <c r="AC50494" i="1"/>
  <c r="AC50495" i="1"/>
  <c r="AC50496" i="1"/>
  <c r="AC50497" i="1"/>
  <c r="AC50498" i="1"/>
  <c r="AC50499" i="1"/>
  <c r="AC50500" i="1"/>
  <c r="AC50501" i="1"/>
  <c r="AC50502" i="1"/>
  <c r="AC50503" i="1"/>
  <c r="AC50504" i="1"/>
  <c r="AC50505" i="1"/>
  <c r="AC50506" i="1"/>
  <c r="AC50507" i="1"/>
  <c r="AC50508" i="1"/>
  <c r="AC50509" i="1"/>
  <c r="AC50510" i="1"/>
  <c r="AC50511" i="1"/>
  <c r="AC50512" i="1"/>
  <c r="AC50513" i="1"/>
  <c r="AC50514" i="1"/>
  <c r="AC50515" i="1"/>
  <c r="AC50516" i="1"/>
  <c r="AC50517" i="1"/>
  <c r="AC50518" i="1"/>
  <c r="AC50519" i="1"/>
  <c r="AC50520" i="1"/>
  <c r="AC50521" i="1"/>
  <c r="AC50522" i="1"/>
  <c r="AC50523" i="1"/>
  <c r="AC50524" i="1"/>
  <c r="AC50525" i="1"/>
  <c r="AC50526" i="1"/>
  <c r="AC50527" i="1"/>
  <c r="AC50528" i="1"/>
  <c r="AC50529" i="1"/>
  <c r="AC50530" i="1"/>
  <c r="AC50531" i="1"/>
  <c r="AC50532" i="1"/>
  <c r="AC50533" i="1"/>
  <c r="AC50534" i="1"/>
  <c r="AC50535" i="1"/>
  <c r="AC50536" i="1"/>
  <c r="AC50537" i="1"/>
  <c r="AC50538" i="1"/>
  <c r="AC50539" i="1"/>
  <c r="AC50540" i="1"/>
  <c r="AC50541" i="1"/>
  <c r="AC50542" i="1"/>
  <c r="AC50543" i="1"/>
  <c r="AC50544" i="1"/>
  <c r="AC50545" i="1"/>
  <c r="AC50546" i="1"/>
  <c r="AC50547" i="1"/>
  <c r="AC50548" i="1"/>
  <c r="AC50549" i="1"/>
  <c r="AC50550" i="1"/>
  <c r="AC50551" i="1"/>
  <c r="AC50552" i="1"/>
  <c r="AC50553" i="1"/>
  <c r="AC50554" i="1"/>
  <c r="AC50555" i="1"/>
  <c r="AC50556" i="1"/>
  <c r="AC50557" i="1"/>
  <c r="AC50558" i="1"/>
  <c r="AC50559" i="1"/>
  <c r="AC50560" i="1"/>
  <c r="AC50561" i="1"/>
  <c r="AC50562" i="1"/>
  <c r="AC50563" i="1"/>
  <c r="AC50564" i="1"/>
  <c r="AC50565" i="1"/>
  <c r="AC50566" i="1"/>
  <c r="AC50567" i="1"/>
  <c r="AC50568" i="1"/>
  <c r="AC50569" i="1"/>
  <c r="AC50570" i="1"/>
  <c r="AC50571" i="1"/>
  <c r="AC50572" i="1"/>
  <c r="AC50573" i="1"/>
  <c r="AC50574" i="1"/>
  <c r="AC50575" i="1"/>
  <c r="AC50576" i="1"/>
  <c r="AC50577" i="1"/>
  <c r="AC50578" i="1"/>
  <c r="AC50579" i="1"/>
  <c r="AC50580" i="1"/>
  <c r="AC50581" i="1"/>
  <c r="AC50582" i="1"/>
  <c r="AC50583" i="1"/>
  <c r="AC50584" i="1"/>
  <c r="AC50585" i="1"/>
  <c r="AC50586" i="1"/>
  <c r="AC50587" i="1"/>
  <c r="AC50588" i="1"/>
  <c r="AC50589" i="1"/>
  <c r="AC50590" i="1"/>
  <c r="AC50591" i="1"/>
  <c r="AC50592" i="1"/>
  <c r="AC50593" i="1"/>
  <c r="AC50594" i="1"/>
  <c r="AC50595" i="1"/>
  <c r="AC50596" i="1"/>
  <c r="AC50597" i="1"/>
  <c r="AC50598" i="1"/>
  <c r="AC50599" i="1"/>
  <c r="AC50600" i="1"/>
  <c r="AC50601" i="1"/>
  <c r="AC50602" i="1"/>
  <c r="AC50603" i="1"/>
  <c r="AC50604" i="1"/>
  <c r="AC50605" i="1"/>
  <c r="AC50606" i="1"/>
  <c r="AC50607" i="1"/>
  <c r="AC50608" i="1"/>
  <c r="AC50609" i="1"/>
  <c r="AC50610" i="1"/>
  <c r="AC50611" i="1"/>
  <c r="AC50612" i="1"/>
  <c r="AC50613" i="1"/>
  <c r="AC50614" i="1"/>
  <c r="AC50615" i="1"/>
  <c r="AC50616" i="1"/>
  <c r="AC50617" i="1"/>
  <c r="AC50618" i="1"/>
  <c r="AC50619" i="1"/>
  <c r="AC50620" i="1"/>
  <c r="AC50621" i="1"/>
  <c r="AC50622" i="1"/>
  <c r="AC50623" i="1"/>
  <c r="AC50624" i="1"/>
  <c r="AC50625" i="1"/>
  <c r="AC50626" i="1"/>
  <c r="AC50627" i="1"/>
  <c r="AC50628" i="1"/>
  <c r="AC50629" i="1"/>
  <c r="AC50630" i="1"/>
  <c r="AC50631" i="1"/>
  <c r="AC50632" i="1"/>
  <c r="AC50633" i="1"/>
  <c r="AC50634" i="1"/>
  <c r="AC50635" i="1"/>
  <c r="AC50636" i="1"/>
  <c r="AC50637" i="1"/>
  <c r="AC50638" i="1"/>
  <c r="AC50639" i="1"/>
  <c r="AC50640" i="1"/>
  <c r="AC50641" i="1"/>
  <c r="AC50642" i="1"/>
  <c r="AC50643" i="1"/>
  <c r="AC50644" i="1"/>
  <c r="AC50645" i="1"/>
  <c r="AC50646" i="1"/>
  <c r="AC50647" i="1"/>
  <c r="AC50648" i="1"/>
  <c r="AC50649" i="1"/>
  <c r="AC50650" i="1"/>
  <c r="AC50651" i="1"/>
  <c r="AC50652" i="1"/>
  <c r="AC50653" i="1"/>
  <c r="AC50654" i="1"/>
  <c r="AC50655" i="1"/>
  <c r="AC50656" i="1"/>
  <c r="AC50657" i="1"/>
  <c r="AC50658" i="1"/>
  <c r="AC50659" i="1"/>
  <c r="AC50660" i="1"/>
  <c r="AC50661" i="1"/>
  <c r="AC50662" i="1"/>
  <c r="AC50663" i="1"/>
  <c r="AC50664" i="1"/>
  <c r="AC50665" i="1"/>
  <c r="AC50666" i="1"/>
  <c r="AC50667" i="1"/>
  <c r="AC50668" i="1"/>
  <c r="AC50669" i="1"/>
  <c r="AC50670" i="1"/>
  <c r="AC50671" i="1"/>
  <c r="AC50672" i="1"/>
  <c r="AC50673" i="1"/>
  <c r="AC50674" i="1"/>
  <c r="AC50675" i="1"/>
  <c r="AC50676" i="1"/>
  <c r="AC50677" i="1"/>
  <c r="AC50678" i="1"/>
  <c r="AC50679" i="1"/>
  <c r="AC50680" i="1"/>
  <c r="AC50681" i="1"/>
  <c r="AC50682" i="1"/>
  <c r="AC50683" i="1"/>
  <c r="AC50684" i="1"/>
  <c r="AC50685" i="1"/>
  <c r="AC50686" i="1"/>
  <c r="AC50687" i="1"/>
  <c r="AC50688" i="1"/>
  <c r="AC50689" i="1"/>
  <c r="AC50690" i="1"/>
  <c r="AC50691" i="1"/>
  <c r="AC50692" i="1"/>
  <c r="AC50693" i="1"/>
  <c r="AC50694" i="1"/>
  <c r="AC50695" i="1"/>
  <c r="AC50696" i="1"/>
  <c r="AC50697" i="1"/>
  <c r="AC50698" i="1"/>
  <c r="AC50699" i="1"/>
  <c r="AC50700" i="1"/>
  <c r="AC50701" i="1"/>
  <c r="AC50702" i="1"/>
  <c r="AC50703" i="1"/>
  <c r="AC50704" i="1"/>
  <c r="AC50705" i="1"/>
  <c r="AC50706" i="1"/>
  <c r="AC50707" i="1"/>
  <c r="AC50708" i="1"/>
  <c r="AC50709" i="1"/>
  <c r="AC50710" i="1"/>
  <c r="AC50711" i="1"/>
  <c r="AC50712" i="1"/>
  <c r="AC50713" i="1"/>
  <c r="AC50714" i="1"/>
  <c r="AC50715" i="1"/>
  <c r="AC50716" i="1"/>
  <c r="AC50717" i="1"/>
  <c r="AC50718" i="1"/>
  <c r="AC50719" i="1"/>
  <c r="AC50720" i="1"/>
  <c r="AC50721" i="1"/>
  <c r="AC50722" i="1"/>
  <c r="AC50723" i="1"/>
  <c r="AC50724" i="1"/>
  <c r="AC50725" i="1"/>
  <c r="AC50726" i="1"/>
  <c r="AC50727" i="1"/>
  <c r="AC50728" i="1"/>
  <c r="AC50729" i="1"/>
  <c r="AC50730" i="1"/>
  <c r="AC50731" i="1"/>
  <c r="AC50732" i="1"/>
  <c r="AC50733" i="1"/>
  <c r="AC50734" i="1"/>
  <c r="AC50735" i="1"/>
  <c r="AC50736" i="1"/>
  <c r="AC50737" i="1"/>
  <c r="AC50738" i="1"/>
  <c r="AC50739" i="1"/>
  <c r="AC50740" i="1"/>
  <c r="AC50741" i="1"/>
  <c r="AC50742" i="1"/>
  <c r="AC50743" i="1"/>
  <c r="AC50744" i="1"/>
  <c r="AC50745" i="1"/>
  <c r="AC50746" i="1"/>
  <c r="AC50747" i="1"/>
  <c r="AC50748" i="1"/>
  <c r="AC50749" i="1"/>
  <c r="AC50750" i="1"/>
  <c r="AC50751" i="1"/>
  <c r="AC50752" i="1"/>
  <c r="AC50753" i="1"/>
  <c r="AC50754" i="1"/>
  <c r="AC50755" i="1"/>
  <c r="AC50756" i="1"/>
  <c r="AC50757" i="1"/>
  <c r="AC50758" i="1"/>
  <c r="AC50759" i="1"/>
  <c r="AC50760" i="1"/>
  <c r="AC50761" i="1"/>
  <c r="AC50762" i="1"/>
  <c r="AC50763" i="1"/>
  <c r="AC50764" i="1"/>
  <c r="AC50765" i="1"/>
  <c r="AC50766" i="1"/>
  <c r="AC50767" i="1"/>
  <c r="AC50768" i="1"/>
  <c r="AC50769" i="1"/>
  <c r="AC50770" i="1"/>
  <c r="AC50771" i="1"/>
  <c r="AC50772" i="1"/>
  <c r="AC50773" i="1"/>
  <c r="AC50774" i="1"/>
  <c r="AC50775" i="1"/>
  <c r="AC50776" i="1"/>
  <c r="AC50777" i="1"/>
  <c r="AC50778" i="1"/>
  <c r="AC50779" i="1"/>
  <c r="AC50780" i="1"/>
  <c r="AC50781" i="1"/>
  <c r="AC50782" i="1"/>
  <c r="AC50783" i="1"/>
  <c r="AC50784" i="1"/>
  <c r="AC50785" i="1"/>
  <c r="AC50786" i="1"/>
  <c r="AC50787" i="1"/>
  <c r="AC50788" i="1"/>
  <c r="AC50789" i="1"/>
  <c r="AC50790" i="1"/>
  <c r="AC50791" i="1"/>
  <c r="AC50792" i="1"/>
  <c r="AC50793" i="1"/>
  <c r="AC50794" i="1"/>
  <c r="AC50795" i="1"/>
  <c r="AC50796" i="1"/>
  <c r="AC50797" i="1"/>
  <c r="AC50798" i="1"/>
  <c r="AC50799" i="1"/>
  <c r="AC50800" i="1"/>
  <c r="AC50801" i="1"/>
  <c r="AC50802" i="1"/>
  <c r="AC50803" i="1"/>
  <c r="AC50804" i="1"/>
  <c r="AC50805" i="1"/>
  <c r="AC50806" i="1"/>
  <c r="AC50807" i="1"/>
  <c r="AC50808" i="1"/>
  <c r="AC50809" i="1"/>
  <c r="AC50810" i="1"/>
  <c r="AC50811" i="1"/>
  <c r="AC50812" i="1"/>
  <c r="AC50813" i="1"/>
  <c r="AC50814" i="1"/>
  <c r="AC50815" i="1"/>
  <c r="AC50816" i="1"/>
  <c r="AC50817" i="1"/>
  <c r="AC50818" i="1"/>
  <c r="AC50819" i="1"/>
  <c r="AC50820" i="1"/>
  <c r="AC50821" i="1"/>
  <c r="AC50822" i="1"/>
  <c r="AC50823" i="1"/>
  <c r="AC50824" i="1"/>
  <c r="AC50825" i="1"/>
  <c r="AC50826" i="1"/>
  <c r="AC50827" i="1"/>
  <c r="AC50828" i="1"/>
  <c r="AC50829" i="1"/>
  <c r="AC50830" i="1"/>
  <c r="AC50831" i="1"/>
  <c r="AC50832" i="1"/>
  <c r="AC50833" i="1"/>
  <c r="AC50834" i="1"/>
  <c r="AC50835" i="1"/>
  <c r="AC50836" i="1"/>
  <c r="AC50837" i="1"/>
  <c r="AC50838" i="1"/>
  <c r="AC50839" i="1"/>
  <c r="AC50840" i="1"/>
  <c r="AC50841" i="1"/>
  <c r="AC50842" i="1"/>
  <c r="AC50843" i="1"/>
  <c r="AC50844" i="1"/>
  <c r="AC50845" i="1"/>
  <c r="AC50846" i="1"/>
  <c r="AC50847" i="1"/>
  <c r="AC50848" i="1"/>
  <c r="AC50849" i="1"/>
  <c r="AC50850" i="1"/>
  <c r="AC50851" i="1"/>
  <c r="AC50852" i="1"/>
  <c r="AC50853" i="1"/>
  <c r="AC50854" i="1"/>
  <c r="AC50855" i="1"/>
  <c r="AC50856" i="1"/>
  <c r="AC50857" i="1"/>
  <c r="AC50858" i="1"/>
  <c r="AC50859" i="1"/>
  <c r="AC50860" i="1"/>
  <c r="AC50861" i="1"/>
  <c r="AC50862" i="1"/>
  <c r="AC50863" i="1"/>
  <c r="AC50864" i="1"/>
  <c r="AC50865" i="1"/>
  <c r="AC50866" i="1"/>
  <c r="AC50867" i="1"/>
  <c r="AC50868" i="1"/>
  <c r="AC50869" i="1"/>
  <c r="AC50870" i="1"/>
  <c r="AC50871" i="1"/>
  <c r="AC50872" i="1"/>
  <c r="AC50873" i="1"/>
  <c r="AC50874" i="1"/>
  <c r="AC50875" i="1"/>
  <c r="AC50876" i="1"/>
  <c r="AC50877" i="1"/>
  <c r="AC50878" i="1"/>
  <c r="AC50879" i="1"/>
  <c r="AC50880" i="1"/>
  <c r="AC50881" i="1"/>
  <c r="AC50882" i="1"/>
  <c r="AC50883" i="1"/>
  <c r="AC50884" i="1"/>
  <c r="AC50885" i="1"/>
  <c r="AC50886" i="1"/>
  <c r="AC50887" i="1"/>
  <c r="AC50888" i="1"/>
  <c r="AC50889" i="1"/>
  <c r="AC50890" i="1"/>
  <c r="AC50891" i="1"/>
  <c r="AC50892" i="1"/>
  <c r="AC50893" i="1"/>
  <c r="AC50894" i="1"/>
  <c r="AC50895" i="1"/>
  <c r="AC50896" i="1"/>
  <c r="AC50897" i="1"/>
  <c r="AC50898" i="1"/>
  <c r="AC50899" i="1"/>
  <c r="AC50900" i="1"/>
  <c r="AC50901" i="1"/>
  <c r="AC50902" i="1"/>
  <c r="AC50903" i="1"/>
  <c r="AC50904" i="1"/>
  <c r="AC50905" i="1"/>
  <c r="AC50906" i="1"/>
  <c r="AC50907" i="1"/>
  <c r="AC50908" i="1"/>
  <c r="AC50909" i="1"/>
  <c r="AC50910" i="1"/>
  <c r="AC50911" i="1"/>
  <c r="AC50912" i="1"/>
  <c r="AC50913" i="1"/>
  <c r="AC50914" i="1"/>
  <c r="AC50915" i="1"/>
  <c r="AC50916" i="1"/>
  <c r="AC50917" i="1"/>
  <c r="AC50918" i="1"/>
  <c r="AC50919" i="1"/>
  <c r="AC50920" i="1"/>
  <c r="AC50921" i="1"/>
  <c r="AC50922" i="1"/>
  <c r="AC50923" i="1"/>
  <c r="AC50924" i="1"/>
  <c r="AC50925" i="1"/>
  <c r="AC50926" i="1"/>
  <c r="AC50927" i="1"/>
  <c r="AC50928" i="1"/>
  <c r="AC50929" i="1"/>
  <c r="AC50930" i="1"/>
  <c r="AC50931" i="1"/>
  <c r="AC50932" i="1"/>
  <c r="AC50933" i="1"/>
  <c r="AC50934" i="1"/>
  <c r="AC50935" i="1"/>
  <c r="AC50936" i="1"/>
  <c r="AC50937" i="1"/>
  <c r="AC50938" i="1"/>
  <c r="AC50939" i="1"/>
  <c r="AC50940" i="1"/>
  <c r="AC50941" i="1"/>
  <c r="AC50942" i="1"/>
  <c r="AC50943" i="1"/>
  <c r="AC50944" i="1"/>
  <c r="AC50945" i="1"/>
  <c r="AC50946" i="1"/>
  <c r="AC50947" i="1"/>
  <c r="AC50948" i="1"/>
  <c r="AC50949" i="1"/>
  <c r="AC50950" i="1"/>
  <c r="AC50951" i="1"/>
  <c r="AC50952" i="1"/>
  <c r="AC50953" i="1"/>
  <c r="AC50954" i="1"/>
  <c r="AC50955" i="1"/>
  <c r="AC50956" i="1"/>
  <c r="AC50957" i="1"/>
  <c r="AC50958" i="1"/>
  <c r="AC50959" i="1"/>
  <c r="AC50960" i="1"/>
  <c r="AC50961" i="1"/>
  <c r="AC50962" i="1"/>
  <c r="AC50963" i="1"/>
  <c r="AC50964" i="1"/>
  <c r="AC50965" i="1"/>
  <c r="AC50966" i="1"/>
  <c r="AC50967" i="1"/>
  <c r="AC50968" i="1"/>
  <c r="AC50969" i="1"/>
  <c r="AC50970" i="1"/>
  <c r="AC50971" i="1"/>
  <c r="AC50972" i="1"/>
  <c r="AC50973" i="1"/>
  <c r="AC50974" i="1"/>
  <c r="AC50975" i="1"/>
  <c r="AC50976" i="1"/>
  <c r="AC50977" i="1"/>
  <c r="AC50978" i="1"/>
  <c r="AC50979" i="1"/>
  <c r="AC50980" i="1"/>
  <c r="AC50981" i="1"/>
  <c r="AC50982" i="1"/>
  <c r="AC50983" i="1"/>
  <c r="AC50984" i="1"/>
  <c r="AC50985" i="1"/>
  <c r="AC50986" i="1"/>
  <c r="AC50987" i="1"/>
  <c r="AC50988" i="1"/>
  <c r="AC50989" i="1"/>
  <c r="AC50990" i="1"/>
  <c r="AC50991" i="1"/>
  <c r="AC50992" i="1"/>
  <c r="AC50993" i="1"/>
  <c r="AC50994" i="1"/>
  <c r="AC50995" i="1"/>
  <c r="AC50996" i="1"/>
  <c r="AC50997" i="1"/>
  <c r="AC50998" i="1"/>
  <c r="AC50999" i="1"/>
  <c r="AC51000" i="1"/>
  <c r="AC51001" i="1"/>
  <c r="AC51002" i="1"/>
  <c r="AC51003" i="1"/>
  <c r="AC51004" i="1"/>
  <c r="AC51005" i="1"/>
  <c r="AC51006" i="1"/>
  <c r="AC51007" i="1"/>
  <c r="AC51008" i="1"/>
  <c r="AC51009" i="1"/>
  <c r="AC51010" i="1"/>
  <c r="AC51011" i="1"/>
  <c r="AC51012" i="1"/>
  <c r="AC51013" i="1"/>
  <c r="AC51014" i="1"/>
  <c r="AC51015" i="1"/>
  <c r="AC51016" i="1"/>
  <c r="AC51017" i="1"/>
  <c r="AC51018" i="1"/>
  <c r="AC51019" i="1"/>
  <c r="AC51020" i="1"/>
  <c r="AC51021" i="1"/>
  <c r="AC51022" i="1"/>
  <c r="AC51023" i="1"/>
  <c r="AC51024" i="1"/>
  <c r="AC51025" i="1"/>
  <c r="AC51026" i="1"/>
  <c r="AC51027" i="1"/>
  <c r="AC51028" i="1"/>
  <c r="AC51029" i="1"/>
  <c r="AC51030" i="1"/>
  <c r="AC51031" i="1"/>
  <c r="AC51032" i="1"/>
  <c r="AC51033" i="1"/>
  <c r="AC51034" i="1"/>
  <c r="AC51035" i="1"/>
  <c r="AC51036" i="1"/>
  <c r="AC51037" i="1"/>
  <c r="AC51038" i="1"/>
  <c r="AC51039" i="1"/>
  <c r="AC51040" i="1"/>
  <c r="AC51041" i="1"/>
  <c r="AC51042" i="1"/>
  <c r="AC51043" i="1"/>
  <c r="AC51044" i="1"/>
  <c r="AC51045" i="1"/>
  <c r="AC51046" i="1"/>
  <c r="AC51047" i="1"/>
  <c r="AC51048" i="1"/>
  <c r="AC51049" i="1"/>
  <c r="AC51050" i="1"/>
  <c r="AC51051" i="1"/>
  <c r="AC51052" i="1"/>
  <c r="AC51053" i="1"/>
  <c r="AC51054" i="1"/>
  <c r="AC51055" i="1"/>
  <c r="AC51056" i="1"/>
  <c r="AC51057" i="1"/>
  <c r="AC51058" i="1"/>
  <c r="AC51059" i="1"/>
  <c r="AC51060" i="1"/>
  <c r="AC51061" i="1"/>
  <c r="AC51062" i="1"/>
  <c r="AC51063" i="1"/>
  <c r="AC51064" i="1"/>
  <c r="AC51065" i="1"/>
  <c r="AC51066" i="1"/>
  <c r="AC51067" i="1"/>
  <c r="AC51068" i="1"/>
  <c r="AC51069" i="1"/>
  <c r="AC51070" i="1"/>
  <c r="AC51071" i="1"/>
  <c r="AC51072" i="1"/>
  <c r="AC51073" i="1"/>
  <c r="AC51074" i="1"/>
  <c r="AC51075" i="1"/>
  <c r="AC51076" i="1"/>
  <c r="AC51077" i="1"/>
  <c r="AC51078" i="1"/>
  <c r="AC51079" i="1"/>
  <c r="AC51080" i="1"/>
  <c r="AC51081" i="1"/>
  <c r="AC51082" i="1"/>
  <c r="AC51083" i="1"/>
  <c r="AC51084" i="1"/>
  <c r="AC51085" i="1"/>
  <c r="AC51086" i="1"/>
  <c r="AC51087" i="1"/>
  <c r="AC51088" i="1"/>
  <c r="AC51089" i="1"/>
  <c r="AC51090" i="1"/>
  <c r="AC51091" i="1"/>
  <c r="AC51092" i="1"/>
  <c r="AC51093" i="1"/>
  <c r="AC51094" i="1"/>
  <c r="AC51095" i="1"/>
  <c r="AC51096" i="1"/>
  <c r="AC51097" i="1"/>
  <c r="AC51098" i="1"/>
  <c r="AC51099" i="1"/>
  <c r="AC51100" i="1"/>
  <c r="AC51101" i="1"/>
  <c r="AC51102" i="1"/>
  <c r="AC51103" i="1"/>
  <c r="AC51104" i="1"/>
  <c r="AC51105" i="1"/>
  <c r="AC51106" i="1"/>
  <c r="AC51107" i="1"/>
  <c r="AC51108" i="1"/>
  <c r="AC51109" i="1"/>
  <c r="AC51110" i="1"/>
  <c r="AC51111" i="1"/>
  <c r="AC51112" i="1"/>
  <c r="AC51113" i="1"/>
  <c r="AC51114" i="1"/>
  <c r="AC51115" i="1"/>
  <c r="AC51116" i="1"/>
  <c r="AC51117" i="1"/>
  <c r="AC51118" i="1"/>
  <c r="AC51119" i="1"/>
  <c r="AC51120" i="1"/>
  <c r="AC51121" i="1"/>
  <c r="AC51122" i="1"/>
  <c r="AC51123" i="1"/>
  <c r="AC51124" i="1"/>
  <c r="AC51125" i="1"/>
  <c r="AC51126" i="1"/>
  <c r="AC51127" i="1"/>
  <c r="AC51128" i="1"/>
  <c r="AC51129" i="1"/>
  <c r="AC51130" i="1"/>
  <c r="AC51131" i="1"/>
  <c r="AC51132" i="1"/>
  <c r="AC51133" i="1"/>
  <c r="AC51134" i="1"/>
  <c r="AC51135" i="1"/>
  <c r="AC51136" i="1"/>
  <c r="AC51137" i="1"/>
  <c r="AC51138" i="1"/>
  <c r="AC51139" i="1"/>
  <c r="AC51140" i="1"/>
  <c r="AC51141" i="1"/>
  <c r="AC51142" i="1"/>
  <c r="AC51143" i="1"/>
  <c r="AC51144" i="1"/>
  <c r="AC51145" i="1"/>
  <c r="AC51146" i="1"/>
  <c r="AC51147" i="1"/>
  <c r="AC51148" i="1"/>
  <c r="AC51149" i="1"/>
  <c r="AC51150" i="1"/>
  <c r="AC51151" i="1"/>
  <c r="AC51152" i="1"/>
  <c r="AC51153" i="1"/>
  <c r="AC51154" i="1"/>
  <c r="AC51155" i="1"/>
  <c r="AC51156" i="1"/>
  <c r="AC51157" i="1"/>
  <c r="AC51158" i="1"/>
  <c r="AC51159" i="1"/>
  <c r="AC51160" i="1"/>
  <c r="AC51161" i="1"/>
  <c r="AC51162" i="1"/>
  <c r="AC51163" i="1"/>
  <c r="AC51164" i="1"/>
  <c r="AC51165" i="1"/>
  <c r="AC51166" i="1"/>
  <c r="AC51167" i="1"/>
  <c r="AC51168" i="1"/>
  <c r="AC51169" i="1"/>
  <c r="AC51170" i="1"/>
  <c r="AC51171" i="1"/>
  <c r="AC51172" i="1"/>
  <c r="AC51173" i="1"/>
  <c r="AC51174" i="1"/>
  <c r="AC51175" i="1"/>
  <c r="AC51176" i="1"/>
  <c r="AC51177" i="1"/>
  <c r="AC51178" i="1"/>
  <c r="AC51179" i="1"/>
  <c r="AC51180" i="1"/>
  <c r="AC51181" i="1"/>
  <c r="AC51182" i="1"/>
  <c r="AC51183" i="1"/>
  <c r="AC51184" i="1"/>
  <c r="AC51185" i="1"/>
  <c r="AC51186" i="1"/>
  <c r="AC51187" i="1"/>
  <c r="AC51188" i="1"/>
  <c r="AC51189" i="1"/>
  <c r="AC51190" i="1"/>
  <c r="AC51191" i="1"/>
  <c r="AC51192" i="1"/>
  <c r="AC51193" i="1"/>
  <c r="AC51194" i="1"/>
  <c r="AC51195" i="1"/>
  <c r="AC51196" i="1"/>
  <c r="AC51197" i="1"/>
  <c r="AC51198" i="1"/>
  <c r="AC51199" i="1"/>
  <c r="AC51200" i="1"/>
  <c r="AC51201" i="1"/>
  <c r="AC51202" i="1"/>
  <c r="AC51203" i="1"/>
  <c r="AC51204" i="1"/>
  <c r="AC51205" i="1"/>
  <c r="AC51206" i="1"/>
  <c r="AC51207" i="1"/>
  <c r="AC51208" i="1"/>
  <c r="AC51209" i="1"/>
  <c r="AC51210" i="1"/>
  <c r="AC51211" i="1"/>
  <c r="AC51212" i="1"/>
  <c r="AC51213" i="1"/>
  <c r="AC51214" i="1"/>
  <c r="AC51215" i="1"/>
  <c r="AC51216" i="1"/>
  <c r="AC51217" i="1"/>
  <c r="AC51218" i="1"/>
  <c r="AC51219" i="1"/>
  <c r="AC51220" i="1"/>
  <c r="AC51221" i="1"/>
  <c r="AC51222" i="1"/>
  <c r="AC51223" i="1"/>
  <c r="AC51224" i="1"/>
  <c r="AC51225" i="1"/>
  <c r="AC51226" i="1"/>
  <c r="AC51227" i="1"/>
  <c r="AC51228" i="1"/>
  <c r="AC51229" i="1"/>
  <c r="AC51230" i="1"/>
  <c r="AC51231" i="1"/>
  <c r="AC51232" i="1"/>
  <c r="AC51233" i="1"/>
  <c r="AC51234" i="1"/>
  <c r="AC51235" i="1"/>
  <c r="AC51236" i="1"/>
  <c r="AC51237" i="1"/>
  <c r="AC51238" i="1"/>
  <c r="AC51239" i="1"/>
  <c r="AC51240" i="1"/>
  <c r="AC51241" i="1"/>
  <c r="AC51242" i="1"/>
  <c r="AC51243" i="1"/>
  <c r="AC51244" i="1"/>
  <c r="AC51245" i="1"/>
  <c r="AC51246" i="1"/>
  <c r="AC51247" i="1"/>
  <c r="AC51248" i="1"/>
  <c r="AC51249" i="1"/>
  <c r="AC51250" i="1"/>
  <c r="AC51251" i="1"/>
  <c r="AC51252" i="1"/>
  <c r="AC51253" i="1"/>
  <c r="AC51254" i="1"/>
  <c r="AC51255" i="1"/>
  <c r="AC51256" i="1"/>
  <c r="AC51257" i="1"/>
  <c r="AC51258" i="1"/>
  <c r="AC51259" i="1"/>
  <c r="AC51260" i="1"/>
  <c r="AC51261" i="1"/>
  <c r="AC51262" i="1"/>
  <c r="AC51263" i="1"/>
  <c r="AC51264" i="1"/>
  <c r="AC51265" i="1"/>
  <c r="AC51266" i="1"/>
  <c r="AC51267" i="1"/>
  <c r="AC51268" i="1"/>
  <c r="AC51269" i="1"/>
  <c r="AC51270" i="1"/>
  <c r="AC51271" i="1"/>
  <c r="AC51272" i="1"/>
  <c r="AC51273" i="1"/>
  <c r="AC51274" i="1"/>
  <c r="AC51275" i="1"/>
  <c r="AC51276" i="1"/>
  <c r="AC51277" i="1"/>
  <c r="AC51278" i="1"/>
  <c r="AC51279" i="1"/>
  <c r="AC51280" i="1"/>
  <c r="AC51281" i="1"/>
  <c r="AC51282" i="1"/>
  <c r="AC51283" i="1"/>
  <c r="AC51284" i="1"/>
  <c r="AC51285" i="1"/>
  <c r="AC51286" i="1"/>
  <c r="AC51287" i="1"/>
  <c r="AC51288" i="1"/>
  <c r="AC51289" i="1"/>
  <c r="AC51290" i="1"/>
  <c r="AC51291" i="1"/>
  <c r="AC51292" i="1"/>
  <c r="AC51293" i="1"/>
  <c r="AC51294" i="1"/>
  <c r="AC51295" i="1"/>
  <c r="AC51296" i="1"/>
  <c r="AC51297" i="1"/>
  <c r="AC51298" i="1"/>
  <c r="AC51299" i="1"/>
  <c r="AC51300" i="1"/>
  <c r="AC51301" i="1"/>
  <c r="AC51302" i="1"/>
  <c r="AC51303" i="1"/>
  <c r="AC51304" i="1"/>
  <c r="AC51305" i="1"/>
  <c r="AC51306" i="1"/>
  <c r="AC51307" i="1"/>
  <c r="AC51308" i="1"/>
  <c r="AC51309" i="1"/>
  <c r="AC51310" i="1"/>
  <c r="AC51311" i="1"/>
  <c r="AC51312" i="1"/>
  <c r="AC51313" i="1"/>
  <c r="AC51314" i="1"/>
  <c r="AC51315" i="1"/>
  <c r="AC51316" i="1"/>
  <c r="AC51317" i="1"/>
  <c r="AC51318" i="1"/>
  <c r="AC51319" i="1"/>
  <c r="AC51320" i="1"/>
  <c r="AC51321" i="1"/>
  <c r="AC51322" i="1"/>
  <c r="AC51323" i="1"/>
  <c r="AC51324" i="1"/>
  <c r="AC51325" i="1"/>
  <c r="AC51326" i="1"/>
  <c r="AC51327" i="1"/>
  <c r="AC51328" i="1"/>
  <c r="AC51329" i="1"/>
  <c r="AC51330" i="1"/>
  <c r="AC51331" i="1"/>
  <c r="AC51332" i="1"/>
  <c r="AC51333" i="1"/>
  <c r="AC51334" i="1"/>
  <c r="AC51335" i="1"/>
  <c r="AC51336" i="1"/>
  <c r="AC51337" i="1"/>
  <c r="AC51338" i="1"/>
  <c r="AC51339" i="1"/>
  <c r="AC51340" i="1"/>
  <c r="AC51341" i="1"/>
  <c r="AC51342" i="1"/>
  <c r="AC51343" i="1"/>
  <c r="AC51344" i="1"/>
  <c r="AC51345" i="1"/>
  <c r="AC51346" i="1"/>
  <c r="AC51347" i="1"/>
  <c r="AC51348" i="1"/>
  <c r="AC51349" i="1"/>
  <c r="AC51350" i="1"/>
  <c r="AC51351" i="1"/>
  <c r="AC51352" i="1"/>
  <c r="AC51353" i="1"/>
  <c r="AC51354" i="1"/>
  <c r="AC51355" i="1"/>
  <c r="AC51356" i="1"/>
  <c r="AC51357" i="1"/>
  <c r="AC51358" i="1"/>
  <c r="AC51359" i="1"/>
  <c r="AC51360" i="1"/>
  <c r="AC51361" i="1"/>
  <c r="AC51362" i="1"/>
  <c r="AC51363" i="1"/>
  <c r="AC51364" i="1"/>
  <c r="AC51365" i="1"/>
  <c r="AC51366" i="1"/>
  <c r="AC51367" i="1"/>
  <c r="AC51368" i="1"/>
  <c r="AC51369" i="1"/>
  <c r="AC51370" i="1"/>
  <c r="AC51371" i="1"/>
  <c r="AC51372" i="1"/>
  <c r="AC51373" i="1"/>
  <c r="AC51374" i="1"/>
  <c r="AC51375" i="1"/>
  <c r="AC51376" i="1"/>
  <c r="AC51377" i="1"/>
  <c r="AC51378" i="1"/>
  <c r="AC51379" i="1"/>
  <c r="AC51380" i="1"/>
  <c r="AC51381" i="1"/>
  <c r="AC51382" i="1"/>
  <c r="AC51383" i="1"/>
  <c r="AC51384" i="1"/>
  <c r="AC51385" i="1"/>
  <c r="AC51386" i="1"/>
  <c r="AC51387" i="1"/>
  <c r="AC51388" i="1"/>
  <c r="AC51389" i="1"/>
  <c r="AC51390" i="1"/>
  <c r="AC51391" i="1"/>
  <c r="AC51392" i="1"/>
  <c r="AC51393" i="1"/>
  <c r="AC51394" i="1"/>
  <c r="AC51395" i="1"/>
  <c r="AC51396" i="1"/>
  <c r="AC51397" i="1"/>
  <c r="AC51398" i="1"/>
  <c r="AC51399" i="1"/>
  <c r="AC51400" i="1"/>
  <c r="AC51401" i="1"/>
  <c r="AC51402" i="1"/>
  <c r="AC51403" i="1"/>
  <c r="AC51404" i="1"/>
  <c r="AC51405" i="1"/>
  <c r="AC51406" i="1"/>
  <c r="AC51407" i="1"/>
  <c r="AC51408" i="1"/>
  <c r="AC51409" i="1"/>
  <c r="AC51410" i="1"/>
  <c r="AC51411" i="1"/>
  <c r="AC51412" i="1"/>
  <c r="AC51413" i="1"/>
  <c r="AC51414" i="1"/>
  <c r="AC51415" i="1"/>
  <c r="AC51416" i="1"/>
  <c r="AC51417" i="1"/>
  <c r="AC51418" i="1"/>
  <c r="AC51419" i="1"/>
  <c r="AC51420" i="1"/>
  <c r="AC51421" i="1"/>
  <c r="AC51422" i="1"/>
  <c r="AC51423" i="1"/>
  <c r="AC51424" i="1"/>
  <c r="AC51425" i="1"/>
  <c r="AC51426" i="1"/>
  <c r="AC51427" i="1"/>
  <c r="AC51428" i="1"/>
  <c r="AC51429" i="1"/>
  <c r="AC51430" i="1"/>
  <c r="AC51431" i="1"/>
  <c r="AC51432" i="1"/>
  <c r="AC51433" i="1"/>
  <c r="AC51434" i="1"/>
  <c r="AC51435" i="1"/>
  <c r="AC51436" i="1"/>
  <c r="AC51437" i="1"/>
  <c r="AC51438" i="1"/>
  <c r="AC51439" i="1"/>
  <c r="AC51440" i="1"/>
  <c r="AC51441" i="1"/>
  <c r="AC51442" i="1"/>
  <c r="AC51443" i="1"/>
  <c r="AC51444" i="1"/>
  <c r="AC51445" i="1"/>
  <c r="AC51446" i="1"/>
  <c r="AC51447" i="1"/>
  <c r="AC51448" i="1"/>
  <c r="AC51449" i="1"/>
  <c r="AC51450" i="1"/>
  <c r="AC51451" i="1"/>
  <c r="AC51452" i="1"/>
  <c r="AC51453" i="1"/>
  <c r="AC51454" i="1"/>
  <c r="AC51455" i="1"/>
  <c r="AC51456" i="1"/>
  <c r="AC51457" i="1"/>
  <c r="AC51458" i="1"/>
  <c r="AC51459" i="1"/>
  <c r="AC51460" i="1"/>
  <c r="AC51461" i="1"/>
  <c r="AC51462" i="1"/>
  <c r="AC51463" i="1"/>
  <c r="AC51464" i="1"/>
  <c r="AC51465" i="1"/>
  <c r="AC51466" i="1"/>
  <c r="AC51467" i="1"/>
  <c r="AC51468" i="1"/>
  <c r="AC51469" i="1"/>
  <c r="AC51470" i="1"/>
  <c r="AC51471" i="1"/>
  <c r="AC51472" i="1"/>
  <c r="AC51473" i="1"/>
  <c r="AC51474" i="1"/>
  <c r="AC51475" i="1"/>
  <c r="AC51476" i="1"/>
  <c r="AC51477" i="1"/>
  <c r="AC51478" i="1"/>
  <c r="AC51479" i="1"/>
  <c r="AC51480" i="1"/>
  <c r="AC51481" i="1"/>
  <c r="AC51482" i="1"/>
  <c r="AC51483" i="1"/>
  <c r="AC51484" i="1"/>
  <c r="AC51485" i="1"/>
  <c r="AC51486" i="1"/>
  <c r="AC51487" i="1"/>
  <c r="AC51488" i="1"/>
  <c r="AC51489" i="1"/>
  <c r="AC51490" i="1"/>
  <c r="AC51491" i="1"/>
  <c r="AC51492" i="1"/>
  <c r="AC51493" i="1"/>
  <c r="AC51494" i="1"/>
  <c r="AC51495" i="1"/>
  <c r="AC51496" i="1"/>
  <c r="AC51497" i="1"/>
  <c r="AC51498" i="1"/>
  <c r="AC51499" i="1"/>
  <c r="AC51500" i="1"/>
  <c r="AC51501" i="1"/>
  <c r="AC51502" i="1"/>
  <c r="AC51503" i="1"/>
  <c r="AC51504" i="1"/>
  <c r="AC51505" i="1"/>
  <c r="AC51506" i="1"/>
  <c r="AC51507" i="1"/>
  <c r="AC51508" i="1"/>
  <c r="AC51509" i="1"/>
  <c r="AC51510" i="1"/>
  <c r="AC51511" i="1"/>
  <c r="AC51512" i="1"/>
  <c r="AC51513" i="1"/>
  <c r="AC51514" i="1"/>
  <c r="AC51515" i="1"/>
  <c r="AC51516" i="1"/>
  <c r="AC51517" i="1"/>
  <c r="AC51518" i="1"/>
  <c r="AC51519" i="1"/>
  <c r="AC51520" i="1"/>
  <c r="AC51521" i="1"/>
  <c r="AC51522" i="1"/>
  <c r="AC51523" i="1"/>
  <c r="AC51524" i="1"/>
  <c r="AC51525" i="1"/>
  <c r="AC51526" i="1"/>
  <c r="AC51527" i="1"/>
  <c r="AC51528" i="1"/>
  <c r="AC51529" i="1"/>
  <c r="AC51530" i="1"/>
  <c r="AC51531" i="1"/>
  <c r="AC51532" i="1"/>
  <c r="AC51533" i="1"/>
  <c r="AC51534" i="1"/>
  <c r="AC51535" i="1"/>
  <c r="AC51536" i="1"/>
  <c r="AC51537" i="1"/>
  <c r="AC51538" i="1"/>
  <c r="AC51539" i="1"/>
  <c r="AC51540" i="1"/>
  <c r="AC51541" i="1"/>
  <c r="AC51542" i="1"/>
  <c r="AC51543" i="1"/>
  <c r="AC51544" i="1"/>
  <c r="AC51545" i="1"/>
  <c r="AC51546" i="1"/>
  <c r="AC51547" i="1"/>
  <c r="AC51548" i="1"/>
  <c r="AC51549" i="1"/>
  <c r="AC51550" i="1"/>
  <c r="AC51551" i="1"/>
  <c r="AC51552" i="1"/>
  <c r="AC51553" i="1"/>
  <c r="AC51554" i="1"/>
  <c r="AC51555" i="1"/>
  <c r="AC51556" i="1"/>
  <c r="AC51557" i="1"/>
  <c r="AC51558" i="1"/>
  <c r="AC51559" i="1"/>
  <c r="AC51560" i="1"/>
  <c r="AC51561" i="1"/>
  <c r="AC51562" i="1"/>
  <c r="AC51563" i="1"/>
  <c r="AC51564" i="1"/>
  <c r="AC51565" i="1"/>
  <c r="AC51566" i="1"/>
  <c r="AC51567" i="1"/>
  <c r="AC51568" i="1"/>
  <c r="AC51569" i="1"/>
  <c r="AC51570" i="1"/>
  <c r="AC51571" i="1"/>
  <c r="AC51572" i="1"/>
  <c r="AC51573" i="1"/>
  <c r="AC51574" i="1"/>
  <c r="AC51575" i="1"/>
  <c r="AC51576" i="1"/>
  <c r="AC51577" i="1"/>
  <c r="AC51578" i="1"/>
  <c r="AC51579" i="1"/>
  <c r="AC51580" i="1"/>
  <c r="AC51581" i="1"/>
  <c r="AC51582" i="1"/>
  <c r="AC51583" i="1"/>
  <c r="AC51584" i="1"/>
  <c r="AC51585" i="1"/>
  <c r="AC51586" i="1"/>
  <c r="AC51587" i="1"/>
  <c r="AC51588" i="1"/>
  <c r="AC51589" i="1"/>
  <c r="AC51590" i="1"/>
  <c r="AC51591" i="1"/>
  <c r="AC51592" i="1"/>
  <c r="AC51593" i="1"/>
  <c r="AC51594" i="1"/>
  <c r="AC51595" i="1"/>
  <c r="AC51596" i="1"/>
  <c r="AC51597" i="1"/>
  <c r="AC51598" i="1"/>
  <c r="AC51599" i="1"/>
  <c r="AC51600" i="1"/>
  <c r="AC51601" i="1"/>
  <c r="AC51602" i="1"/>
  <c r="AC51603" i="1"/>
  <c r="AC51604" i="1"/>
  <c r="AC51605" i="1"/>
  <c r="AC51606" i="1"/>
  <c r="AC51607" i="1"/>
  <c r="AC51608" i="1"/>
  <c r="AC51609" i="1"/>
  <c r="AC51610" i="1"/>
  <c r="AC51611" i="1"/>
  <c r="AC51612" i="1"/>
  <c r="AC51613" i="1"/>
  <c r="AC51614" i="1"/>
  <c r="AC51615" i="1"/>
  <c r="AC51616" i="1"/>
  <c r="AC51617" i="1"/>
  <c r="AC51618" i="1"/>
  <c r="AC51619" i="1"/>
  <c r="AC51620" i="1"/>
  <c r="AC51621" i="1"/>
  <c r="AC51622" i="1"/>
  <c r="AC51623" i="1"/>
  <c r="AC51624" i="1"/>
  <c r="AC51625" i="1"/>
  <c r="AC51626" i="1"/>
  <c r="AC51627" i="1"/>
  <c r="AC51628" i="1"/>
  <c r="AC51629" i="1"/>
  <c r="AC51630" i="1"/>
  <c r="AC51631" i="1"/>
  <c r="AC51632" i="1"/>
  <c r="AC51633" i="1"/>
  <c r="AC51634" i="1"/>
  <c r="AC51635" i="1"/>
  <c r="AC51636" i="1"/>
  <c r="AC51637" i="1"/>
  <c r="AC51638" i="1"/>
  <c r="AC51639" i="1"/>
  <c r="AC51640" i="1"/>
  <c r="AC51641" i="1"/>
  <c r="AC51642" i="1"/>
  <c r="AC51643" i="1"/>
  <c r="AC51644" i="1"/>
  <c r="AC51645" i="1"/>
  <c r="AC51646" i="1"/>
  <c r="AC51647" i="1"/>
  <c r="AC51648" i="1"/>
  <c r="AC51649" i="1"/>
  <c r="AC51650" i="1"/>
  <c r="AC51651" i="1"/>
  <c r="AC51652" i="1"/>
  <c r="AC51653" i="1"/>
  <c r="AC51654" i="1"/>
  <c r="AC51655" i="1"/>
  <c r="AC51656" i="1"/>
  <c r="AC51657" i="1"/>
  <c r="AC51658" i="1"/>
  <c r="AC51659" i="1"/>
  <c r="AC51660" i="1"/>
  <c r="AC51661" i="1"/>
  <c r="AC51662" i="1"/>
  <c r="AC51663" i="1"/>
  <c r="AC51664" i="1"/>
  <c r="AC51665" i="1"/>
  <c r="AC51666" i="1"/>
  <c r="AC51667" i="1"/>
  <c r="AC51668" i="1"/>
  <c r="AC51669" i="1"/>
  <c r="AC51670" i="1"/>
  <c r="AC51671" i="1"/>
  <c r="AC51672" i="1"/>
  <c r="AC51673" i="1"/>
  <c r="AC51674" i="1"/>
  <c r="AC51675" i="1"/>
  <c r="AC51676" i="1"/>
  <c r="AC51677" i="1"/>
  <c r="AC51678" i="1"/>
  <c r="AC51679" i="1"/>
  <c r="AC51680" i="1"/>
  <c r="AC51681" i="1"/>
  <c r="AC51682" i="1"/>
  <c r="AC51683" i="1"/>
  <c r="AC51684" i="1"/>
  <c r="AC51685" i="1"/>
  <c r="AC51686" i="1"/>
  <c r="AC51687" i="1"/>
  <c r="AC51688" i="1"/>
  <c r="AC51689" i="1"/>
  <c r="AC51690" i="1"/>
  <c r="AC51691" i="1"/>
  <c r="AC51692" i="1"/>
  <c r="AC51693" i="1"/>
  <c r="AC51694" i="1"/>
  <c r="AC51695" i="1"/>
  <c r="AC51696" i="1"/>
  <c r="AC51697" i="1"/>
  <c r="AC51698" i="1"/>
  <c r="AC51699" i="1"/>
  <c r="AC51700" i="1"/>
  <c r="AC51701" i="1"/>
  <c r="AC51702" i="1"/>
  <c r="AC51703" i="1"/>
  <c r="AC51704" i="1"/>
  <c r="AC51705" i="1"/>
  <c r="AC51706" i="1"/>
  <c r="AC51707" i="1"/>
  <c r="AC51708" i="1"/>
  <c r="AC51709" i="1"/>
  <c r="AC51710" i="1"/>
  <c r="AC51711" i="1"/>
  <c r="AC51712" i="1"/>
  <c r="AC51713" i="1"/>
  <c r="AC51714" i="1"/>
  <c r="AC51715" i="1"/>
  <c r="AC51716" i="1"/>
  <c r="AC51717" i="1"/>
  <c r="AC51718" i="1"/>
  <c r="AC51719" i="1"/>
  <c r="AC51720" i="1"/>
  <c r="AC51721" i="1"/>
  <c r="AC51722" i="1"/>
  <c r="AC51723" i="1"/>
  <c r="AC51724" i="1"/>
  <c r="AC51725" i="1"/>
  <c r="AC51726" i="1"/>
  <c r="AC51727" i="1"/>
  <c r="AC51728" i="1"/>
  <c r="AC51729" i="1"/>
  <c r="AC51730" i="1"/>
  <c r="AC51731" i="1"/>
  <c r="AC51732" i="1"/>
  <c r="AC51733" i="1"/>
  <c r="AC51734" i="1"/>
  <c r="AC51735" i="1"/>
  <c r="AC51736" i="1"/>
  <c r="AC51737" i="1"/>
  <c r="AC51738" i="1"/>
  <c r="AC51739" i="1"/>
  <c r="AC51740" i="1"/>
  <c r="AC51741" i="1"/>
  <c r="AC51742" i="1"/>
  <c r="AC51743" i="1"/>
  <c r="AC51744" i="1"/>
  <c r="AC51745" i="1"/>
  <c r="AC51746" i="1"/>
  <c r="AC51747" i="1"/>
  <c r="AC51748" i="1"/>
  <c r="AC51749" i="1"/>
  <c r="AC51750" i="1"/>
  <c r="AC51751" i="1"/>
  <c r="AC51752" i="1"/>
  <c r="AC51753" i="1"/>
  <c r="AC51754" i="1"/>
  <c r="AC51755" i="1"/>
  <c r="AC51756" i="1"/>
  <c r="AC51757" i="1"/>
  <c r="AC51758" i="1"/>
  <c r="AC51759" i="1"/>
  <c r="AC51760" i="1"/>
  <c r="AC51761" i="1"/>
  <c r="AC51762" i="1"/>
  <c r="AC51763" i="1"/>
  <c r="AC51764" i="1"/>
  <c r="AC51765" i="1"/>
  <c r="AC51766" i="1"/>
  <c r="AC51767" i="1"/>
  <c r="AC51768" i="1"/>
  <c r="AC51769" i="1"/>
  <c r="AC51770" i="1"/>
  <c r="AC51771" i="1"/>
  <c r="AC51772" i="1"/>
  <c r="AC51773" i="1"/>
  <c r="AC51774" i="1"/>
  <c r="AC51775" i="1"/>
  <c r="AC51776" i="1"/>
  <c r="AC51777" i="1"/>
  <c r="AC51778" i="1"/>
  <c r="AC51779" i="1"/>
  <c r="AC51780" i="1"/>
  <c r="AC51781" i="1"/>
  <c r="AC51782" i="1"/>
  <c r="AC51783" i="1"/>
  <c r="AC51784" i="1"/>
  <c r="AC51785" i="1"/>
  <c r="AC51786" i="1"/>
  <c r="AC51787" i="1"/>
  <c r="AC51788" i="1"/>
  <c r="AC51789" i="1"/>
  <c r="AC51790" i="1"/>
  <c r="AC51791" i="1"/>
  <c r="AC51792" i="1"/>
  <c r="AC51793" i="1"/>
  <c r="AC51794" i="1"/>
  <c r="AC51795" i="1"/>
  <c r="AC51796" i="1"/>
  <c r="AC51797" i="1"/>
  <c r="AC51798" i="1"/>
  <c r="AC51799" i="1"/>
  <c r="AC51800" i="1"/>
  <c r="AC51801" i="1"/>
  <c r="AC51802" i="1"/>
  <c r="AC51803" i="1"/>
  <c r="AC51804" i="1"/>
  <c r="AC51805" i="1"/>
  <c r="AC51806" i="1"/>
  <c r="AC51807" i="1"/>
  <c r="AC51808" i="1"/>
  <c r="AC51809" i="1"/>
  <c r="AC51810" i="1"/>
  <c r="AC51811" i="1"/>
  <c r="AC51812" i="1"/>
  <c r="AC51813" i="1"/>
  <c r="AC51814" i="1"/>
  <c r="AC51815" i="1"/>
  <c r="AC51816" i="1"/>
  <c r="AC51817" i="1"/>
  <c r="AC51818" i="1"/>
  <c r="AC51819" i="1"/>
  <c r="AC51820" i="1"/>
  <c r="AC51821" i="1"/>
  <c r="AC51822" i="1"/>
  <c r="AC51823" i="1"/>
  <c r="AC51824" i="1"/>
  <c r="AC51825" i="1"/>
  <c r="AC51826" i="1"/>
  <c r="AC51827" i="1"/>
  <c r="AC51828" i="1"/>
  <c r="AC51829" i="1"/>
  <c r="AC51830" i="1"/>
  <c r="AC51831" i="1"/>
  <c r="AC51832" i="1"/>
  <c r="AC51833" i="1"/>
  <c r="AC51834" i="1"/>
  <c r="AC51835" i="1"/>
  <c r="AC51836" i="1"/>
  <c r="AC51837" i="1"/>
  <c r="AC51838" i="1"/>
  <c r="AC51839" i="1"/>
  <c r="AC51840" i="1"/>
  <c r="AC51841" i="1"/>
  <c r="AC51842" i="1"/>
  <c r="AC51843" i="1"/>
  <c r="AC51844" i="1"/>
  <c r="AC51845" i="1"/>
  <c r="AC51846" i="1"/>
  <c r="AC51847" i="1"/>
  <c r="AC51848" i="1"/>
  <c r="AC51849" i="1"/>
  <c r="AC51850" i="1"/>
  <c r="AC51851" i="1"/>
  <c r="AC51852" i="1"/>
  <c r="AC51853" i="1"/>
  <c r="AC51854" i="1"/>
  <c r="AC51855" i="1"/>
  <c r="AC51856" i="1"/>
  <c r="AC51857" i="1"/>
  <c r="AC51858" i="1"/>
  <c r="AC51859" i="1"/>
  <c r="AC51860" i="1"/>
  <c r="AC51861" i="1"/>
  <c r="AC51862" i="1"/>
  <c r="AC51863" i="1"/>
  <c r="AC51864" i="1"/>
  <c r="AC51865" i="1"/>
  <c r="AC51866" i="1"/>
  <c r="AC51867" i="1"/>
  <c r="AC51868" i="1"/>
  <c r="AC51869" i="1"/>
  <c r="AC51870" i="1"/>
  <c r="AC51871" i="1"/>
  <c r="AC51872" i="1"/>
  <c r="AC51873" i="1"/>
  <c r="AC51874" i="1"/>
  <c r="AC51875" i="1"/>
  <c r="AC51876" i="1"/>
  <c r="AC51877" i="1"/>
  <c r="AC51878" i="1"/>
  <c r="AC51879" i="1"/>
  <c r="AC51880" i="1"/>
  <c r="AC51881" i="1"/>
  <c r="AC51882" i="1"/>
  <c r="AC51883" i="1"/>
  <c r="AC51884" i="1"/>
  <c r="AC51885" i="1"/>
  <c r="AC51886" i="1"/>
  <c r="AC51887" i="1"/>
  <c r="AC51888" i="1"/>
  <c r="AC51889" i="1"/>
  <c r="AC51890" i="1"/>
  <c r="AC51891" i="1"/>
  <c r="AC51892" i="1"/>
  <c r="AC51893" i="1"/>
  <c r="AC51894" i="1"/>
  <c r="AC51895" i="1"/>
  <c r="AC51896" i="1"/>
  <c r="AC51897" i="1"/>
  <c r="AC51898" i="1"/>
  <c r="AC51899" i="1"/>
  <c r="AC51900" i="1"/>
  <c r="AC51901" i="1"/>
  <c r="AC51902" i="1"/>
  <c r="AC51903" i="1"/>
  <c r="AC51904" i="1"/>
  <c r="AC51905" i="1"/>
  <c r="AC51906" i="1"/>
  <c r="AC51907" i="1"/>
  <c r="AC51908" i="1"/>
  <c r="AC51909" i="1"/>
  <c r="AC51910" i="1"/>
  <c r="AC51911" i="1"/>
  <c r="AC51912" i="1"/>
  <c r="AC51913" i="1"/>
  <c r="AC51914" i="1"/>
  <c r="AC51915" i="1"/>
  <c r="AC51916" i="1"/>
  <c r="AC51917" i="1"/>
  <c r="AC51918" i="1"/>
  <c r="AC51919" i="1"/>
  <c r="AC51920" i="1"/>
  <c r="AC51921" i="1"/>
  <c r="AC51922" i="1"/>
  <c r="AC51923" i="1"/>
  <c r="AC51924" i="1"/>
  <c r="AC51925" i="1"/>
  <c r="AC51926" i="1"/>
  <c r="AC51927" i="1"/>
  <c r="AC51928" i="1"/>
  <c r="AC51929" i="1"/>
  <c r="AC51930" i="1"/>
  <c r="AC51931" i="1"/>
  <c r="AC51932" i="1"/>
  <c r="AC51933" i="1"/>
  <c r="AC51934" i="1"/>
  <c r="AC51935" i="1"/>
  <c r="AC51936" i="1"/>
  <c r="AC51937" i="1"/>
  <c r="AC51938" i="1"/>
  <c r="AC51939" i="1"/>
  <c r="AC51940" i="1"/>
  <c r="AC51941" i="1"/>
  <c r="AC51942" i="1"/>
  <c r="AC51943" i="1"/>
  <c r="AC51944" i="1"/>
  <c r="AC51945" i="1"/>
  <c r="AC51946" i="1"/>
  <c r="AC51947" i="1"/>
  <c r="AC51948" i="1"/>
  <c r="AC51949" i="1"/>
  <c r="AC51950" i="1"/>
  <c r="AC51951" i="1"/>
  <c r="AC51952" i="1"/>
  <c r="AC51953" i="1"/>
  <c r="AC51954" i="1"/>
  <c r="AC51955" i="1"/>
  <c r="AC51956" i="1"/>
  <c r="AC51957" i="1"/>
  <c r="AC51958" i="1"/>
  <c r="AC51959" i="1"/>
  <c r="AC51960" i="1"/>
  <c r="AC51961" i="1"/>
  <c r="AC51962" i="1"/>
  <c r="AC51963" i="1"/>
  <c r="AC51964" i="1"/>
  <c r="AC51965" i="1"/>
  <c r="AC51966" i="1"/>
  <c r="AC51967" i="1"/>
  <c r="AC51968" i="1"/>
  <c r="AC51969" i="1"/>
  <c r="AC51970" i="1"/>
  <c r="AC51971" i="1"/>
  <c r="AC51972" i="1"/>
  <c r="AC51973" i="1"/>
  <c r="AC51974" i="1"/>
  <c r="AC51975" i="1"/>
  <c r="AC51976" i="1"/>
  <c r="AC51977" i="1"/>
  <c r="AC51978" i="1"/>
  <c r="AC51979" i="1"/>
  <c r="AC51980" i="1"/>
  <c r="AC51981" i="1"/>
  <c r="AC51982" i="1"/>
  <c r="AC51983" i="1"/>
  <c r="AC51984" i="1"/>
  <c r="AC51985" i="1"/>
  <c r="AC51986" i="1"/>
  <c r="AC51987" i="1"/>
  <c r="AC51988" i="1"/>
  <c r="AC51989" i="1"/>
  <c r="AC51990" i="1"/>
  <c r="AC51991" i="1"/>
  <c r="AC51992" i="1"/>
  <c r="AC51993" i="1"/>
  <c r="AC51994" i="1"/>
  <c r="AC51995" i="1"/>
  <c r="AC51996" i="1"/>
  <c r="AC51997" i="1"/>
  <c r="AC51998" i="1"/>
  <c r="AC51999" i="1"/>
  <c r="AC52000" i="1"/>
  <c r="AC52001" i="1"/>
  <c r="AC52002" i="1"/>
  <c r="AC52003" i="1"/>
  <c r="AC52004" i="1"/>
  <c r="AC52005" i="1"/>
  <c r="AC52006" i="1"/>
  <c r="AC52007" i="1"/>
  <c r="AC52008" i="1"/>
  <c r="AC52009" i="1"/>
  <c r="AC52010" i="1"/>
  <c r="AC52011" i="1"/>
  <c r="AC52012" i="1"/>
  <c r="AC52013" i="1"/>
  <c r="AC52014" i="1"/>
  <c r="AC52015" i="1"/>
  <c r="AC52016" i="1"/>
  <c r="AC52017" i="1"/>
  <c r="AC52018" i="1"/>
  <c r="AC52019" i="1"/>
  <c r="AC52020" i="1"/>
  <c r="AC52021" i="1"/>
  <c r="AC52022" i="1"/>
  <c r="AC52023" i="1"/>
  <c r="AC52024" i="1"/>
  <c r="AC52025" i="1"/>
  <c r="AC52026" i="1"/>
  <c r="AC52027" i="1"/>
  <c r="AC52028" i="1"/>
  <c r="AC52029" i="1"/>
  <c r="AC52030" i="1"/>
  <c r="AC52031" i="1"/>
  <c r="AC52032" i="1"/>
  <c r="AC52033" i="1"/>
  <c r="AC52034" i="1"/>
  <c r="AC52035" i="1"/>
  <c r="AC52036" i="1"/>
  <c r="AC52037" i="1"/>
  <c r="AC52038" i="1"/>
  <c r="AC52039" i="1"/>
  <c r="AC52040" i="1"/>
  <c r="AC52041" i="1"/>
  <c r="AC52042" i="1"/>
  <c r="AC52043" i="1"/>
  <c r="AC52044" i="1"/>
  <c r="AC52045" i="1"/>
  <c r="AC52046" i="1"/>
  <c r="AC52047" i="1"/>
  <c r="AC52048" i="1"/>
  <c r="AC52049" i="1"/>
  <c r="AC52050" i="1"/>
  <c r="AC52051" i="1"/>
  <c r="AC52052" i="1"/>
  <c r="AC52053" i="1"/>
  <c r="AC52054" i="1"/>
  <c r="AC52055" i="1"/>
  <c r="AC52056" i="1"/>
  <c r="AC52057" i="1"/>
  <c r="AC52058" i="1"/>
  <c r="AC52059" i="1"/>
  <c r="AC52060" i="1"/>
  <c r="AC52061" i="1"/>
  <c r="AC52062" i="1"/>
  <c r="AC52063" i="1"/>
  <c r="AC52064" i="1"/>
  <c r="AC52065" i="1"/>
  <c r="AC52066" i="1"/>
  <c r="AC52067" i="1"/>
  <c r="AC52068" i="1"/>
  <c r="AC52069" i="1"/>
  <c r="AC52070" i="1"/>
  <c r="AC52071" i="1"/>
  <c r="AC52072" i="1"/>
  <c r="AC52073" i="1"/>
  <c r="AC52074" i="1"/>
  <c r="AC52075" i="1"/>
  <c r="AC52076" i="1"/>
  <c r="AC52077" i="1"/>
  <c r="AC52078" i="1"/>
  <c r="AC52079" i="1"/>
  <c r="AC52080" i="1"/>
  <c r="AC52081" i="1"/>
  <c r="AC52082" i="1"/>
  <c r="AC52083" i="1"/>
  <c r="AC52084" i="1"/>
  <c r="AC52085" i="1"/>
  <c r="AC52086" i="1"/>
  <c r="AC52087" i="1"/>
  <c r="AC52088" i="1"/>
  <c r="AC52089" i="1"/>
  <c r="AC52090" i="1"/>
  <c r="AC52091" i="1"/>
  <c r="AC52092" i="1"/>
  <c r="AC52093" i="1"/>
  <c r="AC52094" i="1"/>
  <c r="AC52095" i="1"/>
  <c r="AC52096" i="1"/>
  <c r="AC52097" i="1"/>
  <c r="AC52098" i="1"/>
  <c r="AC52099" i="1"/>
  <c r="AC52100" i="1"/>
  <c r="AC52101" i="1"/>
  <c r="AC52102" i="1"/>
  <c r="AC52103" i="1"/>
  <c r="AC52104" i="1"/>
  <c r="AC52105" i="1"/>
  <c r="AC52106" i="1"/>
  <c r="AC52107" i="1"/>
  <c r="AC52108" i="1"/>
  <c r="AC52109" i="1"/>
  <c r="AC52110" i="1"/>
  <c r="AC52111" i="1"/>
  <c r="AC52112" i="1"/>
  <c r="AC52113" i="1"/>
  <c r="AC52114" i="1"/>
  <c r="AC52115" i="1"/>
  <c r="AC52116" i="1"/>
  <c r="AC52117" i="1"/>
  <c r="AC52118" i="1"/>
  <c r="AC52119" i="1"/>
  <c r="AC52120" i="1"/>
  <c r="AC52121" i="1"/>
  <c r="AC52122" i="1"/>
  <c r="AC52123" i="1"/>
  <c r="AC52124" i="1"/>
  <c r="AC52125" i="1"/>
  <c r="AC52126" i="1"/>
  <c r="AC52127" i="1"/>
  <c r="AC52128" i="1"/>
  <c r="AC52129" i="1"/>
  <c r="AC52130" i="1"/>
  <c r="AC52131" i="1"/>
  <c r="AC52132" i="1"/>
  <c r="AC52133" i="1"/>
  <c r="AC52134" i="1"/>
  <c r="AC52135" i="1"/>
  <c r="AC52136" i="1"/>
  <c r="AC52137" i="1"/>
  <c r="AC52138" i="1"/>
  <c r="AC52139" i="1"/>
  <c r="AC52140" i="1"/>
  <c r="AC52141" i="1"/>
  <c r="AC52142" i="1"/>
  <c r="AC52143" i="1"/>
  <c r="AC52144" i="1"/>
  <c r="AC52145" i="1"/>
  <c r="AC52146" i="1"/>
  <c r="AC52147" i="1"/>
  <c r="AC52148" i="1"/>
  <c r="AC52149" i="1"/>
  <c r="AC52150" i="1"/>
  <c r="AC52151" i="1"/>
  <c r="AC52152" i="1"/>
  <c r="AC52153" i="1"/>
  <c r="AC52154" i="1"/>
  <c r="AC52155" i="1"/>
  <c r="AC52156" i="1"/>
  <c r="AC52157" i="1"/>
  <c r="AC52158" i="1"/>
  <c r="AC52159" i="1"/>
  <c r="AC52160" i="1"/>
  <c r="AC52161" i="1"/>
  <c r="AC52162" i="1"/>
  <c r="AC52163" i="1"/>
  <c r="AC52164" i="1"/>
  <c r="AC52165" i="1"/>
  <c r="AC52166" i="1"/>
  <c r="AC52167" i="1"/>
  <c r="AC52168" i="1"/>
  <c r="AC52169" i="1"/>
  <c r="AC52170" i="1"/>
  <c r="AC52171" i="1"/>
  <c r="AC52172" i="1"/>
  <c r="AC52173" i="1"/>
  <c r="AC52174" i="1"/>
  <c r="AC52175" i="1"/>
  <c r="AC52176" i="1"/>
  <c r="AC52177" i="1"/>
  <c r="AC52178" i="1"/>
  <c r="AC52179" i="1"/>
  <c r="AC52180" i="1"/>
  <c r="AC52181" i="1"/>
  <c r="AC52182" i="1"/>
  <c r="AC52183" i="1"/>
  <c r="AC52184" i="1"/>
  <c r="AC52185" i="1"/>
  <c r="AC52186" i="1"/>
  <c r="AC52187" i="1"/>
  <c r="AC52188" i="1"/>
  <c r="AC52189" i="1"/>
  <c r="AC52190" i="1"/>
  <c r="AC52191" i="1"/>
  <c r="AC52192" i="1"/>
  <c r="AC52193" i="1"/>
  <c r="AC52194" i="1"/>
  <c r="AC52195" i="1"/>
  <c r="AC52196" i="1"/>
  <c r="AC52197" i="1"/>
  <c r="AC52198" i="1"/>
  <c r="AC52199" i="1"/>
  <c r="AC52200" i="1"/>
  <c r="AC52201" i="1"/>
  <c r="AC52202" i="1"/>
  <c r="AC52203" i="1"/>
  <c r="AC52204" i="1"/>
  <c r="AC52205" i="1"/>
  <c r="AC52206" i="1"/>
  <c r="AC52207" i="1"/>
  <c r="AC52208" i="1"/>
  <c r="AC52209" i="1"/>
  <c r="AC52210" i="1"/>
  <c r="AC52211" i="1"/>
  <c r="AC52212" i="1"/>
  <c r="AC52213" i="1"/>
  <c r="AC52214" i="1"/>
  <c r="AC52215" i="1"/>
  <c r="AC52216" i="1"/>
  <c r="AC52217" i="1"/>
  <c r="AC52218" i="1"/>
  <c r="AC52219" i="1"/>
  <c r="AC52220" i="1"/>
  <c r="AC52221" i="1"/>
  <c r="AC52222" i="1"/>
  <c r="AC52223" i="1"/>
  <c r="AC52224" i="1"/>
  <c r="AC52225" i="1"/>
  <c r="AC52226" i="1"/>
  <c r="AC52227" i="1"/>
  <c r="AC52228" i="1"/>
  <c r="AC52229" i="1"/>
  <c r="AC52230" i="1"/>
  <c r="AC52231" i="1"/>
  <c r="AC52232" i="1"/>
  <c r="AC52233" i="1"/>
  <c r="AC52234" i="1"/>
  <c r="AC52235" i="1"/>
  <c r="AC52236" i="1"/>
  <c r="AC52237" i="1"/>
  <c r="AC52238" i="1"/>
  <c r="AC52239" i="1"/>
  <c r="AC52240" i="1"/>
  <c r="AC52241" i="1"/>
  <c r="AC52242" i="1"/>
  <c r="AC52243" i="1"/>
  <c r="AC52244" i="1"/>
  <c r="AC52245" i="1"/>
  <c r="AC52246" i="1"/>
  <c r="AC52247" i="1"/>
  <c r="AC52248" i="1"/>
  <c r="AC52249" i="1"/>
  <c r="AC52250" i="1"/>
  <c r="AC52251" i="1"/>
  <c r="AC52252" i="1"/>
  <c r="AC52253" i="1"/>
  <c r="AC52254" i="1"/>
  <c r="AC52255" i="1"/>
  <c r="AC52256" i="1"/>
  <c r="AC52257" i="1"/>
  <c r="AC52258" i="1"/>
  <c r="AC52259" i="1"/>
  <c r="AC52260" i="1"/>
  <c r="AC52261" i="1"/>
  <c r="AC52262" i="1"/>
  <c r="AC52263" i="1"/>
  <c r="AC52264" i="1"/>
  <c r="AC52265" i="1"/>
  <c r="AC52266" i="1"/>
  <c r="AC52267" i="1"/>
  <c r="AC52268" i="1"/>
  <c r="AC52269" i="1"/>
  <c r="AC52270" i="1"/>
  <c r="AC52271" i="1"/>
  <c r="AC52272" i="1"/>
  <c r="AC52273" i="1"/>
  <c r="AC52274" i="1"/>
  <c r="AC52275" i="1"/>
  <c r="AC52276" i="1"/>
  <c r="AC52277" i="1"/>
  <c r="AC52278" i="1"/>
  <c r="AC52279" i="1"/>
  <c r="AC52280" i="1"/>
  <c r="AC52281" i="1"/>
  <c r="AC52282" i="1"/>
  <c r="AC52283" i="1"/>
  <c r="AC52284" i="1"/>
  <c r="AC52285" i="1"/>
  <c r="AC52286" i="1"/>
  <c r="AC52287" i="1"/>
  <c r="AC52288" i="1"/>
  <c r="AC52289" i="1"/>
  <c r="AC52290" i="1"/>
  <c r="AC52291" i="1"/>
  <c r="AC52292" i="1"/>
  <c r="AC52293" i="1"/>
  <c r="AC52294" i="1"/>
  <c r="AC52295" i="1"/>
  <c r="AC52296" i="1"/>
  <c r="AC52297" i="1"/>
  <c r="AC52298" i="1"/>
  <c r="AC52299" i="1"/>
  <c r="AC52300" i="1"/>
  <c r="AC52301" i="1"/>
  <c r="AC52302" i="1"/>
  <c r="AC52303" i="1"/>
  <c r="AC52304" i="1"/>
  <c r="AC52305" i="1"/>
  <c r="AC52306" i="1"/>
  <c r="AC52307" i="1"/>
  <c r="AC52308" i="1"/>
  <c r="AC52309" i="1"/>
  <c r="AC52310" i="1"/>
  <c r="AC52311" i="1"/>
  <c r="AC52312" i="1"/>
  <c r="AC52313" i="1"/>
  <c r="AC52314" i="1"/>
  <c r="AC52315" i="1"/>
  <c r="AC52316" i="1"/>
  <c r="AC52317" i="1"/>
  <c r="AC52318" i="1"/>
  <c r="AC52319" i="1"/>
  <c r="AC52320" i="1"/>
  <c r="AC52321" i="1"/>
  <c r="AC52322" i="1"/>
  <c r="AC52323" i="1"/>
  <c r="AC52324" i="1"/>
  <c r="AC52325" i="1"/>
  <c r="AC52326" i="1"/>
  <c r="AC52327" i="1"/>
  <c r="AC52328" i="1"/>
  <c r="AC52329" i="1"/>
  <c r="AC52330" i="1"/>
  <c r="AC52331" i="1"/>
  <c r="AC52332" i="1"/>
  <c r="AC52333" i="1"/>
  <c r="AC52334" i="1"/>
  <c r="AC52335" i="1"/>
  <c r="AC52336" i="1"/>
  <c r="AC52337" i="1"/>
  <c r="AC52338" i="1"/>
  <c r="AC52339" i="1"/>
  <c r="AC52340" i="1"/>
  <c r="AC52341" i="1"/>
  <c r="AC52342" i="1"/>
  <c r="AC52343" i="1"/>
  <c r="AC52344" i="1"/>
  <c r="AC52345" i="1"/>
  <c r="AC52346" i="1"/>
  <c r="AC52347" i="1"/>
  <c r="AC52348" i="1"/>
  <c r="AC52349" i="1"/>
  <c r="AC52350" i="1"/>
  <c r="AC52351" i="1"/>
  <c r="AC52352" i="1"/>
  <c r="AC52353" i="1"/>
  <c r="AC52354" i="1"/>
  <c r="AC52355" i="1"/>
  <c r="AC52356" i="1"/>
  <c r="AC52357" i="1"/>
  <c r="AC52358" i="1"/>
  <c r="AC52359" i="1"/>
  <c r="AC52360" i="1"/>
  <c r="AC52361" i="1"/>
  <c r="AC52362" i="1"/>
  <c r="AC52363" i="1"/>
  <c r="AC52364" i="1"/>
  <c r="AC52365" i="1"/>
  <c r="AC52366" i="1"/>
  <c r="AC52367" i="1"/>
  <c r="AC52368" i="1"/>
  <c r="AC52369" i="1"/>
  <c r="AC52370" i="1"/>
  <c r="AC52371" i="1"/>
  <c r="AC52372" i="1"/>
  <c r="AC52373" i="1"/>
  <c r="AC52374" i="1"/>
  <c r="AC52375" i="1"/>
  <c r="AC52376" i="1"/>
  <c r="AC52377" i="1"/>
  <c r="AC52378" i="1"/>
  <c r="AC52379" i="1"/>
  <c r="AC52380" i="1"/>
  <c r="AC52381" i="1"/>
  <c r="AC52382" i="1"/>
  <c r="AC52383" i="1"/>
  <c r="AC52384" i="1"/>
  <c r="AC52385" i="1"/>
  <c r="AC52386" i="1"/>
  <c r="AC52387" i="1"/>
  <c r="AC52388" i="1"/>
  <c r="AC52389" i="1"/>
  <c r="AC52390" i="1"/>
  <c r="AC52391" i="1"/>
  <c r="AC52392" i="1"/>
  <c r="AC52393" i="1"/>
  <c r="AC52394" i="1"/>
  <c r="AC52395" i="1"/>
  <c r="AC52396" i="1"/>
  <c r="AC52397" i="1"/>
  <c r="AC52398" i="1"/>
  <c r="AC52399" i="1"/>
  <c r="AC52400" i="1"/>
  <c r="AC52401" i="1"/>
  <c r="AC52402" i="1"/>
  <c r="AC52403" i="1"/>
  <c r="AC52404" i="1"/>
  <c r="AC52405" i="1"/>
  <c r="AC52406" i="1"/>
  <c r="AC52407" i="1"/>
  <c r="AC52408" i="1"/>
  <c r="AC52409" i="1"/>
  <c r="AC52410" i="1"/>
  <c r="AC52411" i="1"/>
  <c r="AC52412" i="1"/>
  <c r="AC52413" i="1"/>
  <c r="AC52414" i="1"/>
  <c r="AC52415" i="1"/>
  <c r="AC52416" i="1"/>
  <c r="AC52417" i="1"/>
  <c r="AC52418" i="1"/>
  <c r="AC52419" i="1"/>
  <c r="AC52420" i="1"/>
  <c r="AC52421" i="1"/>
  <c r="AC52422" i="1"/>
  <c r="AC52423" i="1"/>
  <c r="AC52424" i="1"/>
  <c r="AC52425" i="1"/>
  <c r="AC52426" i="1"/>
  <c r="AC52427" i="1"/>
  <c r="AC52428" i="1"/>
  <c r="AC52429" i="1"/>
  <c r="AC52430" i="1"/>
  <c r="AC52431" i="1"/>
  <c r="AC52432" i="1"/>
  <c r="AC52433" i="1"/>
  <c r="AC52434" i="1"/>
  <c r="AC52435" i="1"/>
  <c r="AC52436" i="1"/>
  <c r="AC52437" i="1"/>
  <c r="AC52438" i="1"/>
  <c r="AC52439" i="1"/>
  <c r="AC52440" i="1"/>
  <c r="AC52441" i="1"/>
  <c r="AC52442" i="1"/>
  <c r="AC52443" i="1"/>
  <c r="AC52444" i="1"/>
  <c r="AC52445" i="1"/>
  <c r="AC52446" i="1"/>
  <c r="AC52447" i="1"/>
  <c r="AC52448" i="1"/>
  <c r="AC52449" i="1"/>
  <c r="AC52450" i="1"/>
  <c r="AC52451" i="1"/>
  <c r="AC52452" i="1"/>
  <c r="AC52453" i="1"/>
  <c r="AC52454" i="1"/>
  <c r="AC52455" i="1"/>
  <c r="AC52456" i="1"/>
  <c r="AC52457" i="1"/>
  <c r="AC52458" i="1"/>
  <c r="AC52459" i="1"/>
  <c r="AC52460" i="1"/>
  <c r="AC52461" i="1"/>
  <c r="AC52462" i="1"/>
  <c r="AC52463" i="1"/>
  <c r="AC52464" i="1"/>
  <c r="AC52465" i="1"/>
  <c r="AC52466" i="1"/>
  <c r="AC52467" i="1"/>
  <c r="AC52468" i="1"/>
  <c r="AC52469" i="1"/>
  <c r="AC52470" i="1"/>
  <c r="AC52471" i="1"/>
  <c r="AC52472" i="1"/>
  <c r="AC52473" i="1"/>
  <c r="AC52474" i="1"/>
  <c r="AC52475" i="1"/>
  <c r="AC52476" i="1"/>
  <c r="AC52477" i="1"/>
  <c r="AC52478" i="1"/>
  <c r="AC52479" i="1"/>
  <c r="AC52480" i="1"/>
  <c r="AC52481" i="1"/>
  <c r="AC52482" i="1"/>
  <c r="AC52483" i="1"/>
  <c r="AC52484" i="1"/>
  <c r="AC52485" i="1"/>
  <c r="AC52486" i="1"/>
  <c r="AC52487" i="1"/>
  <c r="AC52488" i="1"/>
  <c r="AC52489" i="1"/>
  <c r="AC52490" i="1"/>
  <c r="AC52491" i="1"/>
  <c r="AC52492" i="1"/>
  <c r="AC52493" i="1"/>
  <c r="AC52494" i="1"/>
  <c r="AC52495" i="1"/>
  <c r="AC52496" i="1"/>
  <c r="AC52497" i="1"/>
  <c r="AC52498" i="1"/>
  <c r="AC52499" i="1"/>
  <c r="AC52500" i="1"/>
  <c r="AC52501" i="1"/>
  <c r="AC52502" i="1"/>
  <c r="AC52503" i="1"/>
  <c r="AC52504" i="1"/>
  <c r="AC52505" i="1"/>
  <c r="AC52506" i="1"/>
  <c r="AC52507" i="1"/>
  <c r="AC52508" i="1"/>
  <c r="AC52509" i="1"/>
  <c r="AC52510" i="1"/>
  <c r="AC52511" i="1"/>
  <c r="AC52512" i="1"/>
  <c r="AC52513" i="1"/>
  <c r="AC52514" i="1"/>
  <c r="AC52515" i="1"/>
  <c r="AC52516" i="1"/>
  <c r="AC52517" i="1"/>
  <c r="AC52518" i="1"/>
  <c r="AC52519" i="1"/>
  <c r="AC52520" i="1"/>
  <c r="AC52521" i="1"/>
  <c r="AC52522" i="1"/>
  <c r="AC52523" i="1"/>
  <c r="AC52524" i="1"/>
  <c r="AC52525" i="1"/>
  <c r="AC52526" i="1"/>
  <c r="AC52527" i="1"/>
  <c r="AC52528" i="1"/>
  <c r="AC52529" i="1"/>
  <c r="AC52530" i="1"/>
  <c r="AC52531" i="1"/>
  <c r="AC52532" i="1"/>
  <c r="AC52533" i="1"/>
  <c r="AC52534" i="1"/>
  <c r="AC52535" i="1"/>
  <c r="AC52536" i="1"/>
  <c r="AC52537" i="1"/>
  <c r="AC52538" i="1"/>
  <c r="AC52539" i="1"/>
  <c r="AC52540" i="1"/>
  <c r="AC52541" i="1"/>
  <c r="AC52542" i="1"/>
  <c r="AC52543" i="1"/>
  <c r="AC52544" i="1"/>
  <c r="AC52545" i="1"/>
  <c r="AC52546" i="1"/>
  <c r="AC52547" i="1"/>
  <c r="AC52548" i="1"/>
  <c r="AC52549" i="1"/>
  <c r="AC52550" i="1"/>
  <c r="AC52551" i="1"/>
  <c r="AC52552" i="1"/>
  <c r="AC52553" i="1"/>
  <c r="AC52554" i="1"/>
  <c r="AC52555" i="1"/>
  <c r="AC52556" i="1"/>
  <c r="AC52557" i="1"/>
  <c r="AC52558" i="1"/>
  <c r="AC52559" i="1"/>
  <c r="AC52560" i="1"/>
  <c r="AC52561" i="1"/>
  <c r="AC52562" i="1"/>
  <c r="AC52563" i="1"/>
  <c r="AC52564" i="1"/>
  <c r="AC52565" i="1"/>
  <c r="AC52566" i="1"/>
  <c r="AC52567" i="1"/>
  <c r="AC52568" i="1"/>
  <c r="AC52569" i="1"/>
  <c r="AC52570" i="1"/>
  <c r="AC52571" i="1"/>
  <c r="AC52572" i="1"/>
  <c r="AC52573" i="1"/>
  <c r="AC52574" i="1"/>
  <c r="AC52575" i="1"/>
  <c r="AC52576" i="1"/>
  <c r="AC52577" i="1"/>
  <c r="AC52578" i="1"/>
  <c r="AC52579" i="1"/>
  <c r="AC52580" i="1"/>
  <c r="AC52581" i="1"/>
  <c r="AC52582" i="1"/>
  <c r="AC52583" i="1"/>
  <c r="AC52584" i="1"/>
  <c r="AC52585" i="1"/>
  <c r="AC52586" i="1"/>
  <c r="AC52587" i="1"/>
  <c r="AC52588" i="1"/>
  <c r="AC52589" i="1"/>
  <c r="AC52590" i="1"/>
  <c r="AC52591" i="1"/>
  <c r="AC52592" i="1"/>
  <c r="AC52593" i="1"/>
  <c r="AC52594" i="1"/>
  <c r="AC52595" i="1"/>
  <c r="AC52596" i="1"/>
  <c r="AC52597" i="1"/>
  <c r="AC52598" i="1"/>
  <c r="AC52599" i="1"/>
  <c r="AC52600" i="1"/>
  <c r="AC52601" i="1"/>
  <c r="AC52602" i="1"/>
  <c r="AC52603" i="1"/>
  <c r="AC52604" i="1"/>
  <c r="AC52605" i="1"/>
  <c r="AC52606" i="1"/>
  <c r="AC52607" i="1"/>
  <c r="AC52608" i="1"/>
  <c r="AC52609" i="1"/>
  <c r="AC52610" i="1"/>
  <c r="AC52611" i="1"/>
  <c r="AC52612" i="1"/>
  <c r="AC52613" i="1"/>
  <c r="AC52614" i="1"/>
  <c r="AC52615" i="1"/>
  <c r="AC52616" i="1"/>
  <c r="AC52617" i="1"/>
  <c r="AC52618" i="1"/>
  <c r="AC52619" i="1"/>
  <c r="AC52620" i="1"/>
  <c r="AC52621" i="1"/>
  <c r="AC52622" i="1"/>
  <c r="AC52623" i="1"/>
  <c r="AC52624" i="1"/>
  <c r="AC52625" i="1"/>
  <c r="AC52626" i="1"/>
  <c r="AC52627" i="1"/>
  <c r="AC52628" i="1"/>
  <c r="AC52629" i="1"/>
  <c r="AC52630" i="1"/>
  <c r="AC52631" i="1"/>
  <c r="AC52632" i="1"/>
  <c r="AC52633" i="1"/>
  <c r="AC52634" i="1"/>
  <c r="AC52635" i="1"/>
  <c r="AC52636" i="1"/>
  <c r="AC52637" i="1"/>
  <c r="AC52638" i="1"/>
  <c r="AC52639" i="1"/>
  <c r="AC52640" i="1"/>
  <c r="AC52641" i="1"/>
  <c r="AC52642" i="1"/>
  <c r="AC52643" i="1"/>
  <c r="AC52644" i="1"/>
  <c r="AC52645" i="1"/>
  <c r="AC52646" i="1"/>
  <c r="AC52647" i="1"/>
  <c r="AC52648" i="1"/>
  <c r="AC52649" i="1"/>
  <c r="AC52650" i="1"/>
  <c r="AC52651" i="1"/>
  <c r="AC52652" i="1"/>
  <c r="AC52653" i="1"/>
  <c r="AC52654" i="1"/>
  <c r="AC52655" i="1"/>
  <c r="AC52656" i="1"/>
  <c r="AC52657" i="1"/>
  <c r="AC52658" i="1"/>
  <c r="AC52659" i="1"/>
  <c r="AC52660" i="1"/>
  <c r="AC52661" i="1"/>
  <c r="AC52662" i="1"/>
  <c r="AC52663" i="1"/>
  <c r="AC52664" i="1"/>
  <c r="AC52665" i="1"/>
  <c r="AC52666" i="1"/>
  <c r="AC52667" i="1"/>
  <c r="AC52668" i="1"/>
  <c r="AC52669" i="1"/>
  <c r="AC52670" i="1"/>
  <c r="AC52671" i="1"/>
  <c r="AC52672" i="1"/>
  <c r="AC52673" i="1"/>
  <c r="AC52674" i="1"/>
  <c r="AC52675" i="1"/>
  <c r="AC52676" i="1"/>
  <c r="AC52677" i="1"/>
  <c r="AC52678" i="1"/>
  <c r="AC52679" i="1"/>
  <c r="AC52680" i="1"/>
  <c r="AC52681" i="1"/>
  <c r="AC52682" i="1"/>
  <c r="AC52683" i="1"/>
  <c r="AC52684" i="1"/>
  <c r="AC52685" i="1"/>
  <c r="AC52686" i="1"/>
  <c r="AC52687" i="1"/>
  <c r="AC52688" i="1"/>
  <c r="AC52689" i="1"/>
  <c r="AC52690" i="1"/>
  <c r="AC52691" i="1"/>
  <c r="AC52692" i="1"/>
  <c r="AC52693" i="1"/>
  <c r="AC52694" i="1"/>
  <c r="AC52695" i="1"/>
  <c r="AC52696" i="1"/>
  <c r="AC52697" i="1"/>
  <c r="AC52698" i="1"/>
  <c r="AC52699" i="1"/>
  <c r="AC52700" i="1"/>
  <c r="AC52701" i="1"/>
  <c r="AC52702" i="1"/>
  <c r="AC52703" i="1"/>
  <c r="AC52704" i="1"/>
  <c r="AC52705" i="1"/>
  <c r="AC52706" i="1"/>
  <c r="AC52707" i="1"/>
  <c r="AC52708" i="1"/>
  <c r="AC52709" i="1"/>
  <c r="AC52710" i="1"/>
  <c r="AC52711" i="1"/>
  <c r="AC52712" i="1"/>
  <c r="AC52713" i="1"/>
  <c r="AC52714" i="1"/>
  <c r="AC52715" i="1"/>
  <c r="AC52716" i="1"/>
  <c r="AC52717" i="1"/>
  <c r="AC52718" i="1"/>
  <c r="AC52719" i="1"/>
  <c r="AC52720" i="1"/>
  <c r="AC52721" i="1"/>
  <c r="AC52722" i="1"/>
  <c r="AC52723" i="1"/>
  <c r="AC52724" i="1"/>
  <c r="AC52725" i="1"/>
  <c r="AC52726" i="1"/>
  <c r="AC52727" i="1"/>
  <c r="AC52728" i="1"/>
  <c r="AC52729" i="1"/>
  <c r="AC52730" i="1"/>
  <c r="AC52731" i="1"/>
  <c r="AC52732" i="1"/>
  <c r="AC52733" i="1"/>
  <c r="AC52734" i="1"/>
  <c r="AC52735" i="1"/>
  <c r="AC52736" i="1"/>
  <c r="AC52737" i="1"/>
  <c r="AC52738" i="1"/>
  <c r="AC52739" i="1"/>
  <c r="AC52740" i="1"/>
  <c r="AC52741" i="1"/>
  <c r="AC52742" i="1"/>
  <c r="AC52743" i="1"/>
  <c r="AC52744" i="1"/>
  <c r="AC52745" i="1"/>
  <c r="AC52746" i="1"/>
  <c r="AC52747" i="1"/>
  <c r="AC52748" i="1"/>
  <c r="AC52749" i="1"/>
  <c r="AC52750" i="1"/>
  <c r="AC52751" i="1"/>
  <c r="AC52752" i="1"/>
  <c r="AC52753" i="1"/>
  <c r="AC52754" i="1"/>
  <c r="AC52755" i="1"/>
  <c r="AC52756" i="1"/>
  <c r="AC52757" i="1"/>
  <c r="AC52758" i="1"/>
  <c r="AC52759" i="1"/>
  <c r="AC52760" i="1"/>
  <c r="AC52761" i="1"/>
  <c r="AC52762" i="1"/>
  <c r="AC52763" i="1"/>
  <c r="AC52764" i="1"/>
  <c r="AC52765" i="1"/>
  <c r="AC52766" i="1"/>
  <c r="AC52767" i="1"/>
  <c r="AC52768" i="1"/>
  <c r="AC52769" i="1"/>
  <c r="AC52770" i="1"/>
  <c r="AC52771" i="1"/>
  <c r="AC52772" i="1"/>
  <c r="AC52773" i="1"/>
  <c r="AC52774" i="1"/>
  <c r="AC52775" i="1"/>
  <c r="AC52776" i="1"/>
  <c r="AC52777" i="1"/>
  <c r="AC52778" i="1"/>
  <c r="AC52779" i="1"/>
  <c r="AC52780" i="1"/>
  <c r="AC52781" i="1"/>
  <c r="AC52782" i="1"/>
  <c r="AC52783" i="1"/>
  <c r="AC52784" i="1"/>
  <c r="AC52785" i="1"/>
  <c r="AC52786" i="1"/>
  <c r="AC52787" i="1"/>
  <c r="AC52788" i="1"/>
  <c r="AC52789" i="1"/>
  <c r="AC52790" i="1"/>
  <c r="AC52791" i="1"/>
  <c r="AC52792" i="1"/>
  <c r="AC52793" i="1"/>
  <c r="AC52794" i="1"/>
  <c r="AC52795" i="1"/>
  <c r="AC52796" i="1"/>
  <c r="AC52797" i="1"/>
  <c r="AC52798" i="1"/>
  <c r="AC52799" i="1"/>
  <c r="AC52800" i="1"/>
  <c r="AC52801" i="1"/>
  <c r="AC52802" i="1"/>
  <c r="AC52803" i="1"/>
  <c r="AC52804" i="1"/>
  <c r="AC52805" i="1"/>
  <c r="AC52806" i="1"/>
  <c r="AC52807" i="1"/>
  <c r="AC52808" i="1"/>
  <c r="AC52809" i="1"/>
  <c r="AC52810" i="1"/>
  <c r="AC52811" i="1"/>
  <c r="AC52812" i="1"/>
  <c r="AC52813" i="1"/>
  <c r="AC52814" i="1"/>
  <c r="AC52815" i="1"/>
  <c r="AC52816" i="1"/>
  <c r="AC52817" i="1"/>
  <c r="AC52818" i="1"/>
  <c r="AC52819" i="1"/>
  <c r="AC52820" i="1"/>
  <c r="AC52821" i="1"/>
  <c r="AC52822" i="1"/>
  <c r="AC52823" i="1"/>
  <c r="AC52824" i="1"/>
  <c r="AC52825" i="1"/>
  <c r="AC52826" i="1"/>
  <c r="AC52827" i="1"/>
  <c r="AC52828" i="1"/>
  <c r="AC52829" i="1"/>
  <c r="AC52830" i="1"/>
  <c r="AC52831" i="1"/>
  <c r="AC52832" i="1"/>
  <c r="AC52833" i="1"/>
  <c r="AC52834" i="1"/>
  <c r="AC52835" i="1"/>
  <c r="AC52836" i="1"/>
  <c r="AC52837" i="1"/>
  <c r="AC52838" i="1"/>
  <c r="AC52839" i="1"/>
  <c r="AC52840" i="1"/>
  <c r="AC52841" i="1"/>
  <c r="AC52842" i="1"/>
  <c r="AC52843" i="1"/>
  <c r="AC52844" i="1"/>
  <c r="AC52845" i="1"/>
  <c r="AC52846" i="1"/>
  <c r="AC52847" i="1"/>
  <c r="AC52848" i="1"/>
  <c r="AC52849" i="1"/>
  <c r="AC52850" i="1"/>
  <c r="AC52851" i="1"/>
  <c r="AC52852" i="1"/>
  <c r="AC52853" i="1"/>
  <c r="AC52854" i="1"/>
  <c r="AC52855" i="1"/>
  <c r="AC52856" i="1"/>
  <c r="AC52857" i="1"/>
  <c r="AC52858" i="1"/>
  <c r="AC52859" i="1"/>
  <c r="AC52860" i="1"/>
  <c r="AC52861" i="1"/>
  <c r="AC52862" i="1"/>
  <c r="AC52863" i="1"/>
  <c r="AC52864" i="1"/>
  <c r="AC52865" i="1"/>
  <c r="AC52866" i="1"/>
  <c r="AC52867" i="1"/>
  <c r="AC52868" i="1"/>
  <c r="AC52869" i="1"/>
  <c r="AC52870" i="1"/>
  <c r="AC52871" i="1"/>
  <c r="AC52872" i="1"/>
  <c r="AC52873" i="1"/>
  <c r="AC52874" i="1"/>
  <c r="AC52875" i="1"/>
  <c r="AC52876" i="1"/>
  <c r="AC52877" i="1"/>
  <c r="AC52878" i="1"/>
  <c r="AC52879" i="1"/>
  <c r="AC52880" i="1"/>
  <c r="AC52881" i="1"/>
  <c r="AC52882" i="1"/>
  <c r="AC52883" i="1"/>
  <c r="AC52884" i="1"/>
  <c r="AC52885" i="1"/>
  <c r="AC52886" i="1"/>
  <c r="AC52887" i="1"/>
  <c r="AC52888" i="1"/>
  <c r="AC52889" i="1"/>
  <c r="AC52890" i="1"/>
  <c r="AC52891" i="1"/>
  <c r="AC52892" i="1"/>
  <c r="AC52893" i="1"/>
  <c r="AC52894" i="1"/>
  <c r="AC52895" i="1"/>
  <c r="AC52896" i="1"/>
  <c r="AC52897" i="1"/>
  <c r="AC52898" i="1"/>
  <c r="AC52899" i="1"/>
  <c r="AC52900" i="1"/>
  <c r="AC52901" i="1"/>
  <c r="AC52902" i="1"/>
  <c r="AC52903" i="1"/>
  <c r="AC52904" i="1"/>
  <c r="AC52905" i="1"/>
  <c r="AC52906" i="1"/>
  <c r="AC52907" i="1"/>
  <c r="AC52908" i="1"/>
  <c r="AC52909" i="1"/>
  <c r="AC52910" i="1"/>
  <c r="AC52911" i="1"/>
  <c r="AC52912" i="1"/>
  <c r="AC52913" i="1"/>
  <c r="AC52914" i="1"/>
  <c r="AC52915" i="1"/>
  <c r="AC52916" i="1"/>
  <c r="AC52917" i="1"/>
  <c r="AC52918" i="1"/>
  <c r="AC52919" i="1"/>
  <c r="AC52920" i="1"/>
  <c r="AC52921" i="1"/>
  <c r="AC52922" i="1"/>
  <c r="AC52923" i="1"/>
  <c r="AC52924" i="1"/>
  <c r="AC52925" i="1"/>
  <c r="AC52926" i="1"/>
  <c r="AC52927" i="1"/>
  <c r="AC52928" i="1"/>
  <c r="AC52929" i="1"/>
  <c r="AC52930" i="1"/>
  <c r="AC52931" i="1"/>
  <c r="AC52932" i="1"/>
  <c r="AC52933" i="1"/>
  <c r="AC52934" i="1"/>
  <c r="AC52935" i="1"/>
  <c r="AC52936" i="1"/>
  <c r="AC52937" i="1"/>
  <c r="AC52938" i="1"/>
  <c r="AC52939" i="1"/>
  <c r="AC52940" i="1"/>
  <c r="AC52941" i="1"/>
  <c r="AC52942" i="1"/>
  <c r="AC52943" i="1"/>
  <c r="AC52944" i="1"/>
  <c r="AC52945" i="1"/>
  <c r="AC52946" i="1"/>
  <c r="AC52947" i="1"/>
  <c r="AC52948" i="1"/>
  <c r="AC52949" i="1"/>
  <c r="AC52950" i="1"/>
  <c r="AC52951" i="1"/>
  <c r="AC52952" i="1"/>
  <c r="AC52953" i="1"/>
  <c r="AC52954" i="1"/>
  <c r="AC52955" i="1"/>
  <c r="AC52956" i="1"/>
  <c r="AC52957" i="1"/>
  <c r="AC52958" i="1"/>
  <c r="AC52959" i="1"/>
  <c r="AC52960" i="1"/>
  <c r="AC52961" i="1"/>
  <c r="AC52962" i="1"/>
  <c r="AC52963" i="1"/>
  <c r="AC52964" i="1"/>
  <c r="AC52965" i="1"/>
  <c r="AC52966" i="1"/>
  <c r="AC52967" i="1"/>
  <c r="AC52968" i="1"/>
  <c r="AC52969" i="1"/>
  <c r="AC52970" i="1"/>
  <c r="AC52971" i="1"/>
  <c r="AC52972" i="1"/>
  <c r="AC52973" i="1"/>
  <c r="AC52974" i="1"/>
  <c r="AC52975" i="1"/>
  <c r="AC52976" i="1"/>
  <c r="AC52977" i="1"/>
  <c r="AC52978" i="1"/>
  <c r="AC52979" i="1"/>
  <c r="AC52980" i="1"/>
  <c r="AC52981" i="1"/>
  <c r="AC52982" i="1"/>
  <c r="AC52983" i="1"/>
  <c r="AC52984" i="1"/>
  <c r="AC52985" i="1"/>
  <c r="AC52986" i="1"/>
  <c r="AC52987" i="1"/>
  <c r="AC52988" i="1"/>
  <c r="AC52989" i="1"/>
  <c r="AC52990" i="1"/>
  <c r="AC52991" i="1"/>
  <c r="AC52992" i="1"/>
  <c r="AC52993" i="1"/>
  <c r="AC52994" i="1"/>
  <c r="AC52995" i="1"/>
  <c r="AC52996" i="1"/>
  <c r="AC52997" i="1"/>
  <c r="AC52998" i="1"/>
  <c r="AC52999" i="1"/>
  <c r="AC53000" i="1"/>
  <c r="AC53001" i="1"/>
  <c r="AC53002" i="1"/>
  <c r="AC53003" i="1"/>
  <c r="AC53004" i="1"/>
  <c r="AC53005" i="1"/>
  <c r="AC53006" i="1"/>
  <c r="AC53007" i="1"/>
  <c r="AC53008" i="1"/>
  <c r="AC53009" i="1"/>
  <c r="AC53010" i="1"/>
  <c r="AC53011" i="1"/>
  <c r="AC53012" i="1"/>
  <c r="AC53013" i="1"/>
  <c r="AC53014" i="1"/>
  <c r="AC53015" i="1"/>
  <c r="AC53016" i="1"/>
  <c r="AC53017" i="1"/>
  <c r="AC53018" i="1"/>
  <c r="AC53019" i="1"/>
  <c r="AC53020" i="1"/>
  <c r="AC53021" i="1"/>
  <c r="AC53022" i="1"/>
  <c r="AC53023" i="1"/>
  <c r="AC53024" i="1"/>
  <c r="AC53025" i="1"/>
  <c r="AC53026" i="1"/>
  <c r="AC53027" i="1"/>
  <c r="AC53028" i="1"/>
  <c r="AC53029" i="1"/>
  <c r="AC53030" i="1"/>
  <c r="AC53031" i="1"/>
  <c r="AC53032" i="1"/>
  <c r="AC53033" i="1"/>
  <c r="AC53034" i="1"/>
  <c r="AC53035" i="1"/>
  <c r="AC53036" i="1"/>
  <c r="AC53037" i="1"/>
  <c r="AC53038" i="1"/>
  <c r="AC53039" i="1"/>
  <c r="AC53040" i="1"/>
  <c r="AC53041" i="1"/>
  <c r="AC53042" i="1"/>
  <c r="AC53043" i="1"/>
  <c r="AC53044" i="1"/>
  <c r="AC53045" i="1"/>
  <c r="AC53046" i="1"/>
  <c r="AC53047" i="1"/>
  <c r="AC53048" i="1"/>
  <c r="AC53049" i="1"/>
  <c r="AC53050" i="1"/>
  <c r="AC53051" i="1"/>
  <c r="AC53052" i="1"/>
  <c r="AC53053" i="1"/>
  <c r="AC53054" i="1"/>
  <c r="AC53055" i="1"/>
  <c r="AC53056" i="1"/>
  <c r="AC53057" i="1"/>
  <c r="AC53058" i="1"/>
  <c r="AC53059" i="1"/>
  <c r="AC53060" i="1"/>
  <c r="AC53061" i="1"/>
  <c r="AC53062" i="1"/>
  <c r="AC53063" i="1"/>
  <c r="AC53064" i="1"/>
  <c r="AC53065" i="1"/>
  <c r="AC53066" i="1"/>
  <c r="AC53067" i="1"/>
  <c r="AC53068" i="1"/>
  <c r="AC53069" i="1"/>
  <c r="AC53070" i="1"/>
  <c r="AC53071" i="1"/>
  <c r="AC53072" i="1"/>
  <c r="AC53073" i="1"/>
  <c r="AC53074" i="1"/>
  <c r="AC53075" i="1"/>
  <c r="AC53076" i="1"/>
  <c r="AC53077" i="1"/>
  <c r="AC53078" i="1"/>
  <c r="AC53079" i="1"/>
  <c r="AC53080" i="1"/>
  <c r="AC53081" i="1"/>
  <c r="AC53082" i="1"/>
  <c r="AC53083" i="1"/>
  <c r="AC53084" i="1"/>
  <c r="AC53085" i="1"/>
  <c r="AC53086" i="1"/>
  <c r="AC53087" i="1"/>
  <c r="AC53088" i="1"/>
  <c r="AC53089" i="1"/>
  <c r="AC53090" i="1"/>
  <c r="AC53091" i="1"/>
  <c r="AC53092" i="1"/>
  <c r="AC53093" i="1"/>
  <c r="AC53094" i="1"/>
  <c r="AC53095" i="1"/>
  <c r="AC53096" i="1"/>
  <c r="AC53097" i="1"/>
  <c r="AC53098" i="1"/>
  <c r="AC53099" i="1"/>
  <c r="AC53100" i="1"/>
  <c r="AC53101" i="1"/>
  <c r="AC53102" i="1"/>
  <c r="AC53103" i="1"/>
  <c r="AC53104" i="1"/>
  <c r="AC53105" i="1"/>
  <c r="AC53106" i="1"/>
  <c r="AC53107" i="1"/>
  <c r="AC53108" i="1"/>
  <c r="AC53109" i="1"/>
  <c r="AC53110" i="1"/>
  <c r="AC53111" i="1"/>
  <c r="AC53112" i="1"/>
  <c r="AC53113" i="1"/>
  <c r="AC53114" i="1"/>
  <c r="AC53115" i="1"/>
  <c r="AC53116" i="1"/>
  <c r="AC53117" i="1"/>
  <c r="AC53118" i="1"/>
  <c r="AC53119" i="1"/>
  <c r="AC53120" i="1"/>
  <c r="AC53121" i="1"/>
  <c r="AC53122" i="1"/>
  <c r="AC53123" i="1"/>
  <c r="AC53124" i="1"/>
  <c r="AC53125" i="1"/>
  <c r="AC53126" i="1"/>
  <c r="AC53127" i="1"/>
  <c r="AC53128" i="1"/>
  <c r="AC53129" i="1"/>
  <c r="AC53130" i="1"/>
  <c r="AC53131" i="1"/>
  <c r="AC53132" i="1"/>
  <c r="AC53133" i="1"/>
  <c r="AC53134" i="1"/>
  <c r="AC53135" i="1"/>
  <c r="AC53136" i="1"/>
  <c r="AC53137" i="1"/>
  <c r="AC53138" i="1"/>
  <c r="AC53139" i="1"/>
  <c r="AC53140" i="1"/>
  <c r="AC53141" i="1"/>
  <c r="AC53142" i="1"/>
  <c r="AC53143" i="1"/>
  <c r="AC53144" i="1"/>
  <c r="AC53145" i="1"/>
  <c r="AC53146" i="1"/>
  <c r="AC53147" i="1"/>
  <c r="AC53148" i="1"/>
  <c r="AC53149" i="1"/>
  <c r="AC53150" i="1"/>
  <c r="AC53151" i="1"/>
  <c r="AC53152" i="1"/>
  <c r="AC53153" i="1"/>
  <c r="AC53154" i="1"/>
  <c r="AC53155" i="1"/>
  <c r="AC53156" i="1"/>
  <c r="AC53157" i="1"/>
  <c r="AC53158" i="1"/>
  <c r="AC53159" i="1"/>
  <c r="AC53160" i="1"/>
  <c r="AC53161" i="1"/>
  <c r="AC53162" i="1"/>
  <c r="AC53163" i="1"/>
  <c r="AC53164" i="1"/>
  <c r="AC53165" i="1"/>
  <c r="AC53166" i="1"/>
  <c r="AC53167" i="1"/>
  <c r="AC53168" i="1"/>
  <c r="AC53169" i="1"/>
  <c r="AC53170" i="1"/>
  <c r="AC53171" i="1"/>
  <c r="AC53172" i="1"/>
  <c r="AC53173" i="1"/>
  <c r="AC53174" i="1"/>
  <c r="AC53175" i="1"/>
  <c r="AC53176" i="1"/>
  <c r="AC53177" i="1"/>
  <c r="AC53178" i="1"/>
  <c r="AC53179" i="1"/>
  <c r="AC53180" i="1"/>
  <c r="AC53181" i="1"/>
  <c r="AC53182" i="1"/>
  <c r="AC53183" i="1"/>
  <c r="AC53184" i="1"/>
  <c r="AC53185" i="1"/>
  <c r="AC53186" i="1"/>
  <c r="AC53187" i="1"/>
  <c r="AC53188" i="1"/>
  <c r="AC53189" i="1"/>
  <c r="AC53190" i="1"/>
  <c r="AC53191" i="1"/>
  <c r="AC53192" i="1"/>
  <c r="AC53193" i="1"/>
  <c r="AC53194" i="1"/>
  <c r="AC53195" i="1"/>
  <c r="AC53196" i="1"/>
  <c r="AC53197" i="1"/>
  <c r="AC53198" i="1"/>
  <c r="AC53199" i="1"/>
  <c r="AC53200" i="1"/>
  <c r="AC53201" i="1"/>
  <c r="AC53202" i="1"/>
  <c r="AC53203" i="1"/>
  <c r="AC53204" i="1"/>
  <c r="AC53205" i="1"/>
  <c r="AC53206" i="1"/>
  <c r="AC53207" i="1"/>
  <c r="AC53208" i="1"/>
  <c r="AC53209" i="1"/>
  <c r="AC53210" i="1"/>
  <c r="AC53211" i="1"/>
  <c r="AC53212" i="1"/>
  <c r="AC53213" i="1"/>
  <c r="AC53214" i="1"/>
  <c r="AC53215" i="1"/>
  <c r="AC53216" i="1"/>
  <c r="AC53217" i="1"/>
  <c r="AC53218" i="1"/>
  <c r="AC53219" i="1"/>
  <c r="AC53220" i="1"/>
  <c r="AC53221" i="1"/>
  <c r="AC53222" i="1"/>
  <c r="AC53223" i="1"/>
  <c r="AC53224" i="1"/>
  <c r="AC53225" i="1"/>
  <c r="AC53226" i="1"/>
  <c r="AC53227" i="1"/>
  <c r="AC53228" i="1"/>
  <c r="AC53229" i="1"/>
  <c r="AC53230" i="1"/>
  <c r="AC53231" i="1"/>
  <c r="AC53232" i="1"/>
  <c r="AC53233" i="1"/>
  <c r="AC53234" i="1"/>
  <c r="AC53235" i="1"/>
  <c r="AC53236" i="1"/>
  <c r="AC53237" i="1"/>
  <c r="AC53238" i="1"/>
  <c r="AC53239" i="1"/>
  <c r="AC53240" i="1"/>
  <c r="AC53241" i="1"/>
  <c r="AC53242" i="1"/>
  <c r="AC53243" i="1"/>
  <c r="AC53244" i="1"/>
  <c r="AC53245" i="1"/>
  <c r="AC53246" i="1"/>
  <c r="AC53247" i="1"/>
  <c r="AC53248" i="1"/>
  <c r="AC53249" i="1"/>
  <c r="AC53250" i="1"/>
  <c r="AC53251" i="1"/>
  <c r="AC53252" i="1"/>
  <c r="AC53253" i="1"/>
  <c r="AC53254" i="1"/>
  <c r="AC53255" i="1"/>
  <c r="AC53256" i="1"/>
  <c r="AC53257" i="1"/>
  <c r="AC53258" i="1"/>
  <c r="AC53259" i="1"/>
  <c r="AC53260" i="1"/>
  <c r="AC53261" i="1"/>
  <c r="AC53262" i="1"/>
  <c r="AC53263" i="1"/>
  <c r="AC53264" i="1"/>
  <c r="AC53265" i="1"/>
  <c r="AC53266" i="1"/>
  <c r="AC53267" i="1"/>
  <c r="AC53268" i="1"/>
  <c r="AC53269" i="1"/>
  <c r="AC53270" i="1"/>
  <c r="AC53271" i="1"/>
  <c r="AC53272" i="1"/>
  <c r="AC53273" i="1"/>
  <c r="AC53274" i="1"/>
  <c r="AC53275" i="1"/>
  <c r="AC53276" i="1"/>
  <c r="AC53277" i="1"/>
  <c r="AC53278" i="1"/>
  <c r="AC53279" i="1"/>
  <c r="AC53280" i="1"/>
  <c r="AC53281" i="1"/>
  <c r="AC53282" i="1"/>
  <c r="AC53283" i="1"/>
  <c r="AC53284" i="1"/>
  <c r="AC53285" i="1"/>
  <c r="AC53286" i="1"/>
  <c r="AC53287" i="1"/>
  <c r="AC53288" i="1"/>
  <c r="AC53289" i="1"/>
  <c r="AC53290" i="1"/>
  <c r="AC53291" i="1"/>
  <c r="AC53292" i="1"/>
  <c r="AC53293" i="1"/>
  <c r="AC53294" i="1"/>
  <c r="AC53295" i="1"/>
  <c r="AC53296" i="1"/>
  <c r="AC53297" i="1"/>
  <c r="AC53298" i="1"/>
  <c r="AC53299" i="1"/>
  <c r="AC53300" i="1"/>
  <c r="AC53301" i="1"/>
  <c r="AC53302" i="1"/>
  <c r="AC53303" i="1"/>
  <c r="AC53304" i="1"/>
  <c r="AC53305" i="1"/>
  <c r="AC53306" i="1"/>
  <c r="AC53307" i="1"/>
  <c r="AC53308" i="1"/>
  <c r="AC53309" i="1"/>
  <c r="AC53310" i="1"/>
  <c r="AC53311" i="1"/>
  <c r="AC53312" i="1"/>
  <c r="AC53313" i="1"/>
  <c r="AC53314" i="1"/>
  <c r="AC53315" i="1"/>
  <c r="AC53316" i="1"/>
  <c r="AC53317" i="1"/>
  <c r="AC53318" i="1"/>
  <c r="AC53319" i="1"/>
  <c r="AC53320" i="1"/>
  <c r="AC53321" i="1"/>
  <c r="AC53322" i="1"/>
  <c r="AC53323" i="1"/>
  <c r="AC53324" i="1"/>
  <c r="AC53325" i="1"/>
  <c r="AC53326" i="1"/>
  <c r="AC53327" i="1"/>
  <c r="AC53328" i="1"/>
  <c r="AC53329" i="1"/>
  <c r="AC53330" i="1"/>
  <c r="AC53331" i="1"/>
  <c r="AC53332" i="1"/>
  <c r="AC53333" i="1"/>
  <c r="AC53334" i="1"/>
  <c r="AC53335" i="1"/>
  <c r="AC53336" i="1"/>
  <c r="AC53337" i="1"/>
  <c r="AC53338" i="1"/>
  <c r="AC53339" i="1"/>
  <c r="AC53340" i="1"/>
  <c r="AC53341" i="1"/>
  <c r="AC53342" i="1"/>
  <c r="AC53343" i="1"/>
  <c r="AC53344" i="1"/>
  <c r="AC53345" i="1"/>
  <c r="AC53346" i="1"/>
  <c r="AC53347" i="1"/>
  <c r="AC53348" i="1"/>
  <c r="AC53349" i="1"/>
  <c r="AC53350" i="1"/>
  <c r="AC53351" i="1"/>
  <c r="AC53352" i="1"/>
  <c r="AC53353" i="1"/>
  <c r="AC53354" i="1"/>
  <c r="AC53355" i="1"/>
  <c r="AC53356" i="1"/>
  <c r="AC53357" i="1"/>
  <c r="AC53358" i="1"/>
  <c r="AC53359" i="1"/>
  <c r="AC53360" i="1"/>
  <c r="AC53361" i="1"/>
  <c r="AC53362" i="1"/>
  <c r="AC53363" i="1"/>
  <c r="AC53364" i="1"/>
  <c r="AC53365" i="1"/>
  <c r="AC53366" i="1"/>
  <c r="AC53367" i="1"/>
  <c r="AC53368" i="1"/>
  <c r="AC53369" i="1"/>
  <c r="AC53370" i="1"/>
  <c r="AC53371" i="1"/>
  <c r="AC53372" i="1"/>
  <c r="AC53373" i="1"/>
  <c r="AC53374" i="1"/>
  <c r="AC53375" i="1"/>
  <c r="AC53376" i="1"/>
  <c r="AC53377" i="1"/>
  <c r="AC53378" i="1"/>
  <c r="AC53379" i="1"/>
  <c r="AC53380" i="1"/>
  <c r="AC53381" i="1"/>
  <c r="AC53382" i="1"/>
  <c r="AC53383" i="1"/>
  <c r="AC53384" i="1"/>
  <c r="AC53385" i="1"/>
  <c r="AC53386" i="1"/>
  <c r="AC53387" i="1"/>
  <c r="AC53388" i="1"/>
  <c r="AC53389" i="1"/>
  <c r="AC53390" i="1"/>
  <c r="AC53391" i="1"/>
  <c r="AC53392" i="1"/>
  <c r="AC53393" i="1"/>
  <c r="AC53394" i="1"/>
  <c r="AC53395" i="1"/>
  <c r="AC53396" i="1"/>
  <c r="AC53397" i="1"/>
  <c r="AC53398" i="1"/>
  <c r="AC53399" i="1"/>
  <c r="AC53400" i="1"/>
  <c r="AC53401" i="1"/>
  <c r="AC53402" i="1"/>
  <c r="AC53403" i="1"/>
  <c r="AC53404" i="1"/>
  <c r="AC53405" i="1"/>
  <c r="AC53406" i="1"/>
  <c r="AC53407" i="1"/>
  <c r="AC53408" i="1"/>
  <c r="AC53409" i="1"/>
  <c r="AC53410" i="1"/>
  <c r="AC53411" i="1"/>
  <c r="AC53412" i="1"/>
  <c r="AC53413" i="1"/>
  <c r="AC53414" i="1"/>
  <c r="AC53415" i="1"/>
  <c r="AC53416" i="1"/>
  <c r="AC53417" i="1"/>
  <c r="AC53418" i="1"/>
  <c r="AC53419" i="1"/>
  <c r="AC53420" i="1"/>
  <c r="AC53421" i="1"/>
  <c r="AC53422" i="1"/>
  <c r="AC53423" i="1"/>
  <c r="AC53424" i="1"/>
  <c r="AC53425" i="1"/>
  <c r="AC53426" i="1"/>
  <c r="AC53427" i="1"/>
  <c r="AC53428" i="1"/>
  <c r="AC53429" i="1"/>
  <c r="AC53430" i="1"/>
  <c r="AC53431" i="1"/>
  <c r="AC53432" i="1"/>
  <c r="AC53433" i="1"/>
  <c r="AC53434" i="1"/>
  <c r="AC53435" i="1"/>
  <c r="AC53436" i="1"/>
  <c r="AC53437" i="1"/>
  <c r="AC53438" i="1"/>
  <c r="AC53439" i="1"/>
  <c r="AC53440" i="1"/>
  <c r="AC53441" i="1"/>
  <c r="AC53442" i="1"/>
  <c r="AC53443" i="1"/>
  <c r="AC53444" i="1"/>
  <c r="AC53445" i="1"/>
  <c r="AC53446" i="1"/>
  <c r="AC53447" i="1"/>
  <c r="AC53448" i="1"/>
  <c r="AC53449" i="1"/>
  <c r="AC53450" i="1"/>
  <c r="AC53451" i="1"/>
  <c r="AC53452" i="1"/>
  <c r="AC53453" i="1"/>
  <c r="AC53454" i="1"/>
  <c r="AC53455" i="1"/>
  <c r="AC53456" i="1"/>
  <c r="AC53457" i="1"/>
  <c r="AC53458" i="1"/>
  <c r="AC53459" i="1"/>
  <c r="AC53460" i="1"/>
  <c r="AC53461" i="1"/>
  <c r="AC53462" i="1"/>
  <c r="AC53463" i="1"/>
  <c r="AC53464" i="1"/>
  <c r="AC53465" i="1"/>
  <c r="AC53466" i="1"/>
  <c r="AC53467" i="1"/>
  <c r="AC53468" i="1"/>
  <c r="AC53469" i="1"/>
  <c r="AC53470" i="1"/>
  <c r="AC53471" i="1"/>
  <c r="AC53472" i="1"/>
  <c r="AC53473" i="1"/>
  <c r="AC53474" i="1"/>
  <c r="AC53475" i="1"/>
  <c r="AC53476" i="1"/>
  <c r="AC53477" i="1"/>
  <c r="AC53478" i="1"/>
  <c r="AC53479" i="1"/>
  <c r="AC53480" i="1"/>
  <c r="AC53481" i="1"/>
  <c r="AC53482" i="1"/>
  <c r="AC53483" i="1"/>
  <c r="AC53484" i="1"/>
  <c r="AC53485" i="1"/>
  <c r="AC53486" i="1"/>
  <c r="AC53487" i="1"/>
  <c r="AC53488" i="1"/>
  <c r="AC53489" i="1"/>
  <c r="AC53490" i="1"/>
  <c r="AC53491" i="1"/>
  <c r="AC53492" i="1"/>
  <c r="AC53493" i="1"/>
  <c r="AC53494" i="1"/>
  <c r="AC53495" i="1"/>
  <c r="AC53496" i="1"/>
  <c r="AC53497" i="1"/>
  <c r="AC53498" i="1"/>
  <c r="AC53499" i="1"/>
  <c r="AC53500" i="1"/>
  <c r="AC53501" i="1"/>
  <c r="AC53502" i="1"/>
  <c r="AC53503" i="1"/>
  <c r="AC53504" i="1"/>
  <c r="AC53505" i="1"/>
  <c r="AC53506" i="1"/>
  <c r="AC53507" i="1"/>
  <c r="AC53508" i="1"/>
  <c r="AC53509" i="1"/>
  <c r="AC53510" i="1"/>
  <c r="AC53511" i="1"/>
  <c r="AC53512" i="1"/>
  <c r="AC53513" i="1"/>
  <c r="AC53514" i="1"/>
  <c r="AC53515" i="1"/>
  <c r="AC53516" i="1"/>
  <c r="AC53517" i="1"/>
  <c r="AC53518" i="1"/>
  <c r="AC53519" i="1"/>
  <c r="AC53520" i="1"/>
  <c r="AC53521" i="1"/>
  <c r="AC53522" i="1"/>
  <c r="AC53523" i="1"/>
  <c r="AC53524" i="1"/>
  <c r="AC53525" i="1"/>
  <c r="AC53526" i="1"/>
  <c r="AC53527" i="1"/>
  <c r="AC53528" i="1"/>
  <c r="AC53529" i="1"/>
  <c r="AC53530" i="1"/>
  <c r="AC53531" i="1"/>
  <c r="AC53532" i="1"/>
  <c r="AC53533" i="1"/>
  <c r="AC53534" i="1"/>
  <c r="AC53535" i="1"/>
  <c r="AC53536" i="1"/>
  <c r="AC53537" i="1"/>
  <c r="AC53538" i="1"/>
  <c r="AC53539" i="1"/>
  <c r="AC53540" i="1"/>
  <c r="AC53541" i="1"/>
  <c r="AC53542" i="1"/>
  <c r="AC53543" i="1"/>
  <c r="AC53544" i="1"/>
  <c r="AC53545" i="1"/>
  <c r="AC53546" i="1"/>
  <c r="AC53547" i="1"/>
  <c r="AC53548" i="1"/>
  <c r="AC53549" i="1"/>
  <c r="AC53550" i="1"/>
  <c r="AC53551" i="1"/>
  <c r="AC53552" i="1"/>
  <c r="AC53553" i="1"/>
  <c r="AC53554" i="1"/>
  <c r="AC53555" i="1"/>
  <c r="AC53556" i="1"/>
  <c r="AC53557" i="1"/>
  <c r="AC53558" i="1"/>
  <c r="AC53559" i="1"/>
  <c r="AC53560" i="1"/>
  <c r="AC53561" i="1"/>
  <c r="AC53562" i="1"/>
  <c r="AC53563" i="1"/>
  <c r="AC53564" i="1"/>
  <c r="AC53565" i="1"/>
  <c r="AC53566" i="1"/>
  <c r="AC53567" i="1"/>
  <c r="AC53568" i="1"/>
  <c r="AC53569" i="1"/>
  <c r="AC53570" i="1"/>
  <c r="AC53571" i="1"/>
  <c r="AC53572" i="1"/>
  <c r="AC53573" i="1"/>
  <c r="AC53574" i="1"/>
  <c r="AC53575" i="1"/>
  <c r="AC53576" i="1"/>
  <c r="AC53577" i="1"/>
  <c r="AC53578" i="1"/>
  <c r="AC53579" i="1"/>
  <c r="AC53580" i="1"/>
  <c r="AC53581" i="1"/>
  <c r="AC53582" i="1"/>
  <c r="AC53583" i="1"/>
  <c r="AC53584" i="1"/>
  <c r="AC53585" i="1"/>
  <c r="AC53586" i="1"/>
  <c r="AC53587" i="1"/>
  <c r="AC53588" i="1"/>
  <c r="AC53589" i="1"/>
  <c r="AC53590" i="1"/>
  <c r="AC53591" i="1"/>
  <c r="AC53592" i="1"/>
  <c r="AC53593" i="1"/>
  <c r="AC53594" i="1"/>
  <c r="AC53595" i="1"/>
  <c r="AC53596" i="1"/>
  <c r="AC53597" i="1"/>
  <c r="AC53598" i="1"/>
  <c r="AC53599" i="1"/>
  <c r="AC53600" i="1"/>
  <c r="AC53601" i="1"/>
  <c r="AC53602" i="1"/>
  <c r="AC53603" i="1"/>
  <c r="AC53604" i="1"/>
  <c r="AC53605" i="1"/>
  <c r="AC53606" i="1"/>
  <c r="AC53607" i="1"/>
  <c r="AC53608" i="1"/>
  <c r="AC53609" i="1"/>
  <c r="AC53610" i="1"/>
  <c r="AC53611" i="1"/>
  <c r="AC53612" i="1"/>
  <c r="AC53613" i="1"/>
  <c r="AC53614" i="1"/>
  <c r="AC53615" i="1"/>
  <c r="AC53616" i="1"/>
  <c r="AC53617" i="1"/>
  <c r="AC53618" i="1"/>
  <c r="AC53619" i="1"/>
  <c r="AC53620" i="1"/>
  <c r="AC53621" i="1"/>
  <c r="AC53622" i="1"/>
  <c r="AC53623" i="1"/>
  <c r="AC53624" i="1"/>
  <c r="AC53625" i="1"/>
  <c r="AC53626" i="1"/>
  <c r="AC53627" i="1"/>
  <c r="AC53628" i="1"/>
  <c r="AC53629" i="1"/>
  <c r="AC53630" i="1"/>
  <c r="AC53631" i="1"/>
  <c r="AC53632" i="1"/>
  <c r="AC53633" i="1"/>
  <c r="AC53634" i="1"/>
  <c r="AC53635" i="1"/>
  <c r="AC53636" i="1"/>
  <c r="AC53637" i="1"/>
  <c r="AC53638" i="1"/>
  <c r="AC53639" i="1"/>
  <c r="AC53640" i="1"/>
  <c r="AC53641" i="1"/>
  <c r="AC53642" i="1"/>
  <c r="AC53643" i="1"/>
  <c r="AC53644" i="1"/>
  <c r="AC53645" i="1"/>
  <c r="AC53646" i="1"/>
  <c r="AC53647" i="1"/>
  <c r="AC53648" i="1"/>
  <c r="AC53649" i="1"/>
  <c r="AC53650" i="1"/>
  <c r="AC53651" i="1"/>
  <c r="AC53652" i="1"/>
  <c r="AC53653" i="1"/>
  <c r="AC53654" i="1"/>
  <c r="AC53655" i="1"/>
  <c r="AC53656" i="1"/>
  <c r="AC53657" i="1"/>
  <c r="AC53658" i="1"/>
  <c r="AC53659" i="1"/>
  <c r="AC53660" i="1"/>
  <c r="AC53661" i="1"/>
  <c r="AC53662" i="1"/>
  <c r="AC53663" i="1"/>
  <c r="AC53664" i="1"/>
  <c r="AC53665" i="1"/>
  <c r="AC53666" i="1"/>
  <c r="AC53667" i="1"/>
  <c r="AC53668" i="1"/>
  <c r="AC53669" i="1"/>
  <c r="AC53670" i="1"/>
  <c r="AC53671" i="1"/>
  <c r="AC53672" i="1"/>
  <c r="AC53673" i="1"/>
  <c r="AC53674" i="1"/>
  <c r="AC53675" i="1"/>
  <c r="AC53676" i="1"/>
  <c r="AC53677" i="1"/>
  <c r="AC53678" i="1"/>
  <c r="AC53679" i="1"/>
  <c r="AC53680" i="1"/>
  <c r="AC53681" i="1"/>
  <c r="AC53682" i="1"/>
  <c r="AC53683" i="1"/>
  <c r="AC53684" i="1"/>
  <c r="AC53685" i="1"/>
  <c r="AC53686" i="1"/>
  <c r="AC53687" i="1"/>
  <c r="AC53688" i="1"/>
  <c r="AC53689" i="1"/>
  <c r="AC53690" i="1"/>
  <c r="AC53691" i="1"/>
  <c r="AC53692" i="1"/>
  <c r="AC53693" i="1"/>
  <c r="AC53694" i="1"/>
  <c r="AC53695" i="1"/>
  <c r="AC53696" i="1"/>
  <c r="AC53697" i="1"/>
  <c r="AC53698" i="1"/>
  <c r="AC53699" i="1"/>
  <c r="AC53700" i="1"/>
  <c r="AC53701" i="1"/>
  <c r="AC53702" i="1"/>
  <c r="AC53703" i="1"/>
  <c r="AC53704" i="1"/>
  <c r="AC53705" i="1"/>
  <c r="AC53706" i="1"/>
  <c r="AC53707" i="1"/>
  <c r="AC53708" i="1"/>
  <c r="AC53709" i="1"/>
  <c r="AC53710" i="1"/>
  <c r="AC53711" i="1"/>
  <c r="AC53712" i="1"/>
  <c r="AC53713" i="1"/>
  <c r="AC53714" i="1"/>
  <c r="AC53715" i="1"/>
  <c r="AC53716" i="1"/>
  <c r="AC53717" i="1"/>
  <c r="AC53718" i="1"/>
  <c r="AC53719" i="1"/>
  <c r="AC53720" i="1"/>
  <c r="AC53721" i="1"/>
  <c r="AC53722" i="1"/>
  <c r="AC53723" i="1"/>
  <c r="AC53724" i="1"/>
  <c r="AC53725" i="1"/>
  <c r="AC53726" i="1"/>
  <c r="AC53727" i="1"/>
  <c r="AC53728" i="1"/>
  <c r="AC53729" i="1"/>
  <c r="AC53730" i="1"/>
  <c r="AC53731" i="1"/>
  <c r="AC53732" i="1"/>
  <c r="AC53733" i="1"/>
  <c r="AC53734" i="1"/>
  <c r="AC53735" i="1"/>
  <c r="AC53736" i="1"/>
  <c r="AC53737" i="1"/>
  <c r="AC53738" i="1"/>
  <c r="AC53739" i="1"/>
  <c r="AC53740" i="1"/>
  <c r="AC53741" i="1"/>
  <c r="AC53742" i="1"/>
  <c r="AC53743" i="1"/>
  <c r="AC53744" i="1"/>
  <c r="AC53745" i="1"/>
  <c r="AC53746" i="1"/>
  <c r="AC53747" i="1"/>
  <c r="AC53748" i="1"/>
  <c r="AC53749" i="1"/>
  <c r="AC53750" i="1"/>
  <c r="AC53751" i="1"/>
  <c r="AC53752" i="1"/>
  <c r="AC53753" i="1"/>
  <c r="AC53754" i="1"/>
  <c r="AC53755" i="1"/>
  <c r="AC53756" i="1"/>
  <c r="AC53757" i="1"/>
  <c r="AC53758" i="1"/>
  <c r="AC53759" i="1"/>
  <c r="AC53760" i="1"/>
  <c r="AC53761" i="1"/>
  <c r="AC53762" i="1"/>
  <c r="AC53763" i="1"/>
  <c r="AC53764" i="1"/>
  <c r="AC53765" i="1"/>
  <c r="AC53766" i="1"/>
  <c r="AC53767" i="1"/>
  <c r="AC53768" i="1"/>
  <c r="AC53769" i="1"/>
  <c r="AC53770" i="1"/>
  <c r="AC53771" i="1"/>
  <c r="AC53772" i="1"/>
  <c r="AC53773" i="1"/>
  <c r="AC53774" i="1"/>
  <c r="AC53775" i="1"/>
  <c r="AC53776" i="1"/>
  <c r="AC53777" i="1"/>
  <c r="AC53778" i="1"/>
  <c r="AC53779" i="1"/>
  <c r="AC53780" i="1"/>
  <c r="AC53781" i="1"/>
  <c r="AC53782" i="1"/>
  <c r="AC53783" i="1"/>
  <c r="AC53784" i="1"/>
  <c r="AC53785" i="1"/>
  <c r="AC53786" i="1"/>
  <c r="AC53787" i="1"/>
  <c r="AC53788" i="1"/>
  <c r="AC53789" i="1"/>
  <c r="AC53790" i="1"/>
  <c r="AC53791" i="1"/>
  <c r="AC53792" i="1"/>
  <c r="AC53793" i="1"/>
  <c r="AC53794" i="1"/>
  <c r="AC53795" i="1"/>
  <c r="AC53796" i="1"/>
  <c r="AC53797" i="1"/>
  <c r="AC53798" i="1"/>
  <c r="AC53799" i="1"/>
  <c r="AC53800" i="1"/>
  <c r="AC53801" i="1"/>
  <c r="AC53802" i="1"/>
  <c r="AC53803" i="1"/>
  <c r="AC53804" i="1"/>
  <c r="AC53805" i="1"/>
  <c r="AC53806" i="1"/>
  <c r="AC53807" i="1"/>
  <c r="AC53808" i="1"/>
  <c r="AC53809" i="1"/>
  <c r="AC53810" i="1"/>
  <c r="AC53811" i="1"/>
  <c r="AC53812" i="1"/>
  <c r="AC53813" i="1"/>
  <c r="AC53814" i="1"/>
  <c r="AC53815" i="1"/>
  <c r="AC53816" i="1"/>
  <c r="AC53817" i="1"/>
  <c r="AC53818" i="1"/>
  <c r="AC53819" i="1"/>
  <c r="AC53820" i="1"/>
  <c r="AC53821" i="1"/>
  <c r="AC53822" i="1"/>
  <c r="AC53823" i="1"/>
  <c r="AC53824" i="1"/>
  <c r="AC53825" i="1"/>
  <c r="AC53826" i="1"/>
  <c r="AC53827" i="1"/>
  <c r="AC53828" i="1"/>
  <c r="AC53829" i="1"/>
  <c r="AC53830" i="1"/>
  <c r="AC53831" i="1"/>
  <c r="AC53832" i="1"/>
  <c r="AC53833" i="1"/>
  <c r="AC53834" i="1"/>
  <c r="AC53835" i="1"/>
  <c r="AC53836" i="1"/>
  <c r="AC53837" i="1"/>
  <c r="AC53838" i="1"/>
  <c r="AC53839" i="1"/>
  <c r="AC53840" i="1"/>
  <c r="AC53841" i="1"/>
  <c r="AC53842" i="1"/>
  <c r="AC53843" i="1"/>
  <c r="AC53844" i="1"/>
  <c r="AC53845" i="1"/>
  <c r="AC53846" i="1"/>
  <c r="AC53847" i="1"/>
  <c r="AC53848" i="1"/>
  <c r="AC53849" i="1"/>
  <c r="AC53850" i="1"/>
  <c r="AC53851" i="1"/>
  <c r="AC53852" i="1"/>
  <c r="AC53853" i="1"/>
  <c r="AC53854" i="1"/>
  <c r="AC53855" i="1"/>
  <c r="AC53856" i="1"/>
  <c r="AC53857" i="1"/>
  <c r="AC53858" i="1"/>
  <c r="AC53859" i="1"/>
  <c r="AC53860" i="1"/>
  <c r="AC53861" i="1"/>
  <c r="AC53862" i="1"/>
  <c r="AC53863" i="1"/>
  <c r="AC53864" i="1"/>
  <c r="AC53865" i="1"/>
  <c r="AC53866" i="1"/>
  <c r="AC53867" i="1"/>
  <c r="AC53868" i="1"/>
  <c r="AC53869" i="1"/>
  <c r="AC53870" i="1"/>
  <c r="AC53871" i="1"/>
  <c r="AC53872" i="1"/>
  <c r="AC53873" i="1"/>
  <c r="AC53874" i="1"/>
  <c r="AC53875" i="1"/>
  <c r="AC53876" i="1"/>
  <c r="AC53877" i="1"/>
  <c r="AC53878" i="1"/>
  <c r="AC53879" i="1"/>
  <c r="AC53880" i="1"/>
  <c r="AC53881" i="1"/>
  <c r="AC53882" i="1"/>
  <c r="AC53883" i="1"/>
  <c r="AC53884" i="1"/>
  <c r="AC53885" i="1"/>
  <c r="AC53886" i="1"/>
  <c r="AC53887" i="1"/>
  <c r="AC53888" i="1"/>
  <c r="AC53889" i="1"/>
  <c r="AC53890" i="1"/>
  <c r="AC53891" i="1"/>
  <c r="AC53892" i="1"/>
  <c r="AC53893" i="1"/>
  <c r="AC53894" i="1"/>
  <c r="AC53895" i="1"/>
  <c r="AC53896" i="1"/>
  <c r="AC53897" i="1"/>
  <c r="AC53898" i="1"/>
  <c r="AC53899" i="1"/>
  <c r="AC53900" i="1"/>
  <c r="AC53901" i="1"/>
  <c r="AC53902" i="1"/>
  <c r="AC53903" i="1"/>
  <c r="AC53904" i="1"/>
  <c r="AC53905" i="1"/>
  <c r="AC53906" i="1"/>
  <c r="AC53907" i="1"/>
  <c r="AC53908" i="1"/>
  <c r="AC53909" i="1"/>
  <c r="AC53910" i="1"/>
  <c r="AC53911" i="1"/>
  <c r="AC53912" i="1"/>
  <c r="AC53913" i="1"/>
  <c r="AC53914" i="1"/>
  <c r="AC53915" i="1"/>
  <c r="AC53916" i="1"/>
  <c r="AC53917" i="1"/>
  <c r="AC53918" i="1"/>
  <c r="AC53919" i="1"/>
  <c r="AC53920" i="1"/>
  <c r="AC53921" i="1"/>
  <c r="AC53922" i="1"/>
  <c r="AC53923" i="1"/>
  <c r="AC53924" i="1"/>
  <c r="AC53925" i="1"/>
  <c r="AC53926" i="1"/>
  <c r="AC53927" i="1"/>
  <c r="AC53928" i="1"/>
  <c r="AC53929" i="1"/>
  <c r="AC53930" i="1"/>
  <c r="AC53931" i="1"/>
  <c r="AC53932" i="1"/>
  <c r="AC53933" i="1"/>
  <c r="AC53934" i="1"/>
  <c r="AC53935" i="1"/>
  <c r="AC53936" i="1"/>
  <c r="AC53937" i="1"/>
  <c r="AC53938" i="1"/>
  <c r="AC53939" i="1"/>
  <c r="AC53940" i="1"/>
  <c r="AC53941" i="1"/>
  <c r="AC53942" i="1"/>
  <c r="AC53943" i="1"/>
  <c r="AC53944" i="1"/>
  <c r="AC53945" i="1"/>
  <c r="AC53946" i="1"/>
  <c r="AC53947" i="1"/>
  <c r="AC53948" i="1"/>
  <c r="AC53949" i="1"/>
  <c r="AC53950" i="1"/>
  <c r="AC53951" i="1"/>
  <c r="AC53952" i="1"/>
  <c r="AC53953" i="1"/>
  <c r="AC53954" i="1"/>
  <c r="AC53955" i="1"/>
  <c r="AC53956" i="1"/>
  <c r="AC53957" i="1"/>
  <c r="AC53958" i="1"/>
  <c r="AC53959" i="1"/>
  <c r="AC53960" i="1"/>
  <c r="AC53961" i="1"/>
  <c r="AC53962" i="1"/>
  <c r="AC53963" i="1"/>
  <c r="AC53964" i="1"/>
  <c r="AC53965" i="1"/>
  <c r="AC53966" i="1"/>
  <c r="AC53967" i="1"/>
  <c r="AC53968" i="1"/>
  <c r="AC53969" i="1"/>
  <c r="AC53970" i="1"/>
  <c r="AC53971" i="1"/>
  <c r="AC53972" i="1"/>
  <c r="AC53973" i="1"/>
  <c r="AC53974" i="1"/>
  <c r="AC53975" i="1"/>
  <c r="AC53976" i="1"/>
  <c r="AC53977" i="1"/>
  <c r="AC53978" i="1"/>
  <c r="AC53979" i="1"/>
  <c r="AC53980" i="1"/>
  <c r="AC53981" i="1"/>
  <c r="AC53982" i="1"/>
  <c r="AC53983" i="1"/>
  <c r="AC53984" i="1"/>
  <c r="AC53985" i="1"/>
  <c r="AC53986" i="1"/>
  <c r="AC53987" i="1"/>
  <c r="AC53988" i="1"/>
  <c r="AC53989" i="1"/>
  <c r="AC53990" i="1"/>
  <c r="AC53991" i="1"/>
  <c r="AC53992" i="1"/>
  <c r="AC53993" i="1"/>
  <c r="AC53994" i="1"/>
  <c r="AC53995" i="1"/>
  <c r="AC53996" i="1"/>
  <c r="AC53997" i="1"/>
  <c r="AC53998" i="1"/>
  <c r="AC53999" i="1"/>
  <c r="AC54000" i="1"/>
  <c r="AC54001" i="1"/>
  <c r="AC54002" i="1"/>
  <c r="AC54003" i="1"/>
  <c r="AC54004" i="1"/>
  <c r="AC54005" i="1"/>
  <c r="AC54006" i="1"/>
  <c r="AC54007" i="1"/>
  <c r="AC54008" i="1"/>
  <c r="AC54009" i="1"/>
  <c r="AC54010" i="1"/>
  <c r="AC54011" i="1"/>
  <c r="AC54012" i="1"/>
  <c r="AC54013" i="1"/>
  <c r="AC54014" i="1"/>
  <c r="AC54015" i="1"/>
  <c r="AC54016" i="1"/>
  <c r="AC54017" i="1"/>
  <c r="AC54018" i="1"/>
  <c r="AC54019" i="1"/>
  <c r="AC54020" i="1"/>
  <c r="AC54021" i="1"/>
  <c r="AC54022" i="1"/>
  <c r="AC54023" i="1"/>
  <c r="AC54024" i="1"/>
  <c r="AC54025" i="1"/>
  <c r="AC54026" i="1"/>
  <c r="AC54027" i="1"/>
  <c r="AC54028" i="1"/>
  <c r="AC54029" i="1"/>
  <c r="AC54030" i="1"/>
  <c r="AC54031" i="1"/>
  <c r="AC54032" i="1"/>
  <c r="AC54033" i="1"/>
  <c r="AC54034" i="1"/>
  <c r="AC54035" i="1"/>
  <c r="AC54036" i="1"/>
  <c r="AC54037" i="1"/>
  <c r="AC54038" i="1"/>
  <c r="AC54039" i="1"/>
  <c r="AC54040" i="1"/>
  <c r="AC54041" i="1"/>
  <c r="AC54042" i="1"/>
  <c r="AC54043" i="1"/>
  <c r="AC54044" i="1"/>
  <c r="AC54045" i="1"/>
  <c r="AC54046" i="1"/>
  <c r="AC54047" i="1"/>
  <c r="AC54048" i="1"/>
  <c r="AC54049" i="1"/>
  <c r="AC54050" i="1"/>
  <c r="AC54051" i="1"/>
  <c r="AC54052" i="1"/>
  <c r="AC54053" i="1"/>
  <c r="AC54054" i="1"/>
  <c r="AC54055" i="1"/>
  <c r="AC54056" i="1"/>
  <c r="AC54057" i="1"/>
  <c r="AC54058" i="1"/>
  <c r="AC54059" i="1"/>
  <c r="AC54060" i="1"/>
  <c r="AC54061" i="1"/>
  <c r="AC54062" i="1"/>
  <c r="AC54063" i="1"/>
  <c r="AC54064" i="1"/>
  <c r="AC54065" i="1"/>
  <c r="AC54066" i="1"/>
  <c r="AC54067" i="1"/>
  <c r="AC54068" i="1"/>
  <c r="AC54069" i="1"/>
  <c r="AC54070" i="1"/>
  <c r="AC54071" i="1"/>
  <c r="AC54072" i="1"/>
  <c r="AC54073" i="1"/>
  <c r="AC54074" i="1"/>
  <c r="AC54075" i="1"/>
  <c r="AC54076" i="1"/>
  <c r="AC54077" i="1"/>
  <c r="AC54078" i="1"/>
  <c r="AC54079" i="1"/>
  <c r="AC54080" i="1"/>
  <c r="AC54081" i="1"/>
  <c r="AC54082" i="1"/>
  <c r="AC54083" i="1"/>
  <c r="AC54084" i="1"/>
  <c r="AC54085" i="1"/>
  <c r="AC54086" i="1"/>
  <c r="AC54087" i="1"/>
  <c r="AC54088" i="1"/>
  <c r="AC54089" i="1"/>
  <c r="AC54090" i="1"/>
  <c r="AC54091" i="1"/>
  <c r="AC54092" i="1"/>
  <c r="AC54093" i="1"/>
  <c r="AC54094" i="1"/>
  <c r="AC54095" i="1"/>
  <c r="AC54096" i="1"/>
  <c r="AC54097" i="1"/>
  <c r="AC54098" i="1"/>
  <c r="AC54099" i="1"/>
  <c r="AC54100" i="1"/>
  <c r="AC54101" i="1"/>
  <c r="AC54102" i="1"/>
  <c r="AC54103" i="1"/>
  <c r="AC54104" i="1"/>
  <c r="AC54105" i="1"/>
  <c r="AC54106" i="1"/>
  <c r="AC54107" i="1"/>
  <c r="AC54108" i="1"/>
  <c r="AC54109" i="1"/>
  <c r="AC54110" i="1"/>
  <c r="AC54111" i="1"/>
  <c r="AC54112" i="1"/>
  <c r="AC54113" i="1"/>
  <c r="AC54114" i="1"/>
  <c r="AC54115" i="1"/>
  <c r="AC54116" i="1"/>
  <c r="AC54117" i="1"/>
  <c r="AC54118" i="1"/>
  <c r="AC54119" i="1"/>
  <c r="AC54120" i="1"/>
  <c r="AC54121" i="1"/>
  <c r="AC54122" i="1"/>
  <c r="AC54123" i="1"/>
  <c r="AC54124" i="1"/>
  <c r="AC54125" i="1"/>
  <c r="AC54126" i="1"/>
  <c r="AC54127" i="1"/>
  <c r="AC54128" i="1"/>
  <c r="AC54129" i="1"/>
  <c r="AC54130" i="1"/>
  <c r="AC54131" i="1"/>
  <c r="AC54132" i="1"/>
  <c r="AC54133" i="1"/>
  <c r="AC54134" i="1"/>
  <c r="AC54135" i="1"/>
  <c r="AC54136" i="1"/>
  <c r="AC54137" i="1"/>
  <c r="AC54138" i="1"/>
  <c r="AC54139" i="1"/>
  <c r="AC54140" i="1"/>
  <c r="AC54141" i="1"/>
  <c r="AC54142" i="1"/>
  <c r="AC54143" i="1"/>
  <c r="AC54144" i="1"/>
  <c r="AC54145" i="1"/>
  <c r="AC54146" i="1"/>
  <c r="AC54147" i="1"/>
  <c r="AC54148" i="1"/>
  <c r="AC54149" i="1"/>
  <c r="AC54150" i="1"/>
  <c r="AC54151" i="1"/>
  <c r="AC54152" i="1"/>
  <c r="AC54153" i="1"/>
  <c r="AC54154" i="1"/>
  <c r="AC54155" i="1"/>
  <c r="AC54156" i="1"/>
  <c r="AC54157" i="1"/>
  <c r="AC54158" i="1"/>
  <c r="AC54159" i="1"/>
  <c r="AC54160" i="1"/>
  <c r="AC54161" i="1"/>
  <c r="AC54162" i="1"/>
  <c r="AC54163" i="1"/>
  <c r="AC54164" i="1"/>
  <c r="AC54165" i="1"/>
  <c r="AC54166" i="1"/>
  <c r="AC54167" i="1"/>
  <c r="AC54168" i="1"/>
  <c r="AC54169" i="1"/>
  <c r="AC54170" i="1"/>
  <c r="AC54171" i="1"/>
  <c r="AC54172" i="1"/>
  <c r="AC54173" i="1"/>
  <c r="AC54174" i="1"/>
  <c r="AC54175" i="1"/>
  <c r="AC54176" i="1"/>
  <c r="AC54177" i="1"/>
  <c r="AC54178" i="1"/>
  <c r="AC54179" i="1"/>
  <c r="AC54180" i="1"/>
  <c r="AC54181" i="1"/>
  <c r="AC54182" i="1"/>
  <c r="AC54183" i="1"/>
  <c r="AC54184" i="1"/>
  <c r="AC54185" i="1"/>
  <c r="AC54186" i="1"/>
  <c r="AC54187" i="1"/>
  <c r="AC54188" i="1"/>
  <c r="AC54189" i="1"/>
  <c r="AC54190" i="1"/>
  <c r="AC54191" i="1"/>
  <c r="AC54192" i="1"/>
  <c r="AC54193" i="1"/>
  <c r="AC54194" i="1"/>
  <c r="AC54195" i="1"/>
  <c r="AC54196" i="1"/>
  <c r="AC54197" i="1"/>
  <c r="AC54198" i="1"/>
  <c r="AC54199" i="1"/>
  <c r="AC54200" i="1"/>
  <c r="AC54201" i="1"/>
  <c r="AC54202" i="1"/>
  <c r="AC54203" i="1"/>
  <c r="AC54204" i="1"/>
  <c r="AC54205" i="1"/>
  <c r="AC54206" i="1"/>
  <c r="AC54207" i="1"/>
  <c r="AC54208" i="1"/>
  <c r="AC54209" i="1"/>
  <c r="AC54210" i="1"/>
  <c r="AC54211" i="1"/>
  <c r="AC54212" i="1"/>
  <c r="AC54213" i="1"/>
  <c r="AC54214" i="1"/>
  <c r="AC54215" i="1"/>
  <c r="AC54216" i="1"/>
  <c r="AC54217" i="1"/>
  <c r="AC54218" i="1"/>
  <c r="AC54219" i="1"/>
  <c r="AC54220" i="1"/>
  <c r="AC54221" i="1"/>
  <c r="AC54222" i="1"/>
  <c r="AC54223" i="1"/>
  <c r="AC54224" i="1"/>
  <c r="AC54225" i="1"/>
  <c r="AC54226" i="1"/>
  <c r="AC54227" i="1"/>
  <c r="AC54228" i="1"/>
  <c r="AC54229" i="1"/>
  <c r="AC54230" i="1"/>
  <c r="AC54231" i="1"/>
  <c r="AC54232" i="1"/>
  <c r="AC54233" i="1"/>
  <c r="AC54234" i="1"/>
  <c r="AC54235" i="1"/>
  <c r="AC54236" i="1"/>
  <c r="AC54237" i="1"/>
  <c r="AC54238" i="1"/>
  <c r="AC54239" i="1"/>
  <c r="AC54240" i="1"/>
  <c r="AC54241" i="1"/>
  <c r="AC54242" i="1"/>
  <c r="AC54243" i="1"/>
  <c r="AC54244" i="1"/>
  <c r="AC54245" i="1"/>
  <c r="AC54246" i="1"/>
  <c r="AC54247" i="1"/>
  <c r="AC54248" i="1"/>
  <c r="AC54249" i="1"/>
  <c r="AC54250" i="1"/>
  <c r="AC54251" i="1"/>
  <c r="AC54252" i="1"/>
  <c r="AC54253" i="1"/>
  <c r="AC54254" i="1"/>
  <c r="AC54255" i="1"/>
  <c r="AC54256" i="1"/>
  <c r="AC54257" i="1"/>
  <c r="AC54258" i="1"/>
  <c r="AC54259" i="1"/>
  <c r="AC54260" i="1"/>
  <c r="AC54261" i="1"/>
  <c r="AC54262" i="1"/>
  <c r="AC54263" i="1"/>
  <c r="AC54264" i="1"/>
  <c r="AC54265" i="1"/>
  <c r="AC54266" i="1"/>
  <c r="AC54267" i="1"/>
  <c r="AC54268" i="1"/>
  <c r="AC54269" i="1"/>
  <c r="AC54270" i="1"/>
  <c r="AC54271" i="1"/>
  <c r="AC54272" i="1"/>
  <c r="AC54273" i="1"/>
  <c r="AC54274" i="1"/>
  <c r="AC54275" i="1"/>
  <c r="AC54276" i="1"/>
  <c r="AC54277" i="1"/>
  <c r="AC54278" i="1"/>
  <c r="AC54279" i="1"/>
  <c r="AC54280" i="1"/>
  <c r="AC54281" i="1"/>
  <c r="AC54282" i="1"/>
  <c r="AC54283" i="1"/>
  <c r="AC54284" i="1"/>
  <c r="AC54285" i="1"/>
  <c r="AC54286" i="1"/>
  <c r="AC54287" i="1"/>
  <c r="AC54288" i="1"/>
  <c r="AC54289" i="1"/>
  <c r="AC54290" i="1"/>
  <c r="AC54291" i="1"/>
  <c r="AC54292" i="1"/>
  <c r="AC54293" i="1"/>
  <c r="AC54294" i="1"/>
  <c r="AC54295" i="1"/>
  <c r="AC54296" i="1"/>
  <c r="AC54297" i="1"/>
  <c r="AC54298" i="1"/>
  <c r="AC54299" i="1"/>
  <c r="AC54300" i="1"/>
  <c r="AC54301" i="1"/>
  <c r="AC54302" i="1"/>
  <c r="AC54303" i="1"/>
  <c r="AC54304" i="1"/>
  <c r="AC54305" i="1"/>
  <c r="AC54306" i="1"/>
  <c r="AC54307" i="1"/>
  <c r="AC54308" i="1"/>
  <c r="AC54309" i="1"/>
  <c r="AC54310" i="1"/>
  <c r="AC54311" i="1"/>
  <c r="AC54312" i="1"/>
  <c r="AC54313" i="1"/>
  <c r="AC54314" i="1"/>
  <c r="AC54315" i="1"/>
  <c r="AC54316" i="1"/>
  <c r="AC54317" i="1"/>
  <c r="AC54318" i="1"/>
  <c r="AC54319" i="1"/>
  <c r="AC54320" i="1"/>
  <c r="AC54321" i="1"/>
  <c r="AC54322" i="1"/>
  <c r="AC54323" i="1"/>
  <c r="AC54324" i="1"/>
  <c r="AC54325" i="1"/>
  <c r="AC54326" i="1"/>
  <c r="AC54327" i="1"/>
  <c r="AC54328" i="1"/>
  <c r="AC54329" i="1"/>
  <c r="AC54330" i="1"/>
  <c r="AC54331" i="1"/>
  <c r="AC54332" i="1"/>
  <c r="AC54333" i="1"/>
  <c r="AC54334" i="1"/>
  <c r="AC54335" i="1"/>
  <c r="AC54336" i="1"/>
  <c r="AC54337" i="1"/>
  <c r="AC54338" i="1"/>
  <c r="AC54339" i="1"/>
  <c r="AC54340" i="1"/>
  <c r="AC54341" i="1"/>
  <c r="AC54342" i="1"/>
  <c r="AC54343" i="1"/>
  <c r="AC54344" i="1"/>
  <c r="AC54345" i="1"/>
  <c r="AC54346" i="1"/>
  <c r="AC54347" i="1"/>
  <c r="AC54348" i="1"/>
  <c r="AC54349" i="1"/>
  <c r="AC54350" i="1"/>
  <c r="AC54351" i="1"/>
  <c r="AC54352" i="1"/>
  <c r="AC54353" i="1"/>
  <c r="AC54354" i="1"/>
  <c r="AC54355" i="1"/>
  <c r="AC54356" i="1"/>
  <c r="AC54357" i="1"/>
  <c r="AC54358" i="1"/>
  <c r="AC54359" i="1"/>
  <c r="AC54360" i="1"/>
  <c r="AC54361" i="1"/>
  <c r="AC54362" i="1"/>
  <c r="AC54363" i="1"/>
  <c r="AC54364" i="1"/>
  <c r="AC54365" i="1"/>
  <c r="AC54366" i="1"/>
  <c r="AC54367" i="1"/>
  <c r="AC54368" i="1"/>
  <c r="AC54369" i="1"/>
  <c r="AC54370" i="1"/>
  <c r="AC54371" i="1"/>
  <c r="AC54372" i="1"/>
  <c r="AC54373" i="1"/>
  <c r="AC54374" i="1"/>
  <c r="AC54375" i="1"/>
  <c r="AC54376" i="1"/>
  <c r="AC54377" i="1"/>
  <c r="AC54378" i="1"/>
  <c r="AC54379" i="1"/>
  <c r="AC54380" i="1"/>
  <c r="AC54381" i="1"/>
  <c r="AC54382" i="1"/>
  <c r="AC54383" i="1"/>
  <c r="AC54384" i="1"/>
  <c r="AC54385" i="1"/>
  <c r="AC54386" i="1"/>
  <c r="AC54387" i="1"/>
  <c r="AC54388" i="1"/>
  <c r="AC54389" i="1"/>
  <c r="AC54390" i="1"/>
  <c r="AC54391" i="1"/>
  <c r="AC54392" i="1"/>
  <c r="AC54393" i="1"/>
  <c r="AC54394" i="1"/>
  <c r="AC54395" i="1"/>
  <c r="AC54396" i="1"/>
  <c r="AC54397" i="1"/>
  <c r="AC54398" i="1"/>
  <c r="AC54399" i="1"/>
  <c r="AC54400" i="1"/>
  <c r="AC54401" i="1"/>
  <c r="AC54402" i="1"/>
  <c r="AC54403" i="1"/>
  <c r="AC54404" i="1"/>
  <c r="AC54405" i="1"/>
  <c r="AC54406" i="1"/>
  <c r="AC54407" i="1"/>
  <c r="AC54408" i="1"/>
  <c r="AC54409" i="1"/>
  <c r="AC54410" i="1"/>
  <c r="AC54411" i="1"/>
  <c r="AC54412" i="1"/>
  <c r="AC54413" i="1"/>
  <c r="AC54414" i="1"/>
  <c r="AC54415" i="1"/>
  <c r="AC54416" i="1"/>
  <c r="AC54417" i="1"/>
  <c r="AC54418" i="1"/>
  <c r="AC54419" i="1"/>
  <c r="AC54420" i="1"/>
  <c r="AC54421" i="1"/>
  <c r="AC54422" i="1"/>
  <c r="AC54423" i="1"/>
  <c r="AC54424" i="1"/>
  <c r="AC54425" i="1"/>
  <c r="AC54426" i="1"/>
  <c r="AC54427" i="1"/>
  <c r="AC54428" i="1"/>
  <c r="AC54429" i="1"/>
  <c r="AC54430" i="1"/>
  <c r="AC54431" i="1"/>
  <c r="AC54432" i="1"/>
  <c r="AC54433" i="1"/>
  <c r="AC54434" i="1"/>
  <c r="AC54435" i="1"/>
  <c r="AC54436" i="1"/>
  <c r="AC54437" i="1"/>
  <c r="AC54438" i="1"/>
  <c r="AC54439" i="1"/>
  <c r="AC54440" i="1"/>
  <c r="AC54441" i="1"/>
  <c r="AC54442" i="1"/>
  <c r="AC54443" i="1"/>
  <c r="AC54444" i="1"/>
  <c r="AC54445" i="1"/>
  <c r="AC54446" i="1"/>
  <c r="AC54447" i="1"/>
  <c r="AC54448" i="1"/>
  <c r="AC54449" i="1"/>
  <c r="AC54450" i="1"/>
  <c r="AC54451" i="1"/>
  <c r="AC54452" i="1"/>
  <c r="AC54453" i="1"/>
  <c r="AC54454" i="1"/>
  <c r="AC54455" i="1"/>
  <c r="AC54456" i="1"/>
  <c r="AC54457" i="1"/>
  <c r="AC54458" i="1"/>
  <c r="AC54459" i="1"/>
  <c r="AC54460" i="1"/>
  <c r="AC54461" i="1"/>
  <c r="AC54462" i="1"/>
  <c r="AC54463" i="1"/>
  <c r="AC54464" i="1"/>
  <c r="AC54465" i="1"/>
  <c r="AC54466" i="1"/>
  <c r="AC54467" i="1"/>
  <c r="AC54468" i="1"/>
  <c r="AC54469" i="1"/>
  <c r="AC54470" i="1"/>
  <c r="AC54471" i="1"/>
  <c r="AC54472" i="1"/>
  <c r="AC54473" i="1"/>
  <c r="AC54474" i="1"/>
  <c r="AC54475" i="1"/>
  <c r="AC54476" i="1"/>
  <c r="AC54477" i="1"/>
  <c r="AC54478" i="1"/>
  <c r="AC54479" i="1"/>
  <c r="AC54480" i="1"/>
  <c r="AC54481" i="1"/>
  <c r="AC54482" i="1"/>
  <c r="AC54483" i="1"/>
  <c r="AC54484" i="1"/>
  <c r="AC54485" i="1"/>
  <c r="AC54486" i="1"/>
  <c r="AC54487" i="1"/>
  <c r="AC54488" i="1"/>
  <c r="AC54489" i="1"/>
  <c r="AC54490" i="1"/>
  <c r="AC54491" i="1"/>
  <c r="AC54492" i="1"/>
  <c r="AC54493" i="1"/>
  <c r="AC54494" i="1"/>
  <c r="AC54495" i="1"/>
  <c r="AC54496" i="1"/>
  <c r="AC54497" i="1"/>
  <c r="AC54498" i="1"/>
  <c r="AC54499" i="1"/>
  <c r="AC54500" i="1"/>
  <c r="AC54501" i="1"/>
  <c r="AC54502" i="1"/>
  <c r="AC54503" i="1"/>
  <c r="AC54504" i="1"/>
  <c r="AC54505" i="1"/>
  <c r="AC54506" i="1"/>
  <c r="AC54507" i="1"/>
  <c r="AC54508" i="1"/>
  <c r="AC54509" i="1"/>
  <c r="AC54510" i="1"/>
  <c r="AC54511" i="1"/>
  <c r="AC54512" i="1"/>
  <c r="AC54513" i="1"/>
  <c r="AC54514" i="1"/>
  <c r="AC54515" i="1"/>
  <c r="AC54516" i="1"/>
  <c r="AC54517" i="1"/>
  <c r="AC54518" i="1"/>
  <c r="AC54519" i="1"/>
  <c r="AC54520" i="1"/>
  <c r="AC54521" i="1"/>
  <c r="AC54522" i="1"/>
  <c r="AC54523" i="1"/>
  <c r="AC54524" i="1"/>
  <c r="AC54525" i="1"/>
  <c r="AC54526" i="1"/>
  <c r="AC54527" i="1"/>
  <c r="AC54528" i="1"/>
  <c r="AC54529" i="1"/>
  <c r="AC54530" i="1"/>
  <c r="AC54531" i="1"/>
  <c r="AC54532" i="1"/>
  <c r="AC54533" i="1"/>
  <c r="AC54534" i="1"/>
  <c r="AC54535" i="1"/>
  <c r="AC54536" i="1"/>
  <c r="AC54537" i="1"/>
  <c r="AC54538" i="1"/>
  <c r="AC54539" i="1"/>
  <c r="AC54540" i="1"/>
  <c r="AC54541" i="1"/>
  <c r="AC54542" i="1"/>
  <c r="AC54543" i="1"/>
  <c r="AC54544" i="1"/>
  <c r="AC54545" i="1"/>
  <c r="AC54546" i="1"/>
  <c r="AC54547" i="1"/>
  <c r="AC54548" i="1"/>
  <c r="AC54549" i="1"/>
  <c r="AC54550" i="1"/>
  <c r="AC54551" i="1"/>
  <c r="AC54552" i="1"/>
  <c r="AC54553" i="1"/>
  <c r="AC54554" i="1"/>
  <c r="AC54555" i="1"/>
  <c r="AC54556" i="1"/>
  <c r="AC54557" i="1"/>
  <c r="AC54558" i="1"/>
  <c r="AC54559" i="1"/>
  <c r="AC54560" i="1"/>
  <c r="AC54561" i="1"/>
  <c r="AC54562" i="1"/>
  <c r="AC54563" i="1"/>
  <c r="AC54564" i="1"/>
  <c r="AC54565" i="1"/>
  <c r="AC54566" i="1"/>
  <c r="AC54567" i="1"/>
  <c r="AC54568" i="1"/>
  <c r="AC54569" i="1"/>
  <c r="AC54570" i="1"/>
  <c r="AC54571" i="1"/>
  <c r="AC54572" i="1"/>
  <c r="AC54573" i="1"/>
  <c r="AC54574" i="1"/>
  <c r="AC54575" i="1"/>
  <c r="AC54576" i="1"/>
  <c r="AC54577" i="1"/>
  <c r="AC54578" i="1"/>
  <c r="AC54579" i="1"/>
  <c r="AC54580" i="1"/>
  <c r="AC54581" i="1"/>
  <c r="AC54582" i="1"/>
  <c r="AC54583" i="1"/>
  <c r="AC54584" i="1"/>
  <c r="AC54585" i="1"/>
  <c r="AC54586" i="1"/>
  <c r="AC54587" i="1"/>
  <c r="AC54588" i="1"/>
  <c r="AC54589" i="1"/>
  <c r="AC54590" i="1"/>
  <c r="AC54591" i="1"/>
  <c r="AC54592" i="1"/>
  <c r="AC54593" i="1"/>
  <c r="AC54594" i="1"/>
  <c r="AC54595" i="1"/>
  <c r="AC54596" i="1"/>
  <c r="AC54597" i="1"/>
  <c r="AC54598" i="1"/>
  <c r="AC54599" i="1"/>
  <c r="AC54600" i="1"/>
  <c r="AC54601" i="1"/>
  <c r="AC54602" i="1"/>
  <c r="AC54603" i="1"/>
  <c r="AC54604" i="1"/>
  <c r="AC54605" i="1"/>
  <c r="AC54606" i="1"/>
  <c r="AC54607" i="1"/>
  <c r="AC54608" i="1"/>
  <c r="AC54609" i="1"/>
  <c r="AC54610" i="1"/>
  <c r="AC54611" i="1"/>
  <c r="AC54612" i="1"/>
  <c r="AC54613" i="1"/>
  <c r="AC54614" i="1"/>
  <c r="AC54615" i="1"/>
  <c r="AC54616" i="1"/>
  <c r="AC54617" i="1"/>
  <c r="AC54618" i="1"/>
  <c r="AC54619" i="1"/>
  <c r="AC54620" i="1"/>
  <c r="AC54621" i="1"/>
  <c r="AC54622" i="1"/>
  <c r="AC54623" i="1"/>
  <c r="AC54624" i="1"/>
  <c r="AC54625" i="1"/>
  <c r="AC54626" i="1"/>
  <c r="AC54627" i="1"/>
  <c r="AC54628" i="1"/>
  <c r="AC54629" i="1"/>
  <c r="AC54630" i="1"/>
  <c r="AC54631" i="1"/>
  <c r="AC54632" i="1"/>
  <c r="AC54633" i="1"/>
  <c r="AC54634" i="1"/>
  <c r="AC54635" i="1"/>
  <c r="AC54636" i="1"/>
  <c r="AC54637" i="1"/>
  <c r="AC54638" i="1"/>
  <c r="AC54639" i="1"/>
  <c r="AC54640" i="1"/>
  <c r="AC54641" i="1"/>
  <c r="AC54642" i="1"/>
  <c r="AC54643" i="1"/>
  <c r="AC54644" i="1"/>
  <c r="AC54645" i="1"/>
  <c r="AC54646" i="1"/>
  <c r="AC54647" i="1"/>
  <c r="AC54648" i="1"/>
  <c r="AC54649" i="1"/>
  <c r="AC54650" i="1"/>
  <c r="AC54651" i="1"/>
  <c r="AC54652" i="1"/>
  <c r="AC54653" i="1"/>
  <c r="AC54654" i="1"/>
  <c r="AC54655" i="1"/>
  <c r="AC54656" i="1"/>
  <c r="AC54657" i="1"/>
  <c r="AC54658" i="1"/>
  <c r="AC54659" i="1"/>
  <c r="AC54660" i="1"/>
  <c r="AC54661" i="1"/>
  <c r="AC54662" i="1"/>
  <c r="AC54663" i="1"/>
  <c r="AC54664" i="1"/>
  <c r="AC54665" i="1"/>
  <c r="AC54666" i="1"/>
  <c r="AC54667" i="1"/>
  <c r="AC54668" i="1"/>
  <c r="AC54669" i="1"/>
  <c r="AC54670" i="1"/>
  <c r="AC54671" i="1"/>
  <c r="AC54672" i="1"/>
  <c r="AC54673" i="1"/>
  <c r="AC54674" i="1"/>
  <c r="AC54675" i="1"/>
  <c r="AC54676" i="1"/>
  <c r="AC54677" i="1"/>
  <c r="AC54678" i="1"/>
  <c r="AC54679" i="1"/>
  <c r="AC54680" i="1"/>
  <c r="AC54681" i="1"/>
  <c r="AC54682" i="1"/>
  <c r="AC54683" i="1"/>
  <c r="AC54684" i="1"/>
  <c r="AC54685" i="1"/>
  <c r="AC54686" i="1"/>
  <c r="AC54687" i="1"/>
  <c r="AC54688" i="1"/>
  <c r="AC54689" i="1"/>
  <c r="AC54690" i="1"/>
  <c r="AC54691" i="1"/>
  <c r="AC54692" i="1"/>
  <c r="AC54693" i="1"/>
  <c r="AC54694" i="1"/>
  <c r="AC54695" i="1"/>
  <c r="AC54696" i="1"/>
  <c r="AC54697" i="1"/>
  <c r="AC54698" i="1"/>
  <c r="AC54699" i="1"/>
  <c r="AC54700" i="1"/>
  <c r="AC54701" i="1"/>
  <c r="AC54702" i="1"/>
  <c r="AC54703" i="1"/>
  <c r="AC54704" i="1"/>
  <c r="AC54705" i="1"/>
  <c r="AC54706" i="1"/>
  <c r="AC54707" i="1"/>
  <c r="AC54708" i="1"/>
  <c r="AC54709" i="1"/>
  <c r="AC54710" i="1"/>
  <c r="AC54711" i="1"/>
  <c r="AC54712" i="1"/>
  <c r="AC54713" i="1"/>
  <c r="AC54714" i="1"/>
  <c r="AC54715" i="1"/>
  <c r="AC54716" i="1"/>
  <c r="AC54717" i="1"/>
  <c r="AC54718" i="1"/>
  <c r="AC54719" i="1"/>
  <c r="AC54720" i="1"/>
  <c r="AC54721" i="1"/>
  <c r="AC54722" i="1"/>
  <c r="AC54723" i="1"/>
  <c r="AC54724" i="1"/>
  <c r="AC54725" i="1"/>
  <c r="AC54726" i="1"/>
  <c r="AC54727" i="1"/>
  <c r="AC54728" i="1"/>
  <c r="AC54729" i="1"/>
  <c r="AC54730" i="1"/>
  <c r="AC54731" i="1"/>
  <c r="AC54732" i="1"/>
  <c r="AC54733" i="1"/>
  <c r="AC54734" i="1"/>
  <c r="AC54735" i="1"/>
  <c r="AC54736" i="1"/>
  <c r="AC54737" i="1"/>
  <c r="AC54738" i="1"/>
  <c r="AC54739" i="1"/>
  <c r="AC54740" i="1"/>
  <c r="AC54741" i="1"/>
  <c r="AC54742" i="1"/>
  <c r="AC54743" i="1"/>
  <c r="AC54744" i="1"/>
  <c r="AC54745" i="1"/>
  <c r="AC54746" i="1"/>
  <c r="AC54747" i="1"/>
  <c r="AC54748" i="1"/>
  <c r="AC54749" i="1"/>
  <c r="AC54750" i="1"/>
  <c r="AC54751" i="1"/>
  <c r="AC54752" i="1"/>
  <c r="AC54753" i="1"/>
  <c r="AC54754" i="1"/>
  <c r="AC54755" i="1"/>
  <c r="AC54756" i="1"/>
  <c r="AC54757" i="1"/>
  <c r="AC54758" i="1"/>
  <c r="AC54759" i="1"/>
  <c r="AC54760" i="1"/>
  <c r="AC54761" i="1"/>
  <c r="AC54762" i="1"/>
  <c r="AC54763" i="1"/>
  <c r="AC54764" i="1"/>
  <c r="AC54765" i="1"/>
  <c r="AC54766" i="1"/>
  <c r="AC54767" i="1"/>
  <c r="AC54768" i="1"/>
  <c r="AC54769" i="1"/>
  <c r="AC54770" i="1"/>
  <c r="AC54771" i="1"/>
  <c r="AC54772" i="1"/>
  <c r="AC54773" i="1"/>
  <c r="AC54774" i="1"/>
  <c r="AC54775" i="1"/>
  <c r="AC54776" i="1"/>
  <c r="AC54777" i="1"/>
  <c r="AC54778" i="1"/>
  <c r="AC54779" i="1"/>
  <c r="AC54780" i="1"/>
  <c r="AC54781" i="1"/>
  <c r="AC54782" i="1"/>
  <c r="AC54783" i="1"/>
  <c r="AC54784" i="1"/>
  <c r="AC54785" i="1"/>
  <c r="AC54786" i="1"/>
  <c r="AC54787" i="1"/>
  <c r="AC54788" i="1"/>
  <c r="AC54789" i="1"/>
  <c r="AC54790" i="1"/>
  <c r="AC54791" i="1"/>
  <c r="AC54792" i="1"/>
  <c r="AC54793" i="1"/>
  <c r="AC54794" i="1"/>
  <c r="AC54795" i="1"/>
  <c r="AC54796" i="1"/>
  <c r="AC54797" i="1"/>
  <c r="AC54798" i="1"/>
  <c r="AC54799" i="1"/>
  <c r="AC54800" i="1"/>
  <c r="AC54801" i="1"/>
  <c r="AC54802" i="1"/>
  <c r="AC54803" i="1"/>
  <c r="AC54804" i="1"/>
  <c r="AC54805" i="1"/>
  <c r="AC54806" i="1"/>
  <c r="AC54807" i="1"/>
  <c r="AC54808" i="1"/>
  <c r="AC54809" i="1"/>
  <c r="AC54810" i="1"/>
  <c r="AC54811" i="1"/>
  <c r="AC54812" i="1"/>
  <c r="AC54813" i="1"/>
  <c r="AC54814" i="1"/>
  <c r="AC54815" i="1"/>
  <c r="AC54816" i="1"/>
  <c r="AC54817" i="1"/>
  <c r="AC54818" i="1"/>
  <c r="AC54819" i="1"/>
  <c r="AC54820" i="1"/>
  <c r="AC54821" i="1"/>
  <c r="AC54822" i="1"/>
  <c r="AC54823" i="1"/>
  <c r="AC54824" i="1"/>
  <c r="AC54825" i="1"/>
  <c r="AC54826" i="1"/>
  <c r="AC54827" i="1"/>
  <c r="AC54828" i="1"/>
  <c r="AC54829" i="1"/>
  <c r="AC54830" i="1"/>
  <c r="AC54831" i="1"/>
  <c r="AC54832" i="1"/>
  <c r="AC54833" i="1"/>
  <c r="AC54834" i="1"/>
  <c r="AC54835" i="1"/>
  <c r="AC54836" i="1"/>
  <c r="AC54837" i="1"/>
  <c r="AC54838" i="1"/>
  <c r="AC54839" i="1"/>
  <c r="AC54840" i="1"/>
  <c r="AC54841" i="1"/>
  <c r="AC54842" i="1"/>
  <c r="AC54843" i="1"/>
  <c r="AC54844" i="1"/>
  <c r="AC54845" i="1"/>
  <c r="AC54846" i="1"/>
  <c r="AC54847" i="1"/>
  <c r="AC54848" i="1"/>
  <c r="AC54849" i="1"/>
  <c r="AC54850" i="1"/>
  <c r="AC54851" i="1"/>
  <c r="AC54852" i="1"/>
  <c r="AC54853" i="1"/>
  <c r="AC54854" i="1"/>
  <c r="AC54855" i="1"/>
  <c r="AC54856" i="1"/>
  <c r="AC54857" i="1"/>
  <c r="AC54858" i="1"/>
  <c r="AC54859" i="1"/>
  <c r="AC54860" i="1"/>
  <c r="AC54861" i="1"/>
  <c r="AC54862" i="1"/>
  <c r="AC54863" i="1"/>
  <c r="AC54864" i="1"/>
  <c r="AC54865" i="1"/>
  <c r="AC54866" i="1"/>
  <c r="AC54867" i="1"/>
  <c r="AC54868" i="1"/>
  <c r="AC54869" i="1"/>
  <c r="AC54870" i="1"/>
  <c r="AC54871" i="1"/>
  <c r="AC54872" i="1"/>
  <c r="AC54873" i="1"/>
  <c r="AC54874" i="1"/>
  <c r="AC54875" i="1"/>
  <c r="AC54876" i="1"/>
  <c r="AC54877" i="1"/>
  <c r="AC54878" i="1"/>
  <c r="AC54879" i="1"/>
  <c r="AC54880" i="1"/>
  <c r="AC54881" i="1"/>
  <c r="AC54882" i="1"/>
  <c r="AC54883" i="1"/>
  <c r="AC54884" i="1"/>
  <c r="AC54885" i="1"/>
  <c r="AC54886" i="1"/>
  <c r="AC54887" i="1"/>
  <c r="AC54888" i="1"/>
  <c r="AC54889" i="1"/>
  <c r="AC54890" i="1"/>
  <c r="AC54891" i="1"/>
  <c r="AC54892" i="1"/>
  <c r="AC54893" i="1"/>
  <c r="AC54894" i="1"/>
  <c r="AC54895" i="1"/>
  <c r="AC54896" i="1"/>
  <c r="AC54897" i="1"/>
  <c r="AC54898" i="1"/>
  <c r="AC54899" i="1"/>
  <c r="AC54900" i="1"/>
  <c r="AC54901" i="1"/>
  <c r="AC54902" i="1"/>
  <c r="AC54903" i="1"/>
  <c r="AC54904" i="1"/>
  <c r="AC54905" i="1"/>
  <c r="AC54906" i="1"/>
  <c r="AC54907" i="1"/>
  <c r="AC54908" i="1"/>
  <c r="AC54909" i="1"/>
  <c r="AC54910" i="1"/>
  <c r="AC54911" i="1"/>
  <c r="AC54912" i="1"/>
  <c r="AC54913" i="1"/>
  <c r="AC54914" i="1"/>
  <c r="AC54915" i="1"/>
  <c r="AC54916" i="1"/>
  <c r="AC54917" i="1"/>
  <c r="AC54918" i="1"/>
  <c r="AC54919" i="1"/>
  <c r="AC54920" i="1"/>
  <c r="AC54921" i="1"/>
  <c r="AC54922" i="1"/>
  <c r="AC54923" i="1"/>
  <c r="AC54924" i="1"/>
  <c r="AC54925" i="1"/>
  <c r="AC54926" i="1"/>
  <c r="AC54927" i="1"/>
  <c r="AC54928" i="1"/>
  <c r="AC54929" i="1"/>
  <c r="AC54930" i="1"/>
  <c r="AC54931" i="1"/>
  <c r="AC54932" i="1"/>
  <c r="AC54933" i="1"/>
  <c r="AC54934" i="1"/>
  <c r="AC54935" i="1"/>
  <c r="AC54936" i="1"/>
  <c r="AC54937" i="1"/>
  <c r="AC54938" i="1"/>
  <c r="AC54939" i="1"/>
  <c r="AC54940" i="1"/>
  <c r="AC54941" i="1"/>
  <c r="AC54942" i="1"/>
  <c r="AC54943" i="1"/>
  <c r="AC54944" i="1"/>
  <c r="AC54945" i="1"/>
  <c r="AC54946" i="1"/>
  <c r="AC54947" i="1"/>
  <c r="AC54948" i="1"/>
  <c r="AC54949" i="1"/>
  <c r="AC54950" i="1"/>
  <c r="AC54951" i="1"/>
  <c r="AC54952" i="1"/>
  <c r="AC54953" i="1"/>
  <c r="AC54954" i="1"/>
  <c r="AC54955" i="1"/>
  <c r="AC54956" i="1"/>
  <c r="AC54957" i="1"/>
  <c r="AC54958" i="1"/>
  <c r="AC54959" i="1"/>
  <c r="AC54960" i="1"/>
  <c r="AC54961" i="1"/>
  <c r="AC54962" i="1"/>
  <c r="AC54963" i="1"/>
  <c r="AC54964" i="1"/>
  <c r="AC54965" i="1"/>
  <c r="AC54966" i="1"/>
  <c r="AC54967" i="1"/>
  <c r="AC54968" i="1"/>
  <c r="AC54969" i="1"/>
  <c r="AC54970" i="1"/>
  <c r="AC54971" i="1"/>
  <c r="AC54972" i="1"/>
  <c r="AC54973" i="1"/>
  <c r="AC54974" i="1"/>
  <c r="AC54975" i="1"/>
  <c r="AC54976" i="1"/>
  <c r="AC54977" i="1"/>
  <c r="AC54978" i="1"/>
  <c r="AC54979" i="1"/>
  <c r="AC54980" i="1"/>
  <c r="AC54981" i="1"/>
  <c r="AC54982" i="1"/>
  <c r="AC54983" i="1"/>
  <c r="AC54984" i="1"/>
  <c r="AC54985" i="1"/>
  <c r="AC54986" i="1"/>
  <c r="AC54987" i="1"/>
  <c r="AC54988" i="1"/>
  <c r="AC54989" i="1"/>
  <c r="AC54990" i="1"/>
  <c r="AC54991" i="1"/>
  <c r="AC54992" i="1"/>
  <c r="AC54993" i="1"/>
  <c r="AC54994" i="1"/>
  <c r="AC54995" i="1"/>
  <c r="AC54996" i="1"/>
  <c r="AC54997" i="1"/>
  <c r="AC54998" i="1"/>
  <c r="AC54999" i="1"/>
  <c r="AC55000" i="1"/>
  <c r="AC55001" i="1"/>
  <c r="AC55002" i="1"/>
  <c r="AC55003" i="1"/>
  <c r="AC55004" i="1"/>
  <c r="AC55005" i="1"/>
  <c r="AC55006" i="1"/>
  <c r="AC55007" i="1"/>
  <c r="AC55008" i="1"/>
  <c r="AC55009" i="1"/>
  <c r="AC55010" i="1"/>
  <c r="AC55011" i="1"/>
  <c r="AC55012" i="1"/>
  <c r="AC55013" i="1"/>
  <c r="AC55014" i="1"/>
  <c r="AC55015" i="1"/>
  <c r="AC55016" i="1"/>
  <c r="AC55017" i="1"/>
  <c r="AC55018" i="1"/>
  <c r="AC55019" i="1"/>
  <c r="AC55020" i="1"/>
  <c r="AC55021" i="1"/>
  <c r="AC55022" i="1"/>
  <c r="AC55023" i="1"/>
  <c r="AC55024" i="1"/>
  <c r="AC55025" i="1"/>
  <c r="AC55026" i="1"/>
  <c r="AC55027" i="1"/>
  <c r="AC55028" i="1"/>
  <c r="AC55029" i="1"/>
  <c r="AC55030" i="1"/>
  <c r="AC55031" i="1"/>
  <c r="AC55032" i="1"/>
  <c r="AC55033" i="1"/>
  <c r="AC55034" i="1"/>
  <c r="AC55035" i="1"/>
  <c r="AC55036" i="1"/>
  <c r="AC55037" i="1"/>
  <c r="AC55038" i="1"/>
  <c r="AC55039" i="1"/>
  <c r="AC55040" i="1"/>
  <c r="AC55041" i="1"/>
  <c r="AC55042" i="1"/>
  <c r="AC55043" i="1"/>
  <c r="AC55044" i="1"/>
  <c r="AC55045" i="1"/>
  <c r="AC55046" i="1"/>
  <c r="AC55047" i="1"/>
  <c r="AC55048" i="1"/>
  <c r="AC55049" i="1"/>
  <c r="AC55050" i="1"/>
  <c r="AC55051" i="1"/>
  <c r="AC55052" i="1"/>
  <c r="AC55053" i="1"/>
  <c r="AC55054" i="1"/>
  <c r="AC55055" i="1"/>
  <c r="AC55056" i="1"/>
  <c r="AC55057" i="1"/>
  <c r="AC55058" i="1"/>
  <c r="AC55059" i="1"/>
  <c r="AC55060" i="1"/>
  <c r="AC55061" i="1"/>
  <c r="AC55062" i="1"/>
  <c r="AC55063" i="1"/>
  <c r="AC55064" i="1"/>
  <c r="AC55065" i="1"/>
  <c r="AC55066" i="1"/>
  <c r="AC55067" i="1"/>
  <c r="AC55068" i="1"/>
  <c r="AC55069" i="1"/>
  <c r="AC55070" i="1"/>
  <c r="AC55071" i="1"/>
  <c r="AC55072" i="1"/>
  <c r="AC55073" i="1"/>
  <c r="AC55074" i="1"/>
  <c r="AC55075" i="1"/>
  <c r="AC55076" i="1"/>
  <c r="AC55077" i="1"/>
  <c r="AC55078" i="1"/>
  <c r="AC55079" i="1"/>
  <c r="AC55080" i="1"/>
  <c r="AC55081" i="1"/>
  <c r="AC55082" i="1"/>
  <c r="AC55083" i="1"/>
  <c r="AC55084" i="1"/>
  <c r="AC55085" i="1"/>
  <c r="AC55086" i="1"/>
  <c r="AC55087" i="1"/>
  <c r="AC55088" i="1"/>
  <c r="AC55089" i="1"/>
  <c r="AC55090" i="1"/>
  <c r="AC55091" i="1"/>
  <c r="AC55092" i="1"/>
  <c r="AC55093" i="1"/>
  <c r="AC55094" i="1"/>
  <c r="AC55095" i="1"/>
  <c r="AC55096" i="1"/>
  <c r="AC55097" i="1"/>
  <c r="AC55098" i="1"/>
  <c r="AC55099" i="1"/>
  <c r="AC55100" i="1"/>
  <c r="AC55101" i="1"/>
  <c r="AC55102" i="1"/>
  <c r="AC55103" i="1"/>
  <c r="AC55104" i="1"/>
  <c r="AC55105" i="1"/>
  <c r="AC55106" i="1"/>
  <c r="AC55107" i="1"/>
  <c r="AC55108" i="1"/>
  <c r="AC55109" i="1"/>
  <c r="AC55110" i="1"/>
  <c r="AC55111" i="1"/>
  <c r="AC55112" i="1"/>
  <c r="AC55113" i="1"/>
  <c r="AC55114" i="1"/>
  <c r="AC55115" i="1"/>
  <c r="AC55116" i="1"/>
  <c r="AC55117" i="1"/>
  <c r="AC55118" i="1"/>
  <c r="AC55119" i="1"/>
  <c r="AC55120" i="1"/>
  <c r="AC55121" i="1"/>
  <c r="AC55122" i="1"/>
  <c r="AC55123" i="1"/>
  <c r="AC55124" i="1"/>
  <c r="AC55125" i="1"/>
  <c r="AC55126" i="1"/>
  <c r="AC55127" i="1"/>
  <c r="AC55128" i="1"/>
  <c r="AC55129" i="1"/>
  <c r="AC55130" i="1"/>
  <c r="AC55131" i="1"/>
  <c r="AC55132" i="1"/>
  <c r="AC55133" i="1"/>
  <c r="AC55134" i="1"/>
  <c r="AC55135" i="1"/>
  <c r="AC55136" i="1"/>
  <c r="AC55137" i="1"/>
  <c r="AC55138" i="1"/>
  <c r="AC55139" i="1"/>
  <c r="AC55140" i="1"/>
  <c r="AC55141" i="1"/>
  <c r="AC55142" i="1"/>
  <c r="AC55143" i="1"/>
  <c r="AC55144" i="1"/>
  <c r="AC55145" i="1"/>
  <c r="AC55146" i="1"/>
  <c r="AC55147" i="1"/>
  <c r="AC55148" i="1"/>
  <c r="AC55149" i="1"/>
  <c r="AC55150" i="1"/>
  <c r="AC55151" i="1"/>
  <c r="AC55152" i="1"/>
  <c r="AC55153" i="1"/>
  <c r="AC55154" i="1"/>
  <c r="AC55155" i="1"/>
  <c r="AC55156" i="1"/>
  <c r="AC55157" i="1"/>
  <c r="AC55158" i="1"/>
  <c r="AC55159" i="1"/>
  <c r="AC55160" i="1"/>
  <c r="AC55161" i="1"/>
  <c r="AC55162" i="1"/>
  <c r="AC55163" i="1"/>
  <c r="AC55164" i="1"/>
  <c r="AC55165" i="1"/>
  <c r="AC55166" i="1"/>
  <c r="AC55167" i="1"/>
  <c r="AC55168" i="1"/>
  <c r="AC55169" i="1"/>
  <c r="AC55170" i="1"/>
  <c r="AC55171" i="1"/>
  <c r="AC55172" i="1"/>
  <c r="AC55173" i="1"/>
  <c r="AC55174" i="1"/>
  <c r="AC55175" i="1"/>
  <c r="AC55176" i="1"/>
  <c r="AC55177" i="1"/>
  <c r="AC55178" i="1"/>
  <c r="AC55179" i="1"/>
  <c r="AC55180" i="1"/>
  <c r="AC55181" i="1"/>
  <c r="AC55182" i="1"/>
  <c r="AC55183" i="1"/>
  <c r="AC55184" i="1"/>
  <c r="AC55185" i="1"/>
  <c r="AC55186" i="1"/>
  <c r="AC55187" i="1"/>
  <c r="AC55188" i="1"/>
  <c r="AC55189" i="1"/>
  <c r="AC55190" i="1"/>
  <c r="AC55191" i="1"/>
  <c r="AC55192" i="1"/>
  <c r="AC55193" i="1"/>
  <c r="AC55194" i="1"/>
  <c r="AC55195" i="1"/>
  <c r="AC55196" i="1"/>
  <c r="AC55197" i="1"/>
  <c r="AC55198" i="1"/>
  <c r="AC55199" i="1"/>
  <c r="AC55200" i="1"/>
  <c r="AC55201" i="1"/>
  <c r="AC55202" i="1"/>
  <c r="AC55203" i="1"/>
  <c r="AC55204" i="1"/>
  <c r="AC55205" i="1"/>
  <c r="AC55206" i="1"/>
  <c r="AC55207" i="1"/>
  <c r="AC55208" i="1"/>
  <c r="AC55209" i="1"/>
  <c r="AC55210" i="1"/>
  <c r="AC55211" i="1"/>
  <c r="AC55212" i="1"/>
  <c r="AC55213" i="1"/>
  <c r="AC55214" i="1"/>
  <c r="AC55215" i="1"/>
  <c r="AC55216" i="1"/>
  <c r="AC55217" i="1"/>
  <c r="AC55218" i="1"/>
  <c r="AC55219" i="1"/>
  <c r="AC55220" i="1"/>
  <c r="AC55221" i="1"/>
  <c r="AC55222" i="1"/>
  <c r="AC55223" i="1"/>
  <c r="AC55224" i="1"/>
  <c r="AC55225" i="1"/>
  <c r="AC55226" i="1"/>
  <c r="AC55227" i="1"/>
  <c r="AC55228" i="1"/>
  <c r="AC55229" i="1"/>
  <c r="AC55230" i="1"/>
  <c r="AC55231" i="1"/>
  <c r="AC55232" i="1"/>
  <c r="AC55233" i="1"/>
  <c r="AC55234" i="1"/>
  <c r="AC55235" i="1"/>
  <c r="AC55236" i="1"/>
  <c r="AC55237" i="1"/>
  <c r="AC55238" i="1"/>
  <c r="AC55239" i="1"/>
  <c r="AC55240" i="1"/>
  <c r="AC55241" i="1"/>
  <c r="AC55242" i="1"/>
  <c r="AC55243" i="1"/>
  <c r="AC55244" i="1"/>
  <c r="AC55245" i="1"/>
  <c r="AC55246" i="1"/>
  <c r="AC55247" i="1"/>
  <c r="AC55248" i="1"/>
  <c r="AC55249" i="1"/>
  <c r="AC55250" i="1"/>
  <c r="AC55251" i="1"/>
  <c r="AC55252" i="1"/>
  <c r="AC55253" i="1"/>
  <c r="AC55254" i="1"/>
  <c r="AC55255" i="1"/>
  <c r="AC55256" i="1"/>
  <c r="AC55257" i="1"/>
  <c r="AC55258" i="1"/>
  <c r="AC55259" i="1"/>
  <c r="AC55260" i="1"/>
  <c r="AC55261" i="1"/>
  <c r="AC55262" i="1"/>
  <c r="AC55263" i="1"/>
  <c r="AC55264" i="1"/>
  <c r="AC55265" i="1"/>
  <c r="AC55266" i="1"/>
  <c r="AC55267" i="1"/>
  <c r="AC55268" i="1"/>
  <c r="AC55269" i="1"/>
  <c r="AC55270" i="1"/>
  <c r="AC55271" i="1"/>
  <c r="AC55272" i="1"/>
  <c r="AC55273" i="1"/>
  <c r="AC55274" i="1"/>
  <c r="AC55275" i="1"/>
  <c r="AC55276" i="1"/>
  <c r="AC55277" i="1"/>
  <c r="AC55278" i="1"/>
  <c r="AC55279" i="1"/>
  <c r="AC55280" i="1"/>
  <c r="AC55281" i="1"/>
  <c r="AC55282" i="1"/>
  <c r="AC55283" i="1"/>
  <c r="AC55284" i="1"/>
  <c r="AC55285" i="1"/>
  <c r="AC55286" i="1"/>
  <c r="AC55287" i="1"/>
  <c r="AC55288" i="1"/>
  <c r="AC55289" i="1"/>
  <c r="AC55290" i="1"/>
  <c r="AC55291" i="1"/>
  <c r="AC55292" i="1"/>
  <c r="AC55293" i="1"/>
  <c r="AC55294" i="1"/>
  <c r="AC55295" i="1"/>
  <c r="AC55296" i="1"/>
  <c r="AC55297" i="1"/>
  <c r="AC55298" i="1"/>
  <c r="AC55299" i="1"/>
  <c r="AC55300" i="1"/>
  <c r="AC55301" i="1"/>
  <c r="AC55302" i="1"/>
  <c r="AC55303" i="1"/>
  <c r="AC55304" i="1"/>
  <c r="AC55305" i="1"/>
  <c r="AC55306" i="1"/>
  <c r="AC55307" i="1"/>
  <c r="AC55308" i="1"/>
  <c r="AC55309" i="1"/>
  <c r="AC55310" i="1"/>
  <c r="AC55311" i="1"/>
  <c r="AC55312" i="1"/>
  <c r="AC55313" i="1"/>
  <c r="AC55314" i="1"/>
  <c r="AC55315" i="1"/>
  <c r="AC55316" i="1"/>
  <c r="AC55317" i="1"/>
  <c r="AC55318" i="1"/>
  <c r="AC55319" i="1"/>
  <c r="AC55320" i="1"/>
  <c r="AC55321" i="1"/>
  <c r="AC55322" i="1"/>
  <c r="AC55323" i="1"/>
  <c r="AC55324" i="1"/>
  <c r="AC55325" i="1"/>
  <c r="AC55326" i="1"/>
  <c r="AC55327" i="1"/>
  <c r="AC55328" i="1"/>
  <c r="AC55329" i="1"/>
  <c r="AC55330" i="1"/>
  <c r="AC55331" i="1"/>
  <c r="AC55332" i="1"/>
  <c r="AC55333" i="1"/>
  <c r="AC55334" i="1"/>
  <c r="AC55335" i="1"/>
  <c r="AC55336" i="1"/>
  <c r="AC55337" i="1"/>
  <c r="AC55338" i="1"/>
  <c r="AC55339" i="1"/>
  <c r="AC55340" i="1"/>
  <c r="AC55341" i="1"/>
  <c r="AC55342" i="1"/>
  <c r="AC55343" i="1"/>
  <c r="AC55344" i="1"/>
  <c r="AC55345" i="1"/>
  <c r="AC55346" i="1"/>
  <c r="AC55347" i="1"/>
  <c r="AC55348" i="1"/>
  <c r="AC55349" i="1"/>
  <c r="AC55350" i="1"/>
  <c r="AC55351" i="1"/>
  <c r="AC55352" i="1"/>
  <c r="AC55353" i="1"/>
  <c r="AC55354" i="1"/>
  <c r="AC55355" i="1"/>
  <c r="AC55356" i="1"/>
  <c r="AC55357" i="1"/>
  <c r="AC55358" i="1"/>
  <c r="AC55359" i="1"/>
  <c r="AC55360" i="1"/>
  <c r="AC55361" i="1"/>
  <c r="AC55362" i="1"/>
  <c r="AC55363" i="1"/>
  <c r="AC55364" i="1"/>
  <c r="AC55365" i="1"/>
  <c r="AC55366" i="1"/>
  <c r="AC55367" i="1"/>
  <c r="AC55368" i="1"/>
  <c r="AC55369" i="1"/>
  <c r="AC55370" i="1"/>
  <c r="AC55371" i="1"/>
  <c r="AC55372" i="1"/>
  <c r="AC55373" i="1"/>
  <c r="AC55374" i="1"/>
  <c r="AC55375" i="1"/>
  <c r="AC55376" i="1"/>
  <c r="AC55377" i="1"/>
  <c r="AC55378" i="1"/>
  <c r="AC55379" i="1"/>
  <c r="AC55380" i="1"/>
  <c r="AC55381" i="1"/>
  <c r="AC55382" i="1"/>
  <c r="AC55383" i="1"/>
  <c r="AC55384" i="1"/>
  <c r="AC55385" i="1"/>
  <c r="AC55386" i="1"/>
  <c r="AC55387" i="1"/>
  <c r="AC55388" i="1"/>
  <c r="AC55389" i="1"/>
  <c r="AC55390" i="1"/>
  <c r="AC55391" i="1"/>
  <c r="AC55392" i="1"/>
  <c r="AC55393" i="1"/>
  <c r="AC55394" i="1"/>
  <c r="AC55395" i="1"/>
  <c r="AC55396" i="1"/>
  <c r="AC55397" i="1"/>
  <c r="AC55398" i="1"/>
  <c r="AC55399" i="1"/>
  <c r="AC55400" i="1"/>
  <c r="AC55401" i="1"/>
  <c r="AC55402" i="1"/>
  <c r="AC55403" i="1"/>
  <c r="AC55404" i="1"/>
  <c r="AC55405" i="1"/>
  <c r="AC55406" i="1"/>
  <c r="AC55407" i="1"/>
  <c r="AC55408" i="1"/>
  <c r="AC55409" i="1"/>
  <c r="AC55410" i="1"/>
  <c r="AC55411" i="1"/>
  <c r="AC55412" i="1"/>
  <c r="AC55413" i="1"/>
  <c r="AC55414" i="1"/>
  <c r="AC55415" i="1"/>
  <c r="AC55416" i="1"/>
  <c r="AC55417" i="1"/>
  <c r="AC55418" i="1"/>
  <c r="AC55419" i="1"/>
  <c r="AC55420" i="1"/>
  <c r="AC55421" i="1"/>
  <c r="AC55422" i="1"/>
  <c r="AC55423" i="1"/>
  <c r="AC55424" i="1"/>
  <c r="AC55425" i="1"/>
  <c r="AC55426" i="1"/>
  <c r="AC55427" i="1"/>
  <c r="AC55428" i="1"/>
  <c r="AC55429" i="1"/>
  <c r="AC55430" i="1"/>
  <c r="AC55431" i="1"/>
  <c r="AC55432" i="1"/>
  <c r="AC55433" i="1"/>
  <c r="AC55434" i="1"/>
  <c r="AC55435" i="1"/>
  <c r="AC55436" i="1"/>
  <c r="AC55437" i="1"/>
  <c r="AC55438" i="1"/>
  <c r="AC55439" i="1"/>
  <c r="AC55440" i="1"/>
  <c r="AC55441" i="1"/>
  <c r="AC55442" i="1"/>
  <c r="AC55443" i="1"/>
  <c r="AC55444" i="1"/>
  <c r="AC55445" i="1"/>
  <c r="AC55446" i="1"/>
  <c r="AC55447" i="1"/>
  <c r="AC55448" i="1"/>
  <c r="AC55449" i="1"/>
  <c r="AC55450" i="1"/>
  <c r="AC55451" i="1"/>
  <c r="AC55452" i="1"/>
  <c r="AC55453" i="1"/>
  <c r="AC55454" i="1"/>
  <c r="AC55455" i="1"/>
  <c r="AC55456" i="1"/>
  <c r="AC55457" i="1"/>
  <c r="AC55458" i="1"/>
  <c r="AC55459" i="1"/>
  <c r="AC55460" i="1"/>
  <c r="AC55461" i="1"/>
  <c r="AC55462" i="1"/>
  <c r="AC55463" i="1"/>
  <c r="AC55464" i="1"/>
  <c r="AC55465" i="1"/>
  <c r="AC55466" i="1"/>
  <c r="AC55467" i="1"/>
  <c r="AC55468" i="1"/>
  <c r="AC55469" i="1"/>
  <c r="AC55470" i="1"/>
  <c r="AC55471" i="1"/>
  <c r="AC55472" i="1"/>
  <c r="AC55473" i="1"/>
  <c r="AC55474" i="1"/>
  <c r="AC55475" i="1"/>
  <c r="AC55476" i="1"/>
  <c r="AC55477" i="1"/>
  <c r="AC55478" i="1"/>
  <c r="AC55479" i="1"/>
  <c r="AC55480" i="1"/>
  <c r="AC55481" i="1"/>
  <c r="AC55482" i="1"/>
  <c r="AC55483" i="1"/>
  <c r="AC55484" i="1"/>
  <c r="AC55485" i="1"/>
  <c r="AC55486" i="1"/>
  <c r="AC55487" i="1"/>
  <c r="AC55488" i="1"/>
  <c r="AC55489" i="1"/>
  <c r="AC55490" i="1"/>
  <c r="AC55491" i="1"/>
  <c r="AC55492" i="1"/>
  <c r="AC55493" i="1"/>
  <c r="AC55494" i="1"/>
  <c r="AC55495" i="1"/>
  <c r="AC55496" i="1"/>
  <c r="AC55497" i="1"/>
  <c r="AC55498" i="1"/>
  <c r="AC55499" i="1"/>
  <c r="AC55500" i="1"/>
  <c r="AC55501" i="1"/>
  <c r="AC55502" i="1"/>
  <c r="AC55503" i="1"/>
  <c r="AC55504" i="1"/>
  <c r="AC55505" i="1"/>
  <c r="AC55506" i="1"/>
  <c r="AC55507" i="1"/>
  <c r="AC55508" i="1"/>
  <c r="AC55509" i="1"/>
  <c r="AC55510" i="1"/>
  <c r="AC55511" i="1"/>
  <c r="AC55512" i="1"/>
  <c r="AC55513" i="1"/>
  <c r="AC55514" i="1"/>
  <c r="AC55515" i="1"/>
  <c r="AC55516" i="1"/>
  <c r="AC55517" i="1"/>
  <c r="AC55518" i="1"/>
  <c r="AC55519" i="1"/>
  <c r="AC55520" i="1"/>
  <c r="AC55521" i="1"/>
  <c r="AC55522" i="1"/>
  <c r="AC55523" i="1"/>
  <c r="AC55524" i="1"/>
  <c r="AC55525" i="1"/>
  <c r="AC55526" i="1"/>
  <c r="AC55527" i="1"/>
  <c r="AC55528" i="1"/>
  <c r="AC55529" i="1"/>
  <c r="AC55530" i="1"/>
  <c r="AC55531" i="1"/>
  <c r="AC55532" i="1"/>
  <c r="AC55533" i="1"/>
  <c r="AC55534" i="1"/>
  <c r="AC55535" i="1"/>
  <c r="AC55536" i="1"/>
  <c r="AC55537" i="1"/>
  <c r="AC55538" i="1"/>
  <c r="AC55539" i="1"/>
  <c r="AC55540" i="1"/>
  <c r="AC55541" i="1"/>
  <c r="AC55542" i="1"/>
  <c r="AC55543" i="1"/>
  <c r="AC55544" i="1"/>
  <c r="AC55545" i="1"/>
  <c r="AC55546" i="1"/>
  <c r="AC55547" i="1"/>
  <c r="AC55548" i="1"/>
  <c r="AC55549" i="1"/>
  <c r="AC55550" i="1"/>
  <c r="AC55551" i="1"/>
  <c r="AC55552" i="1"/>
  <c r="AC55553" i="1"/>
  <c r="AC55554" i="1"/>
  <c r="AC55555" i="1"/>
  <c r="AC55556" i="1"/>
  <c r="AC55557" i="1"/>
  <c r="AC55558" i="1"/>
  <c r="AC55559" i="1"/>
  <c r="AC55560" i="1"/>
  <c r="AC55561" i="1"/>
  <c r="AC55562" i="1"/>
  <c r="AC55563" i="1"/>
  <c r="AC55564" i="1"/>
  <c r="AC55565" i="1"/>
  <c r="AC55566" i="1"/>
  <c r="AC55567" i="1"/>
  <c r="AC55568" i="1"/>
  <c r="AC55569" i="1"/>
  <c r="AC55570" i="1"/>
  <c r="AC55571" i="1"/>
  <c r="AC55572" i="1"/>
  <c r="AC55573" i="1"/>
  <c r="AC55574" i="1"/>
  <c r="AC55575" i="1"/>
  <c r="AC55576" i="1"/>
  <c r="AC55577" i="1"/>
  <c r="AC55578" i="1"/>
  <c r="AC55579" i="1"/>
  <c r="AC55580" i="1"/>
  <c r="AC55581" i="1"/>
  <c r="AC55582" i="1"/>
  <c r="AC55583" i="1"/>
  <c r="AC55584" i="1"/>
  <c r="AC55585" i="1"/>
  <c r="AC55586" i="1"/>
  <c r="AC55587" i="1"/>
  <c r="AC55588" i="1"/>
  <c r="AC55589" i="1"/>
  <c r="AC55590" i="1"/>
  <c r="AC55591" i="1"/>
  <c r="AC55592" i="1"/>
  <c r="AC55593" i="1"/>
  <c r="AC55594" i="1"/>
  <c r="AC55595" i="1"/>
  <c r="AC55596" i="1"/>
  <c r="AC55597" i="1"/>
  <c r="AC55598" i="1"/>
  <c r="AC55599" i="1"/>
  <c r="AC55600" i="1"/>
  <c r="AC55601" i="1"/>
  <c r="AC55602" i="1"/>
  <c r="AC55603" i="1"/>
  <c r="AC55604" i="1"/>
  <c r="AC55605" i="1"/>
  <c r="AC55606" i="1"/>
  <c r="AC55607" i="1"/>
  <c r="AC55608" i="1"/>
  <c r="AC55609" i="1"/>
  <c r="AC55610" i="1"/>
  <c r="AC55611" i="1"/>
  <c r="AC55612" i="1"/>
  <c r="AC55613" i="1"/>
  <c r="AC55614" i="1"/>
  <c r="AC55615" i="1"/>
  <c r="AC55616" i="1"/>
  <c r="AC55617" i="1"/>
  <c r="AC55618" i="1"/>
  <c r="AC55619" i="1"/>
  <c r="AC55620" i="1"/>
  <c r="AC55621" i="1"/>
  <c r="AC55622" i="1"/>
  <c r="AC55623" i="1"/>
  <c r="AC55624" i="1"/>
  <c r="AC55625" i="1"/>
  <c r="AC55626" i="1"/>
  <c r="AC55627" i="1"/>
  <c r="AC55628" i="1"/>
  <c r="AC55629" i="1"/>
  <c r="AC55630" i="1"/>
  <c r="AC55631" i="1"/>
  <c r="AC55632" i="1"/>
  <c r="AC55633" i="1"/>
  <c r="AC55634" i="1"/>
  <c r="AC55635" i="1"/>
  <c r="AC55636" i="1"/>
  <c r="AC55637" i="1"/>
  <c r="AC55638" i="1"/>
  <c r="AC55639" i="1"/>
  <c r="AC55640" i="1"/>
  <c r="AC55641" i="1"/>
  <c r="AC55642" i="1"/>
  <c r="AC55643" i="1"/>
  <c r="AC55644" i="1"/>
  <c r="AC55645" i="1"/>
  <c r="AC55646" i="1"/>
  <c r="AC55647" i="1"/>
  <c r="AC55648" i="1"/>
  <c r="AC55649" i="1"/>
  <c r="AC55650" i="1"/>
  <c r="AC55651" i="1"/>
  <c r="AC55652" i="1"/>
  <c r="AC55653" i="1"/>
  <c r="AC55654" i="1"/>
  <c r="AC55655" i="1"/>
  <c r="AC55656" i="1"/>
  <c r="AC55657" i="1"/>
  <c r="AC55658" i="1"/>
  <c r="AC55659" i="1"/>
  <c r="AC55660" i="1"/>
  <c r="AC55661" i="1"/>
  <c r="AC55662" i="1"/>
  <c r="AC55663" i="1"/>
  <c r="AC55664" i="1"/>
  <c r="AC55665" i="1"/>
  <c r="AC55666" i="1"/>
  <c r="AC55667" i="1"/>
  <c r="AC55668" i="1"/>
  <c r="AC55669" i="1"/>
  <c r="AC55670" i="1"/>
  <c r="AC55671" i="1"/>
  <c r="AC55672" i="1"/>
  <c r="AC55673" i="1"/>
  <c r="AC55674" i="1"/>
  <c r="AC55675" i="1"/>
  <c r="AC55676" i="1"/>
  <c r="AC55677" i="1"/>
  <c r="AC55678" i="1"/>
  <c r="AC55679" i="1"/>
  <c r="AC55680" i="1"/>
  <c r="AC55681" i="1"/>
  <c r="AC55682" i="1"/>
  <c r="AC55683" i="1"/>
  <c r="AC55684" i="1"/>
  <c r="AC55685" i="1"/>
  <c r="AC55686" i="1"/>
  <c r="AC55687" i="1"/>
  <c r="AC55688" i="1"/>
  <c r="AC55689" i="1"/>
  <c r="AC55690" i="1"/>
  <c r="AC55691" i="1"/>
  <c r="AC55692" i="1"/>
  <c r="AC55693" i="1"/>
  <c r="AC55694" i="1"/>
  <c r="AC55695" i="1"/>
  <c r="AC55696" i="1"/>
  <c r="AC55697" i="1"/>
  <c r="AC55698" i="1"/>
  <c r="AC55699" i="1"/>
  <c r="AC55700" i="1"/>
  <c r="AC55701" i="1"/>
  <c r="AC55702" i="1"/>
  <c r="AC55703" i="1"/>
  <c r="AC55704" i="1"/>
  <c r="AC55705" i="1"/>
  <c r="AC55706" i="1"/>
  <c r="AC55707" i="1"/>
  <c r="AC55708" i="1"/>
  <c r="AC55709" i="1"/>
  <c r="AC55710" i="1"/>
  <c r="AC55711" i="1"/>
  <c r="AC55712" i="1"/>
  <c r="AC55713" i="1"/>
  <c r="AC55714" i="1"/>
  <c r="AC55715" i="1"/>
  <c r="AC55716" i="1"/>
  <c r="AC55717" i="1"/>
  <c r="AC55718" i="1"/>
  <c r="AC55719" i="1"/>
  <c r="AC55720" i="1"/>
  <c r="AC55721" i="1"/>
  <c r="AC55722" i="1"/>
  <c r="AC55723" i="1"/>
  <c r="AC55724" i="1"/>
  <c r="AC55725" i="1"/>
  <c r="AC55726" i="1"/>
  <c r="AC55727" i="1"/>
  <c r="AC55728" i="1"/>
  <c r="AC55729" i="1"/>
  <c r="AC55730" i="1"/>
  <c r="AC55731" i="1"/>
  <c r="AC55732" i="1"/>
  <c r="AC55733" i="1"/>
  <c r="AC55734" i="1"/>
  <c r="AC55735" i="1"/>
  <c r="AC55736" i="1"/>
  <c r="AC55737" i="1"/>
  <c r="AC55738" i="1"/>
  <c r="AC55739" i="1"/>
  <c r="AC55740" i="1"/>
  <c r="AC55741" i="1"/>
  <c r="AC55742" i="1"/>
  <c r="AC55743" i="1"/>
  <c r="AC55744" i="1"/>
  <c r="AC55745" i="1"/>
  <c r="AC55746" i="1"/>
  <c r="AC55747" i="1"/>
  <c r="AC55748" i="1"/>
  <c r="AC55749" i="1"/>
  <c r="AC55750" i="1"/>
  <c r="AC55751" i="1"/>
  <c r="AC55752" i="1"/>
  <c r="AC55753" i="1"/>
  <c r="AC55754" i="1"/>
  <c r="AC55755" i="1"/>
  <c r="AC55756" i="1"/>
  <c r="AC55757" i="1"/>
  <c r="AC55758" i="1"/>
  <c r="AC55759" i="1"/>
  <c r="AC55760" i="1"/>
  <c r="AC55761" i="1"/>
  <c r="AC55762" i="1"/>
  <c r="AC55763" i="1"/>
  <c r="AC55764" i="1"/>
  <c r="AC55765" i="1"/>
  <c r="AC55766" i="1"/>
  <c r="AC55767" i="1"/>
  <c r="AC55768" i="1"/>
  <c r="AC55769" i="1"/>
  <c r="AC55770" i="1"/>
  <c r="AC55771" i="1"/>
  <c r="AC55772" i="1"/>
  <c r="AC55773" i="1"/>
  <c r="AC55774" i="1"/>
  <c r="AC55775" i="1"/>
  <c r="AC55776" i="1"/>
  <c r="AC55777" i="1"/>
  <c r="AC55778" i="1"/>
  <c r="AC55779" i="1"/>
  <c r="AC55780" i="1"/>
  <c r="AC55781" i="1"/>
  <c r="AC55782" i="1"/>
  <c r="AC55783" i="1"/>
  <c r="AC55784" i="1"/>
  <c r="AC55785" i="1"/>
  <c r="AC55786" i="1"/>
  <c r="AC55787" i="1"/>
  <c r="AC55788" i="1"/>
  <c r="AC55789" i="1"/>
  <c r="AC55790" i="1"/>
  <c r="AC55791" i="1"/>
  <c r="AC55792" i="1"/>
  <c r="AC55793" i="1"/>
  <c r="AC55794" i="1"/>
  <c r="AC55795" i="1"/>
  <c r="AC55796" i="1"/>
  <c r="AC55797" i="1"/>
  <c r="AC55798" i="1"/>
  <c r="AC55799" i="1"/>
  <c r="AC55800" i="1"/>
  <c r="AC55801" i="1"/>
  <c r="AC55802" i="1"/>
  <c r="AC55803" i="1"/>
  <c r="AC55804" i="1"/>
  <c r="AC55805" i="1"/>
  <c r="AC55806" i="1"/>
  <c r="AC55807" i="1"/>
  <c r="AC55808" i="1"/>
  <c r="AC55809" i="1"/>
  <c r="AC55810" i="1"/>
  <c r="AC55811" i="1"/>
  <c r="AC55812" i="1"/>
  <c r="AC55813" i="1"/>
  <c r="AC55814" i="1"/>
  <c r="AC55815" i="1"/>
  <c r="AC55816" i="1"/>
  <c r="AC55817" i="1"/>
  <c r="AC55818" i="1"/>
  <c r="AC55819" i="1"/>
  <c r="AC55820" i="1"/>
  <c r="AC55821" i="1"/>
  <c r="AC55822" i="1"/>
  <c r="AC55823" i="1"/>
  <c r="AC55824" i="1"/>
  <c r="AC55825" i="1"/>
  <c r="AC55826" i="1"/>
  <c r="AC55827" i="1"/>
  <c r="AC55828" i="1"/>
  <c r="AC55829" i="1"/>
  <c r="AC55830" i="1"/>
  <c r="AC55831" i="1"/>
  <c r="AC55832" i="1"/>
  <c r="AC55833" i="1"/>
  <c r="AC55834" i="1"/>
  <c r="AC55835" i="1"/>
  <c r="AC55836" i="1"/>
  <c r="AC55837" i="1"/>
  <c r="AC55838" i="1"/>
  <c r="AC55839" i="1"/>
  <c r="AC55840" i="1"/>
  <c r="AC55841" i="1"/>
  <c r="AC55842" i="1"/>
  <c r="AC55843" i="1"/>
  <c r="AC55844" i="1"/>
  <c r="AC55845" i="1"/>
  <c r="AC55846" i="1"/>
  <c r="AC55847" i="1"/>
  <c r="AC55848" i="1"/>
  <c r="AC55849" i="1"/>
  <c r="AC55850" i="1"/>
  <c r="AC55851" i="1"/>
  <c r="AC55852" i="1"/>
  <c r="AC55853" i="1"/>
  <c r="AC55854" i="1"/>
  <c r="AC55855" i="1"/>
  <c r="AC55856" i="1"/>
  <c r="AC55857" i="1"/>
  <c r="AC55858" i="1"/>
  <c r="AC55859" i="1"/>
  <c r="AC55860" i="1"/>
  <c r="AC55861" i="1"/>
  <c r="AC55862" i="1"/>
  <c r="AC55863" i="1"/>
  <c r="AC55864" i="1"/>
  <c r="AC55865" i="1"/>
  <c r="AC55866" i="1"/>
  <c r="AC55867" i="1"/>
  <c r="AC55868" i="1"/>
  <c r="AC55869" i="1"/>
  <c r="AC55870" i="1"/>
  <c r="AC55871" i="1"/>
  <c r="AC55872" i="1"/>
  <c r="AC55873" i="1"/>
  <c r="AC55874" i="1"/>
  <c r="AC55875" i="1"/>
  <c r="AC55876" i="1"/>
  <c r="AC55877" i="1"/>
  <c r="AC55878" i="1"/>
  <c r="AC55879" i="1"/>
  <c r="AC55880" i="1"/>
  <c r="AC55881" i="1"/>
  <c r="AC55882" i="1"/>
  <c r="AC55883" i="1"/>
  <c r="AC55884" i="1"/>
  <c r="AC55885" i="1"/>
  <c r="AC55886" i="1"/>
  <c r="AC55887" i="1"/>
  <c r="AC55888" i="1"/>
  <c r="AC55889" i="1"/>
  <c r="AC55890" i="1"/>
  <c r="AC55891" i="1"/>
  <c r="AC55892" i="1"/>
  <c r="AC55893" i="1"/>
  <c r="AC55894" i="1"/>
  <c r="AC55895" i="1"/>
  <c r="AC55896" i="1"/>
  <c r="AC55897" i="1"/>
  <c r="AC55898" i="1"/>
  <c r="AC55899" i="1"/>
  <c r="AC55900" i="1"/>
  <c r="AC55901" i="1"/>
  <c r="AC55902" i="1"/>
  <c r="AC55903" i="1"/>
  <c r="AC55904" i="1"/>
  <c r="AC55905" i="1"/>
  <c r="AC55906" i="1"/>
  <c r="AC55907" i="1"/>
  <c r="AC55908" i="1"/>
  <c r="AC55909" i="1"/>
  <c r="AC55910" i="1"/>
  <c r="AC55911" i="1"/>
  <c r="AC55912" i="1"/>
  <c r="AC55913" i="1"/>
  <c r="AC55914" i="1"/>
  <c r="AC55915" i="1"/>
  <c r="AC55916" i="1"/>
  <c r="AC55917" i="1"/>
  <c r="AC55918" i="1"/>
  <c r="AC55919" i="1"/>
  <c r="AC55920" i="1"/>
  <c r="AC55921" i="1"/>
  <c r="AC55922" i="1"/>
  <c r="AC55923" i="1"/>
  <c r="AC55924" i="1"/>
  <c r="AC55925" i="1"/>
  <c r="AC55926" i="1"/>
  <c r="AC55927" i="1"/>
  <c r="AC55928" i="1"/>
  <c r="AC55929" i="1"/>
  <c r="AC55930" i="1"/>
  <c r="AC55931" i="1"/>
  <c r="AC55932" i="1"/>
  <c r="AC55933" i="1"/>
  <c r="AC55934" i="1"/>
  <c r="AC55935" i="1"/>
  <c r="AC55936" i="1"/>
  <c r="AC55937" i="1"/>
  <c r="AC55938" i="1"/>
  <c r="AC55939" i="1"/>
  <c r="AC55940" i="1"/>
  <c r="AC55941" i="1"/>
  <c r="AC55942" i="1"/>
  <c r="AC55943" i="1"/>
  <c r="AC55944" i="1"/>
  <c r="AC55945" i="1"/>
  <c r="AC55946" i="1"/>
  <c r="AC55947" i="1"/>
  <c r="AC55948" i="1"/>
  <c r="AC55949" i="1"/>
  <c r="AC55950" i="1"/>
  <c r="AC55951" i="1"/>
  <c r="AC55952" i="1"/>
  <c r="AC55953" i="1"/>
  <c r="AC55954" i="1"/>
  <c r="AC55955" i="1"/>
  <c r="AC55956" i="1"/>
  <c r="AC55957" i="1"/>
  <c r="AC55958" i="1"/>
  <c r="AC55959" i="1"/>
  <c r="AC55960" i="1"/>
  <c r="AC55961" i="1"/>
  <c r="AC55962" i="1"/>
  <c r="AC55963" i="1"/>
  <c r="AC55964" i="1"/>
  <c r="AC55965" i="1"/>
  <c r="AC55966" i="1"/>
  <c r="AC55967" i="1"/>
  <c r="AC55968" i="1"/>
  <c r="AC55969" i="1"/>
  <c r="AC55970" i="1"/>
  <c r="AC55971" i="1"/>
  <c r="AC55972" i="1"/>
  <c r="AC55973" i="1"/>
  <c r="AC55974" i="1"/>
  <c r="AC55975" i="1"/>
  <c r="AC55976" i="1"/>
  <c r="AC55977" i="1"/>
  <c r="AC55978" i="1"/>
  <c r="AC55979" i="1"/>
  <c r="AC55980" i="1"/>
  <c r="AC55981" i="1"/>
  <c r="AC55982" i="1"/>
  <c r="AC55983" i="1"/>
  <c r="AC55984" i="1"/>
  <c r="AC55985" i="1"/>
  <c r="AC55986" i="1"/>
  <c r="AC55987" i="1"/>
  <c r="AC55988" i="1"/>
  <c r="AC55989" i="1"/>
  <c r="AC55990" i="1"/>
  <c r="AC55991" i="1"/>
  <c r="AC55992" i="1"/>
  <c r="AC55993" i="1"/>
  <c r="AC55994" i="1"/>
  <c r="AC55995" i="1"/>
  <c r="AC55996" i="1"/>
  <c r="AC55997" i="1"/>
  <c r="AC55998" i="1"/>
  <c r="AC55999" i="1"/>
  <c r="AC56000" i="1"/>
  <c r="AC56001" i="1"/>
  <c r="AC56002" i="1"/>
  <c r="AC56003" i="1"/>
  <c r="AC56004" i="1"/>
  <c r="AC56005" i="1"/>
  <c r="AC56006" i="1"/>
  <c r="AC56007" i="1"/>
  <c r="AC56008" i="1"/>
  <c r="AC56009" i="1"/>
  <c r="AC56010" i="1"/>
  <c r="AC56011" i="1"/>
  <c r="AC56012" i="1"/>
  <c r="AC56013" i="1"/>
  <c r="AC56014" i="1"/>
  <c r="AC56015" i="1"/>
  <c r="AC56016" i="1"/>
  <c r="AC56017" i="1"/>
  <c r="AC56018" i="1"/>
  <c r="AC56019" i="1"/>
  <c r="AC56020" i="1"/>
  <c r="AC56021" i="1"/>
  <c r="AC56022" i="1"/>
  <c r="AC56023" i="1"/>
  <c r="AC56024" i="1"/>
  <c r="AC56025" i="1"/>
  <c r="AC56026" i="1"/>
  <c r="AC56027" i="1"/>
  <c r="AC56028" i="1"/>
  <c r="AC56029" i="1"/>
  <c r="AC56030" i="1"/>
  <c r="AC56031" i="1"/>
  <c r="AC56032" i="1"/>
  <c r="AC56033" i="1"/>
  <c r="AC56034" i="1"/>
  <c r="AC56035" i="1"/>
  <c r="AC56036" i="1"/>
  <c r="AC56037" i="1"/>
  <c r="AC56038" i="1"/>
  <c r="AC56039" i="1"/>
  <c r="AC56040" i="1"/>
  <c r="AC56041" i="1"/>
  <c r="AC56042" i="1"/>
  <c r="AC56043" i="1"/>
  <c r="AC56044" i="1"/>
  <c r="AC56045" i="1"/>
  <c r="AC56046" i="1"/>
  <c r="AC56047" i="1"/>
  <c r="AC56048" i="1"/>
  <c r="AC56049" i="1"/>
  <c r="AC56050" i="1"/>
  <c r="AC56051" i="1"/>
  <c r="AC56052" i="1"/>
  <c r="AC56053" i="1"/>
  <c r="AC56054" i="1"/>
  <c r="AC56055" i="1"/>
  <c r="AC56056" i="1"/>
  <c r="AC56057" i="1"/>
  <c r="AC56058" i="1"/>
  <c r="AC56059" i="1"/>
  <c r="AC56060" i="1"/>
  <c r="AC56061" i="1"/>
  <c r="AC56062" i="1"/>
  <c r="AC56063" i="1"/>
  <c r="AC56064" i="1"/>
  <c r="AC56065" i="1"/>
  <c r="AC56066" i="1"/>
  <c r="AC56067" i="1"/>
  <c r="AC56068" i="1"/>
  <c r="AC56069" i="1"/>
  <c r="AC56070" i="1"/>
  <c r="AC56071" i="1"/>
  <c r="AC56072" i="1"/>
  <c r="AC56073" i="1"/>
  <c r="AC56074" i="1"/>
  <c r="AC56075" i="1"/>
  <c r="AC56076" i="1"/>
  <c r="AC56077" i="1"/>
  <c r="AC56078" i="1"/>
  <c r="AC56079" i="1"/>
  <c r="AC56080" i="1"/>
  <c r="AC56081" i="1"/>
  <c r="AC56082" i="1"/>
  <c r="AC56083" i="1"/>
  <c r="AC56084" i="1"/>
  <c r="AC56085" i="1"/>
  <c r="AC56086" i="1"/>
  <c r="AC56087" i="1"/>
  <c r="AC56088" i="1"/>
  <c r="AC56089" i="1"/>
  <c r="AC56090" i="1"/>
  <c r="AC56091" i="1"/>
  <c r="AC56092" i="1"/>
  <c r="AC56093" i="1"/>
  <c r="AC56094" i="1"/>
  <c r="AC56095" i="1"/>
  <c r="AC56096" i="1"/>
  <c r="AC56097" i="1"/>
  <c r="AC56098" i="1"/>
  <c r="AC56099" i="1"/>
  <c r="AC56100" i="1"/>
  <c r="AC56101" i="1"/>
  <c r="AC56102" i="1"/>
  <c r="AC56103" i="1"/>
  <c r="AC56104" i="1"/>
  <c r="AC56105" i="1"/>
  <c r="AC56106" i="1"/>
  <c r="AC56107" i="1"/>
  <c r="AC56108" i="1"/>
  <c r="AC56109" i="1"/>
  <c r="AC56110" i="1"/>
  <c r="AC56111" i="1"/>
  <c r="AC56112" i="1"/>
  <c r="AC56113" i="1"/>
  <c r="AC56114" i="1"/>
  <c r="AC56115" i="1"/>
  <c r="AC56116" i="1"/>
  <c r="AC56117" i="1"/>
  <c r="AC56118" i="1"/>
  <c r="AC56119" i="1"/>
  <c r="AC56120" i="1"/>
  <c r="AC56121" i="1"/>
  <c r="AC56122" i="1"/>
  <c r="AC56123" i="1"/>
  <c r="AC56124" i="1"/>
  <c r="AC56125" i="1"/>
  <c r="AC56126" i="1"/>
  <c r="AC56127" i="1"/>
  <c r="AC56128" i="1"/>
  <c r="AC56129" i="1"/>
  <c r="AC56130" i="1"/>
  <c r="AC56131" i="1"/>
  <c r="AC56132" i="1"/>
  <c r="AC56133" i="1"/>
  <c r="AC56134" i="1"/>
  <c r="AC56135" i="1"/>
  <c r="AC56136" i="1"/>
  <c r="AC56137" i="1"/>
  <c r="AC56138" i="1"/>
  <c r="AC56139" i="1"/>
  <c r="AC56140" i="1"/>
  <c r="AC56141" i="1"/>
  <c r="AC56142" i="1"/>
  <c r="AC56143" i="1"/>
  <c r="AC56144" i="1"/>
  <c r="AC56145" i="1"/>
  <c r="AC56146" i="1"/>
  <c r="AC56147" i="1"/>
  <c r="AC56148" i="1"/>
  <c r="AC56149" i="1"/>
  <c r="AC56150" i="1"/>
  <c r="AC56151" i="1"/>
  <c r="AC56152" i="1"/>
  <c r="AC56153" i="1"/>
  <c r="AC56154" i="1"/>
  <c r="AC56155" i="1"/>
  <c r="AC56156" i="1"/>
  <c r="AC56157" i="1"/>
  <c r="AC56158" i="1"/>
  <c r="AC56159" i="1"/>
  <c r="AC56160" i="1"/>
  <c r="AC56161" i="1"/>
  <c r="AC56162" i="1"/>
  <c r="AC56163" i="1"/>
  <c r="AC56164" i="1"/>
  <c r="AC56165" i="1"/>
  <c r="AC56166" i="1"/>
  <c r="AC56167" i="1"/>
  <c r="AC56168" i="1"/>
  <c r="AC56169" i="1"/>
  <c r="AC56170" i="1"/>
  <c r="AC56171" i="1"/>
  <c r="AC56172" i="1"/>
  <c r="AC56173" i="1"/>
  <c r="AC56174" i="1"/>
  <c r="AC56175" i="1"/>
  <c r="AC56176" i="1"/>
  <c r="AC56177" i="1"/>
  <c r="AC56178" i="1"/>
  <c r="AC56179" i="1"/>
  <c r="AC56180" i="1"/>
  <c r="AC56181" i="1"/>
  <c r="AC56182" i="1"/>
  <c r="AC56183" i="1"/>
  <c r="AC56184" i="1"/>
  <c r="AC56185" i="1"/>
  <c r="AC56186" i="1"/>
  <c r="AC56187" i="1"/>
  <c r="AC56188" i="1"/>
  <c r="AC56189" i="1"/>
  <c r="AC56190" i="1"/>
  <c r="AC56191" i="1"/>
  <c r="AC56192" i="1"/>
  <c r="AC56193" i="1"/>
  <c r="AC56194" i="1"/>
  <c r="AC56195" i="1"/>
  <c r="AC56196" i="1"/>
  <c r="AC56197" i="1"/>
  <c r="AC56198" i="1"/>
  <c r="AC56199" i="1"/>
  <c r="AC56200" i="1"/>
  <c r="AC56201" i="1"/>
  <c r="AC56202" i="1"/>
  <c r="AC56203" i="1"/>
  <c r="AC56204" i="1"/>
  <c r="AC56205" i="1"/>
  <c r="AC56206" i="1"/>
  <c r="AC56207" i="1"/>
  <c r="AC56208" i="1"/>
  <c r="AC56209" i="1"/>
  <c r="AC56210" i="1"/>
  <c r="AC56211" i="1"/>
  <c r="AC56212" i="1"/>
  <c r="AC56213" i="1"/>
  <c r="AC56214" i="1"/>
  <c r="AC56215" i="1"/>
  <c r="AC56216" i="1"/>
  <c r="AC56217" i="1"/>
  <c r="AC56218" i="1"/>
  <c r="AC56219" i="1"/>
  <c r="AC56220" i="1"/>
  <c r="AC56221" i="1"/>
  <c r="AC56222" i="1"/>
  <c r="AC56223" i="1"/>
  <c r="AC56224" i="1"/>
  <c r="AC56225" i="1"/>
  <c r="AC56226" i="1"/>
  <c r="AC56227" i="1"/>
  <c r="AC56228" i="1"/>
  <c r="AC56229" i="1"/>
  <c r="AC56230" i="1"/>
  <c r="AC56231" i="1"/>
  <c r="AC56232" i="1"/>
  <c r="AC56233" i="1"/>
  <c r="AC56234" i="1"/>
  <c r="AC56235" i="1"/>
  <c r="AC56236" i="1"/>
  <c r="AC56237" i="1"/>
  <c r="AC56238" i="1"/>
  <c r="AC56239" i="1"/>
  <c r="AC56240" i="1"/>
  <c r="AC56241" i="1"/>
  <c r="AC56242" i="1"/>
  <c r="AC56243" i="1"/>
  <c r="AC56244" i="1"/>
  <c r="AC56245" i="1"/>
  <c r="AC56246" i="1"/>
  <c r="AC56247" i="1"/>
  <c r="AC56248" i="1"/>
  <c r="AC56249" i="1"/>
  <c r="AC56250" i="1"/>
  <c r="AC56251" i="1"/>
  <c r="AC56252" i="1"/>
  <c r="AC56253" i="1"/>
  <c r="AC56254" i="1"/>
  <c r="AC56255" i="1"/>
  <c r="AC56256" i="1"/>
  <c r="AC56257" i="1"/>
  <c r="AC56258" i="1"/>
  <c r="AC56259" i="1"/>
  <c r="AC56260" i="1"/>
  <c r="AC56261" i="1"/>
  <c r="AC56262" i="1"/>
  <c r="AC56263" i="1"/>
  <c r="AC56264" i="1"/>
  <c r="AC56265" i="1"/>
  <c r="AC56266" i="1"/>
  <c r="AC56267" i="1"/>
  <c r="AC56268" i="1"/>
  <c r="AC56269" i="1"/>
  <c r="AC56270" i="1"/>
  <c r="AC56271" i="1"/>
  <c r="AC56272" i="1"/>
  <c r="AC56273" i="1"/>
  <c r="AC56274" i="1"/>
  <c r="AC56275" i="1"/>
  <c r="AC56276" i="1"/>
  <c r="AC56277" i="1"/>
  <c r="AC56278" i="1"/>
  <c r="AC56279" i="1"/>
  <c r="AC56280" i="1"/>
  <c r="AC56281" i="1"/>
  <c r="AC56282" i="1"/>
  <c r="AC56283" i="1"/>
  <c r="AC56284" i="1"/>
  <c r="AC56285" i="1"/>
  <c r="AC56286" i="1"/>
  <c r="AC56287" i="1"/>
  <c r="AC56288" i="1"/>
  <c r="AC56289" i="1"/>
  <c r="AC56290" i="1"/>
  <c r="AC56291" i="1"/>
  <c r="AC56292" i="1"/>
  <c r="AC56293" i="1"/>
  <c r="AC56294" i="1"/>
  <c r="AC56295" i="1"/>
  <c r="AC56296" i="1"/>
  <c r="AC56297" i="1"/>
  <c r="AC56298" i="1"/>
  <c r="AC56299" i="1"/>
  <c r="AC56300" i="1"/>
  <c r="AC56301" i="1"/>
  <c r="AC56302" i="1"/>
  <c r="AC56303" i="1"/>
  <c r="AC56304" i="1"/>
  <c r="AC56305" i="1"/>
  <c r="AC56306" i="1"/>
  <c r="AC56307" i="1"/>
  <c r="AC56308" i="1"/>
  <c r="AC56309" i="1"/>
  <c r="AC56310" i="1"/>
  <c r="AC56311" i="1"/>
  <c r="AC56312" i="1"/>
  <c r="AC56313" i="1"/>
  <c r="AC56314" i="1"/>
  <c r="AC56315" i="1"/>
  <c r="AC56316" i="1"/>
  <c r="AC56317" i="1"/>
  <c r="AC56318" i="1"/>
  <c r="AC56319" i="1"/>
  <c r="AC56320" i="1"/>
  <c r="AC56321" i="1"/>
  <c r="AC56322" i="1"/>
  <c r="AC56323" i="1"/>
  <c r="AC56324" i="1"/>
  <c r="AC56325" i="1"/>
  <c r="AC56326" i="1"/>
  <c r="AC56327" i="1"/>
  <c r="AC56328" i="1"/>
  <c r="AC56329" i="1"/>
  <c r="AC56330" i="1"/>
  <c r="AC56331" i="1"/>
  <c r="AC56332" i="1"/>
  <c r="AC56333" i="1"/>
  <c r="AC56334" i="1"/>
  <c r="AC56335" i="1"/>
  <c r="AC56336" i="1"/>
  <c r="AC56337" i="1"/>
  <c r="AC56338" i="1"/>
  <c r="AC56339" i="1"/>
  <c r="AC56340" i="1"/>
  <c r="AC56341" i="1"/>
  <c r="AC56342" i="1"/>
  <c r="AC56343" i="1"/>
  <c r="AC56344" i="1"/>
  <c r="AC56345" i="1"/>
  <c r="AC56346" i="1"/>
  <c r="AC56347" i="1"/>
  <c r="AC56348" i="1"/>
  <c r="AC56349" i="1"/>
  <c r="AC56350" i="1"/>
  <c r="AC56351" i="1"/>
  <c r="AC56352" i="1"/>
  <c r="AC56353" i="1"/>
  <c r="AC56354" i="1"/>
  <c r="AC56355" i="1"/>
  <c r="AC56356" i="1"/>
  <c r="AC56357" i="1"/>
  <c r="AC56358" i="1"/>
  <c r="AC56359" i="1"/>
  <c r="AC56360" i="1"/>
  <c r="AC56361" i="1"/>
  <c r="AC56362" i="1"/>
  <c r="AC56363" i="1"/>
  <c r="AC56364" i="1"/>
  <c r="AC56365" i="1"/>
  <c r="AC56366" i="1"/>
  <c r="AC56367" i="1"/>
  <c r="AC56368" i="1"/>
  <c r="AC56369" i="1"/>
  <c r="AC56370" i="1"/>
  <c r="AC56371" i="1"/>
  <c r="AC56372" i="1"/>
  <c r="AC56373" i="1"/>
  <c r="AC56374" i="1"/>
  <c r="AC56375" i="1"/>
  <c r="AC56376" i="1"/>
  <c r="AC56377" i="1"/>
  <c r="AC56378" i="1"/>
  <c r="AC56379" i="1"/>
  <c r="AC56380" i="1"/>
  <c r="AC56381" i="1"/>
  <c r="AC56382" i="1"/>
  <c r="AC56383" i="1"/>
  <c r="AC56384" i="1"/>
  <c r="AC56385" i="1"/>
  <c r="AC56386" i="1"/>
  <c r="AC56387" i="1"/>
  <c r="AC56388" i="1"/>
  <c r="AC56389" i="1"/>
  <c r="AC56390" i="1"/>
  <c r="AC56391" i="1"/>
  <c r="AC56392" i="1"/>
  <c r="AC56393" i="1"/>
  <c r="AC56394" i="1"/>
  <c r="AC56395" i="1"/>
  <c r="AC56396" i="1"/>
  <c r="AC56397" i="1"/>
  <c r="AC56398" i="1"/>
  <c r="AC56399" i="1"/>
  <c r="AC56400" i="1"/>
  <c r="AC56401" i="1"/>
  <c r="AC56402" i="1"/>
  <c r="AC56403" i="1"/>
  <c r="AC56404" i="1"/>
  <c r="AC56405" i="1"/>
  <c r="AC56406" i="1"/>
  <c r="AC56407" i="1"/>
  <c r="AC56408" i="1"/>
  <c r="AC56409" i="1"/>
  <c r="AC56410" i="1"/>
  <c r="AC56411" i="1"/>
  <c r="AC56412" i="1"/>
  <c r="AC56413" i="1"/>
  <c r="AC56414" i="1"/>
  <c r="AC56415" i="1"/>
  <c r="AC56416" i="1"/>
  <c r="AC56417" i="1"/>
  <c r="AC56418" i="1"/>
  <c r="AC56419" i="1"/>
  <c r="AC56420" i="1"/>
  <c r="AC56421" i="1"/>
  <c r="AC56422" i="1"/>
  <c r="AC56423" i="1"/>
  <c r="AC56424" i="1"/>
  <c r="AC56425" i="1"/>
  <c r="AC56426" i="1"/>
  <c r="AC56427" i="1"/>
  <c r="AC56428" i="1"/>
  <c r="AC56429" i="1"/>
  <c r="AC56430" i="1"/>
  <c r="AC56431" i="1"/>
  <c r="AC56432" i="1"/>
  <c r="AC56433" i="1"/>
  <c r="AC56434" i="1"/>
  <c r="AC56435" i="1"/>
  <c r="AC56436" i="1"/>
  <c r="AC56437" i="1"/>
  <c r="AC56438" i="1"/>
  <c r="AC56439" i="1"/>
  <c r="AC56440" i="1"/>
  <c r="AC56441" i="1"/>
  <c r="AC56442" i="1"/>
  <c r="AC56443" i="1"/>
  <c r="AC56444" i="1"/>
  <c r="AC56445" i="1"/>
  <c r="AC56446" i="1"/>
  <c r="AC56447" i="1"/>
  <c r="AC56448" i="1"/>
  <c r="AC56449" i="1"/>
  <c r="AC56450" i="1"/>
  <c r="AC56451" i="1"/>
  <c r="AC56452" i="1"/>
  <c r="AC56453" i="1"/>
  <c r="AC56454" i="1"/>
  <c r="AC56455" i="1"/>
  <c r="AC56456" i="1"/>
  <c r="AC56457" i="1"/>
  <c r="AC56458" i="1"/>
  <c r="AC56459" i="1"/>
  <c r="AC56460" i="1"/>
  <c r="AC56461" i="1"/>
  <c r="AC56462" i="1"/>
  <c r="AC56463" i="1"/>
  <c r="AC56464" i="1"/>
  <c r="AC56465" i="1"/>
  <c r="AC56466" i="1"/>
  <c r="AC56467" i="1"/>
  <c r="AC56468" i="1"/>
  <c r="AC56469" i="1"/>
  <c r="AC56470" i="1"/>
  <c r="AC56471" i="1"/>
  <c r="AC56472" i="1"/>
  <c r="AC56473" i="1"/>
  <c r="AC56474" i="1"/>
  <c r="AC56475" i="1"/>
  <c r="AC56476" i="1"/>
  <c r="AC56477" i="1"/>
  <c r="AC56478" i="1"/>
  <c r="AC56479" i="1"/>
  <c r="AC56480" i="1"/>
  <c r="AC56481" i="1"/>
  <c r="AC56482" i="1"/>
  <c r="AC56483" i="1"/>
  <c r="AC56484" i="1"/>
  <c r="AC56485" i="1"/>
  <c r="AC56486" i="1"/>
  <c r="AC56487" i="1"/>
  <c r="AC56488" i="1"/>
  <c r="AC56489" i="1"/>
  <c r="AC56490" i="1"/>
  <c r="AC56491" i="1"/>
  <c r="AC56492" i="1"/>
  <c r="AC56493" i="1"/>
  <c r="AC56494" i="1"/>
  <c r="AC56495" i="1"/>
  <c r="AC56496" i="1"/>
  <c r="AC56497" i="1"/>
  <c r="AC56498" i="1"/>
  <c r="AC56499" i="1"/>
  <c r="AC56500" i="1"/>
  <c r="AC56501" i="1"/>
  <c r="AC56502" i="1"/>
  <c r="AC56503" i="1"/>
  <c r="AC56504" i="1"/>
  <c r="AC56505" i="1"/>
  <c r="AC56506" i="1"/>
  <c r="AC56507" i="1"/>
  <c r="AC56508" i="1"/>
  <c r="AC56509" i="1"/>
  <c r="AC56510" i="1"/>
  <c r="AC56511" i="1"/>
  <c r="AC56512" i="1"/>
  <c r="AC56513" i="1"/>
  <c r="AC56514" i="1"/>
  <c r="AC56515" i="1"/>
  <c r="AC56516" i="1"/>
  <c r="AC56517" i="1"/>
  <c r="AC56518" i="1"/>
  <c r="AC56519" i="1"/>
  <c r="AC56520" i="1"/>
  <c r="AC56521" i="1"/>
  <c r="AC56522" i="1"/>
  <c r="AC56523" i="1"/>
  <c r="AC56524" i="1"/>
  <c r="AC56525" i="1"/>
  <c r="AC56526" i="1"/>
  <c r="AC56527" i="1"/>
  <c r="AC56528" i="1"/>
  <c r="AC56529" i="1"/>
  <c r="AC56530" i="1"/>
  <c r="AC56531" i="1"/>
  <c r="AC56532" i="1"/>
  <c r="AC56533" i="1"/>
  <c r="AC56534" i="1"/>
  <c r="AC56535" i="1"/>
  <c r="AC56536" i="1"/>
  <c r="AC56537" i="1"/>
  <c r="AC56538" i="1"/>
  <c r="AC56539" i="1"/>
  <c r="AC56540" i="1"/>
  <c r="AC56541" i="1"/>
  <c r="AC56542" i="1"/>
  <c r="AC56543" i="1"/>
  <c r="AC56544" i="1"/>
  <c r="AC56545" i="1"/>
  <c r="AC56546" i="1"/>
  <c r="AC56547" i="1"/>
  <c r="AC56548" i="1"/>
  <c r="AC56549" i="1"/>
  <c r="AC56550" i="1"/>
  <c r="AC56551" i="1"/>
  <c r="AC56552" i="1"/>
  <c r="AC56553" i="1"/>
  <c r="AC56554" i="1"/>
  <c r="AC56555" i="1"/>
  <c r="AC56556" i="1"/>
  <c r="AC56557" i="1"/>
  <c r="AC56558" i="1"/>
  <c r="AC56559" i="1"/>
  <c r="AC56560" i="1"/>
  <c r="AC56561" i="1"/>
  <c r="AC56562" i="1"/>
  <c r="AC56563" i="1"/>
  <c r="AC56564" i="1"/>
  <c r="AC56565" i="1"/>
  <c r="AC56566" i="1"/>
  <c r="AC56567" i="1"/>
  <c r="AC56568" i="1"/>
  <c r="AC56569" i="1"/>
  <c r="AC56570" i="1"/>
  <c r="AC56571" i="1"/>
  <c r="AC56572" i="1"/>
  <c r="AC56573" i="1"/>
  <c r="AC56574" i="1"/>
  <c r="AC56575" i="1"/>
  <c r="AC56576" i="1"/>
  <c r="AC56577" i="1"/>
  <c r="AC56578" i="1"/>
  <c r="AC56579" i="1"/>
  <c r="AC56580" i="1"/>
  <c r="AC56581" i="1"/>
  <c r="AC56582" i="1"/>
  <c r="AC56583" i="1"/>
  <c r="AC56584" i="1"/>
  <c r="AC56585" i="1"/>
  <c r="AC56586" i="1"/>
  <c r="AC56587" i="1"/>
  <c r="AC56588" i="1"/>
  <c r="AC56589" i="1"/>
  <c r="AC56590" i="1"/>
  <c r="AC56591" i="1"/>
  <c r="AC56592" i="1"/>
  <c r="AC56593" i="1"/>
  <c r="AC56594" i="1"/>
  <c r="AC56595" i="1"/>
  <c r="AC56596" i="1"/>
  <c r="AC56597" i="1"/>
  <c r="AC56598" i="1"/>
  <c r="AC56599" i="1"/>
  <c r="AC56600" i="1"/>
  <c r="AC56601" i="1"/>
  <c r="AC56602" i="1"/>
  <c r="AC56603" i="1"/>
  <c r="AC56604" i="1"/>
  <c r="AC56605" i="1"/>
  <c r="AC56606" i="1"/>
  <c r="AC56607" i="1"/>
  <c r="AC56608" i="1"/>
  <c r="AC56609" i="1"/>
  <c r="AC56610" i="1"/>
  <c r="AC56611" i="1"/>
  <c r="AC56612" i="1"/>
  <c r="AC56613" i="1"/>
  <c r="AC56614" i="1"/>
  <c r="AC56615" i="1"/>
  <c r="AC56616" i="1"/>
  <c r="AC56617" i="1"/>
  <c r="AC56618" i="1"/>
  <c r="AC56619" i="1"/>
  <c r="AC56620" i="1"/>
  <c r="AC56621" i="1"/>
  <c r="AC56622" i="1"/>
  <c r="AC56623" i="1"/>
  <c r="AC56624" i="1"/>
  <c r="AC56625" i="1"/>
  <c r="AC56626" i="1"/>
  <c r="AC56627" i="1"/>
  <c r="AC56628" i="1"/>
  <c r="AC56629" i="1"/>
  <c r="AC56630" i="1"/>
  <c r="AC56631" i="1"/>
  <c r="AC56632" i="1"/>
  <c r="AC56633" i="1"/>
  <c r="AC56634" i="1"/>
  <c r="AC56635" i="1"/>
  <c r="AC56636" i="1"/>
  <c r="AC56637" i="1"/>
  <c r="AC56638" i="1"/>
  <c r="AC56639" i="1"/>
  <c r="AC56640" i="1"/>
  <c r="AC56641" i="1"/>
  <c r="AC56642" i="1"/>
  <c r="AC56643" i="1"/>
  <c r="AC56644" i="1"/>
  <c r="AC56645" i="1"/>
  <c r="AC56646" i="1"/>
  <c r="AC56647" i="1"/>
  <c r="AC56648" i="1"/>
  <c r="AC56649" i="1"/>
  <c r="AC56650" i="1"/>
  <c r="AC56651" i="1"/>
  <c r="AC56652" i="1"/>
  <c r="AC56653" i="1"/>
  <c r="AC56654" i="1"/>
  <c r="AC56655" i="1"/>
  <c r="AC56656" i="1"/>
  <c r="AC56657" i="1"/>
  <c r="AC56658" i="1"/>
  <c r="AC56659" i="1"/>
  <c r="AC56660" i="1"/>
  <c r="AC56661" i="1"/>
  <c r="AC56662" i="1"/>
  <c r="AC56663" i="1"/>
  <c r="AC56664" i="1"/>
  <c r="AC56665" i="1"/>
  <c r="AC56666" i="1"/>
  <c r="AC56667" i="1"/>
  <c r="AC56668" i="1"/>
  <c r="AC56669" i="1"/>
  <c r="AC56670" i="1"/>
  <c r="AC56671" i="1"/>
  <c r="AC56672" i="1"/>
  <c r="AC56673" i="1"/>
  <c r="AC56674" i="1"/>
  <c r="AC56675" i="1"/>
  <c r="AC56676" i="1"/>
  <c r="AC56677" i="1"/>
  <c r="AC56678" i="1"/>
  <c r="AC56679" i="1"/>
  <c r="AC56680" i="1"/>
  <c r="AC56681" i="1"/>
  <c r="AC56682" i="1"/>
  <c r="AC56683" i="1"/>
  <c r="AC56684" i="1"/>
  <c r="AC56685" i="1"/>
  <c r="AC56686" i="1"/>
  <c r="AC56687" i="1"/>
  <c r="AC56688" i="1"/>
  <c r="AC56689" i="1"/>
  <c r="AC56690" i="1"/>
  <c r="AC56691" i="1"/>
  <c r="AC56692" i="1"/>
  <c r="AC56693" i="1"/>
  <c r="AC56694" i="1"/>
  <c r="AC56695" i="1"/>
  <c r="AC56696" i="1"/>
  <c r="AC56697" i="1"/>
  <c r="AC56698" i="1"/>
  <c r="AC56699" i="1"/>
  <c r="AC56700" i="1"/>
  <c r="AC56701" i="1"/>
  <c r="AC56702" i="1"/>
  <c r="AC56703" i="1"/>
  <c r="AC56704" i="1"/>
  <c r="AC56705" i="1"/>
  <c r="AC56706" i="1"/>
  <c r="AC56707" i="1"/>
  <c r="AC56708" i="1"/>
  <c r="AC56709" i="1"/>
  <c r="AC56710" i="1"/>
  <c r="AC56711" i="1"/>
  <c r="AC56712" i="1"/>
  <c r="AC56713" i="1"/>
  <c r="AC56714" i="1"/>
  <c r="AC56715" i="1"/>
  <c r="AC56716" i="1"/>
  <c r="AC56717" i="1"/>
  <c r="AC56718" i="1"/>
  <c r="AC56719" i="1"/>
  <c r="AC56720" i="1"/>
  <c r="AC56721" i="1"/>
  <c r="AC56722" i="1"/>
  <c r="AC56723" i="1"/>
  <c r="AC56724" i="1"/>
  <c r="AC56725" i="1"/>
  <c r="AC56726" i="1"/>
  <c r="AC56727" i="1"/>
  <c r="AC56728" i="1"/>
  <c r="AC56729" i="1"/>
  <c r="AC56730" i="1"/>
  <c r="AC56731" i="1"/>
  <c r="AC56732" i="1"/>
  <c r="AC56733" i="1"/>
  <c r="AC56734" i="1"/>
  <c r="AC56735" i="1"/>
  <c r="AC56736" i="1"/>
  <c r="AC56737" i="1"/>
  <c r="AC56738" i="1"/>
  <c r="AC56739" i="1"/>
  <c r="AC56740" i="1"/>
  <c r="AC56741" i="1"/>
  <c r="AC56742" i="1"/>
  <c r="AC56743" i="1"/>
  <c r="AC56744" i="1"/>
  <c r="AC56745" i="1"/>
  <c r="AC56746" i="1"/>
  <c r="AC56747" i="1"/>
  <c r="AC56748" i="1"/>
  <c r="AC56749" i="1"/>
  <c r="AC56750" i="1"/>
  <c r="AC56751" i="1"/>
  <c r="AC56752" i="1"/>
  <c r="AC56753" i="1"/>
  <c r="AC56754" i="1"/>
  <c r="AC56755" i="1"/>
  <c r="AC56756" i="1"/>
  <c r="AC56757" i="1"/>
  <c r="AC56758" i="1"/>
  <c r="AC56759" i="1"/>
  <c r="AC56760" i="1"/>
  <c r="AC56761" i="1"/>
  <c r="AC56762" i="1"/>
  <c r="AC56763" i="1"/>
  <c r="AC56764" i="1"/>
  <c r="AC56765" i="1"/>
  <c r="AC56766" i="1"/>
  <c r="AC56767" i="1"/>
  <c r="AC56768" i="1"/>
  <c r="AC56769" i="1"/>
  <c r="AC56770" i="1"/>
  <c r="AC56771" i="1"/>
  <c r="AC56772" i="1"/>
  <c r="AC56773" i="1"/>
  <c r="AC56774" i="1"/>
  <c r="AC56775" i="1"/>
  <c r="AC56776" i="1"/>
  <c r="AC56777" i="1"/>
  <c r="AC56778" i="1"/>
  <c r="AC56779" i="1"/>
  <c r="AC56780" i="1"/>
  <c r="AC56781" i="1"/>
  <c r="AC56782" i="1"/>
  <c r="AC56783" i="1"/>
  <c r="AC56784" i="1"/>
  <c r="AC56785" i="1"/>
  <c r="AC56786" i="1"/>
  <c r="AC56787" i="1"/>
  <c r="AC56788" i="1"/>
  <c r="AC56789" i="1"/>
  <c r="AC56790" i="1"/>
  <c r="AC56791" i="1"/>
  <c r="AC56792" i="1"/>
  <c r="AC56793" i="1"/>
  <c r="AC56794" i="1"/>
  <c r="AC56795" i="1"/>
  <c r="AC56796" i="1"/>
  <c r="AC56797" i="1"/>
  <c r="AC56798" i="1"/>
  <c r="AC56799" i="1"/>
  <c r="AC56800" i="1"/>
  <c r="AC56801" i="1"/>
  <c r="AC56802" i="1"/>
  <c r="AC56803" i="1"/>
  <c r="AC56804" i="1"/>
  <c r="AC56805" i="1"/>
  <c r="AC56806" i="1"/>
  <c r="AC56807" i="1"/>
  <c r="AC56808" i="1"/>
  <c r="AC56809" i="1"/>
  <c r="AC56810" i="1"/>
  <c r="AC56811" i="1"/>
  <c r="AC56812" i="1"/>
  <c r="AC56813" i="1"/>
  <c r="AC56814" i="1"/>
  <c r="AC56815" i="1"/>
  <c r="AC56816" i="1"/>
  <c r="AC56817" i="1"/>
  <c r="AC56818" i="1"/>
  <c r="AC56819" i="1"/>
  <c r="AC56820" i="1"/>
  <c r="AC56821" i="1"/>
  <c r="AC56822" i="1"/>
  <c r="AC56823" i="1"/>
  <c r="AC56824" i="1"/>
  <c r="AC56825" i="1"/>
  <c r="AC56826" i="1"/>
  <c r="AC56827" i="1"/>
  <c r="AC56828" i="1"/>
  <c r="AC56829" i="1"/>
  <c r="AC56830" i="1"/>
  <c r="AC56831" i="1"/>
  <c r="AC56832" i="1"/>
  <c r="AC56833" i="1"/>
  <c r="AC56834" i="1"/>
  <c r="AC56835" i="1"/>
  <c r="AC56836" i="1"/>
  <c r="AC56837" i="1"/>
  <c r="AC56838" i="1"/>
  <c r="AC56839" i="1"/>
  <c r="AC56840" i="1"/>
  <c r="AC56841" i="1"/>
  <c r="AC56842" i="1"/>
  <c r="AC56843" i="1"/>
  <c r="AC56844" i="1"/>
  <c r="AC56845" i="1"/>
  <c r="AC56846" i="1"/>
  <c r="AC56847" i="1"/>
  <c r="AC56848" i="1"/>
  <c r="AC56849" i="1"/>
  <c r="AC56850" i="1"/>
  <c r="AC56851" i="1"/>
  <c r="AC56852" i="1"/>
  <c r="AC56853" i="1"/>
  <c r="AC56854" i="1"/>
  <c r="AC56855" i="1"/>
  <c r="AC56856" i="1"/>
  <c r="AC56857" i="1"/>
  <c r="AC56858" i="1"/>
  <c r="AC56859" i="1"/>
  <c r="AC56860" i="1"/>
  <c r="AC56861" i="1"/>
  <c r="AC56862" i="1"/>
  <c r="AC56863" i="1"/>
  <c r="AC56864" i="1"/>
  <c r="AC56865" i="1"/>
  <c r="AC56866" i="1"/>
  <c r="AC56867" i="1"/>
  <c r="AC56868" i="1"/>
  <c r="AC56869" i="1"/>
  <c r="AC56870" i="1"/>
  <c r="AC56871" i="1"/>
  <c r="AC56872" i="1"/>
  <c r="AC56873" i="1"/>
  <c r="AC56874" i="1"/>
  <c r="AC56875" i="1"/>
  <c r="AC56876" i="1"/>
  <c r="AC56877" i="1"/>
  <c r="AC56878" i="1"/>
  <c r="AC56879" i="1"/>
  <c r="AC56880" i="1"/>
  <c r="AC56881" i="1"/>
  <c r="AC56882" i="1"/>
  <c r="AC56883" i="1"/>
  <c r="AC56884" i="1"/>
  <c r="AC56885" i="1"/>
  <c r="AC56886" i="1"/>
  <c r="AC56887" i="1"/>
  <c r="AC56888" i="1"/>
  <c r="AC56889" i="1"/>
  <c r="AC56890" i="1"/>
  <c r="AC56891" i="1"/>
  <c r="AC56892" i="1"/>
  <c r="AC56893" i="1"/>
  <c r="AC56894" i="1"/>
  <c r="AC56895" i="1"/>
  <c r="AC56896" i="1"/>
  <c r="AC56897" i="1"/>
  <c r="AC56898" i="1"/>
  <c r="AC56899" i="1"/>
  <c r="AC56900" i="1"/>
  <c r="AC56901" i="1"/>
  <c r="AC56902" i="1"/>
  <c r="AC56903" i="1"/>
  <c r="AC56904" i="1"/>
  <c r="AC56905" i="1"/>
  <c r="AC56906" i="1"/>
  <c r="AC56907" i="1"/>
  <c r="AC56908" i="1"/>
  <c r="AC56909" i="1"/>
  <c r="AC56910" i="1"/>
  <c r="AC56911" i="1"/>
  <c r="AC56912" i="1"/>
  <c r="AC56913" i="1"/>
  <c r="AC56914" i="1"/>
  <c r="AC56915" i="1"/>
  <c r="AC56916" i="1"/>
  <c r="AC56917" i="1"/>
  <c r="AC56918" i="1"/>
  <c r="AC56919" i="1"/>
  <c r="AC56920" i="1"/>
  <c r="AC56921" i="1"/>
  <c r="AC56922" i="1"/>
  <c r="AC56923" i="1"/>
  <c r="AC56924" i="1"/>
  <c r="AC56925" i="1"/>
  <c r="AC56926" i="1"/>
  <c r="AC56927" i="1"/>
  <c r="AC56928" i="1"/>
  <c r="AC56929" i="1"/>
  <c r="AC56930" i="1"/>
  <c r="AC56931" i="1"/>
  <c r="AC56932" i="1"/>
  <c r="AC56933" i="1"/>
  <c r="AC56934" i="1"/>
  <c r="AC56935" i="1"/>
  <c r="AC56936" i="1"/>
  <c r="AC56937" i="1"/>
  <c r="AC56938" i="1"/>
  <c r="AC56939" i="1"/>
  <c r="AC56940" i="1"/>
  <c r="AC56941" i="1"/>
  <c r="AC56942" i="1"/>
  <c r="AC56943" i="1"/>
  <c r="AC56944" i="1"/>
  <c r="AC56945" i="1"/>
  <c r="AC56946" i="1"/>
  <c r="AC56947" i="1"/>
  <c r="AC56948" i="1"/>
  <c r="AC56949" i="1"/>
  <c r="AC56950" i="1"/>
  <c r="AC56951" i="1"/>
  <c r="AC56952" i="1"/>
  <c r="AC56953" i="1"/>
  <c r="AC56954" i="1"/>
  <c r="AC56955" i="1"/>
  <c r="AC56956" i="1"/>
  <c r="AC56957" i="1"/>
  <c r="AC56958" i="1"/>
  <c r="AC56959" i="1"/>
  <c r="AC56960" i="1"/>
  <c r="AC56961" i="1"/>
  <c r="AC56962" i="1"/>
  <c r="AC56963" i="1"/>
  <c r="AC56964" i="1"/>
  <c r="AC56965" i="1"/>
  <c r="AC56966" i="1"/>
  <c r="AC56967" i="1"/>
  <c r="AC56968" i="1"/>
  <c r="AC56969" i="1"/>
  <c r="AC56970" i="1"/>
  <c r="AC56971" i="1"/>
  <c r="AC56972" i="1"/>
  <c r="AC56973" i="1"/>
  <c r="AC56974" i="1"/>
  <c r="AC56975" i="1"/>
  <c r="AC56976" i="1"/>
  <c r="AC56977" i="1"/>
  <c r="AC56978" i="1"/>
  <c r="AC56979" i="1"/>
  <c r="AC56980" i="1"/>
  <c r="AC56981" i="1"/>
  <c r="AC56982" i="1"/>
  <c r="AC56983" i="1"/>
  <c r="AC56984" i="1"/>
  <c r="AC56985" i="1"/>
  <c r="AC56986" i="1"/>
  <c r="AC56987" i="1"/>
  <c r="AC56988" i="1"/>
  <c r="AC56989" i="1"/>
  <c r="AC56990" i="1"/>
  <c r="AC56991" i="1"/>
  <c r="AC56992" i="1"/>
  <c r="AC56993" i="1"/>
  <c r="AC56994" i="1"/>
  <c r="AC56995" i="1"/>
  <c r="AC56996" i="1"/>
  <c r="AC56997" i="1"/>
  <c r="AC56998" i="1"/>
  <c r="AC56999" i="1"/>
  <c r="AC57000" i="1"/>
  <c r="AC57001" i="1"/>
  <c r="AC57002" i="1"/>
  <c r="AC57003" i="1"/>
  <c r="AC57004" i="1"/>
  <c r="AC57005" i="1"/>
  <c r="AC57006" i="1"/>
  <c r="AC57007" i="1"/>
  <c r="AC57008" i="1"/>
  <c r="AC57009" i="1"/>
  <c r="AC57010" i="1"/>
  <c r="AC57011" i="1"/>
  <c r="AC57012" i="1"/>
  <c r="AC57013" i="1"/>
  <c r="AC57014" i="1"/>
  <c r="AC57015" i="1"/>
  <c r="AC57016" i="1"/>
  <c r="AC57017" i="1"/>
  <c r="AC57018" i="1"/>
  <c r="AC57019" i="1"/>
  <c r="AC57020" i="1"/>
  <c r="AC57021" i="1"/>
  <c r="AC57022" i="1"/>
  <c r="AC57023" i="1"/>
  <c r="AC57024" i="1"/>
  <c r="AC57025" i="1"/>
  <c r="AC57026" i="1"/>
  <c r="AC57027" i="1"/>
  <c r="AC57028" i="1"/>
  <c r="AC57029" i="1"/>
  <c r="AC57030" i="1"/>
  <c r="AC57031" i="1"/>
  <c r="AC57032" i="1"/>
  <c r="AC57033" i="1"/>
  <c r="AC57034" i="1"/>
  <c r="AC57035" i="1"/>
  <c r="AC57036" i="1"/>
  <c r="AC57037" i="1"/>
  <c r="AC57038" i="1"/>
  <c r="AC57039" i="1"/>
  <c r="AC57040" i="1"/>
  <c r="AC57041" i="1"/>
  <c r="AC57042" i="1"/>
  <c r="AC57043" i="1"/>
  <c r="AC57044" i="1"/>
  <c r="AC57045" i="1"/>
  <c r="AC57046" i="1"/>
  <c r="AC57047" i="1"/>
  <c r="AC57048" i="1"/>
  <c r="AC57049" i="1"/>
  <c r="AC57050" i="1"/>
  <c r="AC57051" i="1"/>
  <c r="AC57052" i="1"/>
  <c r="AC57053" i="1"/>
  <c r="AC57054" i="1"/>
  <c r="AC57055" i="1"/>
  <c r="AC57056" i="1"/>
  <c r="AC57057" i="1"/>
  <c r="AC57058" i="1"/>
  <c r="AC57059" i="1"/>
  <c r="AC57060" i="1"/>
  <c r="AC57061" i="1"/>
  <c r="AC57062" i="1"/>
  <c r="AC57063" i="1"/>
  <c r="AC57064" i="1"/>
  <c r="AC57065" i="1"/>
  <c r="AC57066" i="1"/>
  <c r="AC57067" i="1"/>
  <c r="AC57068" i="1"/>
  <c r="AC57069" i="1"/>
  <c r="AC57070" i="1"/>
  <c r="AC57071" i="1"/>
  <c r="AC57072" i="1"/>
  <c r="AC57073" i="1"/>
  <c r="AC57074" i="1"/>
  <c r="AC57075" i="1"/>
  <c r="AC57076" i="1"/>
  <c r="AC57077" i="1"/>
  <c r="AC57078" i="1"/>
  <c r="AC57079" i="1"/>
  <c r="AC57080" i="1"/>
  <c r="AC57081" i="1"/>
  <c r="AC57082" i="1"/>
  <c r="AC57083" i="1"/>
  <c r="AC57084" i="1"/>
  <c r="AC57085" i="1"/>
  <c r="AC57086" i="1"/>
  <c r="AC57087" i="1"/>
  <c r="AC57088" i="1"/>
  <c r="AC57089" i="1"/>
  <c r="AC57090" i="1"/>
  <c r="AC57091" i="1"/>
  <c r="AC57092" i="1"/>
  <c r="AC57093" i="1"/>
  <c r="AC57094" i="1"/>
  <c r="AC57095" i="1"/>
  <c r="AC57096" i="1"/>
  <c r="AC57097" i="1"/>
  <c r="AC57098" i="1"/>
  <c r="AC57099" i="1"/>
  <c r="AC57100" i="1"/>
  <c r="AC57101" i="1"/>
  <c r="AC57102" i="1"/>
  <c r="AC57103" i="1"/>
  <c r="AC57104" i="1"/>
  <c r="AC57105" i="1"/>
  <c r="AC57106" i="1"/>
  <c r="AC57107" i="1"/>
  <c r="AC57108" i="1"/>
  <c r="AC57109" i="1"/>
  <c r="AC57110" i="1"/>
  <c r="AC57111" i="1"/>
  <c r="AC57112" i="1"/>
  <c r="AC57113" i="1"/>
  <c r="AC57114" i="1"/>
  <c r="AC57115" i="1"/>
  <c r="AC57116" i="1"/>
  <c r="AC57117" i="1"/>
  <c r="AC57118" i="1"/>
  <c r="AC57119" i="1"/>
  <c r="AC57120" i="1"/>
  <c r="AC57121" i="1"/>
  <c r="AC57122" i="1"/>
  <c r="AC57123" i="1"/>
  <c r="AC57124" i="1"/>
  <c r="AC57125" i="1"/>
  <c r="AC57126" i="1"/>
  <c r="AC57127" i="1"/>
  <c r="AC57128" i="1"/>
  <c r="AC57129" i="1"/>
  <c r="AC57130" i="1"/>
  <c r="AC57131" i="1"/>
  <c r="AC57132" i="1"/>
  <c r="AC57133" i="1"/>
  <c r="AC57134" i="1"/>
  <c r="AC57135" i="1"/>
  <c r="AC57136" i="1"/>
  <c r="AC57137" i="1"/>
  <c r="AC57138" i="1"/>
  <c r="AC57139" i="1"/>
  <c r="AC57140" i="1"/>
  <c r="AC57141" i="1"/>
  <c r="AC57142" i="1"/>
  <c r="AC57143" i="1"/>
  <c r="AC57144" i="1"/>
  <c r="AC57145" i="1"/>
  <c r="AC57146" i="1"/>
  <c r="AC57147" i="1"/>
  <c r="AC57148" i="1"/>
  <c r="AC57149" i="1"/>
  <c r="AC57150" i="1"/>
  <c r="AC57151" i="1"/>
  <c r="AC57152" i="1"/>
  <c r="AC57153" i="1"/>
  <c r="AC57154" i="1"/>
  <c r="AC57155" i="1"/>
  <c r="AC57156" i="1"/>
  <c r="AC57157" i="1"/>
  <c r="AC57158" i="1"/>
  <c r="AC57159" i="1"/>
  <c r="AC57160" i="1"/>
  <c r="AC57161" i="1"/>
  <c r="AC57162" i="1"/>
  <c r="AC57163" i="1"/>
  <c r="AC57164" i="1"/>
  <c r="AC57165" i="1"/>
  <c r="AC57166" i="1"/>
  <c r="AC57167" i="1"/>
  <c r="AC57168" i="1"/>
  <c r="AC57169" i="1"/>
  <c r="AC57170" i="1"/>
  <c r="AC57171" i="1"/>
  <c r="AC57172" i="1"/>
  <c r="AC57173" i="1"/>
  <c r="AC57174" i="1"/>
  <c r="AC57175" i="1"/>
  <c r="AC57176" i="1"/>
  <c r="AC57177" i="1"/>
  <c r="AC57178" i="1"/>
  <c r="AC57179" i="1"/>
  <c r="AC57180" i="1"/>
  <c r="AC57181" i="1"/>
  <c r="AC57182" i="1"/>
  <c r="AC57183" i="1"/>
  <c r="AC57184" i="1"/>
  <c r="AC57185" i="1"/>
  <c r="AC57186" i="1"/>
  <c r="AC57187" i="1"/>
  <c r="AC57188" i="1"/>
  <c r="AC57189" i="1"/>
  <c r="AC57190" i="1"/>
  <c r="AC57191" i="1"/>
  <c r="AC57192" i="1"/>
  <c r="AC57193" i="1"/>
  <c r="AC57194" i="1"/>
  <c r="AC57195" i="1"/>
  <c r="AC57196" i="1"/>
  <c r="AC57197" i="1"/>
  <c r="AC57198" i="1"/>
  <c r="AC57199" i="1"/>
  <c r="AC57200" i="1"/>
  <c r="AC57201" i="1"/>
  <c r="AC57202" i="1"/>
  <c r="AC57203" i="1"/>
  <c r="AC57204" i="1"/>
  <c r="AC57205" i="1"/>
  <c r="AC57206" i="1"/>
  <c r="AC57207" i="1"/>
  <c r="AC57208" i="1"/>
  <c r="AC57209" i="1"/>
  <c r="AC57210" i="1"/>
  <c r="AC57211" i="1"/>
  <c r="AC57212" i="1"/>
  <c r="AC57213" i="1"/>
  <c r="AC57214" i="1"/>
  <c r="AC57215" i="1"/>
  <c r="AC57216" i="1"/>
  <c r="AC57217" i="1"/>
  <c r="AC57218" i="1"/>
  <c r="AC57219" i="1"/>
  <c r="AC57220" i="1"/>
  <c r="AC57221" i="1"/>
  <c r="AC57222" i="1"/>
  <c r="AC57223" i="1"/>
  <c r="AC57224" i="1"/>
  <c r="AC57225" i="1"/>
  <c r="AC57226" i="1"/>
  <c r="AC57227" i="1"/>
  <c r="AC57228" i="1"/>
  <c r="AC57229" i="1"/>
  <c r="AC57230" i="1"/>
  <c r="AC57231" i="1"/>
  <c r="AC57232" i="1"/>
  <c r="AC57233" i="1"/>
  <c r="AC57234" i="1"/>
  <c r="AC57235" i="1"/>
  <c r="AC57236" i="1"/>
  <c r="AC57237" i="1"/>
  <c r="AC57238" i="1"/>
  <c r="AC57239" i="1"/>
  <c r="AC57240" i="1"/>
  <c r="AC57241" i="1"/>
  <c r="AC57242" i="1"/>
  <c r="AC57243" i="1"/>
  <c r="AC57244" i="1"/>
  <c r="AC57245" i="1"/>
  <c r="AC57246" i="1"/>
  <c r="AC57247" i="1"/>
  <c r="AC57248" i="1"/>
  <c r="AC57249" i="1"/>
  <c r="AC57250" i="1"/>
  <c r="AC57251" i="1"/>
  <c r="AC57252" i="1"/>
  <c r="AC57253" i="1"/>
  <c r="AC57254" i="1"/>
  <c r="AC57255" i="1"/>
  <c r="AC57256" i="1"/>
  <c r="AC57257" i="1"/>
  <c r="AC57258" i="1"/>
  <c r="AC57259" i="1"/>
  <c r="AC57260" i="1"/>
  <c r="AC57261" i="1"/>
  <c r="AC57262" i="1"/>
  <c r="AC57263" i="1"/>
  <c r="AC57264" i="1"/>
  <c r="AC57265" i="1"/>
  <c r="AC57266" i="1"/>
  <c r="AC57267" i="1"/>
  <c r="AC57268" i="1"/>
  <c r="AC57269" i="1"/>
  <c r="AC57270" i="1"/>
  <c r="AC57271" i="1"/>
  <c r="AC57272" i="1"/>
  <c r="AC57273" i="1"/>
  <c r="AC57274" i="1"/>
  <c r="AC57275" i="1"/>
  <c r="AC57276" i="1"/>
  <c r="AC57277" i="1"/>
  <c r="AC57278" i="1"/>
  <c r="AC57279" i="1"/>
  <c r="AC57280" i="1"/>
  <c r="AC57281" i="1"/>
  <c r="AC57282" i="1"/>
  <c r="AC57283" i="1"/>
  <c r="AC57284" i="1"/>
  <c r="AC57285" i="1"/>
  <c r="AC57286" i="1"/>
  <c r="AC57287" i="1"/>
  <c r="AC57288" i="1"/>
  <c r="AC57289" i="1"/>
  <c r="AC57290" i="1"/>
  <c r="AC57291" i="1"/>
  <c r="AC57292" i="1"/>
  <c r="AC57293" i="1"/>
  <c r="AC57294" i="1"/>
  <c r="AC57295" i="1"/>
  <c r="AC57296" i="1"/>
  <c r="AC57297" i="1"/>
  <c r="AC57298" i="1"/>
  <c r="AC57299" i="1"/>
  <c r="AC57300" i="1"/>
  <c r="AC57301" i="1"/>
  <c r="AC57302" i="1"/>
  <c r="AC57303" i="1"/>
  <c r="AC57304" i="1"/>
  <c r="AC57305" i="1"/>
  <c r="AC57306" i="1"/>
  <c r="AC57307" i="1"/>
  <c r="AC57308" i="1"/>
  <c r="AC57309" i="1"/>
  <c r="AC57310" i="1"/>
  <c r="AC57311" i="1"/>
  <c r="AC57312" i="1"/>
  <c r="AC57313" i="1"/>
  <c r="AC57314" i="1"/>
  <c r="AC57315" i="1"/>
  <c r="AC57316" i="1"/>
  <c r="AC57317" i="1"/>
  <c r="AC57318" i="1"/>
  <c r="AC57319" i="1"/>
  <c r="AC57320" i="1"/>
  <c r="AC57321" i="1"/>
  <c r="AC57322" i="1"/>
  <c r="AC57323" i="1"/>
  <c r="AC57324" i="1"/>
  <c r="AC57325" i="1"/>
  <c r="AC57326" i="1"/>
  <c r="AC57327" i="1"/>
  <c r="AC57328" i="1"/>
  <c r="AC57329" i="1"/>
  <c r="AC57330" i="1"/>
  <c r="AC57331" i="1"/>
  <c r="AC57332" i="1"/>
  <c r="AC57333" i="1"/>
  <c r="AC57334" i="1"/>
  <c r="AC57335" i="1"/>
  <c r="AC57336" i="1"/>
  <c r="AC57337" i="1"/>
  <c r="AC57338" i="1"/>
  <c r="AC57339" i="1"/>
  <c r="AC57340" i="1"/>
  <c r="AC57341" i="1"/>
  <c r="AC57342" i="1"/>
  <c r="AC57343" i="1"/>
  <c r="AC57344" i="1"/>
  <c r="AC57345" i="1"/>
  <c r="AC57346" i="1"/>
  <c r="AC57347" i="1"/>
  <c r="AC57348" i="1"/>
  <c r="AC57349" i="1"/>
  <c r="AC57350" i="1"/>
  <c r="AC57351" i="1"/>
  <c r="AC57352" i="1"/>
  <c r="AC57353" i="1"/>
  <c r="AC57354" i="1"/>
  <c r="AC57355" i="1"/>
  <c r="AC57356" i="1"/>
  <c r="AC57357" i="1"/>
  <c r="AC57358" i="1"/>
  <c r="AC57359" i="1"/>
  <c r="AC57360" i="1"/>
  <c r="AC57361" i="1"/>
  <c r="AC57362" i="1"/>
  <c r="AC57363" i="1"/>
  <c r="AC57364" i="1"/>
  <c r="AC57365" i="1"/>
  <c r="AC57366" i="1"/>
  <c r="AC57367" i="1"/>
  <c r="AC57368" i="1"/>
  <c r="AC57369" i="1"/>
  <c r="AC57370" i="1"/>
  <c r="AC57371" i="1"/>
  <c r="AC57372" i="1"/>
  <c r="AC57373" i="1"/>
  <c r="AC57374" i="1"/>
  <c r="AC57375" i="1"/>
  <c r="AC57376" i="1"/>
  <c r="AC57377" i="1"/>
  <c r="AC57378" i="1"/>
  <c r="AC57379" i="1"/>
  <c r="AC57380" i="1"/>
  <c r="AC57381" i="1"/>
  <c r="AC57382" i="1"/>
  <c r="AC57383" i="1"/>
  <c r="AC57384" i="1"/>
  <c r="AC57385" i="1"/>
  <c r="AC57386" i="1"/>
  <c r="AC57387" i="1"/>
  <c r="AC57388" i="1"/>
  <c r="AC57389" i="1"/>
  <c r="AC57390" i="1"/>
  <c r="AC57391" i="1"/>
  <c r="AC57392" i="1"/>
  <c r="AC57393" i="1"/>
  <c r="AC57394" i="1"/>
  <c r="AC57395" i="1"/>
  <c r="AC57396" i="1"/>
  <c r="AC57397" i="1"/>
  <c r="AC57398" i="1"/>
  <c r="AC57399" i="1"/>
  <c r="AC57400" i="1"/>
  <c r="AC57401" i="1"/>
  <c r="AC57402" i="1"/>
  <c r="AC57403" i="1"/>
  <c r="AC57404" i="1"/>
  <c r="AC57405" i="1"/>
  <c r="AC57406" i="1"/>
  <c r="AC57407" i="1"/>
  <c r="AC57408" i="1"/>
  <c r="AC57409" i="1"/>
  <c r="AC57410" i="1"/>
  <c r="AC57411" i="1"/>
  <c r="AC57412" i="1"/>
  <c r="AC57413" i="1"/>
  <c r="AC57414" i="1"/>
  <c r="AC57415" i="1"/>
  <c r="AC57416" i="1"/>
  <c r="AC57417" i="1"/>
  <c r="AC57418" i="1"/>
  <c r="AC57419" i="1"/>
  <c r="AC57420" i="1"/>
  <c r="AC57421" i="1"/>
  <c r="AC57422" i="1"/>
  <c r="AC57423" i="1"/>
  <c r="AC57424" i="1"/>
  <c r="AC57425" i="1"/>
  <c r="AC57426" i="1"/>
  <c r="AC57427" i="1"/>
  <c r="AC57428" i="1"/>
  <c r="AC57429" i="1"/>
  <c r="AC57430" i="1"/>
  <c r="AC57431" i="1"/>
  <c r="AC57432" i="1"/>
  <c r="AC57433" i="1"/>
  <c r="AC57434" i="1"/>
  <c r="AC57435" i="1"/>
  <c r="AC57436" i="1"/>
  <c r="AC57437" i="1"/>
  <c r="AC57438" i="1"/>
  <c r="AC57439" i="1"/>
  <c r="AC57440" i="1"/>
  <c r="AC57441" i="1"/>
  <c r="AC57442" i="1"/>
  <c r="AC57443" i="1"/>
  <c r="AC57444" i="1"/>
  <c r="AC57445" i="1"/>
  <c r="AC57446" i="1"/>
  <c r="AC57447" i="1"/>
  <c r="AC57448" i="1"/>
  <c r="AC57449" i="1"/>
  <c r="AC57450" i="1"/>
  <c r="AC57451" i="1"/>
  <c r="AC57452" i="1"/>
  <c r="AC57453" i="1"/>
  <c r="AC57454" i="1"/>
  <c r="AC57455" i="1"/>
  <c r="AC57456" i="1"/>
  <c r="AC57457" i="1"/>
  <c r="AC57458" i="1"/>
  <c r="AC57459" i="1"/>
  <c r="AC57460" i="1"/>
  <c r="AC57461" i="1"/>
  <c r="AC57462" i="1"/>
  <c r="AC57463" i="1"/>
  <c r="AC57464" i="1"/>
  <c r="AC57465" i="1"/>
  <c r="AC57466" i="1"/>
  <c r="AC57467" i="1"/>
  <c r="AC57468" i="1"/>
  <c r="AC57469" i="1"/>
  <c r="AC57470" i="1"/>
  <c r="AC57471" i="1"/>
  <c r="AC57472" i="1"/>
  <c r="AC57473" i="1"/>
  <c r="AC57474" i="1"/>
  <c r="AC57475" i="1"/>
  <c r="AC57476" i="1"/>
  <c r="AC57477" i="1"/>
  <c r="AC57478" i="1"/>
  <c r="AC57479" i="1"/>
  <c r="AC57480" i="1"/>
  <c r="AC57481" i="1"/>
  <c r="AC57482" i="1"/>
  <c r="AC57483" i="1"/>
  <c r="AC57484" i="1"/>
  <c r="AC57485" i="1"/>
  <c r="AC57486" i="1"/>
  <c r="AC57487" i="1"/>
  <c r="AC57488" i="1"/>
  <c r="AC57489" i="1"/>
  <c r="AC57490" i="1"/>
  <c r="AC57491" i="1"/>
  <c r="AC57492" i="1"/>
  <c r="AC57493" i="1"/>
  <c r="AC57494" i="1"/>
  <c r="AC57495" i="1"/>
  <c r="AC57496" i="1"/>
  <c r="AC57497" i="1"/>
  <c r="AC57498" i="1"/>
  <c r="AC57499" i="1"/>
  <c r="AC57500" i="1"/>
  <c r="AC57501" i="1"/>
  <c r="AC57502" i="1"/>
  <c r="AC57503" i="1"/>
  <c r="AC57504" i="1"/>
  <c r="AC57505" i="1"/>
  <c r="AC57506" i="1"/>
  <c r="AC57507" i="1"/>
  <c r="AC57508" i="1"/>
  <c r="AC57509" i="1"/>
  <c r="AC57510" i="1"/>
  <c r="AC57511" i="1"/>
  <c r="AC57512" i="1"/>
  <c r="AC57513" i="1"/>
  <c r="AC57514" i="1"/>
  <c r="AC57515" i="1"/>
  <c r="AC57516" i="1"/>
  <c r="AC57517" i="1"/>
  <c r="AC57518" i="1"/>
  <c r="AC57519" i="1"/>
  <c r="AC57520" i="1"/>
  <c r="AC57521" i="1"/>
  <c r="AC57522" i="1"/>
  <c r="AC57523" i="1"/>
  <c r="AC57524" i="1"/>
  <c r="AC57525" i="1"/>
  <c r="AC57526" i="1"/>
  <c r="AC57527" i="1"/>
  <c r="AC57528" i="1"/>
  <c r="AC57529" i="1"/>
  <c r="AC57530" i="1"/>
  <c r="AC57531" i="1"/>
  <c r="AC57532" i="1"/>
  <c r="AC57533" i="1"/>
  <c r="AC57534" i="1"/>
  <c r="AC57535" i="1"/>
  <c r="AC57536" i="1"/>
  <c r="AC57537" i="1"/>
  <c r="AC57538" i="1"/>
  <c r="AC57539" i="1"/>
  <c r="AC57540" i="1"/>
  <c r="AC57541" i="1"/>
  <c r="AC57542" i="1"/>
  <c r="AC57543" i="1"/>
  <c r="AC57544" i="1"/>
  <c r="AC57545" i="1"/>
  <c r="AC57546" i="1"/>
  <c r="AC57547" i="1"/>
  <c r="AC57548" i="1"/>
  <c r="AC57549" i="1"/>
  <c r="AC57550" i="1"/>
  <c r="AC57551" i="1"/>
  <c r="AC57552" i="1"/>
  <c r="AC57553" i="1"/>
  <c r="AC57554" i="1"/>
  <c r="AC57555" i="1"/>
  <c r="AC57556" i="1"/>
  <c r="AC57557" i="1"/>
  <c r="AC57558" i="1"/>
  <c r="AC57559" i="1"/>
  <c r="AC57560" i="1"/>
  <c r="AC57561" i="1"/>
  <c r="AC57562" i="1"/>
  <c r="AC57563" i="1"/>
  <c r="AC57564" i="1"/>
  <c r="AC57565" i="1"/>
  <c r="AC57566" i="1"/>
  <c r="AC57567" i="1"/>
  <c r="AC57568" i="1"/>
  <c r="AC57569" i="1"/>
  <c r="AC57570" i="1"/>
  <c r="AC57571" i="1"/>
  <c r="AC57572" i="1"/>
  <c r="AC57573" i="1"/>
  <c r="AC57574" i="1"/>
  <c r="AC57575" i="1"/>
  <c r="AC57576" i="1"/>
  <c r="AC57577" i="1"/>
  <c r="AC57578" i="1"/>
  <c r="AC57579" i="1"/>
  <c r="AC57580" i="1"/>
  <c r="AC57581" i="1"/>
  <c r="AC57582" i="1"/>
  <c r="AC57583" i="1"/>
  <c r="AC57584" i="1"/>
  <c r="AC57585" i="1"/>
  <c r="AC57586" i="1"/>
  <c r="AC57587" i="1"/>
  <c r="AC57588" i="1"/>
  <c r="AC57589" i="1"/>
  <c r="AC57590" i="1"/>
  <c r="AC57591" i="1"/>
  <c r="AC57592" i="1"/>
  <c r="AC57593" i="1"/>
  <c r="AC57594" i="1"/>
  <c r="AC57595" i="1"/>
  <c r="AC57596" i="1"/>
  <c r="AC57597" i="1"/>
  <c r="AC57598" i="1"/>
  <c r="AC57599" i="1"/>
  <c r="AC57600" i="1"/>
  <c r="AC57601" i="1"/>
  <c r="AC57602" i="1"/>
  <c r="AC57603" i="1"/>
  <c r="AC57604" i="1"/>
  <c r="AC57605" i="1"/>
  <c r="AC57606" i="1"/>
  <c r="AC57607" i="1"/>
  <c r="AC57608" i="1"/>
  <c r="AC57609" i="1"/>
  <c r="AC57610" i="1"/>
  <c r="AC57611" i="1"/>
  <c r="AC57612" i="1"/>
  <c r="AC57613" i="1"/>
  <c r="AC57614" i="1"/>
  <c r="AC57615" i="1"/>
  <c r="AC57616" i="1"/>
  <c r="AC57617" i="1"/>
  <c r="AC57618" i="1"/>
  <c r="AC57619" i="1"/>
  <c r="AC57620" i="1"/>
  <c r="AC57621" i="1"/>
  <c r="AC57622" i="1"/>
  <c r="AC57623" i="1"/>
  <c r="AC57624" i="1"/>
  <c r="AC57625" i="1"/>
  <c r="AC57626" i="1"/>
  <c r="AC57627" i="1"/>
  <c r="AC57628" i="1"/>
  <c r="AC57629" i="1"/>
  <c r="AC57630" i="1"/>
  <c r="AC57631" i="1"/>
  <c r="AC57632" i="1"/>
  <c r="AC57633" i="1"/>
  <c r="AC57634" i="1"/>
  <c r="AC57635" i="1"/>
  <c r="AC57636" i="1"/>
  <c r="AC57637" i="1"/>
  <c r="AC57638" i="1"/>
  <c r="AC57639" i="1"/>
  <c r="AC57640" i="1"/>
  <c r="AC57641" i="1"/>
  <c r="AC57642" i="1"/>
  <c r="AC57643" i="1"/>
  <c r="AC57644" i="1"/>
  <c r="AC57645" i="1"/>
  <c r="AC57646" i="1"/>
  <c r="AC57647" i="1"/>
  <c r="AC57648" i="1"/>
  <c r="AC57649" i="1"/>
  <c r="AC57650" i="1"/>
  <c r="AC57651" i="1"/>
  <c r="AC57652" i="1"/>
  <c r="AC57653" i="1"/>
  <c r="AC57654" i="1"/>
  <c r="AC57655" i="1"/>
  <c r="AC57656" i="1"/>
  <c r="AC57657" i="1"/>
  <c r="AC57658" i="1"/>
  <c r="AC57659" i="1"/>
  <c r="AC57660" i="1"/>
  <c r="AC57661" i="1"/>
  <c r="AC57662" i="1"/>
  <c r="AC57663" i="1"/>
  <c r="AC57664" i="1"/>
  <c r="AC57665" i="1"/>
  <c r="AC57666" i="1"/>
  <c r="AC57667" i="1"/>
  <c r="AC57668" i="1"/>
  <c r="AC57669" i="1"/>
  <c r="AC57670" i="1"/>
  <c r="AC57671" i="1"/>
  <c r="AC57672" i="1"/>
  <c r="AC57673" i="1"/>
  <c r="AC57674" i="1"/>
  <c r="AC57675" i="1"/>
  <c r="AC57676" i="1"/>
  <c r="AC57677" i="1"/>
  <c r="AC57678" i="1"/>
  <c r="AC57679" i="1"/>
  <c r="AC57680" i="1"/>
  <c r="AC57681" i="1"/>
  <c r="AC57682" i="1"/>
  <c r="AC57683" i="1"/>
  <c r="AC57684" i="1"/>
  <c r="AC57685" i="1"/>
  <c r="AC57686" i="1"/>
  <c r="AC57687" i="1"/>
  <c r="AC57688" i="1"/>
  <c r="AC57689" i="1"/>
  <c r="AC57690" i="1"/>
  <c r="AC57691" i="1"/>
  <c r="AC57692" i="1"/>
  <c r="AC57693" i="1"/>
  <c r="AC57694" i="1"/>
  <c r="AC57695" i="1"/>
  <c r="AC57696" i="1"/>
  <c r="AC57697" i="1"/>
  <c r="AC57698" i="1"/>
  <c r="AC57699" i="1"/>
  <c r="AC57700" i="1"/>
  <c r="AC57701" i="1"/>
  <c r="AC57702" i="1"/>
  <c r="AC57703" i="1"/>
  <c r="AC57704" i="1"/>
  <c r="AC57705" i="1"/>
  <c r="AC57706" i="1"/>
  <c r="AC57707" i="1"/>
  <c r="AC57708" i="1"/>
  <c r="AC57709" i="1"/>
  <c r="AC57710" i="1"/>
  <c r="AC57711" i="1"/>
  <c r="AC57712" i="1"/>
  <c r="AC57713" i="1"/>
  <c r="AC57714" i="1"/>
  <c r="AC57715" i="1"/>
  <c r="AC57716" i="1"/>
  <c r="AC57717" i="1"/>
  <c r="AC57718" i="1"/>
  <c r="AC57719" i="1"/>
  <c r="AC57720" i="1"/>
  <c r="AC57721" i="1"/>
  <c r="AC57722" i="1"/>
  <c r="AC57723" i="1"/>
  <c r="AC57724" i="1"/>
  <c r="AC57725" i="1"/>
  <c r="AC57726" i="1"/>
  <c r="AC57727" i="1"/>
  <c r="AC57728" i="1"/>
  <c r="AC57729" i="1"/>
  <c r="AC57730" i="1"/>
  <c r="AC57731" i="1"/>
  <c r="AC57732" i="1"/>
  <c r="AC57733" i="1"/>
  <c r="AC57734" i="1"/>
  <c r="AC57735" i="1"/>
  <c r="AC57736" i="1"/>
  <c r="AC57737" i="1"/>
  <c r="AC57738" i="1"/>
  <c r="AC57739" i="1"/>
  <c r="AC57740" i="1"/>
  <c r="AC57741" i="1"/>
  <c r="AC57742" i="1"/>
  <c r="AC57743" i="1"/>
  <c r="AC57744" i="1"/>
  <c r="AC57745" i="1"/>
  <c r="AC57746" i="1"/>
  <c r="AC57747" i="1"/>
  <c r="AC57748" i="1"/>
  <c r="AC57749" i="1"/>
  <c r="AC57750" i="1"/>
  <c r="AC57751" i="1"/>
  <c r="AC57752" i="1"/>
  <c r="AC57753" i="1"/>
  <c r="AC57754" i="1"/>
  <c r="AC57755" i="1"/>
  <c r="AC57756" i="1"/>
  <c r="AC57757" i="1"/>
  <c r="AC57758" i="1"/>
  <c r="AC57759" i="1"/>
  <c r="AC57760" i="1"/>
  <c r="AC57761" i="1"/>
  <c r="AC57762" i="1"/>
  <c r="AC57763" i="1"/>
  <c r="AC57764" i="1"/>
  <c r="AC57765" i="1"/>
  <c r="AC57766" i="1"/>
  <c r="AC57767" i="1"/>
  <c r="AC57768" i="1"/>
  <c r="AC57769" i="1"/>
  <c r="AC57770" i="1"/>
  <c r="AC57771" i="1"/>
  <c r="AC57772" i="1"/>
  <c r="AC57773" i="1"/>
  <c r="AC57774" i="1"/>
  <c r="AC57775" i="1"/>
  <c r="AC57776" i="1"/>
  <c r="AC57777" i="1"/>
  <c r="AC57778" i="1"/>
  <c r="AC57779" i="1"/>
  <c r="AC57780" i="1"/>
  <c r="AC57781" i="1"/>
  <c r="AC57782" i="1"/>
  <c r="AC57783" i="1"/>
  <c r="AC57784" i="1"/>
  <c r="AC57785" i="1"/>
  <c r="AC57786" i="1"/>
  <c r="AC57787" i="1"/>
  <c r="AC57788" i="1"/>
  <c r="AC57789" i="1"/>
  <c r="AC57790" i="1"/>
  <c r="AC57791" i="1"/>
  <c r="AC57792" i="1"/>
  <c r="AC57793" i="1"/>
  <c r="AC57794" i="1"/>
  <c r="AC57795" i="1"/>
  <c r="AC57796" i="1"/>
  <c r="AC57797" i="1"/>
  <c r="AC57798" i="1"/>
  <c r="AC57799" i="1"/>
  <c r="AC57800" i="1"/>
  <c r="AC57801" i="1"/>
  <c r="AC57802" i="1"/>
  <c r="AC57803" i="1"/>
  <c r="AC57804" i="1"/>
  <c r="AC57805" i="1"/>
  <c r="AC57806" i="1"/>
  <c r="AC57807" i="1"/>
  <c r="AC57808" i="1"/>
  <c r="AC57809" i="1"/>
  <c r="AC57810" i="1"/>
  <c r="AC57811" i="1"/>
  <c r="AC57812" i="1"/>
  <c r="AC57813" i="1"/>
  <c r="AC57814" i="1"/>
  <c r="AC57815" i="1"/>
  <c r="AC57816" i="1"/>
  <c r="AC57817" i="1"/>
  <c r="AC57818" i="1"/>
  <c r="AC57819" i="1"/>
  <c r="AC57820" i="1"/>
  <c r="AC57821" i="1"/>
  <c r="AC57822" i="1"/>
  <c r="AC57823" i="1"/>
  <c r="AC57824" i="1"/>
  <c r="AC57825" i="1"/>
  <c r="AC57826" i="1"/>
  <c r="AC57827" i="1"/>
  <c r="AC57828" i="1"/>
  <c r="AC57829" i="1"/>
  <c r="AC57830" i="1"/>
  <c r="AC57831" i="1"/>
  <c r="AC57832" i="1"/>
  <c r="AC57833" i="1"/>
  <c r="AC57834" i="1"/>
  <c r="AC57835" i="1"/>
  <c r="AC57836" i="1"/>
  <c r="AC57837" i="1"/>
  <c r="AC57838" i="1"/>
  <c r="AC57839" i="1"/>
  <c r="AC57840" i="1"/>
  <c r="AC57841" i="1"/>
  <c r="AC57842" i="1"/>
  <c r="AC57843" i="1"/>
  <c r="AC57844" i="1"/>
  <c r="AC57845" i="1"/>
  <c r="AC57846" i="1"/>
  <c r="AC57847" i="1"/>
  <c r="AC57848" i="1"/>
  <c r="AC57849" i="1"/>
  <c r="AC57850" i="1"/>
  <c r="AC57851" i="1"/>
  <c r="AC57852" i="1"/>
  <c r="AC57853" i="1"/>
  <c r="AC57854" i="1"/>
  <c r="AC57855" i="1"/>
  <c r="AC57856" i="1"/>
  <c r="AC57857" i="1"/>
  <c r="AC57858" i="1"/>
  <c r="AC57859" i="1"/>
  <c r="AC57860" i="1"/>
  <c r="AC57861" i="1"/>
  <c r="AC57862" i="1"/>
  <c r="AC57863" i="1"/>
  <c r="AC57864" i="1"/>
  <c r="AC57865" i="1"/>
  <c r="AC57866" i="1"/>
  <c r="AC57867" i="1"/>
  <c r="AC57868" i="1"/>
  <c r="AC57869" i="1"/>
  <c r="AC57870" i="1"/>
  <c r="AC57871" i="1"/>
  <c r="AC57872" i="1"/>
  <c r="AC57873" i="1"/>
  <c r="AC57874" i="1"/>
  <c r="AC57875" i="1"/>
  <c r="AC57876" i="1"/>
  <c r="AC57877" i="1"/>
  <c r="AC57878" i="1"/>
  <c r="AC57879" i="1"/>
  <c r="AC57880" i="1"/>
  <c r="AC57881" i="1"/>
  <c r="AC57882" i="1"/>
  <c r="AC57883" i="1"/>
  <c r="AC57884" i="1"/>
  <c r="AC57885" i="1"/>
  <c r="AC57886" i="1"/>
  <c r="AC57887" i="1"/>
  <c r="AC57888" i="1"/>
  <c r="AC57889" i="1"/>
  <c r="AC57890" i="1"/>
  <c r="AC57891" i="1"/>
  <c r="AC57892" i="1"/>
  <c r="AC57893" i="1"/>
  <c r="AC57894" i="1"/>
  <c r="AC57895" i="1"/>
  <c r="AC57896" i="1"/>
  <c r="AC57897" i="1"/>
  <c r="AC57898" i="1"/>
  <c r="AC57899" i="1"/>
  <c r="AC57900" i="1"/>
  <c r="AC57901" i="1"/>
  <c r="AC57902" i="1"/>
  <c r="AC57903" i="1"/>
  <c r="AC57904" i="1"/>
  <c r="AC57905" i="1"/>
  <c r="AC57906" i="1"/>
  <c r="AC57907" i="1"/>
  <c r="AC57908" i="1"/>
  <c r="AC57909" i="1"/>
  <c r="AC57910" i="1"/>
  <c r="AC57911" i="1"/>
  <c r="AC57912" i="1"/>
  <c r="AC57913" i="1"/>
  <c r="AC57914" i="1"/>
  <c r="AC57915" i="1"/>
  <c r="AC57916" i="1"/>
  <c r="AC57917" i="1"/>
  <c r="AC57918" i="1"/>
  <c r="AC57919" i="1"/>
  <c r="AC57920" i="1"/>
  <c r="AC57921" i="1"/>
  <c r="AC57922" i="1"/>
  <c r="AC57923" i="1"/>
  <c r="AC57924" i="1"/>
  <c r="AC57925" i="1"/>
  <c r="AC57926" i="1"/>
  <c r="AC57927" i="1"/>
  <c r="AC57928" i="1"/>
  <c r="AC57929" i="1"/>
  <c r="AC57930" i="1"/>
  <c r="AC57931" i="1"/>
  <c r="AC57932" i="1"/>
  <c r="AC57933" i="1"/>
  <c r="AC57934" i="1"/>
  <c r="AC57935" i="1"/>
  <c r="AC57936" i="1"/>
  <c r="AC57937" i="1"/>
  <c r="AC57938" i="1"/>
  <c r="AC57939" i="1"/>
  <c r="AC57940" i="1"/>
  <c r="AC57941" i="1"/>
  <c r="AC57942" i="1"/>
  <c r="AC57943" i="1"/>
  <c r="AC57944" i="1"/>
  <c r="AC57945" i="1"/>
  <c r="AC57946" i="1"/>
  <c r="AC57947" i="1"/>
  <c r="AC57948" i="1"/>
  <c r="AC57949" i="1"/>
  <c r="AC57950" i="1"/>
  <c r="AC57951" i="1"/>
  <c r="AC57952" i="1"/>
  <c r="AC57953" i="1"/>
  <c r="AC57954" i="1"/>
  <c r="AC57955" i="1"/>
  <c r="AC57956" i="1"/>
  <c r="AC57957" i="1"/>
  <c r="AC57958" i="1"/>
  <c r="AC57959" i="1"/>
  <c r="AC57960" i="1"/>
  <c r="AC57961" i="1"/>
  <c r="AC57962" i="1"/>
  <c r="AC57963" i="1"/>
  <c r="AC57964" i="1"/>
  <c r="AC57965" i="1"/>
  <c r="AC57966" i="1"/>
  <c r="AC57967" i="1"/>
  <c r="AC57968" i="1"/>
  <c r="AC57969" i="1"/>
  <c r="AC57970" i="1"/>
  <c r="AC57971" i="1"/>
  <c r="AC57972" i="1"/>
  <c r="AC57973" i="1"/>
  <c r="AC57974" i="1"/>
  <c r="AC57975" i="1"/>
  <c r="AC57976" i="1"/>
  <c r="AC57977" i="1"/>
  <c r="AC57978" i="1"/>
  <c r="AC57979" i="1"/>
  <c r="AC57980" i="1"/>
  <c r="AC57981" i="1"/>
  <c r="AC57982" i="1"/>
  <c r="AC57983" i="1"/>
  <c r="AC57984" i="1"/>
  <c r="AC57985" i="1"/>
  <c r="AC57986" i="1"/>
  <c r="AC57987" i="1"/>
  <c r="AC57988" i="1"/>
  <c r="AC57989" i="1"/>
  <c r="AC57990" i="1"/>
  <c r="AC57991" i="1"/>
  <c r="AC57992" i="1"/>
  <c r="AC57993" i="1"/>
  <c r="AC57994" i="1"/>
  <c r="AC57995" i="1"/>
  <c r="AC57996" i="1"/>
  <c r="AC57997" i="1"/>
  <c r="AC57998" i="1"/>
  <c r="AC57999" i="1"/>
  <c r="AC58000" i="1"/>
  <c r="AC58001" i="1"/>
  <c r="AC58002" i="1"/>
  <c r="AC58003" i="1"/>
  <c r="AC58004" i="1"/>
  <c r="AC58005" i="1"/>
  <c r="AC58006" i="1"/>
  <c r="AC58007" i="1"/>
  <c r="AC58008" i="1"/>
  <c r="AC58009" i="1"/>
  <c r="AC58010" i="1"/>
  <c r="AC58011" i="1"/>
  <c r="AC58012" i="1"/>
  <c r="AC58013" i="1"/>
  <c r="AC58014" i="1"/>
  <c r="AC58015" i="1"/>
  <c r="AC58016" i="1"/>
  <c r="AC58017" i="1"/>
  <c r="AC58018" i="1"/>
  <c r="AC58019" i="1"/>
  <c r="AC58020" i="1"/>
  <c r="AC58021" i="1"/>
  <c r="AC58022" i="1"/>
  <c r="AC58023" i="1"/>
  <c r="AC58024" i="1"/>
  <c r="AC58025" i="1"/>
  <c r="AC58026" i="1"/>
  <c r="AC58027" i="1"/>
  <c r="AC58028" i="1"/>
  <c r="AC58029" i="1"/>
  <c r="AC58030" i="1"/>
  <c r="AC58031" i="1"/>
  <c r="AC58032" i="1"/>
  <c r="AC58033" i="1"/>
  <c r="AC58034" i="1"/>
  <c r="AC58035" i="1"/>
  <c r="AC58036" i="1"/>
  <c r="AC58037" i="1"/>
  <c r="AC58038" i="1"/>
  <c r="AC58039" i="1"/>
  <c r="AC58040" i="1"/>
  <c r="AC58041" i="1"/>
  <c r="AC58042" i="1"/>
  <c r="AC58043" i="1"/>
  <c r="AC58044" i="1"/>
  <c r="AC58045" i="1"/>
  <c r="AC58046" i="1"/>
  <c r="AC58047" i="1"/>
  <c r="AC58048" i="1"/>
  <c r="AC58049" i="1"/>
  <c r="AC58050" i="1"/>
  <c r="AC58051" i="1"/>
  <c r="AC58052" i="1"/>
  <c r="AC58053" i="1"/>
  <c r="AC58054" i="1"/>
  <c r="AC58055" i="1"/>
  <c r="AC58056" i="1"/>
  <c r="AC58057" i="1"/>
  <c r="AC58058" i="1"/>
  <c r="AC58059" i="1"/>
  <c r="AC58060" i="1"/>
  <c r="AC58061" i="1"/>
  <c r="AC58062" i="1"/>
  <c r="AC58063" i="1"/>
  <c r="AC58064" i="1"/>
  <c r="AC58065" i="1"/>
  <c r="AC58066" i="1"/>
  <c r="AC58067" i="1"/>
  <c r="AC58068" i="1"/>
  <c r="AC58069" i="1"/>
  <c r="AC58070" i="1"/>
  <c r="AC58071" i="1"/>
  <c r="AC58072" i="1"/>
  <c r="AC58073" i="1"/>
  <c r="AC58074" i="1"/>
  <c r="AC58075" i="1"/>
  <c r="AC58076" i="1"/>
  <c r="AC58077" i="1"/>
  <c r="AC58078" i="1"/>
  <c r="AC58079" i="1"/>
  <c r="AC58080" i="1"/>
  <c r="AC58081" i="1"/>
  <c r="AC58082" i="1"/>
  <c r="AC58083" i="1"/>
  <c r="AC58084" i="1"/>
  <c r="AC58085" i="1"/>
  <c r="AC58086" i="1"/>
  <c r="AC58087" i="1"/>
  <c r="AC58088" i="1"/>
  <c r="AC58089" i="1"/>
  <c r="AC58090" i="1"/>
  <c r="AC58091" i="1"/>
  <c r="AC58092" i="1"/>
  <c r="AC58093" i="1"/>
  <c r="AC58094" i="1"/>
  <c r="AC58095" i="1"/>
  <c r="AC58096" i="1"/>
  <c r="AC58097" i="1"/>
  <c r="AC58098" i="1"/>
  <c r="AC58099" i="1"/>
  <c r="AC58100" i="1"/>
  <c r="AC58101" i="1"/>
  <c r="AC58102" i="1"/>
  <c r="AC58103" i="1"/>
  <c r="AC58104" i="1"/>
  <c r="AC58105" i="1"/>
  <c r="AC58106" i="1"/>
  <c r="AC58107" i="1"/>
  <c r="AC58108" i="1"/>
  <c r="AC58109" i="1"/>
  <c r="AC58110" i="1"/>
  <c r="AC58111" i="1"/>
  <c r="AC58112" i="1"/>
  <c r="AC58113" i="1"/>
  <c r="AC58114" i="1"/>
  <c r="AC58115" i="1"/>
  <c r="AC58116" i="1"/>
  <c r="AC58117" i="1"/>
  <c r="AC58118" i="1"/>
  <c r="AC58119" i="1"/>
  <c r="AC58120" i="1"/>
  <c r="AC58121" i="1"/>
  <c r="AC58122" i="1"/>
  <c r="AC58123" i="1"/>
  <c r="AC58124" i="1"/>
  <c r="AC58125" i="1"/>
  <c r="AC58126" i="1"/>
  <c r="AC58127" i="1"/>
  <c r="AC58128" i="1"/>
  <c r="AC58129" i="1"/>
  <c r="AC58130" i="1"/>
  <c r="AC58131" i="1"/>
  <c r="AC58132" i="1"/>
  <c r="AC58133" i="1"/>
  <c r="AC58134" i="1"/>
  <c r="AC58135" i="1"/>
  <c r="AC58136" i="1"/>
  <c r="AC58137" i="1"/>
  <c r="AC58138" i="1"/>
  <c r="AC58139" i="1"/>
  <c r="AC58140" i="1"/>
  <c r="AC58141" i="1"/>
  <c r="AC58142" i="1"/>
  <c r="AC58143" i="1"/>
  <c r="AC58144" i="1"/>
  <c r="AC58145" i="1"/>
  <c r="AC58146" i="1"/>
  <c r="AC58147" i="1"/>
  <c r="AC58148" i="1"/>
  <c r="AC58149" i="1"/>
  <c r="AC58150" i="1"/>
  <c r="AC58151" i="1"/>
  <c r="AC58152" i="1"/>
  <c r="AC58153" i="1"/>
  <c r="AC58154" i="1"/>
  <c r="AC58155" i="1"/>
  <c r="AC58156" i="1"/>
  <c r="AC58157" i="1"/>
  <c r="AC58158" i="1"/>
  <c r="AC58159" i="1"/>
  <c r="AC58160" i="1"/>
  <c r="AC58161" i="1"/>
  <c r="AC58162" i="1"/>
  <c r="AC58163" i="1"/>
  <c r="AC58164" i="1"/>
  <c r="AC58165" i="1"/>
  <c r="AC58166" i="1"/>
  <c r="AC58167" i="1"/>
  <c r="AC58168" i="1"/>
  <c r="AC58169" i="1"/>
  <c r="AC58170" i="1"/>
  <c r="AC58171" i="1"/>
  <c r="AC58172" i="1"/>
  <c r="AC58173" i="1"/>
  <c r="AC58174" i="1"/>
  <c r="AC58175" i="1"/>
  <c r="AC58176" i="1"/>
  <c r="AC58177" i="1"/>
  <c r="AC58178" i="1"/>
  <c r="AC58179" i="1"/>
  <c r="AC58180" i="1"/>
  <c r="AC58181" i="1"/>
  <c r="AC58182" i="1"/>
  <c r="AC58183" i="1"/>
  <c r="AC58184" i="1"/>
  <c r="AC58185" i="1"/>
  <c r="AC58186" i="1"/>
  <c r="AC58187" i="1"/>
  <c r="AC58188" i="1"/>
  <c r="AC58189" i="1"/>
  <c r="AC58190" i="1"/>
  <c r="AC58191" i="1"/>
  <c r="AC58192" i="1"/>
  <c r="AC58193" i="1"/>
  <c r="AC58194" i="1"/>
  <c r="AC58195" i="1"/>
  <c r="AC58196" i="1"/>
  <c r="AC58197" i="1"/>
  <c r="AC58198" i="1"/>
  <c r="AC58199" i="1"/>
  <c r="AC58200" i="1"/>
  <c r="AC58201" i="1"/>
  <c r="AC58202" i="1"/>
  <c r="AC58203" i="1"/>
  <c r="AC58204" i="1"/>
  <c r="AC58205" i="1"/>
  <c r="AC58206" i="1"/>
  <c r="AC58207" i="1"/>
  <c r="AC58208" i="1"/>
  <c r="AC58209" i="1"/>
  <c r="AC58210" i="1"/>
  <c r="AC58211" i="1"/>
  <c r="AC58212" i="1"/>
  <c r="AC58213" i="1"/>
  <c r="AC58214" i="1"/>
  <c r="AC58215" i="1"/>
  <c r="AC58216" i="1"/>
  <c r="AC58217" i="1"/>
  <c r="AC58218" i="1"/>
  <c r="AC58219" i="1"/>
  <c r="AC58220" i="1"/>
  <c r="AC58221" i="1"/>
  <c r="AC58222" i="1"/>
  <c r="AC58223" i="1"/>
  <c r="AC58224" i="1"/>
  <c r="AC58225" i="1"/>
  <c r="AC58226" i="1"/>
  <c r="AC58227" i="1"/>
  <c r="AC58228" i="1"/>
  <c r="AC58229" i="1"/>
  <c r="AC58230" i="1"/>
  <c r="AC58231" i="1"/>
  <c r="AC58232" i="1"/>
  <c r="AC58233" i="1"/>
  <c r="AC58234" i="1"/>
  <c r="AC58235" i="1"/>
  <c r="AC58236" i="1"/>
  <c r="AC58237" i="1"/>
  <c r="AC58238" i="1"/>
  <c r="AC58239" i="1"/>
  <c r="AC58240" i="1"/>
  <c r="AC58241" i="1"/>
  <c r="AC58242" i="1"/>
  <c r="AC58243" i="1"/>
  <c r="AC58244" i="1"/>
  <c r="AC58245" i="1"/>
  <c r="AC58246" i="1"/>
  <c r="AC58247" i="1"/>
  <c r="AC58248" i="1"/>
  <c r="AC58249" i="1"/>
  <c r="AC58250" i="1"/>
  <c r="AC58251" i="1"/>
  <c r="AC58252" i="1"/>
  <c r="AC58253" i="1"/>
  <c r="AC58254" i="1"/>
  <c r="AC58255" i="1"/>
  <c r="AC58256" i="1"/>
  <c r="AC58257" i="1"/>
  <c r="AC58258" i="1"/>
  <c r="AC58259" i="1"/>
  <c r="AC58260" i="1"/>
  <c r="AC58261" i="1"/>
  <c r="AC58262" i="1"/>
  <c r="AC58263" i="1"/>
  <c r="AC58264" i="1"/>
  <c r="AC58265" i="1"/>
  <c r="AC58266" i="1"/>
  <c r="AC58267" i="1"/>
  <c r="AC58268" i="1"/>
  <c r="AC58269" i="1"/>
  <c r="AC58270" i="1"/>
  <c r="AC58271" i="1"/>
  <c r="AC58272" i="1"/>
  <c r="AC58273" i="1"/>
  <c r="AC58274" i="1"/>
  <c r="AC58275" i="1"/>
  <c r="AC58276" i="1"/>
  <c r="AC58277" i="1"/>
  <c r="AC58278" i="1"/>
  <c r="AC58279" i="1"/>
  <c r="AC58280" i="1"/>
  <c r="AC58281" i="1"/>
  <c r="AC58282" i="1"/>
  <c r="AC58283" i="1"/>
  <c r="AC58284" i="1"/>
  <c r="AC58285" i="1"/>
  <c r="AC58286" i="1"/>
  <c r="AC58287" i="1"/>
  <c r="AC58288" i="1"/>
  <c r="AC58289" i="1"/>
  <c r="AC58290" i="1"/>
  <c r="AC58291" i="1"/>
  <c r="AC58292" i="1"/>
  <c r="AC58293" i="1"/>
  <c r="AC58294" i="1"/>
  <c r="AC58295" i="1"/>
  <c r="AC58296" i="1"/>
  <c r="AC58297" i="1"/>
  <c r="AC58298" i="1"/>
  <c r="AC58299" i="1"/>
  <c r="AC58300" i="1"/>
  <c r="AC58301" i="1"/>
  <c r="AC58302" i="1"/>
  <c r="AC58303" i="1"/>
  <c r="AC58304" i="1"/>
  <c r="AC58305" i="1"/>
  <c r="AC58306" i="1"/>
  <c r="AC58307" i="1"/>
  <c r="AC58308" i="1"/>
  <c r="AC58309" i="1"/>
  <c r="AC58310" i="1"/>
  <c r="AC58311" i="1"/>
  <c r="AC58312" i="1"/>
  <c r="AC58313" i="1"/>
  <c r="AC58314" i="1"/>
  <c r="AC58315" i="1"/>
  <c r="AC58316" i="1"/>
  <c r="AC58317" i="1"/>
  <c r="AC58318" i="1"/>
  <c r="AC58319" i="1"/>
  <c r="AC58320" i="1"/>
  <c r="AC58321" i="1"/>
  <c r="AC58322" i="1"/>
  <c r="AC58323" i="1"/>
  <c r="AC58324" i="1"/>
  <c r="AC58325" i="1"/>
  <c r="AC58326" i="1"/>
  <c r="AC58327" i="1"/>
  <c r="AC58328" i="1"/>
  <c r="AC58329" i="1"/>
  <c r="AC58330" i="1"/>
  <c r="AC58331" i="1"/>
  <c r="AC58332" i="1"/>
  <c r="AC58333" i="1"/>
  <c r="AC58334" i="1"/>
  <c r="AC58335" i="1"/>
  <c r="AC58336" i="1"/>
  <c r="AC58337" i="1"/>
  <c r="AC58338" i="1"/>
  <c r="AC58339" i="1"/>
  <c r="AC58340" i="1"/>
  <c r="AC58341" i="1"/>
  <c r="AC58342" i="1"/>
  <c r="AC58343" i="1"/>
  <c r="AC58344" i="1"/>
  <c r="AC58345" i="1"/>
  <c r="AC58346" i="1"/>
  <c r="AC58347" i="1"/>
  <c r="AC58348" i="1"/>
  <c r="AC58349" i="1"/>
  <c r="AC58350" i="1"/>
  <c r="AC58351" i="1"/>
  <c r="AC58352" i="1"/>
  <c r="AC58353" i="1"/>
  <c r="AC58354" i="1"/>
  <c r="AC58355" i="1"/>
  <c r="AC58356" i="1"/>
  <c r="AC58357" i="1"/>
  <c r="AC58358" i="1"/>
  <c r="AC58359" i="1"/>
  <c r="AC58360" i="1"/>
  <c r="AC58361" i="1"/>
  <c r="AC58362" i="1"/>
  <c r="AC58363" i="1"/>
  <c r="AC58364" i="1"/>
  <c r="AC58365" i="1"/>
  <c r="AC58366" i="1"/>
  <c r="AC58367" i="1"/>
  <c r="AC58368" i="1"/>
  <c r="AC58369" i="1"/>
  <c r="AC58370" i="1"/>
  <c r="AC58371" i="1"/>
  <c r="AC58372" i="1"/>
  <c r="AC58373" i="1"/>
  <c r="AC58374" i="1"/>
  <c r="AC58375" i="1"/>
  <c r="AC58376" i="1"/>
  <c r="AC58377" i="1"/>
  <c r="AC58378" i="1"/>
  <c r="AC58379" i="1"/>
  <c r="AC58380" i="1"/>
  <c r="AC58381" i="1"/>
  <c r="AC58382" i="1"/>
  <c r="AC58383" i="1"/>
  <c r="AC58384" i="1"/>
  <c r="AC58385" i="1"/>
  <c r="AC58386" i="1"/>
  <c r="AC58387" i="1"/>
  <c r="AC58388" i="1"/>
  <c r="AC58389" i="1"/>
  <c r="AC58390" i="1"/>
  <c r="AC58391" i="1"/>
  <c r="AC58392" i="1"/>
  <c r="AC58393" i="1"/>
  <c r="AC58394" i="1"/>
  <c r="AC58395" i="1"/>
  <c r="AC58396" i="1"/>
  <c r="AC58397" i="1"/>
  <c r="AC58398" i="1"/>
  <c r="AC58399" i="1"/>
  <c r="AC58400" i="1"/>
  <c r="AC58401" i="1"/>
  <c r="AC58402" i="1"/>
  <c r="AC58403" i="1"/>
  <c r="AC58404" i="1"/>
  <c r="AC58405" i="1"/>
  <c r="AC58406" i="1"/>
  <c r="AC58407" i="1"/>
  <c r="AC58408" i="1"/>
  <c r="AC58409" i="1"/>
  <c r="AC58410" i="1"/>
  <c r="AC58411" i="1"/>
  <c r="AC58412" i="1"/>
  <c r="AC58413" i="1"/>
  <c r="AC58414" i="1"/>
  <c r="AC58415" i="1"/>
  <c r="AC58416" i="1"/>
  <c r="AC58417" i="1"/>
  <c r="AC58418" i="1"/>
  <c r="AC58419" i="1"/>
  <c r="AC58420" i="1"/>
  <c r="AC58421" i="1"/>
  <c r="AC58422" i="1"/>
  <c r="AC58423" i="1"/>
  <c r="AC58424" i="1"/>
  <c r="AC58425" i="1"/>
  <c r="AC58426" i="1"/>
  <c r="AC58427" i="1"/>
  <c r="AC58428" i="1"/>
  <c r="AC58429" i="1"/>
  <c r="AC58430" i="1"/>
  <c r="AC58431" i="1"/>
  <c r="AC58432" i="1"/>
  <c r="AC58433" i="1"/>
  <c r="AC58434" i="1"/>
  <c r="AC58435" i="1"/>
  <c r="AC58436" i="1"/>
  <c r="AC58437" i="1"/>
  <c r="AC58438" i="1"/>
  <c r="AC58439" i="1"/>
  <c r="AC58440" i="1"/>
  <c r="AC58441" i="1"/>
  <c r="AC58442" i="1"/>
  <c r="AC58443" i="1"/>
  <c r="AC58444" i="1"/>
  <c r="AC58445" i="1"/>
  <c r="AC58446" i="1"/>
  <c r="AC58447" i="1"/>
  <c r="AC58448" i="1"/>
  <c r="AC58449" i="1"/>
  <c r="AC58450" i="1"/>
  <c r="AC58451" i="1"/>
  <c r="AC58452" i="1"/>
  <c r="AC58453" i="1"/>
  <c r="AC58454" i="1"/>
  <c r="AC58455" i="1"/>
  <c r="AC58456" i="1"/>
  <c r="AC58457" i="1"/>
  <c r="AC58458" i="1"/>
  <c r="AC58459" i="1"/>
  <c r="AC58460" i="1"/>
  <c r="AC58461" i="1"/>
  <c r="AC58462" i="1"/>
  <c r="AC58463" i="1"/>
  <c r="AC58464" i="1"/>
  <c r="AC58465" i="1"/>
  <c r="AC58466" i="1"/>
  <c r="AC58467" i="1"/>
  <c r="AC58468" i="1"/>
  <c r="AC58469" i="1"/>
  <c r="AC58470" i="1"/>
  <c r="AC58471" i="1"/>
  <c r="AC58472" i="1"/>
  <c r="AC58473" i="1"/>
  <c r="AC58474" i="1"/>
  <c r="AC58475" i="1"/>
  <c r="AC58476" i="1"/>
  <c r="AC58477" i="1"/>
  <c r="AC58478" i="1"/>
  <c r="AC58479" i="1"/>
  <c r="AC58480" i="1"/>
  <c r="AC58481" i="1"/>
  <c r="AC58482" i="1"/>
  <c r="AC58483" i="1"/>
  <c r="AC58484" i="1"/>
  <c r="AC58485" i="1"/>
  <c r="AC58486" i="1"/>
  <c r="AC58487" i="1"/>
  <c r="AC58488" i="1"/>
  <c r="AC58489" i="1"/>
  <c r="AC58490" i="1"/>
  <c r="AC58491" i="1"/>
  <c r="AC58492" i="1"/>
  <c r="AC58493" i="1"/>
  <c r="AC58494" i="1"/>
  <c r="AC58495" i="1"/>
  <c r="AC58496" i="1"/>
  <c r="AC58497" i="1"/>
  <c r="AC58498" i="1"/>
  <c r="AC58499" i="1"/>
  <c r="AC58500" i="1"/>
  <c r="AC58501" i="1"/>
  <c r="AC58502" i="1"/>
  <c r="AC58503" i="1"/>
  <c r="AC58504" i="1"/>
  <c r="AC58505" i="1"/>
  <c r="AC58506" i="1"/>
  <c r="AC58507" i="1"/>
  <c r="AC58508" i="1"/>
  <c r="AC58509" i="1"/>
  <c r="AC58510" i="1"/>
  <c r="AC58511" i="1"/>
  <c r="AC58512" i="1"/>
  <c r="AC58513" i="1"/>
  <c r="AC58514" i="1"/>
  <c r="AC58515" i="1"/>
  <c r="AC58516" i="1"/>
  <c r="AC58517" i="1"/>
  <c r="AC58518" i="1"/>
  <c r="AC58519" i="1"/>
  <c r="AC58520" i="1"/>
  <c r="AC58521" i="1"/>
  <c r="AC58522" i="1"/>
  <c r="AC58523" i="1"/>
  <c r="AC58524" i="1"/>
  <c r="AC58525" i="1"/>
  <c r="AC58526" i="1"/>
  <c r="AC58527" i="1"/>
  <c r="AC58528" i="1"/>
  <c r="AC58529" i="1"/>
  <c r="AC58530" i="1"/>
  <c r="AC58531" i="1"/>
  <c r="AC58532" i="1"/>
  <c r="AC58533" i="1"/>
  <c r="AC58534" i="1"/>
  <c r="AC58535" i="1"/>
  <c r="AC58536" i="1"/>
  <c r="AC58537" i="1"/>
  <c r="AC58538" i="1"/>
  <c r="AC58539" i="1"/>
  <c r="AC58540" i="1"/>
  <c r="AC58541" i="1"/>
  <c r="AC58542" i="1"/>
  <c r="AC58543" i="1"/>
  <c r="AC58544" i="1"/>
  <c r="AC58545" i="1"/>
  <c r="AC58546" i="1"/>
  <c r="AC58547" i="1"/>
  <c r="AC58548" i="1"/>
  <c r="AC58549" i="1"/>
  <c r="AC58550" i="1"/>
  <c r="AC58551" i="1"/>
  <c r="AC58552" i="1"/>
  <c r="AC58553" i="1"/>
  <c r="AC58554" i="1"/>
  <c r="AC58555" i="1"/>
  <c r="AC58556" i="1"/>
  <c r="AC58557" i="1"/>
  <c r="AC58558" i="1"/>
  <c r="AC58559" i="1"/>
  <c r="AC58560" i="1"/>
  <c r="AC58561" i="1"/>
  <c r="AC58562" i="1"/>
  <c r="AC58563" i="1"/>
  <c r="AC58564" i="1"/>
  <c r="AC58565" i="1"/>
  <c r="AC58566" i="1"/>
  <c r="AC58567" i="1"/>
  <c r="AC58568" i="1"/>
  <c r="AC58569" i="1"/>
  <c r="AC58570" i="1"/>
  <c r="AC58571" i="1"/>
  <c r="AC58572" i="1"/>
  <c r="AC58573" i="1"/>
  <c r="AC58574" i="1"/>
  <c r="AC58575" i="1"/>
  <c r="AC58576" i="1"/>
  <c r="AC58577" i="1"/>
  <c r="AC58578" i="1"/>
  <c r="AC58579" i="1"/>
  <c r="AC58580" i="1"/>
  <c r="AC58581" i="1"/>
  <c r="AC58582" i="1"/>
  <c r="AC58583" i="1"/>
  <c r="AC58584" i="1"/>
  <c r="AC58585" i="1"/>
  <c r="AC58586" i="1"/>
  <c r="AC58587" i="1"/>
  <c r="AC58588" i="1"/>
  <c r="AC58589" i="1"/>
  <c r="AC58590" i="1"/>
  <c r="AC58591" i="1"/>
  <c r="AC58592" i="1"/>
  <c r="AC58593" i="1"/>
  <c r="AC58594" i="1"/>
  <c r="AC58595" i="1"/>
  <c r="AC58596" i="1"/>
  <c r="AC58597" i="1"/>
  <c r="AC58598" i="1"/>
  <c r="AC58599" i="1"/>
  <c r="AC58600" i="1"/>
  <c r="AC58601" i="1"/>
  <c r="AC58602" i="1"/>
  <c r="AC58603" i="1"/>
  <c r="AC58604" i="1"/>
  <c r="AC58605" i="1"/>
  <c r="AC58606" i="1"/>
  <c r="AC58607" i="1"/>
  <c r="AC58608" i="1"/>
  <c r="AC58609" i="1"/>
  <c r="AC58610" i="1"/>
  <c r="AC58611" i="1"/>
  <c r="AC58612" i="1"/>
  <c r="AC58613" i="1"/>
  <c r="AC58614" i="1"/>
  <c r="AC58615" i="1"/>
  <c r="AC58616" i="1"/>
  <c r="AC58617" i="1"/>
  <c r="AC58618" i="1"/>
  <c r="AC58619" i="1"/>
  <c r="AC58620" i="1"/>
  <c r="AC58621" i="1"/>
  <c r="AC58622" i="1"/>
  <c r="AC58623" i="1"/>
  <c r="AC58624" i="1"/>
  <c r="AC58625" i="1"/>
  <c r="AC58626" i="1"/>
  <c r="AC58627" i="1"/>
  <c r="AC58628" i="1"/>
  <c r="AC58629" i="1"/>
  <c r="AC58630" i="1"/>
  <c r="AC58631" i="1"/>
  <c r="AC58632" i="1"/>
  <c r="AC58633" i="1"/>
  <c r="AC58634" i="1"/>
  <c r="AC58635" i="1"/>
  <c r="AC58636" i="1"/>
  <c r="AC58637" i="1"/>
  <c r="AC58638" i="1"/>
  <c r="AC58639" i="1"/>
  <c r="AC58640" i="1"/>
  <c r="AC58641" i="1"/>
  <c r="AC58642" i="1"/>
  <c r="AC58643" i="1"/>
  <c r="AC58644" i="1"/>
  <c r="AC58645" i="1"/>
  <c r="AC58646" i="1"/>
  <c r="AC58647" i="1"/>
  <c r="AC58648" i="1"/>
  <c r="AC58649" i="1"/>
  <c r="AC58650" i="1"/>
  <c r="AC58651" i="1"/>
  <c r="AC58652" i="1"/>
  <c r="AC58653" i="1"/>
  <c r="AC58654" i="1"/>
  <c r="AC58655" i="1"/>
  <c r="AC58656" i="1"/>
  <c r="AC58657" i="1"/>
  <c r="AC58658" i="1"/>
  <c r="AC58659" i="1"/>
  <c r="AC58660" i="1"/>
  <c r="AC58661" i="1"/>
  <c r="AC58662" i="1"/>
  <c r="AC58663" i="1"/>
  <c r="AC58664" i="1"/>
  <c r="AC58665" i="1"/>
  <c r="AC58666" i="1"/>
  <c r="AC58667" i="1"/>
  <c r="AC58668" i="1"/>
  <c r="AC58669" i="1"/>
  <c r="AC58670" i="1"/>
  <c r="AC58671" i="1"/>
  <c r="AC58672" i="1"/>
  <c r="AC58673" i="1"/>
  <c r="AC58674" i="1"/>
  <c r="AC58675" i="1"/>
  <c r="AC58676" i="1"/>
  <c r="AC58677" i="1"/>
  <c r="AC58678" i="1"/>
  <c r="AC58679" i="1"/>
  <c r="AC58680" i="1"/>
  <c r="AC58681" i="1"/>
  <c r="AC58682" i="1"/>
  <c r="AC58683" i="1"/>
  <c r="AC58684" i="1"/>
  <c r="AC58685" i="1"/>
  <c r="AC58686" i="1"/>
  <c r="AC58687" i="1"/>
  <c r="AC58688" i="1"/>
  <c r="AC58689" i="1"/>
  <c r="AC58690" i="1"/>
  <c r="AC58691" i="1"/>
  <c r="AC58692" i="1"/>
  <c r="AC58693" i="1"/>
  <c r="AC58694" i="1"/>
  <c r="AC58695" i="1"/>
  <c r="AC58696" i="1"/>
  <c r="AC58697" i="1"/>
  <c r="AC58698" i="1"/>
  <c r="AC58699" i="1"/>
  <c r="AC58700" i="1"/>
  <c r="AC58701" i="1"/>
  <c r="AC58702" i="1"/>
  <c r="AC58703" i="1"/>
  <c r="AC58704" i="1"/>
  <c r="AC58705" i="1"/>
  <c r="AC58706" i="1"/>
  <c r="AC58707" i="1"/>
  <c r="AC58708" i="1"/>
  <c r="AC58709" i="1"/>
  <c r="AC58710" i="1"/>
  <c r="AC58711" i="1"/>
  <c r="AC58712" i="1"/>
  <c r="AC58713" i="1"/>
  <c r="AC58714" i="1"/>
  <c r="AC58715" i="1"/>
  <c r="AC58716" i="1"/>
  <c r="AC58717" i="1"/>
  <c r="AC58718" i="1"/>
  <c r="AC58719" i="1"/>
  <c r="AC58720" i="1"/>
  <c r="AC58721" i="1"/>
  <c r="AC58722" i="1"/>
  <c r="AC58723" i="1"/>
  <c r="AC58724" i="1"/>
  <c r="AC58725" i="1"/>
  <c r="AC58726" i="1"/>
  <c r="AC58727" i="1"/>
  <c r="AC58728" i="1"/>
  <c r="AC58729" i="1"/>
  <c r="AC58730" i="1"/>
  <c r="AC58731" i="1"/>
  <c r="AC58732" i="1"/>
  <c r="AC58733" i="1"/>
  <c r="AC58734" i="1"/>
  <c r="AC58735" i="1"/>
  <c r="AC58736" i="1"/>
  <c r="AC58737" i="1"/>
  <c r="AC58738" i="1"/>
  <c r="AC58739" i="1"/>
  <c r="AC58740" i="1"/>
  <c r="AC58741" i="1"/>
  <c r="AC58742" i="1"/>
  <c r="AC58743" i="1"/>
  <c r="AC58744" i="1"/>
  <c r="AC58745" i="1"/>
  <c r="AC58746" i="1"/>
  <c r="AC58747" i="1"/>
  <c r="AC58748" i="1"/>
  <c r="AC58749" i="1"/>
  <c r="AC58750" i="1"/>
  <c r="AC58751" i="1"/>
  <c r="AC58752" i="1"/>
  <c r="AC58753" i="1"/>
  <c r="AC58754" i="1"/>
  <c r="AC58755" i="1"/>
  <c r="AC58756" i="1"/>
  <c r="AC58757" i="1"/>
  <c r="AC58758" i="1"/>
  <c r="AC58759" i="1"/>
  <c r="AC58760" i="1"/>
  <c r="AC58761" i="1"/>
  <c r="AC58762" i="1"/>
  <c r="AC58763" i="1"/>
  <c r="AC58764" i="1"/>
  <c r="AC58765" i="1"/>
  <c r="AC58766" i="1"/>
  <c r="AC58767" i="1"/>
  <c r="AC58768" i="1"/>
  <c r="AC58769" i="1"/>
  <c r="AC58770" i="1"/>
  <c r="AC58771" i="1"/>
  <c r="AC58772" i="1"/>
  <c r="AC58773" i="1"/>
  <c r="AC58774" i="1"/>
  <c r="AC58775" i="1"/>
  <c r="AC58776" i="1"/>
  <c r="AC58777" i="1"/>
  <c r="AC58778" i="1"/>
  <c r="AC58779" i="1"/>
  <c r="AC58780" i="1"/>
  <c r="AC58781" i="1"/>
  <c r="AC58782" i="1"/>
  <c r="AC58783" i="1"/>
  <c r="AC58784" i="1"/>
  <c r="AC58785" i="1"/>
  <c r="AC58786" i="1"/>
  <c r="AC58787" i="1"/>
  <c r="AC58788" i="1"/>
  <c r="AC58789" i="1"/>
  <c r="AC58790" i="1"/>
  <c r="AC58791" i="1"/>
  <c r="AC58792" i="1"/>
  <c r="AC58793" i="1"/>
  <c r="AC58794" i="1"/>
  <c r="AC58795" i="1"/>
  <c r="AC58796" i="1"/>
  <c r="AC58797" i="1"/>
  <c r="AC58798" i="1"/>
  <c r="AC58799" i="1"/>
  <c r="AC58800" i="1"/>
  <c r="AC58801" i="1"/>
  <c r="AC58802" i="1"/>
  <c r="AC58803" i="1"/>
  <c r="AC58804" i="1"/>
  <c r="AC58805" i="1"/>
  <c r="AC58806" i="1"/>
  <c r="AC58807" i="1"/>
  <c r="AC58808" i="1"/>
  <c r="AC58809" i="1"/>
  <c r="AC58810" i="1"/>
  <c r="AC58811" i="1"/>
  <c r="AC58812" i="1"/>
  <c r="AC58813" i="1"/>
  <c r="AC58814" i="1"/>
  <c r="AC58815" i="1"/>
  <c r="AC58816" i="1"/>
  <c r="AC58817" i="1"/>
  <c r="AC58818" i="1"/>
  <c r="AC58819" i="1"/>
  <c r="AC58820" i="1"/>
  <c r="AC58821" i="1"/>
  <c r="AC58822" i="1"/>
  <c r="AC58823" i="1"/>
  <c r="AC58824" i="1"/>
  <c r="AC58825" i="1"/>
  <c r="AC58826" i="1"/>
  <c r="AC58827" i="1"/>
  <c r="AC58828" i="1"/>
  <c r="AC58829" i="1"/>
  <c r="AC58830" i="1"/>
  <c r="AC58831" i="1"/>
  <c r="AC58832" i="1"/>
  <c r="AC58833" i="1"/>
  <c r="AC58834" i="1"/>
  <c r="AC58835" i="1"/>
  <c r="AC58836" i="1"/>
  <c r="AC58837" i="1"/>
  <c r="AC58838" i="1"/>
  <c r="AC58839" i="1"/>
  <c r="AC58840" i="1"/>
  <c r="AC58841" i="1"/>
  <c r="AC58842" i="1"/>
  <c r="AC58843" i="1"/>
  <c r="AC58844" i="1"/>
  <c r="AC58845" i="1"/>
  <c r="AC58846" i="1"/>
  <c r="AC58847" i="1"/>
  <c r="AC58848" i="1"/>
  <c r="AC58849" i="1"/>
  <c r="AC58850" i="1"/>
  <c r="AC58851" i="1"/>
  <c r="AC58852" i="1"/>
  <c r="AC58853" i="1"/>
  <c r="AC58854" i="1"/>
  <c r="AC58855" i="1"/>
  <c r="AC58856" i="1"/>
  <c r="AC58857" i="1"/>
  <c r="AC58858" i="1"/>
  <c r="AC58859" i="1"/>
  <c r="AC58860" i="1"/>
  <c r="AC58861" i="1"/>
  <c r="AC58862" i="1"/>
  <c r="AC58863" i="1"/>
  <c r="AC58864" i="1"/>
  <c r="AC58865" i="1"/>
  <c r="AC58866" i="1"/>
  <c r="AC58867" i="1"/>
  <c r="AC58868" i="1"/>
  <c r="AC58869" i="1"/>
  <c r="AC58870" i="1"/>
  <c r="AC58871" i="1"/>
  <c r="AC58872" i="1"/>
  <c r="AC58873" i="1"/>
  <c r="AC58874" i="1"/>
  <c r="AC58875" i="1"/>
  <c r="AC58876" i="1"/>
  <c r="AC58877" i="1"/>
  <c r="AC58878" i="1"/>
  <c r="AC58879" i="1"/>
  <c r="AC58880" i="1"/>
  <c r="AC58881" i="1"/>
  <c r="AC58882" i="1"/>
  <c r="AC58883" i="1"/>
  <c r="AC58884" i="1"/>
  <c r="AC58885" i="1"/>
  <c r="AC58886" i="1"/>
  <c r="AC58887" i="1"/>
  <c r="AC58888" i="1"/>
  <c r="AC58889" i="1"/>
  <c r="AC58890" i="1"/>
  <c r="AC58891" i="1"/>
  <c r="AC58892" i="1"/>
  <c r="AC58893" i="1"/>
  <c r="AC58894" i="1"/>
  <c r="AC58895" i="1"/>
  <c r="AC58896" i="1"/>
  <c r="AC58897" i="1"/>
  <c r="AC58898" i="1"/>
  <c r="AC58899" i="1"/>
  <c r="AC58900" i="1"/>
  <c r="AC58901" i="1"/>
  <c r="AC58902" i="1"/>
  <c r="AC58903" i="1"/>
  <c r="AC58904" i="1"/>
  <c r="AC58905" i="1"/>
  <c r="AC58906" i="1"/>
  <c r="AC58907" i="1"/>
  <c r="AC58908" i="1"/>
  <c r="AC58909" i="1"/>
  <c r="AC58910" i="1"/>
  <c r="AC58911" i="1"/>
  <c r="AC58912" i="1"/>
  <c r="AC58913" i="1"/>
  <c r="AC58914" i="1"/>
  <c r="AC58915" i="1"/>
  <c r="AC58916" i="1"/>
  <c r="AC58917" i="1"/>
  <c r="AC58918" i="1"/>
  <c r="AC58919" i="1"/>
  <c r="AC58920" i="1"/>
  <c r="AC58921" i="1"/>
  <c r="AC58922" i="1"/>
  <c r="AC58923" i="1"/>
  <c r="AC58924" i="1"/>
  <c r="AC58925" i="1"/>
  <c r="AC58926" i="1"/>
  <c r="AC58927" i="1"/>
  <c r="AC58928" i="1"/>
  <c r="AC58929" i="1"/>
  <c r="AC58930" i="1"/>
  <c r="AC58931" i="1"/>
  <c r="AC58932" i="1"/>
  <c r="AC58933" i="1"/>
  <c r="AC58934" i="1"/>
  <c r="AC58935" i="1"/>
  <c r="AC58936" i="1"/>
  <c r="AC58937" i="1"/>
  <c r="AC58938" i="1"/>
  <c r="AC58939" i="1"/>
  <c r="AC58940" i="1"/>
  <c r="AC58941" i="1"/>
  <c r="AC58942" i="1"/>
  <c r="AC58943" i="1"/>
  <c r="AC58944" i="1"/>
  <c r="AC58945" i="1"/>
  <c r="AC58946" i="1"/>
  <c r="AC58947" i="1"/>
  <c r="AC58948" i="1"/>
  <c r="AC58949" i="1"/>
  <c r="AC58950" i="1"/>
  <c r="AC58951" i="1"/>
  <c r="AC58952" i="1"/>
  <c r="AC58953" i="1"/>
  <c r="AC58954" i="1"/>
  <c r="AC58955" i="1"/>
  <c r="AC58956" i="1"/>
  <c r="AC58957" i="1"/>
  <c r="AC58958" i="1"/>
  <c r="AC58959" i="1"/>
  <c r="AC58960" i="1"/>
  <c r="AC58961" i="1"/>
  <c r="AC58962" i="1"/>
  <c r="AC58963" i="1"/>
  <c r="AC58964" i="1"/>
  <c r="AC58965" i="1"/>
  <c r="AC58966" i="1"/>
  <c r="AC58967" i="1"/>
  <c r="AC58968" i="1"/>
  <c r="AC58969" i="1"/>
  <c r="AC58970" i="1"/>
  <c r="AC58971" i="1"/>
  <c r="AC58972" i="1"/>
  <c r="AC58973" i="1"/>
  <c r="AC58974" i="1"/>
  <c r="AC58975" i="1"/>
  <c r="AC58976" i="1"/>
  <c r="AC58977" i="1"/>
  <c r="AC58978" i="1"/>
  <c r="AC58979" i="1"/>
  <c r="AC58980" i="1"/>
  <c r="AC58981" i="1"/>
  <c r="AC58982" i="1"/>
  <c r="AC58983" i="1"/>
  <c r="AC58984" i="1"/>
  <c r="AC58985" i="1"/>
  <c r="AC58986" i="1"/>
  <c r="AC58987" i="1"/>
  <c r="AC58988" i="1"/>
  <c r="AC58989" i="1"/>
  <c r="AC58990" i="1"/>
  <c r="AC58991" i="1"/>
  <c r="AC58992" i="1"/>
  <c r="AC58993" i="1"/>
  <c r="AC58994" i="1"/>
  <c r="AC58995" i="1"/>
  <c r="AC58996" i="1"/>
  <c r="AC58997" i="1"/>
  <c r="AC58998" i="1"/>
  <c r="AC58999" i="1"/>
  <c r="AC59000" i="1"/>
  <c r="AC59001" i="1"/>
  <c r="AC59002" i="1"/>
  <c r="AC59003" i="1"/>
  <c r="AC59004" i="1"/>
  <c r="AC59005" i="1"/>
  <c r="AC59006" i="1"/>
  <c r="AC59007" i="1"/>
  <c r="AC59008" i="1"/>
  <c r="AC59009" i="1"/>
  <c r="AC59010" i="1"/>
  <c r="AC59011" i="1"/>
  <c r="AC59012" i="1"/>
  <c r="AC59013" i="1"/>
  <c r="AC59014" i="1"/>
  <c r="AC59015" i="1"/>
  <c r="AC59016" i="1"/>
  <c r="AC59017" i="1"/>
  <c r="AC59018" i="1"/>
  <c r="AC59019" i="1"/>
  <c r="AC59020" i="1"/>
  <c r="AC59021" i="1"/>
  <c r="AC59022" i="1"/>
  <c r="AC59023" i="1"/>
  <c r="AC59024" i="1"/>
  <c r="AC59025" i="1"/>
  <c r="AC59026" i="1"/>
  <c r="AC59027" i="1"/>
  <c r="AC59028" i="1"/>
  <c r="AC59029" i="1"/>
  <c r="AC59030" i="1"/>
  <c r="AC59031" i="1"/>
  <c r="AC59032" i="1"/>
  <c r="AC59033" i="1"/>
  <c r="AC59034" i="1"/>
  <c r="AC59035" i="1"/>
  <c r="AC59036" i="1"/>
  <c r="AC59037" i="1"/>
  <c r="AC59038" i="1"/>
  <c r="AC59039" i="1"/>
  <c r="AC59040" i="1"/>
  <c r="AC59041" i="1"/>
  <c r="AC59042" i="1"/>
  <c r="AC59043" i="1"/>
  <c r="AC59044" i="1"/>
  <c r="AC59045" i="1"/>
  <c r="AC59046" i="1"/>
  <c r="AC59047" i="1"/>
  <c r="AC59048" i="1"/>
  <c r="AC59049" i="1"/>
  <c r="AC59050" i="1"/>
  <c r="AC59051" i="1"/>
  <c r="AC59052" i="1"/>
  <c r="AC59053" i="1"/>
  <c r="AC59054" i="1"/>
  <c r="AC59055" i="1"/>
  <c r="AC59056" i="1"/>
  <c r="AC59057" i="1"/>
  <c r="AC59058" i="1"/>
  <c r="AC59059" i="1"/>
  <c r="AC59060" i="1"/>
  <c r="AC59061" i="1"/>
  <c r="AC59062" i="1"/>
  <c r="AC59063" i="1"/>
  <c r="AC59064" i="1"/>
  <c r="AC59065" i="1"/>
  <c r="AC59066" i="1"/>
  <c r="AC59067" i="1"/>
  <c r="AC59068" i="1"/>
  <c r="AC59069" i="1"/>
  <c r="AC59070" i="1"/>
  <c r="AC59071" i="1"/>
  <c r="AC59072" i="1"/>
  <c r="AC59073" i="1"/>
  <c r="AC59074" i="1"/>
  <c r="AC59075" i="1"/>
  <c r="AC59076" i="1"/>
  <c r="AC59077" i="1"/>
  <c r="AC59078" i="1"/>
  <c r="AC59079" i="1"/>
  <c r="AC59080" i="1"/>
  <c r="AC59081" i="1"/>
  <c r="AC59082" i="1"/>
  <c r="AC59083" i="1"/>
  <c r="AC59084" i="1"/>
  <c r="AC59085" i="1"/>
  <c r="AC59086" i="1"/>
  <c r="AC59087" i="1"/>
  <c r="AC59088" i="1"/>
  <c r="AC59089" i="1"/>
  <c r="AC59090" i="1"/>
  <c r="AC59091" i="1"/>
  <c r="AC59092" i="1"/>
  <c r="AC59093" i="1"/>
  <c r="AC59094" i="1"/>
  <c r="AC59095" i="1"/>
  <c r="AC59096" i="1"/>
  <c r="AC59097" i="1"/>
  <c r="AC59098" i="1"/>
  <c r="AC59099" i="1"/>
  <c r="AC59100" i="1"/>
  <c r="AC59101" i="1"/>
  <c r="AC59102" i="1"/>
  <c r="AC59103" i="1"/>
  <c r="AC59104" i="1"/>
  <c r="AC59105" i="1"/>
  <c r="AC59106" i="1"/>
  <c r="AC59107" i="1"/>
  <c r="AC59108" i="1"/>
  <c r="AC59109" i="1"/>
  <c r="AC59110" i="1"/>
  <c r="AC59111" i="1"/>
  <c r="AC59112" i="1"/>
  <c r="AC59113" i="1"/>
  <c r="AC59114" i="1"/>
  <c r="AC59115" i="1"/>
  <c r="AC59116" i="1"/>
  <c r="AC59117" i="1"/>
  <c r="AC59118" i="1"/>
  <c r="AC59119" i="1"/>
  <c r="AC59120" i="1"/>
  <c r="AC59121" i="1"/>
  <c r="AC59122" i="1"/>
  <c r="AC59123" i="1"/>
  <c r="AC59124" i="1"/>
  <c r="AC59125" i="1"/>
  <c r="AC59126" i="1"/>
  <c r="AC59127" i="1"/>
  <c r="AC59128" i="1"/>
  <c r="AC59129" i="1"/>
  <c r="AC59130" i="1"/>
  <c r="AC59131" i="1"/>
  <c r="AC59132" i="1"/>
  <c r="AC59133" i="1"/>
  <c r="AC59134" i="1"/>
  <c r="AC59135" i="1"/>
  <c r="AC59136" i="1"/>
  <c r="AC59137" i="1"/>
  <c r="AC59138" i="1"/>
  <c r="AC59139" i="1"/>
  <c r="AC59140" i="1"/>
  <c r="AC59141" i="1"/>
  <c r="AC59142" i="1"/>
  <c r="AC59143" i="1"/>
  <c r="AC59144" i="1"/>
  <c r="AC59145" i="1"/>
  <c r="AC59146" i="1"/>
  <c r="AC59147" i="1"/>
  <c r="AC59148" i="1"/>
  <c r="AC59149" i="1"/>
  <c r="AC59150" i="1"/>
  <c r="AC59151" i="1"/>
  <c r="AC59152" i="1"/>
  <c r="AC59153" i="1"/>
  <c r="AC59154" i="1"/>
  <c r="AC59155" i="1"/>
  <c r="AC59156" i="1"/>
  <c r="AC59157" i="1"/>
  <c r="AC59158" i="1"/>
  <c r="AC59159" i="1"/>
  <c r="AC59160" i="1"/>
  <c r="AC59161" i="1"/>
  <c r="AC59162" i="1"/>
  <c r="AC59163" i="1"/>
  <c r="AC59164" i="1"/>
  <c r="AC59165" i="1"/>
  <c r="AC59166" i="1"/>
  <c r="AC59167" i="1"/>
  <c r="AC59168" i="1"/>
  <c r="AC59169" i="1"/>
  <c r="AC59170" i="1"/>
  <c r="AC59171" i="1"/>
  <c r="AC59172" i="1"/>
  <c r="AC59173" i="1"/>
  <c r="AC59174" i="1"/>
  <c r="AC59175" i="1"/>
  <c r="AC59176" i="1"/>
  <c r="AC59177" i="1"/>
  <c r="AC59178" i="1"/>
  <c r="AC59179" i="1"/>
  <c r="AC59180" i="1"/>
  <c r="AC59181" i="1"/>
  <c r="AC59182" i="1"/>
  <c r="AC59183" i="1"/>
  <c r="AC59184" i="1"/>
  <c r="AC59185" i="1"/>
  <c r="AC59186" i="1"/>
  <c r="AC59187" i="1"/>
  <c r="AC59188" i="1"/>
  <c r="AC59189" i="1"/>
  <c r="AC59190" i="1"/>
  <c r="AC59191" i="1"/>
  <c r="AC59192" i="1"/>
  <c r="AC59193" i="1"/>
  <c r="AC59194" i="1"/>
  <c r="AC59195" i="1"/>
  <c r="AC59196" i="1"/>
  <c r="AC59197" i="1"/>
  <c r="AC59198" i="1"/>
  <c r="AC59199" i="1"/>
  <c r="AC59200" i="1"/>
  <c r="AC59201" i="1"/>
  <c r="AC59202" i="1"/>
  <c r="AC59203" i="1"/>
  <c r="AC59204" i="1"/>
  <c r="AC59205" i="1"/>
  <c r="AC59206" i="1"/>
  <c r="AC59207" i="1"/>
  <c r="AC59208" i="1"/>
  <c r="AC59209" i="1"/>
  <c r="AC59210" i="1"/>
  <c r="AC59211" i="1"/>
  <c r="AC59212" i="1"/>
  <c r="AC59213" i="1"/>
  <c r="AC59214" i="1"/>
  <c r="AC59215" i="1"/>
  <c r="AC59216" i="1"/>
  <c r="AC59217" i="1"/>
  <c r="AC59218" i="1"/>
  <c r="AC59219" i="1"/>
  <c r="AC59220" i="1"/>
  <c r="AC59221" i="1"/>
  <c r="AC59222" i="1"/>
  <c r="AC59223" i="1"/>
  <c r="AC59224" i="1"/>
  <c r="AC59225" i="1"/>
  <c r="AC59226" i="1"/>
  <c r="AC59227" i="1"/>
  <c r="AC59228" i="1"/>
  <c r="AC59229" i="1"/>
  <c r="AC59230" i="1"/>
  <c r="AC59231" i="1"/>
  <c r="AC59232" i="1"/>
  <c r="AC59233" i="1"/>
  <c r="AC59234" i="1"/>
  <c r="AC59235" i="1"/>
  <c r="AC59236" i="1"/>
  <c r="AC59237" i="1"/>
  <c r="AC59238" i="1"/>
  <c r="AC59239" i="1"/>
  <c r="AC59240" i="1"/>
  <c r="AC59241" i="1"/>
  <c r="AC59242" i="1"/>
  <c r="AC59243" i="1"/>
  <c r="AC59244" i="1"/>
  <c r="AC59245" i="1"/>
  <c r="AC59246" i="1"/>
  <c r="AC59247" i="1"/>
  <c r="AC59248" i="1"/>
  <c r="AC59249" i="1"/>
  <c r="AC59250" i="1"/>
  <c r="AC59251" i="1"/>
  <c r="AC59252" i="1"/>
  <c r="AC59253" i="1"/>
  <c r="AC59254" i="1"/>
  <c r="AC59255" i="1"/>
  <c r="AC59256" i="1"/>
  <c r="AC59257" i="1"/>
  <c r="AC59258" i="1"/>
  <c r="AC59259" i="1"/>
  <c r="AC59260" i="1"/>
  <c r="AC59261" i="1"/>
  <c r="AC59262" i="1"/>
  <c r="AC59263" i="1"/>
  <c r="AC59264" i="1"/>
  <c r="AC59265" i="1"/>
  <c r="AC59266" i="1"/>
  <c r="AC59267" i="1"/>
  <c r="AC59268" i="1"/>
  <c r="AC59269" i="1"/>
  <c r="AC59270" i="1"/>
  <c r="AC59271" i="1"/>
  <c r="AC59272" i="1"/>
  <c r="AC59273" i="1"/>
  <c r="AC59274" i="1"/>
  <c r="AC59275" i="1"/>
  <c r="AC59276" i="1"/>
  <c r="AC59277" i="1"/>
  <c r="AC59278" i="1"/>
  <c r="AC59279" i="1"/>
  <c r="AC59280" i="1"/>
  <c r="AC59281" i="1"/>
  <c r="AC59282" i="1"/>
  <c r="AC59283" i="1"/>
  <c r="AC59284" i="1"/>
  <c r="AC59285" i="1"/>
  <c r="AC59286" i="1"/>
  <c r="AC59287" i="1"/>
  <c r="AC59288" i="1"/>
  <c r="AC59289" i="1"/>
  <c r="AC59290" i="1"/>
  <c r="AC59291" i="1"/>
  <c r="AC59292" i="1"/>
  <c r="AC59293" i="1"/>
  <c r="AC59294" i="1"/>
  <c r="AC59295" i="1"/>
  <c r="AC59296" i="1"/>
  <c r="AC59297" i="1"/>
  <c r="AC59298" i="1"/>
  <c r="AC59299" i="1"/>
  <c r="AC59300" i="1"/>
  <c r="AC59301" i="1"/>
  <c r="AC59302" i="1"/>
  <c r="AC59303" i="1"/>
  <c r="AC59304" i="1"/>
  <c r="AC59305" i="1"/>
  <c r="AC59306" i="1"/>
  <c r="AC59307" i="1"/>
  <c r="AC59308" i="1"/>
  <c r="AC59309" i="1"/>
  <c r="AC59310" i="1"/>
  <c r="AC59311" i="1"/>
  <c r="AC59312" i="1"/>
  <c r="AC59313" i="1"/>
  <c r="AC59314" i="1"/>
  <c r="AC59315" i="1"/>
  <c r="AC59316" i="1"/>
  <c r="AC59317" i="1"/>
  <c r="AC59318" i="1"/>
  <c r="AC59319" i="1"/>
  <c r="AC59320" i="1"/>
  <c r="AC59321" i="1"/>
  <c r="AC59322" i="1"/>
  <c r="AC59323" i="1"/>
  <c r="AC59324" i="1"/>
  <c r="AC59325" i="1"/>
  <c r="AC59326" i="1"/>
  <c r="AC59327" i="1"/>
  <c r="AC59328" i="1"/>
  <c r="AC59329" i="1"/>
  <c r="AC59330" i="1"/>
  <c r="AC59331" i="1"/>
  <c r="AC59332" i="1"/>
  <c r="AC59333" i="1"/>
  <c r="AC59334" i="1"/>
  <c r="AC59335" i="1"/>
  <c r="AC59336" i="1"/>
  <c r="AC59337" i="1"/>
  <c r="AC59338" i="1"/>
  <c r="AC59339" i="1"/>
  <c r="AC59340" i="1"/>
  <c r="AC59341" i="1"/>
  <c r="AC59342" i="1"/>
  <c r="AC59343" i="1"/>
  <c r="AC59344" i="1"/>
  <c r="AC59345" i="1"/>
  <c r="AC59346" i="1"/>
  <c r="AC59347" i="1"/>
  <c r="AC59348" i="1"/>
  <c r="AC59349" i="1"/>
  <c r="AC59350" i="1"/>
  <c r="AC59351" i="1"/>
  <c r="AC59352" i="1"/>
  <c r="AC59353" i="1"/>
  <c r="AC59354" i="1"/>
  <c r="AC59355" i="1"/>
  <c r="AC59356" i="1"/>
  <c r="AC59357" i="1"/>
  <c r="AC59358" i="1"/>
  <c r="AC59359" i="1"/>
  <c r="AC59360" i="1"/>
  <c r="AC59361" i="1"/>
  <c r="AC59362" i="1"/>
  <c r="AC59363" i="1"/>
  <c r="AC59364" i="1"/>
  <c r="AC59365" i="1"/>
  <c r="AC59366" i="1"/>
  <c r="AC59367" i="1"/>
  <c r="AC59368" i="1"/>
  <c r="AC59369" i="1"/>
  <c r="AC59370" i="1"/>
  <c r="AC59371" i="1"/>
  <c r="AC59372" i="1"/>
  <c r="AC59373" i="1"/>
  <c r="AC59374" i="1"/>
  <c r="AC59375" i="1"/>
  <c r="AC59376" i="1"/>
  <c r="AC59377" i="1"/>
  <c r="AC59378" i="1"/>
  <c r="AC59379" i="1"/>
  <c r="AC59380" i="1"/>
  <c r="AC59381" i="1"/>
  <c r="AC59382" i="1"/>
  <c r="AC59383" i="1"/>
  <c r="AC59384" i="1"/>
  <c r="AC59385" i="1"/>
  <c r="AC59386" i="1"/>
  <c r="AC59387" i="1"/>
  <c r="AC59388" i="1"/>
  <c r="AC59389" i="1"/>
  <c r="AC59390" i="1"/>
  <c r="AC59391" i="1"/>
  <c r="AC59392" i="1"/>
  <c r="AC59393" i="1"/>
  <c r="AC59394" i="1"/>
  <c r="AC59395" i="1"/>
  <c r="AC59396" i="1"/>
  <c r="AC59397" i="1"/>
  <c r="AC59398" i="1"/>
  <c r="AC59399" i="1"/>
  <c r="AC59400" i="1"/>
  <c r="AC59401" i="1"/>
  <c r="AC59402" i="1"/>
  <c r="AC59403" i="1"/>
  <c r="AC59404" i="1"/>
  <c r="AC59405" i="1"/>
  <c r="AC59406" i="1"/>
  <c r="AC59407" i="1"/>
  <c r="AC59408" i="1"/>
  <c r="AC59409" i="1"/>
  <c r="AC59410" i="1"/>
  <c r="AC59411" i="1"/>
  <c r="AC59412" i="1"/>
  <c r="AC59413" i="1"/>
  <c r="AC59414" i="1"/>
  <c r="AC59415" i="1"/>
  <c r="AC59416" i="1"/>
  <c r="AC59417" i="1"/>
  <c r="AC59418" i="1"/>
  <c r="AC59419" i="1"/>
  <c r="AC59420" i="1"/>
  <c r="AC59421" i="1"/>
  <c r="AC59422" i="1"/>
  <c r="AC59423" i="1"/>
  <c r="AC59424" i="1"/>
  <c r="AC59425" i="1"/>
  <c r="AC59426" i="1"/>
  <c r="AC59427" i="1"/>
  <c r="AC59428" i="1"/>
  <c r="AC59429" i="1"/>
  <c r="AC59430" i="1"/>
  <c r="AC59431" i="1"/>
  <c r="AC59432" i="1"/>
  <c r="AC59433" i="1"/>
  <c r="AC59434" i="1"/>
  <c r="AC59435" i="1"/>
  <c r="AC59436" i="1"/>
  <c r="AC59437" i="1"/>
  <c r="AC59438" i="1"/>
  <c r="AC59439" i="1"/>
  <c r="AC59440" i="1"/>
  <c r="AC59441" i="1"/>
  <c r="AC59442" i="1"/>
  <c r="AC59443" i="1"/>
  <c r="AC59444" i="1"/>
  <c r="AC59445" i="1"/>
  <c r="AC59446" i="1"/>
  <c r="AC59447" i="1"/>
  <c r="AC59448" i="1"/>
  <c r="AC59449" i="1"/>
  <c r="AC59450" i="1"/>
  <c r="AC59451" i="1"/>
  <c r="AC59452" i="1"/>
  <c r="AC59453" i="1"/>
  <c r="AC59454" i="1"/>
  <c r="AC59455" i="1"/>
  <c r="AC59456" i="1"/>
  <c r="AC59457" i="1"/>
  <c r="AC59458" i="1"/>
  <c r="AC59459" i="1"/>
  <c r="AC59460" i="1"/>
  <c r="AC59461" i="1"/>
  <c r="AC59462" i="1"/>
  <c r="AC59463" i="1"/>
  <c r="AC59464" i="1"/>
  <c r="AC59465" i="1"/>
  <c r="AC59466" i="1"/>
  <c r="AC59467" i="1"/>
  <c r="AC59468" i="1"/>
  <c r="AC59469" i="1"/>
  <c r="AC59470" i="1"/>
  <c r="AC59471" i="1"/>
  <c r="AC59472" i="1"/>
  <c r="AC59473" i="1"/>
  <c r="AC59474" i="1"/>
  <c r="AC59475" i="1"/>
  <c r="AC59476" i="1"/>
  <c r="AC59477" i="1"/>
  <c r="AC59478" i="1"/>
  <c r="AC59479" i="1"/>
  <c r="AC59480" i="1"/>
  <c r="AC59481" i="1"/>
  <c r="AC59482" i="1"/>
  <c r="AC59483" i="1"/>
  <c r="AC59484" i="1"/>
  <c r="AC59485" i="1"/>
  <c r="AC59486" i="1"/>
  <c r="AC59487" i="1"/>
  <c r="AC59488" i="1"/>
  <c r="AC59489" i="1"/>
  <c r="AC59490" i="1"/>
  <c r="AC59491" i="1"/>
  <c r="AC59492" i="1"/>
  <c r="AC59493" i="1"/>
  <c r="AC59494" i="1"/>
  <c r="AC59495" i="1"/>
  <c r="AC59496" i="1"/>
  <c r="AC59497" i="1"/>
  <c r="AC59498" i="1"/>
  <c r="AC59499" i="1"/>
  <c r="AC59500" i="1"/>
  <c r="AC59501" i="1"/>
  <c r="AC59502" i="1"/>
  <c r="AC59503" i="1"/>
  <c r="AC59504" i="1"/>
  <c r="AC59505" i="1"/>
  <c r="AC59506" i="1"/>
  <c r="AC59507" i="1"/>
  <c r="AC59508" i="1"/>
  <c r="AC59509" i="1"/>
  <c r="AC59510" i="1"/>
  <c r="AC59511" i="1"/>
  <c r="AC59512" i="1"/>
  <c r="AC59513" i="1"/>
  <c r="AC59514" i="1"/>
  <c r="AC59515" i="1"/>
  <c r="AC59516" i="1"/>
  <c r="AC59517" i="1"/>
  <c r="AC59518" i="1"/>
  <c r="AC59519" i="1"/>
  <c r="AC59520" i="1"/>
  <c r="AC59521" i="1"/>
  <c r="AC59522" i="1"/>
  <c r="AC59523" i="1"/>
  <c r="AC59524" i="1"/>
  <c r="AC59525" i="1"/>
  <c r="AC59526" i="1"/>
  <c r="AC59527" i="1"/>
  <c r="AC59528" i="1"/>
  <c r="AC59529" i="1"/>
  <c r="AC59530" i="1"/>
  <c r="AC59531" i="1"/>
  <c r="AC59532" i="1"/>
  <c r="AC59533" i="1"/>
  <c r="AC59534" i="1"/>
  <c r="AC59535" i="1"/>
  <c r="AC59536" i="1"/>
  <c r="AC59537" i="1"/>
  <c r="AC59538" i="1"/>
  <c r="AC59539" i="1"/>
  <c r="AC59540" i="1"/>
  <c r="AC59541" i="1"/>
  <c r="AC59542" i="1"/>
  <c r="AC59543" i="1"/>
  <c r="AC59544" i="1"/>
  <c r="AC59545" i="1"/>
  <c r="AC59546" i="1"/>
  <c r="AC59547" i="1"/>
  <c r="AC59548" i="1"/>
  <c r="AC59549" i="1"/>
  <c r="AC59550" i="1"/>
  <c r="AC59551" i="1"/>
  <c r="AC59552" i="1"/>
  <c r="AC59553" i="1"/>
  <c r="AC59554" i="1"/>
  <c r="AC59555" i="1"/>
  <c r="AC59556" i="1"/>
  <c r="AC59557" i="1"/>
  <c r="AC59558" i="1"/>
  <c r="AC59559" i="1"/>
  <c r="AC59560" i="1"/>
  <c r="AC59561" i="1"/>
  <c r="AC59562" i="1"/>
  <c r="AC59563" i="1"/>
  <c r="AC59564" i="1"/>
  <c r="AC59565" i="1"/>
  <c r="AC59566" i="1"/>
  <c r="AC59567" i="1"/>
  <c r="AC59568" i="1"/>
  <c r="AC59569" i="1"/>
  <c r="AC59570" i="1"/>
  <c r="AC59571" i="1"/>
  <c r="AC59572" i="1"/>
  <c r="AC59573" i="1"/>
  <c r="AC59574" i="1"/>
  <c r="AC59575" i="1"/>
  <c r="AC59576" i="1"/>
  <c r="AC59577" i="1"/>
  <c r="AC59578" i="1"/>
  <c r="AC59579" i="1"/>
  <c r="AC59580" i="1"/>
  <c r="AC59581" i="1"/>
  <c r="AC59582" i="1"/>
  <c r="AC59583" i="1"/>
  <c r="AC59584" i="1"/>
  <c r="AC59585" i="1"/>
  <c r="AC59586" i="1"/>
  <c r="AC59587" i="1"/>
  <c r="AC59588" i="1"/>
  <c r="AC59589" i="1"/>
  <c r="AC59590" i="1"/>
  <c r="AC59591" i="1"/>
  <c r="AC59592" i="1"/>
  <c r="AC59593" i="1"/>
  <c r="AC59594" i="1"/>
  <c r="AC59595" i="1"/>
  <c r="AC59596" i="1"/>
  <c r="AC59597" i="1"/>
  <c r="AC59598" i="1"/>
  <c r="AC59599" i="1"/>
  <c r="AC59600" i="1"/>
  <c r="AC59601" i="1"/>
  <c r="AC59602" i="1"/>
  <c r="AC59603" i="1"/>
  <c r="AC59604" i="1"/>
  <c r="AC59605" i="1"/>
  <c r="AC59606" i="1"/>
  <c r="AC59607" i="1"/>
  <c r="AC59608" i="1"/>
  <c r="AC59609" i="1"/>
  <c r="AC59610" i="1"/>
  <c r="AC59611" i="1"/>
  <c r="AC59612" i="1"/>
  <c r="AC59613" i="1"/>
  <c r="AC59614" i="1"/>
  <c r="AC59615" i="1"/>
  <c r="AC59616" i="1"/>
  <c r="AC59617" i="1"/>
  <c r="AC59618" i="1"/>
  <c r="AC59619" i="1"/>
  <c r="AC59620" i="1"/>
  <c r="AC59621" i="1"/>
  <c r="AC59622" i="1"/>
  <c r="AC59623" i="1"/>
  <c r="AC59624" i="1"/>
  <c r="AC59625" i="1"/>
  <c r="AC59626" i="1"/>
  <c r="AC59627" i="1"/>
  <c r="AC59628" i="1"/>
  <c r="AC59629" i="1"/>
  <c r="AC59630" i="1"/>
  <c r="AC59631" i="1"/>
  <c r="AC59632" i="1"/>
  <c r="AC59633" i="1"/>
  <c r="AC59634" i="1"/>
  <c r="AC59635" i="1"/>
  <c r="AC59636" i="1"/>
  <c r="AC59637" i="1"/>
  <c r="AC59638" i="1"/>
  <c r="AC59639" i="1"/>
  <c r="AC59640" i="1"/>
  <c r="AC59641" i="1"/>
  <c r="AC59642" i="1"/>
  <c r="AC59643" i="1"/>
  <c r="AC59644" i="1"/>
  <c r="AC59645" i="1"/>
  <c r="AC59646" i="1"/>
  <c r="AC59647" i="1"/>
  <c r="AC59648" i="1"/>
  <c r="AC59649" i="1"/>
  <c r="AC59650" i="1"/>
  <c r="AC59651" i="1"/>
  <c r="AC59652" i="1"/>
  <c r="AC59653" i="1"/>
  <c r="AC59654" i="1"/>
  <c r="AC59655" i="1"/>
  <c r="AC59656" i="1"/>
  <c r="AC59657" i="1"/>
  <c r="AC59658" i="1"/>
  <c r="AC59659" i="1"/>
  <c r="AC59660" i="1"/>
  <c r="AC59661" i="1"/>
  <c r="AC59662" i="1"/>
  <c r="AC59663" i="1"/>
  <c r="AC59664" i="1"/>
  <c r="AC59665" i="1"/>
  <c r="AC59666" i="1"/>
  <c r="AC59667" i="1"/>
  <c r="AC59668" i="1"/>
  <c r="AC59669" i="1"/>
  <c r="AC59670" i="1"/>
  <c r="AC59671" i="1"/>
  <c r="AC59672" i="1"/>
  <c r="AC59673" i="1"/>
  <c r="AC59674" i="1"/>
  <c r="AC59675" i="1"/>
  <c r="AC59676" i="1"/>
  <c r="AC59677" i="1"/>
  <c r="AC59678" i="1"/>
  <c r="AC59679" i="1"/>
  <c r="AC59680" i="1"/>
  <c r="AC59681" i="1"/>
  <c r="AC59682" i="1"/>
  <c r="AC59683" i="1"/>
  <c r="AC59684" i="1"/>
  <c r="AC59685" i="1"/>
  <c r="AC59686" i="1"/>
  <c r="AC59687" i="1"/>
  <c r="AC59688" i="1"/>
  <c r="AC59689" i="1"/>
  <c r="AC59690" i="1"/>
  <c r="AC59691" i="1"/>
  <c r="AC59692" i="1"/>
  <c r="AC59693" i="1"/>
  <c r="AC59694" i="1"/>
  <c r="AC59695" i="1"/>
  <c r="AC59696" i="1"/>
  <c r="AC59697" i="1"/>
  <c r="AC59698" i="1"/>
  <c r="AC59699" i="1"/>
  <c r="AC59700" i="1"/>
  <c r="AC59701" i="1"/>
  <c r="AC59702" i="1"/>
  <c r="AC59703" i="1"/>
  <c r="AC59704" i="1"/>
  <c r="AC59705" i="1"/>
  <c r="AC59706" i="1"/>
  <c r="AC59707" i="1"/>
  <c r="AC59708" i="1"/>
  <c r="AC59709" i="1"/>
  <c r="AC59710" i="1"/>
  <c r="AC59711" i="1"/>
  <c r="AC59712" i="1"/>
  <c r="AC59713" i="1"/>
  <c r="AC59714" i="1"/>
  <c r="AC59715" i="1"/>
  <c r="AC59716" i="1"/>
  <c r="AC59717" i="1"/>
  <c r="AC59718" i="1"/>
  <c r="AC59719" i="1"/>
  <c r="AC59720" i="1"/>
  <c r="AC59721" i="1"/>
  <c r="AC59722" i="1"/>
  <c r="AC59723" i="1"/>
  <c r="AC59724" i="1"/>
  <c r="AC59725" i="1"/>
  <c r="AC59726" i="1"/>
  <c r="AC59727" i="1"/>
  <c r="AC59728" i="1"/>
  <c r="AC59729" i="1"/>
  <c r="AC59730" i="1"/>
  <c r="AC59731" i="1"/>
  <c r="AC59732" i="1"/>
  <c r="AC59733" i="1"/>
  <c r="AC59734" i="1"/>
  <c r="AC59735" i="1"/>
  <c r="AC59736" i="1"/>
  <c r="AC59737" i="1"/>
  <c r="AC59738" i="1"/>
  <c r="AC59739" i="1"/>
  <c r="AC59740" i="1"/>
  <c r="AC59741" i="1"/>
  <c r="AC59742" i="1"/>
  <c r="AC59743" i="1"/>
  <c r="AC59744" i="1"/>
  <c r="AC59745" i="1"/>
  <c r="AC59746" i="1"/>
  <c r="AC59747" i="1"/>
  <c r="AC59748" i="1"/>
  <c r="AC59749" i="1"/>
  <c r="AC59750" i="1"/>
  <c r="AC59751" i="1"/>
  <c r="AC59752" i="1"/>
  <c r="AC59753" i="1"/>
  <c r="AC59754" i="1"/>
  <c r="AC59755" i="1"/>
  <c r="AC59756" i="1"/>
  <c r="AC59757" i="1"/>
  <c r="AC59758" i="1"/>
  <c r="AC59759" i="1"/>
  <c r="AC59760" i="1"/>
  <c r="AC59761" i="1"/>
  <c r="AC59762" i="1"/>
  <c r="AC59763" i="1"/>
  <c r="AC59764" i="1"/>
  <c r="AC59765" i="1"/>
  <c r="AC59766" i="1"/>
  <c r="AC59767" i="1"/>
  <c r="AC59768" i="1"/>
  <c r="AC59769" i="1"/>
  <c r="AC59770" i="1"/>
  <c r="AC59771" i="1"/>
  <c r="AC59772" i="1"/>
  <c r="AC59773" i="1"/>
  <c r="AC59774" i="1"/>
  <c r="AC59775" i="1"/>
  <c r="AC59776" i="1"/>
  <c r="AC59777" i="1"/>
  <c r="AC59778" i="1"/>
  <c r="AC59779" i="1"/>
  <c r="AC59780" i="1"/>
  <c r="AC59781" i="1"/>
  <c r="AC59782" i="1"/>
  <c r="AC59783" i="1"/>
  <c r="AC59784" i="1"/>
  <c r="AC59785" i="1"/>
  <c r="AC59786" i="1"/>
  <c r="AC59787" i="1"/>
  <c r="AC59788" i="1"/>
  <c r="AC59789" i="1"/>
  <c r="AC59790" i="1"/>
  <c r="AC59791" i="1"/>
  <c r="AC59792" i="1"/>
  <c r="AC59793" i="1"/>
  <c r="AC59794" i="1"/>
  <c r="AC59795" i="1"/>
  <c r="AC59796" i="1"/>
  <c r="AC59797" i="1"/>
  <c r="AC59798" i="1"/>
  <c r="AC59799" i="1"/>
  <c r="AC59800" i="1"/>
  <c r="AC59801" i="1"/>
  <c r="AC59802" i="1"/>
  <c r="AC59803" i="1"/>
  <c r="AC59804" i="1"/>
  <c r="AC59805" i="1"/>
  <c r="AC59806" i="1"/>
  <c r="AC59807" i="1"/>
  <c r="AC59808" i="1"/>
  <c r="AC59809" i="1"/>
  <c r="AC59810" i="1"/>
  <c r="AC59811" i="1"/>
  <c r="AC59812" i="1"/>
  <c r="AC59813" i="1"/>
  <c r="AC59814" i="1"/>
  <c r="AC59815" i="1"/>
  <c r="AC59816" i="1"/>
  <c r="AC59817" i="1"/>
  <c r="AC59818" i="1"/>
  <c r="AC59819" i="1"/>
  <c r="AC59820" i="1"/>
  <c r="AC59821" i="1"/>
  <c r="AC59822" i="1"/>
  <c r="AC59823" i="1"/>
  <c r="AC59824" i="1"/>
  <c r="AC59825" i="1"/>
  <c r="AC59826" i="1"/>
  <c r="AC59827" i="1"/>
  <c r="AC59828" i="1"/>
  <c r="AC59829" i="1"/>
  <c r="AC59830" i="1"/>
  <c r="AC59831" i="1"/>
  <c r="AC59832" i="1"/>
  <c r="AC59833" i="1"/>
  <c r="AC59834" i="1"/>
  <c r="AC59835" i="1"/>
  <c r="AC59836" i="1"/>
  <c r="AC59837" i="1"/>
  <c r="AC59838" i="1"/>
  <c r="AC59839" i="1"/>
  <c r="AC59840" i="1"/>
  <c r="AC59841" i="1"/>
  <c r="AC59842" i="1"/>
  <c r="AC59843" i="1"/>
  <c r="AC59844" i="1"/>
  <c r="AC59845" i="1"/>
  <c r="AC59846" i="1"/>
  <c r="AC59847" i="1"/>
  <c r="AC59848" i="1"/>
  <c r="AC59849" i="1"/>
  <c r="AC59850" i="1"/>
  <c r="AC59851" i="1"/>
  <c r="AC59852" i="1"/>
  <c r="AC59853" i="1"/>
  <c r="AC59854" i="1"/>
  <c r="AC59855" i="1"/>
  <c r="AC59856" i="1"/>
  <c r="AC59857" i="1"/>
  <c r="AC59858" i="1"/>
  <c r="AC59859" i="1"/>
  <c r="AC59860" i="1"/>
  <c r="AC59861" i="1"/>
  <c r="AC59862" i="1"/>
  <c r="AC59863" i="1"/>
  <c r="AC59864" i="1"/>
  <c r="AC59865" i="1"/>
  <c r="AC59866" i="1"/>
  <c r="AC59867" i="1"/>
  <c r="AC59868" i="1"/>
  <c r="AC59869" i="1"/>
  <c r="AC59870" i="1"/>
  <c r="AC59871" i="1"/>
  <c r="AC59872" i="1"/>
  <c r="AC59873" i="1"/>
  <c r="AC59874" i="1"/>
  <c r="AC59875" i="1"/>
  <c r="AC59876" i="1"/>
  <c r="AC59877" i="1"/>
  <c r="AC59878" i="1"/>
  <c r="AC59879" i="1"/>
  <c r="AC59880" i="1"/>
  <c r="AC59881" i="1"/>
  <c r="AC59882" i="1"/>
  <c r="AC59883" i="1"/>
  <c r="AC59884" i="1"/>
  <c r="AC59885" i="1"/>
  <c r="AC59886" i="1"/>
  <c r="AC59887" i="1"/>
  <c r="AC59888" i="1"/>
  <c r="AC59889" i="1"/>
  <c r="AC59890" i="1"/>
  <c r="AC59891" i="1"/>
  <c r="AC59892" i="1"/>
  <c r="AC59893" i="1"/>
  <c r="AC59894" i="1"/>
  <c r="AC59895" i="1"/>
  <c r="AC59896" i="1"/>
  <c r="AC59897" i="1"/>
  <c r="AC59898" i="1"/>
  <c r="AC59899" i="1"/>
  <c r="AC59900" i="1"/>
  <c r="AC59901" i="1"/>
  <c r="AC59902" i="1"/>
  <c r="AC59903" i="1"/>
  <c r="AC59904" i="1"/>
  <c r="AC59905" i="1"/>
  <c r="AC59906" i="1"/>
  <c r="AC59907" i="1"/>
  <c r="AC59908" i="1"/>
  <c r="AC59909" i="1"/>
  <c r="AC59910" i="1"/>
  <c r="AC59911" i="1"/>
  <c r="AC59912" i="1"/>
  <c r="AC59913" i="1"/>
  <c r="AC59914" i="1"/>
  <c r="AC59915" i="1"/>
  <c r="AC59916" i="1"/>
  <c r="AC59917" i="1"/>
  <c r="AC59918" i="1"/>
  <c r="AC59919" i="1"/>
  <c r="AC59920" i="1"/>
  <c r="AC59921" i="1"/>
  <c r="AC59922" i="1"/>
  <c r="AC59923" i="1"/>
  <c r="AC59924" i="1"/>
  <c r="AC59925" i="1"/>
  <c r="AC59926" i="1"/>
  <c r="AC59927" i="1"/>
  <c r="AC59928" i="1"/>
  <c r="AC59929" i="1"/>
  <c r="AC59930" i="1"/>
  <c r="AC59931" i="1"/>
  <c r="AC59932" i="1"/>
  <c r="AC59933" i="1"/>
  <c r="AC59934" i="1"/>
  <c r="AC59935" i="1"/>
  <c r="AC59936" i="1"/>
  <c r="AC59937" i="1"/>
  <c r="AC59938" i="1"/>
  <c r="AC59939" i="1"/>
  <c r="AC59940" i="1"/>
  <c r="AC59941" i="1"/>
  <c r="AC59942" i="1"/>
  <c r="AC59943" i="1"/>
  <c r="AC59944" i="1"/>
  <c r="AC59945" i="1"/>
  <c r="AC59946" i="1"/>
  <c r="AC59947" i="1"/>
  <c r="AC59948" i="1"/>
  <c r="AC59949" i="1"/>
  <c r="AC59950" i="1"/>
  <c r="AC59951" i="1"/>
  <c r="AC59952" i="1"/>
  <c r="AC59953" i="1"/>
  <c r="AC59954" i="1"/>
  <c r="AC59955" i="1"/>
  <c r="AC59956" i="1"/>
  <c r="AC59957" i="1"/>
  <c r="AC59958" i="1"/>
  <c r="AC59959" i="1"/>
  <c r="AC59960" i="1"/>
  <c r="AC59961" i="1"/>
  <c r="AC59962" i="1"/>
  <c r="AC59963" i="1"/>
  <c r="AC59964" i="1"/>
  <c r="AC59965" i="1"/>
  <c r="AC59966" i="1"/>
  <c r="AC59967" i="1"/>
  <c r="AC59968" i="1"/>
  <c r="AC59969" i="1"/>
  <c r="AC59970" i="1"/>
  <c r="AC59971" i="1"/>
  <c r="AC59972" i="1"/>
  <c r="AC59973" i="1"/>
  <c r="AC59974" i="1"/>
  <c r="AC59975" i="1"/>
  <c r="AC59976" i="1"/>
  <c r="AC59977" i="1"/>
  <c r="AC59978" i="1"/>
  <c r="AC59979" i="1"/>
  <c r="AC59980" i="1"/>
  <c r="AC59981" i="1"/>
  <c r="AC59982" i="1"/>
  <c r="AC59983" i="1"/>
  <c r="AC59984" i="1"/>
  <c r="AC59985" i="1"/>
  <c r="AC59986" i="1"/>
  <c r="AC59987" i="1"/>
  <c r="AC59988" i="1"/>
  <c r="AC59989" i="1"/>
  <c r="AC59990" i="1"/>
  <c r="AC59991" i="1"/>
  <c r="AC59992" i="1"/>
  <c r="AC59993" i="1"/>
  <c r="AC59994" i="1"/>
  <c r="AC59995" i="1"/>
  <c r="AC59996" i="1"/>
  <c r="AC59997" i="1"/>
  <c r="AC59998" i="1"/>
  <c r="AC59999" i="1"/>
  <c r="AC60000" i="1"/>
  <c r="AC60001" i="1"/>
  <c r="AC60002" i="1"/>
  <c r="AC60003" i="1"/>
  <c r="AC60004" i="1"/>
  <c r="AC60005" i="1"/>
  <c r="AC60006" i="1"/>
  <c r="AC60007" i="1"/>
  <c r="AC60008" i="1"/>
  <c r="AC60009" i="1"/>
  <c r="AC60010" i="1"/>
  <c r="AC60011" i="1"/>
  <c r="AC60012" i="1"/>
  <c r="AC60013" i="1"/>
  <c r="AC60014" i="1"/>
  <c r="AC60015" i="1"/>
  <c r="AC60016" i="1"/>
  <c r="AC60017" i="1"/>
  <c r="AC60018" i="1"/>
  <c r="AC60019" i="1"/>
  <c r="AC60020" i="1"/>
  <c r="AC60021" i="1"/>
  <c r="AC60022" i="1"/>
  <c r="AC60023" i="1"/>
  <c r="AC60024" i="1"/>
  <c r="AC60025" i="1"/>
  <c r="AC60026" i="1"/>
  <c r="AC60027" i="1"/>
  <c r="AC60028" i="1"/>
  <c r="AC60029" i="1"/>
  <c r="AC60030" i="1"/>
  <c r="AC60031" i="1"/>
  <c r="AC60032" i="1"/>
  <c r="AC60033" i="1"/>
  <c r="AC60034" i="1"/>
  <c r="AC60035" i="1"/>
  <c r="AC60036" i="1"/>
  <c r="AC60037" i="1"/>
  <c r="AC60038" i="1"/>
  <c r="AC60039" i="1"/>
  <c r="AC60040" i="1"/>
  <c r="AC60041" i="1"/>
  <c r="AC60042" i="1"/>
  <c r="AC60043" i="1"/>
  <c r="AC60044" i="1"/>
  <c r="AC60045" i="1"/>
  <c r="AC60046" i="1"/>
  <c r="AC60047" i="1"/>
  <c r="AC60048" i="1"/>
  <c r="AC60049" i="1"/>
  <c r="AC60050" i="1"/>
  <c r="AC60051" i="1"/>
  <c r="AC60052" i="1"/>
  <c r="AC60053" i="1"/>
  <c r="AC60054" i="1"/>
  <c r="AC60055" i="1"/>
  <c r="AC60056" i="1"/>
  <c r="AC60057" i="1"/>
  <c r="AC60058" i="1"/>
  <c r="AC60059" i="1"/>
  <c r="AC60060" i="1"/>
  <c r="AC60061" i="1"/>
  <c r="AC60062" i="1"/>
  <c r="AC60063" i="1"/>
  <c r="AC60064" i="1"/>
  <c r="AC60065" i="1"/>
  <c r="AC60066" i="1"/>
  <c r="AC60067" i="1"/>
  <c r="AC60068" i="1"/>
  <c r="AC60069" i="1"/>
  <c r="AC60070" i="1"/>
  <c r="AC60071" i="1"/>
  <c r="AC60072" i="1"/>
  <c r="AC60073" i="1"/>
  <c r="AC60074" i="1"/>
  <c r="AC60075" i="1"/>
  <c r="AC60076" i="1"/>
  <c r="AC60077" i="1"/>
  <c r="AC60078" i="1"/>
  <c r="AC60079" i="1"/>
  <c r="AC60080" i="1"/>
  <c r="AC60081" i="1"/>
  <c r="AC60082" i="1"/>
  <c r="AC60083" i="1"/>
  <c r="AC60084" i="1"/>
  <c r="AC60085" i="1"/>
  <c r="AC60086" i="1"/>
  <c r="AC60087" i="1"/>
  <c r="AC60088" i="1"/>
  <c r="AC60089" i="1"/>
  <c r="AC60090" i="1"/>
  <c r="AC60091" i="1"/>
  <c r="AC60092" i="1"/>
  <c r="AC60093" i="1"/>
  <c r="AC60094" i="1"/>
  <c r="AC60095" i="1"/>
  <c r="AC60096" i="1"/>
  <c r="AC60097" i="1"/>
  <c r="AC60098" i="1"/>
  <c r="AC60099" i="1"/>
  <c r="AC60100" i="1"/>
  <c r="AC60101" i="1"/>
  <c r="AC60102" i="1"/>
  <c r="AC60103" i="1"/>
  <c r="AC60104" i="1"/>
  <c r="AC60105" i="1"/>
  <c r="AC60106" i="1"/>
  <c r="AC60107" i="1"/>
  <c r="AC60108" i="1"/>
  <c r="AC60109" i="1"/>
  <c r="AC60110" i="1"/>
  <c r="AC60111" i="1"/>
  <c r="AC60112" i="1"/>
  <c r="AC60113" i="1"/>
  <c r="AC60114" i="1"/>
  <c r="AC60115" i="1"/>
  <c r="AC60116" i="1"/>
  <c r="AC60117" i="1"/>
  <c r="AC60118" i="1"/>
  <c r="AC60119" i="1"/>
  <c r="AC60120" i="1"/>
  <c r="AC60121" i="1"/>
  <c r="AC60122" i="1"/>
  <c r="AC60123" i="1"/>
  <c r="AC60124" i="1"/>
  <c r="AC60125" i="1"/>
  <c r="AC60126" i="1"/>
  <c r="AC60127" i="1"/>
  <c r="AC60128" i="1"/>
  <c r="AC60129" i="1"/>
  <c r="AC60130" i="1"/>
  <c r="AC60131" i="1"/>
  <c r="AC60132" i="1"/>
  <c r="AC60133" i="1"/>
  <c r="AC60134" i="1"/>
  <c r="AC60135" i="1"/>
  <c r="AC60136" i="1"/>
  <c r="AC60137" i="1"/>
  <c r="AC60138" i="1"/>
  <c r="AC60139" i="1"/>
  <c r="AC60140" i="1"/>
  <c r="AC60141" i="1"/>
  <c r="AC60142" i="1"/>
  <c r="AC60143" i="1"/>
  <c r="AC60144" i="1"/>
  <c r="AC60145" i="1"/>
  <c r="AC60146" i="1"/>
  <c r="AC60147" i="1"/>
  <c r="AC60148" i="1"/>
  <c r="AC60149" i="1"/>
  <c r="AC60150" i="1"/>
  <c r="AC60151" i="1"/>
  <c r="AC60152" i="1"/>
  <c r="AC60153" i="1"/>
  <c r="AC60154" i="1"/>
  <c r="AC60155" i="1"/>
  <c r="AC60156" i="1"/>
  <c r="AC60157" i="1"/>
  <c r="AC60158" i="1"/>
  <c r="AC60159" i="1"/>
  <c r="AC60160" i="1"/>
  <c r="AC60161" i="1"/>
  <c r="AC60162" i="1"/>
  <c r="AC60163" i="1"/>
  <c r="AC60164" i="1"/>
  <c r="AC60165" i="1"/>
  <c r="AC60166" i="1"/>
  <c r="AC60167" i="1"/>
  <c r="AC60168" i="1"/>
  <c r="AC60169" i="1"/>
  <c r="AC60170" i="1"/>
  <c r="AC60171" i="1"/>
  <c r="AC60172" i="1"/>
  <c r="AC60173" i="1"/>
  <c r="AC60174" i="1"/>
  <c r="AC60175" i="1"/>
  <c r="AC60176" i="1"/>
  <c r="AC60177" i="1"/>
  <c r="AC60178" i="1"/>
  <c r="AC60179" i="1"/>
  <c r="AC60180" i="1"/>
  <c r="AC60181" i="1"/>
  <c r="AC60182" i="1"/>
  <c r="AC60183" i="1"/>
  <c r="AC60184" i="1"/>
  <c r="AC60185" i="1"/>
  <c r="AC60186" i="1"/>
  <c r="AC60187" i="1"/>
  <c r="AC60188" i="1"/>
  <c r="AC60189" i="1"/>
  <c r="AC60190" i="1"/>
  <c r="AC60191" i="1"/>
  <c r="AC60192" i="1"/>
  <c r="AC60193" i="1"/>
  <c r="AC60194" i="1"/>
  <c r="AC60195" i="1"/>
  <c r="AC60196" i="1"/>
  <c r="AC60197" i="1"/>
  <c r="AC60198" i="1"/>
  <c r="AC60199" i="1"/>
  <c r="AC60200" i="1"/>
  <c r="AC60201" i="1"/>
  <c r="AC60202" i="1"/>
  <c r="AC60203" i="1"/>
  <c r="AC60204" i="1"/>
  <c r="AC60205" i="1"/>
  <c r="AC60206" i="1"/>
  <c r="AC60207" i="1"/>
  <c r="AC60208" i="1"/>
  <c r="AC60209" i="1"/>
  <c r="AC60210" i="1"/>
  <c r="AC60211" i="1"/>
  <c r="AC60212" i="1"/>
  <c r="AC60213" i="1"/>
  <c r="AC60214" i="1"/>
  <c r="AC60215" i="1"/>
  <c r="AC60216" i="1"/>
  <c r="AC60217" i="1"/>
  <c r="AC60218" i="1"/>
  <c r="AC60219" i="1"/>
  <c r="AC60220" i="1"/>
  <c r="AC60221" i="1"/>
  <c r="AC60222" i="1"/>
  <c r="AC60223" i="1"/>
  <c r="AC60224" i="1"/>
  <c r="AC60225" i="1"/>
  <c r="AC60226" i="1"/>
  <c r="AC60227" i="1"/>
  <c r="AC60228" i="1"/>
  <c r="AC60229" i="1"/>
  <c r="AC60230" i="1"/>
  <c r="AC60231" i="1"/>
  <c r="AC60232" i="1"/>
  <c r="AC60233" i="1"/>
  <c r="AC60234" i="1"/>
  <c r="AC60235" i="1"/>
  <c r="AC60236" i="1"/>
  <c r="AC60237" i="1"/>
  <c r="AC60238" i="1"/>
  <c r="AC60239" i="1"/>
  <c r="AC60240" i="1"/>
  <c r="AC60241" i="1"/>
  <c r="AC60242" i="1"/>
  <c r="AC60243" i="1"/>
  <c r="AC60244" i="1"/>
  <c r="AC60245" i="1"/>
  <c r="AC60246" i="1"/>
  <c r="AC60247" i="1"/>
  <c r="AC60248" i="1"/>
  <c r="AC60249" i="1"/>
  <c r="AC60250" i="1"/>
  <c r="AC60251" i="1"/>
  <c r="AC60252" i="1"/>
  <c r="AC60253" i="1"/>
  <c r="AC60254" i="1"/>
  <c r="AC60255" i="1"/>
  <c r="AC60256" i="1"/>
  <c r="AC60257" i="1"/>
  <c r="AC60258" i="1"/>
  <c r="AC60259" i="1"/>
  <c r="AC60260" i="1"/>
  <c r="AC60261" i="1"/>
  <c r="AC60262" i="1"/>
  <c r="AC60263" i="1"/>
  <c r="AC60264" i="1"/>
  <c r="AC60265" i="1"/>
  <c r="AC60266" i="1"/>
  <c r="AC60267" i="1"/>
  <c r="AC60268" i="1"/>
  <c r="AC60269" i="1"/>
  <c r="AC60270" i="1"/>
  <c r="AC60271" i="1"/>
  <c r="AC60272" i="1"/>
  <c r="AC60273" i="1"/>
  <c r="AC60274" i="1"/>
  <c r="AC60275" i="1"/>
  <c r="AC60276" i="1"/>
  <c r="AC60277" i="1"/>
  <c r="AC60278" i="1"/>
  <c r="AC60279" i="1"/>
  <c r="AC60280" i="1"/>
  <c r="AC60281" i="1"/>
  <c r="AC60282" i="1"/>
  <c r="AC60283" i="1"/>
  <c r="AC60284" i="1"/>
  <c r="AC60285" i="1"/>
  <c r="AC60286" i="1"/>
  <c r="AC60287" i="1"/>
  <c r="AC60288" i="1"/>
  <c r="AC60289" i="1"/>
  <c r="AC60290" i="1"/>
  <c r="AC60291" i="1"/>
  <c r="AC60292" i="1"/>
  <c r="AC60293" i="1"/>
  <c r="AC60294" i="1"/>
  <c r="AC60295" i="1"/>
  <c r="AC60296" i="1"/>
  <c r="AC60297" i="1"/>
  <c r="AC60298" i="1"/>
  <c r="AC60299" i="1"/>
  <c r="AC60300" i="1"/>
  <c r="AC60301" i="1"/>
  <c r="AC60302" i="1"/>
  <c r="AC60303" i="1"/>
  <c r="AC60304" i="1"/>
  <c r="AC60305" i="1"/>
  <c r="AC60306" i="1"/>
  <c r="AC60307" i="1"/>
  <c r="AC60308" i="1"/>
  <c r="AC60309" i="1"/>
  <c r="AC60310" i="1"/>
  <c r="AC60311" i="1"/>
  <c r="AC60312" i="1"/>
  <c r="AC60313" i="1"/>
  <c r="AC60314" i="1"/>
  <c r="AC60315" i="1"/>
  <c r="AC60316" i="1"/>
  <c r="AC60317" i="1"/>
  <c r="AC60318" i="1"/>
  <c r="AC60319" i="1"/>
  <c r="AC60320" i="1"/>
  <c r="AC60321" i="1"/>
  <c r="AC60322" i="1"/>
  <c r="AC60323" i="1"/>
  <c r="AC60324" i="1"/>
  <c r="AC60325" i="1"/>
  <c r="AC60326" i="1"/>
  <c r="AC60327" i="1"/>
  <c r="AC60328" i="1"/>
  <c r="AC60329" i="1"/>
  <c r="AC60330" i="1"/>
  <c r="AC60331" i="1"/>
  <c r="AC60332" i="1"/>
  <c r="AC60333" i="1"/>
  <c r="AC60334" i="1"/>
  <c r="AC60335" i="1"/>
  <c r="AC60336" i="1"/>
  <c r="AC60337" i="1"/>
  <c r="AC60338" i="1"/>
  <c r="AC60339" i="1"/>
  <c r="AC60340" i="1"/>
  <c r="AC60341" i="1"/>
  <c r="AC60342" i="1"/>
  <c r="AC60343" i="1"/>
  <c r="AC60344" i="1"/>
  <c r="AC60345" i="1"/>
  <c r="AC60346" i="1"/>
  <c r="AC60347" i="1"/>
  <c r="AC60348" i="1"/>
  <c r="AC60349" i="1"/>
  <c r="AC60350" i="1"/>
  <c r="AC60351" i="1"/>
  <c r="AC60352" i="1"/>
  <c r="AC60353" i="1"/>
  <c r="AC60354" i="1"/>
  <c r="AC60355" i="1"/>
  <c r="AC60356" i="1"/>
  <c r="AC60357" i="1"/>
  <c r="AC60358" i="1"/>
  <c r="AC60359" i="1"/>
  <c r="AC60360" i="1"/>
  <c r="AC60361" i="1"/>
  <c r="AC60362" i="1"/>
  <c r="AC60363" i="1"/>
  <c r="AC60364" i="1"/>
  <c r="AC60365" i="1"/>
  <c r="AC60366" i="1"/>
  <c r="AC60367" i="1"/>
  <c r="AC60368" i="1"/>
  <c r="AC60369" i="1"/>
  <c r="AC60370" i="1"/>
  <c r="AC60371" i="1"/>
  <c r="AC60372" i="1"/>
  <c r="AC60373" i="1"/>
  <c r="AC60374" i="1"/>
  <c r="AC60375" i="1"/>
  <c r="AC60376" i="1"/>
  <c r="AC60377" i="1"/>
  <c r="AC60378" i="1"/>
  <c r="AC60379" i="1"/>
  <c r="AC60380" i="1"/>
  <c r="AC60381" i="1"/>
  <c r="AC60382" i="1"/>
  <c r="AC60383" i="1"/>
  <c r="AC60384" i="1"/>
  <c r="AC60385" i="1"/>
  <c r="AC60386" i="1"/>
  <c r="AC60387" i="1"/>
  <c r="AC60388" i="1"/>
  <c r="AC60389" i="1"/>
  <c r="AC60390" i="1"/>
  <c r="AC60391" i="1"/>
  <c r="AC60392" i="1"/>
  <c r="AC60393" i="1"/>
  <c r="AC60394" i="1"/>
  <c r="AC60395" i="1"/>
  <c r="AC60396" i="1"/>
  <c r="AC60397" i="1"/>
  <c r="AC60398" i="1"/>
  <c r="AC60399" i="1"/>
  <c r="AC60400" i="1"/>
  <c r="AC60401" i="1"/>
  <c r="AC60402" i="1"/>
  <c r="AC60403" i="1"/>
  <c r="AC60404" i="1"/>
  <c r="AC60405" i="1"/>
  <c r="AC60406" i="1"/>
  <c r="AC60407" i="1"/>
  <c r="AC60408" i="1"/>
  <c r="AC60409" i="1"/>
  <c r="AC60410" i="1"/>
  <c r="AC60411" i="1"/>
  <c r="AC60412" i="1"/>
  <c r="AC60413" i="1"/>
  <c r="AC60414" i="1"/>
  <c r="AC60415" i="1"/>
  <c r="AC60416" i="1"/>
  <c r="AC60417" i="1"/>
  <c r="AC60418" i="1"/>
  <c r="AC60419" i="1"/>
  <c r="AC60420" i="1"/>
  <c r="AC60421" i="1"/>
  <c r="AC60422" i="1"/>
  <c r="AC60423" i="1"/>
  <c r="AC60424" i="1"/>
  <c r="AC60425" i="1"/>
  <c r="AC60426" i="1"/>
  <c r="AC60427" i="1"/>
  <c r="AC60428" i="1"/>
  <c r="AC60429" i="1"/>
  <c r="AC60430" i="1"/>
  <c r="AC60431" i="1"/>
  <c r="AC60432" i="1"/>
  <c r="AC60433" i="1"/>
  <c r="AC60434" i="1"/>
  <c r="AC60435" i="1"/>
  <c r="AC60436" i="1"/>
  <c r="AC60437" i="1"/>
  <c r="AC60438" i="1"/>
  <c r="AC60439" i="1"/>
  <c r="AC60440" i="1"/>
  <c r="AC60441" i="1"/>
  <c r="AC60442" i="1"/>
  <c r="AC60443" i="1"/>
  <c r="AC60444" i="1"/>
  <c r="AC60445" i="1"/>
  <c r="AC60446" i="1"/>
  <c r="AC60447" i="1"/>
  <c r="AC60448" i="1"/>
  <c r="AC60449" i="1"/>
  <c r="AC60450" i="1"/>
  <c r="AC60451" i="1"/>
  <c r="AC60452" i="1"/>
  <c r="AC60453" i="1"/>
  <c r="AC60454" i="1"/>
  <c r="AC60455" i="1"/>
  <c r="AC60456" i="1"/>
  <c r="AC60457" i="1"/>
  <c r="AC60458" i="1"/>
  <c r="AC60459" i="1"/>
  <c r="AC60460" i="1"/>
  <c r="AC60461" i="1"/>
  <c r="AC60462" i="1"/>
  <c r="AC60463" i="1"/>
  <c r="AC60464" i="1"/>
  <c r="AC60465" i="1"/>
  <c r="AC60466" i="1"/>
  <c r="AC60467" i="1"/>
  <c r="AC60468" i="1"/>
  <c r="AC60469" i="1"/>
  <c r="AC60470" i="1"/>
  <c r="AC60471" i="1"/>
  <c r="AC60472" i="1"/>
  <c r="AC60473" i="1"/>
  <c r="AC60474" i="1"/>
  <c r="AC60475" i="1"/>
  <c r="AC60476" i="1"/>
  <c r="AC60477" i="1"/>
  <c r="AC60478" i="1"/>
  <c r="AC60479" i="1"/>
  <c r="AC60480" i="1"/>
  <c r="AC60481" i="1"/>
  <c r="AC60482" i="1"/>
  <c r="AC60483" i="1"/>
  <c r="AC60484" i="1"/>
  <c r="AC60485" i="1"/>
  <c r="AC60486" i="1"/>
  <c r="AC60487" i="1"/>
  <c r="AC60488" i="1"/>
  <c r="AC60489" i="1"/>
  <c r="AC60490" i="1"/>
  <c r="AC60491" i="1"/>
  <c r="AC60492" i="1"/>
  <c r="AC60493" i="1"/>
  <c r="AC60494" i="1"/>
  <c r="AC60495" i="1"/>
  <c r="AC60496" i="1"/>
  <c r="AC60497" i="1"/>
  <c r="AC60498" i="1"/>
  <c r="AC60499" i="1"/>
  <c r="AC60500" i="1"/>
  <c r="AC60501" i="1"/>
  <c r="AC60502" i="1"/>
  <c r="AC60503" i="1"/>
  <c r="AC60504" i="1"/>
  <c r="AC60505" i="1"/>
  <c r="AC60506" i="1"/>
  <c r="AC60507" i="1"/>
  <c r="AC60508" i="1"/>
  <c r="AC60509" i="1"/>
  <c r="AC60510" i="1"/>
  <c r="AC60511" i="1"/>
  <c r="AC60512" i="1"/>
  <c r="AC60513" i="1"/>
  <c r="AC60514" i="1"/>
  <c r="AC60515" i="1"/>
  <c r="AC60516" i="1"/>
  <c r="AC60517" i="1"/>
  <c r="AC60518" i="1"/>
  <c r="AC60519" i="1"/>
  <c r="AC60520" i="1"/>
  <c r="AC60521" i="1"/>
  <c r="AC60522" i="1"/>
  <c r="AC60523" i="1"/>
  <c r="AC60524" i="1"/>
  <c r="AC60525" i="1"/>
  <c r="AC60526" i="1"/>
  <c r="AC60527" i="1"/>
  <c r="AC60528" i="1"/>
  <c r="AC60529" i="1"/>
  <c r="AC60530" i="1"/>
  <c r="AC60531" i="1"/>
  <c r="AC60532" i="1"/>
  <c r="AC60533" i="1"/>
  <c r="AC60534" i="1"/>
  <c r="AC60535" i="1"/>
  <c r="AC60536" i="1"/>
  <c r="AC60537" i="1"/>
  <c r="AC60538" i="1"/>
  <c r="AC60539" i="1"/>
  <c r="AC60540" i="1"/>
  <c r="AC60541" i="1"/>
  <c r="AC60542" i="1"/>
  <c r="AC60543" i="1"/>
  <c r="AC60544" i="1"/>
  <c r="AC60545" i="1"/>
  <c r="AC60546" i="1"/>
  <c r="AC60547" i="1"/>
  <c r="AC60548" i="1"/>
  <c r="AC60549" i="1"/>
  <c r="AC60550" i="1"/>
  <c r="AC60551" i="1"/>
  <c r="AC60552" i="1"/>
  <c r="AC60553" i="1"/>
  <c r="AC60554" i="1"/>
  <c r="AC60555" i="1"/>
  <c r="AC60556" i="1"/>
  <c r="AC60557" i="1"/>
  <c r="AC60558" i="1"/>
  <c r="AC60559" i="1"/>
  <c r="AC60560" i="1"/>
  <c r="AC60561" i="1"/>
  <c r="AC60562" i="1"/>
  <c r="AC60563" i="1"/>
  <c r="AC60564" i="1"/>
  <c r="AC60565" i="1"/>
  <c r="AC60566" i="1"/>
  <c r="AC60567" i="1"/>
  <c r="AC60568" i="1"/>
  <c r="AC60569" i="1"/>
  <c r="AC60570" i="1"/>
  <c r="AC60571" i="1"/>
  <c r="AC60572" i="1"/>
  <c r="AC60573" i="1"/>
  <c r="AC60574" i="1"/>
  <c r="AC60575" i="1"/>
  <c r="AC60576" i="1"/>
  <c r="AC60577" i="1"/>
  <c r="AC60578" i="1"/>
  <c r="AC60579" i="1"/>
  <c r="AC60580" i="1"/>
  <c r="AC60581" i="1"/>
  <c r="AC60582" i="1"/>
  <c r="AC60583" i="1"/>
  <c r="AC60584" i="1"/>
  <c r="AC60585" i="1"/>
  <c r="AC60586" i="1"/>
  <c r="AC60587" i="1"/>
  <c r="AC60588" i="1"/>
  <c r="AC60589" i="1"/>
  <c r="AC60590" i="1"/>
  <c r="AC60591" i="1"/>
  <c r="AC60592" i="1"/>
  <c r="AC60593" i="1"/>
  <c r="AC60594" i="1"/>
  <c r="AC60595" i="1"/>
  <c r="AC60596" i="1"/>
  <c r="AC60597" i="1"/>
  <c r="AC60598" i="1"/>
  <c r="AC60599" i="1"/>
  <c r="AC60600" i="1"/>
  <c r="AC60601" i="1"/>
  <c r="AC60602" i="1"/>
  <c r="AC60603" i="1"/>
  <c r="AC60604" i="1"/>
  <c r="AC60605" i="1"/>
  <c r="AC60606" i="1"/>
  <c r="AC60607" i="1"/>
  <c r="AC60608" i="1"/>
  <c r="AC60609" i="1"/>
  <c r="AC60610" i="1"/>
  <c r="AC60611" i="1"/>
  <c r="AC60612" i="1"/>
  <c r="AC60613" i="1"/>
  <c r="AC60614" i="1"/>
  <c r="AC60615" i="1"/>
  <c r="AC60616" i="1"/>
  <c r="AC60617" i="1"/>
  <c r="AC60618" i="1"/>
  <c r="AC60619" i="1"/>
  <c r="AC60620" i="1"/>
  <c r="AC60621" i="1"/>
  <c r="AC60622" i="1"/>
  <c r="AC60623" i="1"/>
  <c r="AC60624" i="1"/>
  <c r="AC60625" i="1"/>
  <c r="AC60626" i="1"/>
  <c r="AC60627" i="1"/>
  <c r="AC60628" i="1"/>
  <c r="AC60629" i="1"/>
  <c r="AC60630" i="1"/>
  <c r="AC60631" i="1"/>
  <c r="AC60632" i="1"/>
  <c r="AC60633" i="1"/>
  <c r="AC60634" i="1"/>
  <c r="AC60635" i="1"/>
  <c r="AC60636" i="1"/>
  <c r="AC60637" i="1"/>
  <c r="AC60638" i="1"/>
  <c r="AC60639" i="1"/>
  <c r="AC60640" i="1"/>
  <c r="AC60641" i="1"/>
  <c r="AC60642" i="1"/>
  <c r="AC60643" i="1"/>
  <c r="AC60644" i="1"/>
  <c r="AC60645" i="1"/>
  <c r="AC60646" i="1"/>
  <c r="AC60647" i="1"/>
  <c r="AC60648" i="1"/>
  <c r="AC60649" i="1"/>
  <c r="AC60650" i="1"/>
  <c r="AC60651" i="1"/>
  <c r="AC60652" i="1"/>
  <c r="AC60653" i="1"/>
  <c r="AC60654" i="1"/>
  <c r="AC60655" i="1"/>
  <c r="AC60656" i="1"/>
  <c r="AC60657" i="1"/>
  <c r="AC60658" i="1"/>
  <c r="AC60659" i="1"/>
  <c r="AC60660" i="1"/>
  <c r="AC60661" i="1"/>
  <c r="AC60662" i="1"/>
  <c r="AC60663" i="1"/>
  <c r="AC60664" i="1"/>
  <c r="AC60665" i="1"/>
  <c r="AC60666" i="1"/>
  <c r="AC60667" i="1"/>
  <c r="AC60668" i="1"/>
  <c r="AC60669" i="1"/>
  <c r="AC60670" i="1"/>
  <c r="AC60671" i="1"/>
  <c r="AC60672" i="1"/>
  <c r="AC60673" i="1"/>
  <c r="AC60674" i="1"/>
  <c r="AC60675" i="1"/>
  <c r="AC60676" i="1"/>
  <c r="AC60677" i="1"/>
  <c r="AC60678" i="1"/>
  <c r="AC60679" i="1"/>
  <c r="AC60680" i="1"/>
  <c r="AC60681" i="1"/>
  <c r="AC60682" i="1"/>
  <c r="AC60683" i="1"/>
  <c r="AC60684" i="1"/>
  <c r="AC60685" i="1"/>
  <c r="AC60686" i="1"/>
  <c r="AC60687" i="1"/>
  <c r="AC60688" i="1"/>
  <c r="AC60689" i="1"/>
  <c r="AC60690" i="1"/>
  <c r="AC60691" i="1"/>
  <c r="AC60692" i="1"/>
  <c r="AC60693" i="1"/>
  <c r="AC60694" i="1"/>
  <c r="AC60695" i="1"/>
  <c r="AC60696" i="1"/>
  <c r="AC60697" i="1"/>
  <c r="AC60698" i="1"/>
  <c r="AC60699" i="1"/>
  <c r="AC60700" i="1"/>
  <c r="AC60701" i="1"/>
  <c r="AC60702" i="1"/>
  <c r="AC60703" i="1"/>
  <c r="AC60704" i="1"/>
  <c r="AC60705" i="1"/>
  <c r="AC60706" i="1"/>
  <c r="AC60707" i="1"/>
  <c r="AC60708" i="1"/>
  <c r="AC60709" i="1"/>
  <c r="AC60710" i="1"/>
  <c r="AC60711" i="1"/>
  <c r="AC60712" i="1"/>
  <c r="AC60713" i="1"/>
  <c r="AC60714" i="1"/>
  <c r="AC60715" i="1"/>
  <c r="AC60716" i="1"/>
  <c r="AC60717" i="1"/>
  <c r="AC60718" i="1"/>
  <c r="AC60719" i="1"/>
  <c r="AC60720" i="1"/>
  <c r="AC60721" i="1"/>
  <c r="AC60722" i="1"/>
  <c r="AC60723" i="1"/>
  <c r="AC60724" i="1"/>
  <c r="AC60725" i="1"/>
  <c r="AC60726" i="1"/>
  <c r="AC60727" i="1"/>
  <c r="AC60728" i="1"/>
  <c r="AC60729" i="1"/>
  <c r="AC60730" i="1"/>
  <c r="AC60731" i="1"/>
  <c r="AC60732" i="1"/>
  <c r="AC60733" i="1"/>
  <c r="AC60734" i="1"/>
  <c r="AC60735" i="1"/>
  <c r="AC60736" i="1"/>
  <c r="AC60737" i="1"/>
  <c r="AC60738" i="1"/>
  <c r="AC60739" i="1"/>
  <c r="AC60740" i="1"/>
  <c r="AC60741" i="1"/>
  <c r="AC60742" i="1"/>
  <c r="AC60743" i="1"/>
  <c r="AC60744" i="1"/>
  <c r="AC60745" i="1"/>
  <c r="AC60746" i="1"/>
  <c r="AC60747" i="1"/>
  <c r="AC60748" i="1"/>
  <c r="AC60749" i="1"/>
  <c r="AC60750" i="1"/>
  <c r="AC60751" i="1"/>
  <c r="AC60752" i="1"/>
  <c r="AC60753" i="1"/>
  <c r="AC60754" i="1"/>
  <c r="AC60755" i="1"/>
  <c r="AC60756" i="1"/>
  <c r="AC60757" i="1"/>
  <c r="AC60758" i="1"/>
  <c r="AC60759" i="1"/>
  <c r="AC60760" i="1"/>
  <c r="AC60761" i="1"/>
  <c r="AC60762" i="1"/>
  <c r="AC60763" i="1"/>
  <c r="AC60764" i="1"/>
  <c r="AC60765" i="1"/>
  <c r="AC60766" i="1"/>
  <c r="AC60767" i="1"/>
  <c r="AC60768" i="1"/>
  <c r="AC60769" i="1"/>
  <c r="AC60770" i="1"/>
  <c r="AC60771" i="1"/>
  <c r="AC60772" i="1"/>
  <c r="AC60773" i="1"/>
  <c r="AC60774" i="1"/>
  <c r="AC60775" i="1"/>
  <c r="AC60776" i="1"/>
  <c r="AC60777" i="1"/>
  <c r="AC60778" i="1"/>
  <c r="AC60779" i="1"/>
  <c r="AC60780" i="1"/>
  <c r="AC60781" i="1"/>
  <c r="AC60782" i="1"/>
  <c r="AC60783" i="1"/>
  <c r="AC60784" i="1"/>
  <c r="AC60785" i="1"/>
  <c r="AC60786" i="1"/>
  <c r="AC60787" i="1"/>
  <c r="AC60788" i="1"/>
  <c r="AC60789" i="1"/>
  <c r="AC60790" i="1"/>
  <c r="AC60791" i="1"/>
  <c r="AC60792" i="1"/>
  <c r="AC60793" i="1"/>
  <c r="AC60794" i="1"/>
  <c r="AC60795" i="1"/>
  <c r="AC60796" i="1"/>
  <c r="AC60797" i="1"/>
  <c r="AC60798" i="1"/>
  <c r="AC60799" i="1"/>
  <c r="AC60800" i="1"/>
  <c r="AC60801" i="1"/>
  <c r="AC60802" i="1"/>
  <c r="AC60803" i="1"/>
  <c r="AC60804" i="1"/>
  <c r="AC60805" i="1"/>
  <c r="AC60806" i="1"/>
  <c r="AC60807" i="1"/>
  <c r="AC60808" i="1"/>
  <c r="AC60809" i="1"/>
  <c r="AC60810" i="1"/>
  <c r="AC60811" i="1"/>
  <c r="AC60812" i="1"/>
  <c r="AC60813" i="1"/>
  <c r="AC60814" i="1"/>
  <c r="AC60815" i="1"/>
  <c r="AC60816" i="1"/>
  <c r="AC60817" i="1"/>
  <c r="AC60818" i="1"/>
  <c r="AC60819" i="1"/>
  <c r="AC60820" i="1"/>
  <c r="AC60821" i="1"/>
  <c r="AC60822" i="1"/>
  <c r="AC60823" i="1"/>
  <c r="AC60824" i="1"/>
  <c r="AC60825" i="1"/>
  <c r="AC60826" i="1"/>
  <c r="AC60827" i="1"/>
  <c r="AC60828" i="1"/>
  <c r="AC60829" i="1"/>
  <c r="AC60830" i="1"/>
  <c r="AC60831" i="1"/>
  <c r="AC60832" i="1"/>
  <c r="AC60833" i="1"/>
  <c r="AC60834" i="1"/>
  <c r="AC60835" i="1"/>
  <c r="AC60836" i="1"/>
  <c r="AC60837" i="1"/>
  <c r="AC60838" i="1"/>
  <c r="AC60839" i="1"/>
  <c r="AC60840" i="1"/>
  <c r="AC60841" i="1"/>
  <c r="AC60842" i="1"/>
  <c r="AC60843" i="1"/>
  <c r="AC60844" i="1"/>
  <c r="AC60845" i="1"/>
  <c r="AC60846" i="1"/>
  <c r="AC60847" i="1"/>
  <c r="AC60848" i="1"/>
  <c r="AC60849" i="1"/>
  <c r="AC60850" i="1"/>
  <c r="AC60851" i="1"/>
  <c r="AC60852" i="1"/>
  <c r="AC60853" i="1"/>
  <c r="AC60854" i="1"/>
  <c r="AC60855" i="1"/>
  <c r="AC60856" i="1"/>
  <c r="AC60857" i="1"/>
  <c r="AC60858" i="1"/>
  <c r="AC60859" i="1"/>
  <c r="AC60860" i="1"/>
  <c r="AC60861" i="1"/>
  <c r="AC60862" i="1"/>
  <c r="AC60863" i="1"/>
  <c r="AC60864" i="1"/>
  <c r="AC60865" i="1"/>
  <c r="AC60866" i="1"/>
  <c r="AC60867" i="1"/>
  <c r="AC60868" i="1"/>
  <c r="AC60869" i="1"/>
  <c r="AC60870" i="1"/>
  <c r="AC60871" i="1"/>
  <c r="AC60872" i="1"/>
  <c r="AC60873" i="1"/>
  <c r="AC60874" i="1"/>
  <c r="AC60875" i="1"/>
  <c r="AC60876" i="1"/>
  <c r="AC60877" i="1"/>
  <c r="AC60878" i="1"/>
  <c r="AC60879" i="1"/>
  <c r="AC60880" i="1"/>
  <c r="AC60881" i="1"/>
  <c r="AC60882" i="1"/>
  <c r="AC60883" i="1"/>
  <c r="AC60884" i="1"/>
  <c r="AC60885" i="1"/>
  <c r="AC60886" i="1"/>
  <c r="AC60887" i="1"/>
  <c r="AC60888" i="1"/>
  <c r="AC60889" i="1"/>
  <c r="AC60890" i="1"/>
  <c r="AC60891" i="1"/>
  <c r="AC60892" i="1"/>
  <c r="AC60893" i="1"/>
  <c r="AC60894" i="1"/>
  <c r="AC60895" i="1"/>
  <c r="AC60896" i="1"/>
  <c r="AC60897" i="1"/>
  <c r="AC60898" i="1"/>
  <c r="AC60899" i="1"/>
  <c r="AC60900" i="1"/>
  <c r="AC60901" i="1"/>
  <c r="AC60902" i="1"/>
  <c r="AC60903" i="1"/>
  <c r="AC60904" i="1"/>
  <c r="AC60905" i="1"/>
  <c r="AC60906" i="1"/>
  <c r="AC60907" i="1"/>
  <c r="AC60908" i="1"/>
  <c r="AC60909" i="1"/>
  <c r="AC60910" i="1"/>
  <c r="AC60911" i="1"/>
  <c r="AC60912" i="1"/>
  <c r="AC60913" i="1"/>
  <c r="AC60914" i="1"/>
  <c r="AC60915" i="1"/>
  <c r="AC60916" i="1"/>
  <c r="AC60917" i="1"/>
  <c r="AC60918" i="1"/>
  <c r="AC60919" i="1"/>
  <c r="AC60920" i="1"/>
  <c r="AC60921" i="1"/>
  <c r="AC60922" i="1"/>
  <c r="AC60923" i="1"/>
  <c r="AC60924" i="1"/>
  <c r="AC60925" i="1"/>
  <c r="AC60926" i="1"/>
  <c r="AC60927" i="1"/>
  <c r="AC60928" i="1"/>
  <c r="AC60929" i="1"/>
  <c r="AC60930" i="1"/>
  <c r="AC60931" i="1"/>
  <c r="AC60932" i="1"/>
  <c r="AC60933" i="1"/>
  <c r="AC60934" i="1"/>
  <c r="AC60935" i="1"/>
  <c r="AC60936" i="1"/>
  <c r="AC60937" i="1"/>
  <c r="AC60938" i="1"/>
  <c r="AC60939" i="1"/>
  <c r="AC60940" i="1"/>
  <c r="AC60941" i="1"/>
  <c r="AC60942" i="1"/>
  <c r="AC60943" i="1"/>
  <c r="AC60944" i="1"/>
  <c r="AC60945" i="1"/>
  <c r="AC60946" i="1"/>
  <c r="AC60947" i="1"/>
  <c r="AC60948" i="1"/>
  <c r="AC60949" i="1"/>
  <c r="AC60950" i="1"/>
  <c r="AC60951" i="1"/>
  <c r="AC60952" i="1"/>
  <c r="AC60953" i="1"/>
  <c r="AC60954" i="1"/>
  <c r="AC60955" i="1"/>
  <c r="AC60956" i="1"/>
  <c r="AC60957" i="1"/>
  <c r="AC60958" i="1"/>
  <c r="AC60959" i="1"/>
  <c r="AC60960" i="1"/>
  <c r="AC60961" i="1"/>
  <c r="AC60962" i="1"/>
  <c r="AC60963" i="1"/>
  <c r="AC60964" i="1"/>
  <c r="AC60965" i="1"/>
  <c r="AC60966" i="1"/>
  <c r="AC60967" i="1"/>
  <c r="AC60968" i="1"/>
  <c r="AC60969" i="1"/>
  <c r="AC60970" i="1"/>
  <c r="AC60971" i="1"/>
  <c r="AC60972" i="1"/>
  <c r="AC60973" i="1"/>
  <c r="AC60974" i="1"/>
  <c r="AC60975" i="1"/>
  <c r="AC60976" i="1"/>
  <c r="AC60977" i="1"/>
  <c r="AC60978" i="1"/>
  <c r="AC60979" i="1"/>
  <c r="AC60980" i="1"/>
  <c r="AC60981" i="1"/>
  <c r="AC60982" i="1"/>
  <c r="AC60983" i="1"/>
  <c r="AC60984" i="1"/>
  <c r="AC60985" i="1"/>
  <c r="AC60986" i="1"/>
  <c r="AC60987" i="1"/>
  <c r="AC60988" i="1"/>
  <c r="AC60989" i="1"/>
  <c r="AC60990" i="1"/>
  <c r="AC60991" i="1"/>
  <c r="AC60992" i="1"/>
  <c r="AC60993" i="1"/>
  <c r="AC60994" i="1"/>
  <c r="AC60995" i="1"/>
  <c r="AC60996" i="1"/>
  <c r="AC60997" i="1"/>
  <c r="AC60998" i="1"/>
  <c r="AC60999" i="1"/>
  <c r="AC61000" i="1"/>
  <c r="AC61001" i="1"/>
  <c r="AC61002" i="1"/>
  <c r="AC61003" i="1"/>
  <c r="AC61004" i="1"/>
  <c r="AC61005" i="1"/>
  <c r="AC61006" i="1"/>
  <c r="AC61007" i="1"/>
  <c r="AC61008" i="1"/>
  <c r="AC61009" i="1"/>
  <c r="AC61010" i="1"/>
  <c r="AC61011" i="1"/>
  <c r="AC61012" i="1"/>
  <c r="AC61013" i="1"/>
  <c r="AC61014" i="1"/>
  <c r="AC61015" i="1"/>
  <c r="AC61016" i="1"/>
  <c r="AC61017" i="1"/>
  <c r="AC61018" i="1"/>
  <c r="AC61019" i="1"/>
  <c r="AC61020" i="1"/>
  <c r="AC61021" i="1"/>
  <c r="AC61022" i="1"/>
  <c r="AC61023" i="1"/>
  <c r="AC61024" i="1"/>
  <c r="AC61025" i="1"/>
  <c r="AC61026" i="1"/>
  <c r="AC61027" i="1"/>
  <c r="AC61028" i="1"/>
  <c r="AC61029" i="1"/>
  <c r="AC61030" i="1"/>
  <c r="AC61031" i="1"/>
  <c r="AC61032" i="1"/>
  <c r="AC61033" i="1"/>
  <c r="AC61034" i="1"/>
  <c r="AC61035" i="1"/>
  <c r="AC61036" i="1"/>
  <c r="AC61037" i="1"/>
  <c r="AC61038" i="1"/>
  <c r="AC61039" i="1"/>
  <c r="AC61040" i="1"/>
  <c r="AC61041" i="1"/>
  <c r="AC61042" i="1"/>
  <c r="AC61043" i="1"/>
  <c r="AC61044" i="1"/>
  <c r="AC61045" i="1"/>
  <c r="AC61046" i="1"/>
  <c r="AC61047" i="1"/>
  <c r="AC61048" i="1"/>
  <c r="AC61049" i="1"/>
  <c r="AC61050" i="1"/>
  <c r="AC61051" i="1"/>
  <c r="AC61052" i="1"/>
  <c r="AC61053" i="1"/>
  <c r="AC61054" i="1"/>
  <c r="AC61055" i="1"/>
  <c r="AC61056" i="1"/>
  <c r="AC61057" i="1"/>
  <c r="AC61058" i="1"/>
  <c r="AC61059" i="1"/>
  <c r="AC61060" i="1"/>
  <c r="AC61061" i="1"/>
  <c r="AC61062" i="1"/>
  <c r="AC61063" i="1"/>
  <c r="AC61064" i="1"/>
  <c r="AC61065" i="1"/>
  <c r="AC61066" i="1"/>
  <c r="AC61067" i="1"/>
  <c r="AC61068" i="1"/>
  <c r="AC61069" i="1"/>
  <c r="AC61070" i="1"/>
  <c r="AC61071" i="1"/>
  <c r="AC61072" i="1"/>
  <c r="AC61073" i="1"/>
  <c r="AC61074" i="1"/>
  <c r="AC61075" i="1"/>
  <c r="AC61076" i="1"/>
  <c r="AC61077" i="1"/>
  <c r="AC61078" i="1"/>
  <c r="AC61079" i="1"/>
  <c r="AC61080" i="1"/>
  <c r="AC61081" i="1"/>
  <c r="AC61082" i="1"/>
  <c r="AC61083" i="1"/>
  <c r="AC61084" i="1"/>
  <c r="AC61085" i="1"/>
  <c r="AC61086" i="1"/>
  <c r="AC61087" i="1"/>
  <c r="AC61088" i="1"/>
  <c r="AC61089" i="1"/>
  <c r="AC61090" i="1"/>
  <c r="AC61091" i="1"/>
  <c r="AC61092" i="1"/>
  <c r="AC61093" i="1"/>
  <c r="AC61094" i="1"/>
  <c r="AC61095" i="1"/>
  <c r="AC61096" i="1"/>
  <c r="AC61097" i="1"/>
  <c r="AC61098" i="1"/>
  <c r="AC61099" i="1"/>
  <c r="AC61100" i="1"/>
  <c r="AC61101" i="1"/>
  <c r="AC61102" i="1"/>
  <c r="AC61103" i="1"/>
  <c r="AC61104" i="1"/>
  <c r="AC61105" i="1"/>
  <c r="AC61106" i="1"/>
  <c r="AC61107" i="1"/>
  <c r="AC61108" i="1"/>
  <c r="AC61109" i="1"/>
  <c r="AC61110" i="1"/>
  <c r="AC61111" i="1"/>
  <c r="AC61112" i="1"/>
  <c r="AC61113" i="1"/>
  <c r="AC61114" i="1"/>
  <c r="AC61115" i="1"/>
  <c r="AC61116" i="1"/>
  <c r="AC61117" i="1"/>
  <c r="AC61118" i="1"/>
  <c r="AC61119" i="1"/>
  <c r="AC61120" i="1"/>
  <c r="AC61121" i="1"/>
  <c r="AC61122" i="1"/>
  <c r="AC61123" i="1"/>
  <c r="AC61124" i="1"/>
  <c r="AC61125" i="1"/>
  <c r="AC61126" i="1"/>
  <c r="AC61127" i="1"/>
  <c r="AC61128" i="1"/>
  <c r="AC61129" i="1"/>
  <c r="AC61130" i="1"/>
  <c r="AC61131" i="1"/>
  <c r="AC61132" i="1"/>
  <c r="AC61133" i="1"/>
  <c r="AC61134" i="1"/>
  <c r="AC61135" i="1"/>
  <c r="AC61136" i="1"/>
  <c r="AC61137" i="1"/>
  <c r="AC61138" i="1"/>
  <c r="AC61139" i="1"/>
  <c r="AC61140" i="1"/>
  <c r="AC61141" i="1"/>
  <c r="AC61142" i="1"/>
  <c r="AC61143" i="1"/>
  <c r="AC61144" i="1"/>
  <c r="AC61145" i="1"/>
  <c r="AC61146" i="1"/>
  <c r="AC61147" i="1"/>
  <c r="AC61148" i="1"/>
  <c r="AC61149" i="1"/>
  <c r="AC61150" i="1"/>
  <c r="AC61151" i="1"/>
  <c r="AC61152" i="1"/>
  <c r="AC61153" i="1"/>
  <c r="AC61154" i="1"/>
  <c r="AC61155" i="1"/>
  <c r="AC61156" i="1"/>
  <c r="AC61157" i="1"/>
  <c r="AC61158" i="1"/>
  <c r="AC61159" i="1"/>
  <c r="AC61160" i="1"/>
  <c r="AC61161" i="1"/>
  <c r="AC61162" i="1"/>
  <c r="AC61163" i="1"/>
  <c r="AC61164" i="1"/>
  <c r="AC61165" i="1"/>
  <c r="AC61166" i="1"/>
  <c r="AC61167" i="1"/>
  <c r="AC61168" i="1"/>
  <c r="AC61169" i="1"/>
  <c r="AC61170" i="1"/>
  <c r="AC61171" i="1"/>
  <c r="AC61172" i="1"/>
  <c r="AC61173" i="1"/>
  <c r="AC61174" i="1"/>
  <c r="AC61175" i="1"/>
  <c r="AC61176" i="1"/>
  <c r="AC61177" i="1"/>
  <c r="AC61178" i="1"/>
  <c r="AC61179" i="1"/>
  <c r="AC61180" i="1"/>
  <c r="AC61181" i="1"/>
  <c r="AC61182" i="1"/>
  <c r="AC61183" i="1"/>
  <c r="AC61184" i="1"/>
  <c r="AC61185" i="1"/>
  <c r="AC61186" i="1"/>
  <c r="AC61187" i="1"/>
  <c r="AC61188" i="1"/>
  <c r="AC61189" i="1"/>
  <c r="AC61190" i="1"/>
  <c r="AC61191" i="1"/>
  <c r="AC61192" i="1"/>
  <c r="AC61193" i="1"/>
  <c r="AC61194" i="1"/>
  <c r="AC61195" i="1"/>
  <c r="AC61196" i="1"/>
  <c r="AC61197" i="1"/>
  <c r="AC61198" i="1"/>
  <c r="AC61199" i="1"/>
  <c r="AC61200" i="1"/>
  <c r="AC61201" i="1"/>
  <c r="AC61202" i="1"/>
  <c r="AC61203" i="1"/>
  <c r="AC61204" i="1"/>
  <c r="AC61205" i="1"/>
  <c r="AC61206" i="1"/>
  <c r="AC61207" i="1"/>
  <c r="AC61208" i="1"/>
  <c r="AC61209" i="1"/>
  <c r="AC61210" i="1"/>
  <c r="AC61211" i="1"/>
  <c r="AC61212" i="1"/>
  <c r="AC61213" i="1"/>
  <c r="AC61214" i="1"/>
  <c r="AC61215" i="1"/>
  <c r="AC61216" i="1"/>
  <c r="AC61217" i="1"/>
  <c r="AC61218" i="1"/>
  <c r="AC61219" i="1"/>
  <c r="AC61220" i="1"/>
  <c r="AC61221" i="1"/>
  <c r="AC61222" i="1"/>
  <c r="AC61223" i="1"/>
  <c r="AC61224" i="1"/>
  <c r="AC61225" i="1"/>
  <c r="AC61226" i="1"/>
  <c r="AC61227" i="1"/>
  <c r="AC61228" i="1"/>
  <c r="AC61229" i="1"/>
  <c r="AC61230" i="1"/>
  <c r="AC61231" i="1"/>
  <c r="AC61232" i="1"/>
  <c r="AC61233" i="1"/>
  <c r="AC61234" i="1"/>
  <c r="AC61235" i="1"/>
  <c r="AC61236" i="1"/>
  <c r="AC61237" i="1"/>
  <c r="AC61238" i="1"/>
  <c r="AC61239" i="1"/>
  <c r="AC61240" i="1"/>
  <c r="AC61241" i="1"/>
  <c r="AC61242" i="1"/>
  <c r="AC61243" i="1"/>
  <c r="AC61244" i="1"/>
  <c r="AC61245" i="1"/>
  <c r="AC61246" i="1"/>
  <c r="AC61247" i="1"/>
  <c r="AC61248" i="1"/>
  <c r="AC61249" i="1"/>
  <c r="AC61250" i="1"/>
  <c r="AC61251" i="1"/>
  <c r="AC61252" i="1"/>
  <c r="AC61253" i="1"/>
  <c r="AC61254" i="1"/>
  <c r="AC61255" i="1"/>
  <c r="AC61256" i="1"/>
  <c r="AC61257" i="1"/>
  <c r="AC61258" i="1"/>
  <c r="AC61259" i="1"/>
  <c r="AC61260" i="1"/>
  <c r="AC61261" i="1"/>
  <c r="AC61262" i="1"/>
  <c r="AC61263" i="1"/>
  <c r="AC61264" i="1"/>
  <c r="AC61265" i="1"/>
  <c r="AC61266" i="1"/>
  <c r="AC61267" i="1"/>
  <c r="AC61268" i="1"/>
  <c r="AC61269" i="1"/>
  <c r="AC61270" i="1"/>
  <c r="AC61271" i="1"/>
  <c r="AC61272" i="1"/>
  <c r="AC61273" i="1"/>
  <c r="AC61274" i="1"/>
  <c r="AC61275" i="1"/>
  <c r="AC61276" i="1"/>
  <c r="AC61277" i="1"/>
  <c r="AC61278" i="1"/>
  <c r="AC61279" i="1"/>
  <c r="AC61280" i="1"/>
  <c r="AC61281" i="1"/>
  <c r="AC61282" i="1"/>
  <c r="AC61283" i="1"/>
  <c r="AC61284" i="1"/>
  <c r="AC61285" i="1"/>
  <c r="AC61286" i="1"/>
  <c r="AC61287" i="1"/>
  <c r="AC61288" i="1"/>
  <c r="AC61289" i="1"/>
  <c r="AC61290" i="1"/>
  <c r="AC61291" i="1"/>
  <c r="AC61292" i="1"/>
  <c r="AC61293" i="1"/>
  <c r="AC61294" i="1"/>
  <c r="AC61295" i="1"/>
  <c r="AC61296" i="1"/>
  <c r="AC61297" i="1"/>
  <c r="AC61298" i="1"/>
  <c r="AC61299" i="1"/>
  <c r="AC61300" i="1"/>
  <c r="AC61301" i="1"/>
  <c r="AC61302" i="1"/>
  <c r="AC61303" i="1"/>
  <c r="AC61304" i="1"/>
  <c r="AC61305" i="1"/>
  <c r="AC61306" i="1"/>
  <c r="AC61307" i="1"/>
  <c r="AC61308" i="1"/>
  <c r="AC61309" i="1"/>
  <c r="AC61310" i="1"/>
  <c r="AC61311" i="1"/>
  <c r="AC61312" i="1"/>
  <c r="AC61313" i="1"/>
  <c r="AC61314" i="1"/>
  <c r="AC61315" i="1"/>
  <c r="AC61316" i="1"/>
  <c r="AC61317" i="1"/>
  <c r="AC61318" i="1"/>
  <c r="AC61319" i="1"/>
  <c r="AC61320" i="1"/>
  <c r="AC61321" i="1"/>
  <c r="AC61322" i="1"/>
  <c r="AC61323" i="1"/>
  <c r="AC61324" i="1"/>
  <c r="AC61325" i="1"/>
  <c r="AC61326" i="1"/>
  <c r="AC61327" i="1"/>
  <c r="AC61328" i="1"/>
  <c r="AC61329" i="1"/>
  <c r="AC61330" i="1"/>
  <c r="AC61331" i="1"/>
  <c r="AC61332" i="1"/>
  <c r="AC61333" i="1"/>
  <c r="AC61334" i="1"/>
  <c r="AC61335" i="1"/>
  <c r="AC61336" i="1"/>
  <c r="AC61337" i="1"/>
  <c r="AC61338" i="1"/>
  <c r="AC61339" i="1"/>
  <c r="AC61340" i="1"/>
  <c r="AC61341" i="1"/>
  <c r="AC61342" i="1"/>
  <c r="AC61343" i="1"/>
  <c r="AC61344" i="1"/>
  <c r="AC61345" i="1"/>
  <c r="AC61346" i="1"/>
  <c r="AC61347" i="1"/>
  <c r="AC61348" i="1"/>
  <c r="AC61349" i="1"/>
  <c r="AC61350" i="1"/>
  <c r="AC61351" i="1"/>
  <c r="AC61352" i="1"/>
  <c r="AC61353" i="1"/>
  <c r="AC61354" i="1"/>
  <c r="AC61355" i="1"/>
  <c r="AC61356" i="1"/>
  <c r="AC61357" i="1"/>
  <c r="AC61358" i="1"/>
  <c r="AC61359" i="1"/>
  <c r="AC61360" i="1"/>
  <c r="AC61361" i="1"/>
  <c r="AC61362" i="1"/>
  <c r="AC61363" i="1"/>
  <c r="AC61364" i="1"/>
  <c r="AC61365" i="1"/>
  <c r="AC61366" i="1"/>
  <c r="AC61367" i="1"/>
  <c r="AC61368" i="1"/>
  <c r="AC61369" i="1"/>
  <c r="AC61370" i="1"/>
  <c r="AC61371" i="1"/>
  <c r="AC61372" i="1"/>
  <c r="AC61373" i="1"/>
  <c r="AC61374" i="1"/>
  <c r="AC61375" i="1"/>
  <c r="AC61376" i="1"/>
  <c r="AC61377" i="1"/>
  <c r="AC61378" i="1"/>
  <c r="AC61379" i="1"/>
  <c r="AC61380" i="1"/>
  <c r="AC61381" i="1"/>
  <c r="AC61382" i="1"/>
  <c r="AC61383" i="1"/>
  <c r="AC61384" i="1"/>
  <c r="AC61385" i="1"/>
  <c r="AC61386" i="1"/>
  <c r="AC61387" i="1"/>
  <c r="AC61388" i="1"/>
  <c r="AC61389" i="1"/>
  <c r="AC61390" i="1"/>
  <c r="AC61391" i="1"/>
  <c r="AC61392" i="1"/>
  <c r="AC61393" i="1"/>
  <c r="AC61394" i="1"/>
  <c r="AC61395" i="1"/>
  <c r="AC61396" i="1"/>
  <c r="AC61397" i="1"/>
  <c r="AC61398" i="1"/>
  <c r="AC61399" i="1"/>
  <c r="AC61400" i="1"/>
  <c r="AC61401" i="1"/>
  <c r="AC61402" i="1"/>
  <c r="AC61403" i="1"/>
  <c r="AC61404" i="1"/>
  <c r="AC61405" i="1"/>
  <c r="AC61406" i="1"/>
  <c r="AC61407" i="1"/>
  <c r="AC61408" i="1"/>
  <c r="AC61409" i="1"/>
  <c r="AC61410" i="1"/>
  <c r="AC61411" i="1"/>
  <c r="AC61412" i="1"/>
  <c r="AC61413" i="1"/>
  <c r="AC61414" i="1"/>
  <c r="AC61415" i="1"/>
  <c r="AC61416" i="1"/>
  <c r="AC61417" i="1"/>
  <c r="AC61418" i="1"/>
  <c r="AC61419" i="1"/>
  <c r="AC61420" i="1"/>
  <c r="AC61421" i="1"/>
  <c r="AC61422" i="1"/>
  <c r="AC61423" i="1"/>
  <c r="AC61424" i="1"/>
  <c r="AC61425" i="1"/>
  <c r="AC61426" i="1"/>
  <c r="AC61427" i="1"/>
  <c r="AC61428" i="1"/>
  <c r="AC61429" i="1"/>
  <c r="AC61430" i="1"/>
  <c r="AC61431" i="1"/>
  <c r="AC61432" i="1"/>
  <c r="AC61433" i="1"/>
  <c r="AC61434" i="1"/>
  <c r="AC61435" i="1"/>
  <c r="AC61436" i="1"/>
  <c r="AC61437" i="1"/>
  <c r="AC61438" i="1"/>
  <c r="AC61439" i="1"/>
  <c r="AC61440" i="1"/>
  <c r="AC61441" i="1"/>
  <c r="AC61442" i="1"/>
  <c r="AC61443" i="1"/>
  <c r="AC61444" i="1"/>
  <c r="AC61445" i="1"/>
  <c r="AC61446" i="1"/>
  <c r="AC61447" i="1"/>
  <c r="AC61448" i="1"/>
  <c r="AC61449" i="1"/>
  <c r="AC61450" i="1"/>
  <c r="AC61451" i="1"/>
  <c r="AC61452" i="1"/>
  <c r="AC61453" i="1"/>
  <c r="AC61454" i="1"/>
  <c r="AC61455" i="1"/>
  <c r="AC61456" i="1"/>
  <c r="AC61457" i="1"/>
  <c r="AC61458" i="1"/>
  <c r="AC61459" i="1"/>
  <c r="AC61460" i="1"/>
  <c r="AC61461" i="1"/>
  <c r="AC61462" i="1"/>
  <c r="AC61463" i="1"/>
  <c r="AC61464" i="1"/>
  <c r="AC61465" i="1"/>
  <c r="AC61466" i="1"/>
  <c r="AC61467" i="1"/>
  <c r="AC61468" i="1"/>
  <c r="AC61469" i="1"/>
  <c r="AC61470" i="1"/>
  <c r="AC61471" i="1"/>
  <c r="AC61472" i="1"/>
  <c r="AC61473" i="1"/>
  <c r="AC61474" i="1"/>
  <c r="AC61475" i="1"/>
  <c r="AC61476" i="1"/>
  <c r="AC61477" i="1"/>
  <c r="AC61478" i="1"/>
  <c r="AC61479" i="1"/>
  <c r="AC61480" i="1"/>
  <c r="AC61481" i="1"/>
  <c r="AC61482" i="1"/>
  <c r="AC61483" i="1"/>
  <c r="AC61484" i="1"/>
  <c r="AC61485" i="1"/>
  <c r="AC61486" i="1"/>
  <c r="AC61487" i="1"/>
  <c r="AC61488" i="1"/>
  <c r="AC61489" i="1"/>
  <c r="AC61490" i="1"/>
  <c r="AC61491" i="1"/>
  <c r="AC61492" i="1"/>
  <c r="AC61493" i="1"/>
  <c r="AC61494" i="1"/>
  <c r="AC61495" i="1"/>
  <c r="AC61496" i="1"/>
  <c r="AC61497" i="1"/>
  <c r="AC61498" i="1"/>
  <c r="AC61499" i="1"/>
  <c r="AC61500" i="1"/>
  <c r="AC61501" i="1"/>
  <c r="AC61502" i="1"/>
  <c r="AC61503" i="1"/>
  <c r="AC61504" i="1"/>
  <c r="AC61505" i="1"/>
  <c r="AC61506" i="1"/>
  <c r="AC61507" i="1"/>
  <c r="AC61508" i="1"/>
  <c r="AC61509" i="1"/>
  <c r="AC61510" i="1"/>
  <c r="AC61511" i="1"/>
  <c r="AC61512" i="1"/>
  <c r="AC61513" i="1"/>
  <c r="AC61514" i="1"/>
  <c r="AC61515" i="1"/>
  <c r="AC61516" i="1"/>
  <c r="AC61517" i="1"/>
  <c r="AC61518" i="1"/>
  <c r="AC61519" i="1"/>
  <c r="AC61520" i="1"/>
  <c r="AC61521" i="1"/>
  <c r="AC61522" i="1"/>
  <c r="AC61523" i="1"/>
  <c r="AC61524" i="1"/>
  <c r="AC61525" i="1"/>
  <c r="AC61526" i="1"/>
  <c r="AC61527" i="1"/>
  <c r="AC61528" i="1"/>
  <c r="AC61529" i="1"/>
  <c r="AC61530" i="1"/>
  <c r="AC61531" i="1"/>
  <c r="AC61532" i="1"/>
  <c r="AC61533" i="1"/>
  <c r="AC61534" i="1"/>
  <c r="AC61535" i="1"/>
  <c r="AC61536" i="1"/>
  <c r="AC61537" i="1"/>
  <c r="AC61538" i="1"/>
  <c r="AC61539" i="1"/>
  <c r="AC61540" i="1"/>
  <c r="AC61541" i="1"/>
  <c r="AC61542" i="1"/>
  <c r="AC61543" i="1"/>
  <c r="AC61544" i="1"/>
  <c r="AC61545" i="1"/>
  <c r="AC61546" i="1"/>
  <c r="AC61547" i="1"/>
  <c r="AC61548" i="1"/>
  <c r="AC61549" i="1"/>
  <c r="AC61550" i="1"/>
  <c r="AC61551" i="1"/>
  <c r="AC61552" i="1"/>
  <c r="AC61553" i="1"/>
  <c r="AC61554" i="1"/>
  <c r="AC61555" i="1"/>
  <c r="AC61556" i="1"/>
  <c r="AC61557" i="1"/>
  <c r="AC61558" i="1"/>
  <c r="AC61559" i="1"/>
  <c r="AC61560" i="1"/>
  <c r="AC61561" i="1"/>
  <c r="AC61562" i="1"/>
  <c r="AC61563" i="1"/>
  <c r="AC61564" i="1"/>
  <c r="AC61565" i="1"/>
  <c r="AC61566" i="1"/>
  <c r="AC61567" i="1"/>
  <c r="AC61568" i="1"/>
  <c r="AC61569" i="1"/>
  <c r="AC61570" i="1"/>
  <c r="AC61571" i="1"/>
  <c r="AC61572" i="1"/>
  <c r="AC61573" i="1"/>
  <c r="AC61574" i="1"/>
  <c r="AC61575" i="1"/>
  <c r="AC61576" i="1"/>
  <c r="AC61577" i="1"/>
  <c r="AC61578" i="1"/>
  <c r="AC61579" i="1"/>
  <c r="AC61580" i="1"/>
  <c r="AC61581" i="1"/>
  <c r="AC61582" i="1"/>
  <c r="AC61583" i="1"/>
  <c r="AC61584" i="1"/>
  <c r="AC61585" i="1"/>
  <c r="AC61586" i="1"/>
  <c r="AC61587" i="1"/>
  <c r="AC61588" i="1"/>
  <c r="AC61589" i="1"/>
  <c r="AC61590" i="1"/>
  <c r="AC61591" i="1"/>
  <c r="AC61592" i="1"/>
  <c r="AC61593" i="1"/>
  <c r="AC61594" i="1"/>
  <c r="AC61595" i="1"/>
  <c r="AC61596" i="1"/>
  <c r="AC61597" i="1"/>
  <c r="AC61598" i="1"/>
  <c r="AC61599" i="1"/>
  <c r="AC61600" i="1"/>
  <c r="AC61601" i="1"/>
  <c r="AC61602" i="1"/>
  <c r="AC61603" i="1"/>
  <c r="AC61604" i="1"/>
  <c r="AC61605" i="1"/>
  <c r="AC61606" i="1"/>
  <c r="AC61607" i="1"/>
  <c r="AC61608" i="1"/>
  <c r="AC61609" i="1"/>
  <c r="AC61610" i="1"/>
  <c r="AC61611" i="1"/>
  <c r="AC61612" i="1"/>
  <c r="AC61613" i="1"/>
  <c r="AC61614" i="1"/>
  <c r="AC61615" i="1"/>
  <c r="AC61616" i="1"/>
  <c r="AC61617" i="1"/>
  <c r="AC61618" i="1"/>
  <c r="AC61619" i="1"/>
  <c r="AC61620" i="1"/>
  <c r="AC61621" i="1"/>
  <c r="AC61622" i="1"/>
  <c r="AC61623" i="1"/>
  <c r="AC61624" i="1"/>
  <c r="AC61625" i="1"/>
  <c r="AC61626" i="1"/>
  <c r="AC61627" i="1"/>
  <c r="AC61628" i="1"/>
  <c r="AC61629" i="1"/>
  <c r="AC61630" i="1"/>
  <c r="AC61631" i="1"/>
  <c r="AC61632" i="1"/>
  <c r="AC61633" i="1"/>
  <c r="AC61634" i="1"/>
  <c r="AC61635" i="1"/>
  <c r="AC61636" i="1"/>
  <c r="AC61637" i="1"/>
  <c r="AC61638" i="1"/>
  <c r="AC61639" i="1"/>
  <c r="AC61640" i="1"/>
  <c r="AC61641" i="1"/>
  <c r="AC61642" i="1"/>
  <c r="AC61643" i="1"/>
  <c r="AC61644" i="1"/>
  <c r="AC61645" i="1"/>
  <c r="AC61646" i="1"/>
  <c r="AC61647" i="1"/>
  <c r="AC61648" i="1"/>
  <c r="AC61649" i="1"/>
  <c r="AC61650" i="1"/>
  <c r="AC61651" i="1"/>
  <c r="AC61652" i="1"/>
  <c r="AC61653" i="1"/>
  <c r="AC61654" i="1"/>
  <c r="AC61655" i="1"/>
  <c r="AC61656" i="1"/>
  <c r="AC61657" i="1"/>
  <c r="AC61658" i="1"/>
  <c r="AC61659" i="1"/>
  <c r="AC61660" i="1"/>
  <c r="AC61661" i="1"/>
  <c r="AC61662" i="1"/>
  <c r="AC61663" i="1"/>
  <c r="AC61664" i="1"/>
  <c r="AC61665" i="1"/>
  <c r="AC61666" i="1"/>
  <c r="AC61667" i="1"/>
  <c r="AC61668" i="1"/>
  <c r="AC61669" i="1"/>
  <c r="AC61670" i="1"/>
  <c r="AC61671" i="1"/>
  <c r="AC61672" i="1"/>
  <c r="AC61673" i="1"/>
  <c r="AC61674" i="1"/>
  <c r="AC61675" i="1"/>
  <c r="AC61676" i="1"/>
  <c r="AC61677" i="1"/>
  <c r="AC61678" i="1"/>
  <c r="AC61679" i="1"/>
  <c r="AC61680" i="1"/>
  <c r="AC61681" i="1"/>
  <c r="AC61682" i="1"/>
  <c r="AC61683" i="1"/>
  <c r="AC61684" i="1"/>
  <c r="AC61685" i="1"/>
  <c r="AC61686" i="1"/>
  <c r="AC61687" i="1"/>
  <c r="AC61688" i="1"/>
  <c r="AC61689" i="1"/>
  <c r="AC61690" i="1"/>
  <c r="AC61691" i="1"/>
  <c r="AC61692" i="1"/>
  <c r="AC61693" i="1"/>
  <c r="AC61694" i="1"/>
  <c r="AC61695" i="1"/>
  <c r="AC61696" i="1"/>
  <c r="AC61697" i="1"/>
  <c r="AC61698" i="1"/>
  <c r="AC61699" i="1"/>
  <c r="AC61700" i="1"/>
  <c r="AC61701" i="1"/>
  <c r="AC61702" i="1"/>
  <c r="AC61703" i="1"/>
  <c r="AC61704" i="1"/>
  <c r="AC61705" i="1"/>
  <c r="AC61706" i="1"/>
  <c r="AC61707" i="1"/>
  <c r="AC61708" i="1"/>
  <c r="AC61709" i="1"/>
  <c r="AC61710" i="1"/>
  <c r="AC61711" i="1"/>
  <c r="AC61712" i="1"/>
  <c r="AC61713" i="1"/>
  <c r="AC61714" i="1"/>
  <c r="AC61715" i="1"/>
  <c r="AC61716" i="1"/>
  <c r="AC61717" i="1"/>
  <c r="AC61718" i="1"/>
  <c r="AC61719" i="1"/>
  <c r="AC61720" i="1"/>
  <c r="AC61721" i="1"/>
  <c r="AC61722" i="1"/>
  <c r="AC61723" i="1"/>
  <c r="AC61724" i="1"/>
  <c r="AC61725" i="1"/>
  <c r="AC61726" i="1"/>
  <c r="AC61727" i="1"/>
  <c r="AC61728" i="1"/>
  <c r="AC61729" i="1"/>
  <c r="AC61730" i="1"/>
  <c r="AC61731" i="1"/>
  <c r="AC61732" i="1"/>
  <c r="AC61733" i="1"/>
  <c r="AC61734" i="1"/>
  <c r="AC61735" i="1"/>
  <c r="AC61736" i="1"/>
  <c r="AC61737" i="1"/>
  <c r="AC61738" i="1"/>
  <c r="AC61739" i="1"/>
  <c r="AC61740" i="1"/>
  <c r="AC61741" i="1"/>
  <c r="AC61742" i="1"/>
  <c r="AC61743" i="1"/>
  <c r="AC61744" i="1"/>
  <c r="AC61745" i="1"/>
  <c r="AC61746" i="1"/>
  <c r="AC61747" i="1"/>
  <c r="AC61748" i="1"/>
  <c r="AC61749" i="1"/>
  <c r="AC61750" i="1"/>
  <c r="AC61751" i="1"/>
  <c r="AC61752" i="1"/>
  <c r="AC61753" i="1"/>
  <c r="AC61754" i="1"/>
  <c r="AC61755" i="1"/>
  <c r="AC61756" i="1"/>
  <c r="AC61757" i="1"/>
  <c r="AC61758" i="1"/>
  <c r="AC61759" i="1"/>
  <c r="AC61760" i="1"/>
  <c r="AC61761" i="1"/>
  <c r="AC61762" i="1"/>
  <c r="AC61763" i="1"/>
  <c r="AC61764" i="1"/>
  <c r="AC61765" i="1"/>
  <c r="AC61766" i="1"/>
  <c r="AC61767" i="1"/>
  <c r="AC61768" i="1"/>
  <c r="AC61769" i="1"/>
  <c r="AC61770" i="1"/>
  <c r="AC61771" i="1"/>
  <c r="AC61772" i="1"/>
  <c r="AC61773" i="1"/>
  <c r="AC61774" i="1"/>
  <c r="AC61775" i="1"/>
  <c r="AC61776" i="1"/>
  <c r="AC61777" i="1"/>
  <c r="AC61778" i="1"/>
  <c r="AC61779" i="1"/>
  <c r="AC61780" i="1"/>
  <c r="AC61781" i="1"/>
  <c r="AC61782" i="1"/>
  <c r="AC61783" i="1"/>
  <c r="AC61784" i="1"/>
  <c r="AC61785" i="1"/>
  <c r="AC61786" i="1"/>
  <c r="AC61787" i="1"/>
  <c r="AC61788" i="1"/>
  <c r="AC61789" i="1"/>
  <c r="AC61790" i="1"/>
  <c r="AC61791" i="1"/>
  <c r="AC61792" i="1"/>
  <c r="AC61793" i="1"/>
  <c r="AC61794" i="1"/>
  <c r="AC61795" i="1"/>
  <c r="AC61796" i="1"/>
  <c r="AC61797" i="1"/>
  <c r="AC61798" i="1"/>
  <c r="AC61799" i="1"/>
  <c r="AC61800" i="1"/>
  <c r="AC61801" i="1"/>
  <c r="AC61802" i="1"/>
  <c r="AC61803" i="1"/>
  <c r="AC61804" i="1"/>
  <c r="AC61805" i="1"/>
  <c r="AC61806" i="1"/>
  <c r="AC61807" i="1"/>
  <c r="AC61808" i="1"/>
  <c r="AC61809" i="1"/>
  <c r="AC61810" i="1"/>
  <c r="AC61811" i="1"/>
  <c r="AC61812" i="1"/>
  <c r="AC61813" i="1"/>
  <c r="AC61814" i="1"/>
  <c r="AC61815" i="1"/>
  <c r="AC61816" i="1"/>
  <c r="AC61817" i="1"/>
  <c r="AC61818" i="1"/>
  <c r="AC61819" i="1"/>
  <c r="AC61820" i="1"/>
  <c r="AC61821" i="1"/>
  <c r="AC61822" i="1"/>
  <c r="AC61823" i="1"/>
  <c r="AC61824" i="1"/>
  <c r="AC61825" i="1"/>
  <c r="AC61826" i="1"/>
  <c r="AC61827" i="1"/>
  <c r="AC61828" i="1"/>
  <c r="AC61829" i="1"/>
  <c r="AC61830" i="1"/>
  <c r="AC61831" i="1"/>
  <c r="AC61832" i="1"/>
  <c r="AC61833" i="1"/>
  <c r="AC61834" i="1"/>
  <c r="AC61835" i="1"/>
  <c r="AC61836" i="1"/>
  <c r="AC61837" i="1"/>
  <c r="AC61838" i="1"/>
  <c r="AC61839" i="1"/>
  <c r="AC61840" i="1"/>
  <c r="AC61841" i="1"/>
  <c r="AC61842" i="1"/>
  <c r="AC61843" i="1"/>
  <c r="AC61844" i="1"/>
  <c r="AC61845" i="1"/>
  <c r="AC61846" i="1"/>
  <c r="AC61847" i="1"/>
  <c r="AC61848" i="1"/>
  <c r="AC61849" i="1"/>
  <c r="AC61850" i="1"/>
  <c r="AC61851" i="1"/>
  <c r="AC61852" i="1"/>
  <c r="AC61853" i="1"/>
  <c r="AC61854" i="1"/>
  <c r="AC61855" i="1"/>
  <c r="AC61856" i="1"/>
  <c r="AC61857" i="1"/>
  <c r="AC61858" i="1"/>
  <c r="AC61859" i="1"/>
  <c r="AC61860" i="1"/>
  <c r="AC61861" i="1"/>
  <c r="AC61862" i="1"/>
  <c r="AC61863" i="1"/>
  <c r="AC61864" i="1"/>
  <c r="AC61865" i="1"/>
  <c r="AC61866" i="1"/>
  <c r="AC61867" i="1"/>
  <c r="AC61868" i="1"/>
  <c r="AC61869" i="1"/>
  <c r="AC61870" i="1"/>
  <c r="AC61871" i="1"/>
  <c r="AC61872" i="1"/>
  <c r="AC61873" i="1"/>
  <c r="AC61874" i="1"/>
  <c r="AC61875" i="1"/>
  <c r="AC61876" i="1"/>
  <c r="AC61877" i="1"/>
  <c r="AC61878" i="1"/>
  <c r="AC61879" i="1"/>
  <c r="AC61880" i="1"/>
  <c r="AC61881" i="1"/>
  <c r="AC61882" i="1"/>
  <c r="AC61883" i="1"/>
  <c r="AC61884" i="1"/>
  <c r="AC61885" i="1"/>
  <c r="AC61886" i="1"/>
  <c r="AC61887" i="1"/>
  <c r="AC61888" i="1"/>
  <c r="AC61889" i="1"/>
  <c r="AC61890" i="1"/>
  <c r="AC61891" i="1"/>
  <c r="AC61892" i="1"/>
  <c r="AC61893" i="1"/>
  <c r="AC61894" i="1"/>
  <c r="AC61895" i="1"/>
  <c r="AC61896" i="1"/>
  <c r="AC61897" i="1"/>
  <c r="AC61898" i="1"/>
  <c r="AC61899" i="1"/>
  <c r="AC61900" i="1"/>
  <c r="AC61901" i="1"/>
  <c r="AC61902" i="1"/>
  <c r="AC61903" i="1"/>
  <c r="AC61904" i="1"/>
  <c r="AC61905" i="1"/>
  <c r="AC61906" i="1"/>
  <c r="AC61907" i="1"/>
  <c r="AC61908" i="1"/>
  <c r="AC61909" i="1"/>
  <c r="AC61910" i="1"/>
  <c r="AC61911" i="1"/>
  <c r="AC61912" i="1"/>
  <c r="AC61913" i="1"/>
  <c r="AC61914" i="1"/>
  <c r="AC61915" i="1"/>
  <c r="AC61916" i="1"/>
  <c r="AC61917" i="1"/>
  <c r="AC61918" i="1"/>
  <c r="AC61919" i="1"/>
  <c r="AC61920" i="1"/>
  <c r="AC61921" i="1"/>
  <c r="AC61922" i="1"/>
  <c r="AC61923" i="1"/>
  <c r="AC61924" i="1"/>
  <c r="AC61925" i="1"/>
  <c r="AC61926" i="1"/>
  <c r="AC61927" i="1"/>
  <c r="AC61928" i="1"/>
  <c r="AC61929" i="1"/>
  <c r="AC61930" i="1"/>
  <c r="AC61931" i="1"/>
  <c r="AC61932" i="1"/>
  <c r="AC61933" i="1"/>
  <c r="AC61934" i="1"/>
  <c r="AC61935" i="1"/>
  <c r="AC61936" i="1"/>
  <c r="AC61937" i="1"/>
  <c r="AC61938" i="1"/>
  <c r="AC61939" i="1"/>
  <c r="AC61940" i="1"/>
  <c r="AC61941" i="1"/>
  <c r="AC61942" i="1"/>
  <c r="AC61943" i="1"/>
  <c r="AC61944" i="1"/>
  <c r="AC61945" i="1"/>
  <c r="AC61946" i="1"/>
  <c r="AC61947" i="1"/>
  <c r="AC61948" i="1"/>
  <c r="AC61949" i="1"/>
  <c r="AC61950" i="1"/>
  <c r="AC61951" i="1"/>
  <c r="AC61952" i="1"/>
  <c r="AC61953" i="1"/>
  <c r="AC61954" i="1"/>
  <c r="AC61955" i="1"/>
  <c r="AC61956" i="1"/>
  <c r="AC61957" i="1"/>
  <c r="AC61958" i="1"/>
  <c r="AC61959" i="1"/>
  <c r="AC61960" i="1"/>
  <c r="AC61961" i="1"/>
  <c r="AC61962" i="1"/>
  <c r="AC61963" i="1"/>
  <c r="AC61964" i="1"/>
  <c r="AC61965" i="1"/>
  <c r="AC61966" i="1"/>
  <c r="AC61967" i="1"/>
  <c r="AC61968" i="1"/>
  <c r="AC61969" i="1"/>
  <c r="AC61970" i="1"/>
  <c r="AC61971" i="1"/>
  <c r="AC61972" i="1"/>
  <c r="AC61973" i="1"/>
  <c r="AC61974" i="1"/>
  <c r="AC61975" i="1"/>
  <c r="AC61976" i="1"/>
  <c r="AC61977" i="1"/>
  <c r="AC61978" i="1"/>
  <c r="AC61979" i="1"/>
  <c r="AC61980" i="1"/>
  <c r="AC61981" i="1"/>
  <c r="AC61982" i="1"/>
  <c r="AC61983" i="1"/>
  <c r="AC61984" i="1"/>
  <c r="AC61985" i="1"/>
  <c r="AC61986" i="1"/>
  <c r="AC61987" i="1"/>
  <c r="AC61988" i="1"/>
  <c r="AC61989" i="1"/>
  <c r="AC61990" i="1"/>
  <c r="AC61991" i="1"/>
  <c r="AC61992" i="1"/>
  <c r="AC61993" i="1"/>
  <c r="AC61994" i="1"/>
  <c r="AC61995" i="1"/>
  <c r="AC61996" i="1"/>
  <c r="AC61997" i="1"/>
  <c r="AC61998" i="1"/>
  <c r="AC61999" i="1"/>
  <c r="AC62000" i="1"/>
  <c r="AC62001" i="1"/>
  <c r="AC62002" i="1"/>
  <c r="AC62003" i="1"/>
  <c r="AC62004" i="1"/>
  <c r="AC62005" i="1"/>
  <c r="AC62006" i="1"/>
  <c r="AC62007" i="1"/>
  <c r="AC62008" i="1"/>
  <c r="AC62009" i="1"/>
  <c r="AC62010" i="1"/>
  <c r="AC62011" i="1"/>
  <c r="AC62012" i="1"/>
  <c r="AC62013" i="1"/>
  <c r="AC62014" i="1"/>
  <c r="AC62015" i="1"/>
  <c r="AC62016" i="1"/>
  <c r="AC62017" i="1"/>
  <c r="AC62018" i="1"/>
  <c r="AC62019" i="1"/>
  <c r="AC62020" i="1"/>
  <c r="AC62021" i="1"/>
  <c r="AC62022" i="1"/>
  <c r="AC62023" i="1"/>
  <c r="AC62024" i="1"/>
  <c r="AC62025" i="1"/>
  <c r="AC62026" i="1"/>
  <c r="AC62027" i="1"/>
  <c r="AC62028" i="1"/>
  <c r="AC62029" i="1"/>
  <c r="AC62030" i="1"/>
  <c r="AC62031" i="1"/>
  <c r="AC62032" i="1"/>
  <c r="AC62033" i="1"/>
  <c r="AC62034" i="1"/>
  <c r="AC62035" i="1"/>
  <c r="AC62036" i="1"/>
  <c r="AC62037" i="1"/>
  <c r="AC62038" i="1"/>
  <c r="AC62039" i="1"/>
  <c r="AC62040" i="1"/>
  <c r="AC62041" i="1"/>
  <c r="AC62042" i="1"/>
  <c r="AC62043" i="1"/>
  <c r="AC62044" i="1"/>
  <c r="AC62045" i="1"/>
  <c r="AC62046" i="1"/>
  <c r="AC62047" i="1"/>
  <c r="AC62048" i="1"/>
  <c r="AC62049" i="1"/>
  <c r="AC62050" i="1"/>
  <c r="AC62051" i="1"/>
  <c r="AC62052" i="1"/>
  <c r="AC62053" i="1"/>
  <c r="AC62054" i="1"/>
  <c r="AC62055" i="1"/>
  <c r="AC62056" i="1"/>
  <c r="AC62057" i="1"/>
  <c r="AC62058" i="1"/>
  <c r="AC62059" i="1"/>
  <c r="AC62060" i="1"/>
  <c r="AC62061" i="1"/>
  <c r="AC62062" i="1"/>
  <c r="AC62063" i="1"/>
  <c r="AC62064" i="1"/>
  <c r="AC62065" i="1"/>
  <c r="AC62066" i="1"/>
  <c r="AC62067" i="1"/>
  <c r="AC62068" i="1"/>
  <c r="AC62069" i="1"/>
  <c r="AC62070" i="1"/>
  <c r="AC62071" i="1"/>
  <c r="AC62072" i="1"/>
  <c r="AC62073" i="1"/>
  <c r="AC62074" i="1"/>
  <c r="AC62075" i="1"/>
  <c r="AC62076" i="1"/>
  <c r="AC62077" i="1"/>
  <c r="AC62078" i="1"/>
  <c r="AC62079" i="1"/>
  <c r="AC62080" i="1"/>
  <c r="AC62081" i="1"/>
  <c r="AC62082" i="1"/>
  <c r="AC62083" i="1"/>
  <c r="AC62084" i="1"/>
  <c r="AC62085" i="1"/>
  <c r="AC62086" i="1"/>
  <c r="AC62087" i="1"/>
  <c r="AC62088" i="1"/>
  <c r="AC62089" i="1"/>
  <c r="AC62090" i="1"/>
  <c r="AC62091" i="1"/>
  <c r="AC62092" i="1"/>
  <c r="AC62093" i="1"/>
  <c r="AC62094" i="1"/>
  <c r="AC62095" i="1"/>
  <c r="AC62096" i="1"/>
  <c r="AC62097" i="1"/>
  <c r="AC62098" i="1"/>
  <c r="AC62099" i="1"/>
  <c r="AC62100" i="1"/>
  <c r="AC62101" i="1"/>
  <c r="AC62102" i="1"/>
  <c r="AC62103" i="1"/>
  <c r="AC62104" i="1"/>
  <c r="AC62105" i="1"/>
  <c r="AC62106" i="1"/>
  <c r="AC62107" i="1"/>
  <c r="AC62108" i="1"/>
  <c r="AC62109" i="1"/>
  <c r="AC62110" i="1"/>
  <c r="AC62111" i="1"/>
  <c r="AC62112" i="1"/>
  <c r="AC62113" i="1"/>
  <c r="AC62114" i="1"/>
  <c r="AC62115" i="1"/>
  <c r="AC62116" i="1"/>
  <c r="AC62117" i="1"/>
  <c r="AC62118" i="1"/>
  <c r="AC62119" i="1"/>
  <c r="AC62120" i="1"/>
  <c r="AC62121" i="1"/>
  <c r="AC62122" i="1"/>
  <c r="AC62123" i="1"/>
  <c r="AC62124" i="1"/>
  <c r="AC62125" i="1"/>
  <c r="AC62126" i="1"/>
  <c r="AC62127" i="1"/>
  <c r="AC62128" i="1"/>
  <c r="AC62129" i="1"/>
  <c r="AC62130" i="1"/>
  <c r="AC62131" i="1"/>
  <c r="AC62132" i="1"/>
  <c r="AC62133" i="1"/>
  <c r="AC62134" i="1"/>
  <c r="AC62135" i="1"/>
  <c r="AC62136" i="1"/>
  <c r="AC62137" i="1"/>
  <c r="AC62138" i="1"/>
  <c r="AC62139" i="1"/>
  <c r="AC62140" i="1"/>
  <c r="AC62141" i="1"/>
  <c r="AC62142" i="1"/>
  <c r="AC62143" i="1"/>
  <c r="AC62144" i="1"/>
  <c r="AC62145" i="1"/>
  <c r="AC62146" i="1"/>
  <c r="AC62147" i="1"/>
  <c r="AC62148" i="1"/>
  <c r="AC62149" i="1"/>
  <c r="AC62150" i="1"/>
  <c r="AC62151" i="1"/>
  <c r="AC62152" i="1"/>
  <c r="AC62153" i="1"/>
  <c r="AC62154" i="1"/>
  <c r="AC62155" i="1"/>
  <c r="AC62156" i="1"/>
  <c r="AC62157" i="1"/>
  <c r="AC62158" i="1"/>
  <c r="AC62159" i="1"/>
  <c r="AC62160" i="1"/>
  <c r="AC62161" i="1"/>
  <c r="AC62162" i="1"/>
  <c r="AC62163" i="1"/>
  <c r="AC62164" i="1"/>
  <c r="AC62165" i="1"/>
  <c r="AC62166" i="1"/>
  <c r="AC62167" i="1"/>
  <c r="AC62168" i="1"/>
  <c r="AC62169" i="1"/>
  <c r="AC62170" i="1"/>
  <c r="AC62171" i="1"/>
  <c r="AC62172" i="1"/>
  <c r="AC62173" i="1"/>
  <c r="AC62174" i="1"/>
  <c r="AC62175" i="1"/>
  <c r="AC62176" i="1"/>
  <c r="AC62177" i="1"/>
  <c r="AC62178" i="1"/>
  <c r="AC62179" i="1"/>
  <c r="AC62180" i="1"/>
  <c r="AC62181" i="1"/>
  <c r="AC62182" i="1"/>
  <c r="AC62183" i="1"/>
  <c r="AC62184" i="1"/>
  <c r="AC62185" i="1"/>
  <c r="AC62186" i="1"/>
  <c r="AC62187" i="1"/>
  <c r="AC62188" i="1"/>
  <c r="AC62189" i="1"/>
  <c r="AC62190" i="1"/>
  <c r="AC62191" i="1"/>
  <c r="AC62192" i="1"/>
  <c r="AC62193" i="1"/>
  <c r="AC62194" i="1"/>
  <c r="AC62195" i="1"/>
  <c r="AC62196" i="1"/>
  <c r="AC62197" i="1"/>
  <c r="AC62198" i="1"/>
  <c r="AC62199" i="1"/>
  <c r="AC62200" i="1"/>
  <c r="AC62201" i="1"/>
  <c r="AC62202" i="1"/>
  <c r="AC62203" i="1"/>
  <c r="AC62204" i="1"/>
  <c r="AC62205" i="1"/>
  <c r="AC62206" i="1"/>
  <c r="AC62207" i="1"/>
  <c r="AC62208" i="1"/>
  <c r="AC62209" i="1"/>
  <c r="AC62210" i="1"/>
  <c r="AC62211" i="1"/>
  <c r="AC62212" i="1"/>
  <c r="AC62213" i="1"/>
  <c r="AC62214" i="1"/>
  <c r="AC62215" i="1"/>
  <c r="AC62216" i="1"/>
  <c r="AC62217" i="1"/>
  <c r="AC62218" i="1"/>
  <c r="AC62219" i="1"/>
  <c r="AC62220" i="1"/>
  <c r="AC62221" i="1"/>
  <c r="AC62222" i="1"/>
  <c r="AC62223" i="1"/>
  <c r="AC62224" i="1"/>
  <c r="AC62225" i="1"/>
  <c r="AC62226" i="1"/>
  <c r="AC62227" i="1"/>
  <c r="AC62228" i="1"/>
  <c r="AC62229" i="1"/>
  <c r="AC62230" i="1"/>
  <c r="AC62231" i="1"/>
  <c r="AC62232" i="1"/>
  <c r="AC62233" i="1"/>
  <c r="AC62234" i="1"/>
  <c r="AC62235" i="1"/>
  <c r="AC62236" i="1"/>
  <c r="AC62237" i="1"/>
  <c r="AC62238" i="1"/>
  <c r="AC62239" i="1"/>
  <c r="AC62240" i="1"/>
  <c r="AC62241" i="1"/>
  <c r="AC62242" i="1"/>
  <c r="AC62243" i="1"/>
  <c r="AC62244" i="1"/>
  <c r="AC62245" i="1"/>
  <c r="AC62246" i="1"/>
  <c r="AC62247" i="1"/>
  <c r="AC62248" i="1"/>
  <c r="AC62249" i="1"/>
  <c r="AC62250" i="1"/>
  <c r="AC62251" i="1"/>
  <c r="AC62252" i="1"/>
  <c r="AC62253" i="1"/>
  <c r="AC62254" i="1"/>
  <c r="AC62255" i="1"/>
  <c r="AC62256" i="1"/>
  <c r="AC62257" i="1"/>
  <c r="AC62258" i="1"/>
  <c r="AC62259" i="1"/>
  <c r="AC62260" i="1"/>
  <c r="AC62261" i="1"/>
  <c r="AC62262" i="1"/>
  <c r="AC62263" i="1"/>
  <c r="AC62264" i="1"/>
  <c r="AC62265" i="1"/>
  <c r="AC62266" i="1"/>
  <c r="AC62267" i="1"/>
  <c r="AC62268" i="1"/>
  <c r="AC62269" i="1"/>
  <c r="AC62270" i="1"/>
  <c r="AC62271" i="1"/>
  <c r="AC62272" i="1"/>
  <c r="AC62273" i="1"/>
  <c r="AC62274" i="1"/>
  <c r="AC62275" i="1"/>
  <c r="AC62276" i="1"/>
  <c r="AC62277" i="1"/>
  <c r="AC62278" i="1"/>
  <c r="AC62279" i="1"/>
  <c r="AC62280" i="1"/>
  <c r="AC62281" i="1"/>
  <c r="AC62282" i="1"/>
  <c r="AC62283" i="1"/>
  <c r="AC62284" i="1"/>
  <c r="AC62285" i="1"/>
  <c r="AC62286" i="1"/>
  <c r="AC62287" i="1"/>
  <c r="AC62288" i="1"/>
  <c r="AC62289" i="1"/>
  <c r="AC62290" i="1"/>
  <c r="AC62291" i="1"/>
  <c r="AC62292" i="1"/>
  <c r="AC62293" i="1"/>
  <c r="AC62294" i="1"/>
  <c r="AC62295" i="1"/>
  <c r="AC62296" i="1"/>
  <c r="AC62297" i="1"/>
  <c r="AC62298" i="1"/>
  <c r="AC62299" i="1"/>
  <c r="AC62300" i="1"/>
  <c r="AC62301" i="1"/>
  <c r="AC62302" i="1"/>
  <c r="AC62303" i="1"/>
  <c r="AC62304" i="1"/>
  <c r="AC62305" i="1"/>
  <c r="AC62306" i="1"/>
  <c r="AC62307" i="1"/>
  <c r="AC62308" i="1"/>
  <c r="AC62309" i="1"/>
  <c r="AC62310" i="1"/>
  <c r="AC62311" i="1"/>
  <c r="AC62312" i="1"/>
  <c r="AC62313" i="1"/>
  <c r="AC62314" i="1"/>
  <c r="AC62315" i="1"/>
  <c r="AC62316" i="1"/>
  <c r="AC62317" i="1"/>
  <c r="AC62318" i="1"/>
  <c r="AC62319" i="1"/>
  <c r="AC62320" i="1"/>
  <c r="AC62321" i="1"/>
  <c r="AC62322" i="1"/>
  <c r="AC62323" i="1"/>
  <c r="AC62324" i="1"/>
  <c r="AC62325" i="1"/>
  <c r="AC62326" i="1"/>
  <c r="AC62327" i="1"/>
  <c r="AC62328" i="1"/>
  <c r="AC62329" i="1"/>
  <c r="AC62330" i="1"/>
  <c r="AC62331" i="1"/>
  <c r="AC62332" i="1"/>
  <c r="AC62333" i="1"/>
  <c r="AC62334" i="1"/>
  <c r="AC62335" i="1"/>
  <c r="AC62336" i="1"/>
  <c r="AC62337" i="1"/>
  <c r="AC62338" i="1"/>
  <c r="AC62339" i="1"/>
  <c r="AC62340" i="1"/>
  <c r="AC62341" i="1"/>
  <c r="AC62342" i="1"/>
  <c r="AC62343" i="1"/>
  <c r="AC62344" i="1"/>
  <c r="AC62345" i="1"/>
  <c r="AC62346" i="1"/>
  <c r="AC62347" i="1"/>
  <c r="AC62348" i="1"/>
  <c r="AC62349" i="1"/>
  <c r="AC62350" i="1"/>
  <c r="AC62351" i="1"/>
  <c r="AC62352" i="1"/>
  <c r="AC62353" i="1"/>
  <c r="AC62354" i="1"/>
  <c r="AC62355" i="1"/>
  <c r="AC62356" i="1"/>
  <c r="AC62357" i="1"/>
  <c r="AC62358" i="1"/>
  <c r="AC62359" i="1"/>
  <c r="AC62360" i="1"/>
  <c r="AC62361" i="1"/>
  <c r="AC62362" i="1"/>
  <c r="AC62363" i="1"/>
  <c r="AC62364" i="1"/>
  <c r="AC62365" i="1"/>
  <c r="AC62366" i="1"/>
  <c r="AC62367" i="1"/>
  <c r="AC62368" i="1"/>
  <c r="AC62369" i="1"/>
  <c r="AC62370" i="1"/>
  <c r="AC62371" i="1"/>
  <c r="AC62372" i="1"/>
  <c r="AC62373" i="1"/>
  <c r="AC62374" i="1"/>
  <c r="AC62375" i="1"/>
  <c r="AC62376" i="1"/>
  <c r="AC62377" i="1"/>
  <c r="AC62378" i="1"/>
  <c r="AC62379" i="1"/>
  <c r="AC62380" i="1"/>
  <c r="AC62381" i="1"/>
  <c r="AC62382" i="1"/>
  <c r="AC62383" i="1"/>
  <c r="AC62384" i="1"/>
  <c r="AC62385" i="1"/>
  <c r="AC62386" i="1"/>
  <c r="AC62387" i="1"/>
  <c r="AC62388" i="1"/>
  <c r="AC62389" i="1"/>
  <c r="AC62390" i="1"/>
  <c r="AC62391" i="1"/>
  <c r="AC62392" i="1"/>
  <c r="AC62393" i="1"/>
  <c r="AC62394" i="1"/>
  <c r="AC62395" i="1"/>
  <c r="AC62396" i="1"/>
  <c r="AC62397" i="1"/>
  <c r="AC62398" i="1"/>
  <c r="AC62399" i="1"/>
  <c r="AC62400" i="1"/>
  <c r="AC62401" i="1"/>
  <c r="AC62402" i="1"/>
  <c r="AC62403" i="1"/>
  <c r="AC62404" i="1"/>
  <c r="AC62405" i="1"/>
  <c r="AC62406" i="1"/>
  <c r="AC62407" i="1"/>
  <c r="AC62408" i="1"/>
  <c r="AC62409" i="1"/>
  <c r="AC62410" i="1"/>
  <c r="AC62411" i="1"/>
  <c r="AC62412" i="1"/>
  <c r="AC62413" i="1"/>
  <c r="AC62414" i="1"/>
  <c r="AC62415" i="1"/>
  <c r="AC62416" i="1"/>
  <c r="AC62417" i="1"/>
  <c r="AC62418" i="1"/>
  <c r="AC62419" i="1"/>
  <c r="AC62420" i="1"/>
  <c r="AC62421" i="1"/>
  <c r="AC62422" i="1"/>
  <c r="AC62423" i="1"/>
  <c r="AC62424" i="1"/>
  <c r="AC62425" i="1"/>
  <c r="AC62426" i="1"/>
  <c r="AC62427" i="1"/>
  <c r="AC62428" i="1"/>
  <c r="AC62429" i="1"/>
  <c r="AC62430" i="1"/>
  <c r="AC62431" i="1"/>
  <c r="AC62432" i="1"/>
  <c r="AC62433" i="1"/>
  <c r="AC62434" i="1"/>
  <c r="AC62435" i="1"/>
  <c r="AC62436" i="1"/>
  <c r="AC62437" i="1"/>
  <c r="AC62438" i="1"/>
  <c r="AC62439" i="1"/>
  <c r="AC62440" i="1"/>
  <c r="AC62441" i="1"/>
  <c r="AC62442" i="1"/>
  <c r="AC62443" i="1"/>
  <c r="AC62444" i="1"/>
  <c r="AC62445" i="1"/>
  <c r="AC62446" i="1"/>
  <c r="AC62447" i="1"/>
  <c r="AC62448" i="1"/>
  <c r="AC62449" i="1"/>
  <c r="AC62450" i="1"/>
  <c r="AC62451" i="1"/>
  <c r="AC62452" i="1"/>
  <c r="AC62453" i="1"/>
  <c r="AC62454" i="1"/>
  <c r="AC62455" i="1"/>
  <c r="AC62456" i="1"/>
  <c r="AC62457" i="1"/>
  <c r="AC62458" i="1"/>
  <c r="AC62459" i="1"/>
  <c r="AC62460" i="1"/>
  <c r="AC62461" i="1"/>
  <c r="AC62462" i="1"/>
  <c r="AC62463" i="1"/>
  <c r="AC62464" i="1"/>
  <c r="AC62465" i="1"/>
  <c r="AC62466" i="1"/>
  <c r="AC62467" i="1"/>
  <c r="AC62468" i="1"/>
  <c r="AC62469" i="1"/>
  <c r="AC62470" i="1"/>
  <c r="AC62471" i="1"/>
  <c r="AC62472" i="1"/>
  <c r="AC62473" i="1"/>
  <c r="AC62474" i="1"/>
  <c r="AC62475" i="1"/>
  <c r="AC62476" i="1"/>
  <c r="AC62477" i="1"/>
  <c r="AC62478" i="1"/>
  <c r="AC62479" i="1"/>
  <c r="AC62480" i="1"/>
  <c r="AC62481" i="1"/>
  <c r="AC62482" i="1"/>
  <c r="AC62483" i="1"/>
  <c r="AC62484" i="1"/>
  <c r="AC62485" i="1"/>
  <c r="AC62486" i="1"/>
  <c r="AC62487" i="1"/>
  <c r="AC62488" i="1"/>
  <c r="AC62489" i="1"/>
  <c r="AC62490" i="1"/>
  <c r="AC62491" i="1"/>
  <c r="AC62492" i="1"/>
  <c r="AC62493" i="1"/>
  <c r="AC62494" i="1"/>
  <c r="AC62495" i="1"/>
  <c r="AC62496" i="1"/>
  <c r="AC62497" i="1"/>
  <c r="AC62498" i="1"/>
  <c r="AC62499" i="1"/>
  <c r="AC62500" i="1"/>
  <c r="AC62501" i="1"/>
  <c r="AC62502" i="1"/>
  <c r="AC62503" i="1"/>
  <c r="AC62504" i="1"/>
  <c r="AC62505" i="1"/>
  <c r="AC62506" i="1"/>
  <c r="AC62507" i="1"/>
  <c r="AC62508" i="1"/>
  <c r="AC62509" i="1"/>
  <c r="AC62510" i="1"/>
  <c r="AC62511" i="1"/>
  <c r="AC62512" i="1"/>
  <c r="AC62513" i="1"/>
  <c r="AC62514" i="1"/>
  <c r="AC62515" i="1"/>
  <c r="AC62516" i="1"/>
  <c r="AC62517" i="1"/>
  <c r="AC62518" i="1"/>
  <c r="AC62519" i="1"/>
  <c r="AC62520" i="1"/>
  <c r="AC62521" i="1"/>
  <c r="AC62522" i="1"/>
  <c r="AC62523" i="1"/>
  <c r="AC62524" i="1"/>
  <c r="AC62525" i="1"/>
  <c r="AC62526" i="1"/>
  <c r="AC62527" i="1"/>
  <c r="AC62528" i="1"/>
  <c r="AC62529" i="1"/>
  <c r="AC62530" i="1"/>
  <c r="AC62531" i="1"/>
  <c r="AC62532" i="1"/>
  <c r="AC62533" i="1"/>
  <c r="AC62534" i="1"/>
  <c r="AC62535" i="1"/>
  <c r="AC62536" i="1"/>
  <c r="AC62537" i="1"/>
  <c r="AC62538" i="1"/>
  <c r="AC62539" i="1"/>
  <c r="AC62540" i="1"/>
  <c r="AC62541" i="1"/>
  <c r="AC62542" i="1"/>
  <c r="AC62543" i="1"/>
  <c r="AC62544" i="1"/>
  <c r="AC62545" i="1"/>
  <c r="AC62546" i="1"/>
  <c r="AC62547" i="1"/>
  <c r="AC62548" i="1"/>
  <c r="AC62549" i="1"/>
  <c r="AC62550" i="1"/>
  <c r="AC62551" i="1"/>
  <c r="AC62552" i="1"/>
  <c r="AC62553" i="1"/>
  <c r="AC62554" i="1"/>
  <c r="AC62555" i="1"/>
  <c r="AC62556" i="1"/>
  <c r="AC62557" i="1"/>
  <c r="AC62558" i="1"/>
  <c r="AC62559" i="1"/>
  <c r="AC62560" i="1"/>
  <c r="AC62561" i="1"/>
  <c r="AC62562" i="1"/>
  <c r="AC62563" i="1"/>
  <c r="AC62564" i="1"/>
  <c r="AC62565" i="1"/>
  <c r="AC62566" i="1"/>
  <c r="AC62567" i="1"/>
  <c r="AC62568" i="1"/>
  <c r="AC62569" i="1"/>
  <c r="AC62570" i="1"/>
  <c r="AC62571" i="1"/>
  <c r="AC62572" i="1"/>
  <c r="AC62573" i="1"/>
  <c r="AC62574" i="1"/>
  <c r="AC62575" i="1"/>
  <c r="AC62576" i="1"/>
  <c r="AC62577" i="1"/>
  <c r="AC62578" i="1"/>
  <c r="AC62579" i="1"/>
  <c r="AC62580" i="1"/>
  <c r="AC62581" i="1"/>
  <c r="AC62582" i="1"/>
  <c r="AC62583" i="1"/>
  <c r="AC62584" i="1"/>
  <c r="AC62585" i="1"/>
  <c r="AC62586" i="1"/>
  <c r="AC62587" i="1"/>
  <c r="AC62588" i="1"/>
  <c r="AC62589" i="1"/>
  <c r="AC62590" i="1"/>
  <c r="AC62591" i="1"/>
  <c r="AC62592" i="1"/>
  <c r="AC62593" i="1"/>
  <c r="AC62594" i="1"/>
  <c r="AC62595" i="1"/>
  <c r="AC62596" i="1"/>
  <c r="AC62597" i="1"/>
  <c r="AC62598" i="1"/>
  <c r="AC62599" i="1"/>
  <c r="AC62600" i="1"/>
  <c r="AC62601" i="1"/>
  <c r="AC62602" i="1"/>
  <c r="AC62603" i="1"/>
  <c r="AC62604" i="1"/>
  <c r="AC62605" i="1"/>
  <c r="AC62606" i="1"/>
  <c r="AC62607" i="1"/>
  <c r="AC62608" i="1"/>
  <c r="AC62609" i="1"/>
  <c r="AC62610" i="1"/>
  <c r="AC62611" i="1"/>
  <c r="AC62612" i="1"/>
  <c r="AC62613" i="1"/>
  <c r="AC62614" i="1"/>
  <c r="AC62615" i="1"/>
  <c r="AC62616" i="1"/>
  <c r="AC62617" i="1"/>
  <c r="AC62618" i="1"/>
  <c r="AC62619" i="1"/>
  <c r="AC62620" i="1"/>
  <c r="AC62621" i="1"/>
  <c r="AC62622" i="1"/>
  <c r="AC62623" i="1"/>
  <c r="AC62624" i="1"/>
  <c r="AC62625" i="1"/>
  <c r="AC62626" i="1"/>
  <c r="AC62627" i="1"/>
  <c r="AC62628" i="1"/>
  <c r="AC62629" i="1"/>
  <c r="AC62630" i="1"/>
  <c r="AC62631" i="1"/>
  <c r="AC62632" i="1"/>
  <c r="AC62633" i="1"/>
  <c r="AC62634" i="1"/>
  <c r="AC62635" i="1"/>
  <c r="AC62636" i="1"/>
  <c r="AC62637" i="1"/>
  <c r="AC62638" i="1"/>
  <c r="AC62639" i="1"/>
  <c r="AC62640" i="1"/>
  <c r="AC62641" i="1"/>
  <c r="AC62642" i="1"/>
  <c r="AC62643" i="1"/>
  <c r="AC62644" i="1"/>
  <c r="AC62645" i="1"/>
  <c r="AC62646" i="1"/>
  <c r="AC62647" i="1"/>
  <c r="AC62648" i="1"/>
  <c r="AC62649" i="1"/>
  <c r="AC62650" i="1"/>
  <c r="AC62651" i="1"/>
  <c r="AC62652" i="1"/>
  <c r="AC62653" i="1"/>
  <c r="AC62654" i="1"/>
  <c r="AC62655" i="1"/>
  <c r="AC62656" i="1"/>
  <c r="AC62657" i="1"/>
  <c r="AC62658" i="1"/>
  <c r="AC62659" i="1"/>
  <c r="AC62660" i="1"/>
  <c r="AC62661" i="1"/>
  <c r="AC62662" i="1"/>
  <c r="AC62663" i="1"/>
  <c r="AC62664" i="1"/>
  <c r="AC62665" i="1"/>
  <c r="AC62666" i="1"/>
  <c r="AC62667" i="1"/>
  <c r="AC62668" i="1"/>
  <c r="AC62669" i="1"/>
  <c r="AC62670" i="1"/>
  <c r="AC62671" i="1"/>
  <c r="AC62672" i="1"/>
  <c r="AC62673" i="1"/>
  <c r="AC62674" i="1"/>
  <c r="AC62675" i="1"/>
  <c r="AC62676" i="1"/>
  <c r="AC62677" i="1"/>
  <c r="AC62678" i="1"/>
  <c r="AC62679" i="1"/>
  <c r="AC62680" i="1"/>
  <c r="AC62681" i="1"/>
  <c r="AC62682" i="1"/>
  <c r="AC62683" i="1"/>
  <c r="AC62684" i="1"/>
  <c r="AC62685" i="1"/>
  <c r="AC62686" i="1"/>
  <c r="AC62687" i="1"/>
  <c r="AC62688" i="1"/>
  <c r="AC62689" i="1"/>
  <c r="AC62690" i="1"/>
  <c r="AC62691" i="1"/>
  <c r="AC62692" i="1"/>
  <c r="AC62693" i="1"/>
  <c r="AC62694" i="1"/>
  <c r="AC62695" i="1"/>
  <c r="AC62696" i="1"/>
  <c r="AC62697" i="1"/>
  <c r="AC62698" i="1"/>
  <c r="AC62699" i="1"/>
  <c r="AC62700" i="1"/>
  <c r="AC62701" i="1"/>
  <c r="AC62702" i="1"/>
  <c r="AC62703" i="1"/>
  <c r="AC62704" i="1"/>
  <c r="AC62705" i="1"/>
  <c r="AC62706" i="1"/>
  <c r="AC62707" i="1"/>
  <c r="AC62708" i="1"/>
  <c r="AC62709" i="1"/>
  <c r="AC62710" i="1"/>
  <c r="AC62711" i="1"/>
  <c r="AC62712" i="1"/>
  <c r="AC62713" i="1"/>
  <c r="AC62714" i="1"/>
  <c r="AC62715" i="1"/>
  <c r="AC62716" i="1"/>
  <c r="AC62717" i="1"/>
  <c r="AC62718" i="1"/>
  <c r="AC62719" i="1"/>
  <c r="AC62720" i="1"/>
  <c r="AC62721" i="1"/>
  <c r="AC62722" i="1"/>
  <c r="AC62723" i="1"/>
  <c r="AC62724" i="1"/>
  <c r="AC62725" i="1"/>
  <c r="AC62726" i="1"/>
  <c r="AC62727" i="1"/>
  <c r="AC62728" i="1"/>
  <c r="AC62729" i="1"/>
  <c r="AC62730" i="1"/>
  <c r="AC62731" i="1"/>
  <c r="AC62732" i="1"/>
  <c r="AC62733" i="1"/>
  <c r="AC62734" i="1"/>
  <c r="AC62735" i="1"/>
  <c r="AC62736" i="1"/>
  <c r="AC62737" i="1"/>
  <c r="AC62738" i="1"/>
  <c r="AC62739" i="1"/>
  <c r="AC62740" i="1"/>
  <c r="AC62741" i="1"/>
  <c r="AC62742" i="1"/>
  <c r="AC62743" i="1"/>
  <c r="AC62744" i="1"/>
  <c r="AC62745" i="1"/>
  <c r="AC62746" i="1"/>
  <c r="AC62747" i="1"/>
  <c r="AC62748" i="1"/>
  <c r="AC62749" i="1"/>
  <c r="AC62750" i="1"/>
  <c r="AC62751" i="1"/>
  <c r="AC62752" i="1"/>
  <c r="AC62753" i="1"/>
  <c r="AC62754" i="1"/>
  <c r="AC62755" i="1"/>
  <c r="AC62756" i="1"/>
  <c r="AC62757" i="1"/>
  <c r="AC62758" i="1"/>
  <c r="AC62759" i="1"/>
  <c r="AC62760" i="1"/>
  <c r="AC62761" i="1"/>
  <c r="AC62762" i="1"/>
  <c r="AC62763" i="1"/>
  <c r="AC62764" i="1"/>
  <c r="AC62765" i="1"/>
  <c r="AC62766" i="1"/>
  <c r="AC62767" i="1"/>
  <c r="AC62768" i="1"/>
  <c r="AC62769" i="1"/>
  <c r="AC62770" i="1"/>
  <c r="AC62771" i="1"/>
  <c r="AC62772" i="1"/>
  <c r="AC62773" i="1"/>
  <c r="AC62774" i="1"/>
  <c r="AC62775" i="1"/>
  <c r="AC62776" i="1"/>
  <c r="AC62777" i="1"/>
  <c r="AC62778" i="1"/>
  <c r="AC62779" i="1"/>
  <c r="AC62780" i="1"/>
  <c r="AC62781" i="1"/>
  <c r="AC62782" i="1"/>
  <c r="AC62783" i="1"/>
  <c r="AC62784" i="1"/>
  <c r="AC62785" i="1"/>
  <c r="AC62786" i="1"/>
  <c r="AC62787" i="1"/>
  <c r="AC62788" i="1"/>
  <c r="AC62789" i="1"/>
  <c r="AC62790" i="1"/>
  <c r="AC62791" i="1"/>
  <c r="AC62792" i="1"/>
  <c r="AC62793" i="1"/>
  <c r="AC62794" i="1"/>
  <c r="AC62795" i="1"/>
  <c r="AC62796" i="1"/>
  <c r="AC62797" i="1"/>
  <c r="AC62798" i="1"/>
  <c r="AC62799" i="1"/>
  <c r="AC62800" i="1"/>
  <c r="AC62801" i="1"/>
  <c r="AC62802" i="1"/>
  <c r="AC62803" i="1"/>
  <c r="AC62804" i="1"/>
  <c r="AC62805" i="1"/>
  <c r="AC62806" i="1"/>
  <c r="AC62807" i="1"/>
  <c r="AC62808" i="1"/>
  <c r="AC62809" i="1"/>
  <c r="AC62810" i="1"/>
  <c r="AC62811" i="1"/>
  <c r="AC62812" i="1"/>
  <c r="AC62813" i="1"/>
  <c r="AC62814" i="1"/>
  <c r="AC62815" i="1"/>
  <c r="AC62816" i="1"/>
  <c r="AC62817" i="1"/>
  <c r="AC62818" i="1"/>
  <c r="AC62819" i="1"/>
  <c r="AC62820" i="1"/>
  <c r="AC62821" i="1"/>
  <c r="AC62822" i="1"/>
  <c r="AC62823" i="1"/>
  <c r="AC62824" i="1"/>
  <c r="AC62825" i="1"/>
  <c r="AC62826" i="1"/>
  <c r="AC62827" i="1"/>
  <c r="AC62828" i="1"/>
  <c r="AC62829" i="1"/>
  <c r="AC62830" i="1"/>
  <c r="AC62831" i="1"/>
  <c r="AC62832" i="1"/>
  <c r="AC62833" i="1"/>
  <c r="AC62834" i="1"/>
  <c r="AC62835" i="1"/>
  <c r="AC62836" i="1"/>
  <c r="AC62837" i="1"/>
  <c r="AC62838" i="1"/>
  <c r="AC62839" i="1"/>
  <c r="AC62840" i="1"/>
  <c r="AC62841" i="1"/>
  <c r="AC62842" i="1"/>
  <c r="AC62843" i="1"/>
  <c r="AC62844" i="1"/>
  <c r="AC62845" i="1"/>
  <c r="AC62846" i="1"/>
  <c r="AC62847" i="1"/>
  <c r="AC62848" i="1"/>
  <c r="AC62849" i="1"/>
  <c r="AC62850" i="1"/>
  <c r="AC62851" i="1"/>
  <c r="AC62852" i="1"/>
  <c r="AC62853" i="1"/>
  <c r="AC62854" i="1"/>
  <c r="AC62855" i="1"/>
  <c r="AC62856" i="1"/>
  <c r="AC62857" i="1"/>
  <c r="AC62858" i="1"/>
  <c r="AC62859" i="1"/>
  <c r="AC62860" i="1"/>
  <c r="AC62861" i="1"/>
  <c r="AC62862" i="1"/>
  <c r="AC62863" i="1"/>
  <c r="AC62864" i="1"/>
  <c r="AC62865" i="1"/>
  <c r="AC62866" i="1"/>
  <c r="AC62867" i="1"/>
  <c r="AC62868" i="1"/>
  <c r="AC62869" i="1"/>
  <c r="AC62870" i="1"/>
  <c r="AC62871" i="1"/>
  <c r="AC62872" i="1"/>
  <c r="AC62873" i="1"/>
  <c r="AC62874" i="1"/>
  <c r="AC62875" i="1"/>
  <c r="AC62876" i="1"/>
  <c r="AC62877" i="1"/>
  <c r="AC62878" i="1"/>
  <c r="AC62879" i="1"/>
  <c r="AC62880" i="1"/>
  <c r="AC62881" i="1"/>
  <c r="AC62882" i="1"/>
  <c r="AC62883" i="1"/>
  <c r="AC62884" i="1"/>
  <c r="AC62885" i="1"/>
  <c r="AC62886" i="1"/>
  <c r="AC62887" i="1"/>
  <c r="AC62888" i="1"/>
  <c r="AC62889" i="1"/>
  <c r="AC62890" i="1"/>
  <c r="AC62891" i="1"/>
  <c r="AC62892" i="1"/>
  <c r="AC62893" i="1"/>
  <c r="AC62894" i="1"/>
  <c r="AC62895" i="1"/>
  <c r="AC62896" i="1"/>
  <c r="AC62897" i="1"/>
  <c r="AC62898" i="1"/>
  <c r="AC62899" i="1"/>
  <c r="AC62900" i="1"/>
  <c r="AC62901" i="1"/>
  <c r="AC62902" i="1"/>
  <c r="AC62903" i="1"/>
  <c r="AC62904" i="1"/>
  <c r="AC62905" i="1"/>
  <c r="AC62906" i="1"/>
  <c r="AC62907" i="1"/>
  <c r="AC62908" i="1"/>
  <c r="AC62909" i="1"/>
  <c r="AC62910" i="1"/>
  <c r="AC62911" i="1"/>
  <c r="AC62912" i="1"/>
  <c r="AC62913" i="1"/>
  <c r="AC62914" i="1"/>
  <c r="AC62915" i="1"/>
  <c r="AC62916" i="1"/>
  <c r="AC62917" i="1"/>
  <c r="AC62918" i="1"/>
  <c r="AC62919" i="1"/>
  <c r="AC62920" i="1"/>
  <c r="AC62921" i="1"/>
  <c r="AC62922" i="1"/>
  <c r="AC62923" i="1"/>
  <c r="AC62924" i="1"/>
  <c r="AC62925" i="1"/>
  <c r="AC62926" i="1"/>
  <c r="AC62927" i="1"/>
  <c r="AC62928" i="1"/>
  <c r="AC62929" i="1"/>
  <c r="AC62930" i="1"/>
  <c r="AC62931" i="1"/>
  <c r="AC62932" i="1"/>
  <c r="AC62933" i="1"/>
  <c r="AC62934" i="1"/>
  <c r="AC62935" i="1"/>
  <c r="AC62936" i="1"/>
  <c r="AC62937" i="1"/>
  <c r="AC62938" i="1"/>
  <c r="AC62939" i="1"/>
  <c r="AC62940" i="1"/>
  <c r="AC62941" i="1"/>
  <c r="AC62942" i="1"/>
  <c r="AC62943" i="1"/>
  <c r="AC62944" i="1"/>
  <c r="AC62945" i="1"/>
  <c r="AC62946" i="1"/>
  <c r="AC62947" i="1"/>
  <c r="AC62948" i="1"/>
  <c r="AC62949" i="1"/>
  <c r="AC62950" i="1"/>
  <c r="AC62951" i="1"/>
  <c r="AC62952" i="1"/>
  <c r="AC62953" i="1"/>
  <c r="AC62954" i="1"/>
  <c r="AC62955" i="1"/>
  <c r="AC62956" i="1"/>
  <c r="AC62957" i="1"/>
  <c r="AC62958" i="1"/>
  <c r="AC62959" i="1"/>
  <c r="AC62960" i="1"/>
  <c r="AC62961" i="1"/>
  <c r="AC62962" i="1"/>
  <c r="AC62963" i="1"/>
  <c r="AC62964" i="1"/>
  <c r="AC62965" i="1"/>
  <c r="AC62966" i="1"/>
  <c r="AC62967" i="1"/>
  <c r="AC62968" i="1"/>
  <c r="AC62969" i="1"/>
  <c r="AC62970" i="1"/>
  <c r="AC62971" i="1"/>
  <c r="AC62972" i="1"/>
  <c r="AC62973" i="1"/>
  <c r="AC62974" i="1"/>
  <c r="AC62975" i="1"/>
  <c r="AC62976" i="1"/>
  <c r="AC62977" i="1"/>
  <c r="AC62978" i="1"/>
  <c r="AC62979" i="1"/>
  <c r="AC62980" i="1"/>
  <c r="AC62981" i="1"/>
  <c r="AC62982" i="1"/>
  <c r="AC62983" i="1"/>
  <c r="AC62984" i="1"/>
  <c r="AC62985" i="1"/>
  <c r="AC62986" i="1"/>
  <c r="AC62987" i="1"/>
  <c r="AC62988" i="1"/>
  <c r="AC62989" i="1"/>
  <c r="AC62990" i="1"/>
  <c r="AC62991" i="1"/>
  <c r="AC62992" i="1"/>
  <c r="AC62993" i="1"/>
  <c r="AC62994" i="1"/>
  <c r="AC62995" i="1"/>
  <c r="AC62996" i="1"/>
  <c r="AC62997" i="1"/>
  <c r="AC62998" i="1"/>
  <c r="AC62999" i="1"/>
  <c r="AC63000" i="1"/>
  <c r="AC63001" i="1"/>
  <c r="AC63002" i="1"/>
  <c r="AC63003" i="1"/>
  <c r="AC63004" i="1"/>
  <c r="AC63005" i="1"/>
  <c r="AC63006" i="1"/>
  <c r="AC63007" i="1"/>
  <c r="AC63008" i="1"/>
  <c r="AC63009" i="1"/>
  <c r="AC63010" i="1"/>
  <c r="AC63011" i="1"/>
  <c r="AC63012" i="1"/>
  <c r="AC63013" i="1"/>
  <c r="AC63014" i="1"/>
  <c r="AC63015" i="1"/>
  <c r="AC63016" i="1"/>
  <c r="AC63017" i="1"/>
  <c r="AC63018" i="1"/>
  <c r="AC63019" i="1"/>
  <c r="AC63020" i="1"/>
  <c r="AC63021" i="1"/>
  <c r="AC63022" i="1"/>
  <c r="AC63023" i="1"/>
  <c r="AC63024" i="1"/>
  <c r="AC63025" i="1"/>
  <c r="AC63026" i="1"/>
  <c r="AC63027" i="1"/>
  <c r="AC63028" i="1"/>
  <c r="AC63029" i="1"/>
  <c r="AC63030" i="1"/>
  <c r="AC63031" i="1"/>
  <c r="AC63032" i="1"/>
  <c r="AC63033" i="1"/>
  <c r="AC63034" i="1"/>
  <c r="AC63035" i="1"/>
  <c r="AC63036" i="1"/>
  <c r="AC63037" i="1"/>
  <c r="AC63038" i="1"/>
  <c r="AC63039" i="1"/>
  <c r="AC63040" i="1"/>
  <c r="AC63041" i="1"/>
  <c r="AC63042" i="1"/>
  <c r="AC63043" i="1"/>
  <c r="AC63044" i="1"/>
  <c r="AC63045" i="1"/>
  <c r="AC63046" i="1"/>
  <c r="AC63047" i="1"/>
  <c r="AC63048" i="1"/>
  <c r="AC63049" i="1"/>
  <c r="AC63050" i="1"/>
  <c r="AC63051" i="1"/>
  <c r="AC63052" i="1"/>
  <c r="AC63053" i="1"/>
  <c r="AC63054" i="1"/>
  <c r="AC63055" i="1"/>
  <c r="AC63056" i="1"/>
  <c r="AC63057" i="1"/>
  <c r="AC63058" i="1"/>
  <c r="AC63059" i="1"/>
  <c r="AC63060" i="1"/>
  <c r="AC63061" i="1"/>
  <c r="AC63062" i="1"/>
  <c r="AC63063" i="1"/>
  <c r="AC63064" i="1"/>
  <c r="AC63065" i="1"/>
  <c r="AC63066" i="1"/>
  <c r="AC63067" i="1"/>
  <c r="AC63068" i="1"/>
  <c r="AC63069" i="1"/>
  <c r="AC63070" i="1"/>
  <c r="AC63071" i="1"/>
  <c r="AC63072" i="1"/>
  <c r="AC63073" i="1"/>
  <c r="AC63074" i="1"/>
  <c r="AC63075" i="1"/>
  <c r="AC63076" i="1"/>
  <c r="AC63077" i="1"/>
  <c r="AC63078" i="1"/>
  <c r="AC63079" i="1"/>
  <c r="AC63080" i="1"/>
  <c r="AC63081" i="1"/>
  <c r="AC63082" i="1"/>
  <c r="AC63083" i="1"/>
  <c r="AC63084" i="1"/>
  <c r="AC63085" i="1"/>
  <c r="AC63086" i="1"/>
  <c r="AC63087" i="1"/>
  <c r="AC63088" i="1"/>
  <c r="AC63089" i="1"/>
  <c r="AC63090" i="1"/>
  <c r="AC63091" i="1"/>
  <c r="AC63092" i="1"/>
  <c r="AC63093" i="1"/>
  <c r="AC63094" i="1"/>
  <c r="AC63095" i="1"/>
  <c r="AC63096" i="1"/>
  <c r="AC63097" i="1"/>
  <c r="AC63098" i="1"/>
  <c r="AC63099" i="1"/>
  <c r="AC63100" i="1"/>
  <c r="AC63101" i="1"/>
  <c r="AC63102" i="1"/>
  <c r="AC63103" i="1"/>
  <c r="AC63104" i="1"/>
  <c r="AC63105" i="1"/>
  <c r="AC63106" i="1"/>
  <c r="AC63107" i="1"/>
  <c r="AC63108" i="1"/>
  <c r="AC63109" i="1"/>
  <c r="AC63110" i="1"/>
  <c r="AC63111" i="1"/>
  <c r="AC63112" i="1"/>
  <c r="AC63113" i="1"/>
  <c r="AC63114" i="1"/>
  <c r="AC63115" i="1"/>
  <c r="AC63116" i="1"/>
  <c r="AC63117" i="1"/>
  <c r="AC63118" i="1"/>
  <c r="AC63119" i="1"/>
  <c r="AC63120" i="1"/>
  <c r="AC63121" i="1"/>
  <c r="AC63122" i="1"/>
  <c r="AC63123" i="1"/>
  <c r="AC63124" i="1"/>
  <c r="AC63125" i="1"/>
  <c r="AC63126" i="1"/>
  <c r="AC63127" i="1"/>
  <c r="AC63128" i="1"/>
  <c r="AC63129" i="1"/>
  <c r="AC63130" i="1"/>
  <c r="AC63131" i="1"/>
  <c r="AC63132" i="1"/>
  <c r="AC63133" i="1"/>
  <c r="AC63134" i="1"/>
  <c r="AC63135" i="1"/>
  <c r="AC63136" i="1"/>
  <c r="AC63137" i="1"/>
  <c r="AC63138" i="1"/>
  <c r="AC63139" i="1"/>
  <c r="AC63140" i="1"/>
  <c r="AC63141" i="1"/>
  <c r="AC63142" i="1"/>
  <c r="AC63143" i="1"/>
  <c r="AC63144" i="1"/>
  <c r="AC63145" i="1"/>
  <c r="AC63146" i="1"/>
  <c r="AC63147" i="1"/>
  <c r="AC63148" i="1"/>
  <c r="AC63149" i="1"/>
  <c r="AC63150" i="1"/>
  <c r="AC63151" i="1"/>
  <c r="AC63152" i="1"/>
  <c r="AC63153" i="1"/>
  <c r="AC63154" i="1"/>
  <c r="AC63155" i="1"/>
  <c r="AC63156" i="1"/>
  <c r="AC63157" i="1"/>
  <c r="AC63158" i="1"/>
  <c r="AC63159" i="1"/>
  <c r="AC63160" i="1"/>
  <c r="AC63161" i="1"/>
  <c r="AC63162" i="1"/>
  <c r="AC63163" i="1"/>
  <c r="AC63164" i="1"/>
  <c r="AC63165" i="1"/>
  <c r="AC63166" i="1"/>
  <c r="AC63167" i="1"/>
  <c r="AC63168" i="1"/>
  <c r="AC63169" i="1"/>
  <c r="AC63170" i="1"/>
  <c r="AC63171" i="1"/>
  <c r="AC63172" i="1"/>
  <c r="AC63173" i="1"/>
  <c r="AC63174" i="1"/>
  <c r="AC63175" i="1"/>
  <c r="AC63176" i="1"/>
  <c r="AC63177" i="1"/>
  <c r="AC63178" i="1"/>
  <c r="AC63179" i="1"/>
  <c r="AC63180" i="1"/>
  <c r="AC63181" i="1"/>
  <c r="AC63182" i="1"/>
  <c r="AC63183" i="1"/>
  <c r="AC63184" i="1"/>
  <c r="AC63185" i="1"/>
  <c r="AC63186" i="1"/>
  <c r="AC63187" i="1"/>
  <c r="AC63188" i="1"/>
  <c r="AC63189" i="1"/>
  <c r="AC63190" i="1"/>
  <c r="AC63191" i="1"/>
  <c r="AC63192" i="1"/>
  <c r="AC63193" i="1"/>
  <c r="AC63194" i="1"/>
  <c r="AC63195" i="1"/>
  <c r="AC63196" i="1"/>
  <c r="AC63197" i="1"/>
  <c r="AC63198" i="1"/>
  <c r="AC63199" i="1"/>
  <c r="AC63200" i="1"/>
  <c r="AC63201" i="1"/>
  <c r="AC63202" i="1"/>
  <c r="AC63203" i="1"/>
  <c r="AC63204" i="1"/>
  <c r="AC63205" i="1"/>
  <c r="AC63206" i="1"/>
  <c r="AC63207" i="1"/>
  <c r="AC63208" i="1"/>
  <c r="AC63209" i="1"/>
  <c r="AC63210" i="1"/>
  <c r="AC63211" i="1"/>
  <c r="AC63212" i="1"/>
  <c r="AC63213" i="1"/>
  <c r="AC63214" i="1"/>
  <c r="AC63215" i="1"/>
  <c r="AC63216" i="1"/>
  <c r="AC63217" i="1"/>
  <c r="AC63218" i="1"/>
  <c r="AC63219" i="1"/>
  <c r="AC63220" i="1"/>
  <c r="AC63221" i="1"/>
  <c r="AC63222" i="1"/>
  <c r="AC63223" i="1"/>
  <c r="AC63224" i="1"/>
  <c r="AC63225" i="1"/>
  <c r="AC63226" i="1"/>
  <c r="AC63227" i="1"/>
  <c r="AC63228" i="1"/>
  <c r="AC63229" i="1"/>
  <c r="AC63230" i="1"/>
  <c r="AC63231" i="1"/>
  <c r="AC63232" i="1"/>
  <c r="AC63233" i="1"/>
  <c r="AC63234" i="1"/>
  <c r="AC63235" i="1"/>
  <c r="AC63236" i="1"/>
  <c r="AC63237" i="1"/>
  <c r="AC63238" i="1"/>
  <c r="AC63239" i="1"/>
  <c r="AC63240" i="1"/>
  <c r="AC63241" i="1"/>
  <c r="AC63242" i="1"/>
  <c r="AC63243" i="1"/>
  <c r="AC63244" i="1"/>
  <c r="AC63245" i="1"/>
  <c r="AC63246" i="1"/>
  <c r="AC63247" i="1"/>
  <c r="AC63248" i="1"/>
  <c r="AC63249" i="1"/>
  <c r="AC63250" i="1"/>
  <c r="AC63251" i="1"/>
  <c r="AC63252" i="1"/>
  <c r="AC63253" i="1"/>
  <c r="AC63254" i="1"/>
  <c r="AC63255" i="1"/>
  <c r="AC63256" i="1"/>
  <c r="AC63257" i="1"/>
  <c r="AC63258" i="1"/>
  <c r="AC63259" i="1"/>
  <c r="AC63260" i="1"/>
  <c r="AC63261" i="1"/>
  <c r="AC63262" i="1"/>
  <c r="AC63263" i="1"/>
  <c r="AC63264" i="1"/>
  <c r="AC63265" i="1"/>
  <c r="AC63266" i="1"/>
  <c r="AC63267" i="1"/>
  <c r="AC63268" i="1"/>
  <c r="AC63269" i="1"/>
  <c r="AC63270" i="1"/>
  <c r="AC63271" i="1"/>
  <c r="AC63272" i="1"/>
  <c r="AC63273" i="1"/>
  <c r="AC63274" i="1"/>
  <c r="AC63275" i="1"/>
  <c r="AC63276" i="1"/>
  <c r="AC63277" i="1"/>
  <c r="AC63278" i="1"/>
  <c r="AC63279" i="1"/>
  <c r="AC63280" i="1"/>
  <c r="AC63281" i="1"/>
  <c r="AC63282" i="1"/>
  <c r="AC63283" i="1"/>
  <c r="AC63284" i="1"/>
  <c r="AC63285" i="1"/>
  <c r="AC63286" i="1"/>
  <c r="AC63287" i="1"/>
  <c r="AC63288" i="1"/>
  <c r="AC63289" i="1"/>
  <c r="AC63290" i="1"/>
  <c r="AC63291" i="1"/>
  <c r="AC63292" i="1"/>
  <c r="AC63293" i="1"/>
  <c r="AC63294" i="1"/>
  <c r="AC63295" i="1"/>
  <c r="AC63296" i="1"/>
  <c r="AC63297" i="1"/>
  <c r="AC63298" i="1"/>
  <c r="AC63299" i="1"/>
  <c r="AC63300" i="1"/>
  <c r="AC63301" i="1"/>
  <c r="AC63302" i="1"/>
  <c r="AC63303" i="1"/>
  <c r="AC63304" i="1"/>
  <c r="AC63305" i="1"/>
  <c r="AC63306" i="1"/>
  <c r="AC63307" i="1"/>
  <c r="AC63308" i="1"/>
  <c r="AC63309" i="1"/>
  <c r="AC63310" i="1"/>
  <c r="AC63311" i="1"/>
  <c r="AC63312" i="1"/>
  <c r="AC63313" i="1"/>
  <c r="AC63314" i="1"/>
  <c r="AC63315" i="1"/>
  <c r="AC63316" i="1"/>
  <c r="AC63317" i="1"/>
  <c r="AC63318" i="1"/>
  <c r="AC63319" i="1"/>
  <c r="AC63320" i="1"/>
  <c r="AC63321" i="1"/>
  <c r="AC63322" i="1"/>
  <c r="AC63323" i="1"/>
  <c r="AC63324" i="1"/>
  <c r="AC63325" i="1"/>
  <c r="AC63326" i="1"/>
  <c r="AC63327" i="1"/>
  <c r="AC63328" i="1"/>
  <c r="AC63329" i="1"/>
  <c r="AC63330" i="1"/>
  <c r="AC63331" i="1"/>
  <c r="AC63332" i="1"/>
  <c r="AC63333" i="1"/>
  <c r="AC63334" i="1"/>
  <c r="AC63335" i="1"/>
  <c r="AC63336" i="1"/>
  <c r="AC63337" i="1"/>
  <c r="AC63338" i="1"/>
  <c r="AC63339" i="1"/>
  <c r="AC63340" i="1"/>
  <c r="AC63341" i="1"/>
  <c r="AC63342" i="1"/>
  <c r="AC63343" i="1"/>
  <c r="AC63344" i="1"/>
  <c r="AC63345" i="1"/>
  <c r="AC63346" i="1"/>
  <c r="AC63347" i="1"/>
  <c r="AC63348" i="1"/>
  <c r="AC63349" i="1"/>
  <c r="AC63350" i="1"/>
  <c r="AC63351" i="1"/>
  <c r="AC63352" i="1"/>
  <c r="AC63353" i="1"/>
  <c r="AC63354" i="1"/>
  <c r="AC63355" i="1"/>
  <c r="AC63356" i="1"/>
  <c r="AC63357" i="1"/>
  <c r="AC63358" i="1"/>
  <c r="AC63359" i="1"/>
  <c r="AC63360" i="1"/>
  <c r="AC63361" i="1"/>
  <c r="AC63362" i="1"/>
  <c r="AC63363" i="1"/>
  <c r="AC63364" i="1"/>
  <c r="AC63365" i="1"/>
  <c r="AC63366" i="1"/>
  <c r="AC63367" i="1"/>
  <c r="AC63368" i="1"/>
  <c r="AC63369" i="1"/>
  <c r="AC63370" i="1"/>
  <c r="AC63371" i="1"/>
  <c r="AC63372" i="1"/>
  <c r="AC63373" i="1"/>
  <c r="AC63374" i="1"/>
  <c r="AC63375" i="1"/>
  <c r="AC63376" i="1"/>
  <c r="AC63377" i="1"/>
  <c r="AC63378" i="1"/>
  <c r="AC63379" i="1"/>
  <c r="AC63380" i="1"/>
  <c r="AC63381" i="1"/>
  <c r="AC63382" i="1"/>
  <c r="AC63383" i="1"/>
  <c r="AC63384" i="1"/>
  <c r="AC63385" i="1"/>
  <c r="AC63386" i="1"/>
  <c r="AC63387" i="1"/>
  <c r="AC63388" i="1"/>
  <c r="AC63389" i="1"/>
  <c r="AC63390" i="1"/>
  <c r="AC63391" i="1"/>
  <c r="AC63392" i="1"/>
  <c r="AC63393" i="1"/>
  <c r="AC63394" i="1"/>
  <c r="AC63395" i="1"/>
  <c r="AC63396" i="1"/>
  <c r="AC63397" i="1"/>
  <c r="AC63398" i="1"/>
  <c r="AC63399" i="1"/>
  <c r="AC63400" i="1"/>
  <c r="AC63401" i="1"/>
  <c r="AC63402" i="1"/>
  <c r="AC63403" i="1"/>
  <c r="AC63404" i="1"/>
  <c r="AC63405" i="1"/>
  <c r="AC63406" i="1"/>
  <c r="AC63407" i="1"/>
  <c r="AC63408" i="1"/>
  <c r="AC63409" i="1"/>
  <c r="AC63410" i="1"/>
  <c r="AC63411" i="1"/>
  <c r="AC63412" i="1"/>
  <c r="AC63413" i="1"/>
  <c r="AC63414" i="1"/>
  <c r="AC63415" i="1"/>
  <c r="AC63416" i="1"/>
  <c r="AC63417" i="1"/>
  <c r="AC63418" i="1"/>
  <c r="AC63419" i="1"/>
  <c r="AC63420" i="1"/>
  <c r="AC63421" i="1"/>
  <c r="AC63422" i="1"/>
  <c r="AC63423" i="1"/>
  <c r="AC63424" i="1"/>
  <c r="AC63425" i="1"/>
  <c r="AC63426" i="1"/>
  <c r="AC63427" i="1"/>
  <c r="AC63428" i="1"/>
  <c r="AC63429" i="1"/>
  <c r="AC63430" i="1"/>
  <c r="AC63431" i="1"/>
  <c r="AC63432" i="1"/>
  <c r="AC63433" i="1"/>
  <c r="AC63434" i="1"/>
  <c r="AC63435" i="1"/>
  <c r="AC63436" i="1"/>
  <c r="AC63437" i="1"/>
  <c r="AC63438" i="1"/>
  <c r="AC63439" i="1"/>
  <c r="AC63440" i="1"/>
  <c r="AC63441" i="1"/>
  <c r="AC63442" i="1"/>
  <c r="AC63443" i="1"/>
  <c r="AC63444" i="1"/>
  <c r="AC63445" i="1"/>
  <c r="AC63446" i="1"/>
  <c r="AC63447" i="1"/>
  <c r="AC63448" i="1"/>
  <c r="AC63449" i="1"/>
  <c r="AC63450" i="1"/>
  <c r="AC63451" i="1"/>
  <c r="AC63452" i="1"/>
  <c r="AC63453" i="1"/>
  <c r="AC63454" i="1"/>
  <c r="AC63455" i="1"/>
  <c r="AC63456" i="1"/>
  <c r="AC63457" i="1"/>
  <c r="AC63458" i="1"/>
  <c r="AC63459" i="1"/>
  <c r="AC63460" i="1"/>
  <c r="AC63461" i="1"/>
  <c r="AC63462" i="1"/>
  <c r="AC63463" i="1"/>
  <c r="AC63464" i="1"/>
  <c r="AC63465" i="1"/>
  <c r="AC63466" i="1"/>
  <c r="AC63467" i="1"/>
  <c r="AC63468" i="1"/>
  <c r="AC63469" i="1"/>
  <c r="AC63470" i="1"/>
  <c r="AC63471" i="1"/>
  <c r="AC63472" i="1"/>
  <c r="AC63473" i="1"/>
  <c r="AC63474" i="1"/>
  <c r="AC63475" i="1"/>
  <c r="AC63476" i="1"/>
  <c r="AC63477" i="1"/>
  <c r="AC63478" i="1"/>
  <c r="AC63479" i="1"/>
  <c r="AC63480" i="1"/>
  <c r="AC63481" i="1"/>
  <c r="AC63482" i="1"/>
  <c r="AC63483" i="1"/>
  <c r="AC63484" i="1"/>
  <c r="AC63485" i="1"/>
  <c r="AC63486" i="1"/>
  <c r="AC63487" i="1"/>
  <c r="AC63488" i="1"/>
  <c r="AC63489" i="1"/>
  <c r="AC63490" i="1"/>
  <c r="AC63491" i="1"/>
  <c r="AC63492" i="1"/>
  <c r="AC63493" i="1"/>
  <c r="AC63494" i="1"/>
  <c r="AC63495" i="1"/>
  <c r="AC63496" i="1"/>
  <c r="AC63497" i="1"/>
  <c r="AC63498" i="1"/>
  <c r="AC63499" i="1"/>
  <c r="AC63500" i="1"/>
  <c r="AC63501" i="1"/>
  <c r="AC63502" i="1"/>
  <c r="AC63503" i="1"/>
  <c r="AC63504" i="1"/>
  <c r="AC63505" i="1"/>
  <c r="AC63506" i="1"/>
  <c r="AC63507" i="1"/>
  <c r="AC63508" i="1"/>
  <c r="AC63509" i="1"/>
  <c r="AC63510" i="1"/>
  <c r="AC63511" i="1"/>
  <c r="AC63512" i="1"/>
  <c r="AC63513" i="1"/>
  <c r="AC63514" i="1"/>
  <c r="AC63515" i="1"/>
  <c r="AC63516" i="1"/>
  <c r="AC63517" i="1"/>
  <c r="AC63518" i="1"/>
  <c r="AC63519" i="1"/>
  <c r="AC63520" i="1"/>
  <c r="AC63521" i="1"/>
  <c r="AC63522" i="1"/>
  <c r="AC63523" i="1"/>
  <c r="AC63524" i="1"/>
  <c r="AC63525" i="1"/>
  <c r="AC63526" i="1"/>
  <c r="AC63527" i="1"/>
  <c r="AC63528" i="1"/>
  <c r="AC63529" i="1"/>
  <c r="AC63530" i="1"/>
  <c r="AC63531" i="1"/>
  <c r="AC63532" i="1"/>
  <c r="AC63533" i="1"/>
  <c r="AC63534" i="1"/>
  <c r="AC63535" i="1"/>
  <c r="AC63536" i="1"/>
  <c r="AC63537" i="1"/>
  <c r="AC63538" i="1"/>
  <c r="AC63539" i="1"/>
  <c r="AC63540" i="1"/>
  <c r="AC63541" i="1"/>
  <c r="AC63542" i="1"/>
  <c r="AC63543" i="1"/>
  <c r="AC63544" i="1"/>
  <c r="AC63545" i="1"/>
  <c r="AC63546" i="1"/>
  <c r="AC63547" i="1"/>
  <c r="AC63548" i="1"/>
  <c r="AC63549" i="1"/>
  <c r="AC63550" i="1"/>
  <c r="AC63551" i="1"/>
  <c r="AC63552" i="1"/>
  <c r="AC63553" i="1"/>
  <c r="AC63554" i="1"/>
  <c r="AC63555" i="1"/>
  <c r="AC63556" i="1"/>
  <c r="AC63557" i="1"/>
  <c r="AC63558" i="1"/>
  <c r="AC63559" i="1"/>
  <c r="AC63560" i="1"/>
  <c r="AC63561" i="1"/>
  <c r="AC63562" i="1"/>
  <c r="AC63563" i="1"/>
  <c r="AC63564" i="1"/>
  <c r="AC63565" i="1"/>
  <c r="AC63566" i="1"/>
  <c r="AC63567" i="1"/>
  <c r="AC63568" i="1"/>
  <c r="AC63569" i="1"/>
  <c r="AC63570" i="1"/>
  <c r="AC63571" i="1"/>
  <c r="AC63572" i="1"/>
  <c r="AC63573" i="1"/>
  <c r="AC63574" i="1"/>
  <c r="AC63575" i="1"/>
  <c r="AC63576" i="1"/>
  <c r="AC63577" i="1"/>
  <c r="AC63578" i="1"/>
  <c r="AC63579" i="1"/>
  <c r="AC63580" i="1"/>
  <c r="AC63581" i="1"/>
  <c r="AC63582" i="1"/>
  <c r="AC63583" i="1"/>
  <c r="AC63584" i="1"/>
  <c r="AC63585" i="1"/>
  <c r="AC63586" i="1"/>
  <c r="AC63587" i="1"/>
  <c r="AC63588" i="1"/>
  <c r="AC63589" i="1"/>
  <c r="AC63590" i="1"/>
  <c r="AC63591" i="1"/>
  <c r="AC63592" i="1"/>
  <c r="AC63593" i="1"/>
  <c r="AC63594" i="1"/>
  <c r="AC63595" i="1"/>
  <c r="AC63596" i="1"/>
  <c r="AC63597" i="1"/>
  <c r="AC63598" i="1"/>
  <c r="AC63599" i="1"/>
  <c r="AC63600" i="1"/>
  <c r="AC63601" i="1"/>
  <c r="AC63602" i="1"/>
  <c r="AC63603" i="1"/>
  <c r="AC63604" i="1"/>
  <c r="AC63605" i="1"/>
  <c r="AC63606" i="1"/>
  <c r="AC63607" i="1"/>
  <c r="AC63608" i="1"/>
  <c r="AC63609" i="1"/>
  <c r="AC63610" i="1"/>
  <c r="AC63611" i="1"/>
  <c r="AC63612" i="1"/>
  <c r="AC63613" i="1"/>
  <c r="AC63614" i="1"/>
  <c r="AC63615" i="1"/>
  <c r="AC63616" i="1"/>
  <c r="AC63617" i="1"/>
  <c r="AC63618" i="1"/>
  <c r="AC63619" i="1"/>
  <c r="AC63620" i="1"/>
  <c r="AC63621" i="1"/>
  <c r="AC63622" i="1"/>
  <c r="AC63623" i="1"/>
  <c r="AC63624" i="1"/>
  <c r="AC63625" i="1"/>
  <c r="AC63626" i="1"/>
  <c r="AC63627" i="1"/>
  <c r="AC63628" i="1"/>
  <c r="AC63629" i="1"/>
  <c r="AC63630" i="1"/>
  <c r="AC63631" i="1"/>
  <c r="AC63632" i="1"/>
  <c r="AC63633" i="1"/>
  <c r="AC63634" i="1"/>
  <c r="AC63635" i="1"/>
  <c r="AC63636" i="1"/>
  <c r="AC63637" i="1"/>
  <c r="AC63638" i="1"/>
  <c r="AC63639" i="1"/>
  <c r="AC63640" i="1"/>
  <c r="AC63641" i="1"/>
  <c r="AC63642" i="1"/>
  <c r="AC63643" i="1"/>
  <c r="AC63644" i="1"/>
  <c r="AC63645" i="1"/>
  <c r="AC63646" i="1"/>
  <c r="AC63647" i="1"/>
  <c r="AC63648" i="1"/>
  <c r="AC63649" i="1"/>
  <c r="AC63650" i="1"/>
  <c r="AC63651" i="1"/>
  <c r="AC63652" i="1"/>
  <c r="AC63653" i="1"/>
  <c r="AC63654" i="1"/>
  <c r="AC63655" i="1"/>
  <c r="AC63656" i="1"/>
  <c r="AC63657" i="1"/>
  <c r="AC63658" i="1"/>
  <c r="AC63659" i="1"/>
  <c r="AC63660" i="1"/>
  <c r="AC63661" i="1"/>
  <c r="AC63662" i="1"/>
  <c r="AC63663" i="1"/>
  <c r="AC63664" i="1"/>
  <c r="AC63665" i="1"/>
  <c r="AC63666" i="1"/>
  <c r="AC63667" i="1"/>
  <c r="AC63668" i="1"/>
  <c r="AC63669" i="1"/>
  <c r="AC63670" i="1"/>
  <c r="AC63671" i="1"/>
  <c r="AC63672" i="1"/>
  <c r="AC63673" i="1"/>
  <c r="AC63674" i="1"/>
  <c r="AC63675" i="1"/>
  <c r="AC63676" i="1"/>
  <c r="AC63677" i="1"/>
  <c r="AC63678" i="1"/>
  <c r="AC63679" i="1"/>
  <c r="AC63680" i="1"/>
  <c r="AC63681" i="1"/>
  <c r="AC63682" i="1"/>
  <c r="AC63683" i="1"/>
  <c r="AC63684" i="1"/>
  <c r="AC63685" i="1"/>
  <c r="AC63686" i="1"/>
  <c r="AC63687" i="1"/>
  <c r="AC63688" i="1"/>
  <c r="AC63689" i="1"/>
  <c r="AC63690" i="1"/>
  <c r="AC63691" i="1"/>
  <c r="AC63692" i="1"/>
  <c r="AC63693" i="1"/>
  <c r="AC63694" i="1"/>
  <c r="AC63695" i="1"/>
  <c r="AC63696" i="1"/>
  <c r="AC63697" i="1"/>
  <c r="AC63698" i="1"/>
  <c r="AC63699" i="1"/>
  <c r="AC63700" i="1"/>
  <c r="AC63701" i="1"/>
  <c r="AC63702" i="1"/>
  <c r="AC63703" i="1"/>
  <c r="AC63704" i="1"/>
  <c r="AC63705" i="1"/>
  <c r="AC63706" i="1"/>
  <c r="AC63707" i="1"/>
  <c r="AC63708" i="1"/>
  <c r="AC63709" i="1"/>
  <c r="AC63710" i="1"/>
  <c r="AC63711" i="1"/>
  <c r="AC63712" i="1"/>
  <c r="AC63713" i="1"/>
  <c r="AC63714" i="1"/>
  <c r="AC63715" i="1"/>
  <c r="AC63716" i="1"/>
  <c r="AC63717" i="1"/>
  <c r="AC63718" i="1"/>
  <c r="AC63719" i="1"/>
  <c r="AC63720" i="1"/>
  <c r="AC63721" i="1"/>
  <c r="AC63722" i="1"/>
  <c r="AC63723" i="1"/>
  <c r="AC63724" i="1"/>
  <c r="AC63725" i="1"/>
  <c r="AC63726" i="1"/>
  <c r="AC63727" i="1"/>
  <c r="AC63728" i="1"/>
  <c r="AC63729" i="1"/>
  <c r="AC63730" i="1"/>
  <c r="AC63731" i="1"/>
  <c r="AC63732" i="1"/>
  <c r="AC63733" i="1"/>
  <c r="AC63734" i="1"/>
  <c r="AC63735" i="1"/>
  <c r="AC63736" i="1"/>
  <c r="AC63737" i="1"/>
  <c r="AC63738" i="1"/>
  <c r="AC63739" i="1"/>
  <c r="AC63740" i="1"/>
  <c r="AC63741" i="1"/>
  <c r="AC63742" i="1"/>
  <c r="AC63743" i="1"/>
  <c r="AC63744" i="1"/>
  <c r="AC63745" i="1"/>
  <c r="AC63746" i="1"/>
  <c r="AC63747" i="1"/>
  <c r="AC63748" i="1"/>
  <c r="AC63749" i="1"/>
  <c r="AC63750" i="1"/>
  <c r="AC63751" i="1"/>
  <c r="AC63752" i="1"/>
  <c r="AC63753" i="1"/>
  <c r="AC63754" i="1"/>
  <c r="AC63755" i="1"/>
  <c r="AC63756" i="1"/>
  <c r="AC63757" i="1"/>
  <c r="AC63758" i="1"/>
  <c r="AC63759" i="1"/>
  <c r="AC63760" i="1"/>
  <c r="AC63761" i="1"/>
  <c r="AC63762" i="1"/>
  <c r="AC63763" i="1"/>
  <c r="AC63764" i="1"/>
  <c r="AC63765" i="1"/>
  <c r="AC63766" i="1"/>
  <c r="AC63767" i="1"/>
  <c r="AC63768" i="1"/>
  <c r="AC63769" i="1"/>
  <c r="AC63770" i="1"/>
  <c r="AC63771" i="1"/>
  <c r="AC63772" i="1"/>
  <c r="AC63773" i="1"/>
  <c r="AC63774" i="1"/>
  <c r="AC63775" i="1"/>
  <c r="AC63776" i="1"/>
  <c r="AC63777" i="1"/>
  <c r="AC63778" i="1"/>
  <c r="AC63779" i="1"/>
  <c r="AC63780" i="1"/>
  <c r="AC63781" i="1"/>
  <c r="AC63782" i="1"/>
  <c r="AC63783" i="1"/>
  <c r="AC63784" i="1"/>
  <c r="AC63785" i="1"/>
  <c r="AC63786" i="1"/>
  <c r="AC63787" i="1"/>
  <c r="AC63788" i="1"/>
  <c r="AC63789" i="1"/>
  <c r="AC63790" i="1"/>
  <c r="AC63791" i="1"/>
  <c r="AC63792" i="1"/>
  <c r="AC63793" i="1"/>
  <c r="AC63794" i="1"/>
  <c r="AC63795" i="1"/>
  <c r="AC63796" i="1"/>
  <c r="AC63797" i="1"/>
  <c r="AC63798" i="1"/>
  <c r="AC63799" i="1"/>
  <c r="AC63800" i="1"/>
  <c r="AC63801" i="1"/>
  <c r="AC63802" i="1"/>
  <c r="AC63803" i="1"/>
  <c r="AC63804" i="1"/>
  <c r="AC63805" i="1"/>
  <c r="AC63806" i="1"/>
  <c r="AC63807" i="1"/>
  <c r="AC63808" i="1"/>
  <c r="AC63809" i="1"/>
  <c r="AC63810" i="1"/>
  <c r="AC63811" i="1"/>
  <c r="AC63812" i="1"/>
  <c r="AC63813" i="1"/>
  <c r="AC63814" i="1"/>
  <c r="AC63815" i="1"/>
  <c r="AC63816" i="1"/>
  <c r="AC63817" i="1"/>
  <c r="AC63818" i="1"/>
  <c r="AC63819" i="1"/>
  <c r="AC63820" i="1"/>
  <c r="AC63821" i="1"/>
  <c r="AC63822" i="1"/>
  <c r="AC63823" i="1"/>
  <c r="AC63824" i="1"/>
  <c r="AC63825" i="1"/>
  <c r="AC63826" i="1"/>
  <c r="AC63827" i="1"/>
  <c r="AC63828" i="1"/>
  <c r="AC63829" i="1"/>
  <c r="AC63830" i="1"/>
  <c r="AC63831" i="1"/>
  <c r="AC63832" i="1"/>
  <c r="AC63833" i="1"/>
  <c r="AC63834" i="1"/>
  <c r="AC63835" i="1"/>
  <c r="AC63836" i="1"/>
  <c r="AC63837" i="1"/>
  <c r="AC63838" i="1"/>
  <c r="AC63839" i="1"/>
  <c r="AC63840" i="1"/>
  <c r="AC63841" i="1"/>
  <c r="AC63842" i="1"/>
  <c r="AC63843" i="1"/>
  <c r="AC63844" i="1"/>
  <c r="AC63845" i="1"/>
  <c r="AC63846" i="1"/>
  <c r="AC63847" i="1"/>
  <c r="AC63848" i="1"/>
  <c r="AC63849" i="1"/>
  <c r="AC63850" i="1"/>
  <c r="AC63851" i="1"/>
  <c r="AC63852" i="1"/>
  <c r="AC63853" i="1"/>
  <c r="AC63854" i="1"/>
  <c r="AC63855" i="1"/>
  <c r="AC63856" i="1"/>
  <c r="AC63857" i="1"/>
  <c r="AC63858" i="1"/>
  <c r="AC63859" i="1"/>
  <c r="AC63860" i="1"/>
  <c r="AC63861" i="1"/>
  <c r="AC63862" i="1"/>
  <c r="AC63863" i="1"/>
  <c r="AC63864" i="1"/>
  <c r="AC63865" i="1"/>
  <c r="AC63866" i="1"/>
  <c r="AC63867" i="1"/>
  <c r="AC63868" i="1"/>
  <c r="AC63869" i="1"/>
  <c r="AC63870" i="1"/>
  <c r="AC63871" i="1"/>
  <c r="AC63872" i="1"/>
  <c r="AC63873" i="1"/>
  <c r="AC63874" i="1"/>
  <c r="AC63875" i="1"/>
  <c r="AC63876" i="1"/>
  <c r="AC63877" i="1"/>
  <c r="AC63878" i="1"/>
  <c r="AC63879" i="1"/>
  <c r="AC63880" i="1"/>
  <c r="AC63881" i="1"/>
  <c r="AC63882" i="1"/>
  <c r="AC63883" i="1"/>
  <c r="AC63884" i="1"/>
  <c r="AC63885" i="1"/>
  <c r="AC63886" i="1"/>
  <c r="AC63887" i="1"/>
  <c r="AC63888" i="1"/>
  <c r="AC63889" i="1"/>
  <c r="AC63890" i="1"/>
  <c r="AC63891" i="1"/>
  <c r="AC63892" i="1"/>
  <c r="AC63893" i="1"/>
  <c r="AC63894" i="1"/>
  <c r="AC63895" i="1"/>
  <c r="AC63896" i="1"/>
  <c r="AC63897" i="1"/>
  <c r="AC63898" i="1"/>
  <c r="AC63899" i="1"/>
  <c r="AC63900" i="1"/>
  <c r="AC63901" i="1"/>
  <c r="AC63902" i="1"/>
  <c r="AC63903" i="1"/>
  <c r="AC63904" i="1"/>
  <c r="AC63905" i="1"/>
  <c r="AC63906" i="1"/>
  <c r="AC63907" i="1"/>
  <c r="AC63908" i="1"/>
  <c r="AC63909" i="1"/>
  <c r="AC63910" i="1"/>
  <c r="AC63911" i="1"/>
  <c r="AC63912" i="1"/>
  <c r="AC63913" i="1"/>
  <c r="AC63914" i="1"/>
  <c r="AC63915" i="1"/>
  <c r="AC63916" i="1"/>
  <c r="AC63917" i="1"/>
  <c r="AC63918" i="1"/>
  <c r="AC63919" i="1"/>
  <c r="AC63920" i="1"/>
  <c r="AC63921" i="1"/>
  <c r="AC63922" i="1"/>
  <c r="AC63923" i="1"/>
  <c r="AC63924" i="1"/>
  <c r="AC63925" i="1"/>
  <c r="AC63926" i="1"/>
  <c r="AC63927" i="1"/>
  <c r="AC63928" i="1"/>
  <c r="AC63929" i="1"/>
  <c r="AC63930" i="1"/>
  <c r="AC63931" i="1"/>
  <c r="AC63932" i="1"/>
  <c r="AC63933" i="1"/>
  <c r="AC63934" i="1"/>
  <c r="AC63935" i="1"/>
  <c r="AC63936" i="1"/>
  <c r="AC63937" i="1"/>
  <c r="AC63938" i="1"/>
  <c r="AC63939" i="1"/>
  <c r="AC63940" i="1"/>
  <c r="AC63941" i="1"/>
  <c r="AC63942" i="1"/>
  <c r="AC63943" i="1"/>
  <c r="AC63944" i="1"/>
  <c r="AC63945" i="1"/>
  <c r="AC63946" i="1"/>
  <c r="AC63947" i="1"/>
  <c r="AC63948" i="1"/>
  <c r="AC63949" i="1"/>
  <c r="AC63950" i="1"/>
  <c r="AC63951" i="1"/>
  <c r="AC63952" i="1"/>
  <c r="AC63953" i="1"/>
  <c r="AC63954" i="1"/>
  <c r="AC63955" i="1"/>
  <c r="AC63956" i="1"/>
  <c r="AC63957" i="1"/>
  <c r="AC63958" i="1"/>
  <c r="AC63959" i="1"/>
  <c r="AC63960" i="1"/>
  <c r="AC63961" i="1"/>
  <c r="AC63962" i="1"/>
  <c r="AC63963" i="1"/>
  <c r="AC63964" i="1"/>
  <c r="AC63965" i="1"/>
  <c r="AC63966" i="1"/>
  <c r="AC63967" i="1"/>
  <c r="AC63968" i="1"/>
  <c r="AC63969" i="1"/>
  <c r="AC63970" i="1"/>
  <c r="AC63971" i="1"/>
  <c r="AC63972" i="1"/>
  <c r="AC63973" i="1"/>
  <c r="AC63974" i="1"/>
  <c r="AC63975" i="1"/>
  <c r="AC63976" i="1"/>
  <c r="AC63977" i="1"/>
  <c r="AC63978" i="1"/>
  <c r="AC63979" i="1"/>
  <c r="AC63980" i="1"/>
  <c r="AC63981" i="1"/>
  <c r="AC63982" i="1"/>
  <c r="AC63983" i="1"/>
  <c r="AC63984" i="1"/>
  <c r="AC63985" i="1"/>
  <c r="AC63986" i="1"/>
  <c r="AC63987" i="1"/>
  <c r="AC63988" i="1"/>
  <c r="AC63989" i="1"/>
  <c r="AC63990" i="1"/>
  <c r="AC63991" i="1"/>
  <c r="AC63992" i="1"/>
  <c r="AC63993" i="1"/>
  <c r="AC63994" i="1"/>
  <c r="AC63995" i="1"/>
  <c r="AC63996" i="1"/>
  <c r="AC63997" i="1"/>
  <c r="AC63998" i="1"/>
  <c r="AC63999" i="1"/>
  <c r="AC64000" i="1"/>
  <c r="AC64001" i="1"/>
  <c r="AC64002" i="1"/>
  <c r="AC64003" i="1"/>
  <c r="AC64004" i="1"/>
  <c r="AC64005" i="1"/>
  <c r="AC64006" i="1"/>
  <c r="AC64007" i="1"/>
  <c r="AC64008" i="1"/>
  <c r="AC64009" i="1"/>
  <c r="AC64010" i="1"/>
  <c r="AC64011" i="1"/>
  <c r="AC64012" i="1"/>
  <c r="AC64013" i="1"/>
  <c r="AC64014" i="1"/>
  <c r="AC64015" i="1"/>
  <c r="AC64016" i="1"/>
  <c r="AC64017" i="1"/>
  <c r="AC64018" i="1"/>
  <c r="AC64019" i="1"/>
  <c r="AC64020" i="1"/>
  <c r="AC64021" i="1"/>
  <c r="AC64022" i="1"/>
  <c r="AC64023" i="1"/>
  <c r="AC64024" i="1"/>
  <c r="AC64025" i="1"/>
  <c r="AC64026" i="1"/>
  <c r="AC64027" i="1"/>
  <c r="AC64028" i="1"/>
  <c r="AC64029" i="1"/>
  <c r="AC64030" i="1"/>
  <c r="AC64031" i="1"/>
  <c r="AC64032" i="1"/>
  <c r="AC64033" i="1"/>
  <c r="AC64034" i="1"/>
  <c r="AC64035" i="1"/>
  <c r="AC64036" i="1"/>
  <c r="AC64037" i="1"/>
  <c r="AC64038" i="1"/>
  <c r="AC64039" i="1"/>
  <c r="AC64040" i="1"/>
  <c r="AC64041" i="1"/>
  <c r="AC64042" i="1"/>
  <c r="AC64043" i="1"/>
  <c r="AC64044" i="1"/>
  <c r="AC64045" i="1"/>
  <c r="AC64046" i="1"/>
  <c r="AC64047" i="1"/>
  <c r="AC64048" i="1"/>
  <c r="AC64049" i="1"/>
  <c r="AC64050" i="1"/>
  <c r="AC64051" i="1"/>
  <c r="AC64052" i="1"/>
  <c r="AC64053" i="1"/>
  <c r="AC64054" i="1"/>
  <c r="AC64055" i="1"/>
  <c r="AC64056" i="1"/>
  <c r="AC64057" i="1"/>
  <c r="AC64058" i="1"/>
  <c r="AC64059" i="1"/>
  <c r="AC64060" i="1"/>
  <c r="AC64061" i="1"/>
  <c r="AC64062" i="1"/>
  <c r="AC64063" i="1"/>
  <c r="AC64064" i="1"/>
  <c r="AC64065" i="1"/>
  <c r="AC64066" i="1"/>
  <c r="AC64067" i="1"/>
  <c r="AC64068" i="1"/>
  <c r="AC64069" i="1"/>
  <c r="AC64070" i="1"/>
  <c r="AC64071" i="1"/>
  <c r="AC64072" i="1"/>
  <c r="AC64073" i="1"/>
  <c r="AC64074" i="1"/>
  <c r="AC64075" i="1"/>
  <c r="AC64076" i="1"/>
  <c r="AC64077" i="1"/>
  <c r="AC64078" i="1"/>
  <c r="AC64079" i="1"/>
  <c r="AC64080" i="1"/>
  <c r="AC64081" i="1"/>
  <c r="AC64082" i="1"/>
  <c r="AC64083" i="1"/>
  <c r="AC64084" i="1"/>
  <c r="AC64085" i="1"/>
  <c r="AC64086" i="1"/>
  <c r="AC64087" i="1"/>
  <c r="AC64088" i="1"/>
  <c r="AC64089" i="1"/>
  <c r="AC64090" i="1"/>
  <c r="AC64091" i="1"/>
  <c r="AC64092" i="1"/>
  <c r="AC64093" i="1"/>
  <c r="AC64094" i="1"/>
  <c r="AC64095" i="1"/>
  <c r="AC64096" i="1"/>
  <c r="AC64097" i="1"/>
  <c r="AC64098" i="1"/>
  <c r="AC64099" i="1"/>
  <c r="AC64100" i="1"/>
  <c r="AC64101" i="1"/>
  <c r="AC64102" i="1"/>
  <c r="AC64103" i="1"/>
  <c r="AC64104" i="1"/>
  <c r="AC64105" i="1"/>
  <c r="AC64106" i="1"/>
  <c r="AC64107" i="1"/>
  <c r="AC64108" i="1"/>
  <c r="AC64109" i="1"/>
  <c r="AC64110" i="1"/>
  <c r="AC64111" i="1"/>
  <c r="AC64112" i="1"/>
  <c r="AC64113" i="1"/>
  <c r="AC64114" i="1"/>
  <c r="AC64115" i="1"/>
  <c r="AC64116" i="1"/>
  <c r="AC64117" i="1"/>
  <c r="AC64118" i="1"/>
  <c r="AC64119" i="1"/>
  <c r="AC64120" i="1"/>
  <c r="AC64121" i="1"/>
  <c r="AC64122" i="1"/>
  <c r="AC64123" i="1"/>
  <c r="AC64124" i="1"/>
  <c r="AC64125" i="1"/>
  <c r="AC64126" i="1"/>
  <c r="AC64127" i="1"/>
  <c r="AC64128" i="1"/>
  <c r="AC64129" i="1"/>
  <c r="AC64130" i="1"/>
  <c r="AC64131" i="1"/>
  <c r="AC64132" i="1"/>
  <c r="AC64133" i="1"/>
  <c r="AC64134" i="1"/>
  <c r="AC64135" i="1"/>
  <c r="AC64136" i="1"/>
  <c r="AC64137" i="1"/>
  <c r="AC64138" i="1"/>
  <c r="AC64139" i="1"/>
  <c r="AC64140" i="1"/>
  <c r="AC64141" i="1"/>
  <c r="AC64142" i="1"/>
  <c r="AC64143" i="1"/>
  <c r="AC64144" i="1"/>
  <c r="AC64145" i="1"/>
  <c r="AC64146" i="1"/>
  <c r="AC64147" i="1"/>
  <c r="AC64148" i="1"/>
  <c r="AC64149" i="1"/>
  <c r="AC64150" i="1"/>
  <c r="AC64151" i="1"/>
  <c r="AC64152" i="1"/>
  <c r="AC64153" i="1"/>
  <c r="AC64154" i="1"/>
  <c r="AC64155" i="1"/>
  <c r="AC64156" i="1"/>
  <c r="AC64157" i="1"/>
  <c r="AC64158" i="1"/>
  <c r="AC64159" i="1"/>
  <c r="AC64160" i="1"/>
  <c r="AC64161" i="1"/>
  <c r="AC64162" i="1"/>
  <c r="AC64163" i="1"/>
  <c r="AC64164" i="1"/>
  <c r="AC64165" i="1"/>
  <c r="AC64166" i="1"/>
  <c r="AC64167" i="1"/>
  <c r="AC64168" i="1"/>
  <c r="AC64169" i="1"/>
  <c r="AC64170" i="1"/>
  <c r="AC64171" i="1"/>
  <c r="AC64172" i="1"/>
  <c r="AC64173" i="1"/>
  <c r="AC64174" i="1"/>
  <c r="AC64175" i="1"/>
  <c r="AC64176" i="1"/>
  <c r="AC64177" i="1"/>
  <c r="AC64178" i="1"/>
  <c r="AC64179" i="1"/>
  <c r="AC64180" i="1"/>
  <c r="AC64181" i="1"/>
  <c r="AC64182" i="1"/>
  <c r="AC64183" i="1"/>
  <c r="AC64184" i="1"/>
  <c r="AC64185" i="1"/>
  <c r="AC64186" i="1"/>
  <c r="AC64187" i="1"/>
  <c r="AC64188" i="1"/>
  <c r="AC64189" i="1"/>
  <c r="AC64190" i="1"/>
  <c r="AC64191" i="1"/>
  <c r="AC64192" i="1"/>
  <c r="AC64193" i="1"/>
  <c r="AC64194" i="1"/>
  <c r="AC64195" i="1"/>
  <c r="AC64196" i="1"/>
  <c r="AC64197" i="1"/>
  <c r="AC64198" i="1"/>
  <c r="AC64199" i="1"/>
  <c r="AC64200" i="1"/>
  <c r="AC64201" i="1"/>
  <c r="AC64202" i="1"/>
  <c r="AC64203" i="1"/>
  <c r="AC64204" i="1"/>
  <c r="AC64205" i="1"/>
  <c r="AC64206" i="1"/>
  <c r="AC64207" i="1"/>
  <c r="AC64208" i="1"/>
  <c r="AC64209" i="1"/>
  <c r="AC64210" i="1"/>
  <c r="AC64211" i="1"/>
  <c r="AC64212" i="1"/>
  <c r="AC64213" i="1"/>
  <c r="AC64214" i="1"/>
  <c r="AC64215" i="1"/>
  <c r="AC64216" i="1"/>
  <c r="AC64217" i="1"/>
  <c r="AC64218" i="1"/>
  <c r="AC64219" i="1"/>
  <c r="AC64220" i="1"/>
  <c r="AC64221" i="1"/>
  <c r="AC64222" i="1"/>
  <c r="AC64223" i="1"/>
  <c r="AC64224" i="1"/>
  <c r="AC64225" i="1"/>
  <c r="AC64226" i="1"/>
  <c r="AC64227" i="1"/>
  <c r="AC64228" i="1"/>
  <c r="AC64229" i="1"/>
  <c r="AC64230" i="1"/>
  <c r="AC64231" i="1"/>
  <c r="AC64232" i="1"/>
  <c r="AC64233" i="1"/>
  <c r="AC64234" i="1"/>
  <c r="AC64235" i="1"/>
  <c r="AC64236" i="1"/>
  <c r="AC64237" i="1"/>
  <c r="AC64238" i="1"/>
  <c r="AC64239" i="1"/>
  <c r="AC64240" i="1"/>
  <c r="AC64241" i="1"/>
  <c r="AC64242" i="1"/>
  <c r="AC64243" i="1"/>
  <c r="AC64244" i="1"/>
  <c r="AC64245" i="1"/>
  <c r="AC64246" i="1"/>
  <c r="AC64247" i="1"/>
  <c r="AC64248" i="1"/>
  <c r="AC64249" i="1"/>
  <c r="AC64250" i="1"/>
  <c r="AC64251" i="1"/>
  <c r="AC64252" i="1"/>
  <c r="AC64253" i="1"/>
  <c r="AC64254" i="1"/>
  <c r="AC64255" i="1"/>
  <c r="AC64256" i="1"/>
  <c r="AC64257" i="1"/>
  <c r="AC64258" i="1"/>
  <c r="AC64259" i="1"/>
  <c r="AC64260" i="1"/>
  <c r="AC64261" i="1"/>
  <c r="AC64262" i="1"/>
  <c r="AC64263" i="1"/>
  <c r="AC64264" i="1"/>
  <c r="AC64265" i="1"/>
  <c r="AC64266" i="1"/>
  <c r="AC64267" i="1"/>
  <c r="AC64268" i="1"/>
  <c r="AC64269" i="1"/>
  <c r="AC64270" i="1"/>
  <c r="AC64271" i="1"/>
  <c r="AC64272" i="1"/>
  <c r="AC64273" i="1"/>
  <c r="AC64274" i="1"/>
  <c r="AC64275" i="1"/>
  <c r="AC64276" i="1"/>
  <c r="AC64277" i="1"/>
  <c r="AC64278" i="1"/>
  <c r="AC64279" i="1"/>
  <c r="AC64280" i="1"/>
  <c r="AC64281" i="1"/>
  <c r="AC64282" i="1"/>
  <c r="AC64283" i="1"/>
  <c r="AC64284" i="1"/>
  <c r="AC64285" i="1"/>
  <c r="AC64286" i="1"/>
  <c r="AC64287" i="1"/>
  <c r="AC64288" i="1"/>
  <c r="AC64289" i="1"/>
  <c r="AC64290" i="1"/>
  <c r="AC64291" i="1"/>
  <c r="AC64292" i="1"/>
  <c r="AC64293" i="1"/>
  <c r="AC64294" i="1"/>
  <c r="AC64295" i="1"/>
  <c r="AC64296" i="1"/>
  <c r="AC64297" i="1"/>
  <c r="AC64298" i="1"/>
  <c r="AC64299" i="1"/>
  <c r="AC64300" i="1"/>
  <c r="AC64301" i="1"/>
  <c r="AC64302" i="1"/>
  <c r="AC64303" i="1"/>
  <c r="AC64304" i="1"/>
  <c r="AC64305" i="1"/>
  <c r="AC64306" i="1"/>
  <c r="AC64307" i="1"/>
  <c r="AC64308" i="1"/>
  <c r="AC64309" i="1"/>
  <c r="AC64310" i="1"/>
  <c r="AC64311" i="1"/>
  <c r="AC64312" i="1"/>
  <c r="AC64313" i="1"/>
  <c r="AC64314" i="1"/>
  <c r="AC64315" i="1"/>
  <c r="AC64316" i="1"/>
  <c r="AC64317" i="1"/>
  <c r="AC64318" i="1"/>
  <c r="AC64319" i="1"/>
  <c r="AC64320" i="1"/>
  <c r="AC64321" i="1"/>
  <c r="AC64322" i="1"/>
  <c r="AC64323" i="1"/>
  <c r="AC64324" i="1"/>
  <c r="AC64325" i="1"/>
  <c r="AC64326" i="1"/>
  <c r="AC64327" i="1"/>
  <c r="AC64328" i="1"/>
  <c r="AC64329" i="1"/>
  <c r="AC64330" i="1"/>
  <c r="AC64331" i="1"/>
  <c r="AC64332" i="1"/>
  <c r="AC64333" i="1"/>
  <c r="AC64334" i="1"/>
  <c r="AC64335" i="1"/>
  <c r="AC64336" i="1"/>
  <c r="AC64337" i="1"/>
  <c r="AC64338" i="1"/>
  <c r="AC64339" i="1"/>
  <c r="AC64340" i="1"/>
  <c r="AC64341" i="1"/>
  <c r="AC64342" i="1"/>
  <c r="AC64343" i="1"/>
  <c r="AC64344" i="1"/>
  <c r="AC64345" i="1"/>
  <c r="AC64346" i="1"/>
  <c r="AC64347" i="1"/>
  <c r="AC64348" i="1"/>
  <c r="AC64349" i="1"/>
  <c r="AC64350" i="1"/>
  <c r="AC64351" i="1"/>
  <c r="AC64352" i="1"/>
  <c r="AC64353" i="1"/>
  <c r="AC64354" i="1"/>
  <c r="AC64355" i="1"/>
  <c r="AC64356" i="1"/>
  <c r="AC64357" i="1"/>
  <c r="AC64358" i="1"/>
  <c r="AC64359" i="1"/>
  <c r="AC64360" i="1"/>
  <c r="AC64361" i="1"/>
  <c r="AC64362" i="1"/>
  <c r="AC64363" i="1"/>
  <c r="AC64364" i="1"/>
  <c r="AC64365" i="1"/>
  <c r="AC64366" i="1"/>
  <c r="AC64367" i="1"/>
  <c r="AC64368" i="1"/>
  <c r="AC64369" i="1"/>
  <c r="AC64370" i="1"/>
  <c r="AC64371" i="1"/>
  <c r="AC64372" i="1"/>
  <c r="AC64373" i="1"/>
  <c r="AC64374" i="1"/>
  <c r="AC64375" i="1"/>
  <c r="AC64376" i="1"/>
  <c r="AC64377" i="1"/>
  <c r="AC64378" i="1"/>
  <c r="AC64379" i="1"/>
  <c r="AC64380" i="1"/>
  <c r="AC64381" i="1"/>
  <c r="AC64382" i="1"/>
  <c r="AC64383" i="1"/>
  <c r="AC64384" i="1"/>
  <c r="AC64385" i="1"/>
  <c r="AC64386" i="1"/>
  <c r="AC64387" i="1"/>
  <c r="AC64388" i="1"/>
  <c r="AC64389" i="1"/>
  <c r="AC64390" i="1"/>
  <c r="AC64391" i="1"/>
  <c r="AC64392" i="1"/>
  <c r="AC64393" i="1"/>
  <c r="AC64394" i="1"/>
  <c r="AC64395" i="1"/>
  <c r="AC64396" i="1"/>
  <c r="AC64397" i="1"/>
  <c r="AC64398" i="1"/>
  <c r="AC64399" i="1"/>
  <c r="AC64400" i="1"/>
  <c r="AC64401" i="1"/>
  <c r="AC64402" i="1"/>
  <c r="AC64403" i="1"/>
  <c r="AC64404" i="1"/>
  <c r="AC64405" i="1"/>
  <c r="AC64406" i="1"/>
  <c r="AC64407" i="1"/>
  <c r="AC64408" i="1"/>
  <c r="AC64409" i="1"/>
  <c r="AC64410" i="1"/>
  <c r="AC64411" i="1"/>
  <c r="AC64412" i="1"/>
  <c r="AC64413" i="1"/>
  <c r="AC64414" i="1"/>
  <c r="AC64415" i="1"/>
  <c r="AC64416" i="1"/>
  <c r="AC64417" i="1"/>
  <c r="AC64418" i="1"/>
  <c r="AC64419" i="1"/>
  <c r="AC64420" i="1"/>
  <c r="AC64421" i="1"/>
  <c r="AC64422" i="1"/>
  <c r="AC64423" i="1"/>
  <c r="AC64424" i="1"/>
  <c r="AC64425" i="1"/>
  <c r="AC64426" i="1"/>
  <c r="AC64427" i="1"/>
  <c r="AC64428" i="1"/>
  <c r="AC64429" i="1"/>
  <c r="AC64430" i="1"/>
  <c r="AC64431" i="1"/>
  <c r="AC64432" i="1"/>
  <c r="AC64433" i="1"/>
  <c r="AC64434" i="1"/>
  <c r="AC64435" i="1"/>
  <c r="AC64436" i="1"/>
  <c r="AC64437" i="1"/>
  <c r="AC64438" i="1"/>
  <c r="AC64439" i="1"/>
  <c r="AC64440" i="1"/>
  <c r="AC64441" i="1"/>
  <c r="AC64442" i="1"/>
  <c r="AC64443" i="1"/>
  <c r="AC64444" i="1"/>
  <c r="AC64445" i="1"/>
  <c r="AC64446" i="1"/>
  <c r="AC64447" i="1"/>
  <c r="AC64448" i="1"/>
  <c r="AC64449" i="1"/>
  <c r="AC64450" i="1"/>
  <c r="AC64451" i="1"/>
  <c r="AC64452" i="1"/>
  <c r="AC64453" i="1"/>
  <c r="AC64454" i="1"/>
  <c r="AC64455" i="1"/>
  <c r="AC64456" i="1"/>
  <c r="AC64457" i="1"/>
  <c r="AC64458" i="1"/>
  <c r="AC64459" i="1"/>
  <c r="AC64460" i="1"/>
  <c r="AC64461" i="1"/>
  <c r="AC64462" i="1"/>
  <c r="AC64463" i="1"/>
  <c r="AC64464" i="1"/>
  <c r="AC64465" i="1"/>
  <c r="AC64466" i="1"/>
  <c r="AC64467" i="1"/>
  <c r="AC64468" i="1"/>
  <c r="AC64469" i="1"/>
  <c r="AC64470" i="1"/>
  <c r="AC64471" i="1"/>
  <c r="AC64472" i="1"/>
  <c r="AC64473" i="1"/>
  <c r="AC64474" i="1"/>
  <c r="AC64475" i="1"/>
  <c r="AC64476" i="1"/>
  <c r="AC64477" i="1"/>
  <c r="AC64478" i="1"/>
  <c r="AC64479" i="1"/>
  <c r="AC64480" i="1"/>
  <c r="AC64481" i="1"/>
  <c r="AC64482" i="1"/>
  <c r="AC64483" i="1"/>
  <c r="AC64484" i="1"/>
  <c r="AC64485" i="1"/>
  <c r="AC64486" i="1"/>
  <c r="AC64487" i="1"/>
  <c r="AC64488" i="1"/>
  <c r="AC64489" i="1"/>
  <c r="AC64490" i="1"/>
  <c r="AC64491" i="1"/>
  <c r="AC64492" i="1"/>
  <c r="AC64493" i="1"/>
  <c r="AC64494" i="1"/>
  <c r="AC64495" i="1"/>
  <c r="AC64496" i="1"/>
  <c r="AC64497" i="1"/>
  <c r="AC64498" i="1"/>
  <c r="AC64499" i="1"/>
  <c r="AC64500" i="1"/>
  <c r="AC64501" i="1"/>
  <c r="AC64502" i="1"/>
  <c r="AC64503" i="1"/>
  <c r="AC64504" i="1"/>
  <c r="AC64505" i="1"/>
  <c r="AC64506" i="1"/>
  <c r="AC64507" i="1"/>
  <c r="AC64508" i="1"/>
  <c r="AC64509" i="1"/>
  <c r="AC64510" i="1"/>
  <c r="AC64511" i="1"/>
  <c r="AC64512" i="1"/>
  <c r="AC64513" i="1"/>
  <c r="AC64514" i="1"/>
  <c r="AC64515" i="1"/>
  <c r="AC64516" i="1"/>
  <c r="AC64517" i="1"/>
  <c r="AC64518" i="1"/>
  <c r="AC64519" i="1"/>
  <c r="AC64520" i="1"/>
  <c r="AC64521" i="1"/>
  <c r="AC64522" i="1"/>
  <c r="AC64523" i="1"/>
  <c r="AC64524" i="1"/>
  <c r="AC64525" i="1"/>
  <c r="AC64526" i="1"/>
  <c r="AC64527" i="1"/>
  <c r="AC64528" i="1"/>
  <c r="AC64529" i="1"/>
  <c r="AC64530" i="1"/>
  <c r="AC64531" i="1"/>
  <c r="AC64532" i="1"/>
  <c r="AC64533" i="1"/>
  <c r="AC64534" i="1"/>
  <c r="AC64535" i="1"/>
  <c r="AC64536" i="1"/>
  <c r="AC64537" i="1"/>
  <c r="AC64538" i="1"/>
  <c r="AC64539" i="1"/>
  <c r="AC64540" i="1"/>
  <c r="AC64541" i="1"/>
  <c r="AC64542" i="1"/>
  <c r="AC64543" i="1"/>
  <c r="AC64544" i="1"/>
  <c r="AC64545" i="1"/>
  <c r="AC64546" i="1"/>
  <c r="AC64547" i="1"/>
  <c r="AC64548" i="1"/>
  <c r="AC64549" i="1"/>
  <c r="AC64550" i="1"/>
  <c r="AC64551" i="1"/>
  <c r="AC64552" i="1"/>
  <c r="AC64553" i="1"/>
  <c r="AC64554" i="1"/>
  <c r="AC64555" i="1"/>
  <c r="AC64556" i="1"/>
  <c r="AC64557" i="1"/>
  <c r="AC64558" i="1"/>
  <c r="AC64559" i="1"/>
  <c r="AC64560" i="1"/>
  <c r="AC64561" i="1"/>
  <c r="AC64562" i="1"/>
  <c r="AC64563" i="1"/>
  <c r="AC64564" i="1"/>
  <c r="AC64565" i="1"/>
  <c r="AC64566" i="1"/>
  <c r="AC64567" i="1"/>
  <c r="AC64568" i="1"/>
  <c r="AC64569" i="1"/>
  <c r="AC64570" i="1"/>
  <c r="AC64571" i="1"/>
  <c r="AC64572" i="1"/>
  <c r="AC64573" i="1"/>
  <c r="AC64574" i="1"/>
  <c r="AC64575" i="1"/>
  <c r="AC64576" i="1"/>
  <c r="AC64577" i="1"/>
  <c r="AC64578" i="1"/>
  <c r="AC64579" i="1"/>
  <c r="AC64580" i="1"/>
  <c r="AC64581" i="1"/>
  <c r="AC64582" i="1"/>
  <c r="AC64583" i="1"/>
  <c r="AC64584" i="1"/>
  <c r="AC64585" i="1"/>
  <c r="AC64586" i="1"/>
  <c r="AC64587" i="1"/>
  <c r="AC64588" i="1"/>
  <c r="AC64589" i="1"/>
  <c r="AC64590" i="1"/>
  <c r="AC64591" i="1"/>
  <c r="AC64592" i="1"/>
  <c r="AC64593" i="1"/>
  <c r="AC64594" i="1"/>
  <c r="AC64595" i="1"/>
  <c r="AC64596" i="1"/>
  <c r="AC64597" i="1"/>
  <c r="AC64598" i="1"/>
  <c r="AC64599" i="1"/>
  <c r="AC64600" i="1"/>
  <c r="AC64601" i="1"/>
  <c r="AC64602" i="1"/>
  <c r="AC64603" i="1"/>
  <c r="AC64604" i="1"/>
  <c r="AC64605" i="1"/>
  <c r="AC64606" i="1"/>
  <c r="AC64607" i="1"/>
  <c r="AC64608" i="1"/>
  <c r="AC64609" i="1"/>
  <c r="AC64610" i="1"/>
  <c r="AC64611" i="1"/>
  <c r="AC64612" i="1"/>
  <c r="AC64613" i="1"/>
  <c r="AC64614" i="1"/>
  <c r="AC64615" i="1"/>
  <c r="AC64616" i="1"/>
  <c r="AC64617" i="1"/>
  <c r="AC64618" i="1"/>
  <c r="AC64619" i="1"/>
  <c r="AC64620" i="1"/>
  <c r="AC64621" i="1"/>
  <c r="AC64622" i="1"/>
  <c r="AC64623" i="1"/>
  <c r="AC64624" i="1"/>
  <c r="AC64625" i="1"/>
  <c r="AC64626" i="1"/>
  <c r="AC64627" i="1"/>
  <c r="AC64628" i="1"/>
  <c r="AC64629" i="1"/>
  <c r="AC64630" i="1"/>
  <c r="AC64631" i="1"/>
  <c r="AC64632" i="1"/>
  <c r="AC64633" i="1"/>
  <c r="AC64634" i="1"/>
  <c r="AC64635" i="1"/>
  <c r="AC64636" i="1"/>
  <c r="AC64637" i="1"/>
  <c r="AC64638" i="1"/>
  <c r="AC64639" i="1"/>
  <c r="AC64640" i="1"/>
  <c r="AC64641" i="1"/>
  <c r="AC64642" i="1"/>
  <c r="AC64643" i="1"/>
  <c r="AC64644" i="1"/>
  <c r="AC64645" i="1"/>
  <c r="AC64646" i="1"/>
  <c r="AC64647" i="1"/>
  <c r="AC64648" i="1"/>
  <c r="AC64649" i="1"/>
  <c r="AC64650" i="1"/>
  <c r="AC64651" i="1"/>
  <c r="AC64652" i="1"/>
  <c r="AC64653" i="1"/>
  <c r="AC64654" i="1"/>
  <c r="AC64655" i="1"/>
  <c r="AC64656" i="1"/>
  <c r="AC64657" i="1"/>
  <c r="AC64658" i="1"/>
  <c r="AC64659" i="1"/>
  <c r="AC64660" i="1"/>
  <c r="AC64661" i="1"/>
  <c r="AC64662" i="1"/>
  <c r="AC64663" i="1"/>
  <c r="AC64664" i="1"/>
  <c r="AC64665" i="1"/>
  <c r="AC64666" i="1"/>
  <c r="AC64667" i="1"/>
  <c r="AC64668" i="1"/>
  <c r="AC64669" i="1"/>
  <c r="AC64670" i="1"/>
  <c r="AC64671" i="1"/>
  <c r="AC64672" i="1"/>
  <c r="AC64673" i="1"/>
  <c r="AC64674" i="1"/>
  <c r="AC64675" i="1"/>
  <c r="AC64676" i="1"/>
  <c r="AC64677" i="1"/>
  <c r="AC64678" i="1"/>
  <c r="AC64679" i="1"/>
  <c r="AC64680" i="1"/>
  <c r="AC64681" i="1"/>
  <c r="AC64682" i="1"/>
  <c r="AC64683" i="1"/>
  <c r="AC64684" i="1"/>
  <c r="AC64685" i="1"/>
  <c r="AC64686" i="1"/>
  <c r="AC64687" i="1"/>
  <c r="AC64688" i="1"/>
  <c r="AC64689" i="1"/>
  <c r="AC64690" i="1"/>
  <c r="AC64691" i="1"/>
  <c r="AC64692" i="1"/>
  <c r="AC64693" i="1"/>
  <c r="AC64694" i="1"/>
  <c r="AC64695" i="1"/>
  <c r="AC64696" i="1"/>
  <c r="AC64697" i="1"/>
  <c r="AC64698" i="1"/>
  <c r="AC64699" i="1"/>
  <c r="AC64700" i="1"/>
  <c r="AC64701" i="1"/>
  <c r="AC64702" i="1"/>
  <c r="AC64703" i="1"/>
  <c r="AC64704" i="1"/>
  <c r="AC64705" i="1"/>
  <c r="AC64706" i="1"/>
  <c r="AC64707" i="1"/>
  <c r="AC64708" i="1"/>
  <c r="AC64709" i="1"/>
  <c r="AC64710" i="1"/>
  <c r="AC64711" i="1"/>
  <c r="AC64712" i="1"/>
  <c r="AC64713" i="1"/>
  <c r="AC64714" i="1"/>
  <c r="AC64715" i="1"/>
  <c r="AC64716" i="1"/>
  <c r="AC64717" i="1"/>
  <c r="AC64718" i="1"/>
  <c r="AC64719" i="1"/>
  <c r="AC64720" i="1"/>
  <c r="AC64721" i="1"/>
  <c r="AC64722" i="1"/>
  <c r="AC64723" i="1"/>
  <c r="AC64724" i="1"/>
  <c r="AC64725" i="1"/>
  <c r="AC64726" i="1"/>
  <c r="AC64727" i="1"/>
  <c r="AC64728" i="1"/>
  <c r="AC64729" i="1"/>
  <c r="AC64730" i="1"/>
  <c r="AC64731" i="1"/>
  <c r="AC64732" i="1"/>
  <c r="AC64733" i="1"/>
  <c r="AC64734" i="1"/>
  <c r="AC64735" i="1"/>
  <c r="AC64736" i="1"/>
  <c r="AC64737" i="1"/>
  <c r="AC64738" i="1"/>
  <c r="AC64739" i="1"/>
  <c r="AC64740" i="1"/>
  <c r="AC64741" i="1"/>
  <c r="AC64742" i="1"/>
  <c r="AC64743" i="1"/>
  <c r="AC64744" i="1"/>
  <c r="AC64745" i="1"/>
  <c r="AC64746" i="1"/>
  <c r="AC64747" i="1"/>
  <c r="AC64748" i="1"/>
  <c r="AC64749" i="1"/>
  <c r="AC64750" i="1"/>
  <c r="AC64751" i="1"/>
  <c r="AC64752" i="1"/>
  <c r="AC64753" i="1"/>
  <c r="AC64754" i="1"/>
  <c r="AC64755" i="1"/>
  <c r="AC64756" i="1"/>
  <c r="AC64757" i="1"/>
  <c r="AC64758" i="1"/>
  <c r="AC64759" i="1"/>
  <c r="AC64760" i="1"/>
  <c r="AC64761" i="1"/>
  <c r="AC64762" i="1"/>
  <c r="AC64763" i="1"/>
  <c r="AC64764" i="1"/>
  <c r="AC64765" i="1"/>
  <c r="AC64766" i="1"/>
  <c r="AC64767" i="1"/>
  <c r="AC64768" i="1"/>
  <c r="AC64769" i="1"/>
  <c r="AC64770" i="1"/>
  <c r="AC64771" i="1"/>
  <c r="AC64772" i="1"/>
  <c r="AC64773" i="1"/>
  <c r="AC64774" i="1"/>
  <c r="AC64775" i="1"/>
  <c r="AC64776" i="1"/>
  <c r="AC64777" i="1"/>
  <c r="AC64778" i="1"/>
  <c r="AC64779" i="1"/>
  <c r="AC64780" i="1"/>
  <c r="AC64781" i="1"/>
  <c r="AC64782" i="1"/>
  <c r="AC64783" i="1"/>
  <c r="AC64784" i="1"/>
  <c r="AC64785" i="1"/>
  <c r="AC64786" i="1"/>
  <c r="AC64787" i="1"/>
  <c r="AC64788" i="1"/>
  <c r="AC64789" i="1"/>
  <c r="AC64790" i="1"/>
  <c r="AC64791" i="1"/>
  <c r="AC64792" i="1"/>
  <c r="AC64793" i="1"/>
  <c r="AC64794" i="1"/>
  <c r="AC64795" i="1"/>
  <c r="AC64796" i="1"/>
  <c r="AC64797" i="1"/>
  <c r="AC64798" i="1"/>
  <c r="AC64799" i="1"/>
  <c r="AC64800" i="1"/>
  <c r="AC64801" i="1"/>
  <c r="AC64802" i="1"/>
  <c r="AC64803" i="1"/>
  <c r="AC64804" i="1"/>
  <c r="AC64805" i="1"/>
  <c r="AC64806" i="1"/>
  <c r="AC64807" i="1"/>
  <c r="AC64808" i="1"/>
  <c r="AC64809" i="1"/>
  <c r="AC64810" i="1"/>
  <c r="AC64811" i="1"/>
  <c r="AC64812" i="1"/>
  <c r="AC64813" i="1"/>
  <c r="AC64814" i="1"/>
  <c r="AC64815" i="1"/>
  <c r="AC64816" i="1"/>
  <c r="AC64817" i="1"/>
  <c r="AC64818" i="1"/>
  <c r="AC64819" i="1"/>
  <c r="AC64820" i="1"/>
  <c r="AC64821" i="1"/>
  <c r="AC64822" i="1"/>
  <c r="AC64823" i="1"/>
  <c r="AC64824" i="1"/>
  <c r="AC64825" i="1"/>
  <c r="AC64826" i="1"/>
  <c r="AC64827" i="1"/>
  <c r="AC64828" i="1"/>
  <c r="AC64829" i="1"/>
  <c r="AC64830" i="1"/>
  <c r="AC64831" i="1"/>
  <c r="AC64832" i="1"/>
  <c r="AC64833" i="1"/>
  <c r="AC64834" i="1"/>
  <c r="AC64835" i="1"/>
  <c r="AC64836" i="1"/>
  <c r="AC64837" i="1"/>
  <c r="AC64838" i="1"/>
  <c r="AC64839" i="1"/>
  <c r="AC64840" i="1"/>
  <c r="AC64841" i="1"/>
  <c r="AC64842" i="1"/>
  <c r="AC64843" i="1"/>
  <c r="AC64844" i="1"/>
  <c r="AC64845" i="1"/>
  <c r="AC64846" i="1"/>
  <c r="AC64847" i="1"/>
  <c r="AC64848" i="1"/>
  <c r="AC64849" i="1"/>
  <c r="AC64850" i="1"/>
  <c r="AC64851" i="1"/>
  <c r="AC64852" i="1"/>
  <c r="AC64853" i="1"/>
  <c r="AC64854" i="1"/>
  <c r="AC64855" i="1"/>
  <c r="AC64856" i="1"/>
  <c r="AC64857" i="1"/>
  <c r="AC64858" i="1"/>
  <c r="AC64859" i="1"/>
  <c r="AC64860" i="1"/>
  <c r="AC64861" i="1"/>
  <c r="AC64862" i="1"/>
  <c r="AC64863" i="1"/>
  <c r="AC64864" i="1"/>
  <c r="AC64865" i="1"/>
  <c r="AC64866" i="1"/>
  <c r="AC64867" i="1"/>
  <c r="AC64868" i="1"/>
  <c r="AC64869" i="1"/>
  <c r="AC64870" i="1"/>
  <c r="AC64871" i="1"/>
  <c r="AC64872" i="1"/>
  <c r="AC64873" i="1"/>
  <c r="AC64874" i="1"/>
  <c r="AC64875" i="1"/>
  <c r="AC64876" i="1"/>
  <c r="AC64877" i="1"/>
  <c r="AC64878" i="1"/>
  <c r="AC64879" i="1"/>
  <c r="AC64880" i="1"/>
  <c r="AC64881" i="1"/>
  <c r="AC64882" i="1"/>
  <c r="AC64883" i="1"/>
  <c r="AC64884" i="1"/>
  <c r="AC64885" i="1"/>
  <c r="AC64886" i="1"/>
  <c r="AC64887" i="1"/>
  <c r="AC64888" i="1"/>
  <c r="AC64889" i="1"/>
  <c r="AC64890" i="1"/>
  <c r="AC64891" i="1"/>
  <c r="AC64892" i="1"/>
  <c r="AC64893" i="1"/>
  <c r="AC64894" i="1"/>
  <c r="AC64895" i="1"/>
  <c r="AC64896" i="1"/>
  <c r="AC64897" i="1"/>
  <c r="AC64898" i="1"/>
  <c r="AC64899" i="1"/>
  <c r="AC64900" i="1"/>
  <c r="AC64901" i="1"/>
  <c r="AC64902" i="1"/>
  <c r="AC64903" i="1"/>
  <c r="AC64904" i="1"/>
  <c r="AC64905" i="1"/>
  <c r="AC64906" i="1"/>
  <c r="AC64907" i="1"/>
  <c r="AC64908" i="1"/>
  <c r="AC64909" i="1"/>
  <c r="AC64910" i="1"/>
  <c r="AC64911" i="1"/>
  <c r="AC64912" i="1"/>
  <c r="AC64913" i="1"/>
  <c r="AC64914" i="1"/>
  <c r="AC64915" i="1"/>
  <c r="AC64916" i="1"/>
  <c r="AC64917" i="1"/>
  <c r="AC64918" i="1"/>
  <c r="AC64919" i="1"/>
  <c r="AC64920" i="1"/>
  <c r="AC64921" i="1"/>
  <c r="AC64922" i="1"/>
  <c r="AC64923" i="1"/>
  <c r="AC64924" i="1"/>
  <c r="AC64925" i="1"/>
  <c r="AC64926" i="1"/>
  <c r="AC64927" i="1"/>
  <c r="AC64928" i="1"/>
  <c r="AC64929" i="1"/>
  <c r="AC64930" i="1"/>
  <c r="AC64931" i="1"/>
  <c r="AC64932" i="1"/>
  <c r="AC64933" i="1"/>
  <c r="AC64934" i="1"/>
  <c r="AC64935" i="1"/>
  <c r="AC64936" i="1"/>
  <c r="AC64937" i="1"/>
  <c r="AC64938" i="1"/>
  <c r="AC64939" i="1"/>
  <c r="AC64940" i="1"/>
  <c r="AC64941" i="1"/>
  <c r="AC64942" i="1"/>
  <c r="AC64943" i="1"/>
  <c r="AC64944" i="1"/>
  <c r="AC64945" i="1"/>
  <c r="AC64946" i="1"/>
  <c r="AC64947" i="1"/>
  <c r="AC64948" i="1"/>
  <c r="AC64949" i="1"/>
  <c r="AC64950" i="1"/>
  <c r="AC64951" i="1"/>
  <c r="AC64952" i="1"/>
  <c r="AC64953" i="1"/>
  <c r="AC64954" i="1"/>
  <c r="AC64955" i="1"/>
  <c r="AC64956" i="1"/>
  <c r="AC64957" i="1"/>
  <c r="AC64958" i="1"/>
  <c r="AC64959" i="1"/>
  <c r="AC64960" i="1"/>
  <c r="AC64961" i="1"/>
  <c r="AC64962" i="1"/>
  <c r="AC64963" i="1"/>
  <c r="AC64964" i="1"/>
  <c r="AC64965" i="1"/>
  <c r="AC64966" i="1"/>
  <c r="AC64967" i="1"/>
  <c r="AC64968" i="1"/>
  <c r="AC64969" i="1"/>
  <c r="AC64970" i="1"/>
  <c r="AC64971" i="1"/>
  <c r="AC64972" i="1"/>
  <c r="AC64973" i="1"/>
  <c r="AC64974" i="1"/>
  <c r="AC64975" i="1"/>
  <c r="AC64976" i="1"/>
  <c r="AC64977" i="1"/>
  <c r="AC64978" i="1"/>
  <c r="AC64979" i="1"/>
  <c r="AC64980" i="1"/>
  <c r="AC64981" i="1"/>
  <c r="AC64982" i="1"/>
  <c r="AC64983" i="1"/>
  <c r="AC64984" i="1"/>
  <c r="AC64985" i="1"/>
  <c r="AC64986" i="1"/>
  <c r="AC64987" i="1"/>
  <c r="AC64988" i="1"/>
  <c r="AC64989" i="1"/>
  <c r="AC64990" i="1"/>
  <c r="AC64991" i="1"/>
  <c r="AC64992" i="1"/>
  <c r="AC64993" i="1"/>
  <c r="AC64994" i="1"/>
  <c r="AC64995" i="1"/>
  <c r="AC64996" i="1"/>
  <c r="AC64997" i="1"/>
  <c r="AC64998" i="1"/>
  <c r="AC64999" i="1"/>
  <c r="AC65000" i="1"/>
  <c r="AC65001" i="1"/>
  <c r="AC65002" i="1"/>
  <c r="AC65003" i="1"/>
  <c r="AC65004" i="1"/>
  <c r="AC65005" i="1"/>
  <c r="AC65006" i="1"/>
  <c r="AC65007" i="1"/>
  <c r="AC65008" i="1"/>
  <c r="AC65009" i="1"/>
  <c r="AC65010" i="1"/>
  <c r="AC65011" i="1"/>
  <c r="AC65012" i="1"/>
  <c r="AC65013" i="1"/>
  <c r="AC65014" i="1"/>
  <c r="AC65015" i="1"/>
  <c r="AC65016" i="1"/>
  <c r="AC65017" i="1"/>
  <c r="AC65018" i="1"/>
  <c r="AC65019" i="1"/>
  <c r="AC65020" i="1"/>
  <c r="AC65021" i="1"/>
  <c r="AC65022" i="1"/>
  <c r="AC65023" i="1"/>
  <c r="AC65024" i="1"/>
  <c r="AC65025" i="1"/>
  <c r="AC65026" i="1"/>
  <c r="AC65027" i="1"/>
  <c r="AC65028" i="1"/>
  <c r="AC65029" i="1"/>
  <c r="AC65030" i="1"/>
  <c r="AC65031" i="1"/>
  <c r="AC65032" i="1"/>
  <c r="AC65033" i="1"/>
  <c r="AC65034" i="1"/>
  <c r="AC65035" i="1"/>
  <c r="AC65036" i="1"/>
  <c r="AC65037" i="1"/>
  <c r="AC65038" i="1"/>
  <c r="AC65039" i="1"/>
  <c r="AC65040" i="1"/>
  <c r="AC65041" i="1"/>
  <c r="AC65042" i="1"/>
  <c r="AC65043" i="1"/>
  <c r="AC65044" i="1"/>
  <c r="AC65045" i="1"/>
  <c r="AC65046" i="1"/>
  <c r="AC65047" i="1"/>
  <c r="AC65048" i="1"/>
  <c r="AC65049" i="1"/>
  <c r="AC65050" i="1"/>
  <c r="AC65051" i="1"/>
  <c r="AC65052" i="1"/>
  <c r="AC65053" i="1"/>
  <c r="AC65054" i="1"/>
  <c r="AC65055" i="1"/>
  <c r="AC65056" i="1"/>
  <c r="AC65057" i="1"/>
  <c r="AC65058" i="1"/>
  <c r="AC65059" i="1"/>
  <c r="AC65060" i="1"/>
  <c r="AC65061" i="1"/>
  <c r="AC65062" i="1"/>
  <c r="AC65063" i="1"/>
  <c r="AC65064" i="1"/>
  <c r="AC65065" i="1"/>
  <c r="AC65066" i="1"/>
  <c r="AC65067" i="1"/>
  <c r="AC65068" i="1"/>
  <c r="AC65069" i="1"/>
  <c r="AC65070" i="1"/>
  <c r="AC65071" i="1"/>
  <c r="AC65072" i="1"/>
  <c r="AC65073" i="1"/>
  <c r="AC65074" i="1"/>
  <c r="AC65075" i="1"/>
  <c r="AC65076" i="1"/>
  <c r="AC65077" i="1"/>
  <c r="AC65078" i="1"/>
  <c r="AC65079" i="1"/>
  <c r="AC65080" i="1"/>
  <c r="AC65081" i="1"/>
  <c r="AC65082" i="1"/>
  <c r="AC65083" i="1"/>
  <c r="AC65084" i="1"/>
  <c r="AC65085" i="1"/>
  <c r="AC65086" i="1"/>
  <c r="AC65087" i="1"/>
  <c r="AC65088" i="1"/>
  <c r="AC65089" i="1"/>
  <c r="AC65090" i="1"/>
  <c r="AC65091" i="1"/>
  <c r="AC65092" i="1"/>
  <c r="AC65093" i="1"/>
  <c r="AC65094" i="1"/>
  <c r="AC65095" i="1"/>
  <c r="AC65096" i="1"/>
  <c r="AC65097" i="1"/>
  <c r="AC65098" i="1"/>
  <c r="AC65099" i="1"/>
  <c r="AC65100" i="1"/>
  <c r="AC65101" i="1"/>
  <c r="AC65102" i="1"/>
  <c r="AC65103" i="1"/>
  <c r="AC65104" i="1"/>
  <c r="AC65105" i="1"/>
  <c r="AC65106" i="1"/>
  <c r="AC65107" i="1"/>
  <c r="AC65108" i="1"/>
  <c r="AC65109" i="1"/>
  <c r="AC65110" i="1"/>
  <c r="AC65111" i="1"/>
  <c r="AC65112" i="1"/>
  <c r="AC65113" i="1"/>
  <c r="AC65114" i="1"/>
  <c r="AC65115" i="1"/>
  <c r="AC65116" i="1"/>
  <c r="AC65117" i="1"/>
  <c r="AC65118" i="1"/>
  <c r="AC65119" i="1"/>
  <c r="AC65120" i="1"/>
  <c r="AC65121" i="1"/>
  <c r="AC65122" i="1"/>
  <c r="AC65123" i="1"/>
  <c r="AC65124" i="1"/>
  <c r="AC65125" i="1"/>
  <c r="AC65126" i="1"/>
  <c r="AC65127" i="1"/>
  <c r="AC65128" i="1"/>
  <c r="AC65129" i="1"/>
  <c r="AC65130" i="1"/>
  <c r="AC65131" i="1"/>
  <c r="AC65132" i="1"/>
  <c r="AC65133" i="1"/>
  <c r="AC65134" i="1"/>
  <c r="AC65135" i="1"/>
  <c r="AC65136" i="1"/>
  <c r="AC65137" i="1"/>
  <c r="AC65138" i="1"/>
  <c r="AC65139" i="1"/>
  <c r="AC65140" i="1"/>
  <c r="AC65141" i="1"/>
  <c r="AC65142" i="1"/>
  <c r="AC65143" i="1"/>
  <c r="AC65144" i="1"/>
  <c r="AC65145" i="1"/>
  <c r="AC65146" i="1"/>
  <c r="AC65147" i="1"/>
  <c r="AC65148" i="1"/>
  <c r="AC65149" i="1"/>
  <c r="AC65150" i="1"/>
  <c r="AC65151" i="1"/>
  <c r="AC65152" i="1"/>
  <c r="AC65153" i="1"/>
  <c r="AC65154" i="1"/>
  <c r="AC65155" i="1"/>
  <c r="AC65156" i="1"/>
  <c r="AC65157" i="1"/>
  <c r="AC65158" i="1"/>
  <c r="AC65159" i="1"/>
  <c r="AC65160" i="1"/>
  <c r="AC65161" i="1"/>
  <c r="AC65162" i="1"/>
  <c r="AC65163" i="1"/>
  <c r="AC65164" i="1"/>
  <c r="AC65165" i="1"/>
  <c r="AC65166" i="1"/>
  <c r="AC65167" i="1"/>
  <c r="AC65168" i="1"/>
  <c r="AC65169" i="1"/>
  <c r="AC65170" i="1"/>
  <c r="AC65171" i="1"/>
  <c r="AC65172" i="1"/>
  <c r="AC65173" i="1"/>
  <c r="AC65174" i="1"/>
  <c r="AC65175" i="1"/>
  <c r="AC65176" i="1"/>
  <c r="AC65177" i="1"/>
  <c r="AC65178" i="1"/>
  <c r="AC65179" i="1"/>
  <c r="AC65180" i="1"/>
  <c r="AC65181" i="1"/>
  <c r="AC65182" i="1"/>
  <c r="AC65183" i="1"/>
  <c r="AC65184" i="1"/>
  <c r="AC65185" i="1"/>
  <c r="AC65186" i="1"/>
  <c r="AC65187" i="1"/>
  <c r="AC65188" i="1"/>
  <c r="AC65189" i="1"/>
  <c r="AC65190" i="1"/>
  <c r="AC65191" i="1"/>
  <c r="AC65192" i="1"/>
  <c r="AC65193" i="1"/>
  <c r="AC65194" i="1"/>
  <c r="AC65195" i="1"/>
  <c r="AC65196" i="1"/>
  <c r="AC65197" i="1"/>
  <c r="AC65198" i="1"/>
  <c r="AC65199" i="1"/>
  <c r="AC65200" i="1"/>
  <c r="AC65201" i="1"/>
  <c r="AC65202" i="1"/>
  <c r="AC65203" i="1"/>
  <c r="AC65204" i="1"/>
  <c r="AC65205" i="1"/>
  <c r="AC65206" i="1"/>
  <c r="AC65207" i="1"/>
  <c r="AC65208" i="1"/>
  <c r="AC65209" i="1"/>
  <c r="AC65210" i="1"/>
  <c r="AC65211" i="1"/>
  <c r="AC65212" i="1"/>
  <c r="AC65213" i="1"/>
  <c r="AC65214" i="1"/>
  <c r="AC65215" i="1"/>
  <c r="AC65216" i="1"/>
  <c r="AC65217" i="1"/>
  <c r="AC65218" i="1"/>
  <c r="AC65219" i="1"/>
  <c r="AC65220" i="1"/>
  <c r="AC65221" i="1"/>
  <c r="AC65222" i="1"/>
  <c r="AC65223" i="1"/>
  <c r="AC65224" i="1"/>
  <c r="AC65225" i="1"/>
  <c r="AC65226" i="1"/>
  <c r="AC65227" i="1"/>
  <c r="AC65228" i="1"/>
  <c r="AC65229" i="1"/>
  <c r="AC65230" i="1"/>
  <c r="AC65231" i="1"/>
  <c r="AC65232" i="1"/>
  <c r="AC65233" i="1"/>
  <c r="AC65234" i="1"/>
  <c r="AC65235" i="1"/>
  <c r="AC65236" i="1"/>
  <c r="AC65237" i="1"/>
  <c r="AC65238" i="1"/>
  <c r="AC65239" i="1"/>
  <c r="AC65240" i="1"/>
  <c r="AC65241" i="1"/>
  <c r="AC65242" i="1"/>
  <c r="AC65243" i="1"/>
  <c r="AC65244" i="1"/>
  <c r="AC65245" i="1"/>
  <c r="AC65246" i="1"/>
  <c r="AC65247" i="1"/>
  <c r="AC65248" i="1"/>
  <c r="AC65249" i="1"/>
  <c r="AC65250" i="1"/>
  <c r="AC65251" i="1"/>
  <c r="AC65252" i="1"/>
  <c r="AC65253" i="1"/>
  <c r="AC65254" i="1"/>
  <c r="AC65255" i="1"/>
  <c r="AC65256" i="1"/>
  <c r="AC65257" i="1"/>
  <c r="AC65258" i="1"/>
  <c r="AC65259" i="1"/>
  <c r="AC65260" i="1"/>
  <c r="AC65261" i="1"/>
  <c r="AC65262" i="1"/>
  <c r="AC65263" i="1"/>
  <c r="AC65264" i="1"/>
  <c r="AC65265" i="1"/>
  <c r="AC65266" i="1"/>
  <c r="AC65267" i="1"/>
  <c r="AC65268" i="1"/>
  <c r="AC65269" i="1"/>
  <c r="AC65270" i="1"/>
  <c r="AC65271" i="1"/>
  <c r="AC65272" i="1"/>
  <c r="AC65273" i="1"/>
  <c r="AC65274" i="1"/>
  <c r="AC65275" i="1"/>
  <c r="AC65276" i="1"/>
  <c r="AC65277" i="1"/>
  <c r="AC65278" i="1"/>
  <c r="AC65279" i="1"/>
  <c r="AC65280" i="1"/>
  <c r="AC65281" i="1"/>
  <c r="AC65282" i="1"/>
  <c r="AC65283" i="1"/>
  <c r="AC65284" i="1"/>
  <c r="AC65285" i="1"/>
  <c r="AC65286" i="1"/>
  <c r="AC65287" i="1"/>
  <c r="AC65288" i="1"/>
  <c r="AC65289" i="1"/>
  <c r="AC65290" i="1"/>
  <c r="AC65291" i="1"/>
  <c r="AC65292" i="1"/>
  <c r="AC65293" i="1"/>
  <c r="AC65294" i="1"/>
  <c r="AC65295" i="1"/>
  <c r="AC65296" i="1"/>
  <c r="AC65297" i="1"/>
  <c r="AC65298" i="1"/>
  <c r="AC65299" i="1"/>
  <c r="AC65300" i="1"/>
  <c r="AC65301" i="1"/>
  <c r="AC65302" i="1"/>
  <c r="AC65303" i="1"/>
  <c r="AC65304" i="1"/>
  <c r="AC65305" i="1"/>
  <c r="AC65306" i="1"/>
  <c r="AC65307" i="1"/>
  <c r="AC65308" i="1"/>
  <c r="AC65309" i="1"/>
  <c r="AC65310" i="1"/>
  <c r="AC65311" i="1"/>
  <c r="AC65312" i="1"/>
  <c r="AC65313" i="1"/>
  <c r="AC65314" i="1"/>
  <c r="AC65315" i="1"/>
  <c r="AC65316" i="1"/>
  <c r="AC65317" i="1"/>
  <c r="AC65318" i="1"/>
  <c r="AC65319" i="1"/>
  <c r="AC65320" i="1"/>
  <c r="AC65321" i="1"/>
  <c r="AC65322" i="1"/>
  <c r="AC65323" i="1"/>
  <c r="AC65324" i="1"/>
  <c r="AC65325" i="1"/>
  <c r="AC65326" i="1"/>
  <c r="AC65327" i="1"/>
  <c r="AC65328" i="1"/>
  <c r="AC65329" i="1"/>
  <c r="AC65330" i="1"/>
  <c r="AC65331" i="1"/>
  <c r="AC65332" i="1"/>
  <c r="AC65333" i="1"/>
  <c r="AC65334" i="1"/>
  <c r="AC65335" i="1"/>
  <c r="AC65336" i="1"/>
  <c r="AC65337" i="1"/>
  <c r="AC65338" i="1"/>
  <c r="AC65339" i="1"/>
  <c r="AC65340" i="1"/>
  <c r="AC65341" i="1"/>
  <c r="AC65342" i="1"/>
  <c r="AC65343" i="1"/>
  <c r="AC65344" i="1"/>
  <c r="AC65345" i="1"/>
  <c r="AC65346" i="1"/>
  <c r="AC65347" i="1"/>
  <c r="AC65348" i="1"/>
  <c r="AC65349" i="1"/>
  <c r="AC65350" i="1"/>
  <c r="AC65351" i="1"/>
  <c r="AC65352" i="1"/>
  <c r="AC65353" i="1"/>
  <c r="AC65354" i="1"/>
  <c r="AC65355" i="1"/>
  <c r="AC65356" i="1"/>
  <c r="AC65357" i="1"/>
  <c r="AC65358" i="1"/>
  <c r="AC65359" i="1"/>
  <c r="AC65360" i="1"/>
  <c r="AC65361" i="1"/>
  <c r="AC65362" i="1"/>
  <c r="AC65363" i="1"/>
  <c r="AC65364" i="1"/>
  <c r="AC65365" i="1"/>
  <c r="AC65366" i="1"/>
  <c r="AC65367" i="1"/>
  <c r="AC65368" i="1"/>
  <c r="AC65369" i="1"/>
  <c r="AC65370" i="1"/>
  <c r="AC65371" i="1"/>
  <c r="AC65372" i="1"/>
  <c r="AC65373" i="1"/>
  <c r="AC65374" i="1"/>
  <c r="AC65375" i="1"/>
  <c r="AC65376" i="1"/>
  <c r="AC65377" i="1"/>
  <c r="AC65378" i="1"/>
  <c r="AC65379" i="1"/>
  <c r="AC65380" i="1"/>
  <c r="AC65381" i="1"/>
  <c r="AC65382" i="1"/>
  <c r="AC65383" i="1"/>
  <c r="AC65384" i="1"/>
  <c r="AC65385" i="1"/>
  <c r="AC65386" i="1"/>
  <c r="AC65387" i="1"/>
  <c r="AC65388" i="1"/>
  <c r="AC65389" i="1"/>
  <c r="AC65390" i="1"/>
  <c r="AC65391" i="1"/>
  <c r="AC65392" i="1"/>
  <c r="AC65393" i="1"/>
  <c r="AC65394" i="1"/>
  <c r="AC65395" i="1"/>
  <c r="AC65396" i="1"/>
  <c r="AC65397" i="1"/>
  <c r="AC65398" i="1"/>
  <c r="AC65399" i="1"/>
  <c r="AC65400" i="1"/>
  <c r="AC65401" i="1"/>
  <c r="AC65402" i="1"/>
  <c r="AC65403" i="1"/>
  <c r="AC65404" i="1"/>
  <c r="AC65405" i="1"/>
  <c r="AC65406" i="1"/>
  <c r="AC65407" i="1"/>
  <c r="AC65408" i="1"/>
  <c r="AC65409" i="1"/>
  <c r="AC65410" i="1"/>
  <c r="AC65411" i="1"/>
  <c r="AC65412" i="1"/>
  <c r="AC65413" i="1"/>
  <c r="AC65414" i="1"/>
  <c r="AC65415" i="1"/>
  <c r="AC65416" i="1"/>
  <c r="AC65417" i="1"/>
  <c r="AC65418" i="1"/>
  <c r="AC65419" i="1"/>
  <c r="AC65420" i="1"/>
  <c r="AC65421" i="1"/>
  <c r="AC65422" i="1"/>
  <c r="AC65423" i="1"/>
  <c r="AC65424" i="1"/>
  <c r="AC65425" i="1"/>
  <c r="AC65426" i="1"/>
  <c r="AC65427" i="1"/>
  <c r="AC65428" i="1"/>
  <c r="AC65429" i="1"/>
  <c r="AC65430" i="1"/>
  <c r="AC65431" i="1"/>
  <c r="AC65432" i="1"/>
  <c r="AC65433" i="1"/>
  <c r="AC65434" i="1"/>
  <c r="AC65435" i="1"/>
  <c r="AC65436" i="1"/>
  <c r="AC65437" i="1"/>
  <c r="AC65438" i="1"/>
  <c r="AC65439" i="1"/>
  <c r="AC65440" i="1"/>
  <c r="AC65441" i="1"/>
  <c r="AC65442" i="1"/>
  <c r="AC65443" i="1"/>
  <c r="AC65444" i="1"/>
  <c r="AC65445" i="1"/>
  <c r="AC65446" i="1"/>
  <c r="AC65447" i="1"/>
  <c r="AC65448" i="1"/>
  <c r="AC65449" i="1"/>
  <c r="AC65450" i="1"/>
  <c r="AC65451" i="1"/>
  <c r="AC65452" i="1"/>
  <c r="AC65453" i="1"/>
  <c r="AC65454" i="1"/>
  <c r="AC65455" i="1"/>
  <c r="AC65456" i="1"/>
  <c r="AC65457" i="1"/>
  <c r="AC65458" i="1"/>
  <c r="AC65459" i="1"/>
  <c r="AC65460" i="1"/>
  <c r="AC65461" i="1"/>
  <c r="AC65462" i="1"/>
  <c r="AC65463" i="1"/>
  <c r="AC65464" i="1"/>
  <c r="AC65465" i="1"/>
  <c r="AC65466" i="1"/>
  <c r="AC65467" i="1"/>
  <c r="AC65468" i="1"/>
  <c r="AC65469" i="1"/>
  <c r="AC65470" i="1"/>
  <c r="AC65471" i="1"/>
  <c r="AC65472" i="1"/>
  <c r="AC65473" i="1"/>
  <c r="AC65474" i="1"/>
  <c r="AC65475" i="1"/>
  <c r="AC65476" i="1"/>
  <c r="AC65477" i="1"/>
  <c r="AC65478" i="1"/>
  <c r="AC65479" i="1"/>
  <c r="AC65480" i="1"/>
  <c r="AC65481" i="1"/>
  <c r="AC65482" i="1"/>
  <c r="AC65483" i="1"/>
  <c r="AC65484" i="1"/>
  <c r="AC65485" i="1"/>
  <c r="AC65486" i="1"/>
  <c r="AC65487" i="1"/>
  <c r="AC65488" i="1"/>
  <c r="AC65489" i="1"/>
  <c r="AC65490" i="1"/>
  <c r="AC65491" i="1"/>
  <c r="AC65492" i="1"/>
  <c r="AC65493" i="1"/>
  <c r="AC65494" i="1"/>
  <c r="AC65495" i="1"/>
  <c r="AC65496" i="1"/>
  <c r="AC65497" i="1"/>
  <c r="AC65498" i="1"/>
  <c r="AC65499" i="1"/>
  <c r="AC65500" i="1"/>
  <c r="AC65501" i="1"/>
  <c r="AC65502" i="1"/>
  <c r="AC65503" i="1"/>
  <c r="AC65504" i="1"/>
  <c r="AC65505" i="1"/>
  <c r="AC65506" i="1"/>
  <c r="AC65507" i="1"/>
  <c r="AC65508" i="1"/>
  <c r="AC65509" i="1"/>
  <c r="AC65510" i="1"/>
  <c r="AC65511" i="1"/>
  <c r="AC65512" i="1"/>
  <c r="AC65513" i="1"/>
  <c r="AC65514" i="1"/>
  <c r="AC65515" i="1"/>
  <c r="AC65516" i="1"/>
  <c r="AC65517" i="1"/>
  <c r="AC65518" i="1"/>
  <c r="AC65519" i="1"/>
  <c r="AC65520" i="1"/>
  <c r="AC65521" i="1"/>
  <c r="AC65522" i="1"/>
  <c r="AC65523" i="1"/>
  <c r="AC65524" i="1"/>
  <c r="AC65525" i="1"/>
  <c r="AC65526" i="1"/>
  <c r="AC65527" i="1"/>
  <c r="AC65528" i="1"/>
  <c r="AC65529" i="1"/>
  <c r="AC65530" i="1"/>
  <c r="AC65531" i="1"/>
  <c r="AC65532" i="1"/>
  <c r="AC65533" i="1"/>
  <c r="AC65534" i="1"/>
  <c r="AC65535" i="1"/>
  <c r="AC65536" i="1"/>
  <c r="AC65537" i="1"/>
  <c r="AC65538" i="1"/>
  <c r="AC65539" i="1"/>
  <c r="AC65540" i="1"/>
  <c r="AC65541" i="1"/>
  <c r="AC65542" i="1"/>
  <c r="AC65543" i="1"/>
  <c r="AC65544" i="1"/>
  <c r="AC65545" i="1"/>
  <c r="AC65546" i="1"/>
  <c r="AC65547" i="1"/>
  <c r="AC65548" i="1"/>
  <c r="AC65549" i="1"/>
  <c r="AC65550" i="1"/>
  <c r="AC65551" i="1"/>
  <c r="AC65552" i="1"/>
  <c r="AC65553" i="1"/>
  <c r="AC65554" i="1"/>
  <c r="AC65555" i="1"/>
  <c r="AC65556" i="1"/>
  <c r="AC65557" i="1"/>
  <c r="AC65558" i="1"/>
  <c r="AC65559" i="1"/>
  <c r="AC65560" i="1"/>
  <c r="AC65561" i="1"/>
  <c r="AC65562" i="1"/>
  <c r="AC65563" i="1"/>
  <c r="AC65564" i="1"/>
  <c r="AC65565" i="1"/>
  <c r="AC65566" i="1"/>
  <c r="AC65567" i="1"/>
  <c r="AC65568" i="1"/>
  <c r="AC65569" i="1"/>
  <c r="AC65570" i="1"/>
  <c r="AC65571" i="1"/>
  <c r="AC65572" i="1"/>
  <c r="AC65573" i="1"/>
  <c r="AC65574" i="1"/>
  <c r="AC65575" i="1"/>
  <c r="AC65576" i="1"/>
  <c r="AC65577" i="1"/>
  <c r="AC65578" i="1"/>
  <c r="AC65579" i="1"/>
  <c r="AC65580" i="1"/>
  <c r="AC65581" i="1"/>
  <c r="AC65582" i="1"/>
  <c r="AC65583" i="1"/>
  <c r="AC65584" i="1"/>
  <c r="AC65585" i="1"/>
  <c r="AC65586" i="1"/>
  <c r="AC65587" i="1"/>
  <c r="AC65588" i="1"/>
  <c r="AC65589" i="1"/>
  <c r="AC65590" i="1"/>
  <c r="AC65591" i="1"/>
  <c r="AC65592" i="1"/>
  <c r="AC65593" i="1"/>
  <c r="AC65594" i="1"/>
  <c r="AC65595" i="1"/>
  <c r="AC65596" i="1"/>
  <c r="AC65597" i="1"/>
  <c r="AC65598" i="1"/>
  <c r="AC65599" i="1"/>
  <c r="AC65600" i="1"/>
  <c r="AC65601" i="1"/>
  <c r="AC65602" i="1"/>
  <c r="AC65603" i="1"/>
  <c r="AC65604" i="1"/>
  <c r="AC65605" i="1"/>
  <c r="AC65606" i="1"/>
  <c r="AC65607" i="1"/>
  <c r="AC65608" i="1"/>
  <c r="AC65609" i="1"/>
  <c r="AC65610" i="1"/>
  <c r="AC65611" i="1"/>
  <c r="AC65612" i="1"/>
  <c r="AC65613" i="1"/>
  <c r="AC65614" i="1"/>
  <c r="AC65615" i="1"/>
  <c r="AC65616" i="1"/>
  <c r="AC65617" i="1"/>
  <c r="AC65618" i="1"/>
  <c r="AC65619" i="1"/>
  <c r="AC65620" i="1"/>
  <c r="AC65621" i="1"/>
  <c r="AC65622" i="1"/>
  <c r="AC65623" i="1"/>
  <c r="AC65624" i="1"/>
  <c r="AC65625" i="1"/>
  <c r="AC65626" i="1"/>
  <c r="AC65627" i="1"/>
  <c r="AC65628" i="1"/>
  <c r="AC65629" i="1"/>
  <c r="AC65630" i="1"/>
  <c r="AC65631" i="1"/>
  <c r="AC65632" i="1"/>
  <c r="AC65633" i="1"/>
  <c r="AC65634" i="1"/>
  <c r="AC65635" i="1"/>
  <c r="AC65636" i="1"/>
  <c r="AC65637" i="1"/>
  <c r="AC65638" i="1"/>
  <c r="AC65639" i="1"/>
  <c r="AC65640" i="1"/>
  <c r="AC65641" i="1"/>
  <c r="AC65642" i="1"/>
  <c r="AC65643" i="1"/>
  <c r="AC65644" i="1"/>
  <c r="AC65645" i="1"/>
  <c r="AC65646" i="1"/>
  <c r="AC65647" i="1"/>
  <c r="AC65648" i="1"/>
  <c r="AC65649" i="1"/>
  <c r="AC65650" i="1"/>
  <c r="AC65651" i="1"/>
  <c r="AC65652" i="1"/>
  <c r="AC65653" i="1"/>
  <c r="AC65654" i="1"/>
  <c r="AC65655" i="1"/>
  <c r="AC65656" i="1"/>
  <c r="AC65657" i="1"/>
  <c r="AC65658" i="1"/>
  <c r="AC65659" i="1"/>
  <c r="AC65660" i="1"/>
  <c r="AC65661" i="1"/>
  <c r="AC65662" i="1"/>
  <c r="AC65663" i="1"/>
  <c r="AC65664" i="1"/>
  <c r="AC65665" i="1"/>
  <c r="AC65666" i="1"/>
  <c r="AC65667" i="1"/>
  <c r="AC65668" i="1"/>
  <c r="AC65669" i="1"/>
  <c r="AC65670" i="1"/>
  <c r="AC65671" i="1"/>
  <c r="AC65672" i="1"/>
  <c r="AC65673" i="1"/>
  <c r="AC65674" i="1"/>
  <c r="AC65675" i="1"/>
  <c r="AC65676" i="1"/>
  <c r="AC65677" i="1"/>
  <c r="AC65678" i="1"/>
  <c r="AC65679" i="1"/>
  <c r="AC65680" i="1"/>
  <c r="AC65681" i="1"/>
  <c r="AC65682" i="1"/>
  <c r="AC65683" i="1"/>
  <c r="AC65684" i="1"/>
  <c r="AC65685" i="1"/>
  <c r="AC65686" i="1"/>
  <c r="AC65687" i="1"/>
  <c r="AC65688" i="1"/>
  <c r="AC65689" i="1"/>
  <c r="AC65690" i="1"/>
  <c r="AC65691" i="1"/>
  <c r="AC65692" i="1"/>
  <c r="AC65693" i="1"/>
  <c r="AC65694" i="1"/>
  <c r="AC65695" i="1"/>
  <c r="AC65696" i="1"/>
  <c r="AC65697" i="1"/>
  <c r="AC65698" i="1"/>
  <c r="AC65699" i="1"/>
  <c r="AC65700" i="1"/>
  <c r="AC65701" i="1"/>
  <c r="AC65702" i="1"/>
  <c r="AC65703" i="1"/>
  <c r="AC65704" i="1"/>
  <c r="AC65705" i="1"/>
  <c r="AC65706" i="1"/>
  <c r="AC65707" i="1"/>
  <c r="AC65708" i="1"/>
  <c r="AC65709" i="1"/>
  <c r="AC65710" i="1"/>
  <c r="AC65711" i="1"/>
  <c r="AC65712" i="1"/>
  <c r="AC65713" i="1"/>
  <c r="AC65714" i="1"/>
  <c r="AC65715" i="1"/>
  <c r="AC65716" i="1"/>
  <c r="AC65717" i="1"/>
  <c r="AC65718" i="1"/>
  <c r="AC65719" i="1"/>
  <c r="AC65720" i="1"/>
  <c r="AC65721" i="1"/>
  <c r="AC65722" i="1"/>
  <c r="AC65723" i="1"/>
  <c r="AC65724" i="1"/>
  <c r="AC65725" i="1"/>
  <c r="AC65726" i="1"/>
  <c r="AC65727" i="1"/>
  <c r="AC65728" i="1"/>
  <c r="AC65729" i="1"/>
  <c r="AC65730" i="1"/>
  <c r="AC65731" i="1"/>
  <c r="AC65732" i="1"/>
  <c r="AC65733" i="1"/>
  <c r="AC65734" i="1"/>
  <c r="AC65735" i="1"/>
  <c r="AC65736" i="1"/>
  <c r="AC65737" i="1"/>
  <c r="AC65738" i="1"/>
  <c r="AC65739" i="1"/>
  <c r="AC65740" i="1"/>
  <c r="AC65741" i="1"/>
  <c r="AC65742" i="1"/>
  <c r="AC65743" i="1"/>
  <c r="AC65744" i="1"/>
  <c r="AC65745" i="1"/>
  <c r="AC65746" i="1"/>
  <c r="AC65747" i="1"/>
  <c r="AC65748" i="1"/>
  <c r="AC65749" i="1"/>
  <c r="AC65750" i="1"/>
  <c r="AC65751" i="1"/>
  <c r="AC65752" i="1"/>
  <c r="AC65753" i="1"/>
  <c r="AC65754" i="1"/>
  <c r="AC65755" i="1"/>
  <c r="AC65756" i="1"/>
  <c r="AC65757" i="1"/>
  <c r="AC65758" i="1"/>
  <c r="AC65759" i="1"/>
  <c r="AC65760" i="1"/>
  <c r="AC65761" i="1"/>
  <c r="AC65762" i="1"/>
  <c r="AC65763" i="1"/>
  <c r="AC65764" i="1"/>
  <c r="AC65765" i="1"/>
  <c r="AC65766" i="1"/>
  <c r="AC65767" i="1"/>
  <c r="AC65768" i="1"/>
  <c r="AC65769" i="1"/>
  <c r="AC65770" i="1"/>
  <c r="AC65771" i="1"/>
  <c r="AC65772" i="1"/>
  <c r="AC65773" i="1"/>
  <c r="AC65774" i="1"/>
  <c r="AC65775" i="1"/>
  <c r="AC65776" i="1"/>
  <c r="AC65777" i="1"/>
  <c r="AC65778" i="1"/>
  <c r="AC65779" i="1"/>
  <c r="AC65780" i="1"/>
  <c r="AC65781" i="1"/>
  <c r="AC65782" i="1"/>
  <c r="AC65783" i="1"/>
  <c r="AC65784" i="1"/>
  <c r="AC65785" i="1"/>
  <c r="AC65786" i="1"/>
  <c r="AC65787" i="1"/>
  <c r="AC65788" i="1"/>
  <c r="AC65789" i="1"/>
  <c r="AC65790" i="1"/>
  <c r="AC65791" i="1"/>
  <c r="AC65792" i="1"/>
  <c r="AC65793" i="1"/>
  <c r="AC65794" i="1"/>
  <c r="AC65795" i="1"/>
  <c r="AC65796" i="1"/>
  <c r="AC65797" i="1"/>
  <c r="AC65798" i="1"/>
  <c r="AC65799" i="1"/>
  <c r="AC65800" i="1"/>
  <c r="AC65801" i="1"/>
  <c r="AC65802" i="1"/>
  <c r="AC65803" i="1"/>
  <c r="AC65804" i="1"/>
  <c r="AC65805" i="1"/>
  <c r="AC65806" i="1"/>
  <c r="AC65807" i="1"/>
  <c r="AC65808" i="1"/>
  <c r="AC65809" i="1"/>
  <c r="AC65810" i="1"/>
  <c r="AC65811" i="1"/>
  <c r="AC65812" i="1"/>
  <c r="AC65813" i="1"/>
  <c r="AC65814" i="1"/>
  <c r="AC65815" i="1"/>
  <c r="AC65816" i="1"/>
  <c r="AC65817" i="1"/>
  <c r="AC65818" i="1"/>
  <c r="AC65819" i="1"/>
  <c r="AC65820" i="1"/>
  <c r="AC65821" i="1"/>
  <c r="AC65822" i="1"/>
  <c r="AC65823" i="1"/>
  <c r="AC65824" i="1"/>
  <c r="AC65825" i="1"/>
  <c r="AC65826" i="1"/>
  <c r="AC65827" i="1"/>
  <c r="AC65828" i="1"/>
  <c r="AC65829" i="1"/>
  <c r="AC65830" i="1"/>
  <c r="AC65831" i="1"/>
  <c r="AC65832" i="1"/>
  <c r="AC65833" i="1"/>
  <c r="AC65834" i="1"/>
  <c r="AC65835" i="1"/>
  <c r="AC65836" i="1"/>
  <c r="AC65837" i="1"/>
  <c r="AC65838" i="1"/>
  <c r="AC65839" i="1"/>
  <c r="AC65840" i="1"/>
  <c r="AC65841" i="1"/>
  <c r="AC65842" i="1"/>
  <c r="AC65843" i="1"/>
  <c r="AC65844" i="1"/>
  <c r="AC65845" i="1"/>
  <c r="AC65846" i="1"/>
  <c r="AC65847" i="1"/>
  <c r="AC65848" i="1"/>
  <c r="AC65849" i="1"/>
  <c r="AC65850" i="1"/>
  <c r="AC65851" i="1"/>
  <c r="AC65852" i="1"/>
  <c r="AC65853" i="1"/>
  <c r="AC65854" i="1"/>
  <c r="AC65855" i="1"/>
  <c r="AC65856" i="1"/>
  <c r="AC65857" i="1"/>
  <c r="AC65858" i="1"/>
  <c r="AC65859" i="1"/>
  <c r="AC65860" i="1"/>
  <c r="AC65861" i="1"/>
  <c r="AC65862" i="1"/>
  <c r="AC65863" i="1"/>
  <c r="AC65864" i="1"/>
  <c r="AC65865" i="1"/>
  <c r="AC65866" i="1"/>
  <c r="AC65867" i="1"/>
  <c r="AC65868" i="1"/>
  <c r="AC65869" i="1"/>
  <c r="AC65870" i="1"/>
  <c r="AC65871" i="1"/>
  <c r="AC65872" i="1"/>
  <c r="AC65873" i="1"/>
  <c r="AC65874" i="1"/>
  <c r="AC65875" i="1"/>
  <c r="AC65876" i="1"/>
  <c r="AC65877" i="1"/>
  <c r="AC65878" i="1"/>
  <c r="AC65879" i="1"/>
  <c r="AC65880" i="1"/>
  <c r="AC65881" i="1"/>
  <c r="AC65882" i="1"/>
  <c r="AC65883" i="1"/>
  <c r="AC65884" i="1"/>
  <c r="AC65885" i="1"/>
  <c r="AC65886" i="1"/>
  <c r="AC65887" i="1"/>
  <c r="AC65888" i="1"/>
  <c r="AC65889" i="1"/>
  <c r="AC65890" i="1"/>
  <c r="AC65891" i="1"/>
  <c r="AC65892" i="1"/>
  <c r="AC65893" i="1"/>
  <c r="AC65894" i="1"/>
  <c r="AC65895" i="1"/>
  <c r="AC65896" i="1"/>
  <c r="AC65897" i="1"/>
  <c r="AC65898" i="1"/>
  <c r="AC65899" i="1"/>
  <c r="AC65900" i="1"/>
  <c r="AC65901" i="1"/>
  <c r="AC65902" i="1"/>
  <c r="AC65903" i="1"/>
  <c r="AC65904" i="1"/>
  <c r="AC65905" i="1"/>
  <c r="AC65906" i="1"/>
  <c r="AC65907" i="1"/>
  <c r="AC65908" i="1"/>
  <c r="AC65909" i="1"/>
  <c r="AC65910" i="1"/>
  <c r="AC65911" i="1"/>
  <c r="AC65912" i="1"/>
  <c r="AC65913" i="1"/>
  <c r="AC65914" i="1"/>
  <c r="AC65915" i="1"/>
  <c r="AC65916" i="1"/>
  <c r="AC65917" i="1"/>
  <c r="AC65918" i="1"/>
  <c r="AC65919" i="1"/>
  <c r="AC65920" i="1"/>
  <c r="AC65921" i="1"/>
  <c r="AC65922" i="1"/>
  <c r="AC65923" i="1"/>
  <c r="AC65924" i="1"/>
  <c r="AC65925" i="1"/>
  <c r="AC65926" i="1"/>
  <c r="AC65927" i="1"/>
  <c r="AC65928" i="1"/>
  <c r="AC65929" i="1"/>
  <c r="AC65930" i="1"/>
  <c r="AC65931" i="1"/>
  <c r="AC65932" i="1"/>
  <c r="AC65933" i="1"/>
  <c r="AC65934" i="1"/>
  <c r="AC65935" i="1"/>
  <c r="AC65936" i="1"/>
  <c r="AC65937" i="1"/>
  <c r="AC65938" i="1"/>
  <c r="AC65939" i="1"/>
  <c r="AC65940" i="1"/>
  <c r="AC65941" i="1"/>
  <c r="AC65942" i="1"/>
  <c r="AC65943" i="1"/>
  <c r="AC65944" i="1"/>
  <c r="AC65945" i="1"/>
  <c r="AC65946" i="1"/>
  <c r="AC65947" i="1"/>
  <c r="AC65948" i="1"/>
  <c r="AC65949" i="1"/>
  <c r="AC65950" i="1"/>
  <c r="AC65951" i="1"/>
  <c r="AC65952" i="1"/>
  <c r="AC65953" i="1"/>
  <c r="AC65954" i="1"/>
  <c r="AC65955" i="1"/>
  <c r="AC65956" i="1"/>
  <c r="AC65957" i="1"/>
  <c r="AC65958" i="1"/>
  <c r="AC65959" i="1"/>
  <c r="AC65960" i="1"/>
  <c r="AC65961" i="1"/>
  <c r="AC65962" i="1"/>
  <c r="AC65963" i="1"/>
  <c r="AC65964" i="1"/>
  <c r="AC65965" i="1"/>
  <c r="AC65966" i="1"/>
  <c r="AC65967" i="1"/>
  <c r="AC65968" i="1"/>
  <c r="AC65969" i="1"/>
  <c r="AC65970" i="1"/>
  <c r="AC65971" i="1"/>
  <c r="AC65972" i="1"/>
  <c r="AC65973" i="1"/>
  <c r="AC65974" i="1"/>
  <c r="AC65975" i="1"/>
  <c r="AC65976" i="1"/>
  <c r="AC65977" i="1"/>
  <c r="AC65978" i="1"/>
  <c r="AC65979" i="1"/>
  <c r="AC65980" i="1"/>
  <c r="AC65981" i="1"/>
  <c r="AC65982" i="1"/>
  <c r="AC65983" i="1"/>
  <c r="AC65984" i="1"/>
  <c r="AC65985" i="1"/>
  <c r="AC65986" i="1"/>
  <c r="AC65987" i="1"/>
  <c r="AC65988" i="1"/>
  <c r="AC65989" i="1"/>
  <c r="AC65990" i="1"/>
  <c r="AC65991" i="1"/>
  <c r="AC65992" i="1"/>
  <c r="AC65993" i="1"/>
  <c r="AC65994" i="1"/>
  <c r="AC65995" i="1"/>
  <c r="AC65996" i="1"/>
  <c r="AC65997" i="1"/>
  <c r="AC65998" i="1"/>
  <c r="AC65999" i="1"/>
  <c r="AC66000" i="1"/>
  <c r="AC66001" i="1"/>
  <c r="AC66002" i="1"/>
  <c r="AC66003" i="1"/>
  <c r="AC66004" i="1"/>
  <c r="AC66005" i="1"/>
  <c r="AC66006" i="1"/>
  <c r="AC66007" i="1"/>
  <c r="AC66008" i="1"/>
  <c r="AC66009" i="1"/>
  <c r="AC66010" i="1"/>
  <c r="AC66011" i="1"/>
  <c r="AC66012" i="1"/>
  <c r="AC66013" i="1"/>
  <c r="AC66014" i="1"/>
  <c r="AC66015" i="1"/>
  <c r="AC66016" i="1"/>
  <c r="AC66017" i="1"/>
  <c r="AC66018" i="1"/>
  <c r="AC66019" i="1"/>
  <c r="AC66020" i="1"/>
  <c r="AC66021" i="1"/>
  <c r="AC66022" i="1"/>
  <c r="AC66023" i="1"/>
  <c r="AC66024" i="1"/>
  <c r="AC66025" i="1"/>
  <c r="AC66026" i="1"/>
  <c r="AC66027" i="1"/>
  <c r="AC66028" i="1"/>
  <c r="AC66029" i="1"/>
  <c r="AC66030" i="1"/>
  <c r="AC66031" i="1"/>
  <c r="AC66032" i="1"/>
  <c r="AC66033" i="1"/>
  <c r="AC66034" i="1"/>
  <c r="AC66035" i="1"/>
  <c r="AC66036" i="1"/>
  <c r="AC66037" i="1"/>
  <c r="AC66038" i="1"/>
  <c r="AC66039" i="1"/>
  <c r="AC66040" i="1"/>
  <c r="AC66041" i="1"/>
  <c r="AC66042" i="1"/>
  <c r="AC66043" i="1"/>
  <c r="AC66044" i="1"/>
  <c r="AC66045" i="1"/>
  <c r="AC66046" i="1"/>
  <c r="AC66047" i="1"/>
  <c r="AC66048" i="1"/>
  <c r="AC66049" i="1"/>
  <c r="AC66050" i="1"/>
  <c r="AC66051" i="1"/>
  <c r="AC66052" i="1"/>
  <c r="AC66053" i="1"/>
  <c r="AC66054" i="1"/>
  <c r="AC66055" i="1"/>
  <c r="AC66056" i="1"/>
  <c r="AC66057" i="1"/>
  <c r="AC66058" i="1"/>
  <c r="AC66059" i="1"/>
  <c r="AC66060" i="1"/>
  <c r="AC66061" i="1"/>
  <c r="AC66062" i="1"/>
  <c r="AC66063" i="1"/>
  <c r="AC66064" i="1"/>
  <c r="AC66065" i="1"/>
  <c r="AC66066" i="1"/>
  <c r="AC66067" i="1"/>
  <c r="AC66068" i="1"/>
  <c r="AC66069" i="1"/>
  <c r="AC66070" i="1"/>
  <c r="AC66071" i="1"/>
  <c r="AC66072" i="1"/>
  <c r="AC66073" i="1"/>
  <c r="AC66074" i="1"/>
  <c r="AC66075" i="1"/>
  <c r="AC66076" i="1"/>
  <c r="AC66077" i="1"/>
  <c r="AC66078" i="1"/>
  <c r="AC66079" i="1"/>
  <c r="AC66080" i="1"/>
  <c r="AC66081" i="1"/>
  <c r="AC66082" i="1"/>
  <c r="AC66083" i="1"/>
  <c r="AC66084" i="1"/>
  <c r="AC66085" i="1"/>
  <c r="AC66086" i="1"/>
  <c r="AC66087" i="1"/>
  <c r="AC66088" i="1"/>
  <c r="AC66089" i="1"/>
  <c r="AC66090" i="1"/>
  <c r="AC66091" i="1"/>
  <c r="AC66092" i="1"/>
  <c r="AC66093" i="1"/>
  <c r="AC66094" i="1"/>
  <c r="AC66095" i="1"/>
  <c r="AC66096" i="1"/>
  <c r="AC66097" i="1"/>
  <c r="AC66098" i="1"/>
  <c r="AC66099" i="1"/>
  <c r="AC66100" i="1"/>
  <c r="AC66101" i="1"/>
  <c r="AC66102" i="1"/>
  <c r="AC66103" i="1"/>
  <c r="AC66104" i="1"/>
  <c r="AC66105" i="1"/>
  <c r="AC66106" i="1"/>
  <c r="AC66107" i="1"/>
  <c r="AC66108" i="1"/>
  <c r="AC66109" i="1"/>
  <c r="AC66110" i="1"/>
  <c r="AC66111" i="1"/>
  <c r="AC66112" i="1"/>
  <c r="AC66113" i="1"/>
  <c r="AC66114" i="1"/>
  <c r="AC66115" i="1"/>
  <c r="AC66116" i="1"/>
  <c r="AC66117" i="1"/>
  <c r="AC66118" i="1"/>
  <c r="AC66119" i="1"/>
  <c r="AC66120" i="1"/>
  <c r="AC66121" i="1"/>
  <c r="AC66122" i="1"/>
  <c r="AC66123" i="1"/>
  <c r="AC66124" i="1"/>
  <c r="AC66125" i="1"/>
  <c r="AC66126" i="1"/>
  <c r="AC66127" i="1"/>
  <c r="AC66128" i="1"/>
  <c r="AC66129" i="1"/>
  <c r="AC66130" i="1"/>
  <c r="AC66131" i="1"/>
  <c r="AC66132" i="1"/>
  <c r="AC66133" i="1"/>
  <c r="AC66134" i="1"/>
  <c r="AC66135" i="1"/>
  <c r="AC66136" i="1"/>
  <c r="AC66137" i="1"/>
  <c r="AC66138" i="1"/>
  <c r="AC66139" i="1"/>
  <c r="AC66140" i="1"/>
  <c r="AC66141" i="1"/>
  <c r="AC66142" i="1"/>
  <c r="AC66143" i="1"/>
  <c r="AC66144" i="1"/>
  <c r="AC66145" i="1"/>
  <c r="AC66146" i="1"/>
  <c r="AC66147" i="1"/>
  <c r="AC66148" i="1"/>
  <c r="AC66149" i="1"/>
  <c r="AC66150" i="1"/>
  <c r="AC66151" i="1"/>
  <c r="AC66152" i="1"/>
  <c r="AC66153" i="1"/>
  <c r="AC66154" i="1"/>
  <c r="AC66155" i="1"/>
  <c r="AC66156" i="1"/>
  <c r="AC66157" i="1"/>
  <c r="AC66158" i="1"/>
  <c r="AC66159" i="1"/>
  <c r="AC66160" i="1"/>
  <c r="AC66161" i="1"/>
  <c r="AC66162" i="1"/>
  <c r="AC66163" i="1"/>
  <c r="AC66164" i="1"/>
  <c r="AC66165" i="1"/>
  <c r="AC66166" i="1"/>
  <c r="AC66167" i="1"/>
  <c r="AC66168" i="1"/>
  <c r="AC66169" i="1"/>
  <c r="AC66170" i="1"/>
  <c r="AC66171" i="1"/>
  <c r="AC66172" i="1"/>
  <c r="AC66173" i="1"/>
  <c r="AC66174" i="1"/>
  <c r="AC66175" i="1"/>
  <c r="AC66176" i="1"/>
  <c r="AC66177" i="1"/>
  <c r="AC66178" i="1"/>
  <c r="AC66179" i="1"/>
  <c r="AC66180" i="1"/>
  <c r="AC66181" i="1"/>
  <c r="AC66182" i="1"/>
  <c r="AC66183" i="1"/>
  <c r="AC66184" i="1"/>
  <c r="AC66185" i="1"/>
  <c r="AC66186" i="1"/>
  <c r="AC66187" i="1"/>
  <c r="AC66188" i="1"/>
  <c r="AC66189" i="1"/>
  <c r="AC66190" i="1"/>
  <c r="AC66191" i="1"/>
  <c r="AC66192" i="1"/>
  <c r="AC66193" i="1"/>
  <c r="AC66194" i="1"/>
  <c r="AC66195" i="1"/>
  <c r="AC66196" i="1"/>
  <c r="AC66197" i="1"/>
  <c r="AC66198" i="1"/>
  <c r="AC66199" i="1"/>
  <c r="AC66200" i="1"/>
  <c r="AC66201" i="1"/>
  <c r="AC66202" i="1"/>
  <c r="AC66203" i="1"/>
  <c r="AC66204" i="1"/>
  <c r="AC66205" i="1"/>
  <c r="AC66206" i="1"/>
  <c r="AC66207" i="1"/>
  <c r="AC66208" i="1"/>
  <c r="AC66209" i="1"/>
  <c r="AC66210" i="1"/>
  <c r="AC66211" i="1"/>
  <c r="AC66212" i="1"/>
  <c r="AC66213" i="1"/>
  <c r="AC66214" i="1"/>
  <c r="AC66215" i="1"/>
  <c r="AC66216" i="1"/>
  <c r="AC66217" i="1"/>
  <c r="AC66218" i="1"/>
  <c r="AC66219" i="1"/>
  <c r="AC66220" i="1"/>
  <c r="AC66221" i="1"/>
  <c r="AC66222" i="1"/>
  <c r="AC66223" i="1"/>
  <c r="AC66224" i="1"/>
  <c r="AC66225" i="1"/>
  <c r="AC66226" i="1"/>
  <c r="AC66227" i="1"/>
  <c r="AC66228" i="1"/>
  <c r="AC66229" i="1"/>
  <c r="AC66230" i="1"/>
  <c r="AC66231" i="1"/>
  <c r="AC66232" i="1"/>
  <c r="AC66233" i="1"/>
  <c r="AC66234" i="1"/>
  <c r="AC66235" i="1"/>
  <c r="AC66236" i="1"/>
  <c r="AC66237" i="1"/>
  <c r="AC66238" i="1"/>
  <c r="AC66239" i="1"/>
  <c r="AC66240" i="1"/>
  <c r="AC66241" i="1"/>
  <c r="AC66242" i="1"/>
  <c r="AC66243" i="1"/>
  <c r="AC66244" i="1"/>
  <c r="AC66245" i="1"/>
  <c r="AC66246" i="1"/>
  <c r="AC66247" i="1"/>
  <c r="AC66248" i="1"/>
  <c r="AC66249" i="1"/>
  <c r="AC66250" i="1"/>
  <c r="AC66251" i="1"/>
  <c r="AC66252" i="1"/>
  <c r="AC66253" i="1"/>
  <c r="AC66254" i="1"/>
  <c r="AC66255" i="1"/>
  <c r="AC66256" i="1"/>
  <c r="AC66257" i="1"/>
  <c r="AC66258" i="1"/>
  <c r="AC66259" i="1"/>
  <c r="AC66260" i="1"/>
  <c r="AC66261" i="1"/>
  <c r="AC66262" i="1"/>
  <c r="AC66263" i="1"/>
  <c r="AC66264" i="1"/>
  <c r="AC66265" i="1"/>
  <c r="AC66266" i="1"/>
  <c r="AC66267" i="1"/>
  <c r="AC66268" i="1"/>
  <c r="AC66269" i="1"/>
  <c r="AC66270" i="1"/>
  <c r="AC66271" i="1"/>
  <c r="AC66272" i="1"/>
  <c r="AC66273" i="1"/>
  <c r="AC66274" i="1"/>
  <c r="AC66275" i="1"/>
  <c r="AC66276" i="1"/>
  <c r="AC66277" i="1"/>
  <c r="AC66278" i="1"/>
  <c r="AC66279" i="1"/>
  <c r="AC66280" i="1"/>
  <c r="AC66281" i="1"/>
  <c r="AC66282" i="1"/>
  <c r="AC66283" i="1"/>
  <c r="AC66284" i="1"/>
  <c r="AC66285" i="1"/>
  <c r="AC66286" i="1"/>
  <c r="AC66287" i="1"/>
  <c r="AC66288" i="1"/>
  <c r="AC66289" i="1"/>
  <c r="AC66290" i="1"/>
  <c r="AC66291" i="1"/>
  <c r="AC66292" i="1"/>
  <c r="AC66293" i="1"/>
  <c r="AC66294" i="1"/>
  <c r="AC66295" i="1"/>
  <c r="AC66296" i="1"/>
  <c r="AC66297" i="1"/>
  <c r="AC66298" i="1"/>
  <c r="AC66299" i="1"/>
  <c r="AC66300" i="1"/>
  <c r="AC66301" i="1"/>
  <c r="AC66302" i="1"/>
  <c r="AC66303" i="1"/>
  <c r="AC66304" i="1"/>
  <c r="AC66305" i="1"/>
  <c r="AC66306" i="1"/>
  <c r="AC66307" i="1"/>
  <c r="AC66308" i="1"/>
  <c r="AC66309" i="1"/>
  <c r="AC66310" i="1"/>
  <c r="AC66311" i="1"/>
  <c r="AC66312" i="1"/>
  <c r="AC66313" i="1"/>
  <c r="AC66314" i="1"/>
  <c r="AC66315" i="1"/>
  <c r="AC66316" i="1"/>
  <c r="AC66317" i="1"/>
  <c r="AC66318" i="1"/>
  <c r="AC66319" i="1"/>
  <c r="AC66320" i="1"/>
  <c r="AC66321" i="1"/>
  <c r="AC66322" i="1"/>
  <c r="AC66323" i="1"/>
  <c r="AC66324" i="1"/>
  <c r="AC66325" i="1"/>
  <c r="AC66326" i="1"/>
  <c r="AC66327" i="1"/>
  <c r="AC66328" i="1"/>
  <c r="AC66329" i="1"/>
  <c r="AC66330" i="1"/>
  <c r="AC66331" i="1"/>
  <c r="AC66332" i="1"/>
  <c r="AC66333" i="1"/>
  <c r="AC66334" i="1"/>
  <c r="AC66335" i="1"/>
  <c r="AC66336" i="1"/>
  <c r="AC66337" i="1"/>
  <c r="AC66338" i="1"/>
  <c r="AC66339" i="1"/>
  <c r="AC66340" i="1"/>
  <c r="AC66341" i="1"/>
  <c r="AC66342" i="1"/>
  <c r="AC66343" i="1"/>
  <c r="AC66344" i="1"/>
  <c r="AC66345" i="1"/>
  <c r="AC66346" i="1"/>
  <c r="AC66347" i="1"/>
  <c r="AC66348" i="1"/>
  <c r="AC66349" i="1"/>
  <c r="AC66350" i="1"/>
  <c r="AC66351" i="1"/>
  <c r="AC66352" i="1"/>
  <c r="AC66353" i="1"/>
  <c r="AC66354" i="1"/>
  <c r="AC66355" i="1"/>
  <c r="AC66356" i="1"/>
  <c r="AC66357" i="1"/>
  <c r="AC66358" i="1"/>
  <c r="AC66359" i="1"/>
  <c r="AC66360" i="1"/>
  <c r="AC66361" i="1"/>
  <c r="AC66362" i="1"/>
  <c r="AC66363" i="1"/>
  <c r="AC66364" i="1"/>
  <c r="AC66365" i="1"/>
  <c r="AC66366" i="1"/>
  <c r="AC66367" i="1"/>
  <c r="AC66368" i="1"/>
  <c r="AC66369" i="1"/>
  <c r="AC66370" i="1"/>
  <c r="AC66371" i="1"/>
  <c r="AC66372" i="1"/>
  <c r="AC66373" i="1"/>
  <c r="AC66374" i="1"/>
  <c r="AC66375" i="1"/>
  <c r="AC66376" i="1"/>
  <c r="AC66377" i="1"/>
  <c r="AC66378" i="1"/>
  <c r="AC66379" i="1"/>
  <c r="AC66380" i="1"/>
  <c r="AC66381" i="1"/>
  <c r="AC66382" i="1"/>
  <c r="AC66383" i="1"/>
  <c r="AC66384" i="1"/>
  <c r="AC66385" i="1"/>
  <c r="AC66386" i="1"/>
  <c r="AC66387" i="1"/>
  <c r="AC66388" i="1"/>
  <c r="AC66389" i="1"/>
  <c r="AC66390" i="1"/>
  <c r="AC66391" i="1"/>
  <c r="AC66392" i="1"/>
  <c r="AC66393" i="1"/>
  <c r="AC66394" i="1"/>
  <c r="AC66395" i="1"/>
  <c r="AC66396" i="1"/>
  <c r="AC66397" i="1"/>
  <c r="AC66398" i="1"/>
  <c r="AC66399" i="1"/>
  <c r="AC66400" i="1"/>
  <c r="AC66401" i="1"/>
  <c r="AC66402" i="1"/>
  <c r="AC66403" i="1"/>
  <c r="AC66404" i="1"/>
  <c r="AC66405" i="1"/>
  <c r="AC66406" i="1"/>
  <c r="AC66407" i="1"/>
  <c r="AC66408" i="1"/>
  <c r="AC66409" i="1"/>
  <c r="AC66410" i="1"/>
  <c r="AC66411" i="1"/>
  <c r="AC66412" i="1"/>
  <c r="AC66413" i="1"/>
  <c r="AC66414" i="1"/>
  <c r="AC66415" i="1"/>
  <c r="AC66416" i="1"/>
  <c r="AC66417" i="1"/>
  <c r="AC66418" i="1"/>
  <c r="AC66419" i="1"/>
  <c r="AC66420" i="1"/>
  <c r="AC66421" i="1"/>
  <c r="AC66422" i="1"/>
  <c r="AC66423" i="1"/>
  <c r="AC66424" i="1"/>
  <c r="AC66425" i="1"/>
  <c r="AC66426" i="1"/>
  <c r="AC66427" i="1"/>
  <c r="AC66428" i="1"/>
  <c r="AC66429" i="1"/>
  <c r="AC66430" i="1"/>
  <c r="AC66431" i="1"/>
  <c r="AC66432" i="1"/>
  <c r="AC66433" i="1"/>
  <c r="AC66434" i="1"/>
  <c r="AC66435" i="1"/>
  <c r="AC66436" i="1"/>
  <c r="AC66437" i="1"/>
  <c r="AC66438" i="1"/>
  <c r="AC66439" i="1"/>
  <c r="AC66440" i="1"/>
  <c r="AC66441" i="1"/>
  <c r="AC66442" i="1"/>
  <c r="AC66443" i="1"/>
  <c r="AC66444" i="1"/>
  <c r="AC66445" i="1"/>
  <c r="AC66446" i="1"/>
  <c r="AC66447" i="1"/>
  <c r="AC66448" i="1"/>
  <c r="AC66449" i="1"/>
  <c r="AC66450" i="1"/>
  <c r="AC66451" i="1"/>
  <c r="AC66452" i="1"/>
  <c r="AC66453" i="1"/>
  <c r="AC66454" i="1"/>
  <c r="AC66455" i="1"/>
  <c r="AC66456" i="1"/>
  <c r="AC66457" i="1"/>
  <c r="AC66458" i="1"/>
  <c r="AC66459" i="1"/>
  <c r="AC66460" i="1"/>
  <c r="AC66461" i="1"/>
  <c r="AC66462" i="1"/>
  <c r="AC66463" i="1"/>
  <c r="AC66464" i="1"/>
  <c r="AC66465" i="1"/>
  <c r="AC66466" i="1"/>
  <c r="AC66467" i="1"/>
  <c r="AC66468" i="1"/>
  <c r="AC66469" i="1"/>
  <c r="AC66470" i="1"/>
  <c r="AC66471" i="1"/>
  <c r="AC66472" i="1"/>
  <c r="AC66473" i="1"/>
  <c r="AC66474" i="1"/>
  <c r="AC66475" i="1"/>
  <c r="AC66476" i="1"/>
  <c r="AC66477" i="1"/>
  <c r="AC66478" i="1"/>
  <c r="AC66479" i="1"/>
  <c r="AC66480" i="1"/>
  <c r="AC66481" i="1"/>
  <c r="AC66482" i="1"/>
  <c r="AC66483" i="1"/>
  <c r="AC66484" i="1"/>
  <c r="AC66485" i="1"/>
  <c r="AC66486" i="1"/>
  <c r="AC66487" i="1"/>
  <c r="AC66488" i="1"/>
  <c r="AC66489" i="1"/>
  <c r="AC66490" i="1"/>
  <c r="AC66491" i="1"/>
  <c r="AC66492" i="1"/>
  <c r="AC66493" i="1"/>
  <c r="AC66494" i="1"/>
  <c r="AC66495" i="1"/>
  <c r="AC66496" i="1"/>
  <c r="AC66497" i="1"/>
  <c r="AC66498" i="1"/>
  <c r="AC66499" i="1"/>
  <c r="AC66500" i="1"/>
  <c r="AC66501" i="1"/>
  <c r="AC66502" i="1"/>
  <c r="AC66503" i="1"/>
  <c r="AC66504" i="1"/>
  <c r="AC66505" i="1"/>
  <c r="AC66506" i="1"/>
  <c r="AC66507" i="1"/>
  <c r="AC66508" i="1"/>
  <c r="AC66509" i="1"/>
  <c r="AC66510" i="1"/>
  <c r="AC66511" i="1"/>
  <c r="AC66512" i="1"/>
  <c r="AC66513" i="1"/>
  <c r="AC66514" i="1"/>
  <c r="AC66515" i="1"/>
  <c r="AC66516" i="1"/>
  <c r="AC66517" i="1"/>
  <c r="AC66518" i="1"/>
  <c r="AC66519" i="1"/>
  <c r="AC66520" i="1"/>
  <c r="AC66521" i="1"/>
  <c r="AC66522" i="1"/>
  <c r="AC66523" i="1"/>
  <c r="AC66524" i="1"/>
  <c r="AC66525" i="1"/>
  <c r="AC66526" i="1"/>
  <c r="AC66527" i="1"/>
  <c r="AC66528" i="1"/>
  <c r="AC66529" i="1"/>
  <c r="AC66530" i="1"/>
  <c r="AC66531" i="1"/>
  <c r="AC66532" i="1"/>
  <c r="AC66533" i="1"/>
  <c r="AC66534" i="1"/>
  <c r="AC66535" i="1"/>
  <c r="AC66536" i="1"/>
  <c r="AC66537" i="1"/>
  <c r="AC66538" i="1"/>
  <c r="AC66539" i="1"/>
  <c r="AC66540" i="1"/>
  <c r="AC66541" i="1"/>
  <c r="AC66542" i="1"/>
  <c r="AC66543" i="1"/>
  <c r="AC66544" i="1"/>
  <c r="AC66545" i="1"/>
  <c r="AC66546" i="1"/>
  <c r="AC66547" i="1"/>
  <c r="AC66548" i="1"/>
  <c r="AC66549" i="1"/>
  <c r="AC66550" i="1"/>
  <c r="AC66551" i="1"/>
  <c r="AC66552" i="1"/>
  <c r="AC66553" i="1"/>
  <c r="AC66554" i="1"/>
  <c r="AC66555" i="1"/>
  <c r="AC66556" i="1"/>
  <c r="AC66557" i="1"/>
  <c r="AC66558" i="1"/>
  <c r="AC66559" i="1"/>
  <c r="AC66560" i="1"/>
  <c r="AC66561" i="1"/>
  <c r="AC66562" i="1"/>
  <c r="AC66563" i="1"/>
  <c r="AC66564" i="1"/>
  <c r="AC66565" i="1"/>
  <c r="AC66566" i="1"/>
  <c r="AC66567" i="1"/>
  <c r="AC66568" i="1"/>
  <c r="AC66569" i="1"/>
  <c r="AC66570" i="1"/>
  <c r="AC66571" i="1"/>
  <c r="AC66572" i="1"/>
  <c r="AC66573" i="1"/>
  <c r="AC66574" i="1"/>
  <c r="AC66575" i="1"/>
  <c r="AC66576" i="1"/>
  <c r="AC66577" i="1"/>
  <c r="AC66578" i="1"/>
  <c r="AC66579" i="1"/>
  <c r="AC66580" i="1"/>
  <c r="AC66581" i="1"/>
  <c r="AC66582" i="1"/>
  <c r="AC66583" i="1"/>
  <c r="AC66584" i="1"/>
  <c r="AC66585" i="1"/>
  <c r="AC66586" i="1"/>
  <c r="AC66587" i="1"/>
  <c r="AC66588" i="1"/>
  <c r="AC66589" i="1"/>
  <c r="AC66590" i="1"/>
  <c r="AC66591" i="1"/>
  <c r="AC66592" i="1"/>
  <c r="AC66593" i="1"/>
  <c r="AC66594" i="1"/>
  <c r="AC66595" i="1"/>
  <c r="AC66596" i="1"/>
  <c r="AC66597" i="1"/>
  <c r="AC66598" i="1"/>
  <c r="AC66599" i="1"/>
  <c r="AC66600" i="1"/>
  <c r="AC66601" i="1"/>
  <c r="AC66602" i="1"/>
  <c r="AC66603" i="1"/>
  <c r="AC66604" i="1"/>
  <c r="AC66605" i="1"/>
  <c r="AC66606" i="1"/>
  <c r="AC66607" i="1"/>
  <c r="AC66608" i="1"/>
  <c r="AC66609" i="1"/>
  <c r="AC66610" i="1"/>
  <c r="AC66611" i="1"/>
  <c r="AC66612" i="1"/>
  <c r="AC66613" i="1"/>
  <c r="AC66614" i="1"/>
  <c r="AC66615" i="1"/>
  <c r="AC66616" i="1"/>
  <c r="AC66617" i="1"/>
  <c r="AC66618" i="1"/>
  <c r="AC66619" i="1"/>
  <c r="AC66620" i="1"/>
  <c r="AC66621" i="1"/>
  <c r="AC66622" i="1"/>
  <c r="AC66623" i="1"/>
  <c r="AC66624" i="1"/>
  <c r="AC66625" i="1"/>
  <c r="AC66626" i="1"/>
  <c r="AC66627" i="1"/>
  <c r="AC66628" i="1"/>
  <c r="AC66629" i="1"/>
  <c r="AC66630" i="1"/>
  <c r="AC66631" i="1"/>
  <c r="AC66632" i="1"/>
  <c r="AC66633" i="1"/>
  <c r="AC66634" i="1"/>
  <c r="AC66635" i="1"/>
  <c r="AC66636" i="1"/>
  <c r="AC66637" i="1"/>
  <c r="AC66638" i="1"/>
  <c r="AC66639" i="1"/>
  <c r="AC66640" i="1"/>
  <c r="AC66641" i="1"/>
  <c r="AC66642" i="1"/>
  <c r="AC66643" i="1"/>
  <c r="AC66644" i="1"/>
  <c r="AC66645" i="1"/>
  <c r="AC66646" i="1"/>
  <c r="AC66647" i="1"/>
  <c r="AC66648" i="1"/>
  <c r="AC66649" i="1"/>
  <c r="AC66650" i="1"/>
  <c r="AC66651" i="1"/>
  <c r="AC66652" i="1"/>
  <c r="AC66653" i="1"/>
  <c r="AC66654" i="1"/>
  <c r="AC66655" i="1"/>
  <c r="AC66656" i="1"/>
  <c r="AC66657" i="1"/>
  <c r="AC66658" i="1"/>
  <c r="AC66659" i="1"/>
  <c r="AC66660" i="1"/>
  <c r="AC66661" i="1"/>
  <c r="AC66662" i="1"/>
  <c r="AC66663" i="1"/>
  <c r="AC66664" i="1"/>
  <c r="AC66665" i="1"/>
  <c r="AC66666" i="1"/>
  <c r="AC66667" i="1"/>
  <c r="AC66668" i="1"/>
  <c r="AC66669" i="1"/>
  <c r="AC66670" i="1"/>
  <c r="AC66671" i="1"/>
  <c r="AC66672" i="1"/>
  <c r="AC66673" i="1"/>
  <c r="AC66674" i="1"/>
  <c r="AC66675" i="1"/>
  <c r="AC66676" i="1"/>
  <c r="AC66677" i="1"/>
  <c r="AC66678" i="1"/>
  <c r="AC66679" i="1"/>
  <c r="AC66680" i="1"/>
  <c r="AC66681" i="1"/>
  <c r="AC66682" i="1"/>
  <c r="AC66683" i="1"/>
  <c r="AC66684" i="1"/>
  <c r="AC66685" i="1"/>
  <c r="AC66686" i="1"/>
  <c r="AC66687" i="1"/>
  <c r="AC66688" i="1"/>
  <c r="AC66689" i="1"/>
  <c r="AC66690" i="1"/>
  <c r="AC66691" i="1"/>
  <c r="AC66692" i="1"/>
  <c r="AC66693" i="1"/>
  <c r="AC66694" i="1"/>
  <c r="AC66695" i="1"/>
  <c r="AC66696" i="1"/>
  <c r="AC66697" i="1"/>
  <c r="AC66698" i="1"/>
  <c r="AC66699" i="1"/>
  <c r="AC66700" i="1"/>
  <c r="AC66701" i="1"/>
  <c r="AC66702" i="1"/>
  <c r="AC66703" i="1"/>
  <c r="AC66704" i="1"/>
  <c r="AC66705" i="1"/>
  <c r="AC66706" i="1"/>
  <c r="AC66707" i="1"/>
  <c r="AC66708" i="1"/>
  <c r="AC66709" i="1"/>
  <c r="AC66710" i="1"/>
  <c r="AC66711" i="1"/>
  <c r="AC66712" i="1"/>
  <c r="AC66713" i="1"/>
  <c r="AC66714" i="1"/>
  <c r="AC66715" i="1"/>
  <c r="AC66716" i="1"/>
  <c r="AC66717" i="1"/>
  <c r="AC66718" i="1"/>
  <c r="AC66719" i="1"/>
  <c r="AC66720" i="1"/>
  <c r="AC66721" i="1"/>
  <c r="AC66722" i="1"/>
  <c r="AC66723" i="1"/>
  <c r="AC66724" i="1"/>
  <c r="AC66725" i="1"/>
  <c r="AC66726" i="1"/>
  <c r="AC66727" i="1"/>
  <c r="AC66728" i="1"/>
  <c r="AC66729" i="1"/>
  <c r="AC66730" i="1"/>
  <c r="AC66731" i="1"/>
  <c r="AC66732" i="1"/>
  <c r="AC66733" i="1"/>
  <c r="AC66734" i="1"/>
  <c r="AC66735" i="1"/>
  <c r="AC66736" i="1"/>
  <c r="AC66737" i="1"/>
  <c r="AC66738" i="1"/>
  <c r="AC66739" i="1"/>
  <c r="AC66740" i="1"/>
  <c r="AC66741" i="1"/>
  <c r="AC66742" i="1"/>
  <c r="AC66743" i="1"/>
  <c r="AC66744" i="1"/>
  <c r="AC66745" i="1"/>
  <c r="AC66746" i="1"/>
  <c r="AC66747" i="1"/>
  <c r="AC66748" i="1"/>
  <c r="AC66749" i="1"/>
  <c r="AC66750" i="1"/>
  <c r="AC66751" i="1"/>
  <c r="AC66752" i="1"/>
  <c r="AC66753" i="1"/>
  <c r="AC66754" i="1"/>
  <c r="AC66755" i="1"/>
  <c r="AC66756" i="1"/>
  <c r="AC66757" i="1"/>
  <c r="AC66758" i="1"/>
  <c r="AC66759" i="1"/>
  <c r="AC66760" i="1"/>
  <c r="AC66761" i="1"/>
  <c r="AC66762" i="1"/>
  <c r="AC66763" i="1"/>
  <c r="AC66764" i="1"/>
  <c r="AC66765" i="1"/>
  <c r="AC66766" i="1"/>
  <c r="AC66767" i="1"/>
  <c r="AC66768" i="1"/>
  <c r="AC66769" i="1"/>
  <c r="AC66770" i="1"/>
  <c r="AC66771" i="1"/>
  <c r="AC66772" i="1"/>
  <c r="AC66773" i="1"/>
  <c r="AC66774" i="1"/>
  <c r="AC66775" i="1"/>
  <c r="AC66776" i="1"/>
  <c r="AC66777" i="1"/>
  <c r="AC66778" i="1"/>
  <c r="AC66779" i="1"/>
  <c r="AC66780" i="1"/>
  <c r="AC66781" i="1"/>
  <c r="AC66782" i="1"/>
  <c r="AC66783" i="1"/>
  <c r="AC66784" i="1"/>
  <c r="AC66785" i="1"/>
  <c r="AC66786" i="1"/>
  <c r="AC66787" i="1"/>
  <c r="AC66788" i="1"/>
  <c r="AC66789" i="1"/>
  <c r="AC66790" i="1"/>
  <c r="AC66791" i="1"/>
  <c r="AC66792" i="1"/>
  <c r="AC66793" i="1"/>
  <c r="AC66794" i="1"/>
  <c r="AC66795" i="1"/>
  <c r="AC66796" i="1"/>
  <c r="AC66797" i="1"/>
  <c r="AC66798" i="1"/>
  <c r="AC66799" i="1"/>
  <c r="AC66800" i="1"/>
  <c r="AC66801" i="1"/>
  <c r="AC66802" i="1"/>
  <c r="AC66803" i="1"/>
  <c r="AC66804" i="1"/>
  <c r="AC66805" i="1"/>
  <c r="AC66806" i="1"/>
  <c r="AC66807" i="1"/>
  <c r="AC66808" i="1"/>
  <c r="AC66809" i="1"/>
  <c r="AC66810" i="1"/>
  <c r="AC66811" i="1"/>
  <c r="AC66812" i="1"/>
  <c r="AC66813" i="1"/>
  <c r="AC66814" i="1"/>
  <c r="AC66815" i="1"/>
  <c r="AC66816" i="1"/>
  <c r="AC66817" i="1"/>
  <c r="AC66818" i="1"/>
  <c r="AC66819" i="1"/>
  <c r="AC66820" i="1"/>
  <c r="AC66821" i="1"/>
  <c r="AC66822" i="1"/>
  <c r="AC66823" i="1"/>
  <c r="AC66824" i="1"/>
  <c r="AC66825" i="1"/>
  <c r="AC66826" i="1"/>
  <c r="AC66827" i="1"/>
  <c r="AC66828" i="1"/>
  <c r="AC66829" i="1"/>
  <c r="AC66830" i="1"/>
  <c r="AC66831" i="1"/>
  <c r="AC66832" i="1"/>
  <c r="AC66833" i="1"/>
  <c r="AC66834" i="1"/>
  <c r="AC66835" i="1"/>
  <c r="AC66836" i="1"/>
  <c r="AC66837" i="1"/>
  <c r="AC66838" i="1"/>
  <c r="AC66839" i="1"/>
  <c r="AC66840" i="1"/>
  <c r="AC66841" i="1"/>
  <c r="AC66842" i="1"/>
  <c r="AC66843" i="1"/>
  <c r="AC66844" i="1"/>
  <c r="AC66845" i="1"/>
  <c r="AC66846" i="1"/>
  <c r="AC66847" i="1"/>
  <c r="AC66848" i="1"/>
  <c r="AC66849" i="1"/>
  <c r="AC66850" i="1"/>
  <c r="AC66851" i="1"/>
  <c r="AC66852" i="1"/>
  <c r="AC66853" i="1"/>
  <c r="AC66854" i="1"/>
  <c r="AC66855" i="1"/>
  <c r="AC66856" i="1"/>
  <c r="AC66857" i="1"/>
  <c r="AC66858" i="1"/>
  <c r="AC66859" i="1"/>
  <c r="AC66860" i="1"/>
  <c r="AC66861" i="1"/>
  <c r="AC66862" i="1"/>
  <c r="AC66863" i="1"/>
  <c r="AC66864" i="1"/>
  <c r="AC66865" i="1"/>
  <c r="AC66866" i="1"/>
  <c r="AC66867" i="1"/>
  <c r="AC66868" i="1"/>
  <c r="AC66869" i="1"/>
  <c r="AC66870" i="1"/>
  <c r="AC66871" i="1"/>
  <c r="AC66872" i="1"/>
  <c r="AC66873" i="1"/>
  <c r="AC66874" i="1"/>
  <c r="AC66875" i="1"/>
  <c r="AC66876" i="1"/>
  <c r="AC66877" i="1"/>
  <c r="AC66878" i="1"/>
  <c r="AC66879" i="1"/>
  <c r="AC66880" i="1"/>
  <c r="AC66881" i="1"/>
  <c r="AC66882" i="1"/>
  <c r="AC66883" i="1"/>
  <c r="AC66884" i="1"/>
  <c r="AC66885" i="1"/>
  <c r="AC66886" i="1"/>
  <c r="AC66887" i="1"/>
  <c r="AC66888" i="1"/>
  <c r="AC66889" i="1"/>
  <c r="AC66890" i="1"/>
  <c r="AC66891" i="1"/>
  <c r="AC66892" i="1"/>
  <c r="AC66893" i="1"/>
  <c r="AC66894" i="1"/>
  <c r="AC66895" i="1"/>
  <c r="AC66896" i="1"/>
  <c r="AC66897" i="1"/>
  <c r="AC66898" i="1"/>
  <c r="AC66899" i="1"/>
  <c r="AC66900" i="1"/>
  <c r="AC66901" i="1"/>
  <c r="AC66902" i="1"/>
  <c r="AC66903" i="1"/>
  <c r="AC66904" i="1"/>
  <c r="AC66905" i="1"/>
  <c r="AC66906" i="1"/>
  <c r="AC66907" i="1"/>
  <c r="AC66908" i="1"/>
  <c r="AC66909" i="1"/>
  <c r="AC66910" i="1"/>
  <c r="AC66911" i="1"/>
  <c r="AC66912" i="1"/>
  <c r="AC66913" i="1"/>
  <c r="AC66914" i="1"/>
  <c r="AC66915" i="1"/>
  <c r="AC66916" i="1"/>
  <c r="AC66917" i="1"/>
  <c r="AC66918" i="1"/>
  <c r="AC66919" i="1"/>
  <c r="AC66920" i="1"/>
  <c r="AC66921" i="1"/>
  <c r="AC66922" i="1"/>
  <c r="AC66923" i="1"/>
  <c r="AC66924" i="1"/>
  <c r="AC66925" i="1"/>
  <c r="AC66926" i="1"/>
  <c r="AC66927" i="1"/>
  <c r="AC66928" i="1"/>
  <c r="AC66929" i="1"/>
  <c r="AC66930" i="1"/>
  <c r="AC66931" i="1"/>
  <c r="AC66932" i="1"/>
  <c r="AC66933" i="1"/>
  <c r="AC66934" i="1"/>
  <c r="AC66935" i="1"/>
  <c r="AC66936" i="1"/>
  <c r="AC66937" i="1"/>
  <c r="AC66938" i="1"/>
  <c r="AC66939" i="1"/>
  <c r="AC66940" i="1"/>
  <c r="AC66941" i="1"/>
  <c r="AC66942" i="1"/>
  <c r="AC66943" i="1"/>
  <c r="AC66944" i="1"/>
  <c r="AC66945" i="1"/>
  <c r="AC66946" i="1"/>
  <c r="AC66947" i="1"/>
  <c r="AC66948" i="1"/>
  <c r="AC66949" i="1"/>
  <c r="AC66950" i="1"/>
  <c r="AC66951" i="1"/>
  <c r="AC66952" i="1"/>
  <c r="AC66953" i="1"/>
  <c r="AC66954" i="1"/>
  <c r="AC66955" i="1"/>
  <c r="AC66956" i="1"/>
  <c r="AC66957" i="1"/>
  <c r="AC66958" i="1"/>
  <c r="AC66959" i="1"/>
  <c r="AC66960" i="1"/>
  <c r="AC66961" i="1"/>
  <c r="AC66962" i="1"/>
  <c r="AC66963" i="1"/>
  <c r="AC66964" i="1"/>
  <c r="AC66965" i="1"/>
  <c r="AC66966" i="1"/>
  <c r="AC66967" i="1"/>
  <c r="AC66968" i="1"/>
  <c r="AC66969" i="1"/>
  <c r="AC66970" i="1"/>
  <c r="AC66971" i="1"/>
  <c r="AC66972" i="1"/>
  <c r="AC66973" i="1"/>
  <c r="AC66974" i="1"/>
  <c r="AC66975" i="1"/>
  <c r="AC66976" i="1"/>
  <c r="AC66977" i="1"/>
  <c r="AC66978" i="1"/>
  <c r="AC66979" i="1"/>
  <c r="AC66980" i="1"/>
  <c r="AC66981" i="1"/>
  <c r="AC66982" i="1"/>
  <c r="AC66983" i="1"/>
  <c r="AC66984" i="1"/>
  <c r="AC66985" i="1"/>
  <c r="AC66986" i="1"/>
  <c r="AC66987" i="1"/>
  <c r="AC66988" i="1"/>
  <c r="AC66989" i="1"/>
  <c r="AC66990" i="1"/>
  <c r="AC66991" i="1"/>
  <c r="AC66992" i="1"/>
  <c r="AC66993" i="1"/>
  <c r="AC66994" i="1"/>
  <c r="AC66995" i="1"/>
  <c r="AC66996" i="1"/>
  <c r="AC66997" i="1"/>
  <c r="AC66998" i="1"/>
  <c r="AC66999" i="1"/>
  <c r="AC67000" i="1"/>
  <c r="AC67001" i="1"/>
  <c r="AC67002" i="1"/>
  <c r="AC67003" i="1"/>
  <c r="AC67004" i="1"/>
  <c r="AC67005" i="1"/>
  <c r="AC67006" i="1"/>
  <c r="AC67007" i="1"/>
  <c r="AC67008" i="1"/>
  <c r="AC67009" i="1"/>
  <c r="AC67010" i="1"/>
  <c r="AC67011" i="1"/>
  <c r="AC67012" i="1"/>
  <c r="AC67013" i="1"/>
  <c r="AC67014" i="1"/>
  <c r="AC67015" i="1"/>
  <c r="AC67016" i="1"/>
  <c r="AC67017" i="1"/>
  <c r="AC67018" i="1"/>
  <c r="AC67019" i="1"/>
  <c r="AC67020" i="1"/>
  <c r="AC67021" i="1"/>
  <c r="AC67022" i="1"/>
  <c r="AC67023" i="1"/>
  <c r="AC67024" i="1"/>
  <c r="AC67025" i="1"/>
  <c r="AC67026" i="1"/>
  <c r="AC67027" i="1"/>
  <c r="AC67028" i="1"/>
  <c r="AC67029" i="1"/>
  <c r="AC67030" i="1"/>
  <c r="AC67031" i="1"/>
  <c r="AC67032" i="1"/>
  <c r="AC67033" i="1"/>
  <c r="AC67034" i="1"/>
  <c r="AC67035" i="1"/>
  <c r="AC67036" i="1"/>
  <c r="AC67037" i="1"/>
  <c r="AC67038" i="1"/>
  <c r="AC67039" i="1"/>
  <c r="AC67040" i="1"/>
  <c r="AC67041" i="1"/>
  <c r="AC67042" i="1"/>
  <c r="AC67043" i="1"/>
  <c r="AC67044" i="1"/>
  <c r="AC67045" i="1"/>
  <c r="AC67046" i="1"/>
  <c r="AC67047" i="1"/>
  <c r="AC67048" i="1"/>
  <c r="AC67049" i="1"/>
  <c r="AC67050" i="1"/>
  <c r="AC67051" i="1"/>
  <c r="AC67052" i="1"/>
  <c r="AC67053" i="1"/>
  <c r="AC67054" i="1"/>
  <c r="AC67055" i="1"/>
  <c r="AC67056" i="1"/>
  <c r="AC67057" i="1"/>
  <c r="AC67058" i="1"/>
  <c r="AC67059" i="1"/>
  <c r="AC67060" i="1"/>
  <c r="AC67061" i="1"/>
  <c r="AC67062" i="1"/>
  <c r="AC67063" i="1"/>
  <c r="AC67064" i="1"/>
  <c r="AC67065" i="1"/>
  <c r="AC67066" i="1"/>
  <c r="AC67067" i="1"/>
  <c r="AC67068" i="1"/>
  <c r="AC67069" i="1"/>
  <c r="AC67070" i="1"/>
  <c r="AC67071" i="1"/>
  <c r="AC67072" i="1"/>
  <c r="AC67073" i="1"/>
  <c r="AC67074" i="1"/>
  <c r="AC67075" i="1"/>
  <c r="AC67076" i="1"/>
  <c r="AC67077" i="1"/>
  <c r="AC67078" i="1"/>
  <c r="AC67079" i="1"/>
  <c r="AC67080" i="1"/>
  <c r="AC67081" i="1"/>
  <c r="AC67082" i="1"/>
  <c r="AC67083" i="1"/>
  <c r="AC67084" i="1"/>
  <c r="AC67085" i="1"/>
  <c r="AC67086" i="1"/>
  <c r="AC67087" i="1"/>
  <c r="AC67088" i="1"/>
  <c r="AC67089" i="1"/>
  <c r="AC67090" i="1"/>
  <c r="AC67091" i="1"/>
  <c r="AC67092" i="1"/>
  <c r="AC67093" i="1"/>
  <c r="AC67094" i="1"/>
  <c r="AC67095" i="1"/>
  <c r="AC67096" i="1"/>
  <c r="AC67097" i="1"/>
  <c r="AC67098" i="1"/>
  <c r="AC67099" i="1"/>
  <c r="AC67100" i="1"/>
  <c r="AC67101" i="1"/>
  <c r="AC67102" i="1"/>
  <c r="AC67103" i="1"/>
  <c r="AC67104" i="1"/>
  <c r="AC67105" i="1"/>
  <c r="AC67106" i="1"/>
  <c r="AC67107" i="1"/>
  <c r="AC67108" i="1"/>
  <c r="AC67109" i="1"/>
  <c r="AC67110" i="1"/>
  <c r="AC67111" i="1"/>
  <c r="AC67112" i="1"/>
  <c r="AC67113" i="1"/>
  <c r="AC67114" i="1"/>
  <c r="AC67115" i="1"/>
  <c r="AC67116" i="1"/>
  <c r="AC67117" i="1"/>
  <c r="AC67118" i="1"/>
  <c r="AC67119" i="1"/>
  <c r="AC67120" i="1"/>
  <c r="AC67121" i="1"/>
  <c r="AC67122" i="1"/>
  <c r="AC67123" i="1"/>
  <c r="AC67124" i="1"/>
  <c r="AC67125" i="1"/>
  <c r="AC67126" i="1"/>
  <c r="AC67127" i="1"/>
  <c r="AC67128" i="1"/>
  <c r="AC67129" i="1"/>
  <c r="AC67130" i="1"/>
  <c r="AC67131" i="1"/>
  <c r="AC67132" i="1"/>
  <c r="AC67133" i="1"/>
  <c r="AC67134" i="1"/>
  <c r="AC67135" i="1"/>
  <c r="AC67136" i="1"/>
  <c r="AC67137" i="1"/>
  <c r="AC67138" i="1"/>
  <c r="AC67139" i="1"/>
  <c r="AC67140" i="1"/>
  <c r="AC67141" i="1"/>
  <c r="AC67142" i="1"/>
  <c r="AC67143" i="1"/>
  <c r="AC67144" i="1"/>
  <c r="AC67145" i="1"/>
  <c r="AC67146" i="1"/>
  <c r="AC67147" i="1"/>
  <c r="AC67148" i="1"/>
  <c r="AC67149" i="1"/>
  <c r="AC67150" i="1"/>
  <c r="AC67151" i="1"/>
  <c r="AC67152" i="1"/>
  <c r="AC67153" i="1"/>
  <c r="AC67154" i="1"/>
  <c r="AC67155" i="1"/>
  <c r="AC67156" i="1"/>
  <c r="AC67157" i="1"/>
  <c r="AC67158" i="1"/>
  <c r="AC67159" i="1"/>
  <c r="AC67160" i="1"/>
  <c r="AC67161" i="1"/>
  <c r="AC67162" i="1"/>
  <c r="AC67163" i="1"/>
  <c r="AC67164" i="1"/>
  <c r="AC67165" i="1"/>
  <c r="AC67166" i="1"/>
  <c r="AC67167" i="1"/>
  <c r="AC67168" i="1"/>
  <c r="AC67169" i="1"/>
  <c r="AC67170" i="1"/>
  <c r="AC67171" i="1"/>
  <c r="AC67172" i="1"/>
  <c r="AC67173" i="1"/>
  <c r="AC67174" i="1"/>
  <c r="AC67175" i="1"/>
  <c r="AC67176" i="1"/>
  <c r="AC67177" i="1"/>
  <c r="AC67178" i="1"/>
  <c r="AC67179" i="1"/>
  <c r="AC67180" i="1"/>
  <c r="AC67181" i="1"/>
  <c r="AC67182" i="1"/>
  <c r="AC67183" i="1"/>
  <c r="AC67184" i="1"/>
  <c r="AC67185" i="1"/>
  <c r="AC67186" i="1"/>
  <c r="AC67187" i="1"/>
  <c r="AC67188" i="1"/>
  <c r="AC67189" i="1"/>
  <c r="AC67190" i="1"/>
  <c r="AC67191" i="1"/>
  <c r="AC67192" i="1"/>
  <c r="AC67193" i="1"/>
  <c r="AC67194" i="1"/>
  <c r="AC67195" i="1"/>
  <c r="AC67196" i="1"/>
  <c r="AC67197" i="1"/>
  <c r="AC67198" i="1"/>
  <c r="AC67199" i="1"/>
  <c r="AC67200" i="1"/>
  <c r="AC67201" i="1"/>
  <c r="AC67202" i="1"/>
  <c r="AC67203" i="1"/>
  <c r="AC67204" i="1"/>
  <c r="AC67205" i="1"/>
  <c r="AC67206" i="1"/>
  <c r="AC67207" i="1"/>
  <c r="AC67208" i="1"/>
  <c r="AC67209" i="1"/>
  <c r="AC67210" i="1"/>
  <c r="AC67211" i="1"/>
  <c r="AC67212" i="1"/>
  <c r="AC67213" i="1"/>
  <c r="AC67214" i="1"/>
  <c r="AC67215" i="1"/>
  <c r="AC67216" i="1"/>
  <c r="AC67217" i="1"/>
  <c r="AC67218" i="1"/>
  <c r="AC67219" i="1"/>
  <c r="AC67220" i="1"/>
  <c r="AC67221" i="1"/>
  <c r="AC67222" i="1"/>
  <c r="AC67223" i="1"/>
  <c r="AC67224" i="1"/>
  <c r="AC67225" i="1"/>
  <c r="AC67226" i="1"/>
  <c r="AC67227" i="1"/>
  <c r="AC67228" i="1"/>
  <c r="AC67229" i="1"/>
  <c r="AC67230" i="1"/>
  <c r="AC67231" i="1"/>
  <c r="AC67232" i="1"/>
  <c r="AC67233" i="1"/>
  <c r="AC67234" i="1"/>
  <c r="AC67235" i="1"/>
  <c r="AC67236" i="1"/>
  <c r="AC67237" i="1"/>
  <c r="AC67238" i="1"/>
  <c r="AC67239" i="1"/>
  <c r="AC67240" i="1"/>
  <c r="AC67241" i="1"/>
  <c r="AC67242" i="1"/>
  <c r="AC67243" i="1"/>
  <c r="AC67244" i="1"/>
  <c r="AC67245" i="1"/>
  <c r="AC67246" i="1"/>
  <c r="AC67247" i="1"/>
  <c r="AC67248" i="1"/>
  <c r="AC67249" i="1"/>
  <c r="AC67250" i="1"/>
  <c r="AC67251" i="1"/>
  <c r="AC67252" i="1"/>
  <c r="AC67253" i="1"/>
  <c r="AC67254" i="1"/>
  <c r="AC67255" i="1"/>
  <c r="AC67256" i="1"/>
  <c r="AC67257" i="1"/>
  <c r="AC67258" i="1"/>
  <c r="AC67259" i="1"/>
  <c r="AC67260" i="1"/>
  <c r="AC67261" i="1"/>
  <c r="AC67262" i="1"/>
  <c r="AC67263" i="1"/>
  <c r="AC67264" i="1"/>
  <c r="AC67265" i="1"/>
  <c r="AC67266" i="1"/>
  <c r="AC67267" i="1"/>
  <c r="AC67268" i="1"/>
  <c r="AC67269" i="1"/>
  <c r="AC67270" i="1"/>
  <c r="AC67271" i="1"/>
  <c r="AC67272" i="1"/>
  <c r="AC67273" i="1"/>
  <c r="AC67274" i="1"/>
  <c r="AC67275" i="1"/>
  <c r="AC67276" i="1"/>
  <c r="AC67277" i="1"/>
  <c r="AC67278" i="1"/>
  <c r="AC67279" i="1"/>
  <c r="AC67280" i="1"/>
  <c r="AC67281" i="1"/>
  <c r="AC67282" i="1"/>
  <c r="AC67283" i="1"/>
  <c r="AC67284" i="1"/>
  <c r="AC67285" i="1"/>
  <c r="AC67286" i="1"/>
  <c r="AC67287" i="1"/>
  <c r="AC67288" i="1"/>
  <c r="AC67289" i="1"/>
  <c r="AC67290" i="1"/>
  <c r="AC67291" i="1"/>
  <c r="AC67292" i="1"/>
  <c r="AC67293" i="1"/>
  <c r="AC67294" i="1"/>
  <c r="AC67295" i="1"/>
  <c r="AC67296" i="1"/>
  <c r="AC67297" i="1"/>
  <c r="AC67298" i="1"/>
  <c r="AC67299" i="1"/>
  <c r="AC67300" i="1"/>
  <c r="AC67301" i="1"/>
  <c r="AC67302" i="1"/>
  <c r="AC67303" i="1"/>
  <c r="AC67304" i="1"/>
  <c r="AC67305" i="1"/>
  <c r="AC67306" i="1"/>
  <c r="AC67307" i="1"/>
  <c r="AC67308" i="1"/>
  <c r="AC67309" i="1"/>
  <c r="AC67310" i="1"/>
  <c r="AC67311" i="1"/>
  <c r="AC67312" i="1"/>
  <c r="AC67313" i="1"/>
  <c r="AC67314" i="1"/>
  <c r="AC67315" i="1"/>
  <c r="AC67316" i="1"/>
  <c r="AC67317" i="1"/>
  <c r="AC67318" i="1"/>
  <c r="AC67319" i="1"/>
  <c r="AC67320" i="1"/>
  <c r="AC67321" i="1"/>
  <c r="AC67322" i="1"/>
  <c r="AC67323" i="1"/>
  <c r="AC67324" i="1"/>
  <c r="AC67325" i="1"/>
  <c r="AC67326" i="1"/>
  <c r="AC67327" i="1"/>
  <c r="AC67328" i="1"/>
  <c r="AC67329" i="1"/>
  <c r="AC67330" i="1"/>
  <c r="AC67331" i="1"/>
  <c r="AC67332" i="1"/>
  <c r="AC67333" i="1"/>
  <c r="AC67334" i="1"/>
  <c r="AC67335" i="1"/>
  <c r="AC67336" i="1"/>
  <c r="AC67337" i="1"/>
  <c r="AC67338" i="1"/>
  <c r="AC67339" i="1"/>
  <c r="AC67340" i="1"/>
  <c r="AC67341" i="1"/>
  <c r="AC67342" i="1"/>
  <c r="AC67343" i="1"/>
  <c r="AC67344" i="1"/>
  <c r="AC67345" i="1"/>
  <c r="AC67346" i="1"/>
  <c r="AC67347" i="1"/>
  <c r="AC67348" i="1"/>
  <c r="AC67349" i="1"/>
  <c r="AC67350" i="1"/>
  <c r="AC67351" i="1"/>
  <c r="AC67352" i="1"/>
  <c r="AC67353" i="1"/>
  <c r="AC67354" i="1"/>
  <c r="AC67355" i="1"/>
  <c r="AC67356" i="1"/>
  <c r="AC67357" i="1"/>
  <c r="AC67358" i="1"/>
  <c r="AC67359" i="1"/>
  <c r="AC67360" i="1"/>
  <c r="AC67361" i="1"/>
  <c r="AC67362" i="1"/>
  <c r="AC67363" i="1"/>
  <c r="AC67364" i="1"/>
  <c r="AC67365" i="1"/>
  <c r="AC67366" i="1"/>
  <c r="AC67367" i="1"/>
  <c r="AC67368" i="1"/>
  <c r="AC67369" i="1"/>
  <c r="AC67370" i="1"/>
  <c r="AC67371" i="1"/>
  <c r="AC67372" i="1"/>
  <c r="AC67373" i="1"/>
  <c r="AC67374" i="1"/>
  <c r="AC67375" i="1"/>
  <c r="AC67376" i="1"/>
  <c r="AC67377" i="1"/>
  <c r="AC67378" i="1"/>
  <c r="AC67379" i="1"/>
  <c r="AC67380" i="1"/>
  <c r="AC67381" i="1"/>
  <c r="AC67382" i="1"/>
  <c r="AC67383" i="1"/>
  <c r="AC67384" i="1"/>
  <c r="AC67385" i="1"/>
  <c r="AC67386" i="1"/>
  <c r="AC67387" i="1"/>
  <c r="AC67388" i="1"/>
  <c r="AC67389" i="1"/>
  <c r="AC67390" i="1"/>
  <c r="AC67391" i="1"/>
  <c r="AC67392" i="1"/>
  <c r="AC67393" i="1"/>
  <c r="AC67394" i="1"/>
  <c r="AC67395" i="1"/>
  <c r="AC67396" i="1"/>
  <c r="AC67397" i="1"/>
  <c r="AC67398" i="1"/>
  <c r="AC67399" i="1"/>
  <c r="AC67400" i="1"/>
  <c r="AC67401" i="1"/>
  <c r="AC67402" i="1"/>
  <c r="AC67403" i="1"/>
  <c r="AC67404" i="1"/>
  <c r="AC67405" i="1"/>
  <c r="AC67406" i="1"/>
  <c r="AC67407" i="1"/>
  <c r="AC67408" i="1"/>
  <c r="AC67409" i="1"/>
  <c r="AC67410" i="1"/>
  <c r="AC67411" i="1"/>
  <c r="AC67412" i="1"/>
  <c r="AC67413" i="1"/>
  <c r="AC67414" i="1"/>
  <c r="AC67415" i="1"/>
  <c r="AC67416" i="1"/>
  <c r="AC67417" i="1"/>
  <c r="AC67418" i="1"/>
  <c r="AC67419" i="1"/>
  <c r="AC67420" i="1"/>
  <c r="AC67421" i="1"/>
  <c r="AC67422" i="1"/>
  <c r="AC67423" i="1"/>
  <c r="AC67424" i="1"/>
  <c r="AC67425" i="1"/>
  <c r="AC67426" i="1"/>
  <c r="AC67427" i="1"/>
  <c r="AC67428" i="1"/>
  <c r="AC67429" i="1"/>
  <c r="AC67430" i="1"/>
  <c r="AC67431" i="1"/>
  <c r="AC67432" i="1"/>
  <c r="AC67433" i="1"/>
  <c r="AC67434" i="1"/>
  <c r="AC67435" i="1"/>
  <c r="AC67436" i="1"/>
  <c r="AC67437" i="1"/>
  <c r="AC67438" i="1"/>
  <c r="AC67439" i="1"/>
  <c r="AC67440" i="1"/>
  <c r="AC67441" i="1"/>
  <c r="AC67442" i="1"/>
  <c r="AC67443" i="1"/>
  <c r="AC67444" i="1"/>
  <c r="AC67445" i="1"/>
  <c r="AC67446" i="1"/>
  <c r="AC67447" i="1"/>
  <c r="AC67448" i="1"/>
  <c r="AC67449" i="1"/>
  <c r="AC67450" i="1"/>
  <c r="AC67451" i="1"/>
  <c r="AC67452" i="1"/>
  <c r="AC67453" i="1"/>
  <c r="AC67454" i="1"/>
  <c r="AC67455" i="1"/>
  <c r="AC67456" i="1"/>
  <c r="AC67457" i="1"/>
  <c r="AC67458" i="1"/>
  <c r="AC67459" i="1"/>
  <c r="AC67460" i="1"/>
  <c r="AC67461" i="1"/>
  <c r="AC67462" i="1"/>
  <c r="AC67463" i="1"/>
  <c r="AC67464" i="1"/>
  <c r="AC67465" i="1"/>
  <c r="AC67466" i="1"/>
  <c r="AC67467" i="1"/>
  <c r="AC67468" i="1"/>
  <c r="AC67469" i="1"/>
  <c r="AC67470" i="1"/>
  <c r="AC67471" i="1"/>
  <c r="AC67472" i="1"/>
  <c r="AC67473" i="1"/>
  <c r="AC67474" i="1"/>
  <c r="AC67475" i="1"/>
  <c r="AC67476" i="1"/>
  <c r="AC67477" i="1"/>
  <c r="AC67478" i="1"/>
  <c r="AC67479" i="1"/>
  <c r="AC67480" i="1"/>
  <c r="AC67481" i="1"/>
  <c r="AC67482" i="1"/>
  <c r="AC67483" i="1"/>
  <c r="AC67484" i="1"/>
  <c r="AC67485" i="1"/>
  <c r="AC67486" i="1"/>
  <c r="AC67487" i="1"/>
  <c r="AC67488" i="1"/>
  <c r="AC67489" i="1"/>
  <c r="AC67490" i="1"/>
  <c r="AC67491" i="1"/>
  <c r="AC67492" i="1"/>
  <c r="AC67493" i="1"/>
  <c r="AC67494" i="1"/>
  <c r="AC67495" i="1"/>
  <c r="AC67496" i="1"/>
  <c r="AC67497" i="1"/>
  <c r="AC67498" i="1"/>
  <c r="AC67499" i="1"/>
  <c r="AC67500" i="1"/>
  <c r="AC67501" i="1"/>
  <c r="AC67502" i="1"/>
  <c r="AC67503" i="1"/>
  <c r="AC67504" i="1"/>
  <c r="AC67505" i="1"/>
  <c r="AC67506" i="1"/>
  <c r="AC67507" i="1"/>
  <c r="AC67508" i="1"/>
  <c r="AC67509" i="1"/>
  <c r="AC67510" i="1"/>
  <c r="AC67511" i="1"/>
  <c r="AC67512" i="1"/>
  <c r="AC67513" i="1"/>
  <c r="AC67514" i="1"/>
  <c r="AC67515" i="1"/>
  <c r="AC67516" i="1"/>
  <c r="AC67517" i="1"/>
  <c r="AC67518" i="1"/>
  <c r="AC67519" i="1"/>
  <c r="AC67520" i="1"/>
  <c r="AC67521" i="1"/>
  <c r="AC67522" i="1"/>
  <c r="AC67523" i="1"/>
  <c r="AC67524" i="1"/>
  <c r="AC67525" i="1"/>
  <c r="AC67526" i="1"/>
  <c r="AC67527" i="1"/>
  <c r="AC67528" i="1"/>
  <c r="AC67529" i="1"/>
  <c r="AC67530" i="1"/>
  <c r="AC67531" i="1"/>
  <c r="AC67532" i="1"/>
  <c r="AC67533" i="1"/>
  <c r="AC67534" i="1"/>
  <c r="AC67535" i="1"/>
  <c r="AC67536" i="1"/>
  <c r="AC67537" i="1"/>
  <c r="AC67538" i="1"/>
  <c r="AC67539" i="1"/>
  <c r="AC67540" i="1"/>
  <c r="AC67541" i="1"/>
  <c r="AC67542" i="1"/>
  <c r="AC67543" i="1"/>
  <c r="AC67544" i="1"/>
  <c r="AC67545" i="1"/>
  <c r="AC67546" i="1"/>
  <c r="AC67547" i="1"/>
  <c r="AC67548" i="1"/>
  <c r="AC67549" i="1"/>
  <c r="AC67550" i="1"/>
  <c r="AC67551" i="1"/>
  <c r="AC67552" i="1"/>
  <c r="AC67553" i="1"/>
  <c r="AC67554" i="1"/>
  <c r="AC67555" i="1"/>
  <c r="AC67556" i="1"/>
  <c r="AC67557" i="1"/>
  <c r="AC67558" i="1"/>
  <c r="AC67559" i="1"/>
  <c r="AC67560" i="1"/>
  <c r="AC67561" i="1"/>
  <c r="AC67562" i="1"/>
  <c r="AC67563" i="1"/>
  <c r="AC67564" i="1"/>
  <c r="AC67565" i="1"/>
  <c r="AC67566" i="1"/>
  <c r="AC67567" i="1"/>
  <c r="AC67568" i="1"/>
  <c r="AC67569" i="1"/>
  <c r="AC67570" i="1"/>
  <c r="AC67571" i="1"/>
  <c r="AC67572" i="1"/>
  <c r="AC67573" i="1"/>
  <c r="AC67574" i="1"/>
  <c r="AC67575" i="1"/>
  <c r="AC67576" i="1"/>
  <c r="AC67577" i="1"/>
  <c r="AC67578" i="1"/>
  <c r="AC67579" i="1"/>
  <c r="AC67580" i="1"/>
  <c r="AC67581" i="1"/>
  <c r="AC67582" i="1"/>
  <c r="AC67583" i="1"/>
  <c r="AC67584" i="1"/>
  <c r="AC67585" i="1"/>
  <c r="AC67586" i="1"/>
  <c r="AC67587" i="1"/>
  <c r="AC67588" i="1"/>
  <c r="AC67589" i="1"/>
  <c r="AC67590" i="1"/>
  <c r="AC67591" i="1"/>
  <c r="AC67592" i="1"/>
  <c r="AC67593" i="1"/>
  <c r="AC67594" i="1"/>
  <c r="AC67595" i="1"/>
  <c r="AC67596" i="1"/>
  <c r="AC67597" i="1"/>
  <c r="AC67598" i="1"/>
  <c r="AC67599" i="1"/>
  <c r="AC67600" i="1"/>
  <c r="AC67601" i="1"/>
  <c r="AC67602" i="1"/>
  <c r="AC67603" i="1"/>
  <c r="AC67604" i="1"/>
  <c r="AC67605" i="1"/>
  <c r="AC67606" i="1"/>
  <c r="AC67607" i="1"/>
  <c r="AC67608" i="1"/>
  <c r="AC67609" i="1"/>
  <c r="AC67610" i="1"/>
  <c r="AC67611" i="1"/>
  <c r="AC67612" i="1"/>
  <c r="AC67613" i="1"/>
  <c r="AC67614" i="1"/>
  <c r="AC67615" i="1"/>
  <c r="AC67616" i="1"/>
  <c r="AC67617" i="1"/>
  <c r="AC67618" i="1"/>
  <c r="AC67619" i="1"/>
  <c r="AC67620" i="1"/>
  <c r="AC67621" i="1"/>
  <c r="AC67622" i="1"/>
  <c r="AC67623" i="1"/>
  <c r="AC67624" i="1"/>
  <c r="AC67625" i="1"/>
  <c r="AC67626" i="1"/>
  <c r="AC67627" i="1"/>
  <c r="AC67628" i="1"/>
  <c r="AC67629" i="1"/>
  <c r="AC67630" i="1"/>
  <c r="AC67631" i="1"/>
  <c r="AC67632" i="1"/>
  <c r="AC67633" i="1"/>
  <c r="AC67634" i="1"/>
  <c r="AC67635" i="1"/>
  <c r="AC67636" i="1"/>
  <c r="AC67637" i="1"/>
  <c r="AC67638" i="1"/>
  <c r="AC67639" i="1"/>
  <c r="AC67640" i="1"/>
  <c r="AC67641" i="1"/>
  <c r="AC67642" i="1"/>
  <c r="AC67643" i="1"/>
  <c r="AC67644" i="1"/>
  <c r="AC67645" i="1"/>
  <c r="AC67646" i="1"/>
  <c r="AC67647" i="1"/>
  <c r="AC67648" i="1"/>
  <c r="AC67649" i="1"/>
  <c r="AC67650" i="1"/>
  <c r="AC67651" i="1"/>
  <c r="AC67652" i="1"/>
  <c r="AC67653" i="1"/>
  <c r="AC67654" i="1"/>
  <c r="AC67655" i="1"/>
  <c r="AC67656" i="1"/>
  <c r="AC67657" i="1"/>
  <c r="AC67658" i="1"/>
  <c r="AC67659" i="1"/>
  <c r="AC67660" i="1"/>
  <c r="AC67661" i="1"/>
  <c r="AC67662" i="1"/>
  <c r="AC67663" i="1"/>
  <c r="AC67664" i="1"/>
  <c r="AC67665" i="1"/>
  <c r="AC67666" i="1"/>
  <c r="AC67667" i="1"/>
  <c r="AC67668" i="1"/>
  <c r="AC67669" i="1"/>
  <c r="AC67670" i="1"/>
  <c r="AC67671" i="1"/>
  <c r="AC67672" i="1"/>
  <c r="AC67673" i="1"/>
  <c r="AC67674" i="1"/>
  <c r="AC67675" i="1"/>
  <c r="AC67676" i="1"/>
  <c r="AC67677" i="1"/>
  <c r="AC67678" i="1"/>
  <c r="AC67679" i="1"/>
  <c r="AC67680" i="1"/>
  <c r="AC67681" i="1"/>
  <c r="AC67682" i="1"/>
  <c r="AC67683" i="1"/>
  <c r="AC67684" i="1"/>
  <c r="AC67685" i="1"/>
  <c r="AC67686" i="1"/>
  <c r="AC67687" i="1"/>
  <c r="AC67688" i="1"/>
  <c r="AC67689" i="1"/>
  <c r="AC67690" i="1"/>
  <c r="AC67691" i="1"/>
  <c r="AC67692" i="1"/>
  <c r="AC67693" i="1"/>
  <c r="AC67694" i="1"/>
  <c r="AC67695" i="1"/>
  <c r="AC67696" i="1"/>
  <c r="AC67697" i="1"/>
  <c r="AC67698" i="1"/>
  <c r="AC67699" i="1"/>
  <c r="AC67700" i="1"/>
  <c r="AC67701" i="1"/>
  <c r="AC67702" i="1"/>
  <c r="AC67703" i="1"/>
  <c r="AC67704" i="1"/>
  <c r="AC67705" i="1"/>
  <c r="AC67706" i="1"/>
  <c r="AC67707" i="1"/>
  <c r="AC67708" i="1"/>
  <c r="AC67709" i="1"/>
  <c r="AC67710" i="1"/>
  <c r="AC67711" i="1"/>
  <c r="AC67712" i="1"/>
  <c r="AC67713" i="1"/>
  <c r="AC67714" i="1"/>
  <c r="AC67715" i="1"/>
  <c r="AC67716" i="1"/>
  <c r="AC67717" i="1"/>
  <c r="AC67718" i="1"/>
  <c r="AC67719" i="1"/>
  <c r="AC67720" i="1"/>
  <c r="AC67721" i="1"/>
  <c r="AC67722" i="1"/>
  <c r="AC67723" i="1"/>
  <c r="AC67724" i="1"/>
  <c r="AC67725" i="1"/>
  <c r="AC67726" i="1"/>
  <c r="AC67727" i="1"/>
  <c r="AC67728" i="1"/>
  <c r="AC67729" i="1"/>
  <c r="AC67730" i="1"/>
  <c r="AC67731" i="1"/>
  <c r="AC67732" i="1"/>
  <c r="AC67733" i="1"/>
  <c r="AC67734" i="1"/>
  <c r="AC67735" i="1"/>
  <c r="AC67736" i="1"/>
  <c r="AC67737" i="1"/>
  <c r="AC67738" i="1"/>
  <c r="AC67739" i="1"/>
  <c r="AC67740" i="1"/>
  <c r="AC67741" i="1"/>
  <c r="AC67742" i="1"/>
  <c r="AC67743" i="1"/>
  <c r="AC67744" i="1"/>
  <c r="AC67745" i="1"/>
  <c r="AC67746" i="1"/>
  <c r="AC67747" i="1"/>
  <c r="AC67748" i="1"/>
  <c r="AC67749" i="1"/>
  <c r="AC67750" i="1"/>
  <c r="AC67751" i="1"/>
  <c r="AC67752" i="1"/>
  <c r="AC67753" i="1"/>
  <c r="AC67754" i="1"/>
  <c r="AC67755" i="1"/>
  <c r="AC67756" i="1"/>
  <c r="AC67757" i="1"/>
  <c r="AC67758" i="1"/>
  <c r="AC67759" i="1"/>
  <c r="AC67760" i="1"/>
  <c r="AC67761" i="1"/>
  <c r="AC67762" i="1"/>
  <c r="AC67763" i="1"/>
  <c r="AC67764" i="1"/>
  <c r="AC67765" i="1"/>
  <c r="AC67766" i="1"/>
  <c r="AC67767" i="1"/>
  <c r="AC67768" i="1"/>
  <c r="AC67769" i="1"/>
  <c r="AC67770" i="1"/>
  <c r="AC67771" i="1"/>
  <c r="AC67772" i="1"/>
  <c r="AC67773" i="1"/>
  <c r="AC67774" i="1"/>
  <c r="AC67775" i="1"/>
  <c r="AC67776" i="1"/>
  <c r="AC67777" i="1"/>
  <c r="AC67778" i="1"/>
  <c r="AC67779" i="1"/>
  <c r="AC67780" i="1"/>
  <c r="AC67781" i="1"/>
  <c r="AC67782" i="1"/>
  <c r="AC67783" i="1"/>
  <c r="AC67784" i="1"/>
  <c r="AC67785" i="1"/>
  <c r="AC67786" i="1"/>
  <c r="AC67787" i="1"/>
  <c r="AC67788" i="1"/>
  <c r="AC67789" i="1"/>
  <c r="AC67790" i="1"/>
  <c r="AC67791" i="1"/>
  <c r="AC67792" i="1"/>
  <c r="AC67793" i="1"/>
  <c r="AC67794" i="1"/>
  <c r="AC67795" i="1"/>
  <c r="AC67796" i="1"/>
  <c r="AC67797" i="1"/>
  <c r="AC67798" i="1"/>
  <c r="AC67799" i="1"/>
  <c r="AC67800" i="1"/>
  <c r="AC67801" i="1"/>
  <c r="AC67802" i="1"/>
  <c r="AC67803" i="1"/>
  <c r="AC67804" i="1"/>
  <c r="AC67805" i="1"/>
  <c r="AC67806" i="1"/>
  <c r="AC67807" i="1"/>
  <c r="AC67808" i="1"/>
  <c r="AC67809" i="1"/>
  <c r="AC67810" i="1"/>
  <c r="AC67811" i="1"/>
  <c r="AC67812" i="1"/>
  <c r="AC67813" i="1"/>
  <c r="AC67814" i="1"/>
  <c r="AC67815" i="1"/>
  <c r="AC67816" i="1"/>
  <c r="AC67817" i="1"/>
  <c r="AC67818" i="1"/>
  <c r="AC67819" i="1"/>
  <c r="AC67820" i="1"/>
  <c r="AC67821" i="1"/>
  <c r="AC67822" i="1"/>
  <c r="AC67823" i="1"/>
  <c r="AC67824" i="1"/>
  <c r="AC67825" i="1"/>
  <c r="AC67826" i="1"/>
  <c r="AC67827" i="1"/>
  <c r="AC67828" i="1"/>
  <c r="AC67829" i="1"/>
  <c r="AC67830" i="1"/>
  <c r="AC67831" i="1"/>
  <c r="AC67832" i="1"/>
  <c r="AC67833" i="1"/>
  <c r="AC67834" i="1"/>
  <c r="AC67835" i="1"/>
  <c r="AC67836" i="1"/>
  <c r="AC67837" i="1"/>
  <c r="AC67838" i="1"/>
  <c r="AC67839" i="1"/>
  <c r="AC67840" i="1"/>
  <c r="AC67841" i="1"/>
  <c r="AC67842" i="1"/>
  <c r="AC67843" i="1"/>
  <c r="AC67844" i="1"/>
  <c r="AC67845" i="1"/>
  <c r="AC67846" i="1"/>
  <c r="AC67847" i="1"/>
  <c r="AC67848" i="1"/>
  <c r="AC67849" i="1"/>
  <c r="AC67850" i="1"/>
  <c r="AC67851" i="1"/>
  <c r="AC67852" i="1"/>
  <c r="AC67853" i="1"/>
  <c r="AC67854" i="1"/>
  <c r="AC67855" i="1"/>
  <c r="AC67856" i="1"/>
  <c r="AC67857" i="1"/>
  <c r="AC67858" i="1"/>
  <c r="AC67859" i="1"/>
  <c r="AC67860" i="1"/>
  <c r="AC67861" i="1"/>
  <c r="AC67862" i="1"/>
  <c r="AC67863" i="1"/>
  <c r="AC67864" i="1"/>
  <c r="AC67865" i="1"/>
  <c r="AC67866" i="1"/>
  <c r="AC67867" i="1"/>
  <c r="AC67868" i="1"/>
  <c r="AC67869" i="1"/>
  <c r="AC67870" i="1"/>
  <c r="AC67871" i="1"/>
  <c r="AC67872" i="1"/>
  <c r="AC67873" i="1"/>
  <c r="AC67874" i="1"/>
  <c r="AC67875" i="1"/>
  <c r="AC67876" i="1"/>
  <c r="AC67877" i="1"/>
  <c r="AC67878" i="1"/>
  <c r="AC67879" i="1"/>
  <c r="AC67880" i="1"/>
  <c r="AC67881" i="1"/>
  <c r="AC67882" i="1"/>
  <c r="AC67883" i="1"/>
  <c r="AC67884" i="1"/>
  <c r="AC67885" i="1"/>
  <c r="AC67886" i="1"/>
  <c r="AC67887" i="1"/>
  <c r="AC67888" i="1"/>
  <c r="AC67889" i="1"/>
  <c r="AC67890" i="1"/>
  <c r="AC67891" i="1"/>
  <c r="AC67892" i="1"/>
  <c r="AC67893" i="1"/>
  <c r="AC67894" i="1"/>
  <c r="AC67895" i="1"/>
  <c r="AC67896" i="1"/>
  <c r="AC67897" i="1"/>
  <c r="AC67898" i="1"/>
  <c r="AC67899" i="1"/>
  <c r="AC67900" i="1"/>
  <c r="AC67901" i="1"/>
  <c r="AC67902" i="1"/>
  <c r="AC67903" i="1"/>
  <c r="AC67904" i="1"/>
  <c r="AC67905" i="1"/>
  <c r="AC67906" i="1"/>
  <c r="AC67907" i="1"/>
  <c r="AC67908" i="1"/>
  <c r="AC67909" i="1"/>
  <c r="AC67910" i="1"/>
  <c r="AC67911" i="1"/>
  <c r="AC67912" i="1"/>
  <c r="AC67913" i="1"/>
  <c r="AC67914" i="1"/>
  <c r="AC67915" i="1"/>
  <c r="AC67916" i="1"/>
  <c r="AC67917" i="1"/>
  <c r="AC67918" i="1"/>
  <c r="AC67919" i="1"/>
  <c r="AC67920" i="1"/>
  <c r="AC67921" i="1"/>
  <c r="AC67922" i="1"/>
  <c r="AC67923" i="1"/>
  <c r="AC67924" i="1"/>
  <c r="AC67925" i="1"/>
  <c r="AC67926" i="1"/>
  <c r="AC67927" i="1"/>
  <c r="AC67928" i="1"/>
  <c r="AC67929" i="1"/>
  <c r="AC67930" i="1"/>
  <c r="AC67931" i="1"/>
  <c r="AC67932" i="1"/>
  <c r="AC67933" i="1"/>
  <c r="AC67934" i="1"/>
  <c r="AC67935" i="1"/>
  <c r="AC67936" i="1"/>
  <c r="AC67937" i="1"/>
  <c r="AC67938" i="1"/>
  <c r="AC67939" i="1"/>
  <c r="AC67940" i="1"/>
  <c r="AC67941" i="1"/>
  <c r="AC67942" i="1"/>
  <c r="AC67943" i="1"/>
  <c r="AC67944" i="1"/>
  <c r="AC67945" i="1"/>
  <c r="AC67946" i="1"/>
  <c r="AC67947" i="1"/>
  <c r="AC67948" i="1"/>
  <c r="AC67949" i="1"/>
  <c r="AC67950" i="1"/>
  <c r="AC67951" i="1"/>
  <c r="AC67952" i="1"/>
  <c r="AC67953" i="1"/>
  <c r="AC67954" i="1"/>
  <c r="AC67955" i="1"/>
  <c r="AC67956" i="1"/>
  <c r="AC67957" i="1"/>
  <c r="AC67958" i="1"/>
  <c r="AC67959" i="1"/>
  <c r="AC67960" i="1"/>
  <c r="AC67961" i="1"/>
  <c r="AC67962" i="1"/>
  <c r="AC67963" i="1"/>
  <c r="AC67964" i="1"/>
  <c r="AC67965" i="1"/>
  <c r="AC67966" i="1"/>
  <c r="AC67967" i="1"/>
  <c r="AC67968" i="1"/>
  <c r="AC67969" i="1"/>
  <c r="AC67970" i="1"/>
  <c r="AC67971" i="1"/>
  <c r="AC67972" i="1"/>
  <c r="AC67973" i="1"/>
  <c r="AC67974" i="1"/>
  <c r="AC67975" i="1"/>
  <c r="AC67976" i="1"/>
  <c r="AC67977" i="1"/>
  <c r="AC67978" i="1"/>
  <c r="AC67979" i="1"/>
  <c r="AC67980" i="1"/>
  <c r="AC67981" i="1"/>
  <c r="AC67982" i="1"/>
  <c r="AC67983" i="1"/>
  <c r="AC67984" i="1"/>
  <c r="AC67985" i="1"/>
  <c r="AC67986" i="1"/>
  <c r="AC67987" i="1"/>
  <c r="AC67988" i="1"/>
  <c r="AC67989" i="1"/>
  <c r="AC67990" i="1"/>
  <c r="AC67991" i="1"/>
  <c r="AC67992" i="1"/>
  <c r="AC67993" i="1"/>
  <c r="AC67994" i="1"/>
  <c r="AC67995" i="1"/>
  <c r="AC67996" i="1"/>
  <c r="AC67997" i="1"/>
  <c r="AC67998" i="1"/>
  <c r="AC67999" i="1"/>
  <c r="AC68000" i="1"/>
  <c r="AC68001" i="1"/>
  <c r="AC68002" i="1"/>
  <c r="AC68003" i="1"/>
  <c r="AC68004" i="1"/>
  <c r="AC68005" i="1"/>
  <c r="AC68006" i="1"/>
  <c r="AC68007" i="1"/>
  <c r="AC68008" i="1"/>
  <c r="AC68009" i="1"/>
  <c r="AC68010" i="1"/>
  <c r="AC68011" i="1"/>
  <c r="AC68012" i="1"/>
  <c r="AC68013" i="1"/>
  <c r="AC68014" i="1"/>
  <c r="AC68015" i="1"/>
  <c r="AC68016" i="1"/>
  <c r="AC68017" i="1"/>
  <c r="AC68018" i="1"/>
  <c r="AC68019" i="1"/>
  <c r="AC68020" i="1"/>
  <c r="AC68021" i="1"/>
  <c r="AC68022" i="1"/>
  <c r="AC68023" i="1"/>
  <c r="AC68024" i="1"/>
  <c r="AC68025" i="1"/>
  <c r="AC68026" i="1"/>
  <c r="AC68027" i="1"/>
  <c r="AC68028" i="1"/>
  <c r="AC68029" i="1"/>
  <c r="AC68030" i="1"/>
  <c r="AC68031" i="1"/>
  <c r="AC68032" i="1"/>
  <c r="AC68033" i="1"/>
  <c r="AC68034" i="1"/>
  <c r="AC68035" i="1"/>
  <c r="AC68036" i="1"/>
  <c r="AC68037" i="1"/>
  <c r="AC68038" i="1"/>
  <c r="AC68039" i="1"/>
  <c r="AC68040" i="1"/>
  <c r="AC68041" i="1"/>
  <c r="AC68042" i="1"/>
  <c r="AC68043" i="1"/>
  <c r="AC68044" i="1"/>
  <c r="AC68045" i="1"/>
  <c r="AC68046" i="1"/>
  <c r="AC68047" i="1"/>
  <c r="AC68048" i="1"/>
  <c r="AC68049" i="1"/>
  <c r="AC68050" i="1"/>
  <c r="AC68051" i="1"/>
  <c r="AC68052" i="1"/>
  <c r="AC68053" i="1"/>
  <c r="AC68054" i="1"/>
  <c r="AC68055" i="1"/>
  <c r="AC68056" i="1"/>
  <c r="AC68057" i="1"/>
  <c r="AC68058" i="1"/>
  <c r="AC68059" i="1"/>
  <c r="AC68060" i="1"/>
  <c r="AC68061" i="1"/>
  <c r="AC68062" i="1"/>
  <c r="AC68063" i="1"/>
  <c r="AC68064" i="1"/>
  <c r="AC68065" i="1"/>
  <c r="AC68066" i="1"/>
  <c r="AC68067" i="1"/>
  <c r="AC68068" i="1"/>
  <c r="AC68069" i="1"/>
  <c r="AC68070" i="1"/>
  <c r="AC68071" i="1"/>
  <c r="AC68072" i="1"/>
  <c r="AC68073" i="1"/>
  <c r="AC68074" i="1"/>
  <c r="AC68075" i="1"/>
  <c r="AC68076" i="1"/>
  <c r="AC68077" i="1"/>
  <c r="AC68078" i="1"/>
  <c r="AC68079" i="1"/>
  <c r="AC68080" i="1"/>
  <c r="AC68081" i="1"/>
  <c r="AC68082" i="1"/>
  <c r="AC68083" i="1"/>
  <c r="AC68084" i="1"/>
  <c r="AC68085" i="1"/>
  <c r="AC68086" i="1"/>
  <c r="AC68087" i="1"/>
  <c r="AC68088" i="1"/>
  <c r="AC68089" i="1"/>
  <c r="AC68090" i="1"/>
  <c r="AC68091" i="1"/>
  <c r="AC68092" i="1"/>
  <c r="AC68093" i="1"/>
  <c r="AC68094" i="1"/>
  <c r="AC68095" i="1"/>
  <c r="AC68096" i="1"/>
  <c r="AC68097" i="1"/>
  <c r="AC68098" i="1"/>
  <c r="AC68099" i="1"/>
  <c r="AC68100" i="1"/>
  <c r="AC68101" i="1"/>
  <c r="AC68102" i="1"/>
  <c r="AC68103" i="1"/>
  <c r="AC68104" i="1"/>
  <c r="AC68105" i="1"/>
  <c r="AC68106" i="1"/>
  <c r="AC68107" i="1"/>
  <c r="AC68108" i="1"/>
  <c r="AC68109" i="1"/>
  <c r="AC68110" i="1"/>
  <c r="AC68111" i="1"/>
  <c r="AC68112" i="1"/>
  <c r="AC68113" i="1"/>
  <c r="AC68114" i="1"/>
  <c r="AC68115" i="1"/>
  <c r="AC68116" i="1"/>
  <c r="AC68117" i="1"/>
  <c r="AC68118" i="1"/>
  <c r="AC68119" i="1"/>
  <c r="AC68120" i="1"/>
  <c r="AC68121" i="1"/>
  <c r="AC68122" i="1"/>
  <c r="AC68123" i="1"/>
  <c r="AC68124" i="1"/>
  <c r="AC68125" i="1"/>
  <c r="AC68126" i="1"/>
  <c r="AC68127" i="1"/>
  <c r="AC68128" i="1"/>
  <c r="AC68129" i="1"/>
  <c r="AC68130" i="1"/>
  <c r="AC68131" i="1"/>
  <c r="AC68132" i="1"/>
  <c r="AC68133" i="1"/>
  <c r="AC68134" i="1"/>
  <c r="AC68135" i="1"/>
  <c r="AC68136" i="1"/>
  <c r="AC68137" i="1"/>
  <c r="AC68138" i="1"/>
  <c r="AC68139" i="1"/>
  <c r="AC68140" i="1"/>
  <c r="AC68141" i="1"/>
  <c r="AC68142" i="1"/>
  <c r="AC68143" i="1"/>
  <c r="AC68144" i="1"/>
  <c r="AC68145" i="1"/>
  <c r="AC68146" i="1"/>
  <c r="AC68147" i="1"/>
  <c r="AC68148" i="1"/>
  <c r="AC68149" i="1"/>
  <c r="AC68150" i="1"/>
  <c r="AC68151" i="1"/>
  <c r="AC68152" i="1"/>
  <c r="AC68153" i="1"/>
  <c r="AC68154" i="1"/>
  <c r="AC68155" i="1"/>
  <c r="AC68156" i="1"/>
  <c r="AC68157" i="1"/>
  <c r="AC68158" i="1"/>
  <c r="AC68159" i="1"/>
  <c r="AC68160" i="1"/>
  <c r="AC68161" i="1"/>
  <c r="AC68162" i="1"/>
  <c r="AC68163" i="1"/>
  <c r="AC68164" i="1"/>
  <c r="AC68165" i="1"/>
  <c r="AC68166" i="1"/>
  <c r="AC68167" i="1"/>
  <c r="AC68168" i="1"/>
  <c r="AC68169" i="1"/>
  <c r="AC68170" i="1"/>
  <c r="AC68171" i="1"/>
  <c r="AC68172" i="1"/>
  <c r="AC68173" i="1"/>
  <c r="AC68174" i="1"/>
  <c r="AC68175" i="1"/>
  <c r="AC68176" i="1"/>
  <c r="AC68177" i="1"/>
  <c r="AC68178" i="1"/>
  <c r="AC68179" i="1"/>
  <c r="AC68180" i="1"/>
  <c r="AC68181" i="1"/>
  <c r="AC68182" i="1"/>
  <c r="AC68183" i="1"/>
  <c r="AC68184" i="1"/>
  <c r="AC68185" i="1"/>
  <c r="AC68186" i="1"/>
  <c r="AC68187" i="1"/>
  <c r="AC68188" i="1"/>
  <c r="AC68189" i="1"/>
  <c r="AC68190" i="1"/>
  <c r="AC68191" i="1"/>
  <c r="AC68192" i="1"/>
  <c r="AC68193" i="1"/>
  <c r="AC68194" i="1"/>
  <c r="AC68195" i="1"/>
  <c r="AC68196" i="1"/>
  <c r="AC68197" i="1"/>
  <c r="AC68198" i="1"/>
  <c r="AC68199" i="1"/>
  <c r="AC68200" i="1"/>
  <c r="AC68201" i="1"/>
  <c r="AC68202" i="1"/>
  <c r="AC68203" i="1"/>
  <c r="AC68204" i="1"/>
  <c r="AC68205" i="1"/>
  <c r="AC68206" i="1"/>
  <c r="AC68207" i="1"/>
  <c r="AC68208" i="1"/>
  <c r="AC68209" i="1"/>
  <c r="AC68210" i="1"/>
  <c r="AC68211" i="1"/>
  <c r="AC68212" i="1"/>
  <c r="AC68213" i="1"/>
  <c r="AC68214" i="1"/>
  <c r="AC68215" i="1"/>
  <c r="AC68216" i="1"/>
  <c r="AC68217" i="1"/>
  <c r="AC68218" i="1"/>
  <c r="AC68219" i="1"/>
  <c r="AC68220" i="1"/>
  <c r="AC68221" i="1"/>
  <c r="AC68222" i="1"/>
  <c r="AC68223" i="1"/>
  <c r="AC68224" i="1"/>
  <c r="AC68225" i="1"/>
  <c r="AC68226" i="1"/>
  <c r="AC68227" i="1"/>
  <c r="AC68228" i="1"/>
  <c r="AC68229" i="1"/>
  <c r="AC68230" i="1"/>
  <c r="AC68231" i="1"/>
  <c r="AC68232" i="1"/>
  <c r="AC68233" i="1"/>
  <c r="AC68234" i="1"/>
  <c r="AC68235" i="1"/>
  <c r="AC68236" i="1"/>
  <c r="AC68237" i="1"/>
  <c r="AC68238" i="1"/>
  <c r="AC68239" i="1"/>
  <c r="AC68240" i="1"/>
  <c r="AC68241" i="1"/>
  <c r="AC68242" i="1"/>
  <c r="AC68243" i="1"/>
  <c r="AC68244" i="1"/>
  <c r="AC68245" i="1"/>
  <c r="AC68246" i="1"/>
  <c r="AC68247" i="1"/>
  <c r="AC68248" i="1"/>
  <c r="AC68249" i="1"/>
  <c r="AC68250" i="1"/>
  <c r="AC68251" i="1"/>
  <c r="AC68252" i="1"/>
  <c r="AC68253" i="1"/>
  <c r="AC68254" i="1"/>
  <c r="AC68255" i="1"/>
  <c r="AC68256" i="1"/>
  <c r="AC68257" i="1"/>
  <c r="AC68258" i="1"/>
  <c r="AC68259" i="1"/>
  <c r="AC68260" i="1"/>
  <c r="AC68261" i="1"/>
  <c r="AC68262" i="1"/>
  <c r="AC68263" i="1"/>
  <c r="AC68264" i="1"/>
  <c r="AC68265" i="1"/>
  <c r="AC68266" i="1"/>
  <c r="AC68267" i="1"/>
  <c r="AC68268" i="1"/>
  <c r="AC68269" i="1"/>
  <c r="AC68270" i="1"/>
  <c r="AC68271" i="1"/>
  <c r="AC68272" i="1"/>
  <c r="AC68273" i="1"/>
  <c r="AC68274" i="1"/>
  <c r="AC68275" i="1"/>
  <c r="AC68276" i="1"/>
  <c r="AC68277" i="1"/>
  <c r="AC68278" i="1"/>
  <c r="AC68279" i="1"/>
  <c r="AC68280" i="1"/>
  <c r="AC68281" i="1"/>
  <c r="AC68282" i="1"/>
  <c r="AC68283" i="1"/>
  <c r="AC68284" i="1"/>
  <c r="AC68285" i="1"/>
  <c r="AC68286" i="1"/>
  <c r="AC68287" i="1"/>
  <c r="AC68288" i="1"/>
  <c r="AC68289" i="1"/>
  <c r="AC68290" i="1"/>
  <c r="AC68291" i="1"/>
  <c r="AC68292" i="1"/>
  <c r="AC68293" i="1"/>
  <c r="AC68294" i="1"/>
  <c r="AC68295" i="1"/>
  <c r="AC68296" i="1"/>
  <c r="AC68297" i="1"/>
  <c r="AC68298" i="1"/>
  <c r="AC68299" i="1"/>
  <c r="AC68300" i="1"/>
  <c r="AC68301" i="1"/>
  <c r="AC68302" i="1"/>
  <c r="AC68303" i="1"/>
  <c r="AC68304" i="1"/>
  <c r="AC68305" i="1"/>
  <c r="AC68306" i="1"/>
  <c r="AC68307" i="1"/>
  <c r="AC68308" i="1"/>
  <c r="AC68309" i="1"/>
  <c r="AC68310" i="1"/>
  <c r="AC68311" i="1"/>
  <c r="AC68312" i="1"/>
  <c r="AC68313" i="1"/>
  <c r="AC68314" i="1"/>
  <c r="AC68315" i="1"/>
  <c r="AC68316" i="1"/>
  <c r="AC68317" i="1"/>
  <c r="AC68318" i="1"/>
  <c r="AC68319" i="1"/>
  <c r="AC68320" i="1"/>
  <c r="AC68321" i="1"/>
  <c r="AC68322" i="1"/>
  <c r="AC68323" i="1"/>
  <c r="AC68324" i="1"/>
  <c r="AC68325" i="1"/>
  <c r="AC68326" i="1"/>
  <c r="AC68327" i="1"/>
  <c r="AC68328" i="1"/>
  <c r="AC68329" i="1"/>
  <c r="AC68330" i="1"/>
  <c r="AC68331" i="1"/>
  <c r="AC68332" i="1"/>
  <c r="AC68333" i="1"/>
  <c r="AC68334" i="1"/>
  <c r="AC68335" i="1"/>
  <c r="AC68336" i="1"/>
  <c r="AC68337" i="1"/>
  <c r="AC68338" i="1"/>
  <c r="AC68339" i="1"/>
  <c r="AC68340" i="1"/>
  <c r="AC68341" i="1"/>
  <c r="AC68342" i="1"/>
  <c r="AC68343" i="1"/>
  <c r="AC68344" i="1"/>
  <c r="AC68345" i="1"/>
  <c r="AC68346" i="1"/>
  <c r="AC68347" i="1"/>
  <c r="AC68348" i="1"/>
  <c r="AC68349" i="1"/>
  <c r="AC68350" i="1"/>
  <c r="AC68351" i="1"/>
  <c r="AC68352" i="1"/>
  <c r="AC68353" i="1"/>
  <c r="AC68354" i="1"/>
  <c r="AC68355" i="1"/>
  <c r="AC68356" i="1"/>
  <c r="AC68357" i="1"/>
  <c r="AC68358" i="1"/>
  <c r="AC68359" i="1"/>
  <c r="AC68360" i="1"/>
  <c r="AC68361" i="1"/>
  <c r="AC68362" i="1"/>
  <c r="AC68363" i="1"/>
  <c r="AC68364" i="1"/>
  <c r="AC68365" i="1"/>
  <c r="AC68366" i="1"/>
  <c r="AC68367" i="1"/>
  <c r="AC68368" i="1"/>
  <c r="AC68369" i="1"/>
  <c r="AC68370" i="1"/>
  <c r="AC68371" i="1"/>
  <c r="AC68372" i="1"/>
  <c r="AC68373" i="1"/>
  <c r="AC68374" i="1"/>
  <c r="AC68375" i="1"/>
  <c r="AC68376" i="1"/>
  <c r="AC68377" i="1"/>
  <c r="AC68378" i="1"/>
  <c r="AC68379" i="1"/>
  <c r="AC68380" i="1"/>
  <c r="AC68381" i="1"/>
  <c r="AC68382" i="1"/>
  <c r="AC68383" i="1"/>
  <c r="AC68384" i="1"/>
  <c r="AC68385" i="1"/>
  <c r="AC68386" i="1"/>
  <c r="AC68387" i="1"/>
  <c r="AC68388" i="1"/>
  <c r="AC68389" i="1"/>
  <c r="AC68390" i="1"/>
  <c r="AC68391" i="1"/>
  <c r="AC68392" i="1"/>
  <c r="AC68393" i="1"/>
  <c r="AC68394" i="1"/>
  <c r="AC68395" i="1"/>
  <c r="AC68396" i="1"/>
  <c r="AC68397" i="1"/>
  <c r="AC68398" i="1"/>
  <c r="AC68399" i="1"/>
  <c r="AC68400" i="1"/>
  <c r="AC68401" i="1"/>
  <c r="AC68402" i="1"/>
  <c r="AC68403" i="1"/>
  <c r="AC68404" i="1"/>
  <c r="AC68405" i="1"/>
  <c r="AC68406" i="1"/>
  <c r="AC68407" i="1"/>
  <c r="AC68408" i="1"/>
  <c r="AC68409" i="1"/>
  <c r="AC68410" i="1"/>
  <c r="AC68411" i="1"/>
  <c r="AC68412" i="1"/>
  <c r="AC68413" i="1"/>
  <c r="AC68414" i="1"/>
  <c r="AC68415" i="1"/>
  <c r="AC68416" i="1"/>
  <c r="AC68417" i="1"/>
  <c r="AC68418" i="1"/>
  <c r="AC68419" i="1"/>
  <c r="AC68420" i="1"/>
  <c r="AC68421" i="1"/>
  <c r="AC68422" i="1"/>
  <c r="AC68423" i="1"/>
  <c r="AC68424" i="1"/>
  <c r="AC68425" i="1"/>
  <c r="AC68426" i="1"/>
  <c r="AC68427" i="1"/>
  <c r="AC68428" i="1"/>
  <c r="AC68429" i="1"/>
  <c r="AC68430" i="1"/>
  <c r="AC68431" i="1"/>
  <c r="AC68432" i="1"/>
  <c r="AC68433" i="1"/>
  <c r="AC68434" i="1"/>
  <c r="AC68435" i="1"/>
  <c r="AC68436" i="1"/>
  <c r="AC68437" i="1"/>
  <c r="AC68438" i="1"/>
  <c r="AC68439" i="1"/>
  <c r="AC68440" i="1"/>
  <c r="AC68441" i="1"/>
  <c r="AC68442" i="1"/>
  <c r="AC68443" i="1"/>
  <c r="AC68444" i="1"/>
  <c r="AC68445" i="1"/>
  <c r="AC68446" i="1"/>
  <c r="AC68447" i="1"/>
  <c r="AC68448" i="1"/>
  <c r="AC68449" i="1"/>
  <c r="AC68450" i="1"/>
  <c r="AC68451" i="1"/>
  <c r="AC68452" i="1"/>
  <c r="AC68453" i="1"/>
  <c r="AC68454" i="1"/>
  <c r="AC68455" i="1"/>
  <c r="AC68456" i="1"/>
  <c r="AC68457" i="1"/>
  <c r="AC68458" i="1"/>
  <c r="AC68459" i="1"/>
  <c r="AC68460" i="1"/>
  <c r="AC68461" i="1"/>
  <c r="AC68462" i="1"/>
  <c r="AC68463" i="1"/>
  <c r="AC68464" i="1"/>
  <c r="AC68465" i="1"/>
  <c r="AC68466" i="1"/>
  <c r="AC68467" i="1"/>
  <c r="AC68468" i="1"/>
  <c r="AC68469" i="1"/>
  <c r="AC68470" i="1"/>
  <c r="AC68471" i="1"/>
  <c r="AC68472" i="1"/>
  <c r="AC68473" i="1"/>
  <c r="AC68474" i="1"/>
  <c r="AC68475" i="1"/>
  <c r="AC68476" i="1"/>
  <c r="AC68477" i="1"/>
  <c r="AC68478" i="1"/>
  <c r="AC68479" i="1"/>
  <c r="AC68480" i="1"/>
  <c r="AC68481" i="1"/>
  <c r="AC68482" i="1"/>
  <c r="AC68483" i="1"/>
  <c r="AC68484" i="1"/>
  <c r="AC68485" i="1"/>
  <c r="AC68486" i="1"/>
  <c r="AC68487" i="1"/>
  <c r="AC68488" i="1"/>
  <c r="AC68489" i="1"/>
  <c r="AC68490" i="1"/>
  <c r="AC68491" i="1"/>
  <c r="AC68492" i="1"/>
  <c r="AC68493" i="1"/>
  <c r="AC68494" i="1"/>
  <c r="AC68495" i="1"/>
  <c r="AC68496" i="1"/>
  <c r="AC68497" i="1"/>
  <c r="AC68498" i="1"/>
  <c r="AC68499" i="1"/>
  <c r="AC68500" i="1"/>
  <c r="AC68501" i="1"/>
  <c r="AC68502" i="1"/>
  <c r="AC68503" i="1"/>
  <c r="AC68504" i="1"/>
  <c r="AC68505" i="1"/>
  <c r="AC68506" i="1"/>
  <c r="AC68507" i="1"/>
  <c r="AC68508" i="1"/>
  <c r="AC68509" i="1"/>
  <c r="AC68510" i="1"/>
  <c r="AC68511" i="1"/>
  <c r="AC68512" i="1"/>
  <c r="AC68513" i="1"/>
  <c r="AC68514" i="1"/>
  <c r="AC68515" i="1"/>
  <c r="AC68516" i="1"/>
  <c r="AC68517" i="1"/>
  <c r="AC68518" i="1"/>
  <c r="AC68519" i="1"/>
  <c r="AC68520" i="1"/>
  <c r="AC68521" i="1"/>
  <c r="AC68522" i="1"/>
  <c r="AC68523" i="1"/>
  <c r="AC68524" i="1"/>
  <c r="AC68525" i="1"/>
  <c r="AC68526" i="1"/>
  <c r="AC68527" i="1"/>
  <c r="AC68528" i="1"/>
  <c r="AC68529" i="1"/>
  <c r="AC68530" i="1"/>
  <c r="AC68531" i="1"/>
  <c r="AC68532" i="1"/>
  <c r="AC68533" i="1"/>
  <c r="AC68534" i="1"/>
  <c r="AC68535" i="1"/>
  <c r="AC68536" i="1"/>
  <c r="AC68537" i="1"/>
  <c r="AC68538" i="1"/>
  <c r="AC68539" i="1"/>
  <c r="AC68540" i="1"/>
  <c r="AC68541" i="1"/>
  <c r="AC68542" i="1"/>
  <c r="AC68543" i="1"/>
  <c r="AC68544" i="1"/>
  <c r="AC68545" i="1"/>
  <c r="AC68546" i="1"/>
  <c r="AC68547" i="1"/>
  <c r="AC68548" i="1"/>
  <c r="AC68549" i="1"/>
  <c r="AC68550" i="1"/>
  <c r="AC68551" i="1"/>
  <c r="AC68552" i="1"/>
  <c r="AC68553" i="1"/>
  <c r="AC68554" i="1"/>
  <c r="AC68555" i="1"/>
  <c r="AC68556" i="1"/>
  <c r="AC68557" i="1"/>
  <c r="AC68558" i="1"/>
  <c r="AC68559" i="1"/>
  <c r="AC68560" i="1"/>
  <c r="AC68561" i="1"/>
  <c r="AC68562" i="1"/>
  <c r="AC68563" i="1"/>
  <c r="AC68564" i="1"/>
  <c r="AC68565" i="1"/>
  <c r="AC68566" i="1"/>
  <c r="AC68567" i="1"/>
  <c r="AC68568" i="1"/>
  <c r="AC68569" i="1"/>
  <c r="AC68570" i="1"/>
  <c r="AC68571" i="1"/>
  <c r="AC68572" i="1"/>
  <c r="AC68573" i="1"/>
  <c r="AC68574" i="1"/>
  <c r="AC68575" i="1"/>
  <c r="AC68576" i="1"/>
  <c r="AC68577" i="1"/>
  <c r="AC68578" i="1"/>
  <c r="AC68579" i="1"/>
  <c r="AC68580" i="1"/>
  <c r="AC68581" i="1"/>
  <c r="AC68582" i="1"/>
  <c r="AC68583" i="1"/>
  <c r="AC68584" i="1"/>
  <c r="AC68585" i="1"/>
  <c r="AC68586" i="1"/>
  <c r="AC68587" i="1"/>
  <c r="AC68588" i="1"/>
  <c r="AC68589" i="1"/>
  <c r="AC68590" i="1"/>
  <c r="AC68591" i="1"/>
  <c r="AC68592" i="1"/>
  <c r="AC68593" i="1"/>
  <c r="AC68594" i="1"/>
  <c r="AC68595" i="1"/>
  <c r="AC68596" i="1"/>
  <c r="AC68597" i="1"/>
  <c r="AC68598" i="1"/>
  <c r="AC68599" i="1"/>
  <c r="AC68600" i="1"/>
  <c r="AC68601" i="1"/>
  <c r="AC68602" i="1"/>
  <c r="AC68603" i="1"/>
  <c r="AC68604" i="1"/>
  <c r="AC68605" i="1"/>
  <c r="AC68606" i="1"/>
  <c r="AC68607" i="1"/>
  <c r="AC68608" i="1"/>
  <c r="AC68609" i="1"/>
  <c r="AC68610" i="1"/>
  <c r="AC68611" i="1"/>
  <c r="AC68612" i="1"/>
  <c r="AC68613" i="1"/>
  <c r="AC68614" i="1"/>
  <c r="AC68615" i="1"/>
  <c r="AC68616" i="1"/>
  <c r="AC68617" i="1"/>
  <c r="AC68618" i="1"/>
  <c r="AC68619" i="1"/>
  <c r="AC68620" i="1"/>
  <c r="AC68621" i="1"/>
  <c r="AC68622" i="1"/>
  <c r="AC68623" i="1"/>
  <c r="AC68624" i="1"/>
  <c r="AC68625" i="1"/>
  <c r="AC68626" i="1"/>
  <c r="AC68627" i="1"/>
  <c r="AC68628" i="1"/>
  <c r="AC68629" i="1"/>
  <c r="AC68630" i="1"/>
  <c r="AC68631" i="1"/>
  <c r="AC68632" i="1"/>
  <c r="AC68633" i="1"/>
  <c r="AC68634" i="1"/>
  <c r="AC68635" i="1"/>
  <c r="AC68636" i="1"/>
  <c r="AC68637" i="1"/>
  <c r="AC68638" i="1"/>
  <c r="AC68639" i="1"/>
  <c r="AC68640" i="1"/>
  <c r="AC68641" i="1"/>
  <c r="AC68642" i="1"/>
  <c r="AC68643" i="1"/>
  <c r="AC68644" i="1"/>
  <c r="AC68645" i="1"/>
  <c r="AC68646" i="1"/>
  <c r="AC68647" i="1"/>
  <c r="AC68648" i="1"/>
  <c r="AC68649" i="1"/>
  <c r="AC68650" i="1"/>
  <c r="AC68651" i="1"/>
  <c r="AC68652" i="1"/>
  <c r="AC68653" i="1"/>
  <c r="AC68654" i="1"/>
  <c r="AC68655" i="1"/>
  <c r="AC68656" i="1"/>
  <c r="AC68657" i="1"/>
  <c r="AC68658" i="1"/>
  <c r="AC68659" i="1"/>
  <c r="AC68660" i="1"/>
  <c r="AC68661" i="1"/>
  <c r="AC68662" i="1"/>
  <c r="AC68663" i="1"/>
  <c r="AC68664" i="1"/>
  <c r="AC68665" i="1"/>
  <c r="AC68666" i="1"/>
  <c r="AC68667" i="1"/>
  <c r="AC68668" i="1"/>
  <c r="AC68669" i="1"/>
  <c r="AC68670" i="1"/>
  <c r="AC68671" i="1"/>
  <c r="AC68672" i="1"/>
  <c r="AC68673" i="1"/>
  <c r="AC68674" i="1"/>
  <c r="AC68675" i="1"/>
  <c r="AC68676" i="1"/>
  <c r="AC68677" i="1"/>
  <c r="AC68678" i="1"/>
  <c r="AC68679" i="1"/>
  <c r="AC68680" i="1"/>
  <c r="AC68681" i="1"/>
  <c r="AC68682" i="1"/>
  <c r="AC68683" i="1"/>
  <c r="AC68684" i="1"/>
  <c r="AC68685" i="1"/>
  <c r="AC68686" i="1"/>
  <c r="AC68687" i="1"/>
  <c r="AC68688" i="1"/>
  <c r="AC68689" i="1"/>
  <c r="AC68690" i="1"/>
  <c r="AC68691" i="1"/>
  <c r="AC68692" i="1"/>
  <c r="AC68693" i="1"/>
  <c r="AC68694" i="1"/>
  <c r="AC68695" i="1"/>
  <c r="AC68696" i="1"/>
  <c r="AC68697" i="1"/>
  <c r="AC68698" i="1"/>
  <c r="AC68699" i="1"/>
  <c r="AC68700" i="1"/>
  <c r="AC68701" i="1"/>
  <c r="AC68702" i="1"/>
  <c r="AC68703" i="1"/>
  <c r="AC68704" i="1"/>
  <c r="AC68705" i="1"/>
  <c r="AC68706" i="1"/>
  <c r="AC68707" i="1"/>
  <c r="AC68708" i="1"/>
  <c r="AC68709" i="1"/>
  <c r="AC68710" i="1"/>
  <c r="AC68711" i="1"/>
  <c r="AC68712" i="1"/>
  <c r="AC68713" i="1"/>
  <c r="AC68714" i="1"/>
  <c r="AC68715" i="1"/>
  <c r="AC68716" i="1"/>
  <c r="AC68717" i="1"/>
  <c r="AC68718" i="1"/>
  <c r="AC68719" i="1"/>
  <c r="AC68720" i="1"/>
  <c r="AC68721" i="1"/>
  <c r="AC68722" i="1"/>
  <c r="AC68723" i="1"/>
  <c r="AC68724" i="1"/>
  <c r="AC68725" i="1"/>
  <c r="AC68726" i="1"/>
  <c r="AC68727" i="1"/>
  <c r="AC68728" i="1"/>
  <c r="AC68729" i="1"/>
  <c r="AC68730" i="1"/>
  <c r="AC68731" i="1"/>
  <c r="AC68732" i="1"/>
  <c r="AC68733" i="1"/>
  <c r="AC68734" i="1"/>
  <c r="AC68735" i="1"/>
  <c r="AC68736" i="1"/>
  <c r="AC68737" i="1"/>
  <c r="AC68738" i="1"/>
  <c r="AC68739" i="1"/>
  <c r="AC68740" i="1"/>
  <c r="AC68741" i="1"/>
  <c r="AC68742" i="1"/>
  <c r="AC68743" i="1"/>
  <c r="AC68744" i="1"/>
  <c r="AC68745" i="1"/>
  <c r="AC68746" i="1"/>
  <c r="AC68747" i="1"/>
  <c r="AC68748" i="1"/>
  <c r="AC68749" i="1"/>
  <c r="AC68750" i="1"/>
  <c r="AC68751" i="1"/>
  <c r="AC68752" i="1"/>
  <c r="AC68753" i="1"/>
  <c r="AC68754" i="1"/>
  <c r="AC68755" i="1"/>
  <c r="AC68756" i="1"/>
  <c r="AC68757" i="1"/>
  <c r="AC68758" i="1"/>
  <c r="AC68759" i="1"/>
  <c r="AC68760" i="1"/>
  <c r="AC68761" i="1"/>
  <c r="AC68762" i="1"/>
  <c r="AC68763" i="1"/>
  <c r="AC68764" i="1"/>
  <c r="AC68765" i="1"/>
  <c r="AC68766" i="1"/>
  <c r="AC68767" i="1"/>
  <c r="AC68768" i="1"/>
  <c r="AC68769" i="1"/>
  <c r="AC68770" i="1"/>
  <c r="AC68771" i="1"/>
  <c r="AC68772" i="1"/>
  <c r="AC68773" i="1"/>
  <c r="AC68774" i="1"/>
  <c r="AC68775" i="1"/>
  <c r="AC68776" i="1"/>
  <c r="AC68777" i="1"/>
  <c r="AC68778" i="1"/>
  <c r="AC68779" i="1"/>
  <c r="AC68780" i="1"/>
  <c r="AC68781" i="1"/>
  <c r="AC68782" i="1"/>
  <c r="AC68783" i="1"/>
  <c r="AC68784" i="1"/>
  <c r="AC68785" i="1"/>
  <c r="AC68786" i="1"/>
  <c r="AC68787" i="1"/>
  <c r="AC68788" i="1"/>
  <c r="AC68789" i="1"/>
  <c r="AC68790" i="1"/>
  <c r="AC68791" i="1"/>
  <c r="AC68792" i="1"/>
  <c r="AC68793" i="1"/>
  <c r="AC68794" i="1"/>
  <c r="AC68795" i="1"/>
  <c r="AC68796" i="1"/>
  <c r="AC68797" i="1"/>
  <c r="AC68798" i="1"/>
  <c r="AC68799" i="1"/>
  <c r="AC68800" i="1"/>
  <c r="AC68801" i="1"/>
  <c r="AC68802" i="1"/>
  <c r="AC68803" i="1"/>
  <c r="AC68804" i="1"/>
  <c r="AC68805" i="1"/>
  <c r="AC68806" i="1"/>
  <c r="AC68807" i="1"/>
  <c r="AC68808" i="1"/>
  <c r="AC68809" i="1"/>
  <c r="AC68810" i="1"/>
  <c r="AC68811" i="1"/>
  <c r="AC68812" i="1"/>
  <c r="AC68813" i="1"/>
  <c r="AC68814" i="1"/>
  <c r="AC68815" i="1"/>
  <c r="AC68816" i="1"/>
  <c r="AC68817" i="1"/>
  <c r="AC68818" i="1"/>
  <c r="AC68819" i="1"/>
  <c r="AC68820" i="1"/>
  <c r="AC68821" i="1"/>
  <c r="AC68822" i="1"/>
  <c r="AC68823" i="1"/>
  <c r="AC68824" i="1"/>
  <c r="AC68825" i="1"/>
  <c r="AC68826" i="1"/>
  <c r="AC68827" i="1"/>
  <c r="AC68828" i="1"/>
  <c r="AC68829" i="1"/>
  <c r="AC68830" i="1"/>
  <c r="AC68831" i="1"/>
  <c r="AC68832" i="1"/>
  <c r="AC68833" i="1"/>
  <c r="AC68834" i="1"/>
  <c r="AC68835" i="1"/>
  <c r="AC68836" i="1"/>
  <c r="AC68837" i="1"/>
  <c r="AC68838" i="1"/>
  <c r="AC68839" i="1"/>
  <c r="AC68840" i="1"/>
  <c r="AC68841" i="1"/>
  <c r="AC68842" i="1"/>
  <c r="AC68843" i="1"/>
  <c r="AC68844" i="1"/>
  <c r="AC68845" i="1"/>
  <c r="AC68846" i="1"/>
  <c r="AC68847" i="1"/>
  <c r="AC68848" i="1"/>
  <c r="AC68849" i="1"/>
  <c r="AC68850" i="1"/>
  <c r="AC68851" i="1"/>
  <c r="AC68852" i="1"/>
  <c r="AC68853" i="1"/>
  <c r="AC68854" i="1"/>
  <c r="AC68855" i="1"/>
  <c r="AC68856" i="1"/>
  <c r="AC68857" i="1"/>
  <c r="AC68858" i="1"/>
  <c r="AC68859" i="1"/>
  <c r="AC68860" i="1"/>
  <c r="AC68861" i="1"/>
  <c r="AC68862" i="1"/>
  <c r="AC68863" i="1"/>
  <c r="AC68864" i="1"/>
  <c r="AC68865" i="1"/>
  <c r="AC68866" i="1"/>
  <c r="AC68867" i="1"/>
  <c r="AC68868" i="1"/>
  <c r="AC68869" i="1"/>
  <c r="AC68870" i="1"/>
  <c r="AC68871" i="1"/>
  <c r="AC68872" i="1"/>
  <c r="AC68873" i="1"/>
  <c r="AC68874" i="1"/>
  <c r="AC68875" i="1"/>
  <c r="AC68876" i="1"/>
  <c r="AC68877" i="1"/>
  <c r="AC68878" i="1"/>
  <c r="AC68879" i="1"/>
  <c r="AC68880" i="1"/>
  <c r="AC68881" i="1"/>
  <c r="AC68882" i="1"/>
  <c r="AC68883" i="1"/>
  <c r="AC68884" i="1"/>
  <c r="AC68885" i="1"/>
  <c r="AC68886" i="1"/>
  <c r="AC68887" i="1"/>
  <c r="AC68888" i="1"/>
  <c r="AC68889" i="1"/>
  <c r="AC68890" i="1"/>
  <c r="AC68891" i="1"/>
  <c r="AC68892" i="1"/>
  <c r="AC68893" i="1"/>
  <c r="AC68894" i="1"/>
  <c r="AC68895" i="1"/>
  <c r="AC68896" i="1"/>
  <c r="AC68897" i="1"/>
  <c r="AC68898" i="1"/>
  <c r="AC68899" i="1"/>
  <c r="AC68900" i="1"/>
  <c r="AC68901" i="1"/>
  <c r="AC68902" i="1"/>
  <c r="AC68903" i="1"/>
  <c r="AC68904" i="1"/>
  <c r="AC68905" i="1"/>
  <c r="AC68906" i="1"/>
  <c r="AC68907" i="1"/>
  <c r="AC68908" i="1"/>
  <c r="AC68909" i="1"/>
  <c r="AC68910" i="1"/>
  <c r="AC68911" i="1"/>
  <c r="AC68912" i="1"/>
  <c r="AC68913" i="1"/>
  <c r="AC68914" i="1"/>
  <c r="AC68915" i="1"/>
  <c r="AC68916" i="1"/>
  <c r="AC68917" i="1"/>
  <c r="AC68918" i="1"/>
  <c r="AC68919" i="1"/>
  <c r="AC68920" i="1"/>
  <c r="AC68921" i="1"/>
  <c r="AC68922" i="1"/>
  <c r="AC68923" i="1"/>
  <c r="AC68924" i="1"/>
  <c r="AC68925" i="1"/>
  <c r="AC68926" i="1"/>
  <c r="AC68927" i="1"/>
  <c r="AC68928" i="1"/>
  <c r="AC68929" i="1"/>
  <c r="AC68930" i="1"/>
  <c r="AC68931" i="1"/>
  <c r="AC68932" i="1"/>
  <c r="AC68933" i="1"/>
  <c r="AC68934" i="1"/>
  <c r="AC68935" i="1"/>
  <c r="AC68936" i="1"/>
  <c r="AC68937" i="1"/>
  <c r="AC68938" i="1"/>
  <c r="AC68939" i="1"/>
  <c r="AC68940" i="1"/>
  <c r="AC68941" i="1"/>
  <c r="AC68942" i="1"/>
  <c r="AC68943" i="1"/>
  <c r="AC68944" i="1"/>
  <c r="AC68945" i="1"/>
  <c r="AC68946" i="1"/>
  <c r="AC68947" i="1"/>
  <c r="AC68948" i="1"/>
  <c r="AC68949" i="1"/>
  <c r="AC68950" i="1"/>
  <c r="AC68951" i="1"/>
  <c r="AC68952" i="1"/>
  <c r="AC68953" i="1"/>
  <c r="AC68954" i="1"/>
  <c r="AC68955" i="1"/>
  <c r="AC68956" i="1"/>
  <c r="AC68957" i="1"/>
  <c r="AC68958" i="1"/>
  <c r="AC68959" i="1"/>
  <c r="AC68960" i="1"/>
  <c r="AC68961" i="1"/>
  <c r="AC68962" i="1"/>
  <c r="AC68963" i="1"/>
  <c r="AC68964" i="1"/>
  <c r="AC68965" i="1"/>
  <c r="AC68966" i="1"/>
  <c r="AC68967" i="1"/>
  <c r="AC68968" i="1"/>
  <c r="AC68969" i="1"/>
  <c r="AC68970" i="1"/>
  <c r="AC68971" i="1"/>
  <c r="AC68972" i="1"/>
  <c r="AC68973" i="1"/>
  <c r="AC68974" i="1"/>
  <c r="AC68975" i="1"/>
  <c r="AC68976" i="1"/>
  <c r="AC68977" i="1"/>
  <c r="AC68978" i="1"/>
  <c r="AC68979" i="1"/>
  <c r="AC68980" i="1"/>
  <c r="AC68981" i="1"/>
  <c r="AC68982" i="1"/>
  <c r="AC68983" i="1"/>
  <c r="AC68984" i="1"/>
  <c r="AC68985" i="1"/>
  <c r="AC68986" i="1"/>
  <c r="AC68987" i="1"/>
  <c r="AC68988" i="1"/>
  <c r="AC68989" i="1"/>
  <c r="AC68990" i="1"/>
  <c r="AC68991" i="1"/>
  <c r="AC68992" i="1"/>
  <c r="AC68993" i="1"/>
  <c r="AC68994" i="1"/>
  <c r="AC68995" i="1"/>
  <c r="AC68996" i="1"/>
  <c r="AC68997" i="1"/>
  <c r="AC68998" i="1"/>
  <c r="AC68999" i="1"/>
  <c r="AC69000" i="1"/>
  <c r="AC69001" i="1"/>
  <c r="AC69002" i="1"/>
  <c r="AC69003" i="1"/>
  <c r="AC69004" i="1"/>
  <c r="AC69005" i="1"/>
  <c r="AC69006" i="1"/>
  <c r="AC69007" i="1"/>
  <c r="AC69008" i="1"/>
  <c r="AC69009" i="1"/>
  <c r="AC69010" i="1"/>
  <c r="AC69011" i="1"/>
  <c r="AC69012" i="1"/>
  <c r="AC69013" i="1"/>
  <c r="AC69014" i="1"/>
  <c r="AC69015" i="1"/>
  <c r="AC69016" i="1"/>
  <c r="AC69017" i="1"/>
  <c r="AC69018" i="1"/>
  <c r="AC69019" i="1"/>
  <c r="AC69020" i="1"/>
  <c r="AC69021" i="1"/>
  <c r="AC69022" i="1"/>
  <c r="AC69023" i="1"/>
  <c r="AC69024" i="1"/>
  <c r="AC69025" i="1"/>
  <c r="AC69026" i="1"/>
  <c r="AC69027" i="1"/>
  <c r="AC69028" i="1"/>
  <c r="AC69029" i="1"/>
  <c r="AC69030" i="1"/>
  <c r="AC69031" i="1"/>
  <c r="AC69032" i="1"/>
  <c r="AC69033" i="1"/>
  <c r="AC69034" i="1"/>
  <c r="AC69035" i="1"/>
  <c r="AC69036" i="1"/>
  <c r="AC69037" i="1"/>
  <c r="AC69038" i="1"/>
  <c r="AC69039" i="1"/>
  <c r="AC69040" i="1"/>
  <c r="AC69041" i="1"/>
  <c r="AC69042" i="1"/>
  <c r="AC69043" i="1"/>
  <c r="AC69044" i="1"/>
  <c r="AC69045" i="1"/>
  <c r="AC69046" i="1"/>
  <c r="AC69047" i="1"/>
  <c r="AC69048" i="1"/>
  <c r="AC69049" i="1"/>
  <c r="AC69050" i="1"/>
  <c r="AC69051" i="1"/>
  <c r="AC69052" i="1"/>
  <c r="AC69053" i="1"/>
  <c r="AC69054" i="1"/>
  <c r="AC69055" i="1"/>
  <c r="AC69056" i="1"/>
  <c r="AC69057" i="1"/>
  <c r="AC69058" i="1"/>
  <c r="AC69059" i="1"/>
  <c r="AC69060" i="1"/>
  <c r="AC69061" i="1"/>
  <c r="AC69062" i="1"/>
  <c r="AC69063" i="1"/>
  <c r="AC69064" i="1"/>
  <c r="AC69065" i="1"/>
  <c r="AC69066" i="1"/>
  <c r="AC69067" i="1"/>
  <c r="AC69068" i="1"/>
  <c r="AC69069" i="1"/>
  <c r="AC69070" i="1"/>
  <c r="AC69071" i="1"/>
  <c r="AC69072" i="1"/>
  <c r="AC69073" i="1"/>
  <c r="AC69074" i="1"/>
  <c r="AC69075" i="1"/>
  <c r="AC69076" i="1"/>
  <c r="AC69077" i="1"/>
  <c r="AC69078" i="1"/>
  <c r="AC69079" i="1"/>
  <c r="AC69080" i="1"/>
  <c r="AC69081" i="1"/>
  <c r="AC69082" i="1"/>
  <c r="AC69083" i="1"/>
  <c r="AC69084" i="1"/>
  <c r="AC69085" i="1"/>
  <c r="AC69086" i="1"/>
  <c r="AC69087" i="1"/>
  <c r="AC69088" i="1"/>
  <c r="AC69089" i="1"/>
  <c r="AC69090" i="1"/>
  <c r="AC69091" i="1"/>
  <c r="AC69092" i="1"/>
  <c r="AC69093" i="1"/>
  <c r="AC69094" i="1"/>
  <c r="AC69095" i="1"/>
  <c r="AC69096" i="1"/>
  <c r="AC69097" i="1"/>
  <c r="AC69098" i="1"/>
  <c r="AC69099" i="1"/>
  <c r="AC69100" i="1"/>
  <c r="AC69101" i="1"/>
  <c r="AC69102" i="1"/>
  <c r="AC69103" i="1"/>
  <c r="AC69104" i="1"/>
  <c r="AC69105" i="1"/>
  <c r="AC69106" i="1"/>
  <c r="AC69107" i="1"/>
  <c r="AC69108" i="1"/>
  <c r="AC69109" i="1"/>
  <c r="AC69110" i="1"/>
  <c r="AC69111" i="1"/>
  <c r="AC69112" i="1"/>
  <c r="AC69113" i="1"/>
  <c r="AC69114" i="1"/>
  <c r="AC69115" i="1"/>
  <c r="AC69116" i="1"/>
  <c r="AC69117" i="1"/>
  <c r="AC69118" i="1"/>
  <c r="AC69119" i="1"/>
  <c r="AC69120" i="1"/>
  <c r="AC69121" i="1"/>
  <c r="AC69122" i="1"/>
  <c r="AC69123" i="1"/>
  <c r="AC69124" i="1"/>
  <c r="AC69125" i="1"/>
  <c r="AC69126" i="1"/>
  <c r="AC69127" i="1"/>
  <c r="AC69128" i="1"/>
  <c r="AC69129" i="1"/>
  <c r="AC69130" i="1"/>
  <c r="AC69131" i="1"/>
  <c r="AC69132" i="1"/>
  <c r="AC69133" i="1"/>
  <c r="AC69134" i="1"/>
  <c r="AC69135" i="1"/>
  <c r="AC69136" i="1"/>
  <c r="AC69137" i="1"/>
  <c r="AC69138" i="1"/>
  <c r="AC69139" i="1"/>
  <c r="AC69140" i="1"/>
  <c r="AC69141" i="1"/>
  <c r="AC69142" i="1"/>
  <c r="AC69143" i="1"/>
  <c r="AC69144" i="1"/>
  <c r="AC69145" i="1"/>
  <c r="AC69146" i="1"/>
  <c r="AC69147" i="1"/>
  <c r="AC69148" i="1"/>
  <c r="AC69149" i="1"/>
  <c r="AC69150" i="1"/>
  <c r="AC69151" i="1"/>
  <c r="AC69152" i="1"/>
  <c r="AC69153" i="1"/>
  <c r="AC69154" i="1"/>
  <c r="AC69155" i="1"/>
  <c r="AC69156" i="1"/>
  <c r="AC69157" i="1"/>
  <c r="AC69158" i="1"/>
  <c r="AC69159" i="1"/>
  <c r="AC69160" i="1"/>
  <c r="AC69161" i="1"/>
  <c r="AC69162" i="1"/>
  <c r="AC69163" i="1"/>
  <c r="AC69164" i="1"/>
  <c r="AC69165" i="1"/>
  <c r="AC69166" i="1"/>
  <c r="AC69167" i="1"/>
  <c r="AC69168" i="1"/>
  <c r="AC69169" i="1"/>
  <c r="AC69170" i="1"/>
  <c r="AC69171" i="1"/>
  <c r="AC69172" i="1"/>
  <c r="AC69173" i="1"/>
  <c r="AC69174" i="1"/>
  <c r="AC69175" i="1"/>
  <c r="AC69176" i="1"/>
  <c r="AC69177" i="1"/>
  <c r="AC69178" i="1"/>
  <c r="AC69179" i="1"/>
  <c r="AC69180" i="1"/>
  <c r="AC69181" i="1"/>
  <c r="AC69182" i="1"/>
  <c r="AC69183" i="1"/>
  <c r="AC69184" i="1"/>
  <c r="AC69185" i="1"/>
  <c r="AC69186" i="1"/>
  <c r="AC69187" i="1"/>
  <c r="AC69188" i="1"/>
  <c r="AC69189" i="1"/>
  <c r="AC69190" i="1"/>
  <c r="AC69191" i="1"/>
  <c r="AC69192" i="1"/>
  <c r="AC69193" i="1"/>
  <c r="AC69194" i="1"/>
  <c r="AC69195" i="1"/>
  <c r="AC69196" i="1"/>
  <c r="AC69197" i="1"/>
  <c r="AC69198" i="1"/>
  <c r="AC69199" i="1"/>
  <c r="AC69200" i="1"/>
  <c r="AC69201" i="1"/>
  <c r="AC69202" i="1"/>
  <c r="AC69203" i="1"/>
  <c r="AC69204" i="1"/>
  <c r="AC69205" i="1"/>
  <c r="AC69206" i="1"/>
  <c r="AC69207" i="1"/>
  <c r="AC69208" i="1"/>
  <c r="AC69209" i="1"/>
  <c r="AC69210" i="1"/>
  <c r="AC69211" i="1"/>
  <c r="AC69212" i="1"/>
  <c r="AC69213" i="1"/>
  <c r="AC69214" i="1"/>
  <c r="AC69215" i="1"/>
  <c r="AC69216" i="1"/>
  <c r="AC69217" i="1"/>
  <c r="AC69218" i="1"/>
  <c r="AC69219" i="1"/>
  <c r="AC69220" i="1"/>
  <c r="AC69221" i="1"/>
  <c r="AC69222" i="1"/>
  <c r="AC69223" i="1"/>
  <c r="AC69224" i="1"/>
  <c r="AC69225" i="1"/>
  <c r="AC69226" i="1"/>
  <c r="AC69227" i="1"/>
  <c r="AC69228" i="1"/>
  <c r="AC69229" i="1"/>
  <c r="AC69230" i="1"/>
  <c r="AC69231" i="1"/>
  <c r="AC69232" i="1"/>
  <c r="AC69233" i="1"/>
  <c r="AC69234" i="1"/>
  <c r="AC69235" i="1"/>
  <c r="AC69236" i="1"/>
  <c r="AC69237" i="1"/>
  <c r="AC69238" i="1"/>
  <c r="AC69239" i="1"/>
  <c r="AC69240" i="1"/>
  <c r="AC69241" i="1"/>
  <c r="AC69242" i="1"/>
  <c r="AC69243" i="1"/>
  <c r="AC69244" i="1"/>
  <c r="AC69245" i="1"/>
  <c r="AC69246" i="1"/>
  <c r="AC69247" i="1"/>
  <c r="AC69248" i="1"/>
  <c r="AC69249" i="1"/>
  <c r="AC69250" i="1"/>
  <c r="AC69251" i="1"/>
  <c r="AC69252" i="1"/>
  <c r="AC69253" i="1"/>
  <c r="AC69254" i="1"/>
  <c r="AC69255" i="1"/>
  <c r="AC69256" i="1"/>
  <c r="AC69257" i="1"/>
  <c r="AC69258" i="1"/>
  <c r="AC69259" i="1"/>
  <c r="AC69260" i="1"/>
  <c r="AC69261" i="1"/>
  <c r="AC69262" i="1"/>
  <c r="AC69263" i="1"/>
  <c r="AC69264" i="1"/>
  <c r="AC69265" i="1"/>
  <c r="AC69266" i="1"/>
  <c r="AC69267" i="1"/>
  <c r="AC69268" i="1"/>
  <c r="AC69269" i="1"/>
  <c r="AC69270" i="1"/>
  <c r="AC69271" i="1"/>
  <c r="AC69272" i="1"/>
  <c r="AC69273" i="1"/>
  <c r="AC69274" i="1"/>
  <c r="AC69275" i="1"/>
  <c r="AC69276" i="1"/>
  <c r="AC69277" i="1"/>
  <c r="AC69278" i="1"/>
  <c r="AC69279" i="1"/>
  <c r="AC69280" i="1"/>
  <c r="AC69281" i="1"/>
  <c r="AC69282" i="1"/>
  <c r="AC69283" i="1"/>
  <c r="AC69284" i="1"/>
  <c r="AC69285" i="1"/>
  <c r="AC69286" i="1"/>
  <c r="AC69287" i="1"/>
  <c r="AC69288" i="1"/>
  <c r="AC69289" i="1"/>
  <c r="AC69290" i="1"/>
  <c r="AC69291" i="1"/>
  <c r="AC69292" i="1"/>
  <c r="AC69293" i="1"/>
  <c r="AC69294" i="1"/>
  <c r="AC69295" i="1"/>
  <c r="AC69296" i="1"/>
  <c r="AC69297" i="1"/>
  <c r="AC69298" i="1"/>
  <c r="AC69299" i="1"/>
  <c r="AC69300" i="1"/>
  <c r="AC69301" i="1"/>
  <c r="AC69302" i="1"/>
  <c r="AC69303" i="1"/>
  <c r="AC69304" i="1"/>
  <c r="AC69305" i="1"/>
  <c r="AC69306" i="1"/>
  <c r="AC69307" i="1"/>
  <c r="AC69308" i="1"/>
  <c r="AC69309" i="1"/>
  <c r="AC69310" i="1"/>
  <c r="AC69311" i="1"/>
  <c r="AC69312" i="1"/>
  <c r="AC69313" i="1"/>
  <c r="AC69314" i="1"/>
  <c r="AC69315" i="1"/>
  <c r="AC69316" i="1"/>
  <c r="AC69317" i="1"/>
  <c r="AC69318" i="1"/>
  <c r="AC69319" i="1"/>
  <c r="AC69320" i="1"/>
  <c r="AC69321" i="1"/>
  <c r="AC69322" i="1"/>
  <c r="AC69323" i="1"/>
  <c r="AC69324" i="1"/>
  <c r="AC69325" i="1"/>
  <c r="AC69326" i="1"/>
  <c r="AC69327" i="1"/>
  <c r="AC69328" i="1"/>
  <c r="AC69329" i="1"/>
  <c r="AC69330" i="1"/>
  <c r="AC69331" i="1"/>
  <c r="AC69332" i="1"/>
  <c r="AC69333" i="1"/>
  <c r="AC69334" i="1"/>
  <c r="AC69335" i="1"/>
  <c r="AC69336" i="1"/>
  <c r="AC69337" i="1"/>
  <c r="AC69338" i="1"/>
  <c r="AC69339" i="1"/>
  <c r="AC69340" i="1"/>
  <c r="AC69341" i="1"/>
  <c r="AC69342" i="1"/>
  <c r="AC69343" i="1"/>
  <c r="AC69344" i="1"/>
  <c r="AC69345" i="1"/>
  <c r="AC69346" i="1"/>
  <c r="AC69347" i="1"/>
  <c r="AC69348" i="1"/>
  <c r="AC69349" i="1"/>
  <c r="AC69350" i="1"/>
  <c r="AC69351" i="1"/>
  <c r="AC69352" i="1"/>
  <c r="AC69353" i="1"/>
  <c r="AC69354" i="1"/>
  <c r="AC69355" i="1"/>
  <c r="AC69356" i="1"/>
  <c r="AC69357" i="1"/>
  <c r="AC69358" i="1"/>
  <c r="AC69359" i="1"/>
  <c r="AC69360" i="1"/>
  <c r="AC69361" i="1"/>
  <c r="AC69362" i="1"/>
  <c r="AC69363" i="1"/>
  <c r="AC69364" i="1"/>
  <c r="AC69365" i="1"/>
  <c r="AC69366" i="1"/>
  <c r="AC69367" i="1"/>
  <c r="AC69368" i="1"/>
  <c r="AC69369" i="1"/>
  <c r="AC69370" i="1"/>
  <c r="AC69371" i="1"/>
  <c r="AC69372" i="1"/>
  <c r="AC69373" i="1"/>
  <c r="AC69374" i="1"/>
  <c r="AC69375" i="1"/>
  <c r="AC69376" i="1"/>
  <c r="AC69377" i="1"/>
  <c r="AC69378" i="1"/>
  <c r="AC69379" i="1"/>
  <c r="AC69380" i="1"/>
  <c r="AC69381" i="1"/>
  <c r="AC69382" i="1"/>
  <c r="AC69383" i="1"/>
  <c r="AC69384" i="1"/>
  <c r="AC69385" i="1"/>
  <c r="AC69386" i="1"/>
  <c r="AC69387" i="1"/>
  <c r="AC69388" i="1"/>
  <c r="AC69389" i="1"/>
  <c r="AC69390" i="1"/>
  <c r="AC69391" i="1"/>
  <c r="AC69392" i="1"/>
  <c r="AC69393" i="1"/>
  <c r="AC69394" i="1"/>
  <c r="AC69395" i="1"/>
  <c r="AC69396" i="1"/>
  <c r="AC69397" i="1"/>
  <c r="AC69398" i="1"/>
  <c r="AC69399" i="1"/>
  <c r="AC69400" i="1"/>
  <c r="AC69401" i="1"/>
  <c r="AC69402" i="1"/>
  <c r="AC69403" i="1"/>
  <c r="AC69404" i="1"/>
  <c r="AC69405" i="1"/>
  <c r="AC69406" i="1"/>
  <c r="AC69407" i="1"/>
  <c r="AC69408" i="1"/>
  <c r="AC69409" i="1"/>
  <c r="AC69410" i="1"/>
  <c r="AC69411" i="1"/>
  <c r="AC69412" i="1"/>
  <c r="AC69413" i="1"/>
  <c r="AC69414" i="1"/>
  <c r="AC69415" i="1"/>
  <c r="AC69416" i="1"/>
  <c r="AC69417" i="1"/>
  <c r="AC69418" i="1"/>
  <c r="AC69419" i="1"/>
  <c r="AC69420" i="1"/>
  <c r="AC69421" i="1"/>
  <c r="AC69422" i="1"/>
  <c r="AC69423" i="1"/>
  <c r="AC69424" i="1"/>
  <c r="AC69425" i="1"/>
  <c r="AC69426" i="1"/>
  <c r="AC69427" i="1"/>
  <c r="AC69428" i="1"/>
  <c r="AC69429" i="1"/>
  <c r="AC69430" i="1"/>
  <c r="AC69431" i="1"/>
  <c r="AC69432" i="1"/>
  <c r="AC69433" i="1"/>
  <c r="AC69434" i="1"/>
  <c r="AC69435" i="1"/>
  <c r="AC69436" i="1"/>
  <c r="AC69437" i="1"/>
  <c r="AC69438" i="1"/>
  <c r="AC69439" i="1"/>
  <c r="AC69440" i="1"/>
  <c r="AC69441" i="1"/>
  <c r="AC69442" i="1"/>
  <c r="AC69443" i="1"/>
  <c r="AC69444" i="1"/>
  <c r="AC69445" i="1"/>
  <c r="AC69446" i="1"/>
  <c r="AC69447" i="1"/>
  <c r="AC69448" i="1"/>
  <c r="AC69449" i="1"/>
  <c r="AC69450" i="1"/>
  <c r="AC69451" i="1"/>
  <c r="AC69452" i="1"/>
  <c r="AC69453" i="1"/>
  <c r="AC69454" i="1"/>
  <c r="AC69455" i="1"/>
  <c r="AC69456" i="1"/>
  <c r="AC69457" i="1"/>
  <c r="AC69458" i="1"/>
  <c r="AC69459" i="1"/>
  <c r="AC69460" i="1"/>
  <c r="AC69461" i="1"/>
  <c r="AC69462" i="1"/>
  <c r="AC69463" i="1"/>
  <c r="AC69464" i="1"/>
  <c r="AC69465" i="1"/>
  <c r="AC69466" i="1"/>
  <c r="AC69467" i="1"/>
  <c r="AC69468" i="1"/>
  <c r="AC69469" i="1"/>
  <c r="AC69470" i="1"/>
  <c r="AC69471" i="1"/>
  <c r="AC69472" i="1"/>
  <c r="AC69473" i="1"/>
  <c r="AC69474" i="1"/>
  <c r="AC69475" i="1"/>
  <c r="AC69476" i="1"/>
  <c r="AC69477" i="1"/>
  <c r="AC69478" i="1"/>
  <c r="AC69479" i="1"/>
  <c r="AC69480" i="1"/>
  <c r="AC69481" i="1"/>
  <c r="AC69482" i="1"/>
  <c r="AC69483" i="1"/>
  <c r="AC69484" i="1"/>
  <c r="AC69485" i="1"/>
  <c r="AC69486" i="1"/>
  <c r="AC69487" i="1"/>
  <c r="AC69488" i="1"/>
  <c r="AC69489" i="1"/>
  <c r="AC69490" i="1"/>
  <c r="AC69491" i="1"/>
  <c r="AC69492" i="1"/>
  <c r="AC69493" i="1"/>
  <c r="AC69494" i="1"/>
  <c r="AC69495" i="1"/>
  <c r="AC69496" i="1"/>
  <c r="AC69497" i="1"/>
  <c r="AC69498" i="1"/>
  <c r="AC69499" i="1"/>
  <c r="AC69500" i="1"/>
  <c r="AC69501" i="1"/>
  <c r="AC69502" i="1"/>
  <c r="AC69503" i="1"/>
  <c r="AC69504" i="1"/>
  <c r="AC69505" i="1"/>
  <c r="AC69506" i="1"/>
  <c r="AC69507" i="1"/>
  <c r="AC69508" i="1"/>
  <c r="AC69509" i="1"/>
  <c r="AC69510" i="1"/>
  <c r="AC69511" i="1"/>
  <c r="AC69512" i="1"/>
  <c r="AC69513" i="1"/>
  <c r="AC69514" i="1"/>
  <c r="AC69515" i="1"/>
  <c r="AC69516" i="1"/>
  <c r="AC69517" i="1"/>
  <c r="AC69518" i="1"/>
  <c r="AC69519" i="1"/>
  <c r="AC69520" i="1"/>
  <c r="AC69521" i="1"/>
  <c r="AC69522" i="1"/>
  <c r="AC69523" i="1"/>
  <c r="AC69524" i="1"/>
  <c r="AC69525" i="1"/>
  <c r="AC69526" i="1"/>
  <c r="AC69527" i="1"/>
  <c r="AC69528" i="1"/>
  <c r="AC69529" i="1"/>
  <c r="AC69530" i="1"/>
  <c r="AC69531" i="1"/>
  <c r="AC69532" i="1"/>
  <c r="AC69533" i="1"/>
  <c r="AC69534" i="1"/>
  <c r="AC69535" i="1"/>
  <c r="AC69536" i="1"/>
  <c r="AC69537" i="1"/>
  <c r="AC69538" i="1"/>
  <c r="AC69539" i="1"/>
  <c r="AC69540" i="1"/>
  <c r="AC69541" i="1"/>
  <c r="AC69542" i="1"/>
  <c r="AC69543" i="1"/>
  <c r="AC69544" i="1"/>
  <c r="AC69545" i="1"/>
  <c r="AC69546" i="1"/>
  <c r="AC69547" i="1"/>
  <c r="AC69548" i="1"/>
  <c r="AC69549" i="1"/>
  <c r="AC69550" i="1"/>
  <c r="AC69551" i="1"/>
  <c r="AC69552" i="1"/>
  <c r="AC69553" i="1"/>
  <c r="AC69554" i="1"/>
  <c r="AC69555" i="1"/>
  <c r="AC69556" i="1"/>
  <c r="AC69557" i="1"/>
  <c r="AC69558" i="1"/>
  <c r="AC69559" i="1"/>
  <c r="AC69560" i="1"/>
  <c r="AC69561" i="1"/>
  <c r="AC69562" i="1"/>
  <c r="AC69563" i="1"/>
  <c r="AC69564" i="1"/>
  <c r="AC69565" i="1"/>
  <c r="AC69566" i="1"/>
  <c r="AC69567" i="1"/>
  <c r="AC69568" i="1"/>
  <c r="AC69569" i="1"/>
  <c r="AC69570" i="1"/>
  <c r="AC69571" i="1"/>
  <c r="AC69572" i="1"/>
  <c r="AC69573" i="1"/>
  <c r="AC69574" i="1"/>
  <c r="AC69575" i="1"/>
  <c r="AC69576" i="1"/>
  <c r="AC69577" i="1"/>
  <c r="AC69578" i="1"/>
  <c r="AC69579" i="1"/>
  <c r="AC69580" i="1"/>
  <c r="AC69581" i="1"/>
  <c r="AC69582" i="1"/>
  <c r="AC69583" i="1"/>
  <c r="AC69584" i="1"/>
  <c r="AC69585" i="1"/>
  <c r="AC69586" i="1"/>
  <c r="AC69587" i="1"/>
  <c r="AC69588" i="1"/>
  <c r="AC69589" i="1"/>
  <c r="AC69590" i="1"/>
  <c r="AC69591" i="1"/>
  <c r="AC69592" i="1"/>
  <c r="AC69593" i="1"/>
  <c r="AC69594" i="1"/>
  <c r="AC69595" i="1"/>
  <c r="AC69596" i="1"/>
  <c r="AC69597" i="1"/>
  <c r="AC69598" i="1"/>
  <c r="AC69599" i="1"/>
  <c r="AC69600" i="1"/>
  <c r="AC69601" i="1"/>
  <c r="AC69602" i="1"/>
  <c r="AC69603" i="1"/>
  <c r="AC69604" i="1"/>
  <c r="AC69605" i="1"/>
  <c r="AC69606" i="1"/>
  <c r="AC69607" i="1"/>
  <c r="AC69608" i="1"/>
  <c r="AC69609" i="1"/>
  <c r="AC69610" i="1"/>
  <c r="AC69611" i="1"/>
  <c r="AC69612" i="1"/>
  <c r="AC69613" i="1"/>
  <c r="AC69614" i="1"/>
  <c r="AC69615" i="1"/>
  <c r="AC69616" i="1"/>
  <c r="AC69617" i="1"/>
  <c r="AC69618" i="1"/>
  <c r="AC69619" i="1"/>
  <c r="AC69620" i="1"/>
  <c r="AC69621" i="1"/>
  <c r="AC69622" i="1"/>
  <c r="AC69623" i="1"/>
  <c r="AC69624" i="1"/>
  <c r="AC69625" i="1"/>
  <c r="AC69626" i="1"/>
  <c r="AC69627" i="1"/>
  <c r="AC69628" i="1"/>
  <c r="AC69629" i="1"/>
  <c r="AC69630" i="1"/>
  <c r="AC69631" i="1"/>
  <c r="AC69632" i="1"/>
  <c r="AC69633" i="1"/>
  <c r="AC69634" i="1"/>
  <c r="AC69635" i="1"/>
  <c r="AC69636" i="1"/>
  <c r="AC69637" i="1"/>
  <c r="AC69638" i="1"/>
  <c r="AC69639" i="1"/>
  <c r="AC69640" i="1"/>
  <c r="AC69641" i="1"/>
  <c r="AC69642" i="1"/>
  <c r="AC69643" i="1"/>
  <c r="AC69644" i="1"/>
  <c r="AC69645" i="1"/>
  <c r="AC69646" i="1"/>
  <c r="AC69647" i="1"/>
  <c r="AC69648" i="1"/>
  <c r="AC69649" i="1"/>
  <c r="AC69650" i="1"/>
  <c r="AC69651" i="1"/>
  <c r="AC69652" i="1"/>
  <c r="AC69653" i="1"/>
  <c r="AC69654" i="1"/>
  <c r="AC69655" i="1"/>
  <c r="AC69656" i="1"/>
  <c r="AC69657" i="1"/>
  <c r="AC69658" i="1"/>
  <c r="AC69659" i="1"/>
  <c r="AC69660" i="1"/>
  <c r="AC69661" i="1"/>
  <c r="AC69662" i="1"/>
  <c r="AC69663" i="1"/>
  <c r="AC69664" i="1"/>
  <c r="AC69665" i="1"/>
  <c r="AC69666" i="1"/>
  <c r="AC69667" i="1"/>
  <c r="AC69668" i="1"/>
  <c r="AC69669" i="1"/>
  <c r="AC69670" i="1"/>
  <c r="AC69671" i="1"/>
  <c r="AC69672" i="1"/>
  <c r="AC69673" i="1"/>
  <c r="AC69674" i="1"/>
  <c r="AC69675" i="1"/>
  <c r="AC69676" i="1"/>
  <c r="AC69677" i="1"/>
  <c r="AC69678" i="1"/>
  <c r="AC69679" i="1"/>
  <c r="AC69680" i="1"/>
  <c r="AC69681" i="1"/>
  <c r="AC69682" i="1"/>
  <c r="AC69683" i="1"/>
  <c r="AC69684" i="1"/>
  <c r="AC69685" i="1"/>
  <c r="AC69686" i="1"/>
  <c r="AC69687" i="1"/>
  <c r="AC69688" i="1"/>
  <c r="AC69689" i="1"/>
  <c r="AC69690" i="1"/>
  <c r="AC69691" i="1"/>
  <c r="AC69692" i="1"/>
  <c r="AC69693" i="1"/>
  <c r="AC69694" i="1"/>
  <c r="AC69695" i="1"/>
  <c r="AC69696" i="1"/>
  <c r="AC69697" i="1"/>
  <c r="AC69698" i="1"/>
  <c r="AC69699" i="1"/>
  <c r="AC69700" i="1"/>
  <c r="AC69701" i="1"/>
  <c r="AC69702" i="1"/>
  <c r="AC69703" i="1"/>
  <c r="AC69704" i="1"/>
  <c r="AC69705" i="1"/>
  <c r="AC69706" i="1"/>
  <c r="AC69707" i="1"/>
  <c r="AC69708" i="1"/>
  <c r="AC69709" i="1"/>
  <c r="AC69710" i="1"/>
  <c r="AC69711" i="1"/>
  <c r="AC69712" i="1"/>
  <c r="AC69713" i="1"/>
  <c r="AC69714" i="1"/>
  <c r="AC69715" i="1"/>
  <c r="AC69716" i="1"/>
  <c r="AC69717" i="1"/>
  <c r="AC69718" i="1"/>
  <c r="AC69719" i="1"/>
  <c r="AC69720" i="1"/>
  <c r="AC69721" i="1"/>
  <c r="AC69722" i="1"/>
  <c r="AC69723" i="1"/>
  <c r="AC69724" i="1"/>
  <c r="AC69725" i="1"/>
  <c r="AC69726" i="1"/>
  <c r="AC69727" i="1"/>
  <c r="AC69728" i="1"/>
  <c r="AC69729" i="1"/>
  <c r="AC69730" i="1"/>
  <c r="AC69731" i="1"/>
  <c r="AC69732" i="1"/>
  <c r="AC69733" i="1"/>
  <c r="AC69734" i="1"/>
  <c r="AC69735" i="1"/>
  <c r="AC69736" i="1"/>
  <c r="AC69737" i="1"/>
  <c r="AC69738" i="1"/>
  <c r="AC69739" i="1"/>
  <c r="AC69740" i="1"/>
  <c r="AC69741" i="1"/>
  <c r="AC69742" i="1"/>
  <c r="AC69743" i="1"/>
  <c r="AC69744" i="1"/>
  <c r="AC69745" i="1"/>
  <c r="AC69746" i="1"/>
  <c r="AC69747" i="1"/>
  <c r="AC69748" i="1"/>
  <c r="AC69749" i="1"/>
  <c r="AC69750" i="1"/>
  <c r="AC69751" i="1"/>
  <c r="AC69752" i="1"/>
  <c r="AC69753" i="1"/>
  <c r="AC69754" i="1"/>
  <c r="AC69755" i="1"/>
  <c r="AC69756" i="1"/>
  <c r="AC69757" i="1"/>
  <c r="AC69758" i="1"/>
  <c r="AC69759" i="1"/>
  <c r="AC69760" i="1"/>
  <c r="AC69761" i="1"/>
  <c r="AC69762" i="1"/>
  <c r="AC69763" i="1"/>
  <c r="AC69764" i="1"/>
  <c r="AC69765" i="1"/>
  <c r="AC69766" i="1"/>
  <c r="AC69767" i="1"/>
  <c r="AC69768" i="1"/>
  <c r="AC69769" i="1"/>
  <c r="AC69770" i="1"/>
  <c r="AC69771" i="1"/>
  <c r="AC69772" i="1"/>
  <c r="AC69773" i="1"/>
  <c r="AC69774" i="1"/>
  <c r="AC69775" i="1"/>
  <c r="AC69776" i="1"/>
  <c r="AC69777" i="1"/>
  <c r="AC69778" i="1"/>
  <c r="AC69779" i="1"/>
  <c r="AC69780" i="1"/>
  <c r="AC69781" i="1"/>
  <c r="AC69782" i="1"/>
  <c r="AC69783" i="1"/>
  <c r="AC69784" i="1"/>
  <c r="AC69785" i="1"/>
  <c r="AC69786" i="1"/>
  <c r="AC69787" i="1"/>
  <c r="AC69788" i="1"/>
  <c r="AC69789" i="1"/>
  <c r="AC69790" i="1"/>
  <c r="AC69791" i="1"/>
  <c r="AC69792" i="1"/>
  <c r="AC69793" i="1"/>
  <c r="AC69794" i="1"/>
  <c r="AC69795" i="1"/>
  <c r="AC69796" i="1"/>
  <c r="AC69797" i="1"/>
  <c r="AC69798" i="1"/>
  <c r="AC69799" i="1"/>
  <c r="AC69800" i="1"/>
  <c r="AC69801" i="1"/>
  <c r="AC69802" i="1"/>
  <c r="AC69803" i="1"/>
  <c r="AC69804" i="1"/>
  <c r="AC69805" i="1"/>
  <c r="AC69806" i="1"/>
  <c r="AC69807" i="1"/>
  <c r="AC69808" i="1"/>
  <c r="AC69809" i="1"/>
  <c r="AC69810" i="1"/>
  <c r="AC69811" i="1"/>
  <c r="AC69812" i="1"/>
  <c r="AC69813" i="1"/>
  <c r="AC69814" i="1"/>
  <c r="AC69815" i="1"/>
  <c r="AC69816" i="1"/>
  <c r="AC69817" i="1"/>
  <c r="AC69818" i="1"/>
  <c r="AC69819" i="1"/>
  <c r="AC69820" i="1"/>
  <c r="AC69821" i="1"/>
  <c r="AC69822" i="1"/>
  <c r="AC69823" i="1"/>
  <c r="AC69824" i="1"/>
  <c r="AC69825" i="1"/>
  <c r="AC69826" i="1"/>
  <c r="AC69827" i="1"/>
  <c r="AC69828" i="1"/>
  <c r="AC69829" i="1"/>
  <c r="AC69830" i="1"/>
  <c r="AC69831" i="1"/>
  <c r="AC69832" i="1"/>
  <c r="AC69833" i="1"/>
  <c r="AC69834" i="1"/>
  <c r="AC69835" i="1"/>
  <c r="AC69836" i="1"/>
  <c r="AC69837" i="1"/>
  <c r="AC69838" i="1"/>
  <c r="AC69839" i="1"/>
  <c r="AC69840" i="1"/>
  <c r="AC69841" i="1"/>
  <c r="AC69842" i="1"/>
  <c r="AC69843" i="1"/>
  <c r="AC69844" i="1"/>
  <c r="AC69845" i="1"/>
  <c r="AC69846" i="1"/>
  <c r="AC69847" i="1"/>
  <c r="AC69848" i="1"/>
  <c r="AC69849" i="1"/>
  <c r="AC69850" i="1"/>
  <c r="AC69851" i="1"/>
  <c r="AC69852" i="1"/>
  <c r="AC69853" i="1"/>
  <c r="AC69854" i="1"/>
  <c r="AC69855" i="1"/>
  <c r="AC69856" i="1"/>
  <c r="AC69857" i="1"/>
  <c r="AC69858" i="1"/>
  <c r="AC69859" i="1"/>
  <c r="AC69860" i="1"/>
  <c r="AC69861" i="1"/>
  <c r="AC69862" i="1"/>
  <c r="AC69863" i="1"/>
  <c r="AC69864" i="1"/>
  <c r="AC69865" i="1"/>
  <c r="AC69866" i="1"/>
  <c r="AC69867" i="1"/>
  <c r="AC69868" i="1"/>
  <c r="AC69869" i="1"/>
  <c r="AC69870" i="1"/>
  <c r="AC69871" i="1"/>
  <c r="AC69872" i="1"/>
  <c r="AC69873" i="1"/>
  <c r="AC69874" i="1"/>
  <c r="AC69875" i="1"/>
  <c r="AC69876" i="1"/>
  <c r="AC69877" i="1"/>
  <c r="AC69878" i="1"/>
  <c r="AC69879" i="1"/>
  <c r="AC69880" i="1"/>
  <c r="AC69881" i="1"/>
  <c r="AC69882" i="1"/>
  <c r="AC69883" i="1"/>
  <c r="AC69884" i="1"/>
  <c r="AC69885" i="1"/>
  <c r="AC69886" i="1"/>
  <c r="AC69887" i="1"/>
  <c r="AC69888" i="1"/>
  <c r="AC69889" i="1"/>
  <c r="AC69890" i="1"/>
  <c r="AC69891" i="1"/>
  <c r="AC69892" i="1"/>
  <c r="AC69893" i="1"/>
  <c r="AC69894" i="1"/>
  <c r="AC69895" i="1"/>
  <c r="AC69896" i="1"/>
  <c r="AC69897" i="1"/>
  <c r="AC69898" i="1"/>
  <c r="AC69899" i="1"/>
  <c r="AC69900" i="1"/>
  <c r="AC69901" i="1"/>
  <c r="AC69902" i="1"/>
  <c r="AC69903" i="1"/>
  <c r="AC69904" i="1"/>
  <c r="AC69905" i="1"/>
  <c r="AC69906" i="1"/>
  <c r="AC69907" i="1"/>
  <c r="AC69908" i="1"/>
  <c r="AC69909" i="1"/>
  <c r="AC69910" i="1"/>
  <c r="AC69911" i="1"/>
  <c r="AC69912" i="1"/>
  <c r="AC69913" i="1"/>
  <c r="AC69914" i="1"/>
  <c r="AC69915" i="1"/>
  <c r="AC69916" i="1"/>
  <c r="AC69917" i="1"/>
  <c r="AC69918" i="1"/>
  <c r="AC69919" i="1"/>
  <c r="AC69920" i="1"/>
  <c r="AC69921" i="1"/>
  <c r="AC69922" i="1"/>
  <c r="AC69923" i="1"/>
  <c r="AC69924" i="1"/>
  <c r="AC69925" i="1"/>
  <c r="AC69926" i="1"/>
  <c r="AC69927" i="1"/>
  <c r="AC69928" i="1"/>
  <c r="AC69929" i="1"/>
  <c r="AC69930" i="1"/>
  <c r="AC69931" i="1"/>
  <c r="AC69932" i="1"/>
  <c r="AC69933" i="1"/>
  <c r="AC69934" i="1"/>
  <c r="AC69935" i="1"/>
  <c r="AC69936" i="1"/>
  <c r="AC69937" i="1"/>
  <c r="AC69938" i="1"/>
  <c r="AC69939" i="1"/>
  <c r="AC69940" i="1"/>
  <c r="AC69941" i="1"/>
  <c r="AC69942" i="1"/>
  <c r="AC69943" i="1"/>
  <c r="AC69944" i="1"/>
  <c r="AC69945" i="1"/>
  <c r="AC69946" i="1"/>
  <c r="AC69947" i="1"/>
  <c r="AC69948" i="1"/>
  <c r="AC69949" i="1"/>
  <c r="AC69950" i="1"/>
  <c r="AC69951" i="1"/>
  <c r="AC69952" i="1"/>
  <c r="AC69953" i="1"/>
  <c r="AC69954" i="1"/>
  <c r="AC69955" i="1"/>
  <c r="AC69956" i="1"/>
  <c r="AC69957" i="1"/>
  <c r="AC69958" i="1"/>
  <c r="AC69959" i="1"/>
  <c r="AC69960" i="1"/>
  <c r="AC69961" i="1"/>
  <c r="AC69962" i="1"/>
  <c r="AC69963" i="1"/>
  <c r="AC69964" i="1"/>
  <c r="AC69965" i="1"/>
  <c r="AC69966" i="1"/>
  <c r="AC69967" i="1"/>
  <c r="AC69968" i="1"/>
  <c r="AC69969" i="1"/>
  <c r="AC69970" i="1"/>
  <c r="AC69971" i="1"/>
  <c r="AC69972" i="1"/>
  <c r="AC69973" i="1"/>
  <c r="AC69974" i="1"/>
  <c r="AC69975" i="1"/>
  <c r="AC69976" i="1"/>
  <c r="AC69977" i="1"/>
  <c r="AC69978" i="1"/>
  <c r="AC69979" i="1"/>
  <c r="AC69980" i="1"/>
  <c r="AC69981" i="1"/>
  <c r="AC69982" i="1"/>
  <c r="AC69983" i="1"/>
  <c r="AC69984" i="1"/>
  <c r="AC69985" i="1"/>
  <c r="AC69986" i="1"/>
  <c r="AC69987" i="1"/>
  <c r="AC69988" i="1"/>
  <c r="AC69989" i="1"/>
  <c r="AC69990" i="1"/>
  <c r="AC69991" i="1"/>
  <c r="AC69992" i="1"/>
  <c r="AC69993" i="1"/>
  <c r="AC69994" i="1"/>
  <c r="AC69995" i="1"/>
  <c r="AC69996" i="1"/>
  <c r="AC69997" i="1"/>
  <c r="AC69998" i="1"/>
  <c r="AC69999" i="1"/>
  <c r="AC70000" i="1"/>
  <c r="AC70001" i="1"/>
  <c r="AC70002" i="1"/>
  <c r="AC70003" i="1"/>
  <c r="AC70004" i="1"/>
  <c r="AC70005" i="1"/>
  <c r="AC70006" i="1"/>
  <c r="AC70007" i="1"/>
  <c r="AC70008" i="1"/>
  <c r="AC70009" i="1"/>
  <c r="AC70010" i="1"/>
  <c r="AC70011" i="1"/>
  <c r="AC70012" i="1"/>
  <c r="AC70013" i="1"/>
  <c r="AC70014" i="1"/>
  <c r="AC70015" i="1"/>
  <c r="AC70016" i="1"/>
  <c r="AC70017" i="1"/>
  <c r="AC70018" i="1"/>
  <c r="AC70019" i="1"/>
  <c r="AC70020" i="1"/>
  <c r="AC70021" i="1"/>
  <c r="AC70022" i="1"/>
  <c r="AC70023" i="1"/>
  <c r="AC70024" i="1"/>
  <c r="AC70025" i="1"/>
  <c r="AC70026" i="1"/>
  <c r="AC70027" i="1"/>
  <c r="AC70028" i="1"/>
  <c r="AC70029" i="1"/>
  <c r="AC70030" i="1"/>
  <c r="AC70031" i="1"/>
  <c r="AC70032" i="1"/>
  <c r="AC70033" i="1"/>
  <c r="AC70034" i="1"/>
  <c r="AC70035" i="1"/>
  <c r="AC70036" i="1"/>
  <c r="AC70037" i="1"/>
  <c r="AC70038" i="1"/>
  <c r="AC70039" i="1"/>
  <c r="AC70040" i="1"/>
  <c r="AC70041" i="1"/>
  <c r="AC70042" i="1"/>
  <c r="AC70043" i="1"/>
  <c r="AC70044" i="1"/>
  <c r="AC70045" i="1"/>
  <c r="AC70046" i="1"/>
  <c r="AC70047" i="1"/>
  <c r="AC70048" i="1"/>
  <c r="AC70049" i="1"/>
  <c r="AC70050" i="1"/>
  <c r="AC70051" i="1"/>
  <c r="AC70052" i="1"/>
  <c r="AC70053" i="1"/>
  <c r="AC70054" i="1"/>
  <c r="AC70055" i="1"/>
  <c r="AC70056" i="1"/>
  <c r="AC70057" i="1"/>
  <c r="AC70058" i="1"/>
  <c r="AC70059" i="1"/>
  <c r="AC70060" i="1"/>
  <c r="AC70061" i="1"/>
  <c r="AC70062" i="1"/>
  <c r="AC70063" i="1"/>
  <c r="AC70064" i="1"/>
  <c r="AC70065" i="1"/>
  <c r="AC70066" i="1"/>
  <c r="AC70067" i="1"/>
  <c r="AC70068" i="1"/>
  <c r="AC70069" i="1"/>
  <c r="AC70070" i="1"/>
  <c r="AC70071" i="1"/>
  <c r="AC70072" i="1"/>
  <c r="AC70073" i="1"/>
  <c r="AC70074" i="1"/>
  <c r="AC70075" i="1"/>
  <c r="AC70076" i="1"/>
  <c r="AC70077" i="1"/>
  <c r="AC70078" i="1"/>
  <c r="AC70079" i="1"/>
  <c r="AC70080" i="1"/>
  <c r="AC70081" i="1"/>
  <c r="AC70082" i="1"/>
  <c r="AC70083" i="1"/>
  <c r="AC70084" i="1"/>
  <c r="AC70085" i="1"/>
  <c r="AC70086" i="1"/>
  <c r="AC70087" i="1"/>
  <c r="AC70088" i="1"/>
  <c r="AC70089" i="1"/>
  <c r="AC70090" i="1"/>
  <c r="AC70091" i="1"/>
  <c r="AC70092" i="1"/>
  <c r="AC70093" i="1"/>
  <c r="AC70094" i="1"/>
  <c r="AC70095" i="1"/>
  <c r="AC70096" i="1"/>
  <c r="AC70097" i="1"/>
  <c r="AC70098" i="1"/>
  <c r="AC70099" i="1"/>
  <c r="AC70100" i="1"/>
  <c r="AC70101" i="1"/>
  <c r="AC70102" i="1"/>
  <c r="AC70103" i="1"/>
  <c r="AC70104" i="1"/>
  <c r="AC70105" i="1"/>
  <c r="AC70106" i="1"/>
  <c r="AC70107" i="1"/>
  <c r="AC70108" i="1"/>
  <c r="AC70109" i="1"/>
  <c r="AC70110" i="1"/>
  <c r="AC70111" i="1"/>
  <c r="AC70112" i="1"/>
  <c r="AC70113" i="1"/>
  <c r="AC70114" i="1"/>
  <c r="AC70115" i="1"/>
  <c r="AC70116" i="1"/>
  <c r="AC70117" i="1"/>
  <c r="AC70118" i="1"/>
  <c r="AC70119" i="1"/>
  <c r="AC70120" i="1"/>
  <c r="AC70121" i="1"/>
  <c r="AC70122" i="1"/>
  <c r="AC70123" i="1"/>
  <c r="AC70124" i="1"/>
  <c r="AC70125" i="1"/>
  <c r="AC70126" i="1"/>
  <c r="AC70127" i="1"/>
  <c r="AC70128" i="1"/>
  <c r="AC70129" i="1"/>
  <c r="AC70130" i="1"/>
  <c r="AC70131" i="1"/>
  <c r="AC70132" i="1"/>
  <c r="AC70133" i="1"/>
  <c r="AC70134" i="1"/>
  <c r="AC70135" i="1"/>
  <c r="AC70136" i="1"/>
  <c r="AC70137" i="1"/>
  <c r="AC70138" i="1"/>
  <c r="AC70139" i="1"/>
  <c r="AC70140" i="1"/>
  <c r="AC70141" i="1"/>
  <c r="AC70142" i="1"/>
  <c r="AC70143" i="1"/>
  <c r="AC70144" i="1"/>
  <c r="AC70145" i="1"/>
  <c r="AC70146" i="1"/>
  <c r="AC70147" i="1"/>
  <c r="AC70148" i="1"/>
  <c r="AC70149" i="1"/>
  <c r="AC70150" i="1"/>
  <c r="AC70151" i="1"/>
  <c r="AC70152" i="1"/>
  <c r="AC70153" i="1"/>
  <c r="AC70154" i="1"/>
  <c r="AC70155" i="1"/>
  <c r="AC70156" i="1"/>
  <c r="AC70157" i="1"/>
  <c r="AC70158" i="1"/>
  <c r="AC70159" i="1"/>
  <c r="AC70160" i="1"/>
  <c r="AC70161" i="1"/>
  <c r="AC70162" i="1"/>
  <c r="AC70163" i="1"/>
  <c r="AC70164" i="1"/>
  <c r="AC70165" i="1"/>
  <c r="AC70166" i="1"/>
  <c r="AC70167" i="1"/>
  <c r="AC70168" i="1"/>
  <c r="AC70169" i="1"/>
  <c r="AC70170" i="1"/>
  <c r="AC70171" i="1"/>
  <c r="AC70172" i="1"/>
  <c r="AC70173" i="1"/>
  <c r="AC70174" i="1"/>
  <c r="AC70175" i="1"/>
  <c r="AC70176" i="1"/>
  <c r="AC70177" i="1"/>
  <c r="AC70178" i="1"/>
  <c r="AC70179" i="1"/>
  <c r="AC70180" i="1"/>
  <c r="AC70181" i="1"/>
  <c r="AC70182" i="1"/>
  <c r="AC70183" i="1"/>
  <c r="AC70184" i="1"/>
  <c r="AC70185" i="1"/>
  <c r="AC70186" i="1"/>
  <c r="AC70187" i="1"/>
  <c r="AC70188" i="1"/>
  <c r="AC70189" i="1"/>
  <c r="AC70190" i="1"/>
  <c r="AC70191" i="1"/>
  <c r="AC70192" i="1"/>
  <c r="AC70193" i="1"/>
  <c r="AC70194" i="1"/>
  <c r="AC70195" i="1"/>
  <c r="AC70196" i="1"/>
  <c r="AC70197" i="1"/>
  <c r="AC70198" i="1"/>
  <c r="AC70199" i="1"/>
  <c r="AC70200" i="1"/>
  <c r="AC70201" i="1"/>
  <c r="AC70202" i="1"/>
  <c r="AC70203" i="1"/>
  <c r="AC70204" i="1"/>
  <c r="AC70205" i="1"/>
  <c r="AC70206" i="1"/>
  <c r="AC70207" i="1"/>
  <c r="AC70208" i="1"/>
  <c r="AC70209" i="1"/>
  <c r="AC70210" i="1"/>
  <c r="AC70211" i="1"/>
  <c r="AC70212" i="1"/>
  <c r="AC70213" i="1"/>
  <c r="AC70214" i="1"/>
  <c r="AC70215" i="1"/>
  <c r="AC70216" i="1"/>
  <c r="AC70217" i="1"/>
  <c r="AC70218" i="1"/>
  <c r="AC70219" i="1"/>
  <c r="AC70220" i="1"/>
  <c r="AC70221" i="1"/>
  <c r="AC70222" i="1"/>
  <c r="AC70223" i="1"/>
  <c r="AC70224" i="1"/>
  <c r="AC70225" i="1"/>
  <c r="AC70226" i="1"/>
  <c r="AC70227" i="1"/>
  <c r="AC70228" i="1"/>
  <c r="AC70229" i="1"/>
  <c r="AC70230" i="1"/>
  <c r="AC70231" i="1"/>
  <c r="AC70232" i="1"/>
  <c r="AC70233" i="1"/>
  <c r="AC70234" i="1"/>
  <c r="AC70235" i="1"/>
  <c r="AC70236" i="1"/>
  <c r="AC70237" i="1"/>
  <c r="AC70238" i="1"/>
  <c r="AC70239" i="1"/>
  <c r="AC70240" i="1"/>
  <c r="AC70241" i="1"/>
  <c r="AC70242" i="1"/>
  <c r="AC70243" i="1"/>
  <c r="AC70244" i="1"/>
  <c r="AC70245" i="1"/>
  <c r="AC70246" i="1"/>
  <c r="AC70247" i="1"/>
  <c r="AC70248" i="1"/>
  <c r="AC70249" i="1"/>
  <c r="AC70250" i="1"/>
  <c r="AC70251" i="1"/>
  <c r="AC70252" i="1"/>
  <c r="AC70253" i="1"/>
  <c r="AC70254" i="1"/>
  <c r="AC70255" i="1"/>
  <c r="AC70256" i="1"/>
  <c r="AC70257" i="1"/>
  <c r="AC70258" i="1"/>
  <c r="AC70259" i="1"/>
  <c r="AC70260" i="1"/>
  <c r="AC70261" i="1"/>
  <c r="AC70262" i="1"/>
  <c r="AC70263" i="1"/>
  <c r="AC70264" i="1"/>
  <c r="AC70265" i="1"/>
  <c r="AC70266" i="1"/>
  <c r="AC70267" i="1"/>
  <c r="AC70268" i="1"/>
  <c r="AC70269" i="1"/>
  <c r="AC70270" i="1"/>
  <c r="AC70271" i="1"/>
  <c r="AC70272" i="1"/>
  <c r="AC70273" i="1"/>
  <c r="AC70274" i="1"/>
  <c r="AC70275" i="1"/>
  <c r="AC70276" i="1"/>
  <c r="AC70277" i="1"/>
  <c r="AC70278" i="1"/>
  <c r="AC70279" i="1"/>
  <c r="AC70280" i="1"/>
  <c r="AC70281" i="1"/>
  <c r="AC70282" i="1"/>
  <c r="AC70283" i="1"/>
  <c r="AC70284" i="1"/>
  <c r="AC70285" i="1"/>
  <c r="AC70286" i="1"/>
  <c r="AC70287" i="1"/>
  <c r="AC70288" i="1"/>
  <c r="AC70289" i="1"/>
  <c r="AC70290" i="1"/>
  <c r="AC70291" i="1"/>
  <c r="AC70292" i="1"/>
  <c r="AC70293" i="1"/>
  <c r="AC70294" i="1"/>
  <c r="AC70295" i="1"/>
  <c r="AC70296" i="1"/>
  <c r="AC70297" i="1"/>
  <c r="AC70298" i="1"/>
  <c r="AC70299" i="1"/>
  <c r="AC70300" i="1"/>
  <c r="AC70301" i="1"/>
  <c r="AC70302" i="1"/>
  <c r="AC70303" i="1"/>
  <c r="AC70304" i="1"/>
  <c r="AC70305" i="1"/>
  <c r="AC70306" i="1"/>
  <c r="AC70307" i="1"/>
  <c r="AC70308" i="1"/>
  <c r="AC70309" i="1"/>
  <c r="AC70310" i="1"/>
  <c r="AC70311" i="1"/>
  <c r="AC70312" i="1"/>
  <c r="AC70313" i="1"/>
  <c r="AC70314" i="1"/>
  <c r="AC70315" i="1"/>
  <c r="AC70316" i="1"/>
  <c r="AC70317" i="1"/>
  <c r="AC70318" i="1"/>
  <c r="AC70319" i="1"/>
  <c r="AC70320" i="1"/>
  <c r="AC70321" i="1"/>
  <c r="AC70322" i="1"/>
  <c r="AC70323" i="1"/>
  <c r="AC70324" i="1"/>
  <c r="AC70325" i="1"/>
  <c r="AC70326" i="1"/>
  <c r="AC70327" i="1"/>
  <c r="AC70328" i="1"/>
  <c r="AC70329" i="1"/>
  <c r="AC70330" i="1"/>
  <c r="AC70331" i="1"/>
  <c r="AC70332" i="1"/>
  <c r="AC70333" i="1"/>
  <c r="AC70334" i="1"/>
  <c r="AC70335" i="1"/>
  <c r="AC70336" i="1"/>
  <c r="AC70337" i="1"/>
  <c r="AC70338" i="1"/>
  <c r="AC70339" i="1"/>
  <c r="AC70340" i="1"/>
  <c r="AC70341" i="1"/>
  <c r="AC70342" i="1"/>
  <c r="AC70343" i="1"/>
  <c r="AC70344" i="1"/>
  <c r="AC70345" i="1"/>
  <c r="AC70346" i="1"/>
  <c r="AC70347" i="1"/>
  <c r="AC70348" i="1"/>
  <c r="AC70349" i="1"/>
  <c r="AC70350" i="1"/>
  <c r="AC70351" i="1"/>
  <c r="AC70352" i="1"/>
  <c r="AC70353" i="1"/>
  <c r="AC70354" i="1"/>
  <c r="AC70355" i="1"/>
  <c r="AC70356" i="1"/>
  <c r="AC70357" i="1"/>
  <c r="AC70358" i="1"/>
  <c r="AC70359" i="1"/>
  <c r="AC70360" i="1"/>
  <c r="AC70361" i="1"/>
  <c r="AC70362" i="1"/>
  <c r="AC70363" i="1"/>
  <c r="AC70364" i="1"/>
  <c r="AC70365" i="1"/>
  <c r="AC70366" i="1"/>
  <c r="AC70367" i="1"/>
  <c r="AC70368" i="1"/>
  <c r="AC70369" i="1"/>
  <c r="AC70370" i="1"/>
  <c r="AC70371" i="1"/>
  <c r="AC70372" i="1"/>
  <c r="AC70373" i="1"/>
  <c r="AC70374" i="1"/>
  <c r="AC70375" i="1"/>
  <c r="AC70376" i="1"/>
  <c r="AC70377" i="1"/>
  <c r="AC70378" i="1"/>
  <c r="AC70379" i="1"/>
  <c r="AC70380" i="1"/>
  <c r="AC70381" i="1"/>
  <c r="AC70382" i="1"/>
  <c r="AC70383" i="1"/>
  <c r="AC70384" i="1"/>
  <c r="AC70385" i="1"/>
  <c r="AC70386" i="1"/>
  <c r="AC70387" i="1"/>
  <c r="AC70388" i="1"/>
  <c r="AC70389" i="1"/>
  <c r="AC70390" i="1"/>
  <c r="AC70391" i="1"/>
  <c r="AC70392" i="1"/>
  <c r="AC70393" i="1"/>
  <c r="AC70394" i="1"/>
  <c r="AC70395" i="1"/>
  <c r="AC70396" i="1"/>
  <c r="AC70397" i="1"/>
  <c r="AC70398" i="1"/>
  <c r="AC70399" i="1"/>
  <c r="AC70400" i="1"/>
  <c r="AC70401" i="1"/>
  <c r="AC70402" i="1"/>
  <c r="AC70403" i="1"/>
  <c r="AC70404" i="1"/>
  <c r="AC70405" i="1"/>
  <c r="AC70406" i="1"/>
  <c r="AC70407" i="1"/>
  <c r="AC70408" i="1"/>
  <c r="AC70409" i="1"/>
  <c r="AC70410" i="1"/>
  <c r="AC70411" i="1"/>
  <c r="AC70412" i="1"/>
  <c r="AC70413" i="1"/>
  <c r="AC70414" i="1"/>
  <c r="AC70415" i="1"/>
  <c r="AC70416" i="1"/>
  <c r="AC70417" i="1"/>
  <c r="AC70418" i="1"/>
  <c r="AC70419" i="1"/>
  <c r="AC70420" i="1"/>
  <c r="AC70421" i="1"/>
  <c r="AC70422" i="1"/>
  <c r="AC70423" i="1"/>
  <c r="AC70424" i="1"/>
  <c r="AC70425" i="1"/>
  <c r="AC70426" i="1"/>
  <c r="AC70427" i="1"/>
  <c r="AC70428" i="1"/>
  <c r="AC70429" i="1"/>
  <c r="AC70430" i="1"/>
  <c r="AC70431" i="1"/>
  <c r="AC70432" i="1"/>
  <c r="AC70433" i="1"/>
  <c r="AC70434" i="1"/>
  <c r="AC70435" i="1"/>
  <c r="AC70436" i="1"/>
  <c r="AC70437" i="1"/>
  <c r="AC70438" i="1"/>
  <c r="AC70439" i="1"/>
  <c r="AC70440" i="1"/>
  <c r="AC70441" i="1"/>
  <c r="AC70442" i="1"/>
  <c r="AC70443" i="1"/>
  <c r="AC70444" i="1"/>
  <c r="AC70445" i="1"/>
  <c r="AC70446" i="1"/>
  <c r="AC70447" i="1"/>
  <c r="AC70448" i="1"/>
  <c r="AC70449" i="1"/>
  <c r="AC70450" i="1"/>
  <c r="AC70451" i="1"/>
  <c r="AC70452" i="1"/>
  <c r="AC70453" i="1"/>
  <c r="AC70454" i="1"/>
  <c r="AC70455" i="1"/>
  <c r="AC70456" i="1"/>
  <c r="AC70457" i="1"/>
  <c r="AC70458" i="1"/>
  <c r="AC70459" i="1"/>
  <c r="AC70460" i="1"/>
  <c r="AC70461" i="1"/>
  <c r="AC70462" i="1"/>
  <c r="AC70463" i="1"/>
  <c r="AC70464" i="1"/>
  <c r="AC70465" i="1"/>
  <c r="AC70466" i="1"/>
  <c r="AC70467" i="1"/>
  <c r="AC70468" i="1"/>
  <c r="AC70469" i="1"/>
  <c r="AC70470" i="1"/>
  <c r="AC70471" i="1"/>
  <c r="AC70472" i="1"/>
  <c r="AC70473" i="1"/>
  <c r="AC70474" i="1"/>
  <c r="AC70475" i="1"/>
  <c r="AC70476" i="1"/>
  <c r="AC70477" i="1"/>
  <c r="AC70478" i="1"/>
  <c r="AC70479" i="1"/>
  <c r="AC70480" i="1"/>
  <c r="AC70481" i="1"/>
  <c r="AC70482" i="1"/>
  <c r="AC70483" i="1"/>
  <c r="AC70484" i="1"/>
  <c r="AC70485" i="1"/>
  <c r="AC70486" i="1"/>
  <c r="AC70487" i="1"/>
  <c r="AC70488" i="1"/>
  <c r="AC70489" i="1"/>
  <c r="AC70490" i="1"/>
  <c r="AC70491" i="1"/>
  <c r="AC70492" i="1"/>
  <c r="AC70493" i="1"/>
  <c r="AC70494" i="1"/>
  <c r="AC70495" i="1"/>
  <c r="AC70496" i="1"/>
  <c r="AC70497" i="1"/>
  <c r="AC70498" i="1"/>
  <c r="AC70499" i="1"/>
  <c r="AC70500" i="1"/>
  <c r="AC70501" i="1"/>
  <c r="AC70502" i="1"/>
  <c r="AC70503" i="1"/>
  <c r="AC70504" i="1"/>
  <c r="AC70505" i="1"/>
  <c r="AC70506" i="1"/>
  <c r="AC70507" i="1"/>
  <c r="AC70508" i="1"/>
  <c r="AC70509" i="1"/>
  <c r="AC70510" i="1"/>
  <c r="AC70511" i="1"/>
  <c r="AC70512" i="1"/>
  <c r="AC70513" i="1"/>
  <c r="AC70514" i="1"/>
  <c r="AC70515" i="1"/>
  <c r="AC70516" i="1"/>
  <c r="AC70517" i="1"/>
  <c r="AC70518" i="1"/>
  <c r="AC70519" i="1"/>
  <c r="AC70520" i="1"/>
  <c r="AC70521" i="1"/>
  <c r="AC70522" i="1"/>
  <c r="AC70523" i="1"/>
  <c r="AC70524" i="1"/>
  <c r="AC70525" i="1"/>
  <c r="AC70526" i="1"/>
  <c r="AC70527" i="1"/>
  <c r="AC70528" i="1"/>
  <c r="AC70529" i="1"/>
  <c r="AC70530" i="1"/>
  <c r="AC70531" i="1"/>
  <c r="AC70532" i="1"/>
  <c r="AC70533" i="1"/>
  <c r="AC70534" i="1"/>
  <c r="AC70535" i="1"/>
  <c r="AC70536" i="1"/>
  <c r="AC70537" i="1"/>
  <c r="AC70538" i="1"/>
  <c r="AC70539" i="1"/>
  <c r="AC70540" i="1"/>
  <c r="AC70541" i="1"/>
  <c r="AC70542" i="1"/>
  <c r="AC70543" i="1"/>
  <c r="AC70544" i="1"/>
  <c r="AC70545" i="1"/>
  <c r="AC70546" i="1"/>
  <c r="AC70547" i="1"/>
  <c r="AC70548" i="1"/>
  <c r="AC70549" i="1"/>
  <c r="AC70550" i="1"/>
  <c r="AC70551" i="1"/>
  <c r="AC70552" i="1"/>
  <c r="AC70553" i="1"/>
  <c r="AC70554" i="1"/>
  <c r="AC70555" i="1"/>
  <c r="AC70556" i="1"/>
  <c r="AC70557" i="1"/>
  <c r="AC70558" i="1"/>
  <c r="AC70559" i="1"/>
  <c r="AC70560" i="1"/>
  <c r="AC70561" i="1"/>
  <c r="AC70562" i="1"/>
  <c r="AC70563" i="1"/>
  <c r="AC70564" i="1"/>
  <c r="AC70565" i="1"/>
  <c r="AC70566" i="1"/>
  <c r="AC70567" i="1"/>
  <c r="AC70568" i="1"/>
  <c r="AC70569" i="1"/>
  <c r="AC70570" i="1"/>
  <c r="AC70571" i="1"/>
  <c r="AC70572" i="1"/>
  <c r="AC70573" i="1"/>
  <c r="AC70574" i="1"/>
  <c r="AC70575" i="1"/>
  <c r="AC70576" i="1"/>
  <c r="AC70577" i="1"/>
  <c r="AC70578" i="1"/>
  <c r="AC70579" i="1"/>
  <c r="AC70580" i="1"/>
  <c r="AC70581" i="1"/>
  <c r="AC70582" i="1"/>
  <c r="AC70583" i="1"/>
  <c r="AC70584" i="1"/>
  <c r="AC70585" i="1"/>
  <c r="AC70586" i="1"/>
  <c r="AC70587" i="1"/>
  <c r="AC70588" i="1"/>
  <c r="AC70589" i="1"/>
  <c r="AC70590" i="1"/>
  <c r="AC70591" i="1"/>
  <c r="AC70592" i="1"/>
  <c r="AC70593" i="1"/>
  <c r="AC70594" i="1"/>
  <c r="AC70595" i="1"/>
  <c r="AC70596" i="1"/>
  <c r="AC70597" i="1"/>
  <c r="AC70598" i="1"/>
  <c r="AC70599" i="1"/>
  <c r="AC70600" i="1"/>
  <c r="AC70601" i="1"/>
  <c r="AC70602" i="1"/>
  <c r="AC70603" i="1"/>
  <c r="AC70604" i="1"/>
  <c r="AC70605" i="1"/>
  <c r="AC70606" i="1"/>
  <c r="AC70607" i="1"/>
  <c r="AC70608" i="1"/>
  <c r="AC70609" i="1"/>
  <c r="AC70610" i="1"/>
  <c r="AC70611" i="1"/>
  <c r="AC70612" i="1"/>
  <c r="AC70613" i="1"/>
  <c r="AC70614" i="1"/>
  <c r="AC70615" i="1"/>
  <c r="AC70616" i="1"/>
  <c r="AC70617" i="1"/>
  <c r="AC70618" i="1"/>
  <c r="AC70619" i="1"/>
  <c r="AC70620" i="1"/>
  <c r="AC70621" i="1"/>
  <c r="AC70622" i="1"/>
  <c r="AC70623" i="1"/>
  <c r="AC70624" i="1"/>
  <c r="AC70625" i="1"/>
  <c r="AC70626" i="1"/>
  <c r="AC70627" i="1"/>
  <c r="AC70628" i="1"/>
  <c r="AC70629" i="1"/>
  <c r="AC70630" i="1"/>
  <c r="AC70631" i="1"/>
  <c r="AC70632" i="1"/>
  <c r="AC70633" i="1"/>
  <c r="AC70634" i="1"/>
  <c r="AC70635" i="1"/>
  <c r="AC70636" i="1"/>
  <c r="AC70637" i="1"/>
  <c r="AC70638" i="1"/>
  <c r="AC70639" i="1"/>
  <c r="AC70640" i="1"/>
  <c r="AC70641" i="1"/>
  <c r="AC70642" i="1"/>
  <c r="AC70643" i="1"/>
  <c r="AC70644" i="1"/>
  <c r="AC70645" i="1"/>
  <c r="AC70646" i="1"/>
  <c r="AC70647" i="1"/>
  <c r="AC70648" i="1"/>
  <c r="AC70649" i="1"/>
  <c r="AC70650" i="1"/>
  <c r="AC70651" i="1"/>
  <c r="AC70652" i="1"/>
  <c r="AC70653" i="1"/>
  <c r="AC70654" i="1"/>
  <c r="AC70655" i="1"/>
  <c r="AC70656" i="1"/>
  <c r="AC70657" i="1"/>
  <c r="AC70658" i="1"/>
  <c r="AC70659" i="1"/>
  <c r="AC70660" i="1"/>
  <c r="AC70661" i="1"/>
  <c r="AC70662" i="1"/>
  <c r="AC70663" i="1"/>
  <c r="AC70664" i="1"/>
  <c r="AC70665" i="1"/>
  <c r="AC70666" i="1"/>
  <c r="AC70667" i="1"/>
  <c r="AC70668" i="1"/>
  <c r="AC70669" i="1"/>
  <c r="AC70670" i="1"/>
  <c r="AC70671" i="1"/>
  <c r="AC70672" i="1"/>
  <c r="AC70673" i="1"/>
  <c r="AC70674" i="1"/>
  <c r="AC70675" i="1"/>
  <c r="AC70676" i="1"/>
  <c r="AC70677" i="1"/>
  <c r="AC70678" i="1"/>
  <c r="AC70679" i="1"/>
  <c r="AC70680" i="1"/>
  <c r="AC70681" i="1"/>
  <c r="AC70682" i="1"/>
  <c r="AC70683" i="1"/>
  <c r="AC70684" i="1"/>
  <c r="AC70685" i="1"/>
  <c r="AC70686" i="1"/>
  <c r="AC70687" i="1"/>
  <c r="AC70688" i="1"/>
  <c r="AC70689" i="1"/>
  <c r="AC70690" i="1"/>
  <c r="AC70691" i="1"/>
  <c r="AC70692" i="1"/>
  <c r="AC70693" i="1"/>
  <c r="AC70694" i="1"/>
  <c r="AC70695" i="1"/>
  <c r="AC70696" i="1"/>
  <c r="AC70697" i="1"/>
  <c r="AC70698" i="1"/>
  <c r="AC70699" i="1"/>
  <c r="AC70700" i="1"/>
  <c r="AC70701" i="1"/>
  <c r="AC70702" i="1"/>
  <c r="AC70703" i="1"/>
  <c r="AC70704" i="1"/>
  <c r="AC70705" i="1"/>
  <c r="AC70706" i="1"/>
  <c r="AC70707" i="1"/>
  <c r="AC70708" i="1"/>
  <c r="AC70709" i="1"/>
  <c r="AC70710" i="1"/>
  <c r="AC70711" i="1"/>
  <c r="AC70712" i="1"/>
  <c r="AC70713" i="1"/>
  <c r="AC70714" i="1"/>
  <c r="AC70715" i="1"/>
  <c r="AC70716" i="1"/>
  <c r="AC70717" i="1"/>
  <c r="AC70718" i="1"/>
  <c r="AC70719" i="1"/>
  <c r="AC70720" i="1"/>
  <c r="AC70721" i="1"/>
  <c r="AC70722" i="1"/>
  <c r="AC70723" i="1"/>
  <c r="AC70724" i="1"/>
  <c r="AC70725" i="1"/>
  <c r="AC70726" i="1"/>
  <c r="AC70727" i="1"/>
  <c r="AC70728" i="1"/>
  <c r="AC70729" i="1"/>
  <c r="AC70730" i="1"/>
  <c r="AC70731" i="1"/>
  <c r="AC70732" i="1"/>
  <c r="AC70733" i="1"/>
  <c r="AC70734" i="1"/>
  <c r="AC70735" i="1"/>
  <c r="AC70736" i="1"/>
  <c r="AC70737" i="1"/>
  <c r="AC70738" i="1"/>
  <c r="AC70739" i="1"/>
  <c r="AC70740" i="1"/>
  <c r="AC70741" i="1"/>
  <c r="AC70742" i="1"/>
  <c r="AC70743" i="1"/>
  <c r="AC70744" i="1"/>
  <c r="AC70745" i="1"/>
  <c r="AC70746" i="1"/>
  <c r="AC70747" i="1"/>
  <c r="AC70748" i="1"/>
  <c r="AC70749" i="1"/>
  <c r="AC70750" i="1"/>
  <c r="AC70751" i="1"/>
  <c r="AC70752" i="1"/>
  <c r="AC70753" i="1"/>
  <c r="AC70754" i="1"/>
  <c r="AC70755" i="1"/>
  <c r="AC70756" i="1"/>
  <c r="AC70757" i="1"/>
  <c r="AC70758" i="1"/>
  <c r="AC70759" i="1"/>
  <c r="AC70760" i="1"/>
  <c r="AC70761" i="1"/>
  <c r="AC70762" i="1"/>
  <c r="AC70763" i="1"/>
  <c r="AC70764" i="1"/>
  <c r="AC70765" i="1"/>
  <c r="AC70766" i="1"/>
  <c r="AC70767" i="1"/>
  <c r="AC70768" i="1"/>
  <c r="AC70769" i="1"/>
  <c r="AC70770" i="1"/>
  <c r="AC70771" i="1"/>
  <c r="AC70772" i="1"/>
  <c r="AC70773" i="1"/>
  <c r="AC70774" i="1"/>
  <c r="AC70775" i="1"/>
  <c r="AC70776" i="1"/>
  <c r="AC70777" i="1"/>
  <c r="AC70778" i="1"/>
  <c r="AC70779" i="1"/>
  <c r="AC70780" i="1"/>
  <c r="AC70781" i="1"/>
  <c r="AC70782" i="1"/>
  <c r="AC70783" i="1"/>
  <c r="AC70784" i="1"/>
  <c r="AC70785" i="1"/>
  <c r="AC70786" i="1"/>
  <c r="AC70787" i="1"/>
  <c r="AC70788" i="1"/>
  <c r="AC70789" i="1"/>
  <c r="AC70790" i="1"/>
  <c r="AC70791" i="1"/>
  <c r="AC70792" i="1"/>
  <c r="AC70793" i="1"/>
  <c r="AC70794" i="1"/>
  <c r="AC70795" i="1"/>
  <c r="AC70796" i="1"/>
  <c r="AC70797" i="1"/>
  <c r="AC70798" i="1"/>
  <c r="AC70799" i="1"/>
  <c r="AC70800" i="1"/>
  <c r="AC70801" i="1"/>
  <c r="AC70802" i="1"/>
  <c r="AC70803" i="1"/>
  <c r="AC70804" i="1"/>
  <c r="AC70805" i="1"/>
  <c r="AC70806" i="1"/>
  <c r="AC70807" i="1"/>
  <c r="AC70808" i="1"/>
  <c r="AC70809" i="1"/>
  <c r="AC70810" i="1"/>
  <c r="AC70811" i="1"/>
  <c r="AC70812" i="1"/>
  <c r="AC70813" i="1"/>
  <c r="AC70814" i="1"/>
  <c r="AC70815" i="1"/>
  <c r="AC70816" i="1"/>
  <c r="AC70817" i="1"/>
  <c r="AC70818" i="1"/>
  <c r="AC70819" i="1"/>
  <c r="AC70820" i="1"/>
  <c r="AC70821" i="1"/>
  <c r="AC70822" i="1"/>
  <c r="AC70823" i="1"/>
  <c r="AC70824" i="1"/>
  <c r="AC70825" i="1"/>
  <c r="AC70826" i="1"/>
  <c r="AC70827" i="1"/>
  <c r="AC70828" i="1"/>
  <c r="AC70829" i="1"/>
  <c r="AC70830" i="1"/>
  <c r="AC70831" i="1"/>
  <c r="AC70832" i="1"/>
  <c r="AC70833" i="1"/>
  <c r="AC70834" i="1"/>
  <c r="AC70835" i="1"/>
  <c r="AC70836" i="1"/>
  <c r="AC70837" i="1"/>
  <c r="AC70838" i="1"/>
  <c r="AC70839" i="1"/>
  <c r="AC70840" i="1"/>
  <c r="AC70841" i="1"/>
  <c r="AC70842" i="1"/>
  <c r="AC70843" i="1"/>
  <c r="AC70844" i="1"/>
  <c r="AC70845" i="1"/>
  <c r="AC70846" i="1"/>
  <c r="AC70847" i="1"/>
  <c r="AC70848" i="1"/>
  <c r="AC70849" i="1"/>
  <c r="AC70850" i="1"/>
  <c r="AC70851" i="1"/>
  <c r="AC70852" i="1"/>
  <c r="AC70853" i="1"/>
  <c r="AC70854" i="1"/>
  <c r="AC70855" i="1"/>
  <c r="AC70856" i="1"/>
  <c r="AC70857" i="1"/>
  <c r="AC70858" i="1"/>
  <c r="AC70859" i="1"/>
  <c r="AC70860" i="1"/>
  <c r="AC70861" i="1"/>
  <c r="AC70862" i="1"/>
  <c r="AC70863" i="1"/>
  <c r="AC70864" i="1"/>
  <c r="AC70865" i="1"/>
  <c r="AC70866" i="1"/>
  <c r="AC70867" i="1"/>
  <c r="AC70868" i="1"/>
  <c r="AC70869" i="1"/>
  <c r="AC70870" i="1"/>
  <c r="AC70871" i="1"/>
  <c r="AC70872" i="1"/>
  <c r="AC70873" i="1"/>
  <c r="AC70874" i="1"/>
  <c r="AC70875" i="1"/>
  <c r="AC70876" i="1"/>
  <c r="AC70877" i="1"/>
  <c r="AC70878" i="1"/>
  <c r="AC70879" i="1"/>
  <c r="AC70880" i="1"/>
  <c r="AC70881" i="1"/>
  <c r="AC70882" i="1"/>
  <c r="AC70883" i="1"/>
  <c r="AC70884" i="1"/>
  <c r="AC70885" i="1"/>
  <c r="AC70886" i="1"/>
  <c r="AC70887" i="1"/>
  <c r="AC70888" i="1"/>
  <c r="AC70889" i="1"/>
  <c r="AC70890" i="1"/>
  <c r="AC70891" i="1"/>
  <c r="AC70892" i="1"/>
  <c r="AC70893" i="1"/>
  <c r="AC70894" i="1"/>
  <c r="AC70895" i="1"/>
  <c r="AC70896" i="1"/>
  <c r="AC70897" i="1"/>
  <c r="AC70898" i="1"/>
  <c r="AC70899" i="1"/>
  <c r="AC70900" i="1"/>
  <c r="AC70901" i="1"/>
  <c r="AC70902" i="1"/>
  <c r="AC70903" i="1"/>
  <c r="AC70904" i="1"/>
  <c r="AC70905" i="1"/>
  <c r="AC70906" i="1"/>
  <c r="AC70907" i="1"/>
  <c r="AC70908" i="1"/>
  <c r="AC70909" i="1"/>
  <c r="AC70910" i="1"/>
  <c r="AC70911" i="1"/>
  <c r="AC70912" i="1"/>
  <c r="AC70913" i="1"/>
  <c r="AC70914" i="1"/>
  <c r="AC70915" i="1"/>
  <c r="AC70916" i="1"/>
  <c r="AC70917" i="1"/>
  <c r="AC70918" i="1"/>
  <c r="AC70919" i="1"/>
  <c r="AC70920" i="1"/>
  <c r="AC70921" i="1"/>
  <c r="AC70922" i="1"/>
  <c r="AC70923" i="1"/>
  <c r="AC70924" i="1"/>
  <c r="AC70925" i="1"/>
  <c r="AC70926" i="1"/>
  <c r="AC70927" i="1"/>
  <c r="AC70928" i="1"/>
  <c r="AC70929" i="1"/>
  <c r="AC70930" i="1"/>
  <c r="AC70931" i="1"/>
  <c r="AC70932" i="1"/>
  <c r="AC70933" i="1"/>
  <c r="AC70934" i="1"/>
  <c r="AC70935" i="1"/>
  <c r="AC70936" i="1"/>
  <c r="AC70937" i="1"/>
  <c r="AC70938" i="1"/>
  <c r="AC70939" i="1"/>
  <c r="AC70940" i="1"/>
  <c r="AC70941" i="1"/>
  <c r="AC70942" i="1"/>
  <c r="AC70943" i="1"/>
  <c r="AC70944" i="1"/>
  <c r="AC70945" i="1"/>
  <c r="AC70946" i="1"/>
  <c r="AC70947" i="1"/>
  <c r="AC70948" i="1"/>
  <c r="AC70949" i="1"/>
  <c r="AC70950" i="1"/>
  <c r="AC70951" i="1"/>
  <c r="AC70952" i="1"/>
  <c r="AC70953" i="1"/>
  <c r="AC70954" i="1"/>
  <c r="AC70955" i="1"/>
  <c r="AC70956" i="1"/>
  <c r="AC70957" i="1"/>
  <c r="AC70958" i="1"/>
  <c r="AC70959" i="1"/>
  <c r="AC70960" i="1"/>
  <c r="AC70961" i="1"/>
  <c r="AC70962" i="1"/>
  <c r="AC70963" i="1"/>
  <c r="AC70964" i="1"/>
  <c r="AC70965" i="1"/>
  <c r="AC70966" i="1"/>
  <c r="AC70967" i="1"/>
  <c r="AC70968" i="1"/>
  <c r="AC70969" i="1"/>
  <c r="AC70970" i="1"/>
  <c r="AC70971" i="1"/>
  <c r="AC70972" i="1"/>
  <c r="AC70973" i="1"/>
  <c r="AC70974" i="1"/>
  <c r="AC70975" i="1"/>
  <c r="AC70976" i="1"/>
  <c r="AC70977" i="1"/>
  <c r="AC70978" i="1"/>
  <c r="AC70979" i="1"/>
  <c r="AC70980" i="1"/>
  <c r="AC70981" i="1"/>
  <c r="AC70982" i="1"/>
  <c r="AC70983" i="1"/>
  <c r="AC70984" i="1"/>
  <c r="AC70985" i="1"/>
  <c r="AC70986" i="1"/>
  <c r="AC70987" i="1"/>
  <c r="AC70988" i="1"/>
  <c r="AC70989" i="1"/>
  <c r="AC70990" i="1"/>
  <c r="AC70991" i="1"/>
  <c r="AC70992" i="1"/>
  <c r="AC70993" i="1"/>
  <c r="AC70994" i="1"/>
  <c r="AC70995" i="1"/>
  <c r="AC70996" i="1"/>
  <c r="AC70997" i="1"/>
  <c r="AC70998" i="1"/>
  <c r="AC70999" i="1"/>
  <c r="AC71000" i="1"/>
  <c r="AC71001" i="1"/>
  <c r="AC71002" i="1"/>
  <c r="AC71003" i="1"/>
  <c r="AC71004" i="1"/>
  <c r="AC71005" i="1"/>
  <c r="AC71006" i="1"/>
  <c r="AC71007" i="1"/>
  <c r="AC71008" i="1"/>
  <c r="AC71009" i="1"/>
  <c r="AC71010" i="1"/>
  <c r="AC71011" i="1"/>
  <c r="AC71012" i="1"/>
  <c r="AC71013" i="1"/>
  <c r="AC71014" i="1"/>
  <c r="AC71015" i="1"/>
  <c r="AC71016" i="1"/>
  <c r="AC71017" i="1"/>
  <c r="AC71018" i="1"/>
  <c r="AC71019" i="1"/>
  <c r="AC71020" i="1"/>
  <c r="AC71021" i="1"/>
  <c r="AC71022" i="1"/>
  <c r="AC71023" i="1"/>
  <c r="AC71024" i="1"/>
  <c r="AC71025" i="1"/>
  <c r="AC71026" i="1"/>
  <c r="AC71027" i="1"/>
  <c r="AC71028" i="1"/>
  <c r="AC71029" i="1"/>
  <c r="AC71030" i="1"/>
  <c r="AC71031" i="1"/>
  <c r="AC71032" i="1"/>
  <c r="AC71033" i="1"/>
  <c r="AC71034" i="1"/>
  <c r="AC71035" i="1"/>
  <c r="AC71036" i="1"/>
  <c r="AC71037" i="1"/>
  <c r="AC71038" i="1"/>
  <c r="AC71039" i="1"/>
  <c r="AC71040" i="1"/>
  <c r="AC71041" i="1"/>
  <c r="AC71042" i="1"/>
  <c r="AC71043" i="1"/>
  <c r="AC71044" i="1"/>
  <c r="AC71045" i="1"/>
  <c r="AC71046" i="1"/>
  <c r="AC71047" i="1"/>
  <c r="AC71048" i="1"/>
  <c r="AC71049" i="1"/>
  <c r="AC71050" i="1"/>
  <c r="AC71051" i="1"/>
  <c r="AC71052" i="1"/>
  <c r="AC71053" i="1"/>
  <c r="AC71054" i="1"/>
  <c r="AC71055" i="1"/>
  <c r="AC71056" i="1"/>
  <c r="AC71057" i="1"/>
  <c r="AC71058" i="1"/>
  <c r="AC71059" i="1"/>
  <c r="AC71060" i="1"/>
  <c r="AC71061" i="1"/>
  <c r="AC71062" i="1"/>
  <c r="AC71063" i="1"/>
  <c r="AC71064" i="1"/>
  <c r="AC71065" i="1"/>
  <c r="AC71066" i="1"/>
  <c r="AC71067" i="1"/>
  <c r="AC71068" i="1"/>
  <c r="AC71069" i="1"/>
  <c r="AC71070" i="1"/>
  <c r="AC71071" i="1"/>
  <c r="AC71072" i="1"/>
  <c r="AC71073" i="1"/>
  <c r="AC71074" i="1"/>
  <c r="AC71075" i="1"/>
  <c r="AC71076" i="1"/>
  <c r="AC71077" i="1"/>
  <c r="AC71078" i="1"/>
  <c r="AC71079" i="1"/>
  <c r="AC71080" i="1"/>
  <c r="AC71081" i="1"/>
  <c r="AC71082" i="1"/>
  <c r="AC71083" i="1"/>
  <c r="AC71084" i="1"/>
  <c r="AC71085" i="1"/>
  <c r="AC71086" i="1"/>
  <c r="AC71087" i="1"/>
  <c r="AC71088" i="1"/>
  <c r="AC71089" i="1"/>
  <c r="AC71090" i="1"/>
  <c r="AC71091" i="1"/>
  <c r="AC71092" i="1"/>
  <c r="AC71093" i="1"/>
  <c r="AC71094" i="1"/>
  <c r="AC71095" i="1"/>
  <c r="AC71096" i="1"/>
  <c r="AC71097" i="1"/>
  <c r="AC71098" i="1"/>
  <c r="AC71099" i="1"/>
  <c r="AC71100" i="1"/>
  <c r="AC71101" i="1"/>
  <c r="AC71102" i="1"/>
  <c r="AC71103" i="1"/>
  <c r="AC71104" i="1"/>
  <c r="AC71105" i="1"/>
  <c r="AC71106" i="1"/>
  <c r="AC71107" i="1"/>
  <c r="AC71108" i="1"/>
  <c r="AC71109" i="1"/>
  <c r="AC71110" i="1"/>
  <c r="AC71111" i="1"/>
  <c r="AC71112" i="1"/>
  <c r="AC71113" i="1"/>
  <c r="AC71114" i="1"/>
  <c r="AC71115" i="1"/>
  <c r="AC71116" i="1"/>
  <c r="AC71117" i="1"/>
  <c r="AC71118" i="1"/>
  <c r="AC71119" i="1"/>
  <c r="AC71120" i="1"/>
  <c r="AC71121" i="1"/>
  <c r="AC71122" i="1"/>
  <c r="AC71123" i="1"/>
  <c r="AC71124" i="1"/>
  <c r="AC71125" i="1"/>
  <c r="AC71126" i="1"/>
  <c r="AC71127" i="1"/>
  <c r="AC71128" i="1"/>
  <c r="AC71129" i="1"/>
  <c r="AC71130" i="1"/>
  <c r="AC71131" i="1"/>
  <c r="AC71132" i="1"/>
  <c r="AC71133" i="1"/>
  <c r="AC71134" i="1"/>
  <c r="AC71135" i="1"/>
  <c r="AC71136" i="1"/>
  <c r="AC71137" i="1"/>
  <c r="AC71138" i="1"/>
  <c r="AC71139" i="1"/>
  <c r="AC71140" i="1"/>
  <c r="AC71141" i="1"/>
  <c r="AC71142" i="1"/>
  <c r="AC71143" i="1"/>
  <c r="AC71144" i="1"/>
  <c r="AC71145" i="1"/>
  <c r="AC71146" i="1"/>
  <c r="AC71147" i="1"/>
  <c r="AC71148" i="1"/>
  <c r="AC71149" i="1"/>
  <c r="AC71150" i="1"/>
  <c r="AC71151" i="1"/>
  <c r="AC71152" i="1"/>
  <c r="AC71153" i="1"/>
  <c r="AC71154" i="1"/>
  <c r="AC71155" i="1"/>
  <c r="AC71156" i="1"/>
  <c r="AC71157" i="1"/>
  <c r="AC71158" i="1"/>
  <c r="AC71159" i="1"/>
  <c r="AC71160" i="1"/>
  <c r="AC71161" i="1"/>
  <c r="AC71162" i="1"/>
  <c r="AC71163" i="1"/>
  <c r="AC71164" i="1"/>
  <c r="AC71165" i="1"/>
  <c r="AC71166" i="1"/>
  <c r="AC71167" i="1"/>
  <c r="AC71168" i="1"/>
  <c r="AC71169" i="1"/>
  <c r="AC71170" i="1"/>
  <c r="AC71171" i="1"/>
  <c r="AC71172" i="1"/>
  <c r="AC71173" i="1"/>
  <c r="AC71174" i="1"/>
  <c r="AC71175" i="1"/>
  <c r="AC71176" i="1"/>
  <c r="AC71177" i="1"/>
  <c r="AC71178" i="1"/>
  <c r="AC71179" i="1"/>
  <c r="AC71180" i="1"/>
  <c r="AC71181" i="1"/>
  <c r="AC71182" i="1"/>
  <c r="AC71183" i="1"/>
  <c r="AC71184" i="1"/>
  <c r="AC71185" i="1"/>
  <c r="AC71186" i="1"/>
  <c r="AC71187" i="1"/>
  <c r="AC71188" i="1"/>
  <c r="AC71189" i="1"/>
  <c r="AC71190" i="1"/>
  <c r="AC71191" i="1"/>
  <c r="AC71192" i="1"/>
  <c r="AC71193" i="1"/>
  <c r="AC71194" i="1"/>
  <c r="AC71195" i="1"/>
  <c r="AC71196" i="1"/>
  <c r="AC71197" i="1"/>
  <c r="AC71198" i="1"/>
  <c r="AC71199" i="1"/>
  <c r="AC71200" i="1"/>
  <c r="AC71201" i="1"/>
  <c r="AC71202" i="1"/>
  <c r="AC71203" i="1"/>
  <c r="AC71204" i="1"/>
  <c r="AC71205" i="1"/>
  <c r="AC71206" i="1"/>
  <c r="AC71207" i="1"/>
  <c r="AC71208" i="1"/>
  <c r="AC71209" i="1"/>
  <c r="AC71210" i="1"/>
  <c r="AC71211" i="1"/>
  <c r="AC71212" i="1"/>
  <c r="AC71213" i="1"/>
  <c r="AC71214" i="1"/>
  <c r="AC71215" i="1"/>
  <c r="AC71216" i="1"/>
  <c r="AC71217" i="1"/>
  <c r="AC71218" i="1"/>
  <c r="AC71219" i="1"/>
  <c r="AC71220" i="1"/>
  <c r="AC71221" i="1"/>
  <c r="AC71222" i="1"/>
  <c r="AC71223" i="1"/>
  <c r="AC71224" i="1"/>
  <c r="AC71225" i="1"/>
  <c r="AC71226" i="1"/>
  <c r="AC71227" i="1"/>
  <c r="AC71228" i="1"/>
  <c r="AC71229" i="1"/>
  <c r="AC71230" i="1"/>
  <c r="AC71231" i="1"/>
  <c r="AC71232" i="1"/>
  <c r="AC71233" i="1"/>
  <c r="AC71234" i="1"/>
  <c r="AC71235" i="1"/>
  <c r="AC71236" i="1"/>
  <c r="AC71237" i="1"/>
  <c r="AC71238" i="1"/>
  <c r="AC71239" i="1"/>
  <c r="AC71240" i="1"/>
  <c r="AC71241" i="1"/>
  <c r="AC71242" i="1"/>
  <c r="AC71243" i="1"/>
  <c r="AC71244" i="1"/>
  <c r="AC71245" i="1"/>
  <c r="AC71246" i="1"/>
  <c r="AC71247" i="1"/>
  <c r="AC71248" i="1"/>
  <c r="AC71249" i="1"/>
  <c r="AC71250" i="1"/>
  <c r="AC71251" i="1"/>
  <c r="AC71252" i="1"/>
  <c r="AC71253" i="1"/>
  <c r="AC71254" i="1"/>
  <c r="AC71255" i="1"/>
  <c r="AC71256" i="1"/>
  <c r="AC71257" i="1"/>
  <c r="AC71258" i="1"/>
  <c r="AC71259" i="1"/>
  <c r="AC71260" i="1"/>
  <c r="AC71261" i="1"/>
  <c r="AC71262" i="1"/>
  <c r="AC71263" i="1"/>
  <c r="AC71264" i="1"/>
  <c r="AC71265" i="1"/>
  <c r="AC71266" i="1"/>
  <c r="AC71267" i="1"/>
  <c r="AC71268" i="1"/>
  <c r="AC71269" i="1"/>
  <c r="AC71270" i="1"/>
  <c r="AC71271" i="1"/>
  <c r="AC71272" i="1"/>
  <c r="AC71273" i="1"/>
  <c r="AC71274" i="1"/>
  <c r="AC71275" i="1"/>
  <c r="AC71276" i="1"/>
  <c r="AC71277" i="1"/>
  <c r="AC71278" i="1"/>
  <c r="AC71279" i="1"/>
  <c r="AC71280" i="1"/>
  <c r="AC71281" i="1"/>
  <c r="AC71282" i="1"/>
  <c r="AC71283" i="1"/>
  <c r="AC71284" i="1"/>
  <c r="AC71285" i="1"/>
  <c r="AC71286" i="1"/>
  <c r="AC71287" i="1"/>
  <c r="AC71288" i="1"/>
  <c r="AC71289" i="1"/>
  <c r="AC71290" i="1"/>
  <c r="AC71291" i="1"/>
  <c r="AC71292" i="1"/>
  <c r="AC71293" i="1"/>
  <c r="AC71294" i="1"/>
  <c r="AC71295" i="1"/>
  <c r="AC71296" i="1"/>
  <c r="AC71297" i="1"/>
  <c r="AC71298" i="1"/>
  <c r="AC71299" i="1"/>
  <c r="AC71300" i="1"/>
  <c r="AC71301" i="1"/>
  <c r="AC71302" i="1"/>
  <c r="AC71303" i="1"/>
  <c r="AC71304" i="1"/>
  <c r="AC71305" i="1"/>
  <c r="AC71306" i="1"/>
  <c r="AC71307" i="1"/>
  <c r="AC71308" i="1"/>
  <c r="AC71309" i="1"/>
  <c r="AC71310" i="1"/>
  <c r="AC71311" i="1"/>
  <c r="AC71312" i="1"/>
  <c r="AC71313" i="1"/>
  <c r="AC71314" i="1"/>
  <c r="AC71315" i="1"/>
  <c r="AC71316" i="1"/>
  <c r="AC71317" i="1"/>
  <c r="AC71318" i="1"/>
  <c r="AC71319" i="1"/>
  <c r="AC71320" i="1"/>
  <c r="AC71321" i="1"/>
  <c r="AC71322" i="1"/>
  <c r="AC71323" i="1"/>
  <c r="AC71324" i="1"/>
  <c r="AC71325" i="1"/>
  <c r="AC71326" i="1"/>
  <c r="AC71327" i="1"/>
  <c r="AC71328" i="1"/>
  <c r="AC71329" i="1"/>
  <c r="AC71330" i="1"/>
  <c r="AC71331" i="1"/>
  <c r="AC71332" i="1"/>
  <c r="AC71333" i="1"/>
  <c r="AC71334" i="1"/>
  <c r="AC71335" i="1"/>
  <c r="AC71336" i="1"/>
  <c r="AC71337" i="1"/>
  <c r="AC71338" i="1"/>
  <c r="AC71339" i="1"/>
  <c r="AC71340" i="1"/>
  <c r="AC71341" i="1"/>
  <c r="AC71342" i="1"/>
  <c r="AC71343" i="1"/>
  <c r="AC71344" i="1"/>
  <c r="AC71345" i="1"/>
  <c r="AC71346" i="1"/>
  <c r="AC71347" i="1"/>
  <c r="AC71348" i="1"/>
  <c r="AC71349" i="1"/>
  <c r="AC71350" i="1"/>
  <c r="AC71351" i="1"/>
  <c r="AC71352" i="1"/>
  <c r="AC71353" i="1"/>
  <c r="AC71354" i="1"/>
  <c r="AC71355" i="1"/>
  <c r="AC71356" i="1"/>
  <c r="AC71357" i="1"/>
  <c r="AC71358" i="1"/>
  <c r="AC71359" i="1"/>
  <c r="AC71360" i="1"/>
  <c r="AC71361" i="1"/>
  <c r="AC71362" i="1"/>
  <c r="AC71363" i="1"/>
  <c r="AC71364" i="1"/>
  <c r="AC71365" i="1"/>
  <c r="AC71366" i="1"/>
  <c r="AC71367" i="1"/>
  <c r="AC71368" i="1"/>
  <c r="AC71369" i="1"/>
  <c r="AC71370" i="1"/>
  <c r="AC71371" i="1"/>
  <c r="AC71372" i="1"/>
  <c r="AC71373" i="1"/>
  <c r="AC71374" i="1"/>
  <c r="AC71375" i="1"/>
  <c r="AC71376" i="1"/>
  <c r="AC71377" i="1"/>
  <c r="AC71378" i="1"/>
  <c r="AC71379" i="1"/>
  <c r="AC71380" i="1"/>
  <c r="AC71381" i="1"/>
  <c r="AC71382" i="1"/>
  <c r="AC71383" i="1"/>
  <c r="AC71384" i="1"/>
  <c r="AC71385" i="1"/>
  <c r="AC71386" i="1"/>
  <c r="AC71387" i="1"/>
  <c r="AC71388" i="1"/>
  <c r="AC71389" i="1"/>
  <c r="AC71390" i="1"/>
  <c r="AC71391" i="1"/>
  <c r="AC71392" i="1"/>
  <c r="AC71393" i="1"/>
  <c r="AC71394" i="1"/>
  <c r="AC71395" i="1"/>
  <c r="AC71396" i="1"/>
  <c r="AC71397" i="1"/>
  <c r="AC71398" i="1"/>
  <c r="AC71399" i="1"/>
  <c r="AC71400" i="1"/>
  <c r="AC71401" i="1"/>
  <c r="AC71402" i="1"/>
  <c r="AC71403" i="1"/>
  <c r="AC71404" i="1"/>
  <c r="AC71405" i="1"/>
  <c r="AC71406" i="1"/>
  <c r="AC71407" i="1"/>
  <c r="AC71408" i="1"/>
  <c r="AC71409" i="1"/>
  <c r="AC71410" i="1"/>
  <c r="AC71411" i="1"/>
  <c r="AC71412" i="1"/>
  <c r="AC71413" i="1"/>
  <c r="AC71414" i="1"/>
  <c r="AC71415" i="1"/>
  <c r="AC71416" i="1"/>
  <c r="AC71417" i="1"/>
  <c r="AC71418" i="1"/>
  <c r="AC71419" i="1"/>
  <c r="AC71420" i="1"/>
  <c r="AC71421" i="1"/>
  <c r="AC71422" i="1"/>
  <c r="AC71423" i="1"/>
  <c r="AC71424" i="1"/>
  <c r="AC71425" i="1"/>
  <c r="AC71426" i="1"/>
  <c r="AC71427" i="1"/>
  <c r="AC71428" i="1"/>
  <c r="AC71429" i="1"/>
  <c r="AC71430" i="1"/>
  <c r="AC71431" i="1"/>
  <c r="AC71432" i="1"/>
  <c r="AC71433" i="1"/>
  <c r="AC71434" i="1"/>
  <c r="AC71435" i="1"/>
  <c r="AC71436" i="1"/>
  <c r="AC71437" i="1"/>
  <c r="AC71438" i="1"/>
  <c r="AC71439" i="1"/>
  <c r="AC71440" i="1"/>
  <c r="AC71441" i="1"/>
  <c r="AC71442" i="1"/>
  <c r="AC71443" i="1"/>
  <c r="AC71444" i="1"/>
  <c r="AC71445" i="1"/>
  <c r="AC71446" i="1"/>
  <c r="AC71447" i="1"/>
  <c r="AC71448" i="1"/>
  <c r="AC71449" i="1"/>
  <c r="AC71450" i="1"/>
  <c r="AC71451" i="1"/>
  <c r="AC71452" i="1"/>
  <c r="AC71453" i="1"/>
  <c r="AC71454" i="1"/>
  <c r="AC71455" i="1"/>
  <c r="AC71456" i="1"/>
  <c r="AC71457" i="1"/>
  <c r="AC71458" i="1"/>
  <c r="AC71459" i="1"/>
  <c r="AC71460" i="1"/>
  <c r="AC71461" i="1"/>
  <c r="AC71462" i="1"/>
  <c r="AC71463" i="1"/>
  <c r="AC71464" i="1"/>
  <c r="AC71465" i="1"/>
  <c r="AC71466" i="1"/>
  <c r="AC71467" i="1"/>
  <c r="AC71468" i="1"/>
  <c r="AC71469" i="1"/>
  <c r="AC71470" i="1"/>
  <c r="AC71471" i="1"/>
  <c r="AC71472" i="1"/>
  <c r="AC71473" i="1"/>
  <c r="AC71474" i="1"/>
  <c r="AC71475" i="1"/>
  <c r="AC71476" i="1"/>
  <c r="AC71477" i="1"/>
  <c r="AC71478" i="1"/>
  <c r="AC71479" i="1"/>
  <c r="AC71480" i="1"/>
  <c r="AC71481" i="1"/>
  <c r="AC71482" i="1"/>
  <c r="AC71483" i="1"/>
  <c r="AC71484" i="1"/>
  <c r="AC71485" i="1"/>
  <c r="AC71486" i="1"/>
  <c r="AC71487" i="1"/>
  <c r="AC71488" i="1"/>
  <c r="AC71489" i="1"/>
  <c r="AC71490" i="1"/>
  <c r="AC71491" i="1"/>
  <c r="AC71492" i="1"/>
  <c r="AC71493" i="1"/>
  <c r="AC71494" i="1"/>
  <c r="AC71495" i="1"/>
  <c r="AC71496" i="1"/>
  <c r="AC71497" i="1"/>
  <c r="AC71498" i="1"/>
  <c r="AC71499" i="1"/>
  <c r="AC71500" i="1"/>
  <c r="AC71501" i="1"/>
  <c r="AC71502" i="1"/>
  <c r="AC71503" i="1"/>
  <c r="AC71504" i="1"/>
  <c r="AC71505" i="1"/>
  <c r="AC71506" i="1"/>
  <c r="AC71507" i="1"/>
  <c r="AC71508" i="1"/>
  <c r="AC71509" i="1"/>
  <c r="AC71510" i="1"/>
  <c r="AC71511" i="1"/>
  <c r="AC71512" i="1"/>
  <c r="AC71513" i="1"/>
  <c r="AC71514" i="1"/>
  <c r="AC71515" i="1"/>
  <c r="AC71516" i="1"/>
  <c r="AC71517" i="1"/>
  <c r="AC71518" i="1"/>
  <c r="AC71519" i="1"/>
  <c r="AC71520" i="1"/>
  <c r="AC71521" i="1"/>
  <c r="AC71522" i="1"/>
  <c r="AC71523" i="1"/>
  <c r="AC71524" i="1"/>
  <c r="AC71525" i="1"/>
  <c r="AC71526" i="1"/>
  <c r="AC71527" i="1"/>
  <c r="AC71528" i="1"/>
  <c r="AC71529" i="1"/>
  <c r="AC71530" i="1"/>
  <c r="AC71531" i="1"/>
  <c r="AC71532" i="1"/>
  <c r="AC71533" i="1"/>
  <c r="AC71534" i="1"/>
  <c r="AC71535" i="1"/>
  <c r="AC71536" i="1"/>
  <c r="AC71537" i="1"/>
  <c r="AC71538" i="1"/>
  <c r="AC71539" i="1"/>
  <c r="AC71540" i="1"/>
  <c r="AC71541" i="1"/>
  <c r="AC71542" i="1"/>
  <c r="AC71543" i="1"/>
  <c r="AC71544" i="1"/>
  <c r="AC71545" i="1"/>
  <c r="AC71546" i="1"/>
  <c r="AC71547" i="1"/>
  <c r="AC71548" i="1"/>
  <c r="AC71549" i="1"/>
  <c r="AC71550" i="1"/>
  <c r="AC71551" i="1"/>
  <c r="AC71552" i="1"/>
  <c r="AC71553" i="1"/>
  <c r="AC71554" i="1"/>
  <c r="AC71555" i="1"/>
  <c r="AC71556" i="1"/>
  <c r="AC71557" i="1"/>
  <c r="AC71558" i="1"/>
  <c r="AC71559" i="1"/>
  <c r="AC71560" i="1"/>
  <c r="AC71561" i="1"/>
  <c r="AC71562" i="1"/>
  <c r="AC71563" i="1"/>
  <c r="AC71564" i="1"/>
  <c r="AC71565" i="1"/>
  <c r="AC71566" i="1"/>
  <c r="AC71567" i="1"/>
  <c r="AC71568" i="1"/>
  <c r="AC71569" i="1"/>
  <c r="AC71570" i="1"/>
  <c r="AC71571" i="1"/>
  <c r="AC71572" i="1"/>
  <c r="AC71573" i="1"/>
  <c r="AC71574" i="1"/>
  <c r="AC71575" i="1"/>
  <c r="AC71576" i="1"/>
  <c r="AC71577" i="1"/>
  <c r="AC71578" i="1"/>
  <c r="AC71579" i="1"/>
  <c r="AC71580" i="1"/>
  <c r="AC71581" i="1"/>
  <c r="AC71582" i="1"/>
  <c r="AC71583" i="1"/>
  <c r="AC71584" i="1"/>
  <c r="AC71585" i="1"/>
  <c r="AC71586" i="1"/>
  <c r="AC71587" i="1"/>
  <c r="AC71588" i="1"/>
  <c r="AC71589" i="1"/>
  <c r="AC71590" i="1"/>
  <c r="AC71591" i="1"/>
  <c r="AC71592" i="1"/>
  <c r="AC71593" i="1"/>
  <c r="AC71594" i="1"/>
  <c r="AC71595" i="1"/>
  <c r="AC71596" i="1"/>
  <c r="AC71597" i="1"/>
  <c r="AC71598" i="1"/>
  <c r="AC71599" i="1"/>
  <c r="AC71600" i="1"/>
  <c r="AC71601" i="1"/>
  <c r="AC71602" i="1"/>
  <c r="AC71603" i="1"/>
  <c r="AC71604" i="1"/>
  <c r="AC71605" i="1"/>
  <c r="AC71606" i="1"/>
  <c r="AC71607" i="1"/>
  <c r="AC71608" i="1"/>
  <c r="AC71609" i="1"/>
  <c r="AC71610" i="1"/>
  <c r="AC71611" i="1"/>
  <c r="AC71612" i="1"/>
  <c r="AC71613" i="1"/>
  <c r="AC71614" i="1"/>
  <c r="AC71615" i="1"/>
  <c r="AC71616" i="1"/>
  <c r="AC71617" i="1"/>
  <c r="AC71618" i="1"/>
  <c r="AC71619" i="1"/>
  <c r="AC71620" i="1"/>
  <c r="AC71621" i="1"/>
  <c r="AC71622" i="1"/>
  <c r="AC71623" i="1"/>
  <c r="AC71624" i="1"/>
  <c r="AC71625" i="1"/>
  <c r="AC71626" i="1"/>
  <c r="AC71627" i="1"/>
  <c r="AC71628" i="1"/>
  <c r="AC71629" i="1"/>
  <c r="AC71630" i="1"/>
  <c r="AC71631" i="1"/>
  <c r="AC71632" i="1"/>
  <c r="AC71633" i="1"/>
  <c r="AC71634" i="1"/>
  <c r="AC71635" i="1"/>
  <c r="AC71636" i="1"/>
  <c r="AC71637" i="1"/>
  <c r="AC71638" i="1"/>
  <c r="AC71639" i="1"/>
  <c r="AC71640" i="1"/>
  <c r="AC71641" i="1"/>
  <c r="AC71642" i="1"/>
  <c r="AC71643" i="1"/>
  <c r="AC71644" i="1"/>
  <c r="AC71645" i="1"/>
  <c r="AC71646" i="1"/>
  <c r="AC71647" i="1"/>
  <c r="AC71648" i="1"/>
  <c r="AC71649" i="1"/>
  <c r="AC71650" i="1"/>
  <c r="AC71651" i="1"/>
  <c r="AC71652" i="1"/>
  <c r="AC71653" i="1"/>
  <c r="AC71654" i="1"/>
  <c r="AC71655" i="1"/>
  <c r="AC71656" i="1"/>
  <c r="AC71657" i="1"/>
  <c r="AC71658" i="1"/>
  <c r="AC71659" i="1"/>
  <c r="AC71660" i="1"/>
  <c r="AC71661" i="1"/>
  <c r="AC71662" i="1"/>
  <c r="AC71663" i="1"/>
  <c r="AC71664" i="1"/>
  <c r="AC71665" i="1"/>
  <c r="AC71666" i="1"/>
  <c r="AC71667" i="1"/>
  <c r="AC71668" i="1"/>
  <c r="AC71669" i="1"/>
  <c r="AC71670" i="1"/>
  <c r="AC71671" i="1"/>
  <c r="AC71672" i="1"/>
  <c r="AC71673" i="1"/>
  <c r="AC71674" i="1"/>
  <c r="AC71675" i="1"/>
  <c r="AC71676" i="1"/>
  <c r="AC71677" i="1"/>
  <c r="AC71678" i="1"/>
  <c r="AC71679" i="1"/>
  <c r="AC71680" i="1"/>
  <c r="AC71681" i="1"/>
  <c r="AC71682" i="1"/>
  <c r="AC71683" i="1"/>
  <c r="AC71684" i="1"/>
  <c r="AC71685" i="1"/>
  <c r="AC71686" i="1"/>
  <c r="AC71687" i="1"/>
  <c r="AC71688" i="1"/>
  <c r="AC71689" i="1"/>
  <c r="AC71690" i="1"/>
  <c r="AC71691" i="1"/>
  <c r="AC71692" i="1"/>
  <c r="AC71693" i="1"/>
  <c r="AC71694" i="1"/>
  <c r="AC71695" i="1"/>
  <c r="AC71696" i="1"/>
  <c r="AC71697" i="1"/>
  <c r="AC71698" i="1"/>
  <c r="AC71699" i="1"/>
  <c r="AC71700" i="1"/>
  <c r="AC71701" i="1"/>
  <c r="AC71702" i="1"/>
  <c r="AC71703" i="1"/>
  <c r="AC71704" i="1"/>
  <c r="AC71705" i="1"/>
  <c r="AC71706" i="1"/>
  <c r="AC71707" i="1"/>
  <c r="AC71708" i="1"/>
  <c r="AC71709" i="1"/>
  <c r="AC71710" i="1"/>
  <c r="AC71711" i="1"/>
  <c r="AC71712" i="1"/>
  <c r="AC71713" i="1"/>
  <c r="AC71714" i="1"/>
  <c r="AC71715" i="1"/>
  <c r="AC71716" i="1"/>
  <c r="AC71717" i="1"/>
  <c r="AC71718" i="1"/>
  <c r="AC71719" i="1"/>
  <c r="AC71720" i="1"/>
  <c r="AC71721" i="1"/>
  <c r="AC71722" i="1"/>
  <c r="AC71723" i="1"/>
  <c r="AC71724" i="1"/>
  <c r="AC71725" i="1"/>
  <c r="AC71726" i="1"/>
  <c r="AC71727" i="1"/>
  <c r="AC71728" i="1"/>
  <c r="AC71729" i="1"/>
  <c r="AC71730" i="1"/>
  <c r="AC71731" i="1"/>
  <c r="AC71732" i="1"/>
  <c r="AC71733" i="1"/>
  <c r="AC71734" i="1"/>
  <c r="AC71735" i="1"/>
  <c r="AC71736" i="1"/>
  <c r="AC71737" i="1"/>
  <c r="AC71738" i="1"/>
  <c r="AC71739" i="1"/>
  <c r="AC71740" i="1"/>
  <c r="AC71741" i="1"/>
  <c r="AC71742" i="1"/>
  <c r="AC71743" i="1"/>
  <c r="AC71744" i="1"/>
  <c r="AC71745" i="1"/>
  <c r="AC71746" i="1"/>
  <c r="AC71747" i="1"/>
  <c r="AC71748" i="1"/>
  <c r="AC71749" i="1"/>
  <c r="AC71750" i="1"/>
  <c r="AC71751" i="1"/>
  <c r="AC71752" i="1"/>
  <c r="AC71753" i="1"/>
  <c r="AC71754" i="1"/>
  <c r="AC71755" i="1"/>
  <c r="AC71756" i="1"/>
  <c r="AC71757" i="1"/>
  <c r="AC71758" i="1"/>
  <c r="AC71759" i="1"/>
  <c r="AC71760" i="1"/>
  <c r="AC71761" i="1"/>
  <c r="AC71762" i="1"/>
  <c r="AC71763" i="1"/>
  <c r="AC71764" i="1"/>
  <c r="AC71765" i="1"/>
  <c r="AC71766" i="1"/>
  <c r="AC71767" i="1"/>
  <c r="AC71768" i="1"/>
  <c r="AC71769" i="1"/>
  <c r="AC71770" i="1"/>
  <c r="AC71771" i="1"/>
  <c r="AC71772" i="1"/>
  <c r="AC71773" i="1"/>
  <c r="AC71774" i="1"/>
  <c r="AC71775" i="1"/>
  <c r="AC71776" i="1"/>
  <c r="AC71777" i="1"/>
  <c r="AC71778" i="1"/>
  <c r="AC71779" i="1"/>
  <c r="AC71780" i="1"/>
  <c r="AC71781" i="1"/>
  <c r="AC71782" i="1"/>
  <c r="AC71783" i="1"/>
  <c r="AC71784" i="1"/>
  <c r="AC71785" i="1"/>
  <c r="AC71786" i="1"/>
  <c r="AC71787" i="1"/>
  <c r="AC71788" i="1"/>
  <c r="AC71789" i="1"/>
  <c r="AC71790" i="1"/>
  <c r="AC71791" i="1"/>
  <c r="AC71792" i="1"/>
  <c r="AC71793" i="1"/>
  <c r="AC71794" i="1"/>
  <c r="AC71795" i="1"/>
  <c r="AC71796" i="1"/>
  <c r="AC71797" i="1"/>
  <c r="AC71798" i="1"/>
  <c r="AC71799" i="1"/>
  <c r="AC71800" i="1"/>
  <c r="AC71801" i="1"/>
  <c r="AC71802" i="1"/>
  <c r="AC71803" i="1"/>
  <c r="AC71804" i="1"/>
  <c r="AC71805" i="1"/>
  <c r="AC71806" i="1"/>
  <c r="AC71807" i="1"/>
  <c r="AC71808" i="1"/>
  <c r="AC71809" i="1"/>
  <c r="AC71810" i="1"/>
  <c r="AC71811" i="1"/>
  <c r="AC71812" i="1"/>
  <c r="AC71813" i="1"/>
  <c r="AC71814" i="1"/>
  <c r="AC71815" i="1"/>
  <c r="AC71816" i="1"/>
  <c r="AC71817" i="1"/>
  <c r="AC71818" i="1"/>
  <c r="AC71819" i="1"/>
  <c r="AC71820" i="1"/>
  <c r="AC71821" i="1"/>
  <c r="AC71822" i="1"/>
  <c r="AC71823" i="1"/>
  <c r="AC71824" i="1"/>
  <c r="AC71825" i="1"/>
  <c r="AC71826" i="1"/>
  <c r="AC71827" i="1"/>
  <c r="AC71828" i="1"/>
  <c r="AC71829" i="1"/>
  <c r="AC71830" i="1"/>
  <c r="AC71831" i="1"/>
  <c r="AC71832" i="1"/>
  <c r="AC71833" i="1"/>
  <c r="AC71834" i="1"/>
  <c r="AC71835" i="1"/>
  <c r="AC71836" i="1"/>
  <c r="AC71837" i="1"/>
  <c r="AC71838" i="1"/>
  <c r="AC71839" i="1"/>
  <c r="AC71840" i="1"/>
  <c r="AC71841" i="1"/>
  <c r="AC71842" i="1"/>
  <c r="AC71843" i="1"/>
  <c r="AC71844" i="1"/>
  <c r="AC71845" i="1"/>
  <c r="AC71846" i="1"/>
  <c r="AC71847" i="1"/>
  <c r="AC71848" i="1"/>
  <c r="AC71849" i="1"/>
  <c r="AC71850" i="1"/>
  <c r="AC71851" i="1"/>
  <c r="AC71852" i="1"/>
  <c r="AC71853" i="1"/>
  <c r="AC71854" i="1"/>
  <c r="AC71855" i="1"/>
  <c r="AC71856" i="1"/>
  <c r="AC71857" i="1"/>
  <c r="AC71858" i="1"/>
  <c r="AC71859" i="1"/>
  <c r="AC71860" i="1"/>
  <c r="AC71861" i="1"/>
  <c r="AC71862" i="1"/>
  <c r="AC71863" i="1"/>
  <c r="AC71864" i="1"/>
  <c r="AC71865" i="1"/>
  <c r="AC71866" i="1"/>
  <c r="AC71867" i="1"/>
  <c r="AC71868" i="1"/>
  <c r="AC71869" i="1"/>
  <c r="AC71870" i="1"/>
  <c r="AC71871" i="1"/>
  <c r="AC71872" i="1"/>
  <c r="AC71873" i="1"/>
  <c r="AC71874" i="1"/>
  <c r="AC71875" i="1"/>
  <c r="AC71876" i="1"/>
  <c r="AC71877" i="1"/>
  <c r="AC71878" i="1"/>
  <c r="AC71879" i="1"/>
  <c r="AC71880" i="1"/>
  <c r="AC71881" i="1"/>
  <c r="AC71882" i="1"/>
  <c r="AC71883" i="1"/>
  <c r="AC71884" i="1"/>
  <c r="AC71885" i="1"/>
  <c r="AC71886" i="1"/>
  <c r="AC71887" i="1"/>
  <c r="AC71888" i="1"/>
  <c r="AC71889" i="1"/>
  <c r="AC71890" i="1"/>
  <c r="AC71891" i="1"/>
  <c r="AC71892" i="1"/>
  <c r="AC71893" i="1"/>
  <c r="AC71894" i="1"/>
  <c r="AC71895" i="1"/>
  <c r="AC71896" i="1"/>
  <c r="AC71897" i="1"/>
  <c r="AC71898" i="1"/>
  <c r="AC71899" i="1"/>
  <c r="AC71900" i="1"/>
  <c r="AC71901" i="1"/>
  <c r="AC71902" i="1"/>
  <c r="AC71903" i="1"/>
  <c r="AC71904" i="1"/>
  <c r="AC71905" i="1"/>
  <c r="AC71906" i="1"/>
  <c r="AC71907" i="1"/>
  <c r="AC71908" i="1"/>
  <c r="AC71909" i="1"/>
  <c r="AC71910" i="1"/>
  <c r="AC71911" i="1"/>
  <c r="AC71912" i="1"/>
  <c r="AC71913" i="1"/>
  <c r="AC71914" i="1"/>
  <c r="AC71915" i="1"/>
  <c r="AC71916" i="1"/>
  <c r="AC71917" i="1"/>
  <c r="AC71918" i="1"/>
  <c r="AC71919" i="1"/>
  <c r="AC71920" i="1"/>
  <c r="AC71921" i="1"/>
  <c r="AC71922" i="1"/>
  <c r="AC71923" i="1"/>
  <c r="AC71924" i="1"/>
  <c r="AC71925" i="1"/>
  <c r="AC71926" i="1"/>
  <c r="AC71927" i="1"/>
  <c r="AC71928" i="1"/>
  <c r="AC71929" i="1"/>
  <c r="AC71930" i="1"/>
  <c r="AC71931" i="1"/>
  <c r="AC71932" i="1"/>
  <c r="AC71933" i="1"/>
  <c r="AC71934" i="1"/>
  <c r="AC71935" i="1"/>
  <c r="AC71936" i="1"/>
  <c r="AC71937" i="1"/>
  <c r="AC71938" i="1"/>
  <c r="AC71939" i="1"/>
  <c r="AC71940" i="1"/>
  <c r="AC71941" i="1"/>
  <c r="AC71942" i="1"/>
  <c r="AC71943" i="1"/>
  <c r="AC71944" i="1"/>
  <c r="AC71945" i="1"/>
  <c r="AC71946" i="1"/>
  <c r="AC71947" i="1"/>
  <c r="AC71948" i="1"/>
  <c r="AC71949" i="1"/>
  <c r="AC71950" i="1"/>
  <c r="AC71951" i="1"/>
  <c r="AC71952" i="1"/>
  <c r="AC71953" i="1"/>
  <c r="AC71954" i="1"/>
  <c r="AC71955" i="1"/>
  <c r="AC71956" i="1"/>
  <c r="AC71957" i="1"/>
  <c r="AC71958" i="1"/>
  <c r="AC71959" i="1"/>
  <c r="AC71960" i="1"/>
  <c r="AC71961" i="1"/>
  <c r="AC71962" i="1"/>
  <c r="AC71963" i="1"/>
  <c r="AC71964" i="1"/>
  <c r="AC71965" i="1"/>
  <c r="AC71966" i="1"/>
  <c r="AC71967" i="1"/>
  <c r="AC71968" i="1"/>
  <c r="AC71969" i="1"/>
  <c r="AC71970" i="1"/>
  <c r="AC71971" i="1"/>
  <c r="AC71972" i="1"/>
  <c r="AC71973" i="1"/>
  <c r="AC71974" i="1"/>
  <c r="AC71975" i="1"/>
  <c r="AC71976" i="1"/>
  <c r="AC71977" i="1"/>
  <c r="AC71978" i="1"/>
  <c r="AC71979" i="1"/>
  <c r="AC71980" i="1"/>
  <c r="AC71981" i="1"/>
  <c r="AC71982" i="1"/>
  <c r="AC71983" i="1"/>
  <c r="AC71984" i="1"/>
  <c r="AC71985" i="1"/>
  <c r="AC71986" i="1"/>
  <c r="AC71987" i="1"/>
  <c r="AC71988" i="1"/>
  <c r="AC71989" i="1"/>
  <c r="AC71990" i="1"/>
  <c r="AC71991" i="1"/>
  <c r="AC71992" i="1"/>
  <c r="AC71993" i="1"/>
  <c r="AC71994" i="1"/>
  <c r="AC71995" i="1"/>
  <c r="AC71996" i="1"/>
  <c r="AC71997" i="1"/>
  <c r="AC71998" i="1"/>
  <c r="AC71999" i="1"/>
  <c r="AC72000" i="1"/>
  <c r="AC72001" i="1"/>
  <c r="AC72002" i="1"/>
  <c r="AC72003" i="1"/>
  <c r="AC72004" i="1"/>
  <c r="AC72005" i="1"/>
  <c r="AC72006" i="1"/>
  <c r="AC72007" i="1"/>
  <c r="AC72008" i="1"/>
  <c r="AC72009" i="1"/>
  <c r="AC72010" i="1"/>
  <c r="AC72011" i="1"/>
  <c r="AC72012" i="1"/>
  <c r="AC72013" i="1"/>
  <c r="AC72014" i="1"/>
  <c r="AC72015" i="1"/>
  <c r="AC72016" i="1"/>
  <c r="AC72017" i="1"/>
  <c r="AC72018" i="1"/>
  <c r="AC72019" i="1"/>
  <c r="AC72020" i="1"/>
  <c r="AC72021" i="1"/>
  <c r="AC72022" i="1"/>
  <c r="AC72023" i="1"/>
  <c r="AC72024" i="1"/>
  <c r="AC72025" i="1"/>
  <c r="AC72026" i="1"/>
  <c r="AC72027" i="1"/>
  <c r="AC72028" i="1"/>
  <c r="AC72029" i="1"/>
  <c r="AC72030" i="1"/>
  <c r="AC72031" i="1"/>
  <c r="AC72032" i="1"/>
  <c r="AC72033" i="1"/>
  <c r="AC72034" i="1"/>
  <c r="AC72035" i="1"/>
  <c r="AC72036" i="1"/>
  <c r="AC72037" i="1"/>
  <c r="AC72038" i="1"/>
  <c r="AC72039" i="1"/>
  <c r="AC72040" i="1"/>
  <c r="AC72041" i="1"/>
  <c r="AC72042" i="1"/>
  <c r="AC72043" i="1"/>
  <c r="AC72044" i="1"/>
  <c r="AC72045" i="1"/>
  <c r="AC72046" i="1"/>
  <c r="AC72047" i="1"/>
  <c r="AC72048" i="1"/>
  <c r="AC72049" i="1"/>
  <c r="AC72050" i="1"/>
  <c r="AC72051" i="1"/>
  <c r="AC72052" i="1"/>
  <c r="AC72053" i="1"/>
  <c r="AC72054" i="1"/>
  <c r="AC72055" i="1"/>
  <c r="AC72056" i="1"/>
  <c r="AC72057" i="1"/>
  <c r="AC72058" i="1"/>
  <c r="AC72059" i="1"/>
  <c r="AC72060" i="1"/>
  <c r="AC72061" i="1"/>
  <c r="AC72062" i="1"/>
  <c r="AC72063" i="1"/>
  <c r="AC72064" i="1"/>
  <c r="AC72065" i="1"/>
  <c r="AC72066" i="1"/>
  <c r="AC72067" i="1"/>
  <c r="AC72068" i="1"/>
  <c r="AC72069" i="1"/>
  <c r="AC72070" i="1"/>
  <c r="AC72071" i="1"/>
  <c r="AC72072" i="1"/>
  <c r="AC72073" i="1"/>
  <c r="AC72074" i="1"/>
  <c r="AC72075" i="1"/>
  <c r="AC72076" i="1"/>
  <c r="AC72077" i="1"/>
  <c r="AC72078" i="1"/>
  <c r="AC72079" i="1"/>
  <c r="AC72080" i="1"/>
  <c r="AC72081" i="1"/>
  <c r="AC72082" i="1"/>
  <c r="AC72083" i="1"/>
  <c r="AC72084" i="1"/>
  <c r="AC72085" i="1"/>
  <c r="AC72086" i="1"/>
  <c r="AC72087" i="1"/>
  <c r="AC72088" i="1"/>
  <c r="AC72089" i="1"/>
  <c r="AC72090" i="1"/>
  <c r="AC72091" i="1"/>
  <c r="AC72092" i="1"/>
  <c r="AC72093" i="1"/>
  <c r="AC72094" i="1"/>
  <c r="AC72095" i="1"/>
  <c r="AC72096" i="1"/>
  <c r="AC72097" i="1"/>
  <c r="AC72098" i="1"/>
  <c r="AC72099" i="1"/>
  <c r="AC72100" i="1"/>
  <c r="AC72101" i="1"/>
  <c r="AC72102" i="1"/>
  <c r="AC72103" i="1"/>
  <c r="AC72104" i="1"/>
  <c r="AC72105" i="1"/>
  <c r="AC72106" i="1"/>
  <c r="AC72107" i="1"/>
  <c r="AC72108" i="1"/>
  <c r="AC72109" i="1"/>
  <c r="AC72110" i="1"/>
  <c r="AC72111" i="1"/>
  <c r="AC72112" i="1"/>
  <c r="AC72113" i="1"/>
  <c r="AC72114" i="1"/>
  <c r="AC72115" i="1"/>
  <c r="AC72116" i="1"/>
  <c r="AC72117" i="1"/>
  <c r="AC72118" i="1"/>
  <c r="AC72119" i="1"/>
  <c r="AC72120" i="1"/>
  <c r="AC72121" i="1"/>
  <c r="AC72122" i="1"/>
  <c r="AC72123" i="1"/>
  <c r="AC72124" i="1"/>
  <c r="AC72125" i="1"/>
  <c r="AC72126" i="1"/>
  <c r="AC72127" i="1"/>
  <c r="AC72128" i="1"/>
  <c r="AC72129" i="1"/>
  <c r="AC72130" i="1"/>
  <c r="AC72131" i="1"/>
  <c r="AC72132" i="1"/>
  <c r="AC72133" i="1"/>
  <c r="AC72134" i="1"/>
  <c r="AC72135" i="1"/>
  <c r="AC72136" i="1"/>
  <c r="AC72137" i="1"/>
  <c r="AC72138" i="1"/>
  <c r="AC72139" i="1"/>
  <c r="AC72140" i="1"/>
  <c r="AC72141" i="1"/>
  <c r="AC72142" i="1"/>
  <c r="AC72143" i="1"/>
  <c r="AC72144" i="1"/>
  <c r="AC72145" i="1"/>
  <c r="AC72146" i="1"/>
  <c r="AC72147" i="1"/>
  <c r="AC72148" i="1"/>
  <c r="AC72149" i="1"/>
  <c r="AC72150" i="1"/>
  <c r="AC72151" i="1"/>
  <c r="AC72152" i="1"/>
  <c r="AC72153" i="1"/>
  <c r="AC72154" i="1"/>
  <c r="AC72155" i="1"/>
  <c r="AC72156" i="1"/>
  <c r="AC72157" i="1"/>
  <c r="AC72158" i="1"/>
  <c r="AC72159" i="1"/>
  <c r="AC72160" i="1"/>
  <c r="AC72161" i="1"/>
  <c r="AC72162" i="1"/>
  <c r="AC72163" i="1"/>
  <c r="AC72164" i="1"/>
  <c r="AC72165" i="1"/>
  <c r="AC72166" i="1"/>
  <c r="AC72167" i="1"/>
  <c r="AC72168" i="1"/>
  <c r="AC72169" i="1"/>
  <c r="AC72170" i="1"/>
  <c r="AC72171" i="1"/>
  <c r="AC72172" i="1"/>
  <c r="AC72173" i="1"/>
  <c r="AC72174" i="1"/>
  <c r="AC72175" i="1"/>
  <c r="AC72176" i="1"/>
  <c r="AC72177" i="1"/>
  <c r="AC72178" i="1"/>
  <c r="AC72179" i="1"/>
  <c r="AC72180" i="1"/>
  <c r="AC72181" i="1"/>
  <c r="AC72182" i="1"/>
  <c r="AC72183" i="1"/>
  <c r="AC72184" i="1"/>
  <c r="AC72185" i="1"/>
  <c r="AC72186" i="1"/>
  <c r="AC72187" i="1"/>
  <c r="AC72188" i="1"/>
  <c r="AC72189" i="1"/>
  <c r="AC72190" i="1"/>
  <c r="AC72191" i="1"/>
  <c r="AC72192" i="1"/>
  <c r="AC72193" i="1"/>
  <c r="AC72194" i="1"/>
  <c r="AC72195" i="1"/>
  <c r="AC72196" i="1"/>
  <c r="AC72197" i="1"/>
  <c r="AC72198" i="1"/>
  <c r="AC72199" i="1"/>
  <c r="AC72200" i="1"/>
  <c r="AC72201" i="1"/>
  <c r="AC72202" i="1"/>
  <c r="AC72203" i="1"/>
  <c r="AC72204" i="1"/>
  <c r="AC72205" i="1"/>
  <c r="AC72206" i="1"/>
  <c r="AC72207" i="1"/>
  <c r="AC72208" i="1"/>
  <c r="AC72209" i="1"/>
  <c r="AC72210" i="1"/>
  <c r="AC72211" i="1"/>
  <c r="AC72212" i="1"/>
  <c r="AC72213" i="1"/>
  <c r="AC72214" i="1"/>
  <c r="AC72215" i="1"/>
  <c r="AC72216" i="1"/>
  <c r="AC72217" i="1"/>
  <c r="AC72218" i="1"/>
  <c r="AC72219" i="1"/>
  <c r="AC72220" i="1"/>
  <c r="AC72221" i="1"/>
  <c r="AC72222" i="1"/>
  <c r="AC72223" i="1"/>
  <c r="AC72224" i="1"/>
  <c r="AC72225" i="1"/>
  <c r="AC72226" i="1"/>
  <c r="AC72227" i="1"/>
  <c r="AC72228" i="1"/>
  <c r="AC72229" i="1"/>
  <c r="AC72230" i="1"/>
  <c r="AC72231" i="1"/>
  <c r="AC72232" i="1"/>
  <c r="AC72233" i="1"/>
  <c r="AC72234" i="1"/>
  <c r="AC72235" i="1"/>
  <c r="AC72236" i="1"/>
  <c r="AC72237" i="1"/>
  <c r="AC72238" i="1"/>
  <c r="AC72239" i="1"/>
  <c r="AC72240" i="1"/>
  <c r="AC72241" i="1"/>
  <c r="AC72242" i="1"/>
  <c r="AC72243" i="1"/>
  <c r="AC72244" i="1"/>
  <c r="AC72245" i="1"/>
  <c r="AC72246" i="1"/>
  <c r="AC72247" i="1"/>
  <c r="AC72248" i="1"/>
  <c r="AC72249" i="1"/>
  <c r="AC72250" i="1"/>
  <c r="AC72251" i="1"/>
  <c r="AC72252" i="1"/>
  <c r="AC72253" i="1"/>
  <c r="AC72254" i="1"/>
  <c r="AC72255" i="1"/>
  <c r="AC72256" i="1"/>
  <c r="AC72257" i="1"/>
  <c r="AC72258" i="1"/>
  <c r="AC72259" i="1"/>
  <c r="AC72260" i="1"/>
  <c r="AC72261" i="1"/>
  <c r="AC72262" i="1"/>
  <c r="AC72263" i="1"/>
  <c r="AC72264" i="1"/>
  <c r="AC72265" i="1"/>
  <c r="AC72266" i="1"/>
  <c r="AC72267" i="1"/>
  <c r="AC72268" i="1"/>
  <c r="AC72269" i="1"/>
  <c r="AC72270" i="1"/>
  <c r="AC72271" i="1"/>
  <c r="AC72272" i="1"/>
  <c r="AC72273" i="1"/>
  <c r="AC72274" i="1"/>
  <c r="AC72275" i="1"/>
  <c r="AC72276" i="1"/>
  <c r="AC72277" i="1"/>
  <c r="AC72278" i="1"/>
  <c r="AC72279" i="1"/>
  <c r="AC72280" i="1"/>
  <c r="AC72281" i="1"/>
  <c r="AC72282" i="1"/>
  <c r="AC72283" i="1"/>
  <c r="AC72284" i="1"/>
  <c r="AC72285" i="1"/>
  <c r="AC72286" i="1"/>
  <c r="AC72287" i="1"/>
  <c r="AC72288" i="1"/>
  <c r="AC72289" i="1"/>
  <c r="AC72290" i="1"/>
  <c r="AC72291" i="1"/>
  <c r="AC72292" i="1"/>
  <c r="AC72293" i="1"/>
  <c r="AC72294" i="1"/>
  <c r="AC72295" i="1"/>
  <c r="AC72296" i="1"/>
  <c r="AC72297" i="1"/>
  <c r="AC72298" i="1"/>
  <c r="AC72299" i="1"/>
  <c r="AC72300" i="1"/>
  <c r="AC72301" i="1"/>
  <c r="AC72302" i="1"/>
  <c r="AC72303" i="1"/>
  <c r="AC72304" i="1"/>
  <c r="AC72305" i="1"/>
  <c r="AC72306" i="1"/>
  <c r="AC72307" i="1"/>
  <c r="AC72308" i="1"/>
  <c r="AC72309" i="1"/>
  <c r="AC72310" i="1"/>
  <c r="AC72311" i="1"/>
  <c r="AC72312" i="1"/>
  <c r="AC72313" i="1"/>
  <c r="AC72314" i="1"/>
  <c r="AC72315" i="1"/>
  <c r="AC72316" i="1"/>
  <c r="AC72317" i="1"/>
  <c r="AC72318" i="1"/>
  <c r="AC72319" i="1"/>
  <c r="AC72320" i="1"/>
  <c r="AC72321" i="1"/>
  <c r="AC72322" i="1"/>
  <c r="AC72323" i="1"/>
  <c r="AC72324" i="1"/>
  <c r="AC72325" i="1"/>
  <c r="AC72326" i="1"/>
  <c r="AC72327" i="1"/>
  <c r="AC72328" i="1"/>
  <c r="AC72329" i="1"/>
  <c r="AC72330" i="1"/>
  <c r="AC72331" i="1"/>
  <c r="AC72332" i="1"/>
  <c r="AC72333" i="1"/>
  <c r="AC72334" i="1"/>
  <c r="AC72335" i="1"/>
  <c r="AC72336" i="1"/>
  <c r="AC72337" i="1"/>
  <c r="AC72338" i="1"/>
  <c r="AC72339" i="1"/>
  <c r="AC72340" i="1"/>
  <c r="AC72341" i="1"/>
  <c r="AC72342" i="1"/>
  <c r="AC72343" i="1"/>
  <c r="AC72344" i="1"/>
  <c r="AC72345" i="1"/>
  <c r="AC72346" i="1"/>
  <c r="AC72347" i="1"/>
  <c r="AC72348" i="1"/>
  <c r="AC72349" i="1"/>
  <c r="AC72350" i="1"/>
  <c r="AC72351" i="1"/>
  <c r="AC72352" i="1"/>
  <c r="AC72353" i="1"/>
  <c r="AC72354" i="1"/>
  <c r="AC72355" i="1"/>
  <c r="AC72356" i="1"/>
  <c r="AC72357" i="1"/>
  <c r="AC72358" i="1"/>
  <c r="AC72359" i="1"/>
  <c r="AC72360" i="1"/>
  <c r="AC72361" i="1"/>
  <c r="AC72362" i="1"/>
  <c r="AC72363" i="1"/>
  <c r="AC72364" i="1"/>
  <c r="AC72365" i="1"/>
  <c r="AC72366" i="1"/>
  <c r="AC72367" i="1"/>
  <c r="AC72368" i="1"/>
  <c r="AC72369" i="1"/>
  <c r="AC72370" i="1"/>
  <c r="AC72371" i="1"/>
  <c r="AC72372" i="1"/>
  <c r="AC72373" i="1"/>
  <c r="AC72374" i="1"/>
  <c r="AC72375" i="1"/>
  <c r="AC72376" i="1"/>
  <c r="AC72377" i="1"/>
  <c r="AC72378" i="1"/>
  <c r="AC72379" i="1"/>
  <c r="AC72380" i="1"/>
  <c r="AC72381" i="1"/>
  <c r="AC72382" i="1"/>
  <c r="AC72383" i="1"/>
  <c r="AC72384" i="1"/>
  <c r="AC72385" i="1"/>
  <c r="AC72386" i="1"/>
  <c r="AC72387" i="1"/>
  <c r="AC72388" i="1"/>
  <c r="AC72389" i="1"/>
  <c r="AC72390" i="1"/>
  <c r="AC72391" i="1"/>
  <c r="AC72392" i="1"/>
  <c r="AC72393" i="1"/>
  <c r="AC72394" i="1"/>
  <c r="AC72395" i="1"/>
  <c r="AC72396" i="1"/>
  <c r="AC72397" i="1"/>
  <c r="AC72398" i="1"/>
  <c r="AC72399" i="1"/>
  <c r="AC72400" i="1"/>
  <c r="AC72401" i="1"/>
  <c r="AC72402" i="1"/>
  <c r="AC72403" i="1"/>
  <c r="AC72404" i="1"/>
  <c r="AC72405" i="1"/>
  <c r="AC72406" i="1"/>
  <c r="AC72407" i="1"/>
  <c r="AC72408" i="1"/>
  <c r="AC72409" i="1"/>
  <c r="AC72410" i="1"/>
  <c r="AC72411" i="1"/>
  <c r="AC72412" i="1"/>
  <c r="AC72413" i="1"/>
  <c r="AC72414" i="1"/>
  <c r="AC72415" i="1"/>
  <c r="AC72416" i="1"/>
  <c r="AC72417" i="1"/>
  <c r="AC72418" i="1"/>
  <c r="AC72419" i="1"/>
  <c r="AC72420" i="1"/>
  <c r="AC72421" i="1"/>
  <c r="AC72422" i="1"/>
  <c r="AC72423" i="1"/>
  <c r="AC72424" i="1"/>
  <c r="AC72425" i="1"/>
  <c r="AC72426" i="1"/>
  <c r="AC72427" i="1"/>
  <c r="AC72428" i="1"/>
  <c r="AC72429" i="1"/>
  <c r="AC72430" i="1"/>
  <c r="AC72431" i="1"/>
  <c r="AC72432" i="1"/>
  <c r="AC72433" i="1"/>
  <c r="AC72434" i="1"/>
  <c r="AC72435" i="1"/>
  <c r="AC72436" i="1"/>
  <c r="AC72437" i="1"/>
  <c r="AC72438" i="1"/>
  <c r="AC72439" i="1"/>
  <c r="AC72440" i="1"/>
  <c r="AC72441" i="1"/>
  <c r="AC72442" i="1"/>
  <c r="AC72443" i="1"/>
  <c r="AC72444" i="1"/>
  <c r="AC72445" i="1"/>
  <c r="AC72446" i="1"/>
  <c r="AC72447" i="1"/>
  <c r="AC72448" i="1"/>
  <c r="AC72449" i="1"/>
  <c r="AC72450" i="1"/>
  <c r="AC72451" i="1"/>
  <c r="AC72452" i="1"/>
  <c r="AC72453" i="1"/>
  <c r="AC72454" i="1"/>
  <c r="AC72455" i="1"/>
  <c r="AC72456" i="1"/>
  <c r="AC72457" i="1"/>
  <c r="AC72458" i="1"/>
  <c r="AC72459" i="1"/>
  <c r="AC72460" i="1"/>
  <c r="AC72461" i="1"/>
  <c r="AC72462" i="1"/>
  <c r="AC72463" i="1"/>
  <c r="AC72464" i="1"/>
  <c r="AC72465" i="1"/>
  <c r="AC72466" i="1"/>
  <c r="AC72467" i="1"/>
  <c r="AC72468" i="1"/>
  <c r="AC72469" i="1"/>
  <c r="AC72470" i="1"/>
  <c r="AC72471" i="1"/>
  <c r="AC72472" i="1"/>
  <c r="AC72473" i="1"/>
  <c r="AC72474" i="1"/>
  <c r="AC72475" i="1"/>
  <c r="AC72476" i="1"/>
  <c r="AC72477" i="1"/>
  <c r="AC72478" i="1"/>
  <c r="AC72479" i="1"/>
  <c r="AC72480" i="1"/>
  <c r="AC72481" i="1"/>
  <c r="AC72482" i="1"/>
  <c r="AC72483" i="1"/>
  <c r="AC72484" i="1"/>
  <c r="AC72485" i="1"/>
  <c r="AC72486" i="1"/>
  <c r="AC72487" i="1"/>
  <c r="AC72488" i="1"/>
  <c r="AC72489" i="1"/>
  <c r="AC72490" i="1"/>
  <c r="AC72491" i="1"/>
  <c r="AC72492" i="1"/>
  <c r="AC72493" i="1"/>
  <c r="AC72494" i="1"/>
  <c r="AC72495" i="1"/>
  <c r="AC72496" i="1"/>
  <c r="AC72497" i="1"/>
  <c r="AC72498" i="1"/>
  <c r="AC72499" i="1"/>
  <c r="AC72500" i="1"/>
  <c r="AC72501" i="1"/>
  <c r="AC72502" i="1"/>
  <c r="AC72503" i="1"/>
  <c r="AC72504" i="1"/>
  <c r="AC72505" i="1"/>
  <c r="AC72506" i="1"/>
  <c r="AC72507" i="1"/>
  <c r="AC72508" i="1"/>
  <c r="AC72509" i="1"/>
  <c r="AC72510" i="1"/>
  <c r="AC72511" i="1"/>
  <c r="AC72512" i="1"/>
  <c r="AC72513" i="1"/>
  <c r="AC72514" i="1"/>
  <c r="AC72515" i="1"/>
  <c r="AC72516" i="1"/>
  <c r="AC72517" i="1"/>
  <c r="AC72518" i="1"/>
  <c r="AC72519" i="1"/>
  <c r="AC72520" i="1"/>
  <c r="AC72521" i="1"/>
  <c r="AC72522" i="1"/>
  <c r="AC72523" i="1"/>
  <c r="AC72524" i="1"/>
  <c r="AC72525" i="1"/>
  <c r="AC72526" i="1"/>
  <c r="AC72527" i="1"/>
  <c r="AC72528" i="1"/>
  <c r="AC72529" i="1"/>
  <c r="AC72530" i="1"/>
  <c r="AC72531" i="1"/>
  <c r="AC72532" i="1"/>
  <c r="AC72533" i="1"/>
  <c r="AC72534" i="1"/>
  <c r="AC72535" i="1"/>
  <c r="AC72536" i="1"/>
  <c r="AC72537" i="1"/>
  <c r="AC72538" i="1"/>
  <c r="AC72539" i="1"/>
  <c r="AC72540" i="1"/>
  <c r="AC72541" i="1"/>
  <c r="AC72542" i="1"/>
  <c r="AC72543" i="1"/>
  <c r="AC72544" i="1"/>
  <c r="AC72545" i="1"/>
  <c r="AC72546" i="1"/>
  <c r="AC72547" i="1"/>
  <c r="AC72548" i="1"/>
  <c r="AC72549" i="1"/>
  <c r="AC72550" i="1"/>
  <c r="AC72551" i="1"/>
  <c r="AC72552" i="1"/>
  <c r="AC72553" i="1"/>
  <c r="AC72554" i="1"/>
  <c r="AC72555" i="1"/>
  <c r="AC72556" i="1"/>
  <c r="AC72557" i="1"/>
  <c r="AC72558" i="1"/>
  <c r="AC72559" i="1"/>
  <c r="AC72560" i="1"/>
  <c r="AC72561" i="1"/>
  <c r="AC72562" i="1"/>
  <c r="AC72563" i="1"/>
  <c r="AC72564" i="1"/>
  <c r="AC72565" i="1"/>
  <c r="AC72566" i="1"/>
  <c r="AC72567" i="1"/>
  <c r="AC72568" i="1"/>
  <c r="AC72569" i="1"/>
  <c r="AC72570" i="1"/>
  <c r="AC72571" i="1"/>
  <c r="AC72572" i="1"/>
  <c r="AC72573" i="1"/>
  <c r="AC72574" i="1"/>
  <c r="AC72575" i="1"/>
  <c r="AC72576" i="1"/>
  <c r="AC72577" i="1"/>
  <c r="AC72578" i="1"/>
  <c r="AC72579" i="1"/>
  <c r="AC72580" i="1"/>
  <c r="AC72581" i="1"/>
  <c r="AC72582" i="1"/>
  <c r="AC72583" i="1"/>
  <c r="AC72584" i="1"/>
  <c r="AC72585" i="1"/>
  <c r="AC72586" i="1"/>
  <c r="AC72587" i="1"/>
  <c r="AC72588" i="1"/>
  <c r="AC72589" i="1"/>
  <c r="AC72590" i="1"/>
  <c r="AC72591" i="1"/>
  <c r="AC72592" i="1"/>
  <c r="AC72593" i="1"/>
  <c r="AC72594" i="1"/>
  <c r="AC72595" i="1"/>
  <c r="AC72596" i="1"/>
  <c r="AC72597" i="1"/>
  <c r="AC72598" i="1"/>
  <c r="AC72599" i="1"/>
  <c r="AC72600" i="1"/>
  <c r="AC72601" i="1"/>
  <c r="AC72602" i="1"/>
  <c r="AC72603" i="1"/>
  <c r="AC72604" i="1"/>
  <c r="AC72605" i="1"/>
  <c r="AC72606" i="1"/>
  <c r="AC72607" i="1"/>
  <c r="AC72608" i="1"/>
  <c r="AC72609" i="1"/>
  <c r="AC72610" i="1"/>
  <c r="AC72611" i="1"/>
  <c r="AC72612" i="1"/>
  <c r="AC72613" i="1"/>
  <c r="AC72614" i="1"/>
  <c r="AC72615" i="1"/>
  <c r="AC72616" i="1"/>
  <c r="AC72617" i="1"/>
  <c r="AC72618" i="1"/>
  <c r="AC72619" i="1"/>
  <c r="AC72620" i="1"/>
  <c r="AC72621" i="1"/>
  <c r="AC72622" i="1"/>
  <c r="AC72623" i="1"/>
  <c r="AC72624" i="1"/>
  <c r="AC72625" i="1"/>
  <c r="AC72626" i="1"/>
  <c r="AC72627" i="1"/>
  <c r="AC72628" i="1"/>
  <c r="AC72629" i="1"/>
  <c r="AC72630" i="1"/>
  <c r="AC72631" i="1"/>
  <c r="AC72632" i="1"/>
  <c r="AC72633" i="1"/>
  <c r="AC72634" i="1"/>
  <c r="AC72635" i="1"/>
  <c r="AC72636" i="1"/>
  <c r="AC72637" i="1"/>
  <c r="AC72638" i="1"/>
  <c r="AC72639" i="1"/>
  <c r="AC72640" i="1"/>
  <c r="AC72641" i="1"/>
  <c r="AC72642" i="1"/>
  <c r="AC72643" i="1"/>
  <c r="AC72644" i="1"/>
  <c r="AC72645" i="1"/>
  <c r="AC72646" i="1"/>
  <c r="AC72647" i="1"/>
  <c r="AC72648" i="1"/>
  <c r="AC72649" i="1"/>
  <c r="AC72650" i="1"/>
  <c r="AC72651" i="1"/>
  <c r="AC72652" i="1"/>
  <c r="AC72653" i="1"/>
  <c r="AC72654" i="1"/>
  <c r="AC72655" i="1"/>
  <c r="AC72656" i="1"/>
  <c r="AC72657" i="1"/>
  <c r="AC72658" i="1"/>
  <c r="AC72659" i="1"/>
  <c r="AC72660" i="1"/>
  <c r="AC72661" i="1"/>
  <c r="AC72662" i="1"/>
  <c r="AC72663" i="1"/>
  <c r="AC72664" i="1"/>
  <c r="AC72665" i="1"/>
  <c r="AC72666" i="1"/>
  <c r="AC72667" i="1"/>
  <c r="AC72668" i="1"/>
  <c r="AC72669" i="1"/>
  <c r="AC72670" i="1"/>
  <c r="AC72671" i="1"/>
  <c r="AC72672" i="1"/>
  <c r="AC72673" i="1"/>
  <c r="AC72674" i="1"/>
  <c r="AC72675" i="1"/>
  <c r="AC72676" i="1"/>
  <c r="AC72677" i="1"/>
  <c r="AC72678" i="1"/>
  <c r="AC72679" i="1"/>
  <c r="AC72680" i="1"/>
  <c r="AC72681" i="1"/>
  <c r="AC72682" i="1"/>
  <c r="AC72683" i="1"/>
  <c r="AC72684" i="1"/>
  <c r="AC72685" i="1"/>
  <c r="AC72686" i="1"/>
  <c r="AC72687" i="1"/>
  <c r="AC72688" i="1"/>
  <c r="AC72689" i="1"/>
  <c r="AC72690" i="1"/>
  <c r="AC72691" i="1"/>
  <c r="AC72692" i="1"/>
  <c r="AC72693" i="1"/>
  <c r="AC72694" i="1"/>
  <c r="AC72695" i="1"/>
  <c r="AC72696" i="1"/>
  <c r="AC72697" i="1"/>
  <c r="AC72698" i="1"/>
  <c r="AC72699" i="1"/>
  <c r="AC72700" i="1"/>
  <c r="AC72701" i="1"/>
  <c r="AC72702" i="1"/>
  <c r="AC72703" i="1"/>
  <c r="AC72704" i="1"/>
  <c r="AC72705" i="1"/>
  <c r="AC72706" i="1"/>
  <c r="AC72707" i="1"/>
  <c r="AC72708" i="1"/>
  <c r="AC72709" i="1"/>
  <c r="AC72710" i="1"/>
  <c r="AC72711" i="1"/>
  <c r="AC72712" i="1"/>
  <c r="AC72713" i="1"/>
  <c r="AC72714" i="1"/>
  <c r="AC72715" i="1"/>
  <c r="AC72716" i="1"/>
  <c r="AC72717" i="1"/>
  <c r="AC72718" i="1"/>
  <c r="AC72719" i="1"/>
  <c r="AC72720" i="1"/>
  <c r="AC72721" i="1"/>
  <c r="AC72722" i="1"/>
  <c r="AC72723" i="1"/>
  <c r="AC72724" i="1"/>
  <c r="AC72725" i="1"/>
  <c r="AC72726" i="1"/>
  <c r="AC72727" i="1"/>
  <c r="AC72728" i="1"/>
  <c r="AC72729" i="1"/>
  <c r="AC72730" i="1"/>
  <c r="AC72731" i="1"/>
  <c r="AC72732" i="1"/>
  <c r="AC72733" i="1"/>
  <c r="AC72734" i="1"/>
  <c r="AC72735" i="1"/>
  <c r="AC72736" i="1"/>
  <c r="AC72737" i="1"/>
  <c r="AC72738" i="1"/>
  <c r="AC72739" i="1"/>
  <c r="AC72740" i="1"/>
  <c r="AC72741" i="1"/>
  <c r="AC72742" i="1"/>
  <c r="AC72743" i="1"/>
  <c r="AC72744" i="1"/>
  <c r="AC72745" i="1"/>
  <c r="AC72746" i="1"/>
  <c r="AC72747" i="1"/>
  <c r="AC72748" i="1"/>
  <c r="AC72749" i="1"/>
  <c r="AC72750" i="1"/>
  <c r="AC72751" i="1"/>
  <c r="AC72752" i="1"/>
  <c r="AC72753" i="1"/>
  <c r="AC72754" i="1"/>
  <c r="AC72755" i="1"/>
  <c r="AC72756" i="1"/>
  <c r="AC72757" i="1"/>
  <c r="AC72758" i="1"/>
  <c r="AC72759" i="1"/>
  <c r="AC72760" i="1"/>
  <c r="AC72761" i="1"/>
  <c r="AC72762" i="1"/>
  <c r="AC72763" i="1"/>
  <c r="AC72764" i="1"/>
  <c r="AC72765" i="1"/>
  <c r="AC72766" i="1"/>
  <c r="AC72767" i="1"/>
  <c r="AC72768" i="1"/>
  <c r="AC72769" i="1"/>
  <c r="AC72770" i="1"/>
  <c r="AC72771" i="1"/>
  <c r="AC72772" i="1"/>
  <c r="AC72773" i="1"/>
  <c r="AC72774" i="1"/>
  <c r="AC72775" i="1"/>
  <c r="AC72776" i="1"/>
  <c r="AC72777" i="1"/>
  <c r="AC72778" i="1"/>
  <c r="AC72779" i="1"/>
  <c r="AC72780" i="1"/>
  <c r="AC72781" i="1"/>
  <c r="AC72782" i="1"/>
  <c r="AC72783" i="1"/>
  <c r="AC72784" i="1"/>
  <c r="AC72785" i="1"/>
  <c r="AC72786" i="1"/>
  <c r="AC72787" i="1"/>
  <c r="AC72788" i="1"/>
  <c r="AC72789" i="1"/>
  <c r="AC72790" i="1"/>
  <c r="AC72791" i="1"/>
  <c r="AC72792" i="1"/>
  <c r="AC72793" i="1"/>
  <c r="AC72794" i="1"/>
  <c r="AC72795" i="1"/>
  <c r="AC72796" i="1"/>
  <c r="AC72797" i="1"/>
  <c r="AC72798" i="1"/>
  <c r="AC72799" i="1"/>
  <c r="AC72800" i="1"/>
  <c r="AC72801" i="1"/>
  <c r="AC72802" i="1"/>
  <c r="AC72803" i="1"/>
  <c r="AC72804" i="1"/>
  <c r="AC72805" i="1"/>
  <c r="AC72806" i="1"/>
  <c r="AC72807" i="1"/>
  <c r="AC72808" i="1"/>
  <c r="AC72809" i="1"/>
  <c r="AC72810" i="1"/>
  <c r="AC72811" i="1"/>
  <c r="AC72812" i="1"/>
  <c r="AC72813" i="1"/>
  <c r="AC72814" i="1"/>
  <c r="AC72815" i="1"/>
  <c r="AC72816" i="1"/>
  <c r="AC72817" i="1"/>
  <c r="AC72818" i="1"/>
  <c r="AC72819" i="1"/>
  <c r="AC72820" i="1"/>
  <c r="AC72821" i="1"/>
  <c r="AC72822" i="1"/>
  <c r="AC72823" i="1"/>
  <c r="AC72824" i="1"/>
  <c r="AC72825" i="1"/>
  <c r="AC72826" i="1"/>
  <c r="AC72827" i="1"/>
  <c r="AC72828" i="1"/>
  <c r="AC72829" i="1"/>
  <c r="AC72830" i="1"/>
  <c r="AC72831" i="1"/>
  <c r="AC72832" i="1"/>
  <c r="AC72833" i="1"/>
  <c r="AC72834" i="1"/>
  <c r="AC72835" i="1"/>
  <c r="AC72836" i="1"/>
  <c r="AC72837" i="1"/>
  <c r="AC72838" i="1"/>
  <c r="AC72839" i="1"/>
  <c r="AC72840" i="1"/>
  <c r="AC72841" i="1"/>
  <c r="AC72842" i="1"/>
  <c r="AC72843" i="1"/>
  <c r="AC72844" i="1"/>
  <c r="AC72845" i="1"/>
  <c r="AC72846" i="1"/>
  <c r="AC72847" i="1"/>
  <c r="AC72848" i="1"/>
  <c r="AC72849" i="1"/>
  <c r="AC72850" i="1"/>
  <c r="AC72851" i="1"/>
  <c r="AC72852" i="1"/>
  <c r="AC72853" i="1"/>
  <c r="AC72854" i="1"/>
  <c r="AC72855" i="1"/>
  <c r="AC72856" i="1"/>
  <c r="AC72857" i="1"/>
  <c r="AC72858" i="1"/>
  <c r="AC72859" i="1"/>
  <c r="AC72860" i="1"/>
  <c r="AC72861" i="1"/>
  <c r="AC72862" i="1"/>
  <c r="AC72863" i="1"/>
  <c r="AC72864" i="1"/>
  <c r="AC72865" i="1"/>
  <c r="AC72866" i="1"/>
  <c r="AC72867" i="1"/>
  <c r="AC72868" i="1"/>
  <c r="AC72869" i="1"/>
  <c r="AC72870" i="1"/>
  <c r="AC72871" i="1"/>
  <c r="AC72872" i="1"/>
  <c r="AC72873" i="1"/>
  <c r="AC72874" i="1"/>
  <c r="AC72875" i="1"/>
  <c r="AC72876" i="1"/>
  <c r="AC72877" i="1"/>
  <c r="AC72878" i="1"/>
  <c r="AC72879" i="1"/>
  <c r="AC72880" i="1"/>
  <c r="AC72881" i="1"/>
  <c r="AC72882" i="1"/>
  <c r="AC72883" i="1"/>
  <c r="AC72884" i="1"/>
  <c r="AC72885" i="1"/>
  <c r="AC72886" i="1"/>
  <c r="AC72887" i="1"/>
  <c r="AC72888" i="1"/>
  <c r="AC72889" i="1"/>
  <c r="AC72890" i="1"/>
  <c r="AC72891" i="1"/>
  <c r="AC72892" i="1"/>
  <c r="AC72893" i="1"/>
  <c r="AC72894" i="1"/>
  <c r="AC72895" i="1"/>
  <c r="AC72896" i="1"/>
  <c r="AC72897" i="1"/>
  <c r="AC72898" i="1"/>
  <c r="AC72899" i="1"/>
  <c r="AC72900" i="1"/>
  <c r="AC72901" i="1"/>
  <c r="AC72902" i="1"/>
  <c r="AC72903" i="1"/>
  <c r="AC72904" i="1"/>
  <c r="AC72905" i="1"/>
  <c r="AC72906" i="1"/>
  <c r="AC72907" i="1"/>
  <c r="AC72908" i="1"/>
  <c r="AC72909" i="1"/>
  <c r="AC72910" i="1"/>
  <c r="AC72911" i="1"/>
  <c r="AC72912" i="1"/>
  <c r="AC72913" i="1"/>
  <c r="AC72914" i="1"/>
  <c r="AC72915" i="1"/>
  <c r="AC72916" i="1"/>
  <c r="AC72917" i="1"/>
  <c r="AC72918" i="1"/>
  <c r="AC72919" i="1"/>
  <c r="AC72920" i="1"/>
  <c r="AC72921" i="1"/>
  <c r="AC72922" i="1"/>
  <c r="AC72923" i="1"/>
  <c r="AC72924" i="1"/>
  <c r="AC72925" i="1"/>
  <c r="AC72926" i="1"/>
  <c r="AC72927" i="1"/>
  <c r="AC72928" i="1"/>
  <c r="AC72929" i="1"/>
  <c r="AC72930" i="1"/>
  <c r="AC72931" i="1"/>
  <c r="AC72932" i="1"/>
  <c r="AC72933" i="1"/>
  <c r="AC72934" i="1"/>
  <c r="AC72935" i="1"/>
  <c r="AC72936" i="1"/>
  <c r="AC72937" i="1"/>
  <c r="AC72938" i="1"/>
  <c r="AC72939" i="1"/>
  <c r="AC72940" i="1"/>
  <c r="AC72941" i="1"/>
  <c r="AC72942" i="1"/>
  <c r="AC72943" i="1"/>
  <c r="AC72944" i="1"/>
  <c r="AC72945" i="1"/>
  <c r="AC72946" i="1"/>
  <c r="AC72947" i="1"/>
  <c r="AC72948" i="1"/>
  <c r="AC72949" i="1"/>
  <c r="AC72950" i="1"/>
  <c r="AC72951" i="1"/>
  <c r="AC72952" i="1"/>
  <c r="AC72953" i="1"/>
  <c r="AC72954" i="1"/>
  <c r="AC72955" i="1"/>
  <c r="AC72956" i="1"/>
  <c r="AC72957" i="1"/>
  <c r="AC72958" i="1"/>
  <c r="AC72959" i="1"/>
  <c r="AC72960" i="1"/>
  <c r="AC72961" i="1"/>
  <c r="AC72962" i="1"/>
  <c r="AC72963" i="1"/>
  <c r="AC72964" i="1"/>
  <c r="AC72965" i="1"/>
  <c r="AC72966" i="1"/>
  <c r="AC72967" i="1"/>
  <c r="AC72968" i="1"/>
  <c r="AC72969" i="1"/>
  <c r="AC72970" i="1"/>
  <c r="AC72971" i="1"/>
  <c r="AC72972" i="1"/>
  <c r="AC72973" i="1"/>
  <c r="AC72974" i="1"/>
  <c r="AC72975" i="1"/>
  <c r="AC72976" i="1"/>
  <c r="AC72977" i="1"/>
  <c r="AC72978" i="1"/>
  <c r="AC72979" i="1"/>
  <c r="AC72980" i="1"/>
  <c r="AC72981" i="1"/>
  <c r="AC72982" i="1"/>
  <c r="AC72983" i="1"/>
  <c r="AC72984" i="1"/>
  <c r="AC72985" i="1"/>
  <c r="AC72986" i="1"/>
  <c r="AC72987" i="1"/>
  <c r="AC72988" i="1"/>
  <c r="AC72989" i="1"/>
  <c r="AC72990" i="1"/>
  <c r="AC72991" i="1"/>
  <c r="AC72992" i="1"/>
  <c r="AC72993" i="1"/>
  <c r="AC72994" i="1"/>
  <c r="AC72995" i="1"/>
  <c r="AC72996" i="1"/>
  <c r="AC72997" i="1"/>
  <c r="AC72998" i="1"/>
  <c r="AC72999" i="1"/>
  <c r="AC73000" i="1"/>
  <c r="AC73001" i="1"/>
  <c r="AC73002" i="1"/>
  <c r="AC73003" i="1"/>
  <c r="AC73004" i="1"/>
  <c r="AC73005" i="1"/>
  <c r="AC73006" i="1"/>
  <c r="AC73007" i="1"/>
  <c r="AC73008" i="1"/>
  <c r="AC73009" i="1"/>
  <c r="AC73010" i="1"/>
  <c r="AC73011" i="1"/>
  <c r="AC73012" i="1"/>
  <c r="AC73013" i="1"/>
  <c r="AC73014" i="1"/>
  <c r="AC73015" i="1"/>
  <c r="AC73016" i="1"/>
  <c r="AC73017" i="1"/>
  <c r="AC73018" i="1"/>
  <c r="AC73019" i="1"/>
  <c r="AC73020" i="1"/>
  <c r="AC73021" i="1"/>
  <c r="AC73022" i="1"/>
  <c r="AC73023" i="1"/>
  <c r="AC73024" i="1"/>
  <c r="AC73025" i="1"/>
  <c r="AC73026" i="1"/>
  <c r="AC73027" i="1"/>
  <c r="AC73028" i="1"/>
  <c r="AC73029" i="1"/>
  <c r="AC73030" i="1"/>
  <c r="AC73031" i="1"/>
  <c r="AC73032" i="1"/>
  <c r="AC73033" i="1"/>
  <c r="AC73034" i="1"/>
  <c r="AC73035" i="1"/>
  <c r="AC73036" i="1"/>
  <c r="AC73037" i="1"/>
  <c r="AC73038" i="1"/>
  <c r="AC73039" i="1"/>
  <c r="AC73040" i="1"/>
  <c r="AC73041" i="1"/>
  <c r="AC73042" i="1"/>
  <c r="AC73043" i="1"/>
  <c r="AC73044" i="1"/>
  <c r="AC73045" i="1"/>
  <c r="AC73046" i="1"/>
  <c r="AC73047" i="1"/>
  <c r="AC73048" i="1"/>
  <c r="AC73049" i="1"/>
  <c r="AC73050" i="1"/>
  <c r="AC73051" i="1"/>
  <c r="AC73052" i="1"/>
  <c r="AC73053" i="1"/>
  <c r="AC73054" i="1"/>
  <c r="AC73055" i="1"/>
  <c r="AC73056" i="1"/>
  <c r="AC73057" i="1"/>
  <c r="AC73058" i="1"/>
  <c r="AC73059" i="1"/>
  <c r="AC73060" i="1"/>
  <c r="AC73061" i="1"/>
  <c r="AC73062" i="1"/>
  <c r="AC73063" i="1"/>
  <c r="AC73064" i="1"/>
  <c r="AC73065" i="1"/>
  <c r="AC73066" i="1"/>
  <c r="AC73067" i="1"/>
  <c r="AC73068" i="1"/>
  <c r="AC73069" i="1"/>
  <c r="AC73070" i="1"/>
  <c r="AC73071" i="1"/>
  <c r="AC73072" i="1"/>
  <c r="AC73073" i="1"/>
  <c r="AC73074" i="1"/>
  <c r="AC73075" i="1"/>
  <c r="AC73076" i="1"/>
  <c r="AC73077" i="1"/>
  <c r="AC73078" i="1"/>
  <c r="AC73079" i="1"/>
  <c r="AC73080" i="1"/>
  <c r="AC73081" i="1"/>
  <c r="AC73082" i="1"/>
  <c r="AC73083" i="1"/>
  <c r="AC73084" i="1"/>
  <c r="AC73085" i="1"/>
  <c r="AC73086" i="1"/>
  <c r="AC73087" i="1"/>
  <c r="AC73088" i="1"/>
  <c r="AC73089" i="1"/>
  <c r="AC73090" i="1"/>
  <c r="AC73091" i="1"/>
  <c r="AC73092" i="1"/>
  <c r="AC73093" i="1"/>
  <c r="AC73094" i="1"/>
  <c r="AC73095" i="1"/>
  <c r="AC73096" i="1"/>
  <c r="AC73097" i="1"/>
  <c r="AC73098" i="1"/>
  <c r="AC73099" i="1"/>
  <c r="AC73100" i="1"/>
  <c r="AC73101" i="1"/>
  <c r="AC73102" i="1"/>
  <c r="AC73103" i="1"/>
  <c r="AC73104" i="1"/>
  <c r="AC73105" i="1"/>
  <c r="AC73106" i="1"/>
  <c r="AC73107" i="1"/>
  <c r="AC73108" i="1"/>
  <c r="AC73109" i="1"/>
  <c r="AC73110" i="1"/>
  <c r="AC73111" i="1"/>
  <c r="AC73112" i="1"/>
  <c r="AC73113" i="1"/>
  <c r="AC73114" i="1"/>
  <c r="AC73115" i="1"/>
  <c r="AC73116" i="1"/>
  <c r="AC73117" i="1"/>
  <c r="AC73118" i="1"/>
  <c r="AC73119" i="1"/>
  <c r="AC73120" i="1"/>
  <c r="AC73121" i="1"/>
  <c r="AC73122" i="1"/>
  <c r="AC73123" i="1"/>
  <c r="AC73124" i="1"/>
  <c r="AC73125" i="1"/>
  <c r="AC73126" i="1"/>
  <c r="AC73127" i="1"/>
  <c r="AC73128" i="1"/>
  <c r="AC73129" i="1"/>
  <c r="AC73130" i="1"/>
  <c r="AC73131" i="1"/>
  <c r="AC73132" i="1"/>
  <c r="AC73133" i="1"/>
  <c r="AC73134" i="1"/>
  <c r="AC73135" i="1"/>
  <c r="AC73136" i="1"/>
  <c r="AC73137" i="1"/>
  <c r="AC73138" i="1"/>
  <c r="AC73139" i="1"/>
  <c r="AC73140" i="1"/>
  <c r="AC73141" i="1"/>
  <c r="AC73142" i="1"/>
  <c r="AC73143" i="1"/>
  <c r="AC73144" i="1"/>
  <c r="AC73145" i="1"/>
  <c r="AC73146" i="1"/>
  <c r="AC73147" i="1"/>
  <c r="AC73148" i="1"/>
  <c r="AC73149" i="1"/>
  <c r="AC73150" i="1"/>
  <c r="AC73151" i="1"/>
  <c r="AC73152" i="1"/>
  <c r="AC73153" i="1"/>
  <c r="AC73154" i="1"/>
  <c r="AC73155" i="1"/>
  <c r="AC73156" i="1"/>
  <c r="AC73157" i="1"/>
  <c r="AC73158" i="1"/>
  <c r="AC73159" i="1"/>
  <c r="AC73160" i="1"/>
  <c r="AC73161" i="1"/>
  <c r="AC73162" i="1"/>
  <c r="AC73163" i="1"/>
  <c r="AC73164" i="1"/>
  <c r="AC73165" i="1"/>
  <c r="AC73166" i="1"/>
  <c r="AC73167" i="1"/>
  <c r="AC73168" i="1"/>
  <c r="AC73169" i="1"/>
  <c r="AC73170" i="1"/>
  <c r="AC73171" i="1"/>
  <c r="AC73172" i="1"/>
  <c r="AC73173" i="1"/>
  <c r="AC73174" i="1"/>
  <c r="AC73175" i="1"/>
  <c r="AC73176" i="1"/>
  <c r="AC73177" i="1"/>
  <c r="AC73178" i="1"/>
  <c r="AC73179" i="1"/>
  <c r="AC73180" i="1"/>
  <c r="AC73181" i="1"/>
  <c r="AC73182" i="1"/>
  <c r="AC73183" i="1"/>
  <c r="AC73184" i="1"/>
  <c r="AC73185" i="1"/>
  <c r="AC73186" i="1"/>
  <c r="AC73187" i="1"/>
  <c r="AC73188" i="1"/>
  <c r="AC73189" i="1"/>
  <c r="AC73190" i="1"/>
  <c r="AC73191" i="1"/>
  <c r="AC73192" i="1"/>
  <c r="AC73193" i="1"/>
  <c r="AC73194" i="1"/>
  <c r="AC73195" i="1"/>
  <c r="AC73196" i="1"/>
  <c r="AC73197" i="1"/>
  <c r="AC73198" i="1"/>
  <c r="AC73199" i="1"/>
  <c r="AC73200" i="1"/>
  <c r="AC73201" i="1"/>
  <c r="AC73202" i="1"/>
  <c r="AC73203" i="1"/>
  <c r="AC73204" i="1"/>
  <c r="AC73205" i="1"/>
  <c r="AC73206" i="1"/>
  <c r="AC73207" i="1"/>
  <c r="AC73208" i="1"/>
  <c r="AC73209" i="1"/>
  <c r="AC73210" i="1"/>
  <c r="AC73211" i="1"/>
  <c r="AC73212" i="1"/>
  <c r="AC73213" i="1"/>
  <c r="AC73214" i="1"/>
  <c r="AC73215" i="1"/>
  <c r="AC73216" i="1"/>
  <c r="AC73217" i="1"/>
  <c r="AC73218" i="1"/>
  <c r="AC73219" i="1"/>
  <c r="AC73220" i="1"/>
  <c r="AC73221" i="1"/>
  <c r="AC73222" i="1"/>
  <c r="AC73223" i="1"/>
  <c r="AC73224" i="1"/>
  <c r="AC73225" i="1"/>
  <c r="AC73226" i="1"/>
  <c r="AC73227" i="1"/>
  <c r="AC73228" i="1"/>
  <c r="AC73229" i="1"/>
  <c r="AC73230" i="1"/>
  <c r="AC73231" i="1"/>
  <c r="AC73232" i="1"/>
  <c r="AC73233" i="1"/>
  <c r="AC73234" i="1"/>
  <c r="AC73235" i="1"/>
  <c r="AC73236" i="1"/>
  <c r="AC73237" i="1"/>
  <c r="AC73238" i="1"/>
  <c r="AC73239" i="1"/>
  <c r="AC73240" i="1"/>
  <c r="AC73241" i="1"/>
  <c r="AC73242" i="1"/>
  <c r="AC73243" i="1"/>
  <c r="AC73244" i="1"/>
  <c r="AC73245" i="1"/>
  <c r="AC73246" i="1"/>
  <c r="AC73247" i="1"/>
  <c r="AC73248" i="1"/>
  <c r="AC73249" i="1"/>
  <c r="AC73250" i="1"/>
  <c r="AC73251" i="1"/>
  <c r="AC73252" i="1"/>
  <c r="AC73253" i="1"/>
  <c r="AC73254" i="1"/>
  <c r="AC73255" i="1"/>
  <c r="AC73256" i="1"/>
  <c r="AC73257" i="1"/>
  <c r="AC73258" i="1"/>
  <c r="AC73259" i="1"/>
  <c r="AC73260" i="1"/>
  <c r="AC73261" i="1"/>
  <c r="AC73262" i="1"/>
  <c r="AC73263" i="1"/>
  <c r="AC73264" i="1"/>
  <c r="AC73265" i="1"/>
  <c r="AC73266" i="1"/>
  <c r="AC73267" i="1"/>
  <c r="AC73268" i="1"/>
  <c r="AC73269" i="1"/>
  <c r="AC73270" i="1"/>
  <c r="AC73271" i="1"/>
  <c r="AC73272" i="1"/>
  <c r="AC73273" i="1"/>
  <c r="AC73274" i="1"/>
  <c r="AC73275" i="1"/>
  <c r="AC73276" i="1"/>
  <c r="AC73277" i="1"/>
  <c r="AC73278" i="1"/>
  <c r="AC73279" i="1"/>
  <c r="AC73280" i="1"/>
  <c r="AC73281" i="1"/>
  <c r="AC73282" i="1"/>
  <c r="AC73283" i="1"/>
  <c r="AC73284" i="1"/>
  <c r="AC73285" i="1"/>
  <c r="AC73286" i="1"/>
  <c r="AC73287" i="1"/>
  <c r="AC73288" i="1"/>
  <c r="AC73289" i="1"/>
  <c r="AC73290" i="1"/>
  <c r="AC73291" i="1"/>
  <c r="AC73292" i="1"/>
  <c r="AC73293" i="1"/>
  <c r="AC73294" i="1"/>
  <c r="AC73295" i="1"/>
  <c r="AC73296" i="1"/>
  <c r="AC73297" i="1"/>
  <c r="AC73298" i="1"/>
  <c r="AC73299" i="1"/>
  <c r="AC73300" i="1"/>
  <c r="AC73301" i="1"/>
  <c r="AC73302" i="1"/>
  <c r="AC73303" i="1"/>
  <c r="AC73304" i="1"/>
  <c r="AC73305" i="1"/>
  <c r="AC73306" i="1"/>
  <c r="AC73307" i="1"/>
  <c r="AC73308" i="1"/>
  <c r="AC73309" i="1"/>
  <c r="AC73310" i="1"/>
  <c r="AC73311" i="1"/>
  <c r="AC73312" i="1"/>
  <c r="AC73313" i="1"/>
  <c r="AC73314" i="1"/>
  <c r="AC73315" i="1"/>
  <c r="AC73316" i="1"/>
  <c r="AC73317" i="1"/>
  <c r="AC73318" i="1"/>
  <c r="AC73319" i="1"/>
  <c r="AC73320" i="1"/>
  <c r="AC73321" i="1"/>
  <c r="AC73322" i="1"/>
  <c r="AC73323" i="1"/>
  <c r="AC73324" i="1"/>
  <c r="AC73325" i="1"/>
  <c r="AC73326" i="1"/>
  <c r="AC73327" i="1"/>
  <c r="AC73328" i="1"/>
  <c r="AC73329" i="1"/>
  <c r="AC73330" i="1"/>
  <c r="AC73331" i="1"/>
  <c r="AC73332" i="1"/>
  <c r="AC73333" i="1"/>
  <c r="AC73334" i="1"/>
  <c r="AC73335" i="1"/>
  <c r="AC73336" i="1"/>
  <c r="AC73337" i="1"/>
  <c r="AC73338" i="1"/>
  <c r="AC73339" i="1"/>
  <c r="AC73340" i="1"/>
  <c r="AC73341" i="1"/>
  <c r="AC73342" i="1"/>
  <c r="AC73343" i="1"/>
  <c r="AC73344" i="1"/>
  <c r="AC73345" i="1"/>
  <c r="AC73346" i="1"/>
  <c r="AC73347" i="1"/>
  <c r="AC73348" i="1"/>
  <c r="AC73349" i="1"/>
  <c r="AC73350" i="1"/>
  <c r="AC73351" i="1"/>
  <c r="AC73352" i="1"/>
  <c r="AC73353" i="1"/>
  <c r="AC73354" i="1"/>
  <c r="AC73355" i="1"/>
  <c r="AC73356" i="1"/>
  <c r="AC73357" i="1"/>
  <c r="AC73358" i="1"/>
  <c r="AC73359" i="1"/>
  <c r="AC73360" i="1"/>
  <c r="AC73361" i="1"/>
  <c r="AC73362" i="1"/>
  <c r="AC73363" i="1"/>
  <c r="AC73364" i="1"/>
  <c r="AC73365" i="1"/>
  <c r="AC73366" i="1"/>
  <c r="AC73367" i="1"/>
  <c r="AC73368" i="1"/>
  <c r="AC73369" i="1"/>
  <c r="AC73370" i="1"/>
  <c r="AC73371" i="1"/>
  <c r="AC73372" i="1"/>
  <c r="AC73373" i="1"/>
  <c r="AC73374" i="1"/>
  <c r="AC73375" i="1"/>
  <c r="AC73376" i="1"/>
  <c r="AC73377" i="1"/>
  <c r="AC73378" i="1"/>
  <c r="AC73379" i="1"/>
  <c r="AC73380" i="1"/>
  <c r="AC73381" i="1"/>
  <c r="AC73382" i="1"/>
  <c r="AC73383" i="1"/>
  <c r="AC73384" i="1"/>
  <c r="AC73385" i="1"/>
  <c r="AC73386" i="1"/>
  <c r="AC73387" i="1"/>
  <c r="AC73388" i="1"/>
  <c r="AC73389" i="1"/>
  <c r="AC73390" i="1"/>
  <c r="AC73391" i="1"/>
  <c r="AC73392" i="1"/>
  <c r="AC73393" i="1"/>
  <c r="AC73394" i="1"/>
  <c r="AC73395" i="1"/>
  <c r="AC73396" i="1"/>
  <c r="AC73397" i="1"/>
  <c r="AC73398" i="1"/>
  <c r="AC73399" i="1"/>
  <c r="AC73400" i="1"/>
  <c r="AC73401" i="1"/>
  <c r="AC73402" i="1"/>
  <c r="AC73403" i="1"/>
  <c r="AC73404" i="1"/>
  <c r="AC73405" i="1"/>
  <c r="AC73406" i="1"/>
  <c r="AC73407" i="1"/>
  <c r="AC73408" i="1"/>
  <c r="AC73409" i="1"/>
  <c r="AC73410" i="1"/>
  <c r="AC73411" i="1"/>
  <c r="AC73412" i="1"/>
  <c r="AC73413" i="1"/>
  <c r="AC73414" i="1"/>
  <c r="AC73415" i="1"/>
  <c r="AC73416" i="1"/>
  <c r="AC73417" i="1"/>
  <c r="AC73418" i="1"/>
  <c r="AC73419" i="1"/>
  <c r="AC73420" i="1"/>
  <c r="AC73421" i="1"/>
  <c r="AC73422" i="1"/>
  <c r="AC73423" i="1"/>
  <c r="AC73424" i="1"/>
  <c r="AC73425" i="1"/>
  <c r="AC73426" i="1"/>
  <c r="AC73427" i="1"/>
  <c r="AC73428" i="1"/>
  <c r="AC73429" i="1"/>
  <c r="AC73430" i="1"/>
  <c r="AC73431" i="1"/>
  <c r="AC73432" i="1"/>
  <c r="AC73433" i="1"/>
  <c r="AC73434" i="1"/>
  <c r="AC73435" i="1"/>
  <c r="AC73436" i="1"/>
  <c r="AC73437" i="1"/>
  <c r="AC73438" i="1"/>
  <c r="AC73439" i="1"/>
  <c r="AC73440" i="1"/>
  <c r="AC73441" i="1"/>
  <c r="AC73442" i="1"/>
  <c r="AC73443" i="1"/>
  <c r="AC73444" i="1"/>
  <c r="AC73445" i="1"/>
  <c r="AC73446" i="1"/>
  <c r="AC73447" i="1"/>
  <c r="AC73448" i="1"/>
  <c r="AC73449" i="1"/>
  <c r="AC73450" i="1"/>
  <c r="AC73451" i="1"/>
  <c r="AC73452" i="1"/>
  <c r="AC73453" i="1"/>
  <c r="AC73454" i="1"/>
  <c r="AC73455" i="1"/>
  <c r="AC73456" i="1"/>
  <c r="AC73457" i="1"/>
  <c r="AC73458" i="1"/>
  <c r="AC73459" i="1"/>
  <c r="AC73460" i="1"/>
  <c r="AC73461" i="1"/>
  <c r="AC73462" i="1"/>
  <c r="AC73463" i="1"/>
  <c r="AC73464" i="1"/>
  <c r="AC73465" i="1"/>
  <c r="AC73466" i="1"/>
  <c r="AC73467" i="1"/>
  <c r="AC73468" i="1"/>
  <c r="AC73469" i="1"/>
  <c r="AC73470" i="1"/>
  <c r="AC73471" i="1"/>
  <c r="AC73472" i="1"/>
  <c r="AC73473" i="1"/>
  <c r="AC73474" i="1"/>
  <c r="AC73475" i="1"/>
  <c r="AC73476" i="1"/>
  <c r="AC73477" i="1"/>
  <c r="AC73478" i="1"/>
  <c r="AC73479" i="1"/>
  <c r="AC73480" i="1"/>
  <c r="AC73481" i="1"/>
  <c r="AC73482" i="1"/>
  <c r="AC73483" i="1"/>
  <c r="AC73484" i="1"/>
  <c r="AC73485" i="1"/>
  <c r="AC73486" i="1"/>
  <c r="AC73487" i="1"/>
  <c r="AC73488" i="1"/>
  <c r="AC73489" i="1"/>
  <c r="AC73490" i="1"/>
  <c r="AC73491" i="1"/>
  <c r="AC73492" i="1"/>
  <c r="AC73493" i="1"/>
  <c r="AC73494" i="1"/>
  <c r="AC73495" i="1"/>
  <c r="AC73496" i="1"/>
  <c r="AC73497" i="1"/>
  <c r="AC73498" i="1"/>
  <c r="AC73499" i="1"/>
  <c r="AC73500" i="1"/>
  <c r="AC73501" i="1"/>
  <c r="AC73502" i="1"/>
  <c r="AC73503" i="1"/>
  <c r="AC73504" i="1"/>
  <c r="AC73505" i="1"/>
  <c r="AC73506" i="1"/>
  <c r="AC73507" i="1"/>
  <c r="AC73508" i="1"/>
  <c r="AC73509" i="1"/>
  <c r="AC73510" i="1"/>
  <c r="AC73511" i="1"/>
  <c r="AC73512" i="1"/>
  <c r="AC73513" i="1"/>
  <c r="AC73514" i="1"/>
  <c r="AC73515" i="1"/>
  <c r="AC73516" i="1"/>
  <c r="AC73517" i="1"/>
  <c r="AC73518" i="1"/>
  <c r="AC73519" i="1"/>
  <c r="AC73520" i="1"/>
  <c r="AC73521" i="1"/>
  <c r="AC73522" i="1"/>
  <c r="AC73523" i="1"/>
  <c r="AC73524" i="1"/>
  <c r="AC73525" i="1"/>
  <c r="AC73526" i="1"/>
  <c r="AC73527" i="1"/>
  <c r="AC73528" i="1"/>
  <c r="AC73529" i="1"/>
  <c r="AC73530" i="1"/>
  <c r="AC73531" i="1"/>
  <c r="AC73532" i="1"/>
  <c r="AC73533" i="1"/>
  <c r="AC73534" i="1"/>
  <c r="AC73535" i="1"/>
  <c r="AC73536" i="1"/>
  <c r="AC73537" i="1"/>
  <c r="AC73538" i="1"/>
  <c r="AC73539" i="1"/>
  <c r="AC73540" i="1"/>
  <c r="AC73541" i="1"/>
  <c r="AC73542" i="1"/>
  <c r="AC73543" i="1"/>
  <c r="AC73544" i="1"/>
  <c r="AC73545" i="1"/>
  <c r="AC73546" i="1"/>
  <c r="AC73547" i="1"/>
  <c r="AC73548" i="1"/>
  <c r="AC73549" i="1"/>
  <c r="AC73550" i="1"/>
  <c r="AC73551" i="1"/>
  <c r="AC73552" i="1"/>
  <c r="AC73553" i="1"/>
  <c r="AC73554" i="1"/>
  <c r="AC73555" i="1"/>
  <c r="AC73556" i="1"/>
  <c r="AC73557" i="1"/>
  <c r="AC73558" i="1"/>
  <c r="AC73559" i="1"/>
  <c r="AC73560" i="1"/>
  <c r="AC73561" i="1"/>
  <c r="AC73562" i="1"/>
  <c r="AC73563" i="1"/>
  <c r="AC73564" i="1"/>
  <c r="AC73565" i="1"/>
  <c r="AC73566" i="1"/>
  <c r="AC73567" i="1"/>
  <c r="AC73568" i="1"/>
  <c r="AC73569" i="1"/>
  <c r="AC73570" i="1"/>
  <c r="AC73571" i="1"/>
  <c r="AC73572" i="1"/>
  <c r="AC73573" i="1"/>
  <c r="AC73574" i="1"/>
  <c r="AC73575" i="1"/>
  <c r="AC73576" i="1"/>
  <c r="AC73577" i="1"/>
  <c r="AC73578" i="1"/>
  <c r="AC73579" i="1"/>
  <c r="AC73580" i="1"/>
  <c r="AC73581" i="1"/>
  <c r="AC73582" i="1"/>
  <c r="AC73583" i="1"/>
  <c r="AC73584" i="1"/>
  <c r="AC73585" i="1"/>
  <c r="AC73586" i="1"/>
  <c r="AC73587" i="1"/>
  <c r="AC73588" i="1"/>
  <c r="AC73589" i="1"/>
  <c r="AC73590" i="1"/>
  <c r="AC73591" i="1"/>
  <c r="AC73592" i="1"/>
  <c r="AC73593" i="1"/>
  <c r="AC73594" i="1"/>
  <c r="AC73595" i="1"/>
  <c r="AC73596" i="1"/>
  <c r="AC73597" i="1"/>
  <c r="AC73598" i="1"/>
  <c r="AC73599" i="1"/>
  <c r="AC73600" i="1"/>
  <c r="AC73601" i="1"/>
  <c r="AC73602" i="1"/>
  <c r="AC73603" i="1"/>
  <c r="AC73604" i="1"/>
  <c r="AC73605" i="1"/>
  <c r="AC73606" i="1"/>
  <c r="AC73607" i="1"/>
  <c r="AC73608" i="1"/>
  <c r="AC73609" i="1"/>
  <c r="AC73610" i="1"/>
  <c r="AC73611" i="1"/>
  <c r="AC73612" i="1"/>
  <c r="AC73613" i="1"/>
  <c r="AC73614" i="1"/>
  <c r="AC73615" i="1"/>
  <c r="AC73616" i="1"/>
  <c r="AC73617" i="1"/>
  <c r="AC73618" i="1"/>
  <c r="AC73619" i="1"/>
  <c r="AC73620" i="1"/>
  <c r="AC73621" i="1"/>
  <c r="AC73622" i="1"/>
  <c r="AC73623" i="1"/>
  <c r="AC73624" i="1"/>
  <c r="AC73625" i="1"/>
  <c r="AC73626" i="1"/>
  <c r="AC73627" i="1"/>
  <c r="AC73628" i="1"/>
  <c r="AC73629" i="1"/>
  <c r="AC73630" i="1"/>
  <c r="AC73631" i="1"/>
  <c r="AC73632" i="1"/>
  <c r="AC73633" i="1"/>
  <c r="AC73634" i="1"/>
  <c r="AC73635" i="1"/>
  <c r="AC73636" i="1"/>
  <c r="AC73637" i="1"/>
  <c r="AC73638" i="1"/>
  <c r="AC73639" i="1"/>
  <c r="AC73640" i="1"/>
  <c r="AC73641" i="1"/>
  <c r="AC73642" i="1"/>
  <c r="AC73643" i="1"/>
  <c r="AC73644" i="1"/>
  <c r="AC73645" i="1"/>
  <c r="AC73646" i="1"/>
  <c r="AC73647" i="1"/>
  <c r="AC73648" i="1"/>
  <c r="AC73649" i="1"/>
  <c r="AC73650" i="1"/>
  <c r="AC73651" i="1"/>
  <c r="AC73652" i="1"/>
  <c r="AC73653" i="1"/>
  <c r="AC73654" i="1"/>
  <c r="AC73655" i="1"/>
  <c r="AC73656" i="1"/>
  <c r="AC73657" i="1"/>
  <c r="AC73658" i="1"/>
  <c r="AC73659" i="1"/>
  <c r="AC73660" i="1"/>
  <c r="AC73661" i="1"/>
  <c r="AC73662" i="1"/>
  <c r="AC73663" i="1"/>
  <c r="AC73664" i="1"/>
  <c r="AC73665" i="1"/>
  <c r="AC73666" i="1"/>
  <c r="AC73667" i="1"/>
  <c r="AC73668" i="1"/>
  <c r="AC73669" i="1"/>
  <c r="AC73670" i="1"/>
  <c r="AC73671" i="1"/>
  <c r="AC73672" i="1"/>
  <c r="AC73673" i="1"/>
  <c r="AC73674" i="1"/>
  <c r="AC73675" i="1"/>
  <c r="AC73676" i="1"/>
  <c r="AC73677" i="1"/>
  <c r="AC73678" i="1"/>
  <c r="AC73679" i="1"/>
  <c r="AC73680" i="1"/>
  <c r="AC73681" i="1"/>
  <c r="AC73682" i="1"/>
  <c r="AC73683" i="1"/>
  <c r="AC73684" i="1"/>
  <c r="AC73685" i="1"/>
  <c r="AC73686" i="1"/>
  <c r="AC73687" i="1"/>
  <c r="AC73688" i="1"/>
  <c r="AC73689" i="1"/>
  <c r="AC73690" i="1"/>
  <c r="AC73691" i="1"/>
  <c r="AC73692" i="1"/>
  <c r="AC73693" i="1"/>
  <c r="AC73694" i="1"/>
  <c r="AC73695" i="1"/>
  <c r="AC73696" i="1"/>
  <c r="AC73697" i="1"/>
  <c r="AC73698" i="1"/>
  <c r="AC73699" i="1"/>
  <c r="AC73700" i="1"/>
  <c r="AC73701" i="1"/>
  <c r="AC73702" i="1"/>
  <c r="AC73703" i="1"/>
  <c r="AC73704" i="1"/>
  <c r="AC73705" i="1"/>
  <c r="AC73706" i="1"/>
  <c r="AC73707" i="1"/>
  <c r="AC73708" i="1"/>
  <c r="AC73709" i="1"/>
  <c r="AC73710" i="1"/>
  <c r="AC73711" i="1"/>
  <c r="AC73712" i="1"/>
  <c r="AC73713" i="1"/>
  <c r="AC73714" i="1"/>
  <c r="AC73715" i="1"/>
  <c r="AC73716" i="1"/>
  <c r="AC73717" i="1"/>
  <c r="AC73718" i="1"/>
  <c r="AC73719" i="1"/>
  <c r="AC73720" i="1"/>
  <c r="AC73721" i="1"/>
  <c r="AC73722" i="1"/>
  <c r="AC73723" i="1"/>
  <c r="AC73724" i="1"/>
  <c r="AC73725" i="1"/>
  <c r="AC73726" i="1"/>
  <c r="AC73727" i="1"/>
  <c r="AC73728" i="1"/>
  <c r="AC73729" i="1"/>
  <c r="AC73730" i="1"/>
  <c r="AC73731" i="1"/>
  <c r="AC73732" i="1"/>
  <c r="AC73733" i="1"/>
  <c r="AC73734" i="1"/>
  <c r="AC73735" i="1"/>
  <c r="AC73736" i="1"/>
  <c r="AC73737" i="1"/>
  <c r="AC73738" i="1"/>
  <c r="AC73739" i="1"/>
  <c r="AC73740" i="1"/>
  <c r="AC73741" i="1"/>
  <c r="AC73742" i="1"/>
  <c r="AC73743" i="1"/>
  <c r="AC73744" i="1"/>
  <c r="AC73745" i="1"/>
  <c r="AC73746" i="1"/>
  <c r="AC73747" i="1"/>
  <c r="AC73748" i="1"/>
  <c r="AC73749" i="1"/>
  <c r="AC73750" i="1"/>
  <c r="AC73751" i="1"/>
  <c r="AC73752" i="1"/>
  <c r="AC73753" i="1"/>
  <c r="AC73754" i="1"/>
  <c r="AC73755" i="1"/>
  <c r="AC73756" i="1"/>
  <c r="AC73757" i="1"/>
  <c r="AC73758" i="1"/>
  <c r="AC73759" i="1"/>
  <c r="AC73760" i="1"/>
  <c r="AC73761" i="1"/>
  <c r="AC73762" i="1"/>
  <c r="AC73763" i="1"/>
  <c r="AC73764" i="1"/>
  <c r="AC73765" i="1"/>
  <c r="AC73766" i="1"/>
  <c r="AC73767" i="1"/>
  <c r="AC73768" i="1"/>
  <c r="AC73769" i="1"/>
  <c r="AC73770" i="1"/>
  <c r="AC73771" i="1"/>
  <c r="AC73772" i="1"/>
  <c r="AC73773" i="1"/>
  <c r="AC73774" i="1"/>
  <c r="AC73775" i="1"/>
  <c r="AC73776" i="1"/>
  <c r="AC73777" i="1"/>
  <c r="AC73778" i="1"/>
  <c r="AC73779" i="1"/>
  <c r="AC73780" i="1"/>
  <c r="AC73781" i="1"/>
  <c r="AC73782" i="1"/>
  <c r="AC73783" i="1"/>
  <c r="AC73784" i="1"/>
  <c r="AC73785" i="1"/>
  <c r="AC73786" i="1"/>
  <c r="AC73787" i="1"/>
  <c r="AC73788" i="1"/>
  <c r="AC73789" i="1"/>
  <c r="AC73790" i="1"/>
  <c r="AC73791" i="1"/>
  <c r="AC73792" i="1"/>
  <c r="AC73793" i="1"/>
  <c r="AC73794" i="1"/>
  <c r="AC73795" i="1"/>
  <c r="AC73796" i="1"/>
  <c r="AC73797" i="1"/>
  <c r="AC73798" i="1"/>
  <c r="AC73799" i="1"/>
  <c r="AC73800" i="1"/>
  <c r="AC73801" i="1"/>
  <c r="AC73802" i="1"/>
  <c r="AC73803" i="1"/>
  <c r="AC73804" i="1"/>
  <c r="AC73805" i="1"/>
  <c r="AC73806" i="1"/>
  <c r="AC73807" i="1"/>
  <c r="AC73808" i="1"/>
  <c r="AC73809" i="1"/>
  <c r="AC73810" i="1"/>
  <c r="AC73811" i="1"/>
  <c r="AC73812" i="1"/>
  <c r="AC73813" i="1"/>
  <c r="AC73814" i="1"/>
  <c r="AC73815" i="1"/>
  <c r="AC73816" i="1"/>
  <c r="AC73817" i="1"/>
  <c r="AC73818" i="1"/>
  <c r="AC73819" i="1"/>
  <c r="AC73820" i="1"/>
  <c r="AC73821" i="1"/>
  <c r="AC73822" i="1"/>
  <c r="AC73823" i="1"/>
  <c r="AC73824" i="1"/>
  <c r="AC73825" i="1"/>
  <c r="AC73826" i="1"/>
  <c r="AC73827" i="1"/>
  <c r="AC73828" i="1"/>
  <c r="AC73829" i="1"/>
  <c r="AC73830" i="1"/>
  <c r="AC73831" i="1"/>
  <c r="AC73832" i="1"/>
  <c r="AC73833" i="1"/>
  <c r="AC73834" i="1"/>
  <c r="AC73835" i="1"/>
  <c r="AC73836" i="1"/>
  <c r="AC73837" i="1"/>
  <c r="AC73838" i="1"/>
  <c r="AC73839" i="1"/>
  <c r="AC73840" i="1"/>
  <c r="AC73841" i="1"/>
  <c r="AC73842" i="1"/>
  <c r="AC73843" i="1"/>
  <c r="AC73844" i="1"/>
  <c r="AC73845" i="1"/>
  <c r="AC73846" i="1"/>
  <c r="AC73847" i="1"/>
  <c r="AC73848" i="1"/>
  <c r="AC73849" i="1"/>
  <c r="AC73850" i="1"/>
  <c r="AC73851" i="1"/>
  <c r="AC73852" i="1"/>
  <c r="AC73853" i="1"/>
  <c r="AC73854" i="1"/>
  <c r="AC73855" i="1"/>
  <c r="AC73856" i="1"/>
  <c r="AC73857" i="1"/>
  <c r="AC73858" i="1"/>
  <c r="AC73859" i="1"/>
  <c r="AC73860" i="1"/>
  <c r="AC73861" i="1"/>
  <c r="AC73862" i="1"/>
  <c r="AC73863" i="1"/>
  <c r="AC73864" i="1"/>
  <c r="AC73865" i="1"/>
  <c r="AC73866" i="1"/>
  <c r="AC73867" i="1"/>
  <c r="AC73868" i="1"/>
  <c r="AC73869" i="1"/>
  <c r="AC73870" i="1"/>
  <c r="AC73871" i="1"/>
  <c r="AC73872" i="1"/>
  <c r="AC73873" i="1"/>
  <c r="AC73874" i="1"/>
  <c r="AC73875" i="1"/>
  <c r="AC73876" i="1"/>
  <c r="AC73877" i="1"/>
  <c r="AC73878" i="1"/>
  <c r="AC73879" i="1"/>
  <c r="AC73880" i="1"/>
  <c r="AC73881" i="1"/>
  <c r="AC73882" i="1"/>
  <c r="AC73883" i="1"/>
  <c r="AC73884" i="1"/>
  <c r="AC73885" i="1"/>
  <c r="AC73886" i="1"/>
  <c r="AC73887" i="1"/>
  <c r="AC73888" i="1"/>
  <c r="AC73889" i="1"/>
  <c r="AC73890" i="1"/>
  <c r="AC73891" i="1"/>
  <c r="AC73892" i="1"/>
  <c r="AC73893" i="1"/>
  <c r="AC73894" i="1"/>
  <c r="AC73895" i="1"/>
  <c r="AC73896" i="1"/>
  <c r="AC73897" i="1"/>
  <c r="AC73898" i="1"/>
  <c r="AC73899" i="1"/>
  <c r="AC73900" i="1"/>
  <c r="AC73901" i="1"/>
  <c r="AC73902" i="1"/>
  <c r="AC73903" i="1"/>
  <c r="AC73904" i="1"/>
  <c r="AC73905" i="1"/>
  <c r="AC73906" i="1"/>
  <c r="AC73907" i="1"/>
  <c r="AC73908" i="1"/>
  <c r="AC73909" i="1"/>
  <c r="AC73910" i="1"/>
  <c r="AC73911" i="1"/>
  <c r="AC73912" i="1"/>
  <c r="AC73913" i="1"/>
  <c r="AC73914" i="1"/>
  <c r="AC73915" i="1"/>
  <c r="AC73916" i="1"/>
  <c r="AC73917" i="1"/>
  <c r="AC73918" i="1"/>
  <c r="AC73919" i="1"/>
  <c r="AC73920" i="1"/>
  <c r="AC73921" i="1"/>
  <c r="AC73922" i="1"/>
  <c r="AC73923" i="1"/>
  <c r="AC73924" i="1"/>
  <c r="AC73925" i="1"/>
  <c r="AC73926" i="1"/>
  <c r="AC73927" i="1"/>
  <c r="AC73928" i="1"/>
  <c r="AC73929" i="1"/>
  <c r="AC73930" i="1"/>
  <c r="AC73931" i="1"/>
  <c r="AC73932" i="1"/>
  <c r="AC73933" i="1"/>
  <c r="AC73934" i="1"/>
  <c r="AC73935" i="1"/>
  <c r="AC73936" i="1"/>
  <c r="AC73937" i="1"/>
  <c r="AC73938" i="1"/>
  <c r="AC73939" i="1"/>
  <c r="AC73940" i="1"/>
  <c r="AC73941" i="1"/>
  <c r="AC73942" i="1"/>
  <c r="AC73943" i="1"/>
  <c r="AC73944" i="1"/>
  <c r="AC73945" i="1"/>
  <c r="AC73946" i="1"/>
  <c r="AC73947" i="1"/>
  <c r="AC73948" i="1"/>
  <c r="AC73949" i="1"/>
  <c r="AC73950" i="1"/>
  <c r="AC73951" i="1"/>
  <c r="AC73952" i="1"/>
  <c r="AC73953" i="1"/>
  <c r="AC73954" i="1"/>
  <c r="AC73955" i="1"/>
  <c r="AC73956" i="1"/>
  <c r="AC73957" i="1"/>
  <c r="AC73958" i="1"/>
  <c r="AC73959" i="1"/>
  <c r="AC73960" i="1"/>
  <c r="AC73961" i="1"/>
  <c r="AC73962" i="1"/>
  <c r="AC73963" i="1"/>
  <c r="AC73964" i="1"/>
  <c r="AC73965" i="1"/>
  <c r="AC73966" i="1"/>
  <c r="AC73967" i="1"/>
  <c r="AC73968" i="1"/>
  <c r="AC73969" i="1"/>
  <c r="AC73970" i="1"/>
  <c r="AC73971" i="1"/>
  <c r="AC73972" i="1"/>
  <c r="AC73973" i="1"/>
  <c r="AC73974" i="1"/>
  <c r="AC73975" i="1"/>
  <c r="AC73976" i="1"/>
  <c r="AC73977" i="1"/>
  <c r="AC73978" i="1"/>
  <c r="AC73979" i="1"/>
  <c r="AC73980" i="1"/>
  <c r="AC73981" i="1"/>
  <c r="AC73982" i="1"/>
  <c r="AC73983" i="1"/>
  <c r="AC73984" i="1"/>
  <c r="AC73985" i="1"/>
  <c r="AC73986" i="1"/>
  <c r="AC73987" i="1"/>
  <c r="AC73988" i="1"/>
  <c r="AC73989" i="1"/>
  <c r="AC73990" i="1"/>
  <c r="AC73991" i="1"/>
  <c r="AC73992" i="1"/>
  <c r="AC73993" i="1"/>
  <c r="AC73994" i="1"/>
  <c r="AC73995" i="1"/>
  <c r="AC73996" i="1"/>
  <c r="AC73997" i="1"/>
  <c r="AC73998" i="1"/>
  <c r="AC73999" i="1"/>
  <c r="AC74000" i="1"/>
  <c r="AC74001" i="1"/>
  <c r="AC74002" i="1"/>
  <c r="AC74003" i="1"/>
  <c r="AC74004" i="1"/>
  <c r="AC74005" i="1"/>
  <c r="AC74006" i="1"/>
  <c r="AC74007" i="1"/>
  <c r="AC74008" i="1"/>
  <c r="AC74009" i="1"/>
  <c r="AC74010" i="1"/>
  <c r="AC74011" i="1"/>
  <c r="AC74012" i="1"/>
  <c r="AC74013" i="1"/>
  <c r="AC74014" i="1"/>
  <c r="AC74015" i="1"/>
  <c r="AC74016" i="1"/>
  <c r="AC74017" i="1"/>
  <c r="AC74018" i="1"/>
  <c r="AC74019" i="1"/>
  <c r="AC74020" i="1"/>
  <c r="AC74021" i="1"/>
  <c r="AC74022" i="1"/>
  <c r="AC74023" i="1"/>
  <c r="AC74024" i="1"/>
  <c r="AC74025" i="1"/>
  <c r="AC74026" i="1"/>
  <c r="AC74027" i="1"/>
  <c r="AC74028" i="1"/>
  <c r="AC74029" i="1"/>
  <c r="AC74030" i="1"/>
  <c r="AC74031" i="1"/>
  <c r="AC74032" i="1"/>
  <c r="AC74033" i="1"/>
  <c r="AC74034" i="1"/>
  <c r="AC74035" i="1"/>
  <c r="AC74036" i="1"/>
  <c r="AC74037" i="1"/>
  <c r="AC74038" i="1"/>
  <c r="AC74039" i="1"/>
  <c r="AC74040" i="1"/>
  <c r="AC74041" i="1"/>
  <c r="AC74042" i="1"/>
  <c r="AC74043" i="1"/>
  <c r="AC74044" i="1"/>
  <c r="AC74045" i="1"/>
  <c r="AC74046" i="1"/>
  <c r="AC74047" i="1"/>
  <c r="AC74048" i="1"/>
  <c r="AC74049" i="1"/>
  <c r="AC74050" i="1"/>
  <c r="AC74051" i="1"/>
  <c r="AC74052" i="1"/>
  <c r="AC74053" i="1"/>
  <c r="AC74054" i="1"/>
  <c r="AC74055" i="1"/>
  <c r="AC74056" i="1"/>
  <c r="AC74057" i="1"/>
  <c r="AC74058" i="1"/>
  <c r="AC74059" i="1"/>
  <c r="AC74060" i="1"/>
  <c r="AC74061" i="1"/>
  <c r="AC74062" i="1"/>
  <c r="AC74063" i="1"/>
  <c r="AC74064" i="1"/>
  <c r="AC74065" i="1"/>
  <c r="AC74066" i="1"/>
  <c r="AC74067" i="1"/>
  <c r="AC74068" i="1"/>
  <c r="AC74069" i="1"/>
  <c r="AC74070" i="1"/>
  <c r="AC74071" i="1"/>
  <c r="AC74072" i="1"/>
  <c r="AC74073" i="1"/>
  <c r="AC74074" i="1"/>
  <c r="AC74075" i="1"/>
  <c r="AC74076" i="1"/>
  <c r="AC74077" i="1"/>
  <c r="AC74078" i="1"/>
  <c r="AC74079" i="1"/>
  <c r="AC74080" i="1"/>
  <c r="AC74081" i="1"/>
  <c r="AC74082" i="1"/>
  <c r="AC74083" i="1"/>
  <c r="AC74084" i="1"/>
  <c r="AC74085" i="1"/>
  <c r="AC74086" i="1"/>
  <c r="AC74087" i="1"/>
  <c r="AC74088" i="1"/>
  <c r="AC74089" i="1"/>
  <c r="AC74090" i="1"/>
  <c r="AC74091" i="1"/>
  <c r="AC74092" i="1"/>
  <c r="AC74093" i="1"/>
  <c r="AC74094" i="1"/>
  <c r="AC74095" i="1"/>
  <c r="AC74096" i="1"/>
  <c r="AC74097" i="1"/>
  <c r="AC74098" i="1"/>
  <c r="AC74099" i="1"/>
  <c r="AC74100" i="1"/>
  <c r="AC74101" i="1"/>
  <c r="AC74102" i="1"/>
  <c r="AC74103" i="1"/>
  <c r="AC74104" i="1"/>
  <c r="AC74105" i="1"/>
  <c r="AC74106" i="1"/>
  <c r="AC74107" i="1"/>
  <c r="AC74108" i="1"/>
  <c r="AC74109" i="1"/>
  <c r="AC74110" i="1"/>
  <c r="AC74111" i="1"/>
  <c r="AC74112" i="1"/>
  <c r="AC74113" i="1"/>
  <c r="AC74114" i="1"/>
  <c r="AC74115" i="1"/>
  <c r="AC74116" i="1"/>
  <c r="AC74117" i="1"/>
  <c r="AC74118" i="1"/>
  <c r="AC74119" i="1"/>
  <c r="AC74120" i="1"/>
  <c r="AC74121" i="1"/>
  <c r="AC74122" i="1"/>
  <c r="AC74123" i="1"/>
  <c r="AC74124" i="1"/>
  <c r="AC74125" i="1"/>
  <c r="AC74126" i="1"/>
  <c r="AC74127" i="1"/>
  <c r="AC74128" i="1"/>
  <c r="AC74129" i="1"/>
  <c r="AC74130" i="1"/>
  <c r="AC74131" i="1"/>
  <c r="AC74132" i="1"/>
  <c r="AC74133" i="1"/>
  <c r="AC74134" i="1"/>
  <c r="AC74135" i="1"/>
  <c r="AC74136" i="1"/>
  <c r="AC74137" i="1"/>
  <c r="AC74138" i="1"/>
  <c r="AC74139" i="1"/>
  <c r="AC74140" i="1"/>
  <c r="AC74141" i="1"/>
  <c r="AC74142" i="1"/>
  <c r="AC74143" i="1"/>
  <c r="AC74144" i="1"/>
  <c r="AC74145" i="1"/>
  <c r="AC74146" i="1"/>
  <c r="AC74147" i="1"/>
  <c r="AC74148" i="1"/>
  <c r="AC74149" i="1"/>
  <c r="AC74150" i="1"/>
  <c r="AC74151" i="1"/>
  <c r="AC74152" i="1"/>
  <c r="AC74153" i="1"/>
  <c r="AC74154" i="1"/>
  <c r="AC74155" i="1"/>
  <c r="AC74156" i="1"/>
  <c r="AC74157" i="1"/>
  <c r="AC74158" i="1"/>
  <c r="AC74159" i="1"/>
  <c r="AC74160" i="1"/>
  <c r="AC74161" i="1"/>
  <c r="AC74162" i="1"/>
  <c r="AC74163" i="1"/>
  <c r="AC74164" i="1"/>
  <c r="AC74165" i="1"/>
  <c r="AC74166" i="1"/>
  <c r="AC74167" i="1"/>
  <c r="AC74168" i="1"/>
  <c r="AC74169" i="1"/>
  <c r="AC74170" i="1"/>
  <c r="AC74171" i="1"/>
  <c r="AC74172" i="1"/>
  <c r="AC74173" i="1"/>
  <c r="AC74174" i="1"/>
  <c r="AC74175" i="1"/>
  <c r="AC74176" i="1"/>
  <c r="AC74177" i="1"/>
  <c r="AC74178" i="1"/>
  <c r="AC74179" i="1"/>
  <c r="AC74180" i="1"/>
  <c r="AC74181" i="1"/>
  <c r="AC74182" i="1"/>
  <c r="AC74183" i="1"/>
  <c r="AC74184" i="1"/>
  <c r="AC74185" i="1"/>
  <c r="AC74186" i="1"/>
  <c r="AC74187" i="1"/>
  <c r="AC74188" i="1"/>
  <c r="AC74189" i="1"/>
  <c r="AC74190" i="1"/>
  <c r="AC74191" i="1"/>
  <c r="AC74192" i="1"/>
  <c r="AC74193" i="1"/>
  <c r="AC74194" i="1"/>
  <c r="AC74195" i="1"/>
  <c r="AC74196" i="1"/>
  <c r="AC74197" i="1"/>
  <c r="AC74198" i="1"/>
  <c r="AC74199" i="1"/>
  <c r="AC74200" i="1"/>
  <c r="AC74201" i="1"/>
  <c r="AC74202" i="1"/>
  <c r="AC74203" i="1"/>
  <c r="AC74204" i="1"/>
  <c r="AC74205" i="1"/>
  <c r="AC74206" i="1"/>
  <c r="AC74207" i="1"/>
  <c r="AC74208" i="1"/>
  <c r="AC74209" i="1"/>
  <c r="AC74210" i="1"/>
  <c r="AC74211" i="1"/>
  <c r="AC74212" i="1"/>
  <c r="AC74213" i="1"/>
  <c r="AC74214" i="1"/>
  <c r="AC74215" i="1"/>
  <c r="AC74216" i="1"/>
  <c r="AC74217" i="1"/>
  <c r="AC74218" i="1"/>
  <c r="AC74219" i="1"/>
  <c r="AC74220" i="1"/>
  <c r="AC74221" i="1"/>
  <c r="AC74222" i="1"/>
  <c r="AC74223" i="1"/>
  <c r="AC74224" i="1"/>
  <c r="AC74225" i="1"/>
  <c r="AC74226" i="1"/>
  <c r="AC74227" i="1"/>
  <c r="AC74228" i="1"/>
  <c r="AC74229" i="1"/>
  <c r="AC74230" i="1"/>
  <c r="AC74231" i="1"/>
  <c r="AC74232" i="1"/>
  <c r="AC74233" i="1"/>
  <c r="AC74234" i="1"/>
  <c r="AC74235" i="1"/>
  <c r="AC74236" i="1"/>
  <c r="AC74237" i="1"/>
  <c r="AC74238" i="1"/>
  <c r="AC74239" i="1"/>
  <c r="AC74240" i="1"/>
  <c r="AC74241" i="1"/>
  <c r="AC74242" i="1"/>
  <c r="AC74243" i="1"/>
  <c r="AC74244" i="1"/>
  <c r="AC74245" i="1"/>
  <c r="AC74246" i="1"/>
  <c r="AC74247" i="1"/>
  <c r="AC74248" i="1"/>
  <c r="AC74249" i="1"/>
  <c r="AC74250" i="1"/>
  <c r="AC74251" i="1"/>
  <c r="AC74252" i="1"/>
  <c r="AC74253" i="1"/>
  <c r="AC74254" i="1"/>
  <c r="AC74255" i="1"/>
  <c r="AC74256" i="1"/>
  <c r="AC74257" i="1"/>
  <c r="AC74258" i="1"/>
  <c r="AC74259" i="1"/>
  <c r="AC74260" i="1"/>
  <c r="AC74261" i="1"/>
  <c r="AC74262" i="1"/>
  <c r="AC74263" i="1"/>
  <c r="AC74264" i="1"/>
  <c r="AC74265" i="1"/>
  <c r="AC74266" i="1"/>
  <c r="AC74267" i="1"/>
  <c r="AC74268" i="1"/>
  <c r="AC74269" i="1"/>
  <c r="AC74270" i="1"/>
  <c r="AC74271" i="1"/>
  <c r="AC74272" i="1"/>
  <c r="AC74273" i="1"/>
  <c r="AC74274" i="1"/>
  <c r="AC74275" i="1"/>
  <c r="AC74276" i="1"/>
  <c r="AC74277" i="1"/>
  <c r="AC74278" i="1"/>
  <c r="AC74279" i="1"/>
  <c r="AC74280" i="1"/>
  <c r="AC74281" i="1"/>
  <c r="AC74282" i="1"/>
  <c r="AC74283" i="1"/>
  <c r="AC74284" i="1"/>
  <c r="AC74285" i="1"/>
  <c r="AC74286" i="1"/>
  <c r="AC74287" i="1"/>
  <c r="AC74288" i="1"/>
  <c r="AC74289" i="1"/>
  <c r="AC74290" i="1"/>
  <c r="AC74291" i="1"/>
  <c r="AC74292" i="1"/>
  <c r="AC74293" i="1"/>
  <c r="AC74294" i="1"/>
  <c r="AC74295" i="1"/>
  <c r="AC74296" i="1"/>
  <c r="AC74297" i="1"/>
  <c r="AC74298" i="1"/>
  <c r="AC74299" i="1"/>
  <c r="AC74300" i="1"/>
  <c r="AC74301" i="1"/>
  <c r="AC74302" i="1"/>
  <c r="AC74303" i="1"/>
  <c r="AC74304" i="1"/>
  <c r="AC74305" i="1"/>
  <c r="AC74306" i="1"/>
  <c r="AC74307" i="1"/>
  <c r="AC74308" i="1"/>
  <c r="AC74309" i="1"/>
  <c r="AC74310" i="1"/>
  <c r="AC74311" i="1"/>
  <c r="AC74312" i="1"/>
  <c r="AC74313" i="1"/>
  <c r="AC74314" i="1"/>
  <c r="AC74315" i="1"/>
  <c r="AC74316" i="1"/>
  <c r="AC74317" i="1"/>
  <c r="AC74318" i="1"/>
  <c r="AC74319" i="1"/>
  <c r="AC74320" i="1"/>
  <c r="AC74321" i="1"/>
  <c r="AC74322" i="1"/>
  <c r="AC74323" i="1"/>
  <c r="AC74324" i="1"/>
  <c r="AC74325" i="1"/>
  <c r="AC74326" i="1"/>
  <c r="AC74327" i="1"/>
  <c r="AC74328" i="1"/>
  <c r="AC74329" i="1"/>
  <c r="AC74330" i="1"/>
  <c r="AC74331" i="1"/>
  <c r="AC74332" i="1"/>
  <c r="AC74333" i="1"/>
  <c r="AC74334" i="1"/>
  <c r="AC74335" i="1"/>
  <c r="AC74336" i="1"/>
  <c r="AC74337" i="1"/>
  <c r="AC74338" i="1"/>
  <c r="AC74339" i="1"/>
  <c r="AC74340" i="1"/>
  <c r="AC74341" i="1"/>
  <c r="AC74342" i="1"/>
  <c r="AC74343" i="1"/>
  <c r="AC74344" i="1"/>
  <c r="AC74345" i="1"/>
  <c r="AC74346" i="1"/>
  <c r="AC74347" i="1"/>
  <c r="AC74348" i="1"/>
  <c r="AC74349" i="1"/>
  <c r="AC74350" i="1"/>
  <c r="AC74351" i="1"/>
  <c r="AC74352" i="1"/>
  <c r="AC74353" i="1"/>
  <c r="AC74354" i="1"/>
  <c r="AC74355" i="1"/>
  <c r="AC74356" i="1"/>
  <c r="AC74357" i="1"/>
  <c r="AC74358" i="1"/>
  <c r="AC74359" i="1"/>
  <c r="AC74360" i="1"/>
  <c r="AC74361" i="1"/>
  <c r="AC74362" i="1"/>
  <c r="AC74363" i="1"/>
  <c r="AC74364" i="1"/>
  <c r="AC74365" i="1"/>
  <c r="AC74366" i="1"/>
  <c r="AC74367" i="1"/>
  <c r="AC74368" i="1"/>
  <c r="AC74369" i="1"/>
  <c r="AC74370" i="1"/>
  <c r="AC74371" i="1"/>
  <c r="AC74372" i="1"/>
  <c r="AC74373" i="1"/>
  <c r="AC74374" i="1"/>
  <c r="AC74375" i="1"/>
  <c r="AC74376" i="1"/>
  <c r="AC74377" i="1"/>
  <c r="AC74378" i="1"/>
  <c r="AC74379" i="1"/>
  <c r="AC74380" i="1"/>
  <c r="AC74381" i="1"/>
  <c r="AC74382" i="1"/>
  <c r="AC74383" i="1"/>
  <c r="AC74384" i="1"/>
  <c r="AC74385" i="1"/>
  <c r="AC74386" i="1"/>
  <c r="AC74387" i="1"/>
  <c r="AC74388" i="1"/>
  <c r="AC74389" i="1"/>
  <c r="AC74390" i="1"/>
  <c r="AC74391" i="1"/>
  <c r="AC74392" i="1"/>
  <c r="AC74393" i="1"/>
  <c r="AC74394" i="1"/>
  <c r="AC74395" i="1"/>
  <c r="AC74396" i="1"/>
  <c r="AC74397" i="1"/>
  <c r="AC74398" i="1"/>
  <c r="AC74399" i="1"/>
  <c r="AC74400" i="1"/>
  <c r="AC74401" i="1"/>
  <c r="AC74402" i="1"/>
  <c r="AC74403" i="1"/>
  <c r="AC74404" i="1"/>
  <c r="AC74405" i="1"/>
  <c r="AC74406" i="1"/>
  <c r="AC74407" i="1"/>
  <c r="AC74408" i="1"/>
  <c r="AC74409" i="1"/>
  <c r="AC74410" i="1"/>
  <c r="AC74411" i="1"/>
  <c r="AC74412" i="1"/>
  <c r="AC74413" i="1"/>
  <c r="AC74414" i="1"/>
  <c r="AC74415" i="1"/>
  <c r="AC74416" i="1"/>
  <c r="AC74417" i="1"/>
  <c r="AC74418" i="1"/>
  <c r="AC74419" i="1"/>
  <c r="AC74420" i="1"/>
  <c r="AC74421" i="1"/>
  <c r="AC74422" i="1"/>
  <c r="AC74423" i="1"/>
  <c r="AC74424" i="1"/>
  <c r="AC74425" i="1"/>
  <c r="AC74426" i="1"/>
  <c r="AC74427" i="1"/>
  <c r="AC74428" i="1"/>
  <c r="AC74429" i="1"/>
  <c r="AC74430" i="1"/>
  <c r="AC74431" i="1"/>
  <c r="AC74432" i="1"/>
  <c r="AC74433" i="1"/>
  <c r="AC74434" i="1"/>
  <c r="AC74435" i="1"/>
  <c r="AC74436" i="1"/>
  <c r="AC74437" i="1"/>
  <c r="AC74438" i="1"/>
  <c r="AC74439" i="1"/>
  <c r="AC74440" i="1"/>
  <c r="AC74441" i="1"/>
  <c r="AC74442" i="1"/>
  <c r="AC74443" i="1"/>
  <c r="AC74444" i="1"/>
  <c r="AC74445" i="1"/>
  <c r="AC74446" i="1"/>
  <c r="AC74447" i="1"/>
  <c r="AC74448" i="1"/>
  <c r="AC74449" i="1"/>
  <c r="AC74450" i="1"/>
  <c r="AC74451" i="1"/>
  <c r="AC74452" i="1"/>
  <c r="AC74453" i="1"/>
  <c r="AC74454" i="1"/>
  <c r="AC74455" i="1"/>
  <c r="AC74456" i="1"/>
  <c r="AC74457" i="1"/>
  <c r="AC74458" i="1"/>
  <c r="AC74459" i="1"/>
  <c r="AC74460" i="1"/>
  <c r="AC74461" i="1"/>
  <c r="AC74462" i="1"/>
  <c r="AC74463" i="1"/>
  <c r="AC74464" i="1"/>
  <c r="AC74465" i="1"/>
  <c r="AC74466" i="1"/>
  <c r="AC74467" i="1"/>
  <c r="AC74468" i="1"/>
  <c r="AC74469" i="1"/>
  <c r="AC74470" i="1"/>
  <c r="AC74471" i="1"/>
  <c r="AC74472" i="1"/>
  <c r="AC74473" i="1"/>
  <c r="AC74474" i="1"/>
  <c r="AC74475" i="1"/>
  <c r="AC74476" i="1"/>
  <c r="AC74477" i="1"/>
  <c r="AC74478" i="1"/>
  <c r="AC74479" i="1"/>
  <c r="AC74480" i="1"/>
  <c r="AC74481" i="1"/>
  <c r="AC74482" i="1"/>
  <c r="AC74483" i="1"/>
  <c r="AC74484" i="1"/>
  <c r="AC74485" i="1"/>
  <c r="AC74486" i="1"/>
  <c r="AC74487" i="1"/>
  <c r="AC74488" i="1"/>
  <c r="AC74489" i="1"/>
  <c r="AC74490" i="1"/>
  <c r="AC74491" i="1"/>
  <c r="AC74492" i="1"/>
  <c r="AC74493" i="1"/>
  <c r="AC74494" i="1"/>
  <c r="AC74495" i="1"/>
  <c r="AC74496" i="1"/>
  <c r="AC74497" i="1"/>
  <c r="AC74498" i="1"/>
  <c r="AC74499" i="1"/>
  <c r="AC74500" i="1"/>
  <c r="AC74501" i="1"/>
  <c r="AC74502" i="1"/>
  <c r="AC74503" i="1"/>
  <c r="AC74504" i="1"/>
  <c r="AC74505" i="1"/>
  <c r="AC74506" i="1"/>
  <c r="AC74507" i="1"/>
  <c r="AC74508" i="1"/>
  <c r="AC74509" i="1"/>
  <c r="AC74510" i="1"/>
  <c r="AC74511" i="1"/>
  <c r="AC74512" i="1"/>
  <c r="AC74513" i="1"/>
  <c r="AC74514" i="1"/>
  <c r="AC74515" i="1"/>
  <c r="AC74516" i="1"/>
  <c r="AC74517" i="1"/>
  <c r="AC74518" i="1"/>
  <c r="AC74519" i="1"/>
  <c r="AC74520" i="1"/>
  <c r="AC74521" i="1"/>
  <c r="AC74522" i="1"/>
  <c r="AC74523" i="1"/>
  <c r="AC74524" i="1"/>
  <c r="AC74525" i="1"/>
  <c r="AC74526" i="1"/>
  <c r="AC74527" i="1"/>
  <c r="AC74528" i="1"/>
  <c r="AC74529" i="1"/>
  <c r="AC74530" i="1"/>
  <c r="AC74531" i="1"/>
  <c r="AC74532" i="1"/>
  <c r="AC74533" i="1"/>
  <c r="AC74534" i="1"/>
  <c r="AC74535" i="1"/>
  <c r="AC74536" i="1"/>
  <c r="AC74537" i="1"/>
  <c r="AC74538" i="1"/>
  <c r="AC74539" i="1"/>
  <c r="AC74540" i="1"/>
  <c r="AC74541" i="1"/>
  <c r="AC74542" i="1"/>
  <c r="AC74543" i="1"/>
  <c r="AC74544" i="1"/>
  <c r="AC74545" i="1"/>
  <c r="AC74546" i="1"/>
  <c r="AC74547" i="1"/>
  <c r="AC74548" i="1"/>
  <c r="AC74549" i="1"/>
  <c r="AC74550" i="1"/>
  <c r="AC74551" i="1"/>
  <c r="AC74552" i="1"/>
  <c r="AC74553" i="1"/>
  <c r="AC74554" i="1"/>
  <c r="AC74555" i="1"/>
  <c r="AC74556" i="1"/>
  <c r="AC74557" i="1"/>
  <c r="AC74558" i="1"/>
  <c r="AC74559" i="1"/>
  <c r="AC74560" i="1"/>
  <c r="AC74561" i="1"/>
  <c r="AC74562" i="1"/>
  <c r="AC74563" i="1"/>
  <c r="AC74564" i="1"/>
  <c r="AC74565" i="1"/>
  <c r="AC74566" i="1"/>
  <c r="AC74567" i="1"/>
  <c r="AC74568" i="1"/>
  <c r="AC74569" i="1"/>
  <c r="AC74570" i="1"/>
  <c r="AC74571" i="1"/>
  <c r="AC74572" i="1"/>
  <c r="AC74573" i="1"/>
  <c r="AC74574" i="1"/>
  <c r="AC74575" i="1"/>
  <c r="AC74576" i="1"/>
  <c r="AC74577" i="1"/>
  <c r="AC74578" i="1"/>
  <c r="AC74579" i="1"/>
  <c r="AC74580" i="1"/>
  <c r="AC74581" i="1"/>
  <c r="AC74582" i="1"/>
  <c r="AC74583" i="1"/>
  <c r="AC74584" i="1"/>
  <c r="AC74585" i="1"/>
  <c r="AC74586" i="1"/>
  <c r="AC74587" i="1"/>
  <c r="AC74588" i="1"/>
  <c r="AC74589" i="1"/>
  <c r="AC74590" i="1"/>
  <c r="AC74591" i="1"/>
  <c r="AC74592" i="1"/>
  <c r="AC74593" i="1"/>
  <c r="AC74594" i="1"/>
  <c r="AC74595" i="1"/>
  <c r="AC74596" i="1"/>
  <c r="AC74597" i="1"/>
  <c r="AC74598" i="1"/>
  <c r="AC74599" i="1"/>
  <c r="AC74600" i="1"/>
  <c r="AC74601" i="1"/>
  <c r="AC74602" i="1"/>
  <c r="AC74603" i="1"/>
  <c r="AC74604" i="1"/>
  <c r="AC74605" i="1"/>
  <c r="AC74606" i="1"/>
  <c r="AC74607" i="1"/>
  <c r="AC74608" i="1"/>
  <c r="AC74609" i="1"/>
  <c r="AC74610" i="1"/>
  <c r="AC74611" i="1"/>
  <c r="AC74612" i="1"/>
  <c r="AC74613" i="1"/>
  <c r="AC74614" i="1"/>
  <c r="AC74615" i="1"/>
  <c r="AC74616" i="1"/>
  <c r="AC74617" i="1"/>
  <c r="AC74618" i="1"/>
  <c r="AC74619" i="1"/>
  <c r="AC74620" i="1"/>
  <c r="AC74621" i="1"/>
  <c r="AC74622" i="1"/>
  <c r="AC74623" i="1"/>
  <c r="AC74624" i="1"/>
  <c r="AC74625" i="1"/>
  <c r="AC74626" i="1"/>
  <c r="AC74627" i="1"/>
  <c r="AC74628" i="1"/>
  <c r="AC74629" i="1"/>
  <c r="AC74630" i="1"/>
  <c r="AC74631" i="1"/>
  <c r="AC74632" i="1"/>
  <c r="AC74633" i="1"/>
  <c r="AC74634" i="1"/>
  <c r="AC74635" i="1"/>
  <c r="AC74636" i="1"/>
  <c r="AC74637" i="1"/>
  <c r="AC74638" i="1"/>
  <c r="AC74639" i="1"/>
  <c r="AC74640" i="1"/>
  <c r="AC74641" i="1"/>
  <c r="AC74642" i="1"/>
  <c r="AC74643" i="1"/>
  <c r="AC74644" i="1"/>
  <c r="AC74645" i="1"/>
  <c r="AC74646" i="1"/>
  <c r="AC74647" i="1"/>
  <c r="AC74648" i="1"/>
  <c r="AC74649" i="1"/>
  <c r="AC74650" i="1"/>
  <c r="AC74651" i="1"/>
  <c r="AC74652" i="1"/>
  <c r="AC74653" i="1"/>
  <c r="AC74654" i="1"/>
  <c r="AC74655" i="1"/>
  <c r="AC74656" i="1"/>
  <c r="AC74657" i="1"/>
  <c r="AC74658" i="1"/>
  <c r="AC74659" i="1"/>
  <c r="AC74660" i="1"/>
  <c r="AC74661" i="1"/>
  <c r="AC74662" i="1"/>
  <c r="AC74663" i="1"/>
  <c r="AC74664" i="1"/>
  <c r="AC74665" i="1"/>
  <c r="AC74666" i="1"/>
  <c r="AC74667" i="1"/>
  <c r="AC74668" i="1"/>
  <c r="AC74669" i="1"/>
  <c r="AC74670" i="1"/>
  <c r="AC74671" i="1"/>
  <c r="AC74672" i="1"/>
  <c r="AC74673" i="1"/>
  <c r="AC74674" i="1"/>
  <c r="AC74675" i="1"/>
  <c r="AC74676" i="1"/>
  <c r="AC74677" i="1"/>
  <c r="AC74678" i="1"/>
  <c r="AC74679" i="1"/>
  <c r="AC74680" i="1"/>
  <c r="AC74681" i="1"/>
  <c r="AC74682" i="1"/>
  <c r="AC74683" i="1"/>
  <c r="AC74684" i="1"/>
  <c r="AC74685" i="1"/>
  <c r="AC74686" i="1"/>
  <c r="AC74687" i="1"/>
  <c r="AC74688" i="1"/>
  <c r="AC74689" i="1"/>
  <c r="AC74690" i="1"/>
  <c r="AC74691" i="1"/>
  <c r="AC74692" i="1"/>
  <c r="AC74693" i="1"/>
  <c r="AC74694" i="1"/>
  <c r="AC74695" i="1"/>
  <c r="AC74696" i="1"/>
  <c r="AC74697" i="1"/>
  <c r="AC74698" i="1"/>
  <c r="AC74699" i="1"/>
  <c r="AC74700" i="1"/>
  <c r="AC74701" i="1"/>
  <c r="AC74702" i="1"/>
  <c r="AC74703" i="1"/>
  <c r="AC74704" i="1"/>
  <c r="AC74705" i="1"/>
  <c r="AC74706" i="1"/>
  <c r="AC74707" i="1"/>
  <c r="AC74708" i="1"/>
  <c r="AC74709" i="1"/>
  <c r="AC74710" i="1"/>
  <c r="AC74711" i="1"/>
  <c r="AC74712" i="1"/>
  <c r="AC74713" i="1"/>
  <c r="AC74714" i="1"/>
  <c r="AC74715" i="1"/>
  <c r="AC74716" i="1"/>
  <c r="AC74717" i="1"/>
  <c r="AC74718" i="1"/>
  <c r="AC74719" i="1"/>
  <c r="AC74720" i="1"/>
  <c r="AC74721" i="1"/>
  <c r="AC74722" i="1"/>
  <c r="AC74723" i="1"/>
  <c r="AC74724" i="1"/>
  <c r="AC74725" i="1"/>
  <c r="AC74726" i="1"/>
  <c r="AC74727" i="1"/>
  <c r="AC74728" i="1"/>
  <c r="AC74729" i="1"/>
  <c r="AC74730" i="1"/>
  <c r="AC74731" i="1"/>
  <c r="AC74732" i="1"/>
  <c r="AC74733" i="1"/>
  <c r="AC74734" i="1"/>
  <c r="AC74735" i="1"/>
  <c r="AC74736" i="1"/>
  <c r="AC74737" i="1"/>
  <c r="AC74738" i="1"/>
  <c r="AC74739" i="1"/>
  <c r="AC74740" i="1"/>
  <c r="AC74741" i="1"/>
  <c r="AC74742" i="1"/>
  <c r="AC74743" i="1"/>
  <c r="AC74744" i="1"/>
  <c r="AC74745" i="1"/>
  <c r="AC74746" i="1"/>
  <c r="AC74747" i="1"/>
  <c r="AC74748" i="1"/>
  <c r="AC74749" i="1"/>
  <c r="AC74750" i="1"/>
  <c r="AC74751" i="1"/>
  <c r="AC74752" i="1"/>
  <c r="AC74753" i="1"/>
  <c r="AC74754" i="1"/>
  <c r="AC74755" i="1"/>
  <c r="AC74756" i="1"/>
  <c r="AC74757" i="1"/>
  <c r="AC74758" i="1"/>
  <c r="AC74759" i="1"/>
  <c r="AC74760" i="1"/>
  <c r="AC74761" i="1"/>
  <c r="AC74762" i="1"/>
  <c r="AC74763" i="1"/>
  <c r="AC74764" i="1"/>
  <c r="AC74765" i="1"/>
  <c r="AC74766" i="1"/>
  <c r="AC74767" i="1"/>
  <c r="AC74768" i="1"/>
  <c r="AC74769" i="1"/>
  <c r="AC74770" i="1"/>
  <c r="AC74771" i="1"/>
  <c r="AC74772" i="1"/>
  <c r="AC74773" i="1"/>
  <c r="AC74774" i="1"/>
  <c r="AC74775" i="1"/>
  <c r="AC74776" i="1"/>
  <c r="AC74777" i="1"/>
  <c r="AC74778" i="1"/>
  <c r="AC74779" i="1"/>
  <c r="AC74780" i="1"/>
  <c r="AC74781" i="1"/>
  <c r="AC74782" i="1"/>
  <c r="AC74783" i="1"/>
  <c r="AC74784" i="1"/>
  <c r="AC74785" i="1"/>
  <c r="AC74786" i="1"/>
  <c r="AC74787" i="1"/>
  <c r="AC74788" i="1"/>
  <c r="AC74789" i="1"/>
  <c r="AC74790" i="1"/>
  <c r="AC74791" i="1"/>
  <c r="AC74792" i="1"/>
  <c r="AC74793" i="1"/>
  <c r="AC74794" i="1"/>
  <c r="AC74795" i="1"/>
  <c r="AC74796" i="1"/>
  <c r="AC74797" i="1"/>
  <c r="AC74798" i="1"/>
  <c r="AC74799" i="1"/>
  <c r="AC74800" i="1"/>
  <c r="AC74801" i="1"/>
  <c r="AC74802" i="1"/>
  <c r="AC74803" i="1"/>
  <c r="AC74804" i="1"/>
  <c r="AC74805" i="1"/>
  <c r="AC74806" i="1"/>
  <c r="AC74807" i="1"/>
  <c r="AC74808" i="1"/>
  <c r="AC74809" i="1"/>
  <c r="AC74810" i="1"/>
  <c r="AC74811" i="1"/>
  <c r="AC74812" i="1"/>
  <c r="AC74813" i="1"/>
  <c r="AC74814" i="1"/>
  <c r="AC74815" i="1"/>
  <c r="AC74816" i="1"/>
  <c r="AC74817" i="1"/>
  <c r="AC74818" i="1"/>
  <c r="AC74819" i="1"/>
  <c r="AC74820" i="1"/>
  <c r="AC74821" i="1"/>
  <c r="AC74822" i="1"/>
  <c r="AC74823" i="1"/>
  <c r="AC74824" i="1"/>
  <c r="AC74825" i="1"/>
  <c r="AC74826" i="1"/>
  <c r="AC74827" i="1"/>
  <c r="AC74828" i="1"/>
  <c r="AC74829" i="1"/>
  <c r="AC74830" i="1"/>
  <c r="AC74831" i="1"/>
  <c r="AC74832" i="1"/>
  <c r="AC74833" i="1"/>
  <c r="AC74834" i="1"/>
  <c r="AC74835" i="1"/>
  <c r="AC74836" i="1"/>
  <c r="AC74837" i="1"/>
  <c r="AC74838" i="1"/>
  <c r="AC74839" i="1"/>
  <c r="AC74840" i="1"/>
  <c r="AC74841" i="1"/>
  <c r="AC74842" i="1"/>
  <c r="AC74843" i="1"/>
  <c r="AC74844" i="1"/>
  <c r="AC74845" i="1"/>
  <c r="AC74846" i="1"/>
  <c r="AC74847" i="1"/>
  <c r="AC74848" i="1"/>
  <c r="AC74849" i="1"/>
  <c r="AC74850" i="1"/>
  <c r="AC74851" i="1"/>
  <c r="AC74852" i="1"/>
  <c r="AC74853" i="1"/>
  <c r="AC74854" i="1"/>
  <c r="AC74855" i="1"/>
  <c r="AC74856" i="1"/>
  <c r="AC74857" i="1"/>
  <c r="AC74858" i="1"/>
  <c r="AC74859" i="1"/>
  <c r="AC74860" i="1"/>
  <c r="AC74861" i="1"/>
  <c r="AC74862" i="1"/>
  <c r="AC74863" i="1"/>
  <c r="AC74864" i="1"/>
  <c r="AC74865" i="1"/>
  <c r="AC74866" i="1"/>
  <c r="AC74867" i="1"/>
  <c r="AC74868" i="1"/>
  <c r="AC74869" i="1"/>
  <c r="AC74870" i="1"/>
  <c r="AC74871" i="1"/>
  <c r="AC74872" i="1"/>
  <c r="AC74873" i="1"/>
  <c r="AC74874" i="1"/>
  <c r="AC74875" i="1"/>
  <c r="AC74876" i="1"/>
  <c r="AC74877" i="1"/>
  <c r="AC74878" i="1"/>
  <c r="AC74879" i="1"/>
  <c r="AC74880" i="1"/>
  <c r="AC74881" i="1"/>
  <c r="AC74882" i="1"/>
  <c r="AC74883" i="1"/>
  <c r="AC74884" i="1"/>
  <c r="AC74885" i="1"/>
  <c r="AC74886" i="1"/>
  <c r="AC74887" i="1"/>
  <c r="AC74888" i="1"/>
  <c r="AC74889" i="1"/>
  <c r="AC74890" i="1"/>
  <c r="AC74891" i="1"/>
  <c r="AC74892" i="1"/>
  <c r="AC74893" i="1"/>
  <c r="AC74894" i="1"/>
  <c r="AC74895" i="1"/>
  <c r="AC74896" i="1"/>
  <c r="AC74897" i="1"/>
  <c r="AC74898" i="1"/>
  <c r="AC74899" i="1"/>
  <c r="AC74900" i="1"/>
  <c r="AC74901" i="1"/>
  <c r="AC74902" i="1"/>
  <c r="AC74903" i="1"/>
  <c r="AC74904" i="1"/>
  <c r="AC74905" i="1"/>
  <c r="AC74906" i="1"/>
  <c r="AC74907" i="1"/>
  <c r="AC74908" i="1"/>
  <c r="AC74909" i="1"/>
  <c r="AC74910" i="1"/>
  <c r="AC74911" i="1"/>
  <c r="AC74912" i="1"/>
  <c r="AC74913" i="1"/>
  <c r="AC74914" i="1"/>
  <c r="AC74915" i="1"/>
  <c r="AC74916" i="1"/>
  <c r="AC74917" i="1"/>
  <c r="AC74918" i="1"/>
  <c r="AC74919" i="1"/>
  <c r="AC74920" i="1"/>
  <c r="AC74921" i="1"/>
  <c r="AC74922" i="1"/>
  <c r="AC74923" i="1"/>
  <c r="AC74924" i="1"/>
  <c r="AC74925" i="1"/>
  <c r="AC74926" i="1"/>
  <c r="AC74927" i="1"/>
  <c r="AC74928" i="1"/>
  <c r="AC74929" i="1"/>
  <c r="AC74930" i="1"/>
  <c r="AC74931" i="1"/>
  <c r="AC74932" i="1"/>
  <c r="AC74933" i="1"/>
  <c r="AC74934" i="1"/>
  <c r="AC74935" i="1"/>
  <c r="AC74936" i="1"/>
  <c r="AC74937" i="1"/>
  <c r="AC74938" i="1"/>
  <c r="AC74939" i="1"/>
  <c r="AC74940" i="1"/>
  <c r="AC74941" i="1"/>
  <c r="AC74942" i="1"/>
  <c r="AC74943" i="1"/>
  <c r="AC74944" i="1"/>
  <c r="AC74945" i="1"/>
  <c r="AC74946" i="1"/>
  <c r="AC74947" i="1"/>
  <c r="AC74948" i="1"/>
  <c r="AC74949" i="1"/>
  <c r="AC74950" i="1"/>
  <c r="AC74951" i="1"/>
  <c r="AC74952" i="1"/>
  <c r="AC74953" i="1"/>
  <c r="AC74954" i="1"/>
  <c r="AC74955" i="1"/>
  <c r="AC74956" i="1"/>
  <c r="AC74957" i="1"/>
  <c r="AC74958" i="1"/>
  <c r="AC74959" i="1"/>
  <c r="AC74960" i="1"/>
  <c r="AC74961" i="1"/>
  <c r="AC74962" i="1"/>
  <c r="AC74963" i="1"/>
  <c r="AC74964" i="1"/>
  <c r="AC74965" i="1"/>
  <c r="AC74966" i="1"/>
  <c r="AC74967" i="1"/>
  <c r="AC74968" i="1"/>
  <c r="AC74969" i="1"/>
  <c r="AC74970" i="1"/>
  <c r="AC74971" i="1"/>
  <c r="AC74972" i="1"/>
  <c r="AC74973" i="1"/>
  <c r="AC74974" i="1"/>
  <c r="AC74975" i="1"/>
  <c r="AC74976" i="1"/>
  <c r="AC74977" i="1"/>
  <c r="AC74978" i="1"/>
  <c r="AC74979" i="1"/>
  <c r="AC74980" i="1"/>
  <c r="AC74981" i="1"/>
  <c r="AC74982" i="1"/>
  <c r="AC74983" i="1"/>
  <c r="AC74984" i="1"/>
  <c r="AC74985" i="1"/>
  <c r="AC74986" i="1"/>
  <c r="AC74987" i="1"/>
  <c r="AC74988" i="1"/>
  <c r="AC74989" i="1"/>
  <c r="AC74990" i="1"/>
  <c r="AC74991" i="1"/>
  <c r="AC74992" i="1"/>
  <c r="AC74993" i="1"/>
  <c r="AC74994" i="1"/>
  <c r="AC74995" i="1"/>
  <c r="AC74996" i="1"/>
  <c r="AC74997" i="1"/>
  <c r="AC74998" i="1"/>
  <c r="AC74999" i="1"/>
  <c r="AC75000" i="1"/>
  <c r="AC75001" i="1"/>
  <c r="AC75002" i="1"/>
  <c r="AC75003" i="1"/>
  <c r="AC75004" i="1"/>
  <c r="AC75005" i="1"/>
  <c r="AC75006" i="1"/>
  <c r="AC75007" i="1"/>
  <c r="AC75008" i="1"/>
  <c r="AC75009" i="1"/>
  <c r="AC75010" i="1"/>
  <c r="AC75011" i="1"/>
  <c r="AC75012" i="1"/>
  <c r="AC75013" i="1"/>
  <c r="AC75014" i="1"/>
  <c r="AC75015" i="1"/>
  <c r="AC75016" i="1"/>
  <c r="AC75017" i="1"/>
  <c r="AC75018" i="1"/>
  <c r="AC75019" i="1"/>
  <c r="AC75020" i="1"/>
  <c r="AC75021" i="1"/>
  <c r="AC75022" i="1"/>
  <c r="AC75023" i="1"/>
  <c r="AC75024" i="1"/>
  <c r="AC75025" i="1"/>
  <c r="AC75026" i="1"/>
  <c r="AC75027" i="1"/>
  <c r="AC75028" i="1"/>
  <c r="AC75029" i="1"/>
  <c r="AC75030" i="1"/>
  <c r="AC75031" i="1"/>
  <c r="AC75032" i="1"/>
  <c r="AC75033" i="1"/>
  <c r="AC75034" i="1"/>
  <c r="AC75035" i="1"/>
  <c r="AC75036" i="1"/>
  <c r="AC75037" i="1"/>
  <c r="AC75038" i="1"/>
  <c r="AC75039" i="1"/>
  <c r="AC75040" i="1"/>
  <c r="AC75041" i="1"/>
  <c r="AC75042" i="1"/>
  <c r="AC75043" i="1"/>
  <c r="AC75044" i="1"/>
  <c r="AC75045" i="1"/>
  <c r="AC75046" i="1"/>
  <c r="AC75047" i="1"/>
  <c r="AC75048" i="1"/>
  <c r="AC75049" i="1"/>
  <c r="AC75050" i="1"/>
  <c r="AC75051" i="1"/>
  <c r="AC75052" i="1"/>
  <c r="AC75053" i="1"/>
  <c r="AC75054" i="1"/>
  <c r="AC75055" i="1"/>
  <c r="AC75056" i="1"/>
  <c r="AC75057" i="1"/>
  <c r="AC75058" i="1"/>
  <c r="AC75059" i="1"/>
  <c r="AC75060" i="1"/>
  <c r="AC75061" i="1"/>
  <c r="AC75062" i="1"/>
  <c r="AC75063" i="1"/>
  <c r="AC75064" i="1"/>
  <c r="AC75065" i="1"/>
  <c r="AC75066" i="1"/>
  <c r="AC75067" i="1"/>
  <c r="AC75068" i="1"/>
  <c r="AC75069" i="1"/>
  <c r="AC75070" i="1"/>
  <c r="AC75071" i="1"/>
  <c r="AC75072" i="1"/>
  <c r="AC75073" i="1"/>
  <c r="AC75074" i="1"/>
  <c r="AC75075" i="1"/>
  <c r="AC75076" i="1"/>
  <c r="AC75077" i="1"/>
  <c r="AC75078" i="1"/>
  <c r="AC75079" i="1"/>
  <c r="AC75080" i="1"/>
  <c r="AC75081" i="1"/>
  <c r="AC75082" i="1"/>
  <c r="AC75083" i="1"/>
  <c r="AC75084" i="1"/>
  <c r="AC75085" i="1"/>
  <c r="AC75086" i="1"/>
  <c r="AC75087" i="1"/>
  <c r="AC75088" i="1"/>
  <c r="AC75089" i="1"/>
  <c r="AC75090" i="1"/>
  <c r="AC75091" i="1"/>
  <c r="AC75092" i="1"/>
  <c r="AC75093" i="1"/>
  <c r="AC75094" i="1"/>
  <c r="AC75095" i="1"/>
  <c r="AC75096" i="1"/>
  <c r="AC75097" i="1"/>
  <c r="AC75098" i="1"/>
  <c r="AC75099" i="1"/>
  <c r="AC75100" i="1"/>
  <c r="AC75101" i="1"/>
  <c r="AC75102" i="1"/>
  <c r="AC75103" i="1"/>
  <c r="AC75104" i="1"/>
  <c r="AC75105" i="1"/>
  <c r="AC75106" i="1"/>
  <c r="AC75107" i="1"/>
  <c r="AC75108" i="1"/>
  <c r="AC75109" i="1"/>
  <c r="AC75110" i="1"/>
  <c r="AC75111" i="1"/>
  <c r="AC75112" i="1"/>
  <c r="AC75113" i="1"/>
  <c r="AC75114" i="1"/>
  <c r="AC75115" i="1"/>
  <c r="AC75116" i="1"/>
  <c r="AC75117" i="1"/>
  <c r="AC75118" i="1"/>
  <c r="AC75119" i="1"/>
  <c r="AC75120" i="1"/>
  <c r="AC75121" i="1"/>
  <c r="AC75122" i="1"/>
  <c r="AC75123" i="1"/>
  <c r="AC75124" i="1"/>
  <c r="AC75125" i="1"/>
  <c r="AC75126" i="1"/>
  <c r="AC75127" i="1"/>
  <c r="AC75128" i="1"/>
  <c r="AC75129" i="1"/>
  <c r="AC75130" i="1"/>
  <c r="AC75131" i="1"/>
  <c r="AC75132" i="1"/>
  <c r="AC75133" i="1"/>
  <c r="AC75134" i="1"/>
  <c r="AC75135" i="1"/>
  <c r="AC75136" i="1"/>
  <c r="AC75137" i="1"/>
  <c r="AC75138" i="1"/>
  <c r="AC75139" i="1"/>
  <c r="AC75140" i="1"/>
  <c r="AC75141" i="1"/>
  <c r="AC75142" i="1"/>
  <c r="AC75143" i="1"/>
  <c r="AC75144" i="1"/>
  <c r="AC75145" i="1"/>
  <c r="AC75146" i="1"/>
  <c r="AC75147" i="1"/>
  <c r="AC75148" i="1"/>
  <c r="AC75149" i="1"/>
  <c r="AC75150" i="1"/>
  <c r="AC75151" i="1"/>
  <c r="AC75152" i="1"/>
  <c r="AC75153" i="1"/>
  <c r="AC75154" i="1"/>
  <c r="AC75155" i="1"/>
  <c r="AC75156" i="1"/>
  <c r="AC75157" i="1"/>
  <c r="AC75158" i="1"/>
  <c r="AC75159" i="1"/>
  <c r="AC75160" i="1"/>
  <c r="AC75161" i="1"/>
  <c r="AC75162" i="1"/>
  <c r="AC75163" i="1"/>
  <c r="AC75164" i="1"/>
  <c r="AC75165" i="1"/>
  <c r="AC75166" i="1"/>
  <c r="AC75167" i="1"/>
  <c r="AC75168" i="1"/>
  <c r="AC75169" i="1"/>
  <c r="AC75170" i="1"/>
  <c r="AC75171" i="1"/>
  <c r="AC75172" i="1"/>
  <c r="AC75173" i="1"/>
  <c r="AC75174" i="1"/>
  <c r="AC75175" i="1"/>
  <c r="AC75176" i="1"/>
  <c r="AC75177" i="1"/>
  <c r="AC75178" i="1"/>
  <c r="AC75179" i="1"/>
  <c r="AC75180" i="1"/>
  <c r="AC75181" i="1"/>
  <c r="AC75182" i="1"/>
  <c r="AC75183" i="1"/>
  <c r="AC75184" i="1"/>
  <c r="AC75185" i="1"/>
  <c r="AC75186" i="1"/>
  <c r="AC75187" i="1"/>
  <c r="AC75188" i="1"/>
  <c r="AC75189" i="1"/>
  <c r="AC75190" i="1"/>
  <c r="AC75191" i="1"/>
  <c r="AC75192" i="1"/>
  <c r="AC75193" i="1"/>
  <c r="AC75194" i="1"/>
  <c r="AC75195" i="1"/>
  <c r="AC75196" i="1"/>
  <c r="AC75197" i="1"/>
  <c r="AC75198" i="1"/>
  <c r="AC75199" i="1"/>
  <c r="AC75200" i="1"/>
  <c r="AC75201" i="1"/>
  <c r="AC75202" i="1"/>
  <c r="AC75203" i="1"/>
  <c r="AC75204" i="1"/>
  <c r="AC75205" i="1"/>
  <c r="AC75206" i="1"/>
  <c r="AC75207" i="1"/>
  <c r="AC75208" i="1"/>
  <c r="AC75209" i="1"/>
  <c r="AC75210" i="1"/>
  <c r="AC75211" i="1"/>
  <c r="AC75212" i="1"/>
  <c r="AC75213" i="1"/>
  <c r="AC75214" i="1"/>
  <c r="AC75215" i="1"/>
  <c r="AC75216" i="1"/>
  <c r="AC75217" i="1"/>
  <c r="AC75218" i="1"/>
  <c r="AC75219" i="1"/>
  <c r="AC75220" i="1"/>
  <c r="AC75221" i="1"/>
  <c r="AC75222" i="1"/>
  <c r="AC75223" i="1"/>
  <c r="AC75224" i="1"/>
  <c r="AC75225" i="1"/>
  <c r="AC75226" i="1"/>
  <c r="AC75227" i="1"/>
  <c r="AC75228" i="1"/>
  <c r="AC75229" i="1"/>
  <c r="AC75230" i="1"/>
  <c r="AC75231" i="1"/>
  <c r="AC75232" i="1"/>
  <c r="AC75233" i="1"/>
  <c r="AC75234" i="1"/>
  <c r="AC75235" i="1"/>
  <c r="AC75236" i="1"/>
  <c r="AC75237" i="1"/>
  <c r="AC75238" i="1"/>
  <c r="AC75239" i="1"/>
  <c r="AC75240" i="1"/>
  <c r="AC75241" i="1"/>
  <c r="AC75242" i="1"/>
  <c r="AC75243" i="1"/>
  <c r="AC75244" i="1"/>
  <c r="AC75245" i="1"/>
  <c r="AC75246" i="1"/>
  <c r="AC75247" i="1"/>
  <c r="AC75248" i="1"/>
  <c r="AC75249" i="1"/>
  <c r="AC75250" i="1"/>
  <c r="AC75251" i="1"/>
  <c r="AC75252" i="1"/>
  <c r="AC75253" i="1"/>
  <c r="AC75254" i="1"/>
  <c r="AC75255" i="1"/>
  <c r="AC75256" i="1"/>
  <c r="AC75257" i="1"/>
  <c r="AC75258" i="1"/>
  <c r="AC75259" i="1"/>
  <c r="AC75260" i="1"/>
  <c r="AC75261" i="1"/>
  <c r="AC75262" i="1"/>
  <c r="AC75263" i="1"/>
  <c r="AC75264" i="1"/>
  <c r="AC75265" i="1"/>
  <c r="AC75266" i="1"/>
  <c r="AC75267" i="1"/>
  <c r="AC75268" i="1"/>
  <c r="AC75269" i="1"/>
  <c r="AC75270" i="1"/>
  <c r="AC75271" i="1"/>
  <c r="AC75272" i="1"/>
  <c r="AC75273" i="1"/>
  <c r="AC75274" i="1"/>
  <c r="AC75275" i="1"/>
  <c r="AC75276" i="1"/>
  <c r="AC75277" i="1"/>
  <c r="AC75278" i="1"/>
  <c r="AC75279" i="1"/>
  <c r="AC75280" i="1"/>
  <c r="AC75281" i="1"/>
  <c r="AC75282" i="1"/>
  <c r="AC75283" i="1"/>
  <c r="AC75284" i="1"/>
  <c r="AC75285" i="1"/>
  <c r="AC75286" i="1"/>
  <c r="AC75287" i="1"/>
  <c r="AC75288" i="1"/>
  <c r="AC75289" i="1"/>
  <c r="AC75290" i="1"/>
  <c r="AC75291" i="1"/>
  <c r="AC75292" i="1"/>
  <c r="AC75293" i="1"/>
  <c r="AC75294" i="1"/>
  <c r="AC75295" i="1"/>
  <c r="AC75296" i="1"/>
  <c r="AC75297" i="1"/>
  <c r="AC75298" i="1"/>
  <c r="AC75299" i="1"/>
  <c r="AC75300" i="1"/>
  <c r="AC75301" i="1"/>
  <c r="AC75302" i="1"/>
  <c r="AC75303" i="1"/>
  <c r="AC75304" i="1"/>
  <c r="AC75305" i="1"/>
  <c r="AC75306" i="1"/>
  <c r="AC75307" i="1"/>
  <c r="AC75308" i="1"/>
  <c r="AC75309" i="1"/>
  <c r="AC75310" i="1"/>
  <c r="AC75311" i="1"/>
  <c r="AC75312" i="1"/>
  <c r="AC75313" i="1"/>
  <c r="AC75314" i="1"/>
  <c r="AC75315" i="1"/>
  <c r="AC75316" i="1"/>
  <c r="AC75317" i="1"/>
  <c r="AC75318" i="1"/>
  <c r="AC75319" i="1"/>
  <c r="AC75320" i="1"/>
  <c r="AC75321" i="1"/>
  <c r="AC75322" i="1"/>
  <c r="AC75323" i="1"/>
  <c r="AC75324" i="1"/>
  <c r="AC75325" i="1"/>
  <c r="AC75326" i="1"/>
  <c r="AC75327" i="1"/>
  <c r="AC75328" i="1"/>
  <c r="AC75329" i="1"/>
  <c r="AC75330" i="1"/>
  <c r="AC75331" i="1"/>
  <c r="AC75332" i="1"/>
  <c r="AC75333" i="1"/>
  <c r="AC75334" i="1"/>
  <c r="AC75335" i="1"/>
  <c r="AC75336" i="1"/>
  <c r="AC75337" i="1"/>
  <c r="AC75338" i="1"/>
  <c r="AC75339" i="1"/>
  <c r="AC75340" i="1"/>
  <c r="AC75341" i="1"/>
  <c r="AC75342" i="1"/>
  <c r="AC75343" i="1"/>
  <c r="AC75344" i="1"/>
  <c r="AC75345" i="1"/>
  <c r="AC75346" i="1"/>
  <c r="AC75347" i="1"/>
  <c r="AC75348" i="1"/>
  <c r="AC75349" i="1"/>
  <c r="AC75350" i="1"/>
  <c r="AC75351" i="1"/>
  <c r="AC75352" i="1"/>
  <c r="AC75353" i="1"/>
  <c r="AC75354" i="1"/>
  <c r="AC75355" i="1"/>
  <c r="AC75356" i="1"/>
  <c r="AC75357" i="1"/>
  <c r="AC75358" i="1"/>
  <c r="AC75359" i="1"/>
  <c r="AC75360" i="1"/>
  <c r="AC75361" i="1"/>
  <c r="AC75362" i="1"/>
  <c r="AC75363" i="1"/>
  <c r="AC75364" i="1"/>
  <c r="AC75365" i="1"/>
  <c r="AC75366" i="1"/>
  <c r="AC75367" i="1"/>
  <c r="AC75368" i="1"/>
  <c r="AC75369" i="1"/>
  <c r="AC75370" i="1"/>
  <c r="AC75371" i="1"/>
  <c r="AC75372" i="1"/>
  <c r="AC75373" i="1"/>
  <c r="AC75374" i="1"/>
  <c r="AC75375" i="1"/>
  <c r="AC75376" i="1"/>
  <c r="AC75377" i="1"/>
  <c r="AC75378" i="1"/>
  <c r="AC75379" i="1"/>
  <c r="AC75380" i="1"/>
  <c r="AC75381" i="1"/>
  <c r="AC75382" i="1"/>
  <c r="AC75383" i="1"/>
  <c r="AC75384" i="1"/>
  <c r="AC75385" i="1"/>
  <c r="AC75386" i="1"/>
  <c r="AC75387" i="1"/>
  <c r="AC75388" i="1"/>
  <c r="AC75389" i="1"/>
  <c r="AC75390" i="1"/>
  <c r="AC75391" i="1"/>
  <c r="AC75392" i="1"/>
  <c r="AC75393" i="1"/>
  <c r="AC75394" i="1"/>
  <c r="AC75395" i="1"/>
  <c r="AC75396" i="1"/>
  <c r="AC75397" i="1"/>
  <c r="AC75398" i="1"/>
  <c r="AC75399" i="1"/>
  <c r="AC75400" i="1"/>
  <c r="AC75401" i="1"/>
  <c r="AC75402" i="1"/>
  <c r="AC75403" i="1"/>
  <c r="AC75404" i="1"/>
  <c r="AC75405" i="1"/>
  <c r="AC75406" i="1"/>
  <c r="AC75407" i="1"/>
  <c r="AC75408" i="1"/>
  <c r="AC75409" i="1"/>
  <c r="AC75410" i="1"/>
  <c r="AC75411" i="1"/>
  <c r="AC75412" i="1"/>
  <c r="AC75413" i="1"/>
  <c r="AC75414" i="1"/>
  <c r="AC75415" i="1"/>
  <c r="AC75416" i="1"/>
  <c r="AC75417" i="1"/>
  <c r="AC75418" i="1"/>
  <c r="AC75419" i="1"/>
  <c r="AC75420" i="1"/>
  <c r="AC75421" i="1"/>
  <c r="AC75422" i="1"/>
  <c r="AC75423" i="1"/>
  <c r="AC75424" i="1"/>
  <c r="AC75425" i="1"/>
  <c r="AC75426" i="1"/>
  <c r="AC75427" i="1"/>
  <c r="AC75428" i="1"/>
  <c r="AC75429" i="1"/>
  <c r="AC75430" i="1"/>
  <c r="AC75431" i="1"/>
  <c r="AC75432" i="1"/>
  <c r="AC75433" i="1"/>
  <c r="AC75434" i="1"/>
  <c r="AC75435" i="1"/>
  <c r="AC75436" i="1"/>
  <c r="AC75437" i="1"/>
  <c r="AC75438" i="1"/>
  <c r="AC75439" i="1"/>
  <c r="AC75440" i="1"/>
  <c r="AC75441" i="1"/>
  <c r="AC75442" i="1"/>
  <c r="AC75443" i="1"/>
  <c r="AC75444" i="1"/>
  <c r="AC75445" i="1"/>
  <c r="AC75446" i="1"/>
  <c r="AC75447" i="1"/>
  <c r="AC75448" i="1"/>
  <c r="AC75449" i="1"/>
  <c r="AC75450" i="1"/>
  <c r="AC75451" i="1"/>
  <c r="AC75452" i="1"/>
  <c r="AC75453" i="1"/>
  <c r="AC75454" i="1"/>
  <c r="AC75455" i="1"/>
  <c r="AC75456" i="1"/>
  <c r="AC75457" i="1"/>
  <c r="AC75458" i="1"/>
  <c r="AC75459" i="1"/>
  <c r="AC75460" i="1"/>
  <c r="AC75461" i="1"/>
  <c r="AC75462" i="1"/>
  <c r="AC75463" i="1"/>
  <c r="AC75464" i="1"/>
  <c r="AC75465" i="1"/>
  <c r="AC75466" i="1"/>
  <c r="AC75467" i="1"/>
  <c r="AC75468" i="1"/>
  <c r="AC75469" i="1"/>
  <c r="AC75470" i="1"/>
  <c r="AC75471" i="1"/>
  <c r="AC75472" i="1"/>
  <c r="AC75473" i="1"/>
  <c r="AC75474" i="1"/>
  <c r="AC75475" i="1"/>
  <c r="AC75476" i="1"/>
  <c r="AC75477" i="1"/>
  <c r="AC75478" i="1"/>
  <c r="AC75479" i="1"/>
  <c r="AC75480" i="1"/>
  <c r="AC75481" i="1"/>
  <c r="AC75482" i="1"/>
  <c r="AC75483" i="1"/>
  <c r="AC75484" i="1"/>
  <c r="AC75485" i="1"/>
  <c r="AC75486" i="1"/>
  <c r="AC75487" i="1"/>
  <c r="AC75488" i="1"/>
  <c r="AC75489" i="1"/>
  <c r="AC75490" i="1"/>
  <c r="AC75491" i="1"/>
  <c r="AC75492" i="1"/>
  <c r="AC75493" i="1"/>
  <c r="AC75494" i="1"/>
  <c r="AC75495" i="1"/>
  <c r="AC75496" i="1"/>
  <c r="AC75497" i="1"/>
  <c r="AC75498" i="1"/>
  <c r="AC75499" i="1"/>
  <c r="AC75500" i="1"/>
  <c r="AC75501" i="1"/>
  <c r="AC75502" i="1"/>
  <c r="AC75503" i="1"/>
  <c r="AC75504" i="1"/>
  <c r="AC75505" i="1"/>
  <c r="AC75506" i="1"/>
  <c r="AC75507" i="1"/>
  <c r="AC75508" i="1"/>
  <c r="AC75509" i="1"/>
  <c r="AC75510" i="1"/>
  <c r="AC75511" i="1"/>
  <c r="AC75512" i="1"/>
  <c r="AC75513" i="1"/>
  <c r="AC75514" i="1"/>
  <c r="AC75515" i="1"/>
  <c r="AC75516" i="1"/>
  <c r="AC75517" i="1"/>
  <c r="AC75518" i="1"/>
  <c r="AC75519" i="1"/>
  <c r="AC75520" i="1"/>
  <c r="AC75521" i="1"/>
  <c r="AC75522" i="1"/>
  <c r="AC75523" i="1"/>
  <c r="AC75524" i="1"/>
  <c r="AC75525" i="1"/>
  <c r="AC75526" i="1"/>
  <c r="AC75527" i="1"/>
  <c r="AC75528" i="1"/>
  <c r="AC75529" i="1"/>
  <c r="AC75530" i="1"/>
  <c r="AC75531" i="1"/>
  <c r="AC75532" i="1"/>
  <c r="AC75533" i="1"/>
  <c r="AC75534" i="1"/>
  <c r="AC75535" i="1"/>
  <c r="AC75536" i="1"/>
  <c r="AC75537" i="1"/>
  <c r="AC75538" i="1"/>
  <c r="AC75539" i="1"/>
  <c r="AC75540" i="1"/>
  <c r="AC75541" i="1"/>
  <c r="AC75542" i="1"/>
  <c r="AC75543" i="1"/>
  <c r="AC75544" i="1"/>
  <c r="AC75545" i="1"/>
  <c r="AC75546" i="1"/>
  <c r="AC75547" i="1"/>
  <c r="AC75548" i="1"/>
  <c r="AC75549" i="1"/>
  <c r="AC75550" i="1"/>
  <c r="AC75551" i="1"/>
  <c r="AC75552" i="1"/>
  <c r="AC75553" i="1"/>
  <c r="AC75554" i="1"/>
  <c r="AC75555" i="1"/>
  <c r="AC75556" i="1"/>
  <c r="AC75557" i="1"/>
  <c r="AC75558" i="1"/>
  <c r="AC75559" i="1"/>
  <c r="AC75560" i="1"/>
  <c r="AC75561" i="1"/>
  <c r="AC75562" i="1"/>
  <c r="AC75563" i="1"/>
  <c r="AC75564" i="1"/>
  <c r="AC75565" i="1"/>
  <c r="AC75566" i="1"/>
  <c r="AC75567" i="1"/>
  <c r="AC75568" i="1"/>
  <c r="AC75569" i="1"/>
  <c r="AC75570" i="1"/>
  <c r="AC75571" i="1"/>
  <c r="AC75572" i="1"/>
  <c r="AC75573" i="1"/>
  <c r="AC75574" i="1"/>
  <c r="AC75575" i="1"/>
  <c r="AC75576" i="1"/>
  <c r="AC75577" i="1"/>
  <c r="AC75578" i="1"/>
  <c r="AC75579" i="1"/>
  <c r="AC75580" i="1"/>
  <c r="AC75581" i="1"/>
  <c r="AC75582" i="1"/>
  <c r="AC75583" i="1"/>
  <c r="AC75584" i="1"/>
  <c r="AC75585" i="1"/>
  <c r="AC75586" i="1"/>
  <c r="AC75587" i="1"/>
  <c r="AC75588" i="1"/>
  <c r="AC75589" i="1"/>
  <c r="AC75590" i="1"/>
  <c r="AC75591" i="1"/>
  <c r="AC75592" i="1"/>
  <c r="AC75593" i="1"/>
  <c r="AC75594" i="1"/>
  <c r="AC75595" i="1"/>
  <c r="AC75596" i="1"/>
  <c r="AC75597" i="1"/>
  <c r="AC75598" i="1"/>
  <c r="AC75599" i="1"/>
  <c r="AC75600" i="1"/>
  <c r="AC75601" i="1"/>
  <c r="AC75602" i="1"/>
  <c r="AC75603" i="1"/>
  <c r="AC75604" i="1"/>
  <c r="AC75605" i="1"/>
  <c r="AC75606" i="1"/>
  <c r="AC75607" i="1"/>
  <c r="AC75608" i="1"/>
  <c r="AC75609" i="1"/>
  <c r="AC75610" i="1"/>
  <c r="AC75611" i="1"/>
  <c r="AC75612" i="1"/>
  <c r="AC75613" i="1"/>
  <c r="AC75614" i="1"/>
  <c r="AC75615" i="1"/>
  <c r="AC75616" i="1"/>
  <c r="AC75617" i="1"/>
  <c r="AC75618" i="1"/>
  <c r="AC75619" i="1"/>
  <c r="AC75620" i="1"/>
  <c r="AC75621" i="1"/>
  <c r="AC75622" i="1"/>
  <c r="AC75623" i="1"/>
  <c r="AC75624" i="1"/>
  <c r="AC75625" i="1"/>
  <c r="AC75626" i="1"/>
  <c r="AC75627" i="1"/>
  <c r="AC75628" i="1"/>
  <c r="AC75629" i="1"/>
  <c r="AC75630" i="1"/>
  <c r="AC75631" i="1"/>
  <c r="AC75632" i="1"/>
  <c r="AC75633" i="1"/>
  <c r="AC75634" i="1"/>
  <c r="AC75635" i="1"/>
  <c r="AC75636" i="1"/>
  <c r="AC75637" i="1"/>
  <c r="AC75638" i="1"/>
  <c r="AC75639" i="1"/>
  <c r="AC75640" i="1"/>
  <c r="AC75641" i="1"/>
  <c r="AC75642" i="1"/>
  <c r="AC75643" i="1"/>
  <c r="AC75644" i="1"/>
  <c r="AC75645" i="1"/>
  <c r="AC75646" i="1"/>
  <c r="AC75647" i="1"/>
  <c r="AC75648" i="1"/>
  <c r="AC75649" i="1"/>
  <c r="AC75650" i="1"/>
  <c r="AC75651" i="1"/>
  <c r="AC75652" i="1"/>
  <c r="AC75653" i="1"/>
  <c r="AC75654" i="1"/>
  <c r="AC75655" i="1"/>
  <c r="AC75656" i="1"/>
  <c r="AC75657" i="1"/>
  <c r="AC75658" i="1"/>
  <c r="AC75659" i="1"/>
  <c r="AC75660" i="1"/>
  <c r="AC75661" i="1"/>
  <c r="AC75662" i="1"/>
  <c r="AC75663" i="1"/>
  <c r="AC75664" i="1"/>
  <c r="AC75665" i="1"/>
  <c r="AC75666" i="1"/>
  <c r="AC75667" i="1"/>
  <c r="AC75668" i="1"/>
  <c r="AC75669" i="1"/>
  <c r="AC75670" i="1"/>
  <c r="AC75671" i="1"/>
  <c r="AC75672" i="1"/>
  <c r="AC75673" i="1"/>
  <c r="AC75674" i="1"/>
  <c r="AC75675" i="1"/>
  <c r="AC75676" i="1"/>
  <c r="AC75677" i="1"/>
  <c r="AC75678" i="1"/>
  <c r="AC75679" i="1"/>
  <c r="AC75680" i="1"/>
  <c r="AC75681" i="1"/>
  <c r="AC75682" i="1"/>
  <c r="AC75683" i="1"/>
  <c r="AC75684" i="1"/>
  <c r="AC75685" i="1"/>
  <c r="AC75686" i="1"/>
  <c r="AC75687" i="1"/>
  <c r="AC75688" i="1"/>
  <c r="AC75689" i="1"/>
  <c r="AC75690" i="1"/>
  <c r="AC75691" i="1"/>
  <c r="AC75692" i="1"/>
  <c r="AC75693" i="1"/>
  <c r="AC75694" i="1"/>
  <c r="AC75695" i="1"/>
  <c r="AC75696" i="1"/>
  <c r="AC75697" i="1"/>
  <c r="AC75698" i="1"/>
  <c r="AC75699" i="1"/>
  <c r="AC75700" i="1"/>
  <c r="AC75701" i="1"/>
  <c r="AC75702" i="1"/>
  <c r="AC75703" i="1"/>
  <c r="AC75704" i="1"/>
  <c r="AC75705" i="1"/>
  <c r="AC75706" i="1"/>
  <c r="AC75707" i="1"/>
  <c r="AC75708" i="1"/>
  <c r="AC75709" i="1"/>
  <c r="AC75710" i="1"/>
  <c r="AC75711" i="1"/>
  <c r="AC75712" i="1"/>
  <c r="AC75713" i="1"/>
  <c r="AC75714" i="1"/>
  <c r="AC75715" i="1"/>
  <c r="AC75716" i="1"/>
  <c r="AC75717" i="1"/>
  <c r="AC75718" i="1"/>
  <c r="AC75719" i="1"/>
  <c r="AC75720" i="1"/>
  <c r="AC75721" i="1"/>
  <c r="AC75722" i="1"/>
  <c r="AC75723" i="1"/>
  <c r="AC75724" i="1"/>
  <c r="AC75725" i="1"/>
  <c r="AC75726" i="1"/>
  <c r="AC75727" i="1"/>
  <c r="AC75728" i="1"/>
  <c r="AC75729" i="1"/>
  <c r="AC75730" i="1"/>
  <c r="AC75731" i="1"/>
  <c r="AC75732" i="1"/>
  <c r="AC75733" i="1"/>
  <c r="AC75734" i="1"/>
  <c r="AC75735" i="1"/>
  <c r="AC75736" i="1"/>
  <c r="AC75737" i="1"/>
  <c r="AC75738" i="1"/>
  <c r="AC75739" i="1"/>
  <c r="AC75740" i="1"/>
  <c r="AC75741" i="1"/>
  <c r="AC75742" i="1"/>
  <c r="AC75743" i="1"/>
  <c r="AC75744" i="1"/>
  <c r="AC75745" i="1"/>
  <c r="AC75746" i="1"/>
  <c r="AC75747" i="1"/>
  <c r="AC75748" i="1"/>
  <c r="AC75749" i="1"/>
  <c r="AC75750" i="1"/>
  <c r="AC75751" i="1"/>
  <c r="AC75752" i="1"/>
  <c r="AC75753" i="1"/>
  <c r="AC75754" i="1"/>
  <c r="AC75755" i="1"/>
  <c r="AC75756" i="1"/>
  <c r="AC75757" i="1"/>
  <c r="AC75758" i="1"/>
  <c r="AC75759" i="1"/>
  <c r="AC75760" i="1"/>
  <c r="AC75761" i="1"/>
  <c r="AC75762" i="1"/>
  <c r="AC75763" i="1"/>
  <c r="AC75764" i="1"/>
  <c r="AC75765" i="1"/>
  <c r="AC75766" i="1"/>
  <c r="AC75767" i="1"/>
  <c r="AC75768" i="1"/>
  <c r="AC75769" i="1"/>
  <c r="AC75770" i="1"/>
  <c r="AC75771" i="1"/>
  <c r="AC75772" i="1"/>
  <c r="AC75773" i="1"/>
  <c r="AC75774" i="1"/>
  <c r="AC75775" i="1"/>
  <c r="AC75776" i="1"/>
  <c r="AC75777" i="1"/>
  <c r="AC75778" i="1"/>
  <c r="AC75779" i="1"/>
  <c r="AC75780" i="1"/>
  <c r="AC75781" i="1"/>
  <c r="AC75782" i="1"/>
  <c r="AC75783" i="1"/>
  <c r="AC75784" i="1"/>
  <c r="AC75785" i="1"/>
  <c r="AC75786" i="1"/>
  <c r="AC75787" i="1"/>
  <c r="AC75788" i="1"/>
  <c r="AC75789" i="1"/>
  <c r="AC75790" i="1"/>
  <c r="AC75791" i="1"/>
  <c r="AC75792" i="1"/>
  <c r="AC75793" i="1"/>
  <c r="AC75794" i="1"/>
  <c r="AC75795" i="1"/>
  <c r="AC75796" i="1"/>
  <c r="AC75797" i="1"/>
  <c r="AC75798" i="1"/>
  <c r="AC75799" i="1"/>
  <c r="AC75800" i="1"/>
  <c r="AC75801" i="1"/>
  <c r="AC75802" i="1"/>
  <c r="AC75803" i="1"/>
  <c r="AC75804" i="1"/>
  <c r="AC75805" i="1"/>
  <c r="AC75806" i="1"/>
  <c r="AC75807" i="1"/>
  <c r="AC75808" i="1"/>
  <c r="AC75809" i="1"/>
  <c r="AC75810" i="1"/>
  <c r="AC75811" i="1"/>
  <c r="AC75812" i="1"/>
  <c r="AC75813" i="1"/>
  <c r="AC75814" i="1"/>
  <c r="AC75815" i="1"/>
  <c r="AC75816" i="1"/>
  <c r="AC75817" i="1"/>
  <c r="AC75818" i="1"/>
  <c r="AC75819" i="1"/>
  <c r="AC75820" i="1"/>
  <c r="AC75821" i="1"/>
  <c r="AC75822" i="1"/>
  <c r="AC75823" i="1"/>
  <c r="AC75824" i="1"/>
  <c r="AC75825" i="1"/>
  <c r="AC75826" i="1"/>
  <c r="AC75827" i="1"/>
  <c r="AC75828" i="1"/>
  <c r="AC75829" i="1"/>
  <c r="AC75830" i="1"/>
  <c r="AC75831" i="1"/>
  <c r="AC75832" i="1"/>
  <c r="AC75833" i="1"/>
  <c r="AC75834" i="1"/>
  <c r="AC75835" i="1"/>
  <c r="AC75836" i="1"/>
  <c r="AC75837" i="1"/>
  <c r="AC75838" i="1"/>
  <c r="AC75839" i="1"/>
  <c r="AC75840" i="1"/>
  <c r="AC75841" i="1"/>
  <c r="AC75842" i="1"/>
  <c r="AC75843" i="1"/>
  <c r="AC75844" i="1"/>
  <c r="AC75845" i="1"/>
  <c r="AC75846" i="1"/>
  <c r="AC75847" i="1"/>
  <c r="AC75848" i="1"/>
  <c r="AC75849" i="1"/>
  <c r="AC75850" i="1"/>
  <c r="AC75851" i="1"/>
  <c r="AC75852" i="1"/>
  <c r="AC75853" i="1"/>
  <c r="AC75854" i="1"/>
  <c r="AC75855" i="1"/>
  <c r="AC75856" i="1"/>
  <c r="AC75857" i="1"/>
  <c r="AC75858" i="1"/>
  <c r="AC75859" i="1"/>
  <c r="AC75860" i="1"/>
  <c r="AC75861" i="1"/>
  <c r="AC75862" i="1"/>
  <c r="AC75863" i="1"/>
  <c r="AC75864" i="1"/>
  <c r="AC75865" i="1"/>
  <c r="AC75866" i="1"/>
  <c r="AC75867" i="1"/>
  <c r="AC75868" i="1"/>
  <c r="AC75869" i="1"/>
  <c r="AC75870" i="1"/>
  <c r="AC75871" i="1"/>
  <c r="AC75872" i="1"/>
  <c r="AC75873" i="1"/>
  <c r="AC75874" i="1"/>
  <c r="AC75875" i="1"/>
  <c r="AC75876" i="1"/>
  <c r="AC75877" i="1"/>
  <c r="AC75878" i="1"/>
  <c r="AC75879" i="1"/>
  <c r="AC75880" i="1"/>
  <c r="AC75881" i="1"/>
  <c r="AC75882" i="1"/>
  <c r="AC75883" i="1"/>
  <c r="AC75884" i="1"/>
  <c r="AC75885" i="1"/>
  <c r="AC75886" i="1"/>
  <c r="AC75887" i="1"/>
  <c r="AC75888" i="1"/>
  <c r="AC75889" i="1"/>
  <c r="AC75890" i="1"/>
  <c r="AC75891" i="1"/>
  <c r="AC75892" i="1"/>
  <c r="AC75893" i="1"/>
  <c r="AC75894" i="1"/>
  <c r="AC75895" i="1"/>
  <c r="AC75896" i="1"/>
  <c r="AC75897" i="1"/>
  <c r="AC75898" i="1"/>
  <c r="AC75899" i="1"/>
  <c r="AC75900" i="1"/>
  <c r="AC75901" i="1"/>
  <c r="AC75902" i="1"/>
  <c r="AC75903" i="1"/>
  <c r="AC75904" i="1"/>
  <c r="AC75905" i="1"/>
  <c r="AC75906" i="1"/>
  <c r="AC75907" i="1"/>
  <c r="AC75908" i="1"/>
  <c r="AC75909" i="1"/>
  <c r="AC75910" i="1"/>
  <c r="AC75911" i="1"/>
  <c r="AC75912" i="1"/>
  <c r="AC75913" i="1"/>
  <c r="AC75914" i="1"/>
  <c r="AC75915" i="1"/>
  <c r="AC75916" i="1"/>
  <c r="AC75917" i="1"/>
  <c r="AC75918" i="1"/>
  <c r="AC75919" i="1"/>
  <c r="AC75920" i="1"/>
  <c r="AC75921" i="1"/>
  <c r="AC75922" i="1"/>
  <c r="AC75923" i="1"/>
  <c r="AC75924" i="1"/>
  <c r="AC75925" i="1"/>
  <c r="AC75926" i="1"/>
  <c r="AC75927" i="1"/>
  <c r="AC75928" i="1"/>
  <c r="AC75929" i="1"/>
  <c r="AC75930" i="1"/>
  <c r="AC75931" i="1"/>
  <c r="AC75932" i="1"/>
  <c r="AC75933" i="1"/>
  <c r="AC75934" i="1"/>
  <c r="AC75935" i="1"/>
  <c r="AC75936" i="1"/>
  <c r="AC75937" i="1"/>
  <c r="AC75938" i="1"/>
  <c r="AC75939" i="1"/>
  <c r="AC75940" i="1"/>
  <c r="AC75941" i="1"/>
  <c r="AC75942" i="1"/>
  <c r="AC75943" i="1"/>
  <c r="AC75944" i="1"/>
  <c r="AC75945" i="1"/>
  <c r="AC75946" i="1"/>
  <c r="AC75947" i="1"/>
  <c r="AC75948" i="1"/>
  <c r="AC75949" i="1"/>
  <c r="AC75950" i="1"/>
  <c r="AC75951" i="1"/>
  <c r="AC75952" i="1"/>
  <c r="AC75953" i="1"/>
  <c r="AC75954" i="1"/>
  <c r="AC75955" i="1"/>
  <c r="AC75956" i="1"/>
  <c r="AC75957" i="1"/>
  <c r="AC75958" i="1"/>
  <c r="AC75959" i="1"/>
  <c r="AC75960" i="1"/>
  <c r="AC75961" i="1"/>
  <c r="AC75962" i="1"/>
  <c r="AC75963" i="1"/>
  <c r="AC75964" i="1"/>
  <c r="AC75965" i="1"/>
  <c r="AC75966" i="1"/>
  <c r="AC75967" i="1"/>
  <c r="AC75968" i="1"/>
  <c r="AC75969" i="1"/>
  <c r="AC75970" i="1"/>
  <c r="AC75971" i="1"/>
  <c r="AC75972" i="1"/>
  <c r="AC75973" i="1"/>
  <c r="AC75974" i="1"/>
  <c r="AC75975" i="1"/>
  <c r="AC75976" i="1"/>
  <c r="AC75977" i="1"/>
  <c r="AC75978" i="1"/>
  <c r="AC75979" i="1"/>
  <c r="AC75980" i="1"/>
  <c r="AC75981" i="1"/>
  <c r="AC75982" i="1"/>
  <c r="AC75983" i="1"/>
  <c r="AC75984" i="1"/>
  <c r="AC75985" i="1"/>
  <c r="AC75986" i="1"/>
  <c r="AC75987" i="1"/>
  <c r="AC75988" i="1"/>
  <c r="AC75989" i="1"/>
  <c r="AC75990" i="1"/>
  <c r="AC75991" i="1"/>
  <c r="AC75992" i="1"/>
  <c r="AC75993" i="1"/>
  <c r="AC75994" i="1"/>
  <c r="AC75995" i="1"/>
  <c r="AC75996" i="1"/>
  <c r="AC75997" i="1"/>
  <c r="AC75998" i="1"/>
  <c r="AC75999" i="1"/>
  <c r="AC76000" i="1"/>
  <c r="AC76001" i="1"/>
  <c r="AC76002" i="1"/>
  <c r="AC76003" i="1"/>
  <c r="AC76004" i="1"/>
  <c r="AC76005" i="1"/>
  <c r="AC76006" i="1"/>
  <c r="AC76007" i="1"/>
  <c r="AC76008" i="1"/>
  <c r="AC76009" i="1"/>
  <c r="AC76010" i="1"/>
  <c r="AC76011" i="1"/>
  <c r="AC76012" i="1"/>
  <c r="AC76013" i="1"/>
  <c r="AC76014" i="1"/>
  <c r="AC76015" i="1"/>
  <c r="AC76016" i="1"/>
  <c r="AC76017" i="1"/>
  <c r="AC76018" i="1"/>
  <c r="AC76019" i="1"/>
  <c r="AC76020" i="1"/>
  <c r="AC76021" i="1"/>
  <c r="AC76022" i="1"/>
  <c r="AC76023" i="1"/>
  <c r="AC76024" i="1"/>
  <c r="AC76025" i="1"/>
  <c r="AC76026" i="1"/>
  <c r="AC76027" i="1"/>
  <c r="AC76028" i="1"/>
  <c r="AC76029" i="1"/>
  <c r="AC76030" i="1"/>
  <c r="AC76031" i="1"/>
  <c r="AC76032" i="1"/>
  <c r="AC76033" i="1"/>
  <c r="AC76034" i="1"/>
  <c r="AC76035" i="1"/>
  <c r="AC76036" i="1"/>
  <c r="AC76037" i="1"/>
  <c r="AC76038" i="1"/>
  <c r="AC76039" i="1"/>
  <c r="AC76040" i="1"/>
  <c r="AC76041" i="1"/>
  <c r="AC76042" i="1"/>
  <c r="AC76043" i="1"/>
  <c r="AC76044" i="1"/>
  <c r="AC76045" i="1"/>
  <c r="AC76046" i="1"/>
  <c r="AC76047" i="1"/>
  <c r="AC76048" i="1"/>
  <c r="AC76049" i="1"/>
  <c r="AC76050" i="1"/>
  <c r="AC76051" i="1"/>
  <c r="AC76052" i="1"/>
  <c r="AC76053" i="1"/>
  <c r="AC76054" i="1"/>
  <c r="AC76055" i="1"/>
  <c r="AC76056" i="1"/>
  <c r="AC76057" i="1"/>
  <c r="AC76058" i="1"/>
  <c r="AC76059" i="1"/>
  <c r="AC76060" i="1"/>
  <c r="AC76061" i="1"/>
  <c r="AC76062" i="1"/>
  <c r="AC76063" i="1"/>
  <c r="AC76064" i="1"/>
  <c r="AC76065" i="1"/>
  <c r="AC76066" i="1"/>
  <c r="AC76067" i="1"/>
  <c r="AC76068" i="1"/>
  <c r="AC76069" i="1"/>
  <c r="AC76070" i="1"/>
  <c r="AC76071" i="1"/>
  <c r="AC76072" i="1"/>
  <c r="AC76073" i="1"/>
  <c r="AC76074" i="1"/>
  <c r="AC76075" i="1"/>
  <c r="AC76076" i="1"/>
  <c r="AC76077" i="1"/>
  <c r="AC76078" i="1"/>
  <c r="AC76079" i="1"/>
  <c r="AC76080" i="1"/>
  <c r="AC76081" i="1"/>
  <c r="AC76082" i="1"/>
  <c r="AC76083" i="1"/>
  <c r="AC76084" i="1"/>
  <c r="AC76085" i="1"/>
  <c r="AC76086" i="1"/>
  <c r="AC76087" i="1"/>
  <c r="AC76088" i="1"/>
  <c r="AC76089" i="1"/>
  <c r="AC76090" i="1"/>
  <c r="AC76091" i="1"/>
  <c r="AC76092" i="1"/>
  <c r="AC76093" i="1"/>
  <c r="AC76094" i="1"/>
  <c r="AC76095" i="1"/>
  <c r="AC76096" i="1"/>
  <c r="AC76097" i="1"/>
  <c r="AC76098" i="1"/>
  <c r="AC76099" i="1"/>
  <c r="AC76100" i="1"/>
  <c r="AC76101" i="1"/>
  <c r="AC76102" i="1"/>
  <c r="AC76103" i="1"/>
  <c r="AC76104" i="1"/>
  <c r="AC76105" i="1"/>
  <c r="AC76106" i="1"/>
  <c r="AC76107" i="1"/>
  <c r="AC76108" i="1"/>
  <c r="AC76109" i="1"/>
  <c r="AC76110" i="1"/>
  <c r="AC76111" i="1"/>
  <c r="AC76112" i="1"/>
  <c r="AC76113" i="1"/>
  <c r="AC76114" i="1"/>
  <c r="AC76115" i="1"/>
  <c r="AC76116" i="1"/>
  <c r="AC76117" i="1"/>
  <c r="AC76118" i="1"/>
  <c r="AC76119" i="1"/>
  <c r="AC76120" i="1"/>
  <c r="AC76121" i="1"/>
  <c r="AC76122" i="1"/>
  <c r="AC76123" i="1"/>
  <c r="AC76124" i="1"/>
  <c r="AC76125" i="1"/>
  <c r="AC76126" i="1"/>
  <c r="AC76127" i="1"/>
  <c r="AC76128" i="1"/>
  <c r="AC76129" i="1"/>
  <c r="AC76130" i="1"/>
  <c r="AC76131" i="1"/>
  <c r="AC76132" i="1"/>
  <c r="AC76133" i="1"/>
  <c r="AC76134" i="1"/>
  <c r="AC76135" i="1"/>
  <c r="AC76136" i="1"/>
  <c r="AC76137" i="1"/>
  <c r="AC76138" i="1"/>
  <c r="AC76139" i="1"/>
  <c r="AC76140" i="1"/>
  <c r="AC76141" i="1"/>
  <c r="AC76142" i="1"/>
  <c r="AC76143" i="1"/>
  <c r="AC76144" i="1"/>
  <c r="AC76145" i="1"/>
  <c r="AC76146" i="1"/>
  <c r="AC76147" i="1"/>
  <c r="AC76148" i="1"/>
  <c r="AC76149" i="1"/>
  <c r="AC76150" i="1"/>
  <c r="AC76151" i="1"/>
  <c r="AC76152" i="1"/>
  <c r="AC76153" i="1"/>
  <c r="AC76154" i="1"/>
  <c r="AC76155" i="1"/>
  <c r="AC76156" i="1"/>
  <c r="AC76157" i="1"/>
  <c r="AC76158" i="1"/>
  <c r="AC76159" i="1"/>
  <c r="AC76160" i="1"/>
  <c r="AC76161" i="1"/>
  <c r="AC76162" i="1"/>
  <c r="AC76163" i="1"/>
  <c r="AC76164" i="1"/>
  <c r="AC76165" i="1"/>
  <c r="AC76166" i="1"/>
  <c r="AC76167" i="1"/>
  <c r="AC76168" i="1"/>
  <c r="AC76169" i="1"/>
  <c r="AC76170" i="1"/>
  <c r="AC76171" i="1"/>
  <c r="AC76172" i="1"/>
  <c r="AC76173" i="1"/>
  <c r="AC76174" i="1"/>
  <c r="AC76175" i="1"/>
  <c r="AC76176" i="1"/>
  <c r="AC76177" i="1"/>
  <c r="AC76178" i="1"/>
  <c r="AC76179" i="1"/>
  <c r="AC76180" i="1"/>
  <c r="AC76181" i="1"/>
  <c r="AC76182" i="1"/>
  <c r="AC76183" i="1"/>
  <c r="AC76184" i="1"/>
  <c r="AC76185" i="1"/>
  <c r="AC76186" i="1"/>
  <c r="AC76187" i="1"/>
  <c r="AC76188" i="1"/>
  <c r="AC76189" i="1"/>
  <c r="AC76190" i="1"/>
  <c r="AC76191" i="1"/>
  <c r="AC76192" i="1"/>
  <c r="AC76193" i="1"/>
  <c r="AC76194" i="1"/>
  <c r="AC76195" i="1"/>
  <c r="AC76196" i="1"/>
  <c r="AC76197" i="1"/>
  <c r="AC76198" i="1"/>
  <c r="AC76199" i="1"/>
  <c r="AC76200" i="1"/>
  <c r="AC76201" i="1"/>
  <c r="AC76202" i="1"/>
  <c r="AC76203" i="1"/>
  <c r="AC76204" i="1"/>
  <c r="AC76205" i="1"/>
  <c r="AC76206" i="1"/>
  <c r="AC76207" i="1"/>
  <c r="AC76208" i="1"/>
  <c r="AC76209" i="1"/>
  <c r="AC76210" i="1"/>
  <c r="AC76211" i="1"/>
  <c r="AC76212" i="1"/>
  <c r="AC76213" i="1"/>
  <c r="AC76214" i="1"/>
  <c r="AC76215" i="1"/>
  <c r="AC76216" i="1"/>
  <c r="AC76217" i="1"/>
  <c r="AC76218" i="1"/>
  <c r="AC76219" i="1"/>
  <c r="AC76220" i="1"/>
  <c r="AC76221" i="1"/>
  <c r="AC76222" i="1"/>
  <c r="AC76223" i="1"/>
  <c r="AC76224" i="1"/>
  <c r="AC76225" i="1"/>
  <c r="AC76226" i="1"/>
  <c r="AC76227" i="1"/>
  <c r="AC76228" i="1"/>
  <c r="AC76229" i="1"/>
  <c r="AC76230" i="1"/>
  <c r="AC76231" i="1"/>
  <c r="AC76232" i="1"/>
  <c r="AC76233" i="1"/>
  <c r="AC76234" i="1"/>
  <c r="AC76235" i="1"/>
  <c r="AC76236" i="1"/>
  <c r="AC76237" i="1"/>
  <c r="AC76238" i="1"/>
  <c r="AC76239" i="1"/>
  <c r="AC76240" i="1"/>
  <c r="AC76241" i="1"/>
  <c r="AC76242" i="1"/>
  <c r="AC76243" i="1"/>
  <c r="AC76244" i="1"/>
  <c r="AC76245" i="1"/>
  <c r="AC76246" i="1"/>
  <c r="AC76247" i="1"/>
  <c r="AC76248" i="1"/>
  <c r="AC76249" i="1"/>
  <c r="AC76250" i="1"/>
  <c r="AC76251" i="1"/>
  <c r="AC76252" i="1"/>
  <c r="AC76253" i="1"/>
  <c r="AC76254" i="1"/>
  <c r="AC76255" i="1"/>
  <c r="AC76256" i="1"/>
  <c r="AC76257" i="1"/>
  <c r="AC76258" i="1"/>
  <c r="AC76259" i="1"/>
  <c r="AC76260" i="1"/>
  <c r="AC76261" i="1"/>
  <c r="AC76262" i="1"/>
  <c r="AC76263" i="1"/>
  <c r="AC76264" i="1"/>
  <c r="AC76265" i="1"/>
  <c r="AC76266" i="1"/>
  <c r="AC76267" i="1"/>
  <c r="AC76268" i="1"/>
  <c r="AC76269" i="1"/>
  <c r="AC76270" i="1"/>
  <c r="AC76271" i="1"/>
  <c r="AC76272" i="1"/>
  <c r="AC76273" i="1"/>
  <c r="AC76274" i="1"/>
  <c r="AC76275" i="1"/>
  <c r="AC76276" i="1"/>
  <c r="AC76277" i="1"/>
  <c r="AC76278" i="1"/>
  <c r="AC76279" i="1"/>
  <c r="AC76280" i="1"/>
  <c r="AC76281" i="1"/>
  <c r="AC76282" i="1"/>
  <c r="AC76283" i="1"/>
  <c r="AC76284" i="1"/>
  <c r="AC76285" i="1"/>
  <c r="AC76286" i="1"/>
  <c r="AC76287" i="1"/>
  <c r="AC76288" i="1"/>
  <c r="AC76289" i="1"/>
  <c r="AC76290" i="1"/>
  <c r="AC76291" i="1"/>
  <c r="AC76292" i="1"/>
  <c r="AC76293" i="1"/>
  <c r="AC76294" i="1"/>
  <c r="AC76295" i="1"/>
  <c r="AC76296" i="1"/>
  <c r="AC76297" i="1"/>
  <c r="AC76298" i="1"/>
  <c r="AC76299" i="1"/>
  <c r="AC76300" i="1"/>
  <c r="AC76301" i="1"/>
  <c r="AC76302" i="1"/>
  <c r="AC76303" i="1"/>
  <c r="AC76304" i="1"/>
  <c r="AC76305" i="1"/>
  <c r="AC76306" i="1"/>
  <c r="AC76307" i="1"/>
  <c r="AC76308" i="1"/>
  <c r="AC76309" i="1"/>
  <c r="AC76310" i="1"/>
  <c r="AC76311" i="1"/>
  <c r="AC76312" i="1"/>
  <c r="AC76313" i="1"/>
  <c r="AC76314" i="1"/>
  <c r="AC76315" i="1"/>
  <c r="AC76316" i="1"/>
  <c r="AC76317" i="1"/>
  <c r="AC76318" i="1"/>
  <c r="AC76319" i="1"/>
  <c r="AC76320" i="1"/>
  <c r="AC76321" i="1"/>
  <c r="AC76322" i="1"/>
  <c r="AC76323" i="1"/>
  <c r="AC76324" i="1"/>
  <c r="AC76325" i="1"/>
  <c r="AC76326" i="1"/>
  <c r="AC76327" i="1"/>
  <c r="AC76328" i="1"/>
  <c r="AC76329" i="1"/>
  <c r="AC76330" i="1"/>
  <c r="AC76331" i="1"/>
  <c r="AC76332" i="1"/>
  <c r="AC76333" i="1"/>
  <c r="AC76334" i="1"/>
  <c r="AC76335" i="1"/>
  <c r="AC76336" i="1"/>
  <c r="AC76337" i="1"/>
  <c r="AC76338" i="1"/>
  <c r="AC76339" i="1"/>
  <c r="AC76340" i="1"/>
  <c r="AC76341" i="1"/>
  <c r="AC76342" i="1"/>
  <c r="AC76343" i="1"/>
  <c r="AC76344" i="1"/>
  <c r="AC76345" i="1"/>
  <c r="AC76346" i="1"/>
  <c r="AC76347" i="1"/>
  <c r="AC76348" i="1"/>
  <c r="AC76349" i="1"/>
  <c r="AC76350" i="1"/>
  <c r="AC76351" i="1"/>
  <c r="AC76352" i="1"/>
  <c r="AC76353" i="1"/>
  <c r="AC76354" i="1"/>
  <c r="AC76355" i="1"/>
  <c r="AC76356" i="1"/>
  <c r="AC76357" i="1"/>
  <c r="AC76358" i="1"/>
  <c r="AC76359" i="1"/>
  <c r="AC76360" i="1"/>
  <c r="AC76361" i="1"/>
  <c r="AC76362" i="1"/>
  <c r="AC76363" i="1"/>
  <c r="AC76364" i="1"/>
  <c r="AC76365" i="1"/>
  <c r="AC76366" i="1"/>
  <c r="AC76367" i="1"/>
  <c r="AC76368" i="1"/>
  <c r="AC76369" i="1"/>
  <c r="AC76370" i="1"/>
  <c r="AC76371" i="1"/>
  <c r="AC76372" i="1"/>
  <c r="AC76373" i="1"/>
  <c r="AC76374" i="1"/>
  <c r="AC76375" i="1"/>
  <c r="AC76376" i="1"/>
  <c r="AC76377" i="1"/>
  <c r="AC76378" i="1"/>
  <c r="AC76379" i="1"/>
  <c r="AC76380" i="1"/>
  <c r="AC76381" i="1"/>
  <c r="AC76382" i="1"/>
  <c r="AC76383" i="1"/>
  <c r="AC76384" i="1"/>
  <c r="AC76385" i="1"/>
  <c r="AC76386" i="1"/>
  <c r="AC76387" i="1"/>
  <c r="AC76388" i="1"/>
  <c r="AC76389" i="1"/>
  <c r="AC76390" i="1"/>
  <c r="AC76391" i="1"/>
  <c r="AC76392" i="1"/>
  <c r="AC76393" i="1"/>
  <c r="AC76394" i="1"/>
  <c r="AC76395" i="1"/>
  <c r="AC76396" i="1"/>
  <c r="AC76397" i="1"/>
  <c r="AC76398" i="1"/>
  <c r="AC76399" i="1"/>
  <c r="AC76400" i="1"/>
  <c r="AC76401" i="1"/>
  <c r="AC76402" i="1"/>
  <c r="AC76403" i="1"/>
  <c r="AC76404" i="1"/>
  <c r="AC76405" i="1"/>
  <c r="AC76406" i="1"/>
  <c r="AC76407" i="1"/>
  <c r="AC76408" i="1"/>
  <c r="AC76409" i="1"/>
  <c r="AC76410" i="1"/>
  <c r="AC76411" i="1"/>
  <c r="AC76412" i="1"/>
  <c r="AC76413" i="1"/>
  <c r="AC76414" i="1"/>
  <c r="AC76415" i="1"/>
  <c r="AC76416" i="1"/>
  <c r="AC76417" i="1"/>
  <c r="AC76418" i="1"/>
  <c r="AC76419" i="1"/>
  <c r="AC76420" i="1"/>
  <c r="AC76421" i="1"/>
  <c r="AC76422" i="1"/>
  <c r="AC76423" i="1"/>
  <c r="AC76424" i="1"/>
  <c r="AC76425" i="1"/>
  <c r="AC76426" i="1"/>
  <c r="AC76427" i="1"/>
  <c r="AC76428" i="1"/>
  <c r="AC76429" i="1"/>
  <c r="AC76430" i="1"/>
  <c r="AC76431" i="1"/>
  <c r="AC76432" i="1"/>
  <c r="AC76433" i="1"/>
  <c r="AC76434" i="1"/>
  <c r="AC76435" i="1"/>
  <c r="AC76436" i="1"/>
  <c r="AC76437" i="1"/>
  <c r="AC76438" i="1"/>
  <c r="AC76439" i="1"/>
  <c r="AC76440" i="1"/>
  <c r="AC76441" i="1"/>
  <c r="AC76442" i="1"/>
  <c r="AC76443" i="1"/>
  <c r="AC76444" i="1"/>
  <c r="AC76445" i="1"/>
  <c r="AC76446" i="1"/>
  <c r="AC76447" i="1"/>
  <c r="AC76448" i="1"/>
  <c r="AC76449" i="1"/>
  <c r="AC76450" i="1"/>
  <c r="AC76451" i="1"/>
  <c r="AC76452" i="1"/>
  <c r="AC76453" i="1"/>
  <c r="AC76454" i="1"/>
  <c r="AC76455" i="1"/>
  <c r="AC76456" i="1"/>
  <c r="AC76457" i="1"/>
  <c r="AC76458" i="1"/>
  <c r="AC76459" i="1"/>
  <c r="AC76460" i="1"/>
  <c r="AC76461" i="1"/>
  <c r="AC76462" i="1"/>
  <c r="AC76463" i="1"/>
  <c r="AC76464" i="1"/>
  <c r="AC76465" i="1"/>
  <c r="AC76466" i="1"/>
  <c r="AC76467" i="1"/>
  <c r="AC76468" i="1"/>
  <c r="AC76469" i="1"/>
  <c r="AC76470" i="1"/>
  <c r="AC76471" i="1"/>
  <c r="AC76472" i="1"/>
  <c r="AC76473" i="1"/>
  <c r="AC76474" i="1"/>
  <c r="AC76475" i="1"/>
  <c r="AC76476" i="1"/>
  <c r="AC76477" i="1"/>
  <c r="AC76478" i="1"/>
  <c r="AC76479" i="1"/>
  <c r="AC76480" i="1"/>
  <c r="AC76481" i="1"/>
  <c r="AC76482" i="1"/>
  <c r="AC76483" i="1"/>
  <c r="AC76484" i="1"/>
  <c r="AC76485" i="1"/>
  <c r="AC76486" i="1"/>
  <c r="AC76487" i="1"/>
  <c r="AC76488" i="1"/>
  <c r="AC76489" i="1"/>
  <c r="AC76490" i="1"/>
  <c r="AC76491" i="1"/>
  <c r="AC76492" i="1"/>
  <c r="AC76493" i="1"/>
  <c r="AC76494" i="1"/>
  <c r="AC76495" i="1"/>
  <c r="AC76496" i="1"/>
  <c r="AC76497" i="1"/>
  <c r="AC76498" i="1"/>
  <c r="AC76499" i="1"/>
  <c r="AC76500" i="1"/>
  <c r="AC76501" i="1"/>
  <c r="AC76502" i="1"/>
  <c r="AC76503" i="1"/>
  <c r="AC76504" i="1"/>
  <c r="AC76505" i="1"/>
  <c r="AC76506" i="1"/>
  <c r="AC76507" i="1"/>
  <c r="AC76508" i="1"/>
  <c r="AC76509" i="1"/>
  <c r="AC76510" i="1"/>
  <c r="AC76511" i="1"/>
  <c r="AC76512" i="1"/>
  <c r="AC76513" i="1"/>
  <c r="AC76514" i="1"/>
  <c r="AC76515" i="1"/>
  <c r="AC76516" i="1"/>
  <c r="AC76517" i="1"/>
  <c r="AC76518" i="1"/>
  <c r="AC76519" i="1"/>
  <c r="AC76520" i="1"/>
  <c r="AC76521" i="1"/>
  <c r="AC76522" i="1"/>
  <c r="AC76523" i="1"/>
  <c r="AC76524" i="1"/>
  <c r="AC76525" i="1"/>
  <c r="AC76526" i="1"/>
  <c r="AC76527" i="1"/>
  <c r="AC76528" i="1"/>
  <c r="AC76529" i="1"/>
  <c r="AC76530" i="1"/>
  <c r="AC76531" i="1"/>
  <c r="AC76532" i="1"/>
  <c r="AC76533" i="1"/>
  <c r="AC76534" i="1"/>
  <c r="AC76535" i="1"/>
  <c r="AC76536" i="1"/>
  <c r="AC76537" i="1"/>
  <c r="AC76538" i="1"/>
  <c r="AC76539" i="1"/>
  <c r="AC76540" i="1"/>
  <c r="AC76541" i="1"/>
  <c r="AC76542" i="1"/>
  <c r="AC76543" i="1"/>
  <c r="AC76544" i="1"/>
  <c r="AC76545" i="1"/>
  <c r="AC76546" i="1"/>
  <c r="AC76547" i="1"/>
  <c r="AC76548" i="1"/>
  <c r="AC76549" i="1"/>
  <c r="AC76550" i="1"/>
  <c r="AC76551" i="1"/>
  <c r="AC76552" i="1"/>
  <c r="AC76553" i="1"/>
  <c r="AC76554" i="1"/>
  <c r="AC76555" i="1"/>
  <c r="AC76556" i="1"/>
  <c r="AC76557" i="1"/>
  <c r="AC76558" i="1"/>
  <c r="AC76559" i="1"/>
  <c r="AC76560" i="1"/>
  <c r="AC76561" i="1"/>
  <c r="AC76562" i="1"/>
  <c r="AC76563" i="1"/>
  <c r="AC76564" i="1"/>
  <c r="AC76565" i="1"/>
  <c r="AC76566" i="1"/>
  <c r="AC76567" i="1"/>
  <c r="AC76568" i="1"/>
  <c r="AC76569" i="1"/>
  <c r="AC76570" i="1"/>
  <c r="AC76571" i="1"/>
  <c r="AC76572" i="1"/>
  <c r="AC76573" i="1"/>
  <c r="AC76574" i="1"/>
  <c r="AC76575" i="1"/>
  <c r="AC76576" i="1"/>
  <c r="AC76577" i="1"/>
  <c r="AC76578" i="1"/>
  <c r="AC76579" i="1"/>
  <c r="AC76580" i="1"/>
  <c r="AC76581" i="1"/>
  <c r="AC76582" i="1"/>
  <c r="AC76583" i="1"/>
  <c r="AC76584" i="1"/>
  <c r="AC76585" i="1"/>
  <c r="AC76586" i="1"/>
  <c r="AC76587" i="1"/>
  <c r="AC76588" i="1"/>
  <c r="AC76589" i="1"/>
  <c r="AC76590" i="1"/>
  <c r="AC76591" i="1"/>
  <c r="AC76592" i="1"/>
  <c r="AC76593" i="1"/>
  <c r="AC76594" i="1"/>
  <c r="AC76595" i="1"/>
  <c r="AC76596" i="1"/>
  <c r="AC76597" i="1"/>
  <c r="AC76598" i="1"/>
  <c r="AC76599" i="1"/>
  <c r="AC76600" i="1"/>
  <c r="AC76601" i="1"/>
  <c r="AC76602" i="1"/>
  <c r="AC76603" i="1"/>
  <c r="AC76604" i="1"/>
  <c r="AC76605" i="1"/>
  <c r="AC76606" i="1"/>
  <c r="AC76607" i="1"/>
  <c r="AC76608" i="1"/>
  <c r="AC76609" i="1"/>
  <c r="AC76610" i="1"/>
  <c r="AC76611" i="1"/>
  <c r="AC76612" i="1"/>
  <c r="AC76613" i="1"/>
  <c r="AC76614" i="1"/>
  <c r="AC76615" i="1"/>
  <c r="AC76616" i="1"/>
  <c r="AC76617" i="1"/>
  <c r="AC76618" i="1"/>
  <c r="AC76619" i="1"/>
  <c r="AC76620" i="1"/>
  <c r="AC76621" i="1"/>
  <c r="AC76622" i="1"/>
  <c r="AC76623" i="1"/>
  <c r="AC76624" i="1"/>
  <c r="AC76625" i="1"/>
  <c r="AC76626" i="1"/>
  <c r="AC76627" i="1"/>
  <c r="AC76628" i="1"/>
  <c r="AC76629" i="1"/>
  <c r="AC76630" i="1"/>
  <c r="AC76631" i="1"/>
  <c r="AC76632" i="1"/>
  <c r="AC76633" i="1"/>
  <c r="AC76634" i="1"/>
  <c r="AC76635" i="1"/>
  <c r="AC76636" i="1"/>
  <c r="AC76637" i="1"/>
  <c r="AC76638" i="1"/>
  <c r="AC76639" i="1"/>
  <c r="AC76640" i="1"/>
  <c r="AC76641" i="1"/>
  <c r="AC76642" i="1"/>
  <c r="AC76643" i="1"/>
  <c r="AC76644" i="1"/>
  <c r="AC76645" i="1"/>
  <c r="AC76646" i="1"/>
  <c r="AC76647" i="1"/>
  <c r="AC76648" i="1"/>
  <c r="AC76649" i="1"/>
  <c r="AC76650" i="1"/>
  <c r="AC76651" i="1"/>
  <c r="AC76652" i="1"/>
  <c r="AC76653" i="1"/>
  <c r="AC76654" i="1"/>
  <c r="AC76655" i="1"/>
  <c r="AC76656" i="1"/>
  <c r="AC76657" i="1"/>
  <c r="AC76658" i="1"/>
  <c r="AC76659" i="1"/>
  <c r="AC76660" i="1"/>
  <c r="AC76661" i="1"/>
  <c r="AC76662" i="1"/>
  <c r="AC76663" i="1"/>
  <c r="AC76664" i="1"/>
  <c r="AC76665" i="1"/>
  <c r="AC76666" i="1"/>
  <c r="AC76667" i="1"/>
  <c r="AC76668" i="1"/>
  <c r="AC76669" i="1"/>
  <c r="AC76670" i="1"/>
  <c r="AC76671" i="1"/>
  <c r="AC76672" i="1"/>
  <c r="AC76673" i="1"/>
  <c r="AC76674" i="1"/>
  <c r="AC76675" i="1"/>
  <c r="AC76676" i="1"/>
  <c r="AC76677" i="1"/>
  <c r="AC76678" i="1"/>
  <c r="AC76679" i="1"/>
  <c r="AC76680" i="1"/>
  <c r="AC76681" i="1"/>
  <c r="AC76682" i="1"/>
  <c r="AC76683" i="1"/>
  <c r="AC76684" i="1"/>
  <c r="AC76685" i="1"/>
  <c r="AC76686" i="1"/>
  <c r="AC76687" i="1"/>
  <c r="AC76688" i="1"/>
  <c r="AC76689" i="1"/>
  <c r="AC76690" i="1"/>
  <c r="AC76691" i="1"/>
  <c r="AC76692" i="1"/>
  <c r="AC76693" i="1"/>
  <c r="AC76694" i="1"/>
  <c r="AC76695" i="1"/>
  <c r="AC76696" i="1"/>
  <c r="AC76697" i="1"/>
  <c r="AC76698" i="1"/>
  <c r="AC76699" i="1"/>
  <c r="AC76700" i="1"/>
  <c r="AC76701" i="1"/>
  <c r="AC76702" i="1"/>
  <c r="AC76703" i="1"/>
  <c r="AC76704" i="1"/>
  <c r="AC76705" i="1"/>
  <c r="AC76706" i="1"/>
  <c r="AC76707" i="1"/>
  <c r="AC76708" i="1"/>
  <c r="AC76709" i="1"/>
  <c r="AC76710" i="1"/>
  <c r="AC76711" i="1"/>
  <c r="AC76712" i="1"/>
  <c r="AC76713" i="1"/>
  <c r="AC76714" i="1"/>
  <c r="AC76715" i="1"/>
  <c r="AC76716" i="1"/>
  <c r="AC76717" i="1"/>
  <c r="AC76718" i="1"/>
  <c r="AC76719" i="1"/>
  <c r="AC76720" i="1"/>
  <c r="AC76721" i="1"/>
  <c r="AC76722" i="1"/>
  <c r="AC76723" i="1"/>
  <c r="AC76724" i="1"/>
  <c r="AC76725" i="1"/>
  <c r="AC76726" i="1"/>
  <c r="AC76727" i="1"/>
  <c r="AC76728" i="1"/>
  <c r="AC76729" i="1"/>
  <c r="AC76730" i="1"/>
  <c r="AC76731" i="1"/>
  <c r="AC76732" i="1"/>
  <c r="AC76733" i="1"/>
  <c r="AC76734" i="1"/>
  <c r="AC76735" i="1"/>
  <c r="AC76736" i="1"/>
  <c r="AC76737" i="1"/>
  <c r="AC76738" i="1"/>
  <c r="AC76739" i="1"/>
  <c r="AC76740" i="1"/>
  <c r="AC76741" i="1"/>
  <c r="AC76742" i="1"/>
  <c r="AC76743" i="1"/>
  <c r="AC76744" i="1"/>
  <c r="AC76745" i="1"/>
  <c r="AC76746" i="1"/>
  <c r="AC76747" i="1"/>
  <c r="AC76748" i="1"/>
  <c r="AC76749" i="1"/>
  <c r="AC76750" i="1"/>
  <c r="AC76751" i="1"/>
  <c r="AC76752" i="1"/>
  <c r="AC76753" i="1"/>
  <c r="AC76754" i="1"/>
  <c r="AC76755" i="1"/>
  <c r="AC76756" i="1"/>
  <c r="AC76757" i="1"/>
  <c r="AC76758" i="1"/>
  <c r="AC76759" i="1"/>
  <c r="AC76760" i="1"/>
  <c r="AC76761" i="1"/>
  <c r="AC76762" i="1"/>
  <c r="AC76763" i="1"/>
  <c r="AC76764" i="1"/>
  <c r="AC76765" i="1"/>
  <c r="AC76766" i="1"/>
  <c r="AC76767" i="1"/>
  <c r="AC76768" i="1"/>
  <c r="AC76769" i="1"/>
  <c r="AC76770" i="1"/>
  <c r="AC76771" i="1"/>
  <c r="AC76772" i="1"/>
  <c r="AC76773" i="1"/>
  <c r="AC76774" i="1"/>
  <c r="AC76775" i="1"/>
  <c r="AC76776" i="1"/>
  <c r="AC76777" i="1"/>
  <c r="AC76778" i="1"/>
  <c r="AC76779" i="1"/>
  <c r="AC76780" i="1"/>
  <c r="AC76781" i="1"/>
  <c r="AC76782" i="1"/>
  <c r="AC76783" i="1"/>
  <c r="AC76784" i="1"/>
  <c r="AC76785" i="1"/>
  <c r="AC76786" i="1"/>
  <c r="AC76787" i="1"/>
  <c r="AC76788" i="1"/>
  <c r="AC76789" i="1"/>
  <c r="AC76790" i="1"/>
  <c r="AC76791" i="1"/>
  <c r="AC76792" i="1"/>
  <c r="AC76793" i="1"/>
  <c r="AC76794" i="1"/>
  <c r="AC76795" i="1"/>
  <c r="AC76796" i="1"/>
  <c r="AC76797" i="1"/>
  <c r="AC76798" i="1"/>
  <c r="AC76799" i="1"/>
  <c r="AC76800" i="1"/>
  <c r="AC76801" i="1"/>
  <c r="AC76802" i="1"/>
  <c r="AC76803" i="1"/>
  <c r="AC76804" i="1"/>
  <c r="AC76805" i="1"/>
  <c r="AC76806" i="1"/>
  <c r="AC76807" i="1"/>
  <c r="AC76808" i="1"/>
  <c r="AC76809" i="1"/>
  <c r="AC76810" i="1"/>
  <c r="AC76811" i="1"/>
  <c r="AC76812" i="1"/>
  <c r="AC76813" i="1"/>
  <c r="AC76814" i="1"/>
  <c r="AC76815" i="1"/>
  <c r="AC76816" i="1"/>
  <c r="AC76817" i="1"/>
  <c r="AC76818" i="1"/>
  <c r="AC76819" i="1"/>
  <c r="AC76820" i="1"/>
  <c r="AC76821" i="1"/>
  <c r="AC76822" i="1"/>
  <c r="AC76823" i="1"/>
  <c r="AC76824" i="1"/>
  <c r="AC76825" i="1"/>
  <c r="AC76826" i="1"/>
  <c r="AC76827" i="1"/>
  <c r="AC76828" i="1"/>
  <c r="AC76829" i="1"/>
  <c r="AC76830" i="1"/>
  <c r="AC76831" i="1"/>
  <c r="AC76832" i="1"/>
  <c r="AC76833" i="1"/>
  <c r="AC76834" i="1"/>
  <c r="AC76835" i="1"/>
  <c r="AC76836" i="1"/>
  <c r="AC76837" i="1"/>
  <c r="AC76838" i="1"/>
  <c r="AC76839" i="1"/>
  <c r="AC76840" i="1"/>
  <c r="AC76841" i="1"/>
  <c r="AC76842" i="1"/>
  <c r="AC76843" i="1"/>
  <c r="AC76844" i="1"/>
  <c r="AC76845" i="1"/>
  <c r="AC76846" i="1"/>
  <c r="AC76847" i="1"/>
  <c r="AC76848" i="1"/>
  <c r="AC76849" i="1"/>
  <c r="AC76850" i="1"/>
  <c r="AC76851" i="1"/>
  <c r="AC76852" i="1"/>
  <c r="AC76853" i="1"/>
  <c r="AC76854" i="1"/>
  <c r="AC76855" i="1"/>
  <c r="AC76856" i="1"/>
  <c r="AC76857" i="1"/>
  <c r="AC76858" i="1"/>
  <c r="AC76859" i="1"/>
  <c r="AC76860" i="1"/>
  <c r="AC76861" i="1"/>
  <c r="AC76862" i="1"/>
  <c r="AC76863" i="1"/>
  <c r="AC76864" i="1"/>
  <c r="AC76865" i="1"/>
  <c r="AC76866" i="1"/>
  <c r="AC76867" i="1"/>
  <c r="AC76868" i="1"/>
  <c r="AC76869" i="1"/>
  <c r="AC76870" i="1"/>
  <c r="AC76871" i="1"/>
  <c r="AC76872" i="1"/>
  <c r="AC76873" i="1"/>
  <c r="AC76874" i="1"/>
  <c r="AC76875" i="1"/>
  <c r="AC76876" i="1"/>
  <c r="AC76877" i="1"/>
  <c r="AC76878" i="1"/>
  <c r="AC76879" i="1"/>
  <c r="AC76880" i="1"/>
  <c r="AC76881" i="1"/>
  <c r="AC76882" i="1"/>
  <c r="AC76883" i="1"/>
  <c r="AC76884" i="1"/>
  <c r="AC76885" i="1"/>
  <c r="AC76886" i="1"/>
  <c r="AC76887" i="1"/>
  <c r="AC76888" i="1"/>
  <c r="AC76889" i="1"/>
  <c r="AC76890" i="1"/>
  <c r="AC76891" i="1"/>
  <c r="AC76892" i="1"/>
  <c r="AC76893" i="1"/>
  <c r="AC76894" i="1"/>
  <c r="AC76895" i="1"/>
  <c r="AC76896" i="1"/>
  <c r="AC76897" i="1"/>
  <c r="AC76898" i="1"/>
  <c r="AC76899" i="1"/>
  <c r="AC76900" i="1"/>
  <c r="AC76901" i="1"/>
  <c r="AC76902" i="1"/>
  <c r="AC76903" i="1"/>
  <c r="AC76904" i="1"/>
  <c r="AC76905" i="1"/>
  <c r="AC76906" i="1"/>
  <c r="AC76907" i="1"/>
  <c r="AC76908" i="1"/>
  <c r="AC76909" i="1"/>
  <c r="AC76910" i="1"/>
  <c r="AC76911" i="1"/>
  <c r="AC76912" i="1"/>
  <c r="AC76913" i="1"/>
  <c r="AC76914" i="1"/>
  <c r="AC76915" i="1"/>
  <c r="AC76916" i="1"/>
  <c r="AC76917" i="1"/>
  <c r="AC76918" i="1"/>
  <c r="AC76919" i="1"/>
  <c r="AC76920" i="1"/>
  <c r="AC76921" i="1"/>
  <c r="AC76922" i="1"/>
  <c r="AC76923" i="1"/>
  <c r="AC76924" i="1"/>
  <c r="AC76925" i="1"/>
  <c r="AC76926" i="1"/>
  <c r="AC76927" i="1"/>
  <c r="AC76928" i="1"/>
  <c r="AC76929" i="1"/>
  <c r="AC76930" i="1"/>
  <c r="AC76931" i="1"/>
  <c r="AC76932" i="1"/>
  <c r="AC76933" i="1"/>
  <c r="AC76934" i="1"/>
  <c r="AC76935" i="1"/>
  <c r="AC76936" i="1"/>
  <c r="AC76937" i="1"/>
  <c r="AC76938" i="1"/>
  <c r="AC76939" i="1"/>
  <c r="AC76940" i="1"/>
  <c r="AC76941" i="1"/>
  <c r="AC76942" i="1"/>
  <c r="AC76943" i="1"/>
  <c r="AC76944" i="1"/>
  <c r="AC76945" i="1"/>
  <c r="AC76946" i="1"/>
  <c r="AC76947" i="1"/>
  <c r="AC76948" i="1"/>
  <c r="AC76949" i="1"/>
  <c r="AC76950" i="1"/>
  <c r="AC76951" i="1"/>
  <c r="AC76952" i="1"/>
  <c r="AC76953" i="1"/>
  <c r="AC76954" i="1"/>
  <c r="AC76955" i="1"/>
  <c r="AC76956" i="1"/>
  <c r="AC76957" i="1"/>
  <c r="AC76958" i="1"/>
  <c r="AC76959" i="1"/>
  <c r="AC76960" i="1"/>
  <c r="AC76961" i="1"/>
  <c r="AC76962" i="1"/>
  <c r="AC76963" i="1"/>
  <c r="AC76964" i="1"/>
  <c r="AC76965" i="1"/>
  <c r="AC76966" i="1"/>
  <c r="AC76967" i="1"/>
  <c r="AC76968" i="1"/>
  <c r="AC76969" i="1"/>
  <c r="AC76970" i="1"/>
  <c r="AC76971" i="1"/>
  <c r="AC76972" i="1"/>
  <c r="AC76973" i="1"/>
  <c r="AC76974" i="1"/>
  <c r="AC76975" i="1"/>
  <c r="AC76976" i="1"/>
  <c r="AC76977" i="1"/>
  <c r="AC76978" i="1"/>
  <c r="AC76979" i="1"/>
  <c r="AC76980" i="1"/>
  <c r="AC76981" i="1"/>
  <c r="AC76982" i="1"/>
  <c r="AC76983" i="1"/>
  <c r="AC76984" i="1"/>
  <c r="AC76985" i="1"/>
  <c r="AC76986" i="1"/>
  <c r="AC76987" i="1"/>
  <c r="AC76988" i="1"/>
  <c r="AC76989" i="1"/>
  <c r="AC76990" i="1"/>
  <c r="AC76991" i="1"/>
  <c r="AC76992" i="1"/>
  <c r="AC76993" i="1"/>
  <c r="AC76994" i="1"/>
  <c r="AC76995" i="1"/>
  <c r="AC76996" i="1"/>
  <c r="AC76997" i="1"/>
  <c r="AC76998" i="1"/>
  <c r="AC76999" i="1"/>
  <c r="AC77000" i="1"/>
  <c r="AC77001" i="1"/>
  <c r="AC77002" i="1"/>
  <c r="AC77003" i="1"/>
  <c r="AC77004" i="1"/>
  <c r="AC77005" i="1"/>
  <c r="AC77006" i="1"/>
  <c r="AC77007" i="1"/>
  <c r="AC77008" i="1"/>
  <c r="AC77009" i="1"/>
  <c r="AC77010" i="1"/>
  <c r="AC77011" i="1"/>
  <c r="AC77012" i="1"/>
  <c r="AC77013" i="1"/>
  <c r="AC77014" i="1"/>
  <c r="AC77015" i="1"/>
  <c r="AC77016" i="1"/>
  <c r="AC77017" i="1"/>
  <c r="AC77018" i="1"/>
  <c r="AC77019" i="1"/>
  <c r="AC77020" i="1"/>
  <c r="AC77021" i="1"/>
  <c r="AC77022" i="1"/>
  <c r="AC77023" i="1"/>
  <c r="AC77024" i="1"/>
  <c r="AC77025" i="1"/>
  <c r="AC77026" i="1"/>
  <c r="AC77027" i="1"/>
  <c r="AC77028" i="1"/>
  <c r="AC77029" i="1"/>
  <c r="AC77030" i="1"/>
  <c r="AC77031" i="1"/>
  <c r="AC77032" i="1"/>
  <c r="AC77033" i="1"/>
  <c r="AC77034" i="1"/>
  <c r="AC77035" i="1"/>
  <c r="AC77036" i="1"/>
  <c r="AC77037" i="1"/>
  <c r="AC77038" i="1"/>
  <c r="AC77039" i="1"/>
  <c r="AC77040" i="1"/>
  <c r="AC77041" i="1"/>
  <c r="AC77042" i="1"/>
  <c r="AC77043" i="1"/>
  <c r="AC77044" i="1"/>
  <c r="AC77045" i="1"/>
  <c r="AC77046" i="1"/>
  <c r="AC77047" i="1"/>
  <c r="AC77048" i="1"/>
  <c r="AC77049" i="1"/>
  <c r="AC77050" i="1"/>
  <c r="AC77051" i="1"/>
  <c r="AC77052" i="1"/>
  <c r="AC77053" i="1"/>
  <c r="AC77054" i="1"/>
  <c r="AC77055" i="1"/>
  <c r="AC77056" i="1"/>
  <c r="AC77057" i="1"/>
  <c r="AC77058" i="1"/>
  <c r="AC77059" i="1"/>
  <c r="AC77060" i="1"/>
  <c r="AC77061" i="1"/>
  <c r="AC77062" i="1"/>
  <c r="AC77063" i="1"/>
  <c r="AC77064" i="1"/>
  <c r="AC77065" i="1"/>
  <c r="AC77066" i="1"/>
  <c r="AC77067" i="1"/>
  <c r="AC77068" i="1"/>
  <c r="AC77069" i="1"/>
  <c r="AC77070" i="1"/>
  <c r="AC77071" i="1"/>
  <c r="AC77072" i="1"/>
  <c r="AC77073" i="1"/>
  <c r="AC77074" i="1"/>
  <c r="AC77075" i="1"/>
  <c r="AC77076" i="1"/>
  <c r="AC77077" i="1"/>
  <c r="AC77078" i="1"/>
  <c r="AC77079" i="1"/>
  <c r="AC77080" i="1"/>
  <c r="AC77081" i="1"/>
  <c r="AC77082" i="1"/>
  <c r="AC77083" i="1"/>
  <c r="AC77084" i="1"/>
  <c r="AC77085" i="1"/>
  <c r="AC77086" i="1"/>
  <c r="AC77087" i="1"/>
  <c r="AC77088" i="1"/>
  <c r="AC77089" i="1"/>
  <c r="AC77090" i="1"/>
  <c r="AC77091" i="1"/>
  <c r="AC77092" i="1"/>
  <c r="AC77093" i="1"/>
  <c r="AC77094" i="1"/>
  <c r="AC77095" i="1"/>
  <c r="AC77096" i="1"/>
  <c r="AC77097" i="1"/>
  <c r="AC77098" i="1"/>
  <c r="AC77099" i="1"/>
  <c r="AC77100" i="1"/>
  <c r="AC77101" i="1"/>
  <c r="AC77102" i="1"/>
  <c r="AC77103" i="1"/>
  <c r="AC77104" i="1"/>
  <c r="AC77105" i="1"/>
  <c r="AC77106" i="1"/>
  <c r="AC77107" i="1"/>
  <c r="AC77108" i="1"/>
  <c r="AC77109" i="1"/>
  <c r="AC77110" i="1"/>
  <c r="AC77111" i="1"/>
  <c r="AC77112" i="1"/>
  <c r="AC77113" i="1"/>
  <c r="AC77114" i="1"/>
  <c r="AC77115" i="1"/>
  <c r="AC77116" i="1"/>
  <c r="AC77117" i="1"/>
  <c r="AC77118" i="1"/>
  <c r="AC77119" i="1"/>
  <c r="AC77120" i="1"/>
  <c r="AC77121" i="1"/>
  <c r="AC77122" i="1"/>
  <c r="AC77123" i="1"/>
  <c r="AC77124" i="1"/>
  <c r="AC77125" i="1"/>
  <c r="AC77126" i="1"/>
  <c r="AC77127" i="1"/>
  <c r="AC77128" i="1"/>
  <c r="AC77129" i="1"/>
  <c r="AC77130" i="1"/>
  <c r="AC77131" i="1"/>
  <c r="AC77132" i="1"/>
  <c r="AC77133" i="1"/>
  <c r="AC77134" i="1"/>
  <c r="AC77135" i="1"/>
  <c r="AC77136" i="1"/>
  <c r="AC77137" i="1"/>
  <c r="AC77138" i="1"/>
  <c r="AC77139" i="1"/>
  <c r="AC77140" i="1"/>
  <c r="AC77141" i="1"/>
  <c r="AC77142" i="1"/>
  <c r="AC77143" i="1"/>
  <c r="AC77144" i="1"/>
  <c r="AC77145" i="1"/>
  <c r="AC77146" i="1"/>
  <c r="AC77147" i="1"/>
  <c r="AC77148" i="1"/>
  <c r="AC77149" i="1"/>
  <c r="AC77150" i="1"/>
  <c r="AC77151" i="1"/>
  <c r="AC77152" i="1"/>
  <c r="AC77153" i="1"/>
  <c r="AC77154" i="1"/>
  <c r="AC77155" i="1"/>
  <c r="AC77156" i="1"/>
  <c r="AC77157" i="1"/>
  <c r="AC77158" i="1"/>
  <c r="AC77159" i="1"/>
  <c r="AC77160" i="1"/>
  <c r="AC77161" i="1"/>
  <c r="AC77162" i="1"/>
  <c r="AC77163" i="1"/>
  <c r="AC77164" i="1"/>
  <c r="AC77165" i="1"/>
  <c r="AC77166" i="1"/>
  <c r="AC77167" i="1"/>
  <c r="AC77168" i="1"/>
  <c r="AC77169" i="1"/>
  <c r="AC77170" i="1"/>
  <c r="AC77171" i="1"/>
  <c r="AC77172" i="1"/>
  <c r="AC77173" i="1"/>
  <c r="AC77174" i="1"/>
  <c r="AC77175" i="1"/>
  <c r="AC77176" i="1"/>
  <c r="AC77177" i="1"/>
  <c r="AC77178" i="1"/>
  <c r="AC77179" i="1"/>
  <c r="AC77180" i="1"/>
  <c r="AC77181" i="1"/>
  <c r="AC77182" i="1"/>
  <c r="AC77183" i="1"/>
  <c r="AC77184" i="1"/>
  <c r="AC77185" i="1"/>
  <c r="AC77186" i="1"/>
  <c r="AC77187" i="1"/>
  <c r="AC77188" i="1"/>
  <c r="AC77189" i="1"/>
  <c r="AC77190" i="1"/>
  <c r="AC77191" i="1"/>
  <c r="AC77192" i="1"/>
  <c r="AC77193" i="1"/>
  <c r="AC77194" i="1"/>
  <c r="AC77195" i="1"/>
  <c r="AC77196" i="1"/>
  <c r="AC77197" i="1"/>
  <c r="AC77198" i="1"/>
  <c r="AC77199" i="1"/>
  <c r="AC77200" i="1"/>
  <c r="AC77201" i="1"/>
  <c r="AC77202" i="1"/>
  <c r="AC77203" i="1"/>
  <c r="AC77204" i="1"/>
  <c r="AC77205" i="1"/>
  <c r="AC77206" i="1"/>
  <c r="AC77207" i="1"/>
  <c r="AC77208" i="1"/>
  <c r="AC77209" i="1"/>
  <c r="AC77210" i="1"/>
  <c r="AC77211" i="1"/>
  <c r="AC77212" i="1"/>
  <c r="AC77213" i="1"/>
  <c r="AC77214" i="1"/>
  <c r="AC77215" i="1"/>
  <c r="AC77216" i="1"/>
  <c r="AC77217" i="1"/>
  <c r="AC77218" i="1"/>
  <c r="AC77219" i="1"/>
  <c r="AC77220" i="1"/>
  <c r="AC77221" i="1"/>
  <c r="AC77222" i="1"/>
  <c r="AC77223" i="1"/>
  <c r="AC77224" i="1"/>
  <c r="AC77225" i="1"/>
  <c r="AC77226" i="1"/>
  <c r="AC77227" i="1"/>
  <c r="AC77228" i="1"/>
  <c r="AC77229" i="1"/>
  <c r="AC77230" i="1"/>
  <c r="AC77231" i="1"/>
  <c r="AC77232" i="1"/>
  <c r="AC77233" i="1"/>
  <c r="AC77234" i="1"/>
  <c r="AC77235" i="1"/>
  <c r="AC77236" i="1"/>
  <c r="AC77237" i="1"/>
  <c r="AC77238" i="1"/>
  <c r="AC77239" i="1"/>
  <c r="AC77240" i="1"/>
  <c r="AC77241" i="1"/>
  <c r="AC77242" i="1"/>
  <c r="AC77243" i="1"/>
  <c r="AC77244" i="1"/>
  <c r="AC77245" i="1"/>
  <c r="AC77246" i="1"/>
  <c r="AC77247" i="1"/>
  <c r="AC77248" i="1"/>
  <c r="AC77249" i="1"/>
  <c r="AC77250" i="1"/>
  <c r="AC77251" i="1"/>
  <c r="AC77252" i="1"/>
  <c r="AC77253" i="1"/>
  <c r="AC77254" i="1"/>
  <c r="AC77255" i="1"/>
  <c r="AC77256" i="1"/>
  <c r="AC77257" i="1"/>
  <c r="AC77258" i="1"/>
  <c r="AC77259" i="1"/>
  <c r="AC77260" i="1"/>
  <c r="AC77261" i="1"/>
  <c r="AC77262" i="1"/>
  <c r="AC77263" i="1"/>
  <c r="AC77264" i="1"/>
  <c r="AC77265" i="1"/>
  <c r="AC77266" i="1"/>
  <c r="AC77267" i="1"/>
  <c r="AC77268" i="1"/>
  <c r="AC77269" i="1"/>
  <c r="AC77270" i="1"/>
  <c r="AC77271" i="1"/>
  <c r="AC77272" i="1"/>
  <c r="AC77273" i="1"/>
  <c r="AC77274" i="1"/>
  <c r="AC77275" i="1"/>
  <c r="AC77276" i="1"/>
  <c r="AC77277" i="1"/>
  <c r="AC77278" i="1"/>
  <c r="AC77279" i="1"/>
  <c r="AC77280" i="1"/>
  <c r="AC77281" i="1"/>
  <c r="AC77282" i="1"/>
  <c r="AC77283" i="1"/>
  <c r="AC77284" i="1"/>
  <c r="AC77285" i="1"/>
  <c r="AC77286" i="1"/>
  <c r="AC77287" i="1"/>
  <c r="AC77288" i="1"/>
  <c r="AC77289" i="1"/>
  <c r="AC77290" i="1"/>
  <c r="AC77291" i="1"/>
  <c r="AC77292" i="1"/>
  <c r="AC77293" i="1"/>
  <c r="AC77294" i="1"/>
  <c r="AC77295" i="1"/>
  <c r="AC77296" i="1"/>
  <c r="AC77297" i="1"/>
  <c r="AC77298" i="1"/>
  <c r="AC77299" i="1"/>
  <c r="AC77300" i="1"/>
  <c r="AC77301" i="1"/>
  <c r="AC77302" i="1"/>
  <c r="AC77303" i="1"/>
  <c r="AC77304" i="1"/>
  <c r="AC77305" i="1"/>
  <c r="AC77306" i="1"/>
  <c r="AC77307" i="1"/>
  <c r="AC77308" i="1"/>
  <c r="AC77309" i="1"/>
  <c r="AC77310" i="1"/>
  <c r="AC77311" i="1"/>
  <c r="AC77312" i="1"/>
  <c r="AC77313" i="1"/>
  <c r="AC77314" i="1"/>
  <c r="AC77315" i="1"/>
  <c r="AC77316" i="1"/>
  <c r="AC77317" i="1"/>
  <c r="AC77318" i="1"/>
  <c r="AC77319" i="1"/>
  <c r="AC77320" i="1"/>
  <c r="AC77321" i="1"/>
  <c r="AC77322" i="1"/>
  <c r="AC77323" i="1"/>
  <c r="AC77324" i="1"/>
  <c r="AC77325" i="1"/>
  <c r="AC77326" i="1"/>
  <c r="AC77327" i="1"/>
  <c r="AC77328" i="1"/>
  <c r="AC77329" i="1"/>
  <c r="AC77330" i="1"/>
  <c r="AC77331" i="1"/>
  <c r="AC77332" i="1"/>
  <c r="AC77333" i="1"/>
  <c r="AC77334" i="1"/>
  <c r="AC77335" i="1"/>
  <c r="AC77336" i="1"/>
  <c r="AC77337" i="1"/>
  <c r="AC77338" i="1"/>
  <c r="AC77339" i="1"/>
  <c r="AC77340" i="1"/>
  <c r="AC77341" i="1"/>
  <c r="AC77342" i="1"/>
  <c r="AC77343" i="1"/>
  <c r="AC77344" i="1"/>
  <c r="AC77345" i="1"/>
  <c r="AC77346" i="1"/>
  <c r="AC77347" i="1"/>
  <c r="AC77348" i="1"/>
  <c r="AC77349" i="1"/>
  <c r="AC77350" i="1"/>
  <c r="AC77351" i="1"/>
  <c r="AC77352" i="1"/>
  <c r="AC77353" i="1"/>
  <c r="AC77354" i="1"/>
  <c r="AC77355" i="1"/>
  <c r="AC77356" i="1"/>
  <c r="AC77357" i="1"/>
  <c r="AC77358" i="1"/>
  <c r="AC77359" i="1"/>
  <c r="AC77360" i="1"/>
  <c r="AC77361" i="1"/>
  <c r="AC77362" i="1"/>
  <c r="AC77363" i="1"/>
  <c r="AC77364" i="1"/>
  <c r="AC77365" i="1"/>
  <c r="AC77366" i="1"/>
  <c r="AC77367" i="1"/>
  <c r="AC77368" i="1"/>
  <c r="AC77369" i="1"/>
  <c r="AC77370" i="1"/>
  <c r="AC77371" i="1"/>
  <c r="AC77372" i="1"/>
  <c r="AC77373" i="1"/>
  <c r="AC77374" i="1"/>
  <c r="AC77375" i="1"/>
  <c r="AC77376" i="1"/>
  <c r="AC77377" i="1"/>
  <c r="AC77378" i="1"/>
  <c r="AC77379" i="1"/>
  <c r="AC77380" i="1"/>
  <c r="AC77381" i="1"/>
  <c r="AC77382" i="1"/>
  <c r="AC77383" i="1"/>
  <c r="AC77384" i="1"/>
  <c r="AC77385" i="1"/>
  <c r="AC77386" i="1"/>
  <c r="AC77387" i="1"/>
  <c r="AC77388" i="1"/>
  <c r="AC77389" i="1"/>
  <c r="AC77390" i="1"/>
  <c r="AC77391" i="1"/>
  <c r="AC77392" i="1"/>
  <c r="AC77393" i="1"/>
  <c r="AC77394" i="1"/>
  <c r="AC77395" i="1"/>
  <c r="AC77396" i="1"/>
  <c r="AC77397" i="1"/>
  <c r="AC77398" i="1"/>
  <c r="AC77399" i="1"/>
  <c r="AC77400" i="1"/>
  <c r="AC77401" i="1"/>
  <c r="AC77402" i="1"/>
  <c r="AC77403" i="1"/>
  <c r="AC77404" i="1"/>
  <c r="AC77405" i="1"/>
  <c r="AC77406" i="1"/>
  <c r="AC77407" i="1"/>
  <c r="AC77408" i="1"/>
  <c r="AC77409" i="1"/>
  <c r="AC77410" i="1"/>
  <c r="AC77411" i="1"/>
  <c r="AC77412" i="1"/>
  <c r="AC77413" i="1"/>
  <c r="AC77414" i="1"/>
  <c r="AC77415" i="1"/>
  <c r="AC77416" i="1"/>
  <c r="AC77417" i="1"/>
  <c r="AC77418" i="1"/>
  <c r="AC77419" i="1"/>
  <c r="AC77420" i="1"/>
  <c r="AC77421" i="1"/>
  <c r="AC77422" i="1"/>
  <c r="AC77423" i="1"/>
  <c r="AC77424" i="1"/>
  <c r="AC77425" i="1"/>
  <c r="AC77426" i="1"/>
  <c r="AC77427" i="1"/>
  <c r="AC77428" i="1"/>
  <c r="AC77429" i="1"/>
  <c r="AC77430" i="1"/>
  <c r="AC77431" i="1"/>
  <c r="AC77432" i="1"/>
  <c r="AC77433" i="1"/>
  <c r="AC77434" i="1"/>
  <c r="AC77435" i="1"/>
  <c r="AC77436" i="1"/>
  <c r="AC77437" i="1"/>
  <c r="AC77438" i="1"/>
  <c r="AC77439" i="1"/>
  <c r="AC77440" i="1"/>
  <c r="AC77441" i="1"/>
  <c r="AC77442" i="1"/>
  <c r="AC77443" i="1"/>
  <c r="AC77444" i="1"/>
  <c r="AC77445" i="1"/>
  <c r="AC77446" i="1"/>
  <c r="AC77447" i="1"/>
  <c r="AC77448" i="1"/>
  <c r="AC77449" i="1"/>
  <c r="AC77450" i="1"/>
  <c r="AC77451" i="1"/>
  <c r="AC77452" i="1"/>
  <c r="AC77453" i="1"/>
  <c r="AC77454" i="1"/>
  <c r="AC77455" i="1"/>
  <c r="AC77456" i="1"/>
  <c r="AC77457" i="1"/>
  <c r="AC77458" i="1"/>
  <c r="AC77459" i="1"/>
  <c r="AC77460" i="1"/>
  <c r="AC77461" i="1"/>
  <c r="AC77462" i="1"/>
  <c r="AC77463" i="1"/>
  <c r="AC77464" i="1"/>
  <c r="AC77465" i="1"/>
  <c r="AC77466" i="1"/>
  <c r="AC77467" i="1"/>
  <c r="AC77468" i="1"/>
  <c r="AC77469" i="1"/>
  <c r="AC77470" i="1"/>
  <c r="AC77471" i="1"/>
  <c r="AC77472" i="1"/>
  <c r="AC77473" i="1"/>
  <c r="AC77474" i="1"/>
  <c r="AC77475" i="1"/>
  <c r="AC77476" i="1"/>
  <c r="AC77477" i="1"/>
  <c r="AC77478" i="1"/>
  <c r="AC77479" i="1"/>
  <c r="AC77480" i="1"/>
  <c r="AC77481" i="1"/>
  <c r="AC77482" i="1"/>
  <c r="AC77483" i="1"/>
  <c r="AC77484" i="1"/>
  <c r="AC77485" i="1"/>
  <c r="AC77486" i="1"/>
  <c r="AC77487" i="1"/>
  <c r="AC77488" i="1"/>
  <c r="AC77489" i="1"/>
  <c r="AC77490" i="1"/>
  <c r="AC77491" i="1"/>
  <c r="AC77492" i="1"/>
  <c r="AC77493" i="1"/>
  <c r="AC77494" i="1"/>
  <c r="AC77495" i="1"/>
  <c r="AC77496" i="1"/>
  <c r="AC77497" i="1"/>
  <c r="AC77498" i="1"/>
  <c r="AC77499" i="1"/>
  <c r="AC77500" i="1"/>
  <c r="AC77501" i="1"/>
  <c r="AC77502" i="1"/>
  <c r="AC77503" i="1"/>
  <c r="AC77504" i="1"/>
  <c r="AC77505" i="1"/>
  <c r="AC77506" i="1"/>
  <c r="AC77507" i="1"/>
  <c r="AC77508" i="1"/>
  <c r="AC77509" i="1"/>
  <c r="AC77510" i="1"/>
  <c r="AC77511" i="1"/>
  <c r="AC77512" i="1"/>
  <c r="AC77513" i="1"/>
  <c r="AC77514" i="1"/>
  <c r="AC77515" i="1"/>
  <c r="AC77516" i="1"/>
  <c r="AC77517" i="1"/>
  <c r="AC77518" i="1"/>
  <c r="AC77519" i="1"/>
  <c r="AC77520" i="1"/>
  <c r="AC77521" i="1"/>
  <c r="AC77522" i="1"/>
  <c r="AC77523" i="1"/>
  <c r="AC77524" i="1"/>
  <c r="AC77525" i="1"/>
  <c r="AC77526" i="1"/>
  <c r="AC77527" i="1"/>
  <c r="AC77528" i="1"/>
  <c r="AC77529" i="1"/>
  <c r="AC77530" i="1"/>
  <c r="AC77531" i="1"/>
  <c r="AC77532" i="1"/>
  <c r="AC77533" i="1"/>
  <c r="AC77534" i="1"/>
  <c r="AC77535" i="1"/>
  <c r="AC77536" i="1"/>
  <c r="AC77537" i="1"/>
  <c r="AC77538" i="1"/>
  <c r="AC77539" i="1"/>
  <c r="AC77540" i="1"/>
  <c r="AC77541" i="1"/>
  <c r="AC77542" i="1"/>
  <c r="AC77543" i="1"/>
  <c r="AC77544" i="1"/>
  <c r="AC77545" i="1"/>
  <c r="AC77546" i="1"/>
  <c r="AC77547" i="1"/>
  <c r="AC77548" i="1"/>
  <c r="AC77549" i="1"/>
  <c r="AC77550" i="1"/>
  <c r="AC77551" i="1"/>
  <c r="AC77552" i="1"/>
  <c r="AC77553" i="1"/>
  <c r="AC77554" i="1"/>
  <c r="AC77555" i="1"/>
  <c r="AC77556" i="1"/>
  <c r="AC77557" i="1"/>
  <c r="AC77558" i="1"/>
  <c r="AC77559" i="1"/>
  <c r="AC77560" i="1"/>
  <c r="AC77561" i="1"/>
  <c r="AC77562" i="1"/>
  <c r="AC77563" i="1"/>
  <c r="AC77564" i="1"/>
  <c r="AC77565" i="1"/>
  <c r="AC77566" i="1"/>
  <c r="AC77567" i="1"/>
  <c r="AC77568" i="1"/>
  <c r="AC77569" i="1"/>
  <c r="AC77570" i="1"/>
  <c r="AC77571" i="1"/>
  <c r="AC77572" i="1"/>
  <c r="AC77573" i="1"/>
  <c r="AC77574" i="1"/>
  <c r="AC77575" i="1"/>
  <c r="AC77576" i="1"/>
  <c r="AC77577" i="1"/>
  <c r="AC77578" i="1"/>
  <c r="AC77579" i="1"/>
  <c r="AC77580" i="1"/>
  <c r="AC77581" i="1"/>
  <c r="AC77582" i="1"/>
  <c r="AC77583" i="1"/>
  <c r="AC77584" i="1"/>
  <c r="AC77585" i="1"/>
  <c r="AC77586" i="1"/>
  <c r="AC77587" i="1"/>
  <c r="AC77588" i="1"/>
  <c r="AC77589" i="1"/>
  <c r="AC77590" i="1"/>
  <c r="AC77591" i="1"/>
  <c r="AC77592" i="1"/>
  <c r="AC77593" i="1"/>
  <c r="AC77594" i="1"/>
  <c r="AC77595" i="1"/>
  <c r="AC77596" i="1"/>
  <c r="AC77597" i="1"/>
  <c r="AC77598" i="1"/>
  <c r="AC77599" i="1"/>
  <c r="AC77600" i="1"/>
  <c r="AC77601" i="1"/>
  <c r="AC77602" i="1"/>
  <c r="AC77603" i="1"/>
  <c r="AC77604" i="1"/>
  <c r="AC77605" i="1"/>
  <c r="AC77606" i="1"/>
  <c r="AC77607" i="1"/>
  <c r="AC77608" i="1"/>
  <c r="AC77609" i="1"/>
  <c r="AC77610" i="1"/>
  <c r="AC77611" i="1"/>
  <c r="AC77612" i="1"/>
  <c r="AC77613" i="1"/>
  <c r="AC77614" i="1"/>
  <c r="AC77615" i="1"/>
  <c r="AC77616" i="1"/>
  <c r="AC77617" i="1"/>
  <c r="AC77618" i="1"/>
  <c r="AC77619" i="1"/>
  <c r="AC77620" i="1"/>
  <c r="AC77621" i="1"/>
  <c r="AC77622" i="1"/>
  <c r="AC77623" i="1"/>
  <c r="AC77624" i="1"/>
  <c r="AC77625" i="1"/>
  <c r="AC77626" i="1"/>
  <c r="AC77627" i="1"/>
  <c r="AC77628" i="1"/>
  <c r="AC77629" i="1"/>
  <c r="AC77630" i="1"/>
  <c r="AC77631" i="1"/>
  <c r="AC77632" i="1"/>
  <c r="AC77633" i="1"/>
  <c r="AC77634" i="1"/>
  <c r="AC77635" i="1"/>
  <c r="AC77636" i="1"/>
  <c r="AC77637" i="1"/>
  <c r="AC77638" i="1"/>
  <c r="AC77639" i="1"/>
  <c r="AC77640" i="1"/>
  <c r="AC77641" i="1"/>
  <c r="AC77642" i="1"/>
  <c r="AC77643" i="1"/>
  <c r="AC77644" i="1"/>
  <c r="AC77645" i="1"/>
  <c r="AC77646" i="1"/>
  <c r="AC77647" i="1"/>
  <c r="AC77648" i="1"/>
  <c r="AC77649" i="1"/>
  <c r="AC77650" i="1"/>
  <c r="AC77651" i="1"/>
  <c r="AC77652" i="1"/>
  <c r="AC77653" i="1"/>
  <c r="AC77654" i="1"/>
  <c r="AC77655" i="1"/>
  <c r="AC77656" i="1"/>
  <c r="AC77657" i="1"/>
  <c r="AC77658" i="1"/>
  <c r="AC77659" i="1"/>
  <c r="AC77660" i="1"/>
  <c r="AC77661" i="1"/>
  <c r="AC77662" i="1"/>
  <c r="AC77663" i="1"/>
  <c r="AC77664" i="1"/>
  <c r="AC77665" i="1"/>
  <c r="AC77666" i="1"/>
  <c r="AC77667" i="1"/>
  <c r="AC77668" i="1"/>
  <c r="AC77669" i="1"/>
  <c r="AC77670" i="1"/>
  <c r="AC77671" i="1"/>
  <c r="AC77672" i="1"/>
  <c r="AC77673" i="1"/>
  <c r="AC77674" i="1"/>
  <c r="AC77675" i="1"/>
  <c r="AC77676" i="1"/>
  <c r="AC77677" i="1"/>
  <c r="AC77678" i="1"/>
  <c r="AC77679" i="1"/>
  <c r="AC77680" i="1"/>
  <c r="AC77681" i="1"/>
  <c r="AC77682" i="1"/>
  <c r="AC77683" i="1"/>
  <c r="AC77684" i="1"/>
  <c r="AC77685" i="1"/>
  <c r="AC77686" i="1"/>
  <c r="AC77687" i="1"/>
  <c r="AC77688" i="1"/>
  <c r="AC77689" i="1"/>
  <c r="AC77690" i="1"/>
  <c r="AC77691" i="1"/>
  <c r="AC77692" i="1"/>
  <c r="AC77693" i="1"/>
  <c r="AC77694" i="1"/>
  <c r="AC77695" i="1"/>
  <c r="AC77696" i="1"/>
  <c r="AC77697" i="1"/>
  <c r="AC77698" i="1"/>
  <c r="AC77699" i="1"/>
  <c r="AC77700" i="1"/>
  <c r="AC77701" i="1"/>
  <c r="AC77702" i="1"/>
  <c r="AC77703" i="1"/>
  <c r="AC77704" i="1"/>
  <c r="AC77705" i="1"/>
  <c r="AC77706" i="1"/>
  <c r="AC77707" i="1"/>
  <c r="AC77708" i="1"/>
  <c r="AC77709" i="1"/>
  <c r="AC77710" i="1"/>
  <c r="AC77711" i="1"/>
  <c r="AC77712" i="1"/>
  <c r="AC77713" i="1"/>
  <c r="AC77714" i="1"/>
  <c r="AC77715" i="1"/>
  <c r="AC77716" i="1"/>
  <c r="AC77717" i="1"/>
  <c r="AC77718" i="1"/>
  <c r="AC77719" i="1"/>
  <c r="AC77720" i="1"/>
  <c r="AC77721" i="1"/>
  <c r="AC77722" i="1"/>
  <c r="AC77723" i="1"/>
  <c r="AC77724" i="1"/>
  <c r="AC77725" i="1"/>
  <c r="AC77726" i="1"/>
  <c r="AC77727" i="1"/>
  <c r="AC77728" i="1"/>
  <c r="AC77729" i="1"/>
  <c r="AC77730" i="1"/>
  <c r="AC77731" i="1"/>
  <c r="AC77732" i="1"/>
  <c r="AC77733" i="1"/>
  <c r="AC77734" i="1"/>
  <c r="AC77735" i="1"/>
  <c r="AC77736" i="1"/>
  <c r="AC77737" i="1"/>
  <c r="AC77738" i="1"/>
  <c r="AC77739" i="1"/>
  <c r="AC77740" i="1"/>
  <c r="AC77741" i="1"/>
  <c r="AC77742" i="1"/>
  <c r="AC77743" i="1"/>
  <c r="AC77744" i="1"/>
  <c r="AC77745" i="1"/>
  <c r="AC77746" i="1"/>
  <c r="AC77747" i="1"/>
  <c r="AC77748" i="1"/>
  <c r="AC77749" i="1"/>
  <c r="AC77750" i="1"/>
  <c r="AC77751" i="1"/>
  <c r="AC77752" i="1"/>
  <c r="AC77753" i="1"/>
  <c r="AC77754" i="1"/>
  <c r="AC77755" i="1"/>
  <c r="AC77756" i="1"/>
  <c r="AC77757" i="1"/>
  <c r="AC77758" i="1"/>
  <c r="AC77759" i="1"/>
  <c r="AC77760" i="1"/>
  <c r="AC77761" i="1"/>
  <c r="AC77762" i="1"/>
  <c r="AC77763" i="1"/>
  <c r="AC77764" i="1"/>
  <c r="AC77765" i="1"/>
  <c r="AC77766" i="1"/>
  <c r="AC77767" i="1"/>
  <c r="AC77768" i="1"/>
  <c r="AC77769" i="1"/>
  <c r="AC77770" i="1"/>
  <c r="AC77771" i="1"/>
  <c r="AC77772" i="1"/>
  <c r="AC77773" i="1"/>
  <c r="AC77774" i="1"/>
  <c r="AC77775" i="1"/>
  <c r="AC77776" i="1"/>
  <c r="AC77777" i="1"/>
  <c r="AC77778" i="1"/>
  <c r="AC77779" i="1"/>
  <c r="AC77780" i="1"/>
  <c r="AC77781" i="1"/>
  <c r="AC77782" i="1"/>
  <c r="AC77783" i="1"/>
  <c r="AC77784" i="1"/>
  <c r="AC77785" i="1"/>
  <c r="AC77786" i="1"/>
  <c r="AC77787" i="1"/>
  <c r="AC77788" i="1"/>
  <c r="AC77789" i="1"/>
  <c r="AC77790" i="1"/>
  <c r="AC77791" i="1"/>
  <c r="AC77792" i="1"/>
  <c r="AC77793" i="1"/>
  <c r="AC77794" i="1"/>
  <c r="AC77795" i="1"/>
  <c r="AC77796" i="1"/>
  <c r="AC77797" i="1"/>
  <c r="AC77798" i="1"/>
  <c r="AC77799" i="1"/>
  <c r="AC77800" i="1"/>
  <c r="AC77801" i="1"/>
  <c r="AC77802" i="1"/>
  <c r="AC77803" i="1"/>
  <c r="AC77804" i="1"/>
  <c r="AC77805" i="1"/>
  <c r="AC77806" i="1"/>
  <c r="AC77807" i="1"/>
  <c r="AC77808" i="1"/>
  <c r="AC77809" i="1"/>
  <c r="AC77810" i="1"/>
  <c r="AC77811" i="1"/>
  <c r="AC77812" i="1"/>
  <c r="AC77813" i="1"/>
  <c r="AC77814" i="1"/>
  <c r="AC77815" i="1"/>
  <c r="AC77816" i="1"/>
  <c r="AC77817" i="1"/>
  <c r="AC77818" i="1"/>
  <c r="AC77819" i="1"/>
  <c r="AC77820" i="1"/>
  <c r="AC77821" i="1"/>
  <c r="AC77822" i="1"/>
  <c r="AC77823" i="1"/>
  <c r="AC77824" i="1"/>
  <c r="AC77825" i="1"/>
  <c r="AC77826" i="1"/>
  <c r="AC77827" i="1"/>
  <c r="AC77828" i="1"/>
  <c r="AC77829" i="1"/>
  <c r="AC77830" i="1"/>
  <c r="AC77831" i="1"/>
  <c r="AC77832" i="1"/>
  <c r="AC77833" i="1"/>
  <c r="AC77834" i="1"/>
  <c r="AC77835" i="1"/>
  <c r="AC77836" i="1"/>
  <c r="AC77837" i="1"/>
  <c r="AC77838" i="1"/>
  <c r="AC77839" i="1"/>
  <c r="AC77840" i="1"/>
  <c r="AC77841" i="1"/>
  <c r="AC77842" i="1"/>
  <c r="AC77843" i="1"/>
  <c r="AC77844" i="1"/>
  <c r="AC77845" i="1"/>
  <c r="AC77846" i="1"/>
  <c r="AC77847" i="1"/>
  <c r="AC77848" i="1"/>
  <c r="AC77849" i="1"/>
  <c r="AC77850" i="1"/>
  <c r="AC77851" i="1"/>
  <c r="AC77852" i="1"/>
  <c r="AC77853" i="1"/>
  <c r="AC77854" i="1"/>
  <c r="AC77855" i="1"/>
  <c r="AC77856" i="1"/>
  <c r="AC77857" i="1"/>
  <c r="AC77858" i="1"/>
  <c r="AC77859" i="1"/>
  <c r="AC77860" i="1"/>
  <c r="AC77861" i="1"/>
  <c r="AC77862" i="1"/>
  <c r="AC77863" i="1"/>
  <c r="AC77864" i="1"/>
  <c r="AC77865" i="1"/>
  <c r="AC77866" i="1"/>
  <c r="AC77867" i="1"/>
  <c r="AC77868" i="1"/>
  <c r="AC77869" i="1"/>
  <c r="AC77870" i="1"/>
  <c r="AC77871" i="1"/>
  <c r="AC77872" i="1"/>
  <c r="AC77873" i="1"/>
  <c r="AC77874" i="1"/>
  <c r="AC77875" i="1"/>
  <c r="AC77876" i="1"/>
  <c r="AC77877" i="1"/>
  <c r="AC77878" i="1"/>
  <c r="AC77879" i="1"/>
  <c r="AC77880" i="1"/>
  <c r="AC77881" i="1"/>
  <c r="AC77882" i="1"/>
  <c r="AC77883" i="1"/>
  <c r="AC77884" i="1"/>
  <c r="AC77885" i="1"/>
  <c r="AC77886" i="1"/>
  <c r="AC77887" i="1"/>
  <c r="AC77888" i="1"/>
  <c r="AC77889" i="1"/>
  <c r="AC77890" i="1"/>
  <c r="AC77891" i="1"/>
  <c r="AC77892" i="1"/>
  <c r="AC77893" i="1"/>
  <c r="AC77894" i="1"/>
  <c r="AC77895" i="1"/>
  <c r="AC77896" i="1"/>
  <c r="AC77897" i="1"/>
  <c r="AC77898" i="1"/>
  <c r="AC77899" i="1"/>
  <c r="AC77900" i="1"/>
  <c r="AC77901" i="1"/>
  <c r="AC77902" i="1"/>
  <c r="AC77903" i="1"/>
  <c r="AC77904" i="1"/>
  <c r="AC77905" i="1"/>
  <c r="AC77906" i="1"/>
  <c r="AC77907" i="1"/>
  <c r="AC77908" i="1"/>
  <c r="AC77909" i="1"/>
  <c r="AC77910" i="1"/>
  <c r="AC77911" i="1"/>
  <c r="AC77912" i="1"/>
  <c r="AC77913" i="1"/>
  <c r="AC77914" i="1"/>
  <c r="AC77915" i="1"/>
  <c r="AC77916" i="1"/>
  <c r="AC77917" i="1"/>
  <c r="AC77918" i="1"/>
  <c r="AC77919" i="1"/>
  <c r="AC77920" i="1"/>
  <c r="AC77921" i="1"/>
  <c r="AC77922" i="1"/>
  <c r="AC77923" i="1"/>
  <c r="AC77924" i="1"/>
  <c r="AC77925" i="1"/>
  <c r="AC77926" i="1"/>
  <c r="AC77927" i="1"/>
  <c r="AC77928" i="1"/>
  <c r="AC77929" i="1"/>
  <c r="AC77930" i="1"/>
  <c r="AC77931" i="1"/>
  <c r="AC77932" i="1"/>
  <c r="AC77933" i="1"/>
  <c r="AC77934" i="1"/>
  <c r="AC77935" i="1"/>
  <c r="AC77936" i="1"/>
  <c r="AC77937" i="1"/>
  <c r="AC77938" i="1"/>
  <c r="AC77939" i="1"/>
  <c r="AC77940" i="1"/>
  <c r="AC77941" i="1"/>
  <c r="AC77942" i="1"/>
  <c r="AC77943" i="1"/>
  <c r="AC77944" i="1"/>
  <c r="AC77945" i="1"/>
  <c r="AC77946" i="1"/>
  <c r="AC77947" i="1"/>
  <c r="AC77948" i="1"/>
  <c r="AC77949" i="1"/>
  <c r="AC77950" i="1"/>
  <c r="AC77951" i="1"/>
  <c r="AC77952" i="1"/>
  <c r="AC77953" i="1"/>
  <c r="AC77954" i="1"/>
  <c r="AC77955" i="1"/>
  <c r="AC77956" i="1"/>
  <c r="AC77957" i="1"/>
  <c r="AC77958" i="1"/>
  <c r="AC77959" i="1"/>
  <c r="AC77960" i="1"/>
  <c r="AC77961" i="1"/>
  <c r="AC77962" i="1"/>
  <c r="AC77963" i="1"/>
  <c r="AC77964" i="1"/>
  <c r="AC77965" i="1"/>
  <c r="AC77966" i="1"/>
  <c r="AC77967" i="1"/>
  <c r="AC77968" i="1"/>
  <c r="AC77969" i="1"/>
  <c r="AC77970" i="1"/>
  <c r="AC77971" i="1"/>
  <c r="AC77972" i="1"/>
  <c r="AC77973" i="1"/>
  <c r="AC77974" i="1"/>
  <c r="AC77975" i="1"/>
  <c r="AC77976" i="1"/>
  <c r="AC77977" i="1"/>
  <c r="AC77978" i="1"/>
  <c r="AC77979" i="1"/>
  <c r="AC77980" i="1"/>
  <c r="AC77981" i="1"/>
  <c r="AC77982" i="1"/>
  <c r="AC77983" i="1"/>
  <c r="AC77984" i="1"/>
  <c r="AC77985" i="1"/>
  <c r="AC77986" i="1"/>
  <c r="AC77987" i="1"/>
  <c r="AC77988" i="1"/>
  <c r="AC77989" i="1"/>
  <c r="AC77990" i="1"/>
  <c r="AC77991" i="1"/>
  <c r="AC77992" i="1"/>
  <c r="AC77993" i="1"/>
  <c r="AC77994" i="1"/>
  <c r="AC77995" i="1"/>
  <c r="AC77996" i="1"/>
  <c r="AC77997" i="1"/>
  <c r="AC77998" i="1"/>
  <c r="AC77999" i="1"/>
  <c r="AC78000" i="1"/>
  <c r="AC78001" i="1"/>
  <c r="AC78002" i="1"/>
  <c r="AC78003" i="1"/>
  <c r="AC78004" i="1"/>
  <c r="AC78005" i="1"/>
  <c r="AC78006" i="1"/>
  <c r="AC78007" i="1"/>
  <c r="AC78008" i="1"/>
  <c r="AC78009" i="1"/>
  <c r="AC78010" i="1"/>
  <c r="AC78011" i="1"/>
  <c r="AC78012" i="1"/>
  <c r="AC78013" i="1"/>
  <c r="AC78014" i="1"/>
  <c r="AC78015" i="1"/>
  <c r="AC78016" i="1"/>
  <c r="AC78017" i="1"/>
  <c r="AC78018" i="1"/>
  <c r="AC78019" i="1"/>
  <c r="AC78020" i="1"/>
  <c r="AC78021" i="1"/>
  <c r="AC78022" i="1"/>
  <c r="AC78023" i="1"/>
  <c r="AC78024" i="1"/>
  <c r="AC78025" i="1"/>
  <c r="AC78026" i="1"/>
  <c r="AC78027" i="1"/>
  <c r="AC78028" i="1"/>
  <c r="AC78029" i="1"/>
  <c r="AC78030" i="1"/>
  <c r="AC78031" i="1"/>
  <c r="AC78032" i="1"/>
  <c r="AC78033" i="1"/>
  <c r="AC78034" i="1"/>
  <c r="AC78035" i="1"/>
  <c r="AC78036" i="1"/>
  <c r="AC78037" i="1"/>
  <c r="AC78038" i="1"/>
  <c r="AC78039" i="1"/>
  <c r="AC78040" i="1"/>
  <c r="AC78041" i="1"/>
  <c r="AC78042" i="1"/>
  <c r="AC78043" i="1"/>
  <c r="AC78044" i="1"/>
  <c r="AC78045" i="1"/>
  <c r="AC78046" i="1"/>
  <c r="AC78047" i="1"/>
  <c r="AC78048" i="1"/>
  <c r="AC78049" i="1"/>
  <c r="AC78050" i="1"/>
  <c r="AC78051" i="1"/>
  <c r="AC78052" i="1"/>
  <c r="AC78053" i="1"/>
  <c r="AC78054" i="1"/>
  <c r="AC78055" i="1"/>
  <c r="AC78056" i="1"/>
  <c r="AC78057" i="1"/>
  <c r="AC78058" i="1"/>
  <c r="AC78059" i="1"/>
  <c r="AC78060" i="1"/>
  <c r="AC78061" i="1"/>
  <c r="AC78062" i="1"/>
  <c r="AC78063" i="1"/>
  <c r="AC78064" i="1"/>
  <c r="AC78065" i="1"/>
  <c r="AC78066" i="1"/>
  <c r="AC78067" i="1"/>
  <c r="AC78068" i="1"/>
  <c r="AC78069" i="1"/>
  <c r="AC78070" i="1"/>
  <c r="AC78071" i="1"/>
  <c r="AC78072" i="1"/>
  <c r="AC78073" i="1"/>
  <c r="AC78074" i="1"/>
  <c r="AC78075" i="1"/>
  <c r="AC78076" i="1"/>
  <c r="AC78077" i="1"/>
  <c r="AC78078" i="1"/>
  <c r="AC78079" i="1"/>
  <c r="AC78080" i="1"/>
  <c r="AC78081" i="1"/>
  <c r="AC78082" i="1"/>
  <c r="AC78083" i="1"/>
  <c r="AC78084" i="1"/>
  <c r="AC78085" i="1"/>
  <c r="AC78086" i="1"/>
  <c r="AC78087" i="1"/>
  <c r="AC78088" i="1"/>
  <c r="AC78089" i="1"/>
  <c r="AC78090" i="1"/>
  <c r="AC78091" i="1"/>
  <c r="AC78092" i="1"/>
  <c r="AC78093" i="1"/>
  <c r="AC78094" i="1"/>
  <c r="AC78095" i="1"/>
  <c r="AC78096" i="1"/>
  <c r="AC78097" i="1"/>
  <c r="AC78098" i="1"/>
  <c r="AC78099" i="1"/>
  <c r="AC78100" i="1"/>
  <c r="AC78101" i="1"/>
  <c r="AC78102" i="1"/>
  <c r="AC78103" i="1"/>
  <c r="AC78104" i="1"/>
  <c r="AC78105" i="1"/>
  <c r="AC78106" i="1"/>
  <c r="AC78107" i="1"/>
  <c r="AC78108" i="1"/>
  <c r="AC78109" i="1"/>
  <c r="AC78110" i="1"/>
  <c r="AC78111" i="1"/>
  <c r="AC78112" i="1"/>
  <c r="AC78113" i="1"/>
  <c r="AC78114" i="1"/>
  <c r="AC78115" i="1"/>
  <c r="AC78116" i="1"/>
  <c r="AC78117" i="1"/>
  <c r="AC78118" i="1"/>
  <c r="AC78119" i="1"/>
  <c r="AC78120" i="1"/>
  <c r="AC78121" i="1"/>
  <c r="AC78122" i="1"/>
  <c r="AC78123" i="1"/>
  <c r="AC78124" i="1"/>
  <c r="AC78125" i="1"/>
  <c r="AC78126" i="1"/>
  <c r="AC78127" i="1"/>
  <c r="AC78128" i="1"/>
  <c r="AC78129" i="1"/>
  <c r="AC78130" i="1"/>
  <c r="AC78131" i="1"/>
  <c r="AC78132" i="1"/>
  <c r="AC78133" i="1"/>
  <c r="AC78134" i="1"/>
  <c r="AC78135" i="1"/>
  <c r="AC78136" i="1"/>
  <c r="AC78137" i="1"/>
  <c r="AC78138" i="1"/>
  <c r="AC78139" i="1"/>
  <c r="AC78140" i="1"/>
  <c r="AC78141" i="1"/>
  <c r="AC78142" i="1"/>
  <c r="AC78143" i="1"/>
  <c r="AC78144" i="1"/>
  <c r="AC78145" i="1"/>
  <c r="AC78146" i="1"/>
  <c r="AC78147" i="1"/>
  <c r="AC78148" i="1"/>
  <c r="AC78149" i="1"/>
  <c r="AC78150" i="1"/>
  <c r="AC78151" i="1"/>
  <c r="AC78152" i="1"/>
  <c r="AC78153" i="1"/>
  <c r="AC78154" i="1"/>
  <c r="AC78155" i="1"/>
  <c r="AC78156" i="1"/>
  <c r="AC78157" i="1"/>
  <c r="AC78158" i="1"/>
  <c r="AC78159" i="1"/>
  <c r="AC78160" i="1"/>
  <c r="AC78161" i="1"/>
  <c r="AC78162" i="1"/>
  <c r="AC78163" i="1"/>
  <c r="AC78164" i="1"/>
  <c r="AC78165" i="1"/>
  <c r="AC78166" i="1"/>
  <c r="AC78167" i="1"/>
  <c r="AC78168" i="1"/>
  <c r="AC78169" i="1"/>
  <c r="AC78170" i="1"/>
  <c r="AC78171" i="1"/>
  <c r="AC78172" i="1"/>
  <c r="AC78173" i="1"/>
  <c r="AC78174" i="1"/>
  <c r="AC78175" i="1"/>
  <c r="AC78176" i="1"/>
  <c r="AC78177" i="1"/>
  <c r="AC78178" i="1"/>
  <c r="AC78179" i="1"/>
  <c r="AC78180" i="1"/>
  <c r="AC78181" i="1"/>
  <c r="AC78182" i="1"/>
  <c r="AC78183" i="1"/>
  <c r="AC78184" i="1"/>
  <c r="AC78185" i="1"/>
  <c r="AC78186" i="1"/>
  <c r="AC78187" i="1"/>
  <c r="AC78188" i="1"/>
  <c r="AC78189" i="1"/>
  <c r="AC78190" i="1"/>
  <c r="AC78191" i="1"/>
  <c r="AC78192" i="1"/>
  <c r="AC78193" i="1"/>
  <c r="AC78194" i="1"/>
  <c r="AC78195" i="1"/>
  <c r="AC78196" i="1"/>
  <c r="AC78197" i="1"/>
  <c r="AC78198" i="1"/>
  <c r="AC78199" i="1"/>
  <c r="AC78200" i="1"/>
  <c r="AC78201" i="1"/>
  <c r="AC78202" i="1"/>
  <c r="AC78203" i="1"/>
  <c r="AC78204" i="1"/>
  <c r="AC78205" i="1"/>
  <c r="AC78206" i="1"/>
  <c r="AC78207" i="1"/>
  <c r="AC78208" i="1"/>
  <c r="AC78209" i="1"/>
  <c r="AC78210" i="1"/>
  <c r="AC78211" i="1"/>
  <c r="AC78212" i="1"/>
  <c r="AC78213" i="1"/>
  <c r="AC78214" i="1"/>
  <c r="AC78215" i="1"/>
  <c r="AC78216" i="1"/>
  <c r="AC78217" i="1"/>
  <c r="AC78218" i="1"/>
  <c r="AC78219" i="1"/>
  <c r="AC78220" i="1"/>
  <c r="AC78221" i="1"/>
  <c r="AC78222" i="1"/>
  <c r="AC78223" i="1"/>
  <c r="AC78224" i="1"/>
  <c r="AC78225" i="1"/>
  <c r="AC78226" i="1"/>
  <c r="AC78227" i="1"/>
  <c r="AC78228" i="1"/>
  <c r="AC78229" i="1"/>
  <c r="AC78230" i="1"/>
  <c r="AC78231" i="1"/>
  <c r="AC78232" i="1"/>
  <c r="AC78233" i="1"/>
  <c r="AC78234" i="1"/>
  <c r="AC78235" i="1"/>
  <c r="AC78236" i="1"/>
  <c r="AC78237" i="1"/>
  <c r="AC78238" i="1"/>
  <c r="AC78239" i="1"/>
  <c r="AC78240" i="1"/>
  <c r="AC78241" i="1"/>
  <c r="AC78242" i="1"/>
  <c r="AC78243" i="1"/>
  <c r="AC78244" i="1"/>
  <c r="AC78245" i="1"/>
  <c r="AC78246" i="1"/>
  <c r="AC78247" i="1"/>
  <c r="AC78248" i="1"/>
  <c r="AC78249" i="1"/>
  <c r="AC78250" i="1"/>
  <c r="AC78251" i="1"/>
  <c r="AC78252" i="1"/>
  <c r="AC78253" i="1"/>
  <c r="AC78254" i="1"/>
  <c r="AC78255" i="1"/>
  <c r="AC78256" i="1"/>
  <c r="AC78257" i="1"/>
  <c r="AC78258" i="1"/>
  <c r="AC78259" i="1"/>
  <c r="AC78260" i="1"/>
  <c r="AC78261" i="1"/>
  <c r="AC78262" i="1"/>
  <c r="AC78263" i="1"/>
  <c r="AC78264" i="1"/>
  <c r="AC78265" i="1"/>
  <c r="AC78266" i="1"/>
  <c r="AC78267" i="1"/>
  <c r="AC78268" i="1"/>
  <c r="AC78269" i="1"/>
  <c r="AC78270" i="1"/>
  <c r="AC78271" i="1"/>
  <c r="AC78272" i="1"/>
  <c r="AC78273" i="1"/>
  <c r="AC78274" i="1"/>
  <c r="AC78275" i="1"/>
  <c r="AC78276" i="1"/>
  <c r="AC78277" i="1"/>
  <c r="AC78278" i="1"/>
  <c r="AC78279" i="1"/>
  <c r="AC78280" i="1"/>
  <c r="AC78281" i="1"/>
  <c r="AC78282" i="1"/>
  <c r="AC78283" i="1"/>
  <c r="AC78284" i="1"/>
  <c r="AC78285" i="1"/>
  <c r="AC78286" i="1"/>
  <c r="AC78287" i="1"/>
  <c r="AC78288" i="1"/>
  <c r="AC78289" i="1"/>
  <c r="AC78290" i="1"/>
  <c r="AC78291" i="1"/>
  <c r="AC78292" i="1"/>
  <c r="AC78293" i="1"/>
  <c r="AC78294" i="1"/>
  <c r="AC78295" i="1"/>
  <c r="AC78296" i="1"/>
  <c r="AC78297" i="1"/>
  <c r="AC78298" i="1"/>
  <c r="AC78299" i="1"/>
  <c r="AC78300" i="1"/>
  <c r="AC78301" i="1"/>
  <c r="AC78302" i="1"/>
  <c r="AC78303" i="1"/>
  <c r="AC78304" i="1"/>
  <c r="AC78305" i="1"/>
  <c r="AC78306" i="1"/>
  <c r="AC78307" i="1"/>
  <c r="AC78308" i="1"/>
  <c r="AC78309" i="1"/>
  <c r="AC78310" i="1"/>
  <c r="AC78311" i="1"/>
  <c r="AC78312" i="1"/>
  <c r="AC78313" i="1"/>
  <c r="AC78314" i="1"/>
  <c r="AC78315" i="1"/>
  <c r="AC78316" i="1"/>
  <c r="AC78317" i="1"/>
  <c r="AC78318" i="1"/>
  <c r="AC78319" i="1"/>
  <c r="AC78320" i="1"/>
  <c r="AC78321" i="1"/>
  <c r="AC78322" i="1"/>
  <c r="AC78323" i="1"/>
  <c r="AC78324" i="1"/>
  <c r="AC78325" i="1"/>
  <c r="AC78326" i="1"/>
  <c r="AC78327" i="1"/>
  <c r="AC78328" i="1"/>
  <c r="AC78329" i="1"/>
  <c r="AC78330" i="1"/>
  <c r="AC78331" i="1"/>
  <c r="AC78332" i="1"/>
  <c r="AC78333" i="1"/>
  <c r="AC78334" i="1"/>
  <c r="AC78335" i="1"/>
  <c r="AC78336" i="1"/>
  <c r="AC78337" i="1"/>
  <c r="AC78338" i="1"/>
  <c r="AC78339" i="1"/>
  <c r="AC78340" i="1"/>
  <c r="AC78341" i="1"/>
  <c r="AC78342" i="1"/>
  <c r="AC78343" i="1"/>
  <c r="AC78344" i="1"/>
  <c r="AC78345" i="1"/>
  <c r="AC78346" i="1"/>
  <c r="AC78347" i="1"/>
  <c r="AC78348" i="1"/>
  <c r="AC78349" i="1"/>
  <c r="AC78350" i="1"/>
  <c r="AC78351" i="1"/>
  <c r="AC78352" i="1"/>
  <c r="AC78353" i="1"/>
  <c r="AC78354" i="1"/>
  <c r="AC78355" i="1"/>
  <c r="AC78356" i="1"/>
  <c r="AC78357" i="1"/>
  <c r="AC78358" i="1"/>
  <c r="AC78359" i="1"/>
  <c r="AC78360" i="1"/>
  <c r="AC78361" i="1"/>
  <c r="AC78362" i="1"/>
  <c r="AC78363" i="1"/>
  <c r="AC78364" i="1"/>
  <c r="AC78365" i="1"/>
  <c r="AC78366" i="1"/>
  <c r="AC78367" i="1"/>
  <c r="AC78368" i="1"/>
  <c r="AC78369" i="1"/>
  <c r="AC78370" i="1"/>
  <c r="AC78371" i="1"/>
  <c r="AC78372" i="1"/>
  <c r="AC78373" i="1"/>
  <c r="AC78374" i="1"/>
  <c r="AC78375" i="1"/>
  <c r="AC78376" i="1"/>
  <c r="AC78377" i="1"/>
  <c r="AC78378" i="1"/>
  <c r="AC78379" i="1"/>
  <c r="AC78380" i="1"/>
  <c r="AC78381" i="1"/>
  <c r="AC78382" i="1"/>
  <c r="AC78383" i="1"/>
  <c r="AC78384" i="1"/>
  <c r="AC78385" i="1"/>
  <c r="AC78386" i="1"/>
  <c r="AC78387" i="1"/>
  <c r="AC78388" i="1"/>
  <c r="AC78389" i="1"/>
  <c r="AC78390" i="1"/>
  <c r="AC78391" i="1"/>
  <c r="AC78392" i="1"/>
  <c r="AC78393" i="1"/>
  <c r="AC78394" i="1"/>
  <c r="AC78395" i="1"/>
  <c r="AC78396" i="1"/>
  <c r="AC78397" i="1"/>
  <c r="AC78398" i="1"/>
  <c r="AC78399" i="1"/>
  <c r="AC78400" i="1"/>
  <c r="AC78401" i="1"/>
  <c r="AC78402" i="1"/>
  <c r="AC78403" i="1"/>
  <c r="AC78404" i="1"/>
  <c r="AC78405" i="1"/>
  <c r="AC78406" i="1"/>
  <c r="AC78407" i="1"/>
  <c r="AC78408" i="1"/>
  <c r="AC78409" i="1"/>
  <c r="AC78410" i="1"/>
  <c r="AC78411" i="1"/>
  <c r="AC78412" i="1"/>
  <c r="AC78413" i="1"/>
  <c r="AC78414" i="1"/>
  <c r="AC78415" i="1"/>
  <c r="AC78416" i="1"/>
  <c r="AC78417" i="1"/>
  <c r="AC78418" i="1"/>
  <c r="AC78419" i="1"/>
  <c r="AC78420" i="1"/>
  <c r="AC78421" i="1"/>
  <c r="AC78422" i="1"/>
  <c r="AC78423" i="1"/>
  <c r="AC78424" i="1"/>
  <c r="AC78425" i="1"/>
  <c r="AC78426" i="1"/>
  <c r="AC78427" i="1"/>
  <c r="AC78428" i="1"/>
  <c r="AC78429" i="1"/>
  <c r="AC78430" i="1"/>
  <c r="AC78431" i="1"/>
  <c r="AC78432" i="1"/>
  <c r="AC78433" i="1"/>
  <c r="AC78434" i="1"/>
  <c r="AC78435" i="1"/>
  <c r="AC78436" i="1"/>
  <c r="AC78437" i="1"/>
  <c r="AC78438" i="1"/>
  <c r="AC78439" i="1"/>
  <c r="AC78440" i="1"/>
  <c r="AC78441" i="1"/>
  <c r="AC78442" i="1"/>
  <c r="AC78443" i="1"/>
  <c r="AC78444" i="1"/>
  <c r="AC78445" i="1"/>
  <c r="AC78446" i="1"/>
  <c r="AC78447" i="1"/>
  <c r="AC78448" i="1"/>
  <c r="AC78449" i="1"/>
  <c r="AC78450" i="1"/>
  <c r="AC78451" i="1"/>
  <c r="AC78452" i="1"/>
  <c r="AC78453" i="1"/>
  <c r="AC78454" i="1"/>
  <c r="AC78455" i="1"/>
  <c r="AC78456" i="1"/>
  <c r="AC78457" i="1"/>
  <c r="AC78458" i="1"/>
  <c r="AC78459" i="1"/>
  <c r="AC78460" i="1"/>
  <c r="AC78461" i="1"/>
  <c r="AC78462" i="1"/>
  <c r="AC78463" i="1"/>
  <c r="AC78464" i="1"/>
  <c r="AC78465" i="1"/>
  <c r="AC78466" i="1"/>
  <c r="AC78467" i="1"/>
  <c r="AC78468" i="1"/>
  <c r="AC78469" i="1"/>
  <c r="AC78470" i="1"/>
  <c r="AC78471" i="1"/>
  <c r="AC78472" i="1"/>
  <c r="AC78473" i="1"/>
  <c r="AC78474" i="1"/>
  <c r="AC78475" i="1"/>
  <c r="AC78476" i="1"/>
  <c r="AC78477" i="1"/>
  <c r="AC78478" i="1"/>
  <c r="AC78479" i="1"/>
  <c r="AC78480" i="1"/>
  <c r="AC78481" i="1"/>
  <c r="AC78482" i="1"/>
  <c r="AC78483" i="1"/>
  <c r="AC78484" i="1"/>
  <c r="AC78485" i="1"/>
  <c r="AC78486" i="1"/>
  <c r="AC78487" i="1"/>
  <c r="AC78488" i="1"/>
  <c r="AC78489" i="1"/>
  <c r="AC78490" i="1"/>
  <c r="AC78491" i="1"/>
  <c r="AC78492" i="1"/>
  <c r="AC78493" i="1"/>
  <c r="AC78494" i="1"/>
  <c r="AC78495" i="1"/>
  <c r="AC78496" i="1"/>
  <c r="AC78497" i="1"/>
  <c r="AC78498" i="1"/>
  <c r="AC78499" i="1"/>
  <c r="AC78500" i="1"/>
  <c r="AC78501" i="1"/>
  <c r="AC78502" i="1"/>
  <c r="AC78503" i="1"/>
  <c r="AC78504" i="1"/>
  <c r="AC78505" i="1"/>
  <c r="AC78506" i="1"/>
  <c r="AC78507" i="1"/>
  <c r="AC78508" i="1"/>
  <c r="AC78509" i="1"/>
  <c r="AC78510" i="1"/>
  <c r="AC78511" i="1"/>
  <c r="AC78512" i="1"/>
  <c r="AC78513" i="1"/>
  <c r="AC78514" i="1"/>
  <c r="AC78515" i="1"/>
  <c r="AC78516" i="1"/>
  <c r="AC78517" i="1"/>
  <c r="AC78518" i="1"/>
  <c r="AC78519" i="1"/>
  <c r="AC78520" i="1"/>
  <c r="AC78521" i="1"/>
  <c r="AC78522" i="1"/>
  <c r="AC78523" i="1"/>
  <c r="AC78524" i="1"/>
  <c r="AC78525" i="1"/>
  <c r="AC78526" i="1"/>
  <c r="AC78527" i="1"/>
  <c r="AC78528" i="1"/>
  <c r="AC78529" i="1"/>
  <c r="AC78530" i="1"/>
  <c r="AC78531" i="1"/>
  <c r="AC78532" i="1"/>
  <c r="AC78533" i="1"/>
  <c r="AC78534" i="1"/>
  <c r="AC78535" i="1"/>
  <c r="AC78536" i="1"/>
  <c r="AC78537" i="1"/>
  <c r="AC78538" i="1"/>
  <c r="AC78539" i="1"/>
  <c r="AC78540" i="1"/>
  <c r="AC78541" i="1"/>
  <c r="AC78542" i="1"/>
  <c r="AC78543" i="1"/>
  <c r="AC78544" i="1"/>
  <c r="AC78545" i="1"/>
  <c r="AC78546" i="1"/>
  <c r="AC78547" i="1"/>
  <c r="AC78548" i="1"/>
  <c r="AC78549" i="1"/>
  <c r="AC78550" i="1"/>
  <c r="AC78551" i="1"/>
  <c r="AC78552" i="1"/>
  <c r="AC78553" i="1"/>
  <c r="AC78554" i="1"/>
  <c r="AC78555" i="1"/>
  <c r="AC78556" i="1"/>
  <c r="AC78557" i="1"/>
  <c r="AC78558" i="1"/>
  <c r="AC78559" i="1"/>
  <c r="AC78560" i="1"/>
  <c r="AC78561" i="1"/>
  <c r="AC78562" i="1"/>
  <c r="AC78563" i="1"/>
  <c r="AC78564" i="1"/>
  <c r="AC78565" i="1"/>
  <c r="AC78566" i="1"/>
  <c r="AC78567" i="1"/>
  <c r="AC78568" i="1"/>
  <c r="AC78569" i="1"/>
  <c r="AC78570" i="1"/>
  <c r="AC78571" i="1"/>
  <c r="AC78572" i="1"/>
  <c r="AC78573" i="1"/>
  <c r="AC78574" i="1"/>
  <c r="AC78575" i="1"/>
  <c r="AC78576" i="1"/>
  <c r="AC78577" i="1"/>
  <c r="AC78578" i="1"/>
  <c r="AC78579" i="1"/>
  <c r="AC78580" i="1"/>
  <c r="AC78581" i="1"/>
  <c r="AC78582" i="1"/>
  <c r="AC78583" i="1"/>
  <c r="AC78584" i="1"/>
  <c r="AC78585" i="1"/>
  <c r="AC78586" i="1"/>
  <c r="AC78587" i="1"/>
  <c r="AC78588" i="1"/>
  <c r="AC78589" i="1"/>
  <c r="AC78590" i="1"/>
  <c r="AC78591" i="1"/>
  <c r="AC78592" i="1"/>
  <c r="AC78593" i="1"/>
  <c r="AC78594" i="1"/>
  <c r="AC78595" i="1"/>
  <c r="AC78596" i="1"/>
  <c r="AC78597" i="1"/>
  <c r="AC78598" i="1"/>
  <c r="AC78599" i="1"/>
  <c r="AC78600" i="1"/>
  <c r="AC78601" i="1"/>
  <c r="AC78602" i="1"/>
  <c r="AC78603" i="1"/>
  <c r="AC78604" i="1"/>
  <c r="AC78605" i="1"/>
  <c r="AC78606" i="1"/>
  <c r="AC78607" i="1"/>
  <c r="AC78608" i="1"/>
  <c r="AC78609" i="1"/>
  <c r="AC78610" i="1"/>
  <c r="AC78611" i="1"/>
  <c r="AC78612" i="1"/>
  <c r="AC78613" i="1"/>
  <c r="AC78614" i="1"/>
  <c r="AC78615" i="1"/>
  <c r="AC78616" i="1"/>
  <c r="AC78617" i="1"/>
  <c r="AC78618" i="1"/>
  <c r="AC78619" i="1"/>
  <c r="AC78620" i="1"/>
  <c r="AC78621" i="1"/>
  <c r="AC78622" i="1"/>
  <c r="AC78623" i="1"/>
  <c r="AC78624" i="1"/>
  <c r="AC78625" i="1"/>
  <c r="AC78626" i="1"/>
  <c r="AC78627" i="1"/>
  <c r="AC78628" i="1"/>
  <c r="AC78629" i="1"/>
  <c r="AC78630" i="1"/>
  <c r="AC78631" i="1"/>
  <c r="AC78632" i="1"/>
  <c r="AC78633" i="1"/>
  <c r="AC78634" i="1"/>
  <c r="AC78635" i="1"/>
  <c r="AC78636" i="1"/>
  <c r="AC78637" i="1"/>
  <c r="AC78638" i="1"/>
  <c r="AC78639" i="1"/>
  <c r="AC78640" i="1"/>
  <c r="AC78641" i="1"/>
  <c r="AC78642" i="1"/>
  <c r="AC78643" i="1"/>
  <c r="AC78644" i="1"/>
  <c r="AC78645" i="1"/>
  <c r="AC78646" i="1"/>
  <c r="AC78647" i="1"/>
  <c r="AC78648" i="1"/>
  <c r="AC78649" i="1"/>
  <c r="AC78650" i="1"/>
  <c r="AC78651" i="1"/>
  <c r="AC78652" i="1"/>
  <c r="AC78653" i="1"/>
  <c r="AC78654" i="1"/>
  <c r="AC78655" i="1"/>
  <c r="AC78656" i="1"/>
  <c r="AC78657" i="1"/>
  <c r="AC78658" i="1"/>
  <c r="AC78659" i="1"/>
  <c r="AC78660" i="1"/>
  <c r="AC78661" i="1"/>
  <c r="AC78662" i="1"/>
  <c r="AC78663" i="1"/>
  <c r="AC78664" i="1"/>
  <c r="AC78665" i="1"/>
  <c r="AC78666" i="1"/>
  <c r="AC78667" i="1"/>
  <c r="AC78668" i="1"/>
  <c r="AC78669" i="1"/>
  <c r="AC78670" i="1"/>
  <c r="AC78671" i="1"/>
  <c r="AC78672" i="1"/>
  <c r="AC78673" i="1"/>
  <c r="AC78674" i="1"/>
  <c r="AC78675" i="1"/>
  <c r="AC78676" i="1"/>
  <c r="AC78677" i="1"/>
  <c r="AC78678" i="1"/>
  <c r="AC78679" i="1"/>
  <c r="AC78680" i="1"/>
  <c r="AC78681" i="1"/>
  <c r="AC78682" i="1"/>
  <c r="AC78683" i="1"/>
  <c r="AC78684" i="1"/>
  <c r="AC78685" i="1"/>
  <c r="AC78686" i="1"/>
  <c r="AC78687" i="1"/>
  <c r="AC78688" i="1"/>
  <c r="AC78689" i="1"/>
  <c r="AC78690" i="1"/>
  <c r="AC78691" i="1"/>
  <c r="AC78692" i="1"/>
  <c r="AC78693" i="1"/>
  <c r="AC78694" i="1"/>
  <c r="AC78695" i="1"/>
  <c r="AC78696" i="1"/>
  <c r="AC78697" i="1"/>
  <c r="AC78698" i="1"/>
  <c r="AC78699" i="1"/>
  <c r="AC78700" i="1"/>
  <c r="AC78701" i="1"/>
  <c r="AC78702" i="1"/>
  <c r="AC78703" i="1"/>
  <c r="AC78704" i="1"/>
  <c r="AC78705" i="1"/>
  <c r="AC78706" i="1"/>
  <c r="AC78707" i="1"/>
  <c r="AC78708" i="1"/>
  <c r="AC78709" i="1"/>
  <c r="AC78710" i="1"/>
  <c r="AC78711" i="1"/>
  <c r="AC78712" i="1"/>
  <c r="AC78713" i="1"/>
  <c r="AC78714" i="1"/>
  <c r="AC78715" i="1"/>
  <c r="AC78716" i="1"/>
  <c r="AC78717" i="1"/>
  <c r="AC78718" i="1"/>
  <c r="AC78719" i="1"/>
  <c r="AC78720" i="1"/>
  <c r="AC78721" i="1"/>
  <c r="AC78722" i="1"/>
  <c r="AC78723" i="1"/>
  <c r="AC78724" i="1"/>
  <c r="AC78725" i="1"/>
  <c r="AC78726" i="1"/>
  <c r="AC78727" i="1"/>
  <c r="AC78728" i="1"/>
  <c r="AC78729" i="1"/>
  <c r="AC78730" i="1"/>
  <c r="AC78731" i="1"/>
  <c r="AC78732" i="1"/>
  <c r="AC78733" i="1"/>
  <c r="AC78734" i="1"/>
  <c r="AC78735" i="1"/>
  <c r="AC78736" i="1"/>
  <c r="AC78737" i="1"/>
  <c r="AC78738" i="1"/>
  <c r="AC78739" i="1"/>
  <c r="AC78740" i="1"/>
  <c r="AC78741" i="1"/>
  <c r="AC78742" i="1"/>
  <c r="AC78743" i="1"/>
  <c r="AC78744" i="1"/>
  <c r="AC78745" i="1"/>
  <c r="AC78746" i="1"/>
  <c r="AC78747" i="1"/>
  <c r="AC78748" i="1"/>
  <c r="AC78749" i="1"/>
  <c r="AC78750" i="1"/>
  <c r="AC78751" i="1"/>
  <c r="AC78752" i="1"/>
  <c r="AC78753" i="1"/>
  <c r="AC78754" i="1"/>
  <c r="AC78755" i="1"/>
  <c r="AC78756" i="1"/>
  <c r="AC78757" i="1"/>
  <c r="AC78758" i="1"/>
  <c r="AC78759" i="1"/>
  <c r="AC78760" i="1"/>
  <c r="AC78761" i="1"/>
  <c r="AC78762" i="1"/>
  <c r="AC78763" i="1"/>
  <c r="AC78764" i="1"/>
  <c r="AC78765" i="1"/>
  <c r="AC78766" i="1"/>
  <c r="AC78767" i="1"/>
  <c r="AC78768" i="1"/>
  <c r="AC78769" i="1"/>
  <c r="AC78770" i="1"/>
  <c r="AC78771" i="1"/>
  <c r="AC78772" i="1"/>
  <c r="AC78773" i="1"/>
  <c r="AC78774" i="1"/>
  <c r="AC78775" i="1"/>
  <c r="AC78776" i="1"/>
  <c r="AC78777" i="1"/>
  <c r="AC78778" i="1"/>
  <c r="AC78779" i="1"/>
  <c r="AC78780" i="1"/>
  <c r="AC78781" i="1"/>
  <c r="AC78782" i="1"/>
  <c r="AC78783" i="1"/>
  <c r="AC78784" i="1"/>
  <c r="AC78785" i="1"/>
  <c r="AC78786" i="1"/>
  <c r="AC78787" i="1"/>
  <c r="AC78788" i="1"/>
  <c r="AC78789" i="1"/>
  <c r="AC78790" i="1"/>
  <c r="AC78791" i="1"/>
  <c r="AC78792" i="1"/>
  <c r="AC78793" i="1"/>
  <c r="AC78794" i="1"/>
  <c r="AC78795" i="1"/>
  <c r="AC78796" i="1"/>
  <c r="AC78797" i="1"/>
  <c r="AC78798" i="1"/>
  <c r="AC78799" i="1"/>
  <c r="AC78800" i="1"/>
  <c r="AC78801" i="1"/>
  <c r="AC78802" i="1"/>
  <c r="AC78803" i="1"/>
  <c r="AC78804" i="1"/>
  <c r="AC78805" i="1"/>
  <c r="AC78806" i="1"/>
  <c r="AC78807" i="1"/>
  <c r="AC78808" i="1"/>
  <c r="AC78809" i="1"/>
  <c r="AC78810" i="1"/>
  <c r="AC78811" i="1"/>
  <c r="AC78812" i="1"/>
  <c r="AC78813" i="1"/>
  <c r="AC78814" i="1"/>
  <c r="AC78815" i="1"/>
  <c r="AC78816" i="1"/>
  <c r="AC78817" i="1"/>
  <c r="AC78818" i="1"/>
  <c r="AC78819" i="1"/>
  <c r="AC78820" i="1"/>
  <c r="AC78821" i="1"/>
  <c r="AC78822" i="1"/>
  <c r="AC78823" i="1"/>
  <c r="AC78824" i="1"/>
  <c r="AC78825" i="1"/>
  <c r="AC78826" i="1"/>
  <c r="AC78827" i="1"/>
  <c r="AC78828" i="1"/>
  <c r="AC78829" i="1"/>
  <c r="AC78830" i="1"/>
  <c r="AC78831" i="1"/>
  <c r="AC78832" i="1"/>
  <c r="AC78833" i="1"/>
  <c r="AC78834" i="1"/>
  <c r="AC78835" i="1"/>
  <c r="AC78836" i="1"/>
  <c r="AC78837" i="1"/>
  <c r="AC78838" i="1"/>
  <c r="AC78839" i="1"/>
  <c r="AC78840" i="1"/>
  <c r="AC78841" i="1"/>
  <c r="AC78842" i="1"/>
  <c r="AC78843" i="1"/>
  <c r="AC78844" i="1"/>
  <c r="AC78845" i="1"/>
  <c r="AC78846" i="1"/>
  <c r="AC78847" i="1"/>
  <c r="AC78848" i="1"/>
  <c r="AC78849" i="1"/>
  <c r="AC78850" i="1"/>
  <c r="AC78851" i="1"/>
  <c r="AC78852" i="1"/>
  <c r="AC78853" i="1"/>
  <c r="AC78854" i="1"/>
  <c r="AC78855" i="1"/>
  <c r="AC78856" i="1"/>
  <c r="AC78857" i="1"/>
  <c r="AC78858" i="1"/>
  <c r="AC78859" i="1"/>
  <c r="AC78860" i="1"/>
  <c r="AC78861" i="1"/>
  <c r="AC78862" i="1"/>
  <c r="AC78863" i="1"/>
  <c r="AC78864" i="1"/>
  <c r="AC78865" i="1"/>
  <c r="AC78866" i="1"/>
  <c r="AC78867" i="1"/>
  <c r="AC78868" i="1"/>
  <c r="AC78869" i="1"/>
  <c r="AC78870" i="1"/>
  <c r="AC78871" i="1"/>
  <c r="AC78872" i="1"/>
  <c r="AC78873" i="1"/>
  <c r="AC78874" i="1"/>
  <c r="AC78875" i="1"/>
  <c r="AC78876" i="1"/>
  <c r="AC78877" i="1"/>
  <c r="AC78878" i="1"/>
  <c r="AC78879" i="1"/>
  <c r="AC78880" i="1"/>
  <c r="AC78881" i="1"/>
  <c r="AC78882" i="1"/>
  <c r="AC78883" i="1"/>
  <c r="AC78884" i="1"/>
  <c r="AC78885" i="1"/>
  <c r="AC78886" i="1"/>
  <c r="AC78887" i="1"/>
  <c r="AC78888" i="1"/>
  <c r="AC78889" i="1"/>
  <c r="AC78890" i="1"/>
  <c r="AC78891" i="1"/>
  <c r="AC78892" i="1"/>
  <c r="AC78893" i="1"/>
  <c r="AC78894" i="1"/>
  <c r="AC78895" i="1"/>
  <c r="AC78896" i="1"/>
  <c r="AC78897" i="1"/>
  <c r="AC78898" i="1"/>
  <c r="AC78899" i="1"/>
  <c r="AC78900" i="1"/>
  <c r="AC78901" i="1"/>
  <c r="AC78902" i="1"/>
  <c r="AC78903" i="1"/>
  <c r="AC78904" i="1"/>
  <c r="AC78905" i="1"/>
  <c r="AC78906" i="1"/>
  <c r="AC78907" i="1"/>
  <c r="AC78908" i="1"/>
  <c r="AC78909" i="1"/>
  <c r="AC78910" i="1"/>
  <c r="AC78911" i="1"/>
  <c r="AC78912" i="1"/>
  <c r="AC78913" i="1"/>
  <c r="AC78914" i="1"/>
  <c r="AC78915" i="1"/>
  <c r="AC78916" i="1"/>
  <c r="AC78917" i="1"/>
  <c r="AC78918" i="1"/>
  <c r="AC78919" i="1"/>
  <c r="AC78920" i="1"/>
  <c r="AC78921" i="1"/>
  <c r="AC78922" i="1"/>
  <c r="AC78923" i="1"/>
  <c r="AC78924" i="1"/>
  <c r="AC78925" i="1"/>
  <c r="AC78926" i="1"/>
  <c r="AC78927" i="1"/>
  <c r="AC78928" i="1"/>
  <c r="AC78929" i="1"/>
  <c r="AC78930" i="1"/>
  <c r="AC78931" i="1"/>
  <c r="AC78932" i="1"/>
  <c r="AC78933" i="1"/>
  <c r="AC78934" i="1"/>
  <c r="AC78935" i="1"/>
  <c r="AC78936" i="1"/>
  <c r="AC78937" i="1"/>
  <c r="AC78938" i="1"/>
  <c r="AC78939" i="1"/>
  <c r="AC78940" i="1"/>
  <c r="AC78941" i="1"/>
  <c r="AC78942" i="1"/>
  <c r="AC78943" i="1"/>
  <c r="AC78944" i="1"/>
  <c r="AC78945" i="1"/>
  <c r="AC78946" i="1"/>
  <c r="AC78947" i="1"/>
  <c r="AC78948" i="1"/>
  <c r="AC78949" i="1"/>
  <c r="AC78950" i="1"/>
  <c r="AC78951" i="1"/>
  <c r="AC78952" i="1"/>
  <c r="AC78953" i="1"/>
  <c r="AC78954" i="1"/>
  <c r="AC78955" i="1"/>
  <c r="AC78956" i="1"/>
  <c r="AC78957" i="1"/>
  <c r="AC78958" i="1"/>
  <c r="AC78959" i="1"/>
  <c r="AC78960" i="1"/>
  <c r="AC78961" i="1"/>
  <c r="AC78962" i="1"/>
  <c r="AC78963" i="1"/>
  <c r="AC78964" i="1"/>
  <c r="AC78965" i="1"/>
  <c r="AC78966" i="1"/>
  <c r="AC78967" i="1"/>
  <c r="AC78968" i="1"/>
  <c r="AC78969" i="1"/>
  <c r="AC78970" i="1"/>
  <c r="AC78971" i="1"/>
  <c r="AC78972" i="1"/>
  <c r="AC78973" i="1"/>
  <c r="AC78974" i="1"/>
  <c r="AC78975" i="1"/>
  <c r="AC78976" i="1"/>
  <c r="AC78977" i="1"/>
  <c r="AC78978" i="1"/>
  <c r="AC78979" i="1"/>
  <c r="AC78980" i="1"/>
  <c r="AC78981" i="1"/>
  <c r="AC78982" i="1"/>
  <c r="AC78983" i="1"/>
  <c r="AC78984" i="1"/>
  <c r="AC78985" i="1"/>
  <c r="AC78986" i="1"/>
  <c r="AC78987" i="1"/>
  <c r="AC78988" i="1"/>
  <c r="AC78989" i="1"/>
  <c r="AC78990" i="1"/>
  <c r="AC78991" i="1"/>
  <c r="AC78992" i="1"/>
  <c r="AC78993" i="1"/>
  <c r="AC78994" i="1"/>
  <c r="AC78995" i="1"/>
  <c r="AC78996" i="1"/>
  <c r="AC78997" i="1"/>
  <c r="AC78998" i="1"/>
  <c r="AC78999" i="1"/>
  <c r="AC79000" i="1"/>
  <c r="AC79001" i="1"/>
  <c r="AC79002" i="1"/>
  <c r="AC79003" i="1"/>
  <c r="AC79004" i="1"/>
  <c r="AC79005" i="1"/>
  <c r="AC79006" i="1"/>
  <c r="AC79007" i="1"/>
  <c r="AC79008" i="1"/>
  <c r="AC79009" i="1"/>
  <c r="AC79010" i="1"/>
  <c r="AC79011" i="1"/>
  <c r="AC79012" i="1"/>
  <c r="AC79013" i="1"/>
  <c r="AC79014" i="1"/>
  <c r="AC79015" i="1"/>
  <c r="AC79016" i="1"/>
  <c r="AC79017" i="1"/>
  <c r="AC79018" i="1"/>
  <c r="AC79019" i="1"/>
  <c r="AC79020" i="1"/>
  <c r="AC79021" i="1"/>
  <c r="AC79022" i="1"/>
  <c r="AC79023" i="1"/>
  <c r="AC79024" i="1"/>
  <c r="AC79025" i="1"/>
  <c r="AC79026" i="1"/>
  <c r="AC79027" i="1"/>
  <c r="AC79028" i="1"/>
  <c r="AC79029" i="1"/>
  <c r="AC79030" i="1"/>
  <c r="AC79031" i="1"/>
  <c r="AC79032" i="1"/>
  <c r="AC79033" i="1"/>
  <c r="AC79034" i="1"/>
  <c r="AC79035" i="1"/>
  <c r="AC79036" i="1"/>
  <c r="AC79037" i="1"/>
  <c r="AC79038" i="1"/>
  <c r="AC79039" i="1"/>
  <c r="AC79040" i="1"/>
  <c r="AC79041" i="1"/>
  <c r="AC79042" i="1"/>
  <c r="AC79043" i="1"/>
  <c r="AC79044" i="1"/>
  <c r="AC79045" i="1"/>
  <c r="AC79046" i="1"/>
  <c r="AC79047" i="1"/>
  <c r="AC79048" i="1"/>
  <c r="AC79049" i="1"/>
  <c r="AC79050" i="1"/>
  <c r="AC79051" i="1"/>
  <c r="AC79052" i="1"/>
  <c r="AC79053" i="1"/>
  <c r="AC79054" i="1"/>
  <c r="AC79055" i="1"/>
  <c r="AC79056" i="1"/>
  <c r="AC79057" i="1"/>
  <c r="AC79058" i="1"/>
  <c r="AC79059" i="1"/>
  <c r="AC79060" i="1"/>
  <c r="AC79061" i="1"/>
  <c r="AC79062" i="1"/>
  <c r="AC79063" i="1"/>
  <c r="AC79064" i="1"/>
  <c r="AC79065" i="1"/>
  <c r="AC79066" i="1"/>
  <c r="AC79067" i="1"/>
  <c r="AC79068" i="1"/>
  <c r="AC79069" i="1"/>
  <c r="AC79070" i="1"/>
  <c r="AC79071" i="1"/>
  <c r="AC79072" i="1"/>
  <c r="AC79073" i="1"/>
  <c r="AC79074" i="1"/>
  <c r="AC79075" i="1"/>
  <c r="AC79076" i="1"/>
  <c r="AC79077" i="1"/>
  <c r="AC79078" i="1"/>
  <c r="AC79079" i="1"/>
  <c r="AC79080" i="1"/>
  <c r="AC79081" i="1"/>
  <c r="AC79082" i="1"/>
  <c r="AC79083" i="1"/>
  <c r="AC79084" i="1"/>
  <c r="AC79085" i="1"/>
  <c r="AC79086" i="1"/>
  <c r="AC79087" i="1"/>
  <c r="AC79088" i="1"/>
  <c r="AC79089" i="1"/>
  <c r="AC79090" i="1"/>
  <c r="AC79091" i="1"/>
  <c r="AC79092" i="1"/>
  <c r="AC79093" i="1"/>
  <c r="AC79094" i="1"/>
  <c r="AC79095" i="1"/>
  <c r="AC79096" i="1"/>
  <c r="AC79097" i="1"/>
  <c r="AC79098" i="1"/>
  <c r="AC79099" i="1"/>
  <c r="AC79100" i="1"/>
  <c r="AC79101" i="1"/>
  <c r="AC79102" i="1"/>
  <c r="AC79103" i="1"/>
  <c r="AC79104" i="1"/>
  <c r="AC79105" i="1"/>
  <c r="AC79106" i="1"/>
  <c r="AC79107" i="1"/>
  <c r="AC79108" i="1"/>
  <c r="AC79109" i="1"/>
  <c r="AC79110" i="1"/>
  <c r="AC79111" i="1"/>
  <c r="AC79112" i="1"/>
  <c r="AC79113" i="1"/>
  <c r="AC79114" i="1"/>
  <c r="AC79115" i="1"/>
  <c r="AC79116" i="1"/>
  <c r="AC79117" i="1"/>
  <c r="AC79118" i="1"/>
  <c r="AC79119" i="1"/>
  <c r="AC79120" i="1"/>
  <c r="AC79121" i="1"/>
  <c r="AC79122" i="1"/>
  <c r="AC79123" i="1"/>
  <c r="AC79124" i="1"/>
  <c r="AC79125" i="1"/>
  <c r="AC79126" i="1"/>
  <c r="AC79127" i="1"/>
  <c r="AC79128" i="1"/>
  <c r="AC79129" i="1"/>
  <c r="AC79130" i="1"/>
  <c r="AC79131" i="1"/>
  <c r="AC79132" i="1"/>
  <c r="AC79133" i="1"/>
  <c r="AC79134" i="1"/>
  <c r="AC79135" i="1"/>
  <c r="AC79136" i="1"/>
  <c r="AC79137" i="1"/>
  <c r="AC79138" i="1"/>
  <c r="AC79139" i="1"/>
  <c r="AC79140" i="1"/>
  <c r="AC79141" i="1"/>
  <c r="AC79142" i="1"/>
  <c r="AC79143" i="1"/>
  <c r="AC79144" i="1"/>
  <c r="AC79145" i="1"/>
  <c r="AC79146" i="1"/>
  <c r="AC79147" i="1"/>
  <c r="AC79148" i="1"/>
  <c r="AC79149" i="1"/>
  <c r="AC79150" i="1"/>
  <c r="AC79151" i="1"/>
  <c r="AC79152" i="1"/>
  <c r="AC79153" i="1"/>
  <c r="AC79154" i="1"/>
  <c r="AC79155" i="1"/>
  <c r="AC79156" i="1"/>
  <c r="AC79157" i="1"/>
  <c r="AC79158" i="1"/>
  <c r="AC79159" i="1"/>
  <c r="AC79160" i="1"/>
  <c r="AC79161" i="1"/>
  <c r="AC79162" i="1"/>
  <c r="AC79163" i="1"/>
  <c r="AC79164" i="1"/>
  <c r="AC79165" i="1"/>
  <c r="AC79166" i="1"/>
  <c r="AC79167" i="1"/>
  <c r="AC79168" i="1"/>
  <c r="AC79169" i="1"/>
  <c r="AC79170" i="1"/>
  <c r="AC79171" i="1"/>
  <c r="AC79172" i="1"/>
  <c r="AC79173" i="1"/>
  <c r="AC79174" i="1"/>
  <c r="AC79175" i="1"/>
  <c r="AC79176" i="1"/>
  <c r="AC79177" i="1"/>
  <c r="AC79178" i="1"/>
  <c r="AC79179" i="1"/>
  <c r="AC79180" i="1"/>
  <c r="AC79181" i="1"/>
  <c r="AC79182" i="1"/>
  <c r="AC79183" i="1"/>
  <c r="AC79184" i="1"/>
  <c r="AC79185" i="1"/>
  <c r="AC79186" i="1"/>
  <c r="AC79187" i="1"/>
  <c r="AC79188" i="1"/>
  <c r="AC79189" i="1"/>
  <c r="AC79190" i="1"/>
  <c r="AC79191" i="1"/>
  <c r="AC79192" i="1"/>
  <c r="AC79193" i="1"/>
  <c r="AC79194" i="1"/>
  <c r="AC79195" i="1"/>
  <c r="AC79196" i="1"/>
  <c r="AC79197" i="1"/>
  <c r="AC79198" i="1"/>
  <c r="AC79199" i="1"/>
  <c r="AC79200" i="1"/>
  <c r="AC79201" i="1"/>
  <c r="AC79202" i="1"/>
  <c r="AC79203" i="1"/>
  <c r="AC79204" i="1"/>
  <c r="AC79205" i="1"/>
  <c r="AC79206" i="1"/>
  <c r="AC79207" i="1"/>
  <c r="AC79208" i="1"/>
  <c r="AC79209" i="1"/>
  <c r="AC79210" i="1"/>
  <c r="AC79211" i="1"/>
  <c r="AC79212" i="1"/>
  <c r="AC79213" i="1"/>
  <c r="AC79214" i="1"/>
  <c r="AC79215" i="1"/>
  <c r="AC79216" i="1"/>
  <c r="AC79217" i="1"/>
  <c r="AC79218" i="1"/>
  <c r="AC79219" i="1"/>
  <c r="AC79220" i="1"/>
  <c r="AC79221" i="1"/>
  <c r="AC79222" i="1"/>
  <c r="AC79223" i="1"/>
  <c r="AC79224" i="1"/>
  <c r="AC79225" i="1"/>
  <c r="AC79226" i="1"/>
  <c r="AC79227" i="1"/>
  <c r="AC79228" i="1"/>
  <c r="AC79229" i="1"/>
  <c r="AC79230" i="1"/>
  <c r="AC79231" i="1"/>
  <c r="AC79232" i="1"/>
  <c r="AC79233" i="1"/>
  <c r="AC79234" i="1"/>
  <c r="AC79235" i="1"/>
  <c r="AC79236" i="1"/>
  <c r="AC79237" i="1"/>
  <c r="AC79238" i="1"/>
  <c r="AC79239" i="1"/>
  <c r="AC79240" i="1"/>
  <c r="AC79241" i="1"/>
  <c r="AC79242" i="1"/>
  <c r="AC79243" i="1"/>
  <c r="AC79244" i="1"/>
  <c r="AC79245" i="1"/>
  <c r="AC79246" i="1"/>
  <c r="AC79247" i="1"/>
  <c r="AC79248" i="1"/>
  <c r="AC79249" i="1"/>
  <c r="AC79250" i="1"/>
  <c r="AC79251" i="1"/>
  <c r="AC79252" i="1"/>
  <c r="AC79253" i="1"/>
  <c r="AC79254" i="1"/>
  <c r="AC79255" i="1"/>
  <c r="AC79256" i="1"/>
  <c r="AC79257" i="1"/>
  <c r="AC79258" i="1"/>
  <c r="AC79259" i="1"/>
  <c r="AC79260" i="1"/>
  <c r="AC79261" i="1"/>
  <c r="AC79262" i="1"/>
  <c r="AC79263" i="1"/>
  <c r="AC79264" i="1"/>
  <c r="AC79265" i="1"/>
  <c r="AC79266" i="1"/>
  <c r="AC79267" i="1"/>
  <c r="AC79268" i="1"/>
  <c r="AC79269" i="1"/>
  <c r="AC79270" i="1"/>
  <c r="AC79271" i="1"/>
  <c r="AC79272" i="1"/>
  <c r="AC79273" i="1"/>
  <c r="AC79274" i="1"/>
  <c r="AC79275" i="1"/>
  <c r="AC79276" i="1"/>
  <c r="AC79277" i="1"/>
  <c r="AC79278" i="1"/>
  <c r="AC79279" i="1"/>
  <c r="AC79280" i="1"/>
  <c r="AC79281" i="1"/>
  <c r="AC79282" i="1"/>
  <c r="AC79283" i="1"/>
  <c r="AC79284" i="1"/>
  <c r="AC79285" i="1"/>
  <c r="AC79286" i="1"/>
  <c r="AC79287" i="1"/>
  <c r="AC79288" i="1"/>
  <c r="AC79289" i="1"/>
  <c r="AC79290" i="1"/>
  <c r="AC79291" i="1"/>
  <c r="AC79292" i="1"/>
  <c r="AC79293" i="1"/>
  <c r="AC79294" i="1"/>
  <c r="AC79295" i="1"/>
  <c r="AC79296" i="1"/>
  <c r="AC79297" i="1"/>
  <c r="AC79298" i="1"/>
  <c r="AC79299" i="1"/>
  <c r="AC79300" i="1"/>
  <c r="AC79301" i="1"/>
  <c r="AC79302" i="1"/>
  <c r="AC79303" i="1"/>
  <c r="AC79304" i="1"/>
  <c r="AC79305" i="1"/>
  <c r="AC79306" i="1"/>
  <c r="AC79307" i="1"/>
  <c r="AC79308" i="1"/>
  <c r="AC79309" i="1"/>
  <c r="AC79310" i="1"/>
  <c r="AC79311" i="1"/>
  <c r="AC79312" i="1"/>
  <c r="AC79313" i="1"/>
  <c r="AC79314" i="1"/>
  <c r="AC79315" i="1"/>
  <c r="AC79316" i="1"/>
  <c r="AC79317" i="1"/>
  <c r="AC79318" i="1"/>
  <c r="AC79319" i="1"/>
  <c r="AC79320" i="1"/>
  <c r="AC79321" i="1"/>
  <c r="AC79322" i="1"/>
  <c r="AC79323" i="1"/>
  <c r="AC79324" i="1"/>
  <c r="AC79325" i="1"/>
  <c r="AC79326" i="1"/>
  <c r="AC79327" i="1"/>
  <c r="AC79328" i="1"/>
  <c r="AC79329" i="1"/>
  <c r="AC79330" i="1"/>
  <c r="AC79331" i="1"/>
  <c r="AC79332" i="1"/>
  <c r="AC79333" i="1"/>
  <c r="AC79334" i="1"/>
  <c r="AC79335" i="1"/>
  <c r="AC79336" i="1"/>
  <c r="AC79337" i="1"/>
  <c r="AC79338" i="1"/>
  <c r="AC79339" i="1"/>
  <c r="AC79340" i="1"/>
  <c r="AC79341" i="1"/>
  <c r="AC79342" i="1"/>
  <c r="AC79343" i="1"/>
  <c r="AC79344" i="1"/>
  <c r="AC79345" i="1"/>
  <c r="AC79346" i="1"/>
  <c r="AC79347" i="1"/>
  <c r="AC79348" i="1"/>
  <c r="AC79349" i="1"/>
  <c r="AC79350" i="1"/>
  <c r="AC79351" i="1"/>
  <c r="AC79352" i="1"/>
  <c r="AC79353" i="1"/>
  <c r="AC79354" i="1"/>
  <c r="AC79355" i="1"/>
  <c r="AC79356" i="1"/>
  <c r="AC79357" i="1"/>
  <c r="AC79358" i="1"/>
  <c r="AC79359" i="1"/>
  <c r="AC79360" i="1"/>
  <c r="AC79361" i="1"/>
  <c r="AC79362" i="1"/>
  <c r="AC79363" i="1"/>
  <c r="AC79364" i="1"/>
  <c r="AC79365" i="1"/>
  <c r="AC79366" i="1"/>
  <c r="AC79367" i="1"/>
  <c r="AC79368" i="1"/>
  <c r="AC79369" i="1"/>
  <c r="AC79370" i="1"/>
  <c r="AC79371" i="1"/>
  <c r="AC79372" i="1"/>
  <c r="AC79373" i="1"/>
  <c r="AC79374" i="1"/>
  <c r="AC79375" i="1"/>
  <c r="AC79376" i="1"/>
  <c r="AC79377" i="1"/>
  <c r="AC79378" i="1"/>
  <c r="AC79379" i="1"/>
  <c r="AC79380" i="1"/>
  <c r="AC79381" i="1"/>
  <c r="AC79382" i="1"/>
  <c r="AC79383" i="1"/>
  <c r="AC79384" i="1"/>
  <c r="AC79385" i="1"/>
  <c r="AC79386" i="1"/>
  <c r="AC79387" i="1"/>
  <c r="AC79388" i="1"/>
  <c r="AC79389" i="1"/>
  <c r="AC79390" i="1"/>
  <c r="AC79391" i="1"/>
  <c r="AC79392" i="1"/>
  <c r="AC79393" i="1"/>
  <c r="AC79394" i="1"/>
  <c r="AC79395" i="1"/>
  <c r="AC79396" i="1"/>
  <c r="AC79397" i="1"/>
  <c r="AC79398" i="1"/>
  <c r="AC79399" i="1"/>
  <c r="AC79400" i="1"/>
  <c r="AC79401" i="1"/>
  <c r="AC79402" i="1"/>
  <c r="AC79403" i="1"/>
  <c r="AC79404" i="1"/>
  <c r="AC79405" i="1"/>
  <c r="AC79406" i="1"/>
  <c r="AC79407" i="1"/>
  <c r="AC79408" i="1"/>
  <c r="AC79409" i="1"/>
  <c r="AC79410" i="1"/>
  <c r="AC79411" i="1"/>
  <c r="AC79412" i="1"/>
  <c r="AC79413" i="1"/>
  <c r="AC79414" i="1"/>
  <c r="AC79415" i="1"/>
  <c r="AC79416" i="1"/>
  <c r="AC79417" i="1"/>
  <c r="AC79418" i="1"/>
  <c r="AC79419" i="1"/>
  <c r="AC79420" i="1"/>
  <c r="AC79421" i="1"/>
  <c r="AC79422" i="1"/>
  <c r="AC79423" i="1"/>
  <c r="AC79424" i="1"/>
  <c r="AC79425" i="1"/>
  <c r="AC79426" i="1"/>
  <c r="AC79427" i="1"/>
  <c r="AC79428" i="1"/>
  <c r="AC79429" i="1"/>
  <c r="AC79430" i="1"/>
  <c r="AC79431" i="1"/>
  <c r="AC79432" i="1"/>
  <c r="AC79433" i="1"/>
  <c r="AC79434" i="1"/>
  <c r="AC79435" i="1"/>
  <c r="AC79436" i="1"/>
  <c r="AC79437" i="1"/>
  <c r="AC79438" i="1"/>
  <c r="AC79439" i="1"/>
  <c r="AC79440" i="1"/>
  <c r="AC79441" i="1"/>
  <c r="AC79442" i="1"/>
  <c r="AC79443" i="1"/>
  <c r="AC79444" i="1"/>
  <c r="AC79445" i="1"/>
  <c r="AC79446" i="1"/>
  <c r="AC79447" i="1"/>
  <c r="AC79448" i="1"/>
  <c r="AC79449" i="1"/>
  <c r="AC79450" i="1"/>
  <c r="AC79451" i="1"/>
  <c r="AC79452" i="1"/>
  <c r="AC79453" i="1"/>
  <c r="AC79454" i="1"/>
  <c r="AC79455" i="1"/>
  <c r="AC79456" i="1"/>
  <c r="AC79457" i="1"/>
  <c r="AC79458" i="1"/>
  <c r="AC79459" i="1"/>
  <c r="AC79460" i="1"/>
  <c r="AC79461" i="1"/>
  <c r="AC79462" i="1"/>
  <c r="AC79463" i="1"/>
  <c r="AC79464" i="1"/>
  <c r="AC79465" i="1"/>
  <c r="AC79466" i="1"/>
  <c r="AC79467" i="1"/>
  <c r="AC79468" i="1"/>
  <c r="AC79469" i="1"/>
  <c r="AC79470" i="1"/>
  <c r="AC79471" i="1"/>
  <c r="AC79472" i="1"/>
  <c r="AC79473" i="1"/>
  <c r="AC79474" i="1"/>
  <c r="AC79475" i="1"/>
  <c r="AC79476" i="1"/>
  <c r="AC79477" i="1"/>
  <c r="AC79478" i="1"/>
  <c r="AC79479" i="1"/>
  <c r="AC79480" i="1"/>
  <c r="AC79481" i="1"/>
  <c r="AC79482" i="1"/>
  <c r="AC79483" i="1"/>
  <c r="AC79484" i="1"/>
  <c r="AC79485" i="1"/>
  <c r="AC79486" i="1"/>
  <c r="AC79487" i="1"/>
  <c r="AC79488" i="1"/>
  <c r="AC79489" i="1"/>
  <c r="AC79490" i="1"/>
  <c r="AC79491" i="1"/>
  <c r="AC79492" i="1"/>
  <c r="AC79493" i="1"/>
  <c r="AC79494" i="1"/>
  <c r="AC79495" i="1"/>
  <c r="AC79496" i="1"/>
  <c r="AC79497" i="1"/>
  <c r="AC79498" i="1"/>
  <c r="AC79499" i="1"/>
  <c r="AC79500" i="1"/>
  <c r="AC79501" i="1"/>
  <c r="AC79502" i="1"/>
  <c r="AC79503" i="1"/>
  <c r="AC79504" i="1"/>
  <c r="AC79505" i="1"/>
  <c r="AC79506" i="1"/>
  <c r="AC79507" i="1"/>
  <c r="AC79508" i="1"/>
  <c r="AC79509" i="1"/>
  <c r="AC79510" i="1"/>
  <c r="AC79511" i="1"/>
  <c r="AC79512" i="1"/>
  <c r="AC79513" i="1"/>
  <c r="AC79514" i="1"/>
  <c r="AC79515" i="1"/>
  <c r="AC79516" i="1"/>
  <c r="AC79517" i="1"/>
  <c r="AC79518" i="1"/>
  <c r="AC79519" i="1"/>
  <c r="AC79520" i="1"/>
  <c r="AC79521" i="1"/>
  <c r="AC79522" i="1"/>
  <c r="AC79523" i="1"/>
  <c r="AC79524" i="1"/>
  <c r="AC79525" i="1"/>
  <c r="AC79526" i="1"/>
  <c r="AC79527" i="1"/>
  <c r="AC79528" i="1"/>
  <c r="AC79529" i="1"/>
  <c r="AC79530" i="1"/>
  <c r="AC79531" i="1"/>
  <c r="AC79532" i="1"/>
  <c r="AC79533" i="1"/>
  <c r="AC79534" i="1"/>
  <c r="AC79535" i="1"/>
  <c r="AC79536" i="1"/>
  <c r="AC79537" i="1"/>
  <c r="AC79538" i="1"/>
  <c r="AC79539" i="1"/>
  <c r="AC79540" i="1"/>
  <c r="AC79541" i="1"/>
  <c r="AC79542" i="1"/>
  <c r="AC79543" i="1"/>
  <c r="AC79544" i="1"/>
  <c r="AC79545" i="1"/>
  <c r="AC79546" i="1"/>
  <c r="AC79547" i="1"/>
  <c r="AC79548" i="1"/>
  <c r="AC79549" i="1"/>
  <c r="AC79550" i="1"/>
  <c r="AC79551" i="1"/>
  <c r="AC79552" i="1"/>
  <c r="AC79553" i="1"/>
  <c r="AC79554" i="1"/>
  <c r="AC79555" i="1"/>
  <c r="AC79556" i="1"/>
  <c r="AC79557" i="1"/>
  <c r="AC79558" i="1"/>
  <c r="AC79559" i="1"/>
  <c r="AC79560" i="1"/>
  <c r="AC79561" i="1"/>
  <c r="AC79562" i="1"/>
  <c r="AC79563" i="1"/>
  <c r="AC79564" i="1"/>
  <c r="AC79565" i="1"/>
  <c r="AC79566" i="1"/>
  <c r="AC79567" i="1"/>
  <c r="AC79568" i="1"/>
  <c r="AC79569" i="1"/>
  <c r="AC79570" i="1"/>
  <c r="AC79571" i="1"/>
  <c r="AC79572" i="1"/>
  <c r="AC79573" i="1"/>
  <c r="AC79574" i="1"/>
  <c r="AC79575" i="1"/>
  <c r="AC79576" i="1"/>
  <c r="AC79577" i="1"/>
  <c r="AC79578" i="1"/>
  <c r="AC79579" i="1"/>
  <c r="AC79580" i="1"/>
  <c r="AC79581" i="1"/>
  <c r="AC79582" i="1"/>
  <c r="AC79583" i="1"/>
  <c r="AC79584" i="1"/>
  <c r="AC79585" i="1"/>
  <c r="AC79586" i="1"/>
  <c r="AC79587" i="1"/>
  <c r="AC79588" i="1"/>
  <c r="AC79589" i="1"/>
  <c r="AC79590" i="1"/>
  <c r="AC79591" i="1"/>
  <c r="AC79592" i="1"/>
  <c r="AC79593" i="1"/>
  <c r="AC79594" i="1"/>
  <c r="AC79595" i="1"/>
  <c r="AC79596" i="1"/>
  <c r="AC79597" i="1"/>
  <c r="AC79598" i="1"/>
  <c r="AC79599" i="1"/>
  <c r="AC79600" i="1"/>
  <c r="AC79601" i="1"/>
  <c r="AC79602" i="1"/>
  <c r="AC79603" i="1"/>
  <c r="AC79604" i="1"/>
  <c r="AC79605" i="1"/>
  <c r="AC79606" i="1"/>
  <c r="AC79607" i="1"/>
  <c r="AC79608" i="1"/>
  <c r="AC79609" i="1"/>
  <c r="AC79610" i="1"/>
  <c r="AC79611" i="1"/>
  <c r="AC79612" i="1"/>
  <c r="AC79613" i="1"/>
  <c r="AC79614" i="1"/>
  <c r="AC79615" i="1"/>
  <c r="AC79616" i="1"/>
  <c r="AC79617" i="1"/>
  <c r="AC79618" i="1"/>
  <c r="AC79619" i="1"/>
  <c r="AC79620" i="1"/>
  <c r="AC79621" i="1"/>
  <c r="AC79622" i="1"/>
  <c r="AC79623" i="1"/>
  <c r="AC79624" i="1"/>
  <c r="AC79625" i="1"/>
  <c r="AC79626" i="1"/>
  <c r="AC79627" i="1"/>
  <c r="AC79628" i="1"/>
  <c r="AC79629" i="1"/>
  <c r="AC79630" i="1"/>
  <c r="AC79631" i="1"/>
  <c r="AC79632" i="1"/>
  <c r="AC79633" i="1"/>
  <c r="AC79634" i="1"/>
  <c r="AC79635" i="1"/>
  <c r="AC79636" i="1"/>
  <c r="AC79637" i="1"/>
  <c r="AC79638" i="1"/>
  <c r="AC79639" i="1"/>
  <c r="AC79640" i="1"/>
  <c r="AC79641" i="1"/>
  <c r="AC79642" i="1"/>
  <c r="AC79643" i="1"/>
  <c r="AC79644" i="1"/>
  <c r="AC79645" i="1"/>
  <c r="AC79646" i="1"/>
  <c r="AC79647" i="1"/>
  <c r="AC79648" i="1"/>
  <c r="AC79649" i="1"/>
  <c r="AC79650" i="1"/>
  <c r="AC79651" i="1"/>
  <c r="AC79652" i="1"/>
  <c r="AC79653" i="1"/>
  <c r="AC79654" i="1"/>
  <c r="AC79655" i="1"/>
  <c r="AC79656" i="1"/>
  <c r="AC79657" i="1"/>
  <c r="AC79658" i="1"/>
  <c r="AC79659" i="1"/>
  <c r="AC79660" i="1"/>
  <c r="AC79661" i="1"/>
  <c r="AC79662" i="1"/>
  <c r="AC79663" i="1"/>
  <c r="AC79664" i="1"/>
  <c r="AC79665" i="1"/>
  <c r="AC79666" i="1"/>
  <c r="AC79667" i="1"/>
  <c r="AC79668" i="1"/>
  <c r="AC79669" i="1"/>
  <c r="AC79670" i="1"/>
  <c r="AC79671" i="1"/>
  <c r="AC79672" i="1"/>
  <c r="AC79673" i="1"/>
  <c r="AC79674" i="1"/>
  <c r="AC79675" i="1"/>
  <c r="AC79676" i="1"/>
  <c r="AC79677" i="1"/>
  <c r="AC79678" i="1"/>
  <c r="AC79679" i="1"/>
  <c r="AC79680" i="1"/>
  <c r="AC79681" i="1"/>
  <c r="AC79682" i="1"/>
  <c r="AC79683" i="1"/>
  <c r="AC79684" i="1"/>
  <c r="AC79685" i="1"/>
  <c r="AC79686" i="1"/>
  <c r="AC79687" i="1"/>
  <c r="AC79688" i="1"/>
  <c r="AC79689" i="1"/>
  <c r="AC79690" i="1"/>
  <c r="AC79691" i="1"/>
  <c r="AC79692" i="1"/>
  <c r="AC79693" i="1"/>
  <c r="AC79694" i="1"/>
  <c r="AC79695" i="1"/>
  <c r="AC79696" i="1"/>
  <c r="AC79697" i="1"/>
  <c r="AC79698" i="1"/>
  <c r="AC79699" i="1"/>
  <c r="AC79700" i="1"/>
  <c r="AC79701" i="1"/>
  <c r="AC79702" i="1"/>
  <c r="AC79703" i="1"/>
  <c r="AC79704" i="1"/>
  <c r="AC79705" i="1"/>
  <c r="AC79706" i="1"/>
  <c r="AC79707" i="1"/>
  <c r="AC79708" i="1"/>
  <c r="AC79709" i="1"/>
  <c r="AC79710" i="1"/>
  <c r="AC79711" i="1"/>
  <c r="AC79712" i="1"/>
  <c r="AC79713" i="1"/>
  <c r="AC79714" i="1"/>
  <c r="AC79715" i="1"/>
  <c r="AC79716" i="1"/>
  <c r="AC79717" i="1"/>
  <c r="AC79718" i="1"/>
  <c r="AC79719" i="1"/>
  <c r="AC79720" i="1"/>
  <c r="AC79721" i="1"/>
  <c r="AC79722" i="1"/>
  <c r="AC79723" i="1"/>
  <c r="AC79724" i="1"/>
  <c r="AC79725" i="1"/>
  <c r="AC79726" i="1"/>
  <c r="AC79727" i="1"/>
  <c r="AC79728" i="1"/>
  <c r="AC79729" i="1"/>
  <c r="AC79730" i="1"/>
  <c r="AC79731" i="1"/>
  <c r="AC79732" i="1"/>
  <c r="AC79733" i="1"/>
  <c r="AC79734" i="1"/>
  <c r="AC79735" i="1"/>
  <c r="AC79736" i="1"/>
  <c r="AC79737" i="1"/>
  <c r="AC79738" i="1"/>
  <c r="AC79739" i="1"/>
  <c r="AC79740" i="1"/>
  <c r="AC79741" i="1"/>
  <c r="AC79742" i="1"/>
  <c r="AC79743" i="1"/>
  <c r="AC79744" i="1"/>
  <c r="AC79745" i="1"/>
  <c r="AC79746" i="1"/>
  <c r="AC79747" i="1"/>
  <c r="AC79748" i="1"/>
  <c r="AC79749" i="1"/>
  <c r="AC79750" i="1"/>
  <c r="AC79751" i="1"/>
  <c r="AC79752" i="1"/>
  <c r="AC79753" i="1"/>
  <c r="AC79754" i="1"/>
  <c r="AC79755" i="1"/>
  <c r="AC79756" i="1"/>
  <c r="AC79757" i="1"/>
  <c r="AC79758" i="1"/>
  <c r="AC79759" i="1"/>
  <c r="AC79760" i="1"/>
  <c r="AC79761" i="1"/>
  <c r="AC79762" i="1"/>
  <c r="AC79763" i="1"/>
  <c r="AC79764" i="1"/>
  <c r="AC79765" i="1"/>
  <c r="AC79766" i="1"/>
  <c r="AC79767" i="1"/>
  <c r="AC79768" i="1"/>
  <c r="AC79769" i="1"/>
  <c r="AC79770" i="1"/>
  <c r="AC79771" i="1"/>
  <c r="AC79772" i="1"/>
  <c r="AC79773" i="1"/>
  <c r="AC79774" i="1"/>
  <c r="AC79775" i="1"/>
  <c r="AC79776" i="1"/>
  <c r="AC79777" i="1"/>
  <c r="AC79778" i="1"/>
  <c r="AC79779" i="1"/>
  <c r="AC79780" i="1"/>
  <c r="AC79781" i="1"/>
  <c r="AC79782" i="1"/>
  <c r="AC79783" i="1"/>
  <c r="AC79784" i="1"/>
  <c r="AC79785" i="1"/>
  <c r="AC79786" i="1"/>
  <c r="AC79787" i="1"/>
  <c r="AC79788" i="1"/>
  <c r="AC79789" i="1"/>
  <c r="AC79790" i="1"/>
  <c r="AC79791" i="1"/>
  <c r="AC79792" i="1"/>
  <c r="AC79793" i="1"/>
  <c r="AC79794" i="1"/>
  <c r="AC79795" i="1"/>
  <c r="AC79796" i="1"/>
  <c r="AC79797" i="1"/>
  <c r="AC79798" i="1"/>
  <c r="AC79799" i="1"/>
  <c r="AC79800" i="1"/>
  <c r="AC79801" i="1"/>
  <c r="AC79802" i="1"/>
  <c r="AC79803" i="1"/>
  <c r="AC79804" i="1"/>
  <c r="AC79805" i="1"/>
  <c r="AC79806" i="1"/>
  <c r="AC79807" i="1"/>
  <c r="AC79808" i="1"/>
  <c r="AC79809" i="1"/>
  <c r="AC79810" i="1"/>
  <c r="AC79811" i="1"/>
  <c r="AC79812" i="1"/>
  <c r="AC79813" i="1"/>
  <c r="AC79814" i="1"/>
  <c r="AC79815" i="1"/>
  <c r="AC79816" i="1"/>
  <c r="AC79817" i="1"/>
  <c r="AC79818" i="1"/>
  <c r="AC79819" i="1"/>
  <c r="AC79820" i="1"/>
  <c r="AC79821" i="1"/>
  <c r="AC79822" i="1"/>
  <c r="AC79823" i="1"/>
  <c r="AC79824" i="1"/>
  <c r="AC79825" i="1"/>
  <c r="AC79826" i="1"/>
  <c r="AC79827" i="1"/>
  <c r="AC79828" i="1"/>
  <c r="AC79829" i="1"/>
  <c r="AC79830" i="1"/>
  <c r="AC79831" i="1"/>
  <c r="AC79832" i="1"/>
  <c r="AC79833" i="1"/>
  <c r="AC79834" i="1"/>
  <c r="AC79835" i="1"/>
  <c r="AC79836" i="1"/>
  <c r="AC79837" i="1"/>
  <c r="AC79838" i="1"/>
  <c r="AC79839" i="1"/>
  <c r="AC79840" i="1"/>
  <c r="AC79841" i="1"/>
  <c r="AC79842" i="1"/>
  <c r="AC79843" i="1"/>
  <c r="AC79844" i="1"/>
  <c r="AC79845" i="1"/>
  <c r="AC79846" i="1"/>
  <c r="AC79847" i="1"/>
  <c r="AC79848" i="1"/>
  <c r="AC79849" i="1"/>
  <c r="AC79850" i="1"/>
  <c r="AC79851" i="1"/>
  <c r="AC79852" i="1"/>
  <c r="AC79853" i="1"/>
  <c r="AC79854" i="1"/>
  <c r="AC79855" i="1"/>
  <c r="AC79856" i="1"/>
  <c r="AC79857" i="1"/>
  <c r="AC79858" i="1"/>
  <c r="AC79859" i="1"/>
  <c r="AC79860" i="1"/>
  <c r="AC79861" i="1"/>
  <c r="AC79862" i="1"/>
  <c r="AC79863" i="1"/>
  <c r="AC79864" i="1"/>
  <c r="AC79865" i="1"/>
  <c r="AC79866" i="1"/>
  <c r="AC79867" i="1"/>
  <c r="AC79868" i="1"/>
  <c r="AC79869" i="1"/>
  <c r="AC79870" i="1"/>
  <c r="AC79871" i="1"/>
  <c r="AC79872" i="1"/>
  <c r="AC79873" i="1"/>
  <c r="AC79874" i="1"/>
  <c r="AC79875" i="1"/>
  <c r="AC79876" i="1"/>
  <c r="AC79877" i="1"/>
  <c r="AC79878" i="1"/>
  <c r="AC79879" i="1"/>
  <c r="AC79880" i="1"/>
  <c r="AC79881" i="1"/>
  <c r="AC79882" i="1"/>
  <c r="AC79883" i="1"/>
  <c r="AC79884" i="1"/>
  <c r="AC79885" i="1"/>
  <c r="AC79886" i="1"/>
  <c r="AC79887" i="1"/>
  <c r="AC79888" i="1"/>
  <c r="AC79889" i="1"/>
  <c r="AC79890" i="1"/>
  <c r="AC79891" i="1"/>
  <c r="AC79892" i="1"/>
  <c r="AC79893" i="1"/>
  <c r="AC79894" i="1"/>
  <c r="AC79895" i="1"/>
  <c r="AC79896" i="1"/>
  <c r="AC79897" i="1"/>
  <c r="AC79898" i="1"/>
  <c r="AC79899" i="1"/>
  <c r="AC79900" i="1"/>
  <c r="AC79901" i="1"/>
  <c r="AC79902" i="1"/>
  <c r="AC79903" i="1"/>
  <c r="AC79904" i="1"/>
  <c r="AC79905" i="1"/>
  <c r="AC79906" i="1"/>
  <c r="AC79907" i="1"/>
  <c r="AC79908" i="1"/>
  <c r="AC79909" i="1"/>
  <c r="AC79910" i="1"/>
  <c r="AC79911" i="1"/>
  <c r="AC79912" i="1"/>
  <c r="AC79913" i="1"/>
  <c r="AC79914" i="1"/>
  <c r="AC79915" i="1"/>
  <c r="AC79916" i="1"/>
  <c r="AC79917" i="1"/>
  <c r="AC79918" i="1"/>
  <c r="AC79919" i="1"/>
  <c r="AC79920" i="1"/>
  <c r="AC79921" i="1"/>
  <c r="AC79922" i="1"/>
  <c r="AC79923" i="1"/>
  <c r="AC79924" i="1"/>
  <c r="AC79925" i="1"/>
  <c r="AC79926" i="1"/>
  <c r="AC79927" i="1"/>
  <c r="AC79928" i="1"/>
  <c r="AC79929" i="1"/>
  <c r="AC79930" i="1"/>
  <c r="AC79931" i="1"/>
  <c r="AC79932" i="1"/>
  <c r="AC79933" i="1"/>
  <c r="AC79934" i="1"/>
  <c r="AC79935" i="1"/>
  <c r="AC79936" i="1"/>
  <c r="AC79937" i="1"/>
  <c r="AC79938" i="1"/>
  <c r="AC79939" i="1"/>
  <c r="AC79940" i="1"/>
  <c r="AC79941" i="1"/>
  <c r="AC79942" i="1"/>
  <c r="AC79943" i="1"/>
  <c r="AC79944" i="1"/>
  <c r="AC79945" i="1"/>
  <c r="AC79946" i="1"/>
  <c r="AC79947" i="1"/>
  <c r="AC79948" i="1"/>
  <c r="AC79949" i="1"/>
  <c r="AC79950" i="1"/>
  <c r="AC79951" i="1"/>
  <c r="AC79952" i="1"/>
  <c r="AC79953" i="1"/>
  <c r="AC79954" i="1"/>
  <c r="AC79955" i="1"/>
  <c r="AC79956" i="1"/>
  <c r="AC79957" i="1"/>
  <c r="AC79958" i="1"/>
  <c r="AC79959" i="1"/>
  <c r="AC79960" i="1"/>
  <c r="AC79961" i="1"/>
  <c r="AC79962" i="1"/>
  <c r="AC79963" i="1"/>
  <c r="AC79964" i="1"/>
  <c r="AC79965" i="1"/>
  <c r="AC79966" i="1"/>
  <c r="AC79967" i="1"/>
  <c r="AC79968" i="1"/>
  <c r="AC79969" i="1"/>
  <c r="AC79970" i="1"/>
  <c r="AC79971" i="1"/>
  <c r="AC79972" i="1"/>
  <c r="AC79973" i="1"/>
  <c r="AC79974" i="1"/>
  <c r="AC79975" i="1"/>
  <c r="AC79976" i="1"/>
  <c r="AC79977" i="1"/>
  <c r="AC79978" i="1"/>
  <c r="AC79979" i="1"/>
  <c r="AC79980" i="1"/>
  <c r="AC79981" i="1"/>
  <c r="AC79982" i="1"/>
  <c r="AC79983" i="1"/>
  <c r="AC79984" i="1"/>
  <c r="AC79985" i="1"/>
  <c r="AC79986" i="1"/>
  <c r="AC79987" i="1"/>
  <c r="AC79988" i="1"/>
  <c r="AC79989" i="1"/>
  <c r="AC79990" i="1"/>
  <c r="AC79991" i="1"/>
  <c r="AC79992" i="1"/>
  <c r="AC79993" i="1"/>
  <c r="AC79994" i="1"/>
  <c r="AC79995" i="1"/>
  <c r="AC79996" i="1"/>
  <c r="AC79997" i="1"/>
  <c r="AC79998" i="1"/>
  <c r="AC79999" i="1"/>
  <c r="AC80000" i="1"/>
  <c r="AC80001" i="1"/>
  <c r="AC80002" i="1"/>
  <c r="AC80003" i="1"/>
  <c r="AC80004" i="1"/>
  <c r="AC80005" i="1"/>
  <c r="AC80006" i="1"/>
  <c r="AC80007" i="1"/>
  <c r="AC80008" i="1"/>
  <c r="AC80009" i="1"/>
  <c r="AC80010" i="1"/>
  <c r="AC80011" i="1"/>
  <c r="AC80012" i="1"/>
  <c r="AC80013" i="1"/>
  <c r="AC80014" i="1"/>
  <c r="AC80015" i="1"/>
  <c r="AC80016" i="1"/>
  <c r="AC80017" i="1"/>
  <c r="AC80018" i="1"/>
  <c r="AC80019" i="1"/>
  <c r="AC80020" i="1"/>
  <c r="AC80021" i="1"/>
  <c r="AC80022" i="1"/>
  <c r="AC80023" i="1"/>
  <c r="AC80024" i="1"/>
  <c r="AC80025" i="1"/>
  <c r="AC80026" i="1"/>
  <c r="AC80027" i="1"/>
  <c r="AC80028" i="1"/>
  <c r="AC80029" i="1"/>
  <c r="AC80030" i="1"/>
  <c r="AC80031" i="1"/>
  <c r="AC80032" i="1"/>
  <c r="AC80033" i="1"/>
  <c r="AC80034" i="1"/>
  <c r="AC80035" i="1"/>
  <c r="AC80036" i="1"/>
  <c r="AC80037" i="1"/>
  <c r="AC80038" i="1"/>
  <c r="AC80039" i="1"/>
  <c r="AC80040" i="1"/>
  <c r="AC80041" i="1"/>
  <c r="AC80042" i="1"/>
  <c r="AC80043" i="1"/>
  <c r="AC80044" i="1"/>
  <c r="AC80045" i="1"/>
  <c r="AC80046" i="1"/>
  <c r="AC80047" i="1"/>
  <c r="AC80048" i="1"/>
  <c r="AC80049" i="1"/>
  <c r="AC80050" i="1"/>
  <c r="AC80051" i="1"/>
  <c r="AC80052" i="1"/>
  <c r="AC80053" i="1"/>
  <c r="AC80054" i="1"/>
  <c r="AC80055" i="1"/>
  <c r="AC80056" i="1"/>
  <c r="AC80057" i="1"/>
  <c r="AC80058" i="1"/>
  <c r="AC80059" i="1"/>
  <c r="AC80060" i="1"/>
  <c r="AC80061" i="1"/>
  <c r="AC80062" i="1"/>
  <c r="AC80063" i="1"/>
  <c r="AC80064" i="1"/>
  <c r="AC80065" i="1"/>
  <c r="AC80066" i="1"/>
  <c r="AC80067" i="1"/>
  <c r="AC80068" i="1"/>
  <c r="AC80069" i="1"/>
  <c r="AC80070" i="1"/>
  <c r="AC80071" i="1"/>
  <c r="AC80072" i="1"/>
  <c r="AC80073" i="1"/>
  <c r="AC80074" i="1"/>
  <c r="AC80075" i="1"/>
  <c r="AC80076" i="1"/>
  <c r="AC80077" i="1"/>
  <c r="AC80078" i="1"/>
  <c r="AC80079" i="1"/>
  <c r="AC80080" i="1"/>
  <c r="AC80081" i="1"/>
  <c r="AC80082" i="1"/>
  <c r="AC80083" i="1"/>
  <c r="AC80084" i="1"/>
  <c r="AC80085" i="1"/>
  <c r="AC80086" i="1"/>
  <c r="AC80087" i="1"/>
  <c r="AC80088" i="1"/>
  <c r="AC80089" i="1"/>
  <c r="AC80090" i="1"/>
  <c r="AC80091" i="1"/>
  <c r="AC80092" i="1"/>
  <c r="AC80093" i="1"/>
  <c r="AC80094" i="1"/>
  <c r="AC80095" i="1"/>
  <c r="AC80096" i="1"/>
  <c r="AC80097" i="1"/>
  <c r="AC80098" i="1"/>
  <c r="AC80099" i="1"/>
  <c r="AC80100" i="1"/>
  <c r="AC80101" i="1"/>
  <c r="AC80102" i="1"/>
  <c r="AC80103" i="1"/>
  <c r="AC80104" i="1"/>
  <c r="AC80105" i="1"/>
  <c r="AC80106" i="1"/>
  <c r="AC80107" i="1"/>
  <c r="AC80108" i="1"/>
  <c r="AC80109" i="1"/>
  <c r="AC80110" i="1"/>
  <c r="AC80111" i="1"/>
  <c r="AC80112" i="1"/>
  <c r="AC80113" i="1"/>
  <c r="AC80114" i="1"/>
  <c r="AC80115" i="1"/>
  <c r="AC80116" i="1"/>
  <c r="AC80117" i="1"/>
  <c r="AC80118" i="1"/>
  <c r="AC80119" i="1"/>
  <c r="AC80120" i="1"/>
  <c r="AC80121" i="1"/>
  <c r="AC80122" i="1"/>
  <c r="AC80123" i="1"/>
  <c r="AC80124" i="1"/>
  <c r="AC80125" i="1"/>
  <c r="AC80126" i="1"/>
  <c r="AC80127" i="1"/>
  <c r="AC80128" i="1"/>
  <c r="AC80129" i="1"/>
  <c r="AC80130" i="1"/>
  <c r="AC80131" i="1"/>
  <c r="AC80132" i="1"/>
  <c r="AC80133" i="1"/>
  <c r="AC80134" i="1"/>
  <c r="AC80135" i="1"/>
  <c r="AC80136" i="1"/>
  <c r="AC80137" i="1"/>
  <c r="AC80138" i="1"/>
  <c r="AC80139" i="1"/>
  <c r="AC80140" i="1"/>
  <c r="AC80141" i="1"/>
  <c r="AC80142" i="1"/>
  <c r="AC80143" i="1"/>
  <c r="AC80144" i="1"/>
  <c r="AC80145" i="1"/>
  <c r="AC80146" i="1"/>
  <c r="AC80147" i="1"/>
  <c r="AC80148" i="1"/>
  <c r="AC80149" i="1"/>
  <c r="AC80150" i="1"/>
  <c r="AC80151" i="1"/>
  <c r="AC80152" i="1"/>
  <c r="AC80153" i="1"/>
  <c r="AC80154" i="1"/>
  <c r="AC80155" i="1"/>
  <c r="AC80156" i="1"/>
  <c r="AC80157" i="1"/>
  <c r="AC80158" i="1"/>
  <c r="AC80159" i="1"/>
  <c r="AC80160" i="1"/>
  <c r="AC80161" i="1"/>
  <c r="AC80162" i="1"/>
  <c r="AC80163" i="1"/>
  <c r="AC80164" i="1"/>
  <c r="AC80165" i="1"/>
  <c r="AC80166" i="1"/>
  <c r="AC80167" i="1"/>
  <c r="AC80168" i="1"/>
  <c r="AC80169" i="1"/>
  <c r="AC80170" i="1"/>
  <c r="AC80171" i="1"/>
  <c r="AC80172" i="1"/>
  <c r="AC80173" i="1"/>
  <c r="AC80174" i="1"/>
  <c r="AC80175" i="1"/>
  <c r="AC80176" i="1"/>
  <c r="AC80177" i="1"/>
  <c r="AC80178" i="1"/>
  <c r="AC80179" i="1"/>
  <c r="AC80180" i="1"/>
  <c r="AC80181" i="1"/>
  <c r="AC80182" i="1"/>
  <c r="AC80183" i="1"/>
  <c r="AC80184" i="1"/>
  <c r="AC80185" i="1"/>
  <c r="AC80186" i="1"/>
  <c r="AC80187" i="1"/>
  <c r="AC80188" i="1"/>
  <c r="AC80189" i="1"/>
  <c r="AC80190" i="1"/>
  <c r="AC80191" i="1"/>
  <c r="AC80192" i="1"/>
  <c r="AC80193" i="1"/>
  <c r="AC80194" i="1"/>
  <c r="AC80195" i="1"/>
  <c r="AC80196" i="1"/>
  <c r="AC80197" i="1"/>
  <c r="AC80198" i="1"/>
  <c r="AC80199" i="1"/>
  <c r="AC80200" i="1"/>
  <c r="AC80201" i="1"/>
  <c r="AC80202" i="1"/>
  <c r="AC80203" i="1"/>
  <c r="AC80204" i="1"/>
  <c r="AC80205" i="1"/>
  <c r="AC80206" i="1"/>
  <c r="AC80207" i="1"/>
  <c r="AC80208" i="1"/>
  <c r="AC80209" i="1"/>
  <c r="AC80210" i="1"/>
  <c r="AC80211" i="1"/>
  <c r="AC80212" i="1"/>
  <c r="AC80213" i="1"/>
  <c r="AC80214" i="1"/>
  <c r="AC80215" i="1"/>
  <c r="AC80216" i="1"/>
  <c r="AC80217" i="1"/>
  <c r="AC80218" i="1"/>
  <c r="AC80219" i="1"/>
  <c r="AC80220" i="1"/>
  <c r="AC80221" i="1"/>
  <c r="AC80222" i="1"/>
  <c r="AC80223" i="1"/>
  <c r="AC80224" i="1"/>
  <c r="AC80225" i="1"/>
  <c r="AC80226" i="1"/>
  <c r="AC80227" i="1"/>
  <c r="AC80228" i="1"/>
  <c r="AC80229" i="1"/>
  <c r="AC80230" i="1"/>
  <c r="AC80231" i="1"/>
  <c r="AC80232" i="1"/>
  <c r="AC80233" i="1"/>
  <c r="AC80234" i="1"/>
  <c r="AC80235" i="1"/>
  <c r="AC80236" i="1"/>
  <c r="AC80237" i="1"/>
  <c r="AC80238" i="1"/>
  <c r="AC80239" i="1"/>
  <c r="AC80240" i="1"/>
  <c r="AC80241" i="1"/>
  <c r="AC80242" i="1"/>
  <c r="AC80243" i="1"/>
  <c r="AC80244" i="1"/>
  <c r="AC80245" i="1"/>
  <c r="AC80246" i="1"/>
  <c r="AC80247" i="1"/>
  <c r="AC80248" i="1"/>
  <c r="AC80249" i="1"/>
  <c r="AC80250" i="1"/>
  <c r="AC80251" i="1"/>
  <c r="AC80252" i="1"/>
  <c r="AC80253" i="1"/>
  <c r="AC80254" i="1"/>
  <c r="AC80255" i="1"/>
  <c r="AC80256" i="1"/>
  <c r="AC80257" i="1"/>
  <c r="AC80258" i="1"/>
  <c r="AC80259" i="1"/>
  <c r="AC80260" i="1"/>
  <c r="AC80261" i="1"/>
  <c r="AC80262" i="1"/>
  <c r="AC80263" i="1"/>
  <c r="AC80264" i="1"/>
  <c r="AC80265" i="1"/>
  <c r="AC80266" i="1"/>
  <c r="AC80267" i="1"/>
  <c r="AC80268" i="1"/>
  <c r="AC80269" i="1"/>
  <c r="AC80270" i="1"/>
  <c r="AC80271" i="1"/>
  <c r="AC80272" i="1"/>
  <c r="AC80273" i="1"/>
  <c r="AC80274" i="1"/>
  <c r="AC80275" i="1"/>
  <c r="AC80276" i="1"/>
  <c r="AC80277" i="1"/>
  <c r="AC80278" i="1"/>
  <c r="AC80279" i="1"/>
  <c r="AC80280" i="1"/>
  <c r="AC80281" i="1"/>
  <c r="AC80282" i="1"/>
  <c r="AC80283" i="1"/>
  <c r="AC80284" i="1"/>
  <c r="AC80285" i="1"/>
  <c r="AC80286" i="1"/>
  <c r="AC80287" i="1"/>
  <c r="AC80288" i="1"/>
  <c r="AC80289" i="1"/>
  <c r="AC80290" i="1"/>
  <c r="AC80291" i="1"/>
  <c r="AC80292" i="1"/>
  <c r="AC80293" i="1"/>
  <c r="AC80294" i="1"/>
  <c r="AC80295" i="1"/>
  <c r="AC80296" i="1"/>
  <c r="AC80297" i="1"/>
  <c r="AC80298" i="1"/>
  <c r="AC80299" i="1"/>
  <c r="AC80300" i="1"/>
  <c r="AC80301" i="1"/>
  <c r="AC80302" i="1"/>
  <c r="AC80303" i="1"/>
  <c r="AC80304" i="1"/>
  <c r="AC80305" i="1"/>
  <c r="AC80306" i="1"/>
  <c r="AC80307" i="1"/>
  <c r="AC80308" i="1"/>
  <c r="AC80309" i="1"/>
  <c r="AC80310" i="1"/>
  <c r="AC80311" i="1"/>
  <c r="AC80312" i="1"/>
  <c r="AC80313" i="1"/>
  <c r="AC80314" i="1"/>
  <c r="AC80315" i="1"/>
  <c r="AC80316" i="1"/>
  <c r="AC80317" i="1"/>
  <c r="AC80318" i="1"/>
  <c r="AC80319" i="1"/>
  <c r="AC80320" i="1"/>
  <c r="AC80321" i="1"/>
  <c r="AC80322" i="1"/>
  <c r="AC80323" i="1"/>
  <c r="AC80324" i="1"/>
  <c r="AC80325" i="1"/>
  <c r="AC80326" i="1"/>
  <c r="AC80327" i="1"/>
  <c r="AC80328" i="1"/>
  <c r="AC80329" i="1"/>
  <c r="AC80330" i="1"/>
  <c r="AC80331" i="1"/>
  <c r="AC80332" i="1"/>
  <c r="AC80333" i="1"/>
  <c r="AC80334" i="1"/>
  <c r="AC80335" i="1"/>
  <c r="AC80336" i="1"/>
  <c r="AC80337" i="1"/>
  <c r="AC80338" i="1"/>
  <c r="AC80339" i="1"/>
  <c r="AC80340" i="1"/>
  <c r="AC80341" i="1"/>
  <c r="AC80342" i="1"/>
  <c r="AC80343" i="1"/>
  <c r="AC80344" i="1"/>
  <c r="AC80345" i="1"/>
  <c r="AC80346" i="1"/>
  <c r="AC80347" i="1"/>
  <c r="AC80348" i="1"/>
  <c r="AC80349" i="1"/>
  <c r="AC80350" i="1"/>
  <c r="AC80351" i="1"/>
  <c r="AC80352" i="1"/>
  <c r="AC80353" i="1"/>
  <c r="AC80354" i="1"/>
  <c r="AC80355" i="1"/>
  <c r="AC80356" i="1"/>
  <c r="AC80357" i="1"/>
  <c r="AC80358" i="1"/>
  <c r="AC80359" i="1"/>
  <c r="AC80360" i="1"/>
  <c r="AC80361" i="1"/>
  <c r="AC80362" i="1"/>
  <c r="AC80363" i="1"/>
  <c r="AC80364" i="1"/>
  <c r="AC80365" i="1"/>
  <c r="AC80366" i="1"/>
  <c r="AC80367" i="1"/>
  <c r="AC80368" i="1"/>
  <c r="AC80369" i="1"/>
  <c r="AC80370" i="1"/>
  <c r="AC80371" i="1"/>
  <c r="AC80372" i="1"/>
  <c r="AC80373" i="1"/>
  <c r="AC80374" i="1"/>
  <c r="AC80375" i="1"/>
  <c r="AC80376" i="1"/>
  <c r="AC80377" i="1"/>
  <c r="AC80378" i="1"/>
  <c r="AC80379" i="1"/>
  <c r="AC80380" i="1"/>
  <c r="AC80381" i="1"/>
  <c r="AC80382" i="1"/>
  <c r="AC80383" i="1"/>
  <c r="AC80384" i="1"/>
  <c r="AC80385" i="1"/>
  <c r="AC80386" i="1"/>
  <c r="AC80387" i="1"/>
  <c r="AC80388" i="1"/>
  <c r="AC80389" i="1"/>
  <c r="AC80390" i="1"/>
  <c r="AC80391" i="1"/>
  <c r="AC80392" i="1"/>
  <c r="AC80393" i="1"/>
  <c r="AC80394" i="1"/>
  <c r="AC80395" i="1"/>
  <c r="AC80396" i="1"/>
  <c r="AC80397" i="1"/>
  <c r="AC80398" i="1"/>
  <c r="AC80399" i="1"/>
  <c r="AC80400" i="1"/>
  <c r="AC80401" i="1"/>
  <c r="AC80402" i="1"/>
  <c r="AC80403" i="1"/>
  <c r="AC80404" i="1"/>
  <c r="AC80405" i="1"/>
  <c r="AC80406" i="1"/>
  <c r="AC80407" i="1"/>
  <c r="AC80408" i="1"/>
  <c r="AC80409" i="1"/>
  <c r="AC80410" i="1"/>
  <c r="AC80411" i="1"/>
  <c r="AC80412" i="1"/>
  <c r="AC80413" i="1"/>
  <c r="AC80414" i="1"/>
  <c r="AC80415" i="1"/>
  <c r="AC80416" i="1"/>
  <c r="AC80417" i="1"/>
  <c r="AC80418" i="1"/>
  <c r="AC80419" i="1"/>
  <c r="AC80420" i="1"/>
  <c r="AC80421" i="1"/>
  <c r="AC80422" i="1"/>
  <c r="AC80423" i="1"/>
  <c r="AC80424" i="1"/>
  <c r="AC80425" i="1"/>
  <c r="AC80426" i="1"/>
  <c r="AC80427" i="1"/>
  <c r="AC80428" i="1"/>
  <c r="AC80429" i="1"/>
  <c r="AC80430" i="1"/>
  <c r="AC80431" i="1"/>
  <c r="AC80432" i="1"/>
  <c r="AC80433" i="1"/>
  <c r="AC80434" i="1"/>
  <c r="AC80435" i="1"/>
  <c r="AC80436" i="1"/>
  <c r="AC80437" i="1"/>
  <c r="AC80438" i="1"/>
  <c r="AC80439" i="1"/>
  <c r="AC80440" i="1"/>
  <c r="AC80441" i="1"/>
  <c r="AC80442" i="1"/>
  <c r="AC80443" i="1"/>
  <c r="AC80444" i="1"/>
  <c r="AC80445" i="1"/>
  <c r="AC80446" i="1"/>
  <c r="AC80447" i="1"/>
  <c r="AC80448" i="1"/>
  <c r="AC80449" i="1"/>
  <c r="AC80450" i="1"/>
  <c r="AC80451" i="1"/>
  <c r="AC80452" i="1"/>
  <c r="AC80453" i="1"/>
  <c r="AC80454" i="1"/>
  <c r="AC80455" i="1"/>
  <c r="AC80456" i="1"/>
  <c r="AC80457" i="1"/>
  <c r="AC80458" i="1"/>
  <c r="AC80459" i="1"/>
  <c r="AC80460" i="1"/>
  <c r="AC80461" i="1"/>
  <c r="AC80462" i="1"/>
  <c r="AC80463" i="1"/>
  <c r="AC80464" i="1"/>
  <c r="AC80465" i="1"/>
  <c r="AC80466" i="1"/>
  <c r="AC80467" i="1"/>
  <c r="AC80468" i="1"/>
  <c r="AC80469" i="1"/>
  <c r="AC80470" i="1"/>
  <c r="AC80471" i="1"/>
  <c r="AC80472" i="1"/>
  <c r="AC80473" i="1"/>
  <c r="AC80474" i="1"/>
  <c r="AC80475" i="1"/>
  <c r="AC80476" i="1"/>
  <c r="AC80477" i="1"/>
  <c r="AC80478" i="1"/>
  <c r="AC80479" i="1"/>
  <c r="AC80480" i="1"/>
  <c r="AC80481" i="1"/>
  <c r="AC80482" i="1"/>
  <c r="AC80483" i="1"/>
  <c r="AC80484" i="1"/>
  <c r="AC80485" i="1"/>
  <c r="AC80486" i="1"/>
  <c r="AC80487" i="1"/>
  <c r="AC80488" i="1"/>
  <c r="AC80489" i="1"/>
  <c r="AC80490" i="1"/>
  <c r="AC80491" i="1"/>
  <c r="AC80492" i="1"/>
  <c r="AC80493" i="1"/>
  <c r="AC80494" i="1"/>
  <c r="AC80495" i="1"/>
  <c r="AC80496" i="1"/>
  <c r="AC80497" i="1"/>
  <c r="AC80498" i="1"/>
  <c r="AC80499" i="1"/>
  <c r="AC80500" i="1"/>
  <c r="AC80501" i="1"/>
  <c r="AC80502" i="1"/>
  <c r="AC80503" i="1"/>
  <c r="AC80504" i="1"/>
  <c r="AC80505" i="1"/>
  <c r="AC80506" i="1"/>
  <c r="AC80507" i="1"/>
  <c r="AC80508" i="1"/>
  <c r="AC80509" i="1"/>
  <c r="AC80510" i="1"/>
  <c r="AC80511" i="1"/>
  <c r="AC80512" i="1"/>
  <c r="AC80513" i="1"/>
  <c r="AC80514" i="1"/>
  <c r="AC80515" i="1"/>
  <c r="AC80516" i="1"/>
  <c r="AC80517" i="1"/>
  <c r="AC80518" i="1"/>
  <c r="AC80519" i="1"/>
  <c r="AC80520" i="1"/>
  <c r="AC80521" i="1"/>
  <c r="AC80522" i="1"/>
  <c r="AC80523" i="1"/>
  <c r="AC80524" i="1"/>
  <c r="AC80525" i="1"/>
  <c r="AC80526" i="1"/>
  <c r="AC80527" i="1"/>
  <c r="AC80528" i="1"/>
  <c r="AC80529" i="1"/>
  <c r="AC80530" i="1"/>
  <c r="AC80531" i="1"/>
  <c r="AC80532" i="1"/>
  <c r="AC80533" i="1"/>
  <c r="AC80534" i="1"/>
  <c r="AC80535" i="1"/>
  <c r="AC80536" i="1"/>
  <c r="AC80537" i="1"/>
  <c r="AC80538" i="1"/>
  <c r="AC80539" i="1"/>
  <c r="AC80540" i="1"/>
  <c r="AC80541" i="1"/>
  <c r="AC80542" i="1"/>
  <c r="AC80543" i="1"/>
  <c r="AC80544" i="1"/>
  <c r="AC80545" i="1"/>
  <c r="AC80546" i="1"/>
  <c r="AC80547" i="1"/>
  <c r="AC80548" i="1"/>
  <c r="AC80549" i="1"/>
  <c r="AC80550" i="1"/>
  <c r="AC80551" i="1"/>
  <c r="AC80552" i="1"/>
  <c r="AC80553" i="1"/>
  <c r="AC80554" i="1"/>
  <c r="AC80555" i="1"/>
  <c r="AC80556" i="1"/>
  <c r="AC80557" i="1"/>
  <c r="AC80558" i="1"/>
  <c r="AC80559" i="1"/>
  <c r="AC80560" i="1"/>
  <c r="AC80561" i="1"/>
  <c r="AC80562" i="1"/>
  <c r="AC80563" i="1"/>
  <c r="AC80564" i="1"/>
  <c r="AC80565" i="1"/>
  <c r="AC80566" i="1"/>
  <c r="AC80567" i="1"/>
  <c r="AC80568" i="1"/>
  <c r="AC80569" i="1"/>
  <c r="AC80570" i="1"/>
  <c r="AC80571" i="1"/>
  <c r="AC80572" i="1"/>
  <c r="AC80573" i="1"/>
  <c r="AC80574" i="1"/>
  <c r="AC80575" i="1"/>
  <c r="AC80576" i="1"/>
  <c r="AC80577" i="1"/>
  <c r="AC80578" i="1"/>
  <c r="AC80579" i="1"/>
  <c r="AC80580" i="1"/>
  <c r="AC80581" i="1"/>
  <c r="AC80582" i="1"/>
  <c r="AC80583" i="1"/>
  <c r="AC80584" i="1"/>
  <c r="AC80585" i="1"/>
  <c r="AC80586" i="1"/>
  <c r="AC80587" i="1"/>
  <c r="AC80588" i="1"/>
  <c r="AC80589" i="1"/>
  <c r="AC80590" i="1"/>
  <c r="AC80591" i="1"/>
  <c r="AC80592" i="1"/>
  <c r="AC80593" i="1"/>
  <c r="AC80594" i="1"/>
  <c r="AC80595" i="1"/>
  <c r="AC80596" i="1"/>
  <c r="AC80597" i="1"/>
  <c r="AC80598" i="1"/>
  <c r="AC80599" i="1"/>
  <c r="AC80600" i="1"/>
  <c r="AC80601" i="1"/>
  <c r="AC80602" i="1"/>
  <c r="AC80603" i="1"/>
  <c r="AC80604" i="1"/>
  <c r="AC80605" i="1"/>
  <c r="AC80606" i="1"/>
  <c r="AC80607" i="1"/>
  <c r="AC80608" i="1"/>
  <c r="AC80609" i="1"/>
  <c r="AC80610" i="1"/>
  <c r="AC80611" i="1"/>
  <c r="AC80612" i="1"/>
  <c r="AC80613" i="1"/>
  <c r="AC80614" i="1"/>
  <c r="AC80615" i="1"/>
  <c r="AC80616" i="1"/>
  <c r="AC80617" i="1"/>
  <c r="AC80618" i="1"/>
  <c r="AC80619" i="1"/>
  <c r="AC80620" i="1"/>
  <c r="AC80621" i="1"/>
  <c r="AC80622" i="1"/>
  <c r="AC80623" i="1"/>
  <c r="AC80624" i="1"/>
  <c r="AC80625" i="1"/>
  <c r="AC80626" i="1"/>
  <c r="AC80627" i="1"/>
  <c r="AC80628" i="1"/>
  <c r="AC80629" i="1"/>
  <c r="AC80630" i="1"/>
  <c r="AC80631" i="1"/>
  <c r="AC80632" i="1"/>
  <c r="AC80633" i="1"/>
  <c r="AC80634" i="1"/>
  <c r="AC80635" i="1"/>
  <c r="AC80636" i="1"/>
  <c r="AC80637" i="1"/>
  <c r="AC80638" i="1"/>
  <c r="AC80639" i="1"/>
  <c r="AC80640" i="1"/>
  <c r="AC80641" i="1"/>
  <c r="AC80642" i="1"/>
  <c r="AC80643" i="1"/>
  <c r="AC80644" i="1"/>
  <c r="AC80645" i="1"/>
  <c r="AC80646" i="1"/>
  <c r="AC80647" i="1"/>
  <c r="AC80648" i="1"/>
  <c r="AC80649" i="1"/>
  <c r="AC80650" i="1"/>
  <c r="AC80651" i="1"/>
  <c r="AC80652" i="1"/>
  <c r="AC80653" i="1"/>
  <c r="AC80654" i="1"/>
  <c r="AC80655" i="1"/>
  <c r="AC80656" i="1"/>
  <c r="AC80657" i="1"/>
  <c r="AC80658" i="1"/>
  <c r="AC80659" i="1"/>
  <c r="AC80660" i="1"/>
  <c r="AC80661" i="1"/>
  <c r="AC80662" i="1"/>
  <c r="AC80663" i="1"/>
  <c r="AC80664" i="1"/>
  <c r="AC80665" i="1"/>
  <c r="AC80666" i="1"/>
  <c r="AC80667" i="1"/>
  <c r="AC80668" i="1"/>
  <c r="AC80669" i="1"/>
  <c r="AC80670" i="1"/>
  <c r="AC80671" i="1"/>
  <c r="AC80672" i="1"/>
  <c r="AC80673" i="1"/>
  <c r="AC80674" i="1"/>
  <c r="AC80675" i="1"/>
  <c r="AC80676" i="1"/>
  <c r="AC80677" i="1"/>
  <c r="AC80678" i="1"/>
  <c r="AC80679" i="1"/>
  <c r="AC80680" i="1"/>
  <c r="AC80681" i="1"/>
  <c r="AC80682" i="1"/>
  <c r="AC80683" i="1"/>
  <c r="AC80684" i="1"/>
  <c r="AC80685" i="1"/>
  <c r="AC80686" i="1"/>
  <c r="AC80687" i="1"/>
  <c r="AC80688" i="1"/>
  <c r="AC80689" i="1"/>
  <c r="AC80690" i="1"/>
  <c r="AC80691" i="1"/>
  <c r="AC80692" i="1"/>
  <c r="AC80693" i="1"/>
  <c r="AC80694" i="1"/>
  <c r="AC80695" i="1"/>
  <c r="AC80696" i="1"/>
  <c r="AC80697" i="1"/>
  <c r="AC80698" i="1"/>
  <c r="AC80699" i="1"/>
  <c r="AC80700" i="1"/>
  <c r="AC80701" i="1"/>
  <c r="AC80702" i="1"/>
  <c r="AC80703" i="1"/>
  <c r="AC80704" i="1"/>
  <c r="AC80705" i="1"/>
  <c r="AC80706" i="1"/>
  <c r="AC80707" i="1"/>
  <c r="AC80708" i="1"/>
  <c r="AC80709" i="1"/>
  <c r="AC80710" i="1"/>
  <c r="AC80711" i="1"/>
  <c r="AC80712" i="1"/>
  <c r="AC80713" i="1"/>
  <c r="AC80714" i="1"/>
  <c r="AC80715" i="1"/>
  <c r="AC80716" i="1"/>
  <c r="AC80717" i="1"/>
  <c r="AC80718" i="1"/>
  <c r="AC80719" i="1"/>
  <c r="AC80720" i="1"/>
  <c r="AC80721" i="1"/>
  <c r="AC80722" i="1"/>
  <c r="AC80723" i="1"/>
  <c r="AC80724" i="1"/>
  <c r="AC80725" i="1"/>
  <c r="AC80726" i="1"/>
  <c r="AC80727" i="1"/>
  <c r="AC80728" i="1"/>
  <c r="AC80729" i="1"/>
  <c r="AC80730" i="1"/>
  <c r="AC80731" i="1"/>
  <c r="AC80732" i="1"/>
  <c r="AC80733" i="1"/>
  <c r="AC80734" i="1"/>
  <c r="AC80735" i="1"/>
  <c r="AC80736" i="1"/>
  <c r="AC80737" i="1"/>
  <c r="AC80738" i="1"/>
  <c r="AC80739" i="1"/>
  <c r="AC80740" i="1"/>
  <c r="AC80741" i="1"/>
  <c r="AC80742" i="1"/>
  <c r="AC80743" i="1"/>
  <c r="AC80744" i="1"/>
  <c r="AC80745" i="1"/>
  <c r="AC80746" i="1"/>
  <c r="AC80747" i="1"/>
  <c r="AC80748" i="1"/>
  <c r="AC80749" i="1"/>
  <c r="AC80750" i="1"/>
  <c r="AC80751" i="1"/>
  <c r="AC80752" i="1"/>
  <c r="AC80753" i="1"/>
  <c r="AC80754" i="1"/>
  <c r="AC80755" i="1"/>
  <c r="AC80756" i="1"/>
  <c r="AC80757" i="1"/>
  <c r="AC80758" i="1"/>
  <c r="AC80759" i="1"/>
  <c r="AC80760" i="1"/>
  <c r="AC80761" i="1"/>
  <c r="AC80762" i="1"/>
  <c r="AC80763" i="1"/>
  <c r="AC80764" i="1"/>
  <c r="AC80765" i="1"/>
  <c r="AC80766" i="1"/>
  <c r="AC80767" i="1"/>
  <c r="AC80768" i="1"/>
  <c r="AC80769" i="1"/>
  <c r="AC80770" i="1"/>
  <c r="AC80771" i="1"/>
  <c r="AC80772" i="1"/>
  <c r="AC80773" i="1"/>
  <c r="AC80774" i="1"/>
  <c r="AC80775" i="1"/>
  <c r="AC80776" i="1"/>
  <c r="AC80777" i="1"/>
  <c r="AC80778" i="1"/>
  <c r="AC80779" i="1"/>
  <c r="AC80780" i="1"/>
  <c r="AC80781" i="1"/>
  <c r="AC80782" i="1"/>
  <c r="AC80783" i="1"/>
  <c r="AC80784" i="1"/>
  <c r="AC80785" i="1"/>
  <c r="AC80786" i="1"/>
  <c r="AC80787" i="1"/>
  <c r="AC80788" i="1"/>
  <c r="AC80789" i="1"/>
  <c r="AC80790" i="1"/>
  <c r="AC80791" i="1"/>
  <c r="AC80792" i="1"/>
  <c r="AC80793" i="1"/>
  <c r="AC80794" i="1"/>
  <c r="AC80795" i="1"/>
  <c r="AC80796" i="1"/>
  <c r="AC80797" i="1"/>
  <c r="AC80798" i="1"/>
  <c r="AC80799" i="1"/>
  <c r="AC80800" i="1"/>
  <c r="AC80801" i="1"/>
  <c r="AC80802" i="1"/>
  <c r="AC80803" i="1"/>
  <c r="AC80804" i="1"/>
  <c r="AC80805" i="1"/>
  <c r="AC80806" i="1"/>
  <c r="AC80807" i="1"/>
  <c r="AC80808" i="1"/>
  <c r="AC80809" i="1"/>
  <c r="AC80810" i="1"/>
  <c r="AC80811" i="1"/>
  <c r="AC80812" i="1"/>
  <c r="AC80813" i="1"/>
  <c r="AC80814" i="1"/>
  <c r="AC80815" i="1"/>
  <c r="AC80816" i="1"/>
  <c r="AC80817" i="1"/>
  <c r="AC80818" i="1"/>
  <c r="AC80819" i="1"/>
  <c r="AC80820" i="1"/>
  <c r="AC80821" i="1"/>
  <c r="AC80822" i="1"/>
  <c r="AC80823" i="1"/>
  <c r="AC80824" i="1"/>
  <c r="AC80825" i="1"/>
  <c r="AC80826" i="1"/>
  <c r="AC80827" i="1"/>
  <c r="AC80828" i="1"/>
  <c r="AC80829" i="1"/>
  <c r="AC80830" i="1"/>
  <c r="AC80831" i="1"/>
  <c r="AC80832" i="1"/>
  <c r="AC80833" i="1"/>
  <c r="AC80834" i="1"/>
  <c r="AC80835" i="1"/>
  <c r="AC80836" i="1"/>
  <c r="AC80837" i="1"/>
  <c r="AC80838" i="1"/>
  <c r="AC80839" i="1"/>
  <c r="AC80840" i="1"/>
  <c r="AC80841" i="1"/>
  <c r="AC80842" i="1"/>
  <c r="AC80843" i="1"/>
  <c r="AC80844" i="1"/>
  <c r="AC80845" i="1"/>
  <c r="AC80846" i="1"/>
  <c r="AC80847" i="1"/>
  <c r="AC80848" i="1"/>
  <c r="AC80849" i="1"/>
  <c r="AC80850" i="1"/>
  <c r="AC80851" i="1"/>
  <c r="AC80852" i="1"/>
  <c r="AC80853" i="1"/>
  <c r="AC80854" i="1"/>
  <c r="AC80855" i="1"/>
  <c r="AC80856" i="1"/>
  <c r="AC80857" i="1"/>
  <c r="AC80858" i="1"/>
  <c r="AC80859" i="1"/>
  <c r="AC80860" i="1"/>
  <c r="AC80861" i="1"/>
  <c r="AC80862" i="1"/>
  <c r="AC80863" i="1"/>
  <c r="AC80864" i="1"/>
  <c r="AC80865" i="1"/>
  <c r="AC80866" i="1"/>
  <c r="AC80867" i="1"/>
  <c r="AC80868" i="1"/>
  <c r="AC80869" i="1"/>
  <c r="AC80870" i="1"/>
  <c r="AC80871" i="1"/>
  <c r="AC80872" i="1"/>
  <c r="AC80873" i="1"/>
  <c r="AC80874" i="1"/>
  <c r="AC80875" i="1"/>
  <c r="AC80876" i="1"/>
  <c r="AC80877" i="1"/>
  <c r="AC80878" i="1"/>
  <c r="AC80879" i="1"/>
  <c r="AC80880" i="1"/>
  <c r="AC80881" i="1"/>
  <c r="AC80882" i="1"/>
  <c r="AC80883" i="1"/>
  <c r="AC80884" i="1"/>
  <c r="AC80885" i="1"/>
  <c r="AC80886" i="1"/>
  <c r="AC80887" i="1"/>
  <c r="AC80888" i="1"/>
  <c r="AC80889" i="1"/>
  <c r="AC80890" i="1"/>
  <c r="AC80891" i="1"/>
  <c r="AC80892" i="1"/>
  <c r="AC80893" i="1"/>
  <c r="AC80894" i="1"/>
  <c r="AC80895" i="1"/>
  <c r="AC80896" i="1"/>
  <c r="AC80897" i="1"/>
  <c r="AC80898" i="1"/>
  <c r="AC80899" i="1"/>
  <c r="AC80900" i="1"/>
  <c r="AC80901" i="1"/>
  <c r="AC80902" i="1"/>
  <c r="AC80903" i="1"/>
  <c r="AC80904" i="1"/>
  <c r="AC80905" i="1"/>
  <c r="AC80906" i="1"/>
  <c r="AC80907" i="1"/>
  <c r="AC80908" i="1"/>
  <c r="AC80909" i="1"/>
  <c r="AC80910" i="1"/>
  <c r="AC80911" i="1"/>
  <c r="AC80912" i="1"/>
  <c r="AC80913" i="1"/>
  <c r="AC80914" i="1"/>
  <c r="AC80915" i="1"/>
  <c r="AC80916" i="1"/>
  <c r="AC80917" i="1"/>
  <c r="AC80918" i="1"/>
  <c r="AC80919" i="1"/>
  <c r="AC80920" i="1"/>
  <c r="AC80921" i="1"/>
  <c r="AC80922" i="1"/>
  <c r="AC80923" i="1"/>
  <c r="AC80924" i="1"/>
  <c r="AC80925" i="1"/>
  <c r="AC80926" i="1"/>
  <c r="AC80927" i="1"/>
  <c r="AC80928" i="1"/>
  <c r="AC80929" i="1"/>
  <c r="AC80930" i="1"/>
  <c r="AC80931" i="1"/>
  <c r="AC80932" i="1"/>
  <c r="AC80933" i="1"/>
  <c r="AC80934" i="1"/>
  <c r="AC80935" i="1"/>
  <c r="AC80936" i="1"/>
  <c r="AC80937" i="1"/>
  <c r="AC80938" i="1"/>
  <c r="AC80939" i="1"/>
  <c r="AC80940" i="1"/>
  <c r="AC80941" i="1"/>
  <c r="AC80942" i="1"/>
  <c r="AC80943" i="1"/>
  <c r="AC80944" i="1"/>
  <c r="AC80945" i="1"/>
  <c r="AC80946" i="1"/>
  <c r="AC80947" i="1"/>
  <c r="AC80948" i="1"/>
  <c r="AC80949" i="1"/>
  <c r="AC80950" i="1"/>
  <c r="AC80951" i="1"/>
  <c r="AC80952" i="1"/>
  <c r="AC80953" i="1"/>
  <c r="AC80954" i="1"/>
  <c r="AC80955" i="1"/>
  <c r="AC80956" i="1"/>
  <c r="AC80957" i="1"/>
  <c r="AC80958" i="1"/>
  <c r="AC80959" i="1"/>
  <c r="AC80960" i="1"/>
  <c r="AC80961" i="1"/>
  <c r="AC80962" i="1"/>
  <c r="AC80963" i="1"/>
  <c r="AC80964" i="1"/>
  <c r="AC80965" i="1"/>
  <c r="AC80966" i="1"/>
  <c r="AC80967" i="1"/>
  <c r="AC80968" i="1"/>
  <c r="AC80969" i="1"/>
  <c r="AC80970" i="1"/>
  <c r="AC80971" i="1"/>
  <c r="AC80972" i="1"/>
  <c r="AC80973" i="1"/>
  <c r="AC80974" i="1"/>
  <c r="AC80975" i="1"/>
  <c r="AC80976" i="1"/>
  <c r="AC80977" i="1"/>
  <c r="AC80978" i="1"/>
  <c r="AC80979" i="1"/>
  <c r="AC80980" i="1"/>
  <c r="AC80981" i="1"/>
  <c r="AC80982" i="1"/>
  <c r="AC80983" i="1"/>
  <c r="AC80984" i="1"/>
  <c r="AC80985" i="1"/>
  <c r="AC80986" i="1"/>
  <c r="AC80987" i="1"/>
  <c r="AC80988" i="1"/>
  <c r="AC80989" i="1"/>
  <c r="AC80990" i="1"/>
  <c r="AC80991" i="1"/>
  <c r="AC80992" i="1"/>
  <c r="AC80993" i="1"/>
  <c r="AC80994" i="1"/>
  <c r="AC80995" i="1"/>
  <c r="AC80996" i="1"/>
  <c r="AC80997" i="1"/>
  <c r="AC80998" i="1"/>
  <c r="AC80999" i="1"/>
  <c r="AC81000" i="1"/>
  <c r="AC81001" i="1"/>
  <c r="AC81002" i="1"/>
  <c r="AC81003" i="1"/>
  <c r="AC81004" i="1"/>
  <c r="AC81005" i="1"/>
  <c r="AC81006" i="1"/>
  <c r="AC81007" i="1"/>
  <c r="AC81008" i="1"/>
  <c r="AC81009" i="1"/>
  <c r="AC81010" i="1"/>
  <c r="AC81011" i="1"/>
  <c r="AC81012" i="1"/>
  <c r="AC81013" i="1"/>
  <c r="AC81014" i="1"/>
  <c r="AC81015" i="1"/>
  <c r="AC81016" i="1"/>
  <c r="AC81017" i="1"/>
  <c r="AC81018" i="1"/>
  <c r="AC81019" i="1"/>
  <c r="AC81020" i="1"/>
  <c r="AC81021" i="1"/>
  <c r="AC81022" i="1"/>
  <c r="AC81023" i="1"/>
  <c r="AC81024" i="1"/>
  <c r="AC81025" i="1"/>
  <c r="AC81026" i="1"/>
  <c r="AC81027" i="1"/>
  <c r="AC81028" i="1"/>
  <c r="AC81029" i="1"/>
  <c r="AC81030" i="1"/>
  <c r="AC81031" i="1"/>
  <c r="AC81032" i="1"/>
  <c r="AC81033" i="1"/>
  <c r="AC81034" i="1"/>
  <c r="AC81035" i="1"/>
  <c r="AC81036" i="1"/>
  <c r="AC81037" i="1"/>
  <c r="AC81038" i="1"/>
  <c r="AC81039" i="1"/>
  <c r="AC81040" i="1"/>
  <c r="AC81041" i="1"/>
  <c r="AC81042" i="1"/>
  <c r="AC81043" i="1"/>
  <c r="AC81044" i="1"/>
  <c r="AC81045" i="1"/>
  <c r="AC81046" i="1"/>
  <c r="AC81047" i="1"/>
  <c r="AC81048" i="1"/>
  <c r="AC81049" i="1"/>
  <c r="AC81050" i="1"/>
  <c r="AC81051" i="1"/>
  <c r="AC81052" i="1"/>
  <c r="AC81053" i="1"/>
  <c r="AC81054" i="1"/>
  <c r="AC81055" i="1"/>
  <c r="AC81056" i="1"/>
  <c r="AC81057" i="1"/>
  <c r="AC81058" i="1"/>
  <c r="AC81059" i="1"/>
  <c r="AC81060" i="1"/>
  <c r="AC81061" i="1"/>
  <c r="AC81062" i="1"/>
  <c r="AC81063" i="1"/>
  <c r="AC81064" i="1"/>
  <c r="AC81065" i="1"/>
  <c r="AC81066" i="1"/>
  <c r="AC81067" i="1"/>
  <c r="AC81068" i="1"/>
  <c r="AC81069" i="1"/>
  <c r="AC81070" i="1"/>
  <c r="AC81071" i="1"/>
  <c r="AC81072" i="1"/>
  <c r="AC81073" i="1"/>
  <c r="AC81074" i="1"/>
  <c r="AC81075" i="1"/>
  <c r="AC81076" i="1"/>
  <c r="AC81077" i="1"/>
  <c r="AC81078" i="1"/>
  <c r="AC81079" i="1"/>
  <c r="AC81080" i="1"/>
  <c r="AC81081" i="1"/>
  <c r="AC81082" i="1"/>
  <c r="AC81083" i="1"/>
  <c r="AC81084" i="1"/>
  <c r="AC81085" i="1"/>
  <c r="AC81086" i="1"/>
  <c r="AC81087" i="1"/>
  <c r="AC81088" i="1"/>
  <c r="AC81089" i="1"/>
  <c r="AC81090" i="1"/>
  <c r="AC81091" i="1"/>
  <c r="AC81092" i="1"/>
  <c r="AC81093" i="1"/>
  <c r="AC81094" i="1"/>
  <c r="AC81095" i="1"/>
  <c r="AC81096" i="1"/>
  <c r="AC81097" i="1"/>
  <c r="AC81098" i="1"/>
  <c r="AC81099" i="1"/>
  <c r="AC81100" i="1"/>
  <c r="AC81101" i="1"/>
  <c r="AC81102" i="1"/>
  <c r="AC81103" i="1"/>
  <c r="AC81104" i="1"/>
  <c r="AC81105" i="1"/>
  <c r="AC81106" i="1"/>
  <c r="AC81107" i="1"/>
  <c r="AC81108" i="1"/>
  <c r="AC81109" i="1"/>
  <c r="AC81110" i="1"/>
  <c r="AC81111" i="1"/>
  <c r="AC81112" i="1"/>
  <c r="AC81113" i="1"/>
  <c r="AC81114" i="1"/>
  <c r="AC81115" i="1"/>
  <c r="AC81116" i="1"/>
  <c r="AC81117" i="1"/>
  <c r="AC81118" i="1"/>
  <c r="AC81119" i="1"/>
  <c r="AC81120" i="1"/>
  <c r="AC81121" i="1"/>
  <c r="AC81122" i="1"/>
  <c r="AC81123" i="1"/>
  <c r="AC81124" i="1"/>
  <c r="AC81125" i="1"/>
  <c r="AC81126" i="1"/>
  <c r="AC81127" i="1"/>
  <c r="AC81128" i="1"/>
  <c r="AC81129" i="1"/>
  <c r="AC81130" i="1"/>
  <c r="AC81131" i="1"/>
  <c r="AC81132" i="1"/>
  <c r="AC81133" i="1"/>
  <c r="AC81134" i="1"/>
  <c r="AC81135" i="1"/>
  <c r="AC81136" i="1"/>
  <c r="AC81137" i="1"/>
  <c r="AC81138" i="1"/>
  <c r="AC81139" i="1"/>
  <c r="AC81140" i="1"/>
  <c r="AC81141" i="1"/>
  <c r="AC81142" i="1"/>
  <c r="AC81143" i="1"/>
  <c r="AC81144" i="1"/>
  <c r="AC81145" i="1"/>
  <c r="AC81146" i="1"/>
  <c r="AC81147" i="1"/>
  <c r="AC81148" i="1"/>
  <c r="AC81149" i="1"/>
  <c r="AC81150" i="1"/>
  <c r="AC81151" i="1"/>
  <c r="AC81152" i="1"/>
  <c r="AC81153" i="1"/>
  <c r="AC81154" i="1"/>
  <c r="AC81155" i="1"/>
  <c r="AC81156" i="1"/>
  <c r="AC81157" i="1"/>
  <c r="AC81158" i="1"/>
  <c r="AC81159" i="1"/>
  <c r="AC81160" i="1"/>
  <c r="AC81161" i="1"/>
  <c r="AC81162" i="1"/>
  <c r="AC81163" i="1"/>
  <c r="AC81164" i="1"/>
  <c r="AC81165" i="1"/>
  <c r="AC81166" i="1"/>
  <c r="AC81167" i="1"/>
  <c r="AC81168" i="1"/>
  <c r="AC81169" i="1"/>
  <c r="AC81170" i="1"/>
  <c r="AC81171" i="1"/>
  <c r="AC81172" i="1"/>
  <c r="AC81173" i="1"/>
  <c r="AC81174" i="1"/>
  <c r="AC81175" i="1"/>
  <c r="AC81176" i="1"/>
  <c r="AC81177" i="1"/>
  <c r="AC81178" i="1"/>
  <c r="AC81179" i="1"/>
  <c r="AC81180" i="1"/>
  <c r="AC81181" i="1"/>
  <c r="AC81182" i="1"/>
  <c r="AC81183" i="1"/>
  <c r="AC81184" i="1"/>
  <c r="AC81185" i="1"/>
  <c r="AC81186" i="1"/>
  <c r="AC81187" i="1"/>
  <c r="AC81188" i="1"/>
  <c r="AC81189" i="1"/>
  <c r="AC81190" i="1"/>
  <c r="AC81191" i="1"/>
  <c r="AC81192" i="1"/>
  <c r="AC81193" i="1"/>
  <c r="AC81194" i="1"/>
  <c r="AC81195" i="1"/>
  <c r="AC81196" i="1"/>
  <c r="AC81197" i="1"/>
  <c r="AC81198" i="1"/>
  <c r="AC81199" i="1"/>
  <c r="AC81200" i="1"/>
  <c r="AC81201" i="1"/>
  <c r="AC81202" i="1"/>
  <c r="AC81203" i="1"/>
  <c r="AC81204" i="1"/>
  <c r="AC81205" i="1"/>
  <c r="AC81206" i="1"/>
  <c r="AC81207" i="1"/>
  <c r="AC81208" i="1"/>
  <c r="AC81209" i="1"/>
  <c r="AC81210" i="1"/>
  <c r="AC81211" i="1"/>
  <c r="AC81212" i="1"/>
  <c r="AC81213" i="1"/>
  <c r="AC81214" i="1"/>
  <c r="AC81215" i="1"/>
  <c r="AC81216" i="1"/>
  <c r="AC81217" i="1"/>
  <c r="AC81218" i="1"/>
  <c r="AC81219" i="1"/>
  <c r="AC81220" i="1"/>
  <c r="AC81221" i="1"/>
  <c r="AC81222" i="1"/>
  <c r="AC81223" i="1"/>
  <c r="AC81224" i="1"/>
  <c r="AC81225" i="1"/>
  <c r="AC81226" i="1"/>
  <c r="AC81227" i="1"/>
  <c r="AC81228" i="1"/>
  <c r="AC81229" i="1"/>
  <c r="AC81230" i="1"/>
  <c r="AC81231" i="1"/>
  <c r="AC81232" i="1"/>
  <c r="AC81233" i="1"/>
  <c r="AC81234" i="1"/>
  <c r="AC81235" i="1"/>
  <c r="AC81236" i="1"/>
  <c r="AC81237" i="1"/>
  <c r="AC81238" i="1"/>
  <c r="AC81239" i="1"/>
  <c r="AC81240" i="1"/>
  <c r="AC81241" i="1"/>
  <c r="AC81242" i="1"/>
  <c r="AC81243" i="1"/>
  <c r="AC81244" i="1"/>
  <c r="AC81245" i="1"/>
  <c r="AC81246" i="1"/>
  <c r="AC81247" i="1"/>
  <c r="AC81248" i="1"/>
  <c r="AC81249" i="1"/>
  <c r="AC81250" i="1"/>
  <c r="AC81251" i="1"/>
  <c r="AC81252" i="1"/>
  <c r="AC81253" i="1"/>
  <c r="AC81254" i="1"/>
  <c r="AC81255" i="1"/>
  <c r="AC81256" i="1"/>
  <c r="AC81257" i="1"/>
  <c r="AC81258" i="1"/>
  <c r="AC81259" i="1"/>
  <c r="AC81260" i="1"/>
  <c r="AC81261" i="1"/>
  <c r="AC81262" i="1"/>
  <c r="AC81263" i="1"/>
  <c r="AC81264" i="1"/>
  <c r="AC81265" i="1"/>
  <c r="AC81266" i="1"/>
  <c r="AC81267" i="1"/>
  <c r="AC81268" i="1"/>
  <c r="AC81269" i="1"/>
  <c r="AC81270" i="1"/>
  <c r="AC81271" i="1"/>
  <c r="AC81272" i="1"/>
  <c r="AC81273" i="1"/>
  <c r="AC81274" i="1"/>
  <c r="AC81275" i="1"/>
  <c r="AC81276" i="1"/>
  <c r="AC81277" i="1"/>
  <c r="AC81278" i="1"/>
  <c r="AC81279" i="1"/>
  <c r="AC81280" i="1"/>
  <c r="AC81281" i="1"/>
  <c r="AC81282" i="1"/>
  <c r="AC81283" i="1"/>
  <c r="AC81284" i="1"/>
  <c r="AC81285" i="1"/>
  <c r="AC81286" i="1"/>
  <c r="AC81287" i="1"/>
  <c r="AC81288" i="1"/>
  <c r="AC81289" i="1"/>
  <c r="AC81290" i="1"/>
  <c r="AC81291" i="1"/>
  <c r="AC81292" i="1"/>
  <c r="AC81293" i="1"/>
  <c r="AC81294" i="1"/>
  <c r="AC81295" i="1"/>
  <c r="AC81296" i="1"/>
  <c r="AC81297" i="1"/>
  <c r="AC81298" i="1"/>
  <c r="AC81299" i="1"/>
  <c r="AC81300" i="1"/>
  <c r="AC81301" i="1"/>
  <c r="AC81302" i="1"/>
  <c r="AC81303" i="1"/>
  <c r="AC81304" i="1"/>
  <c r="AC81305" i="1"/>
  <c r="AC81306" i="1"/>
  <c r="AC81307" i="1"/>
  <c r="AC81308" i="1"/>
  <c r="AC81309" i="1"/>
  <c r="AC81310" i="1"/>
  <c r="AC81311" i="1"/>
  <c r="AC81312" i="1"/>
  <c r="AC81313" i="1"/>
  <c r="AC81314" i="1"/>
  <c r="AC81315" i="1"/>
  <c r="AC81316" i="1"/>
  <c r="AC81317" i="1"/>
  <c r="AC81318" i="1"/>
  <c r="AC81319" i="1"/>
  <c r="AC81320" i="1"/>
  <c r="AC81321" i="1"/>
  <c r="AC81322" i="1"/>
  <c r="AC81323" i="1"/>
  <c r="AC81324" i="1"/>
  <c r="AC81325" i="1"/>
  <c r="AC81326" i="1"/>
  <c r="AC81327" i="1"/>
  <c r="AC81328" i="1"/>
  <c r="AC81329" i="1"/>
  <c r="AC81330" i="1"/>
  <c r="AC81331" i="1"/>
  <c r="AC81332" i="1"/>
  <c r="AC81333" i="1"/>
  <c r="AC81334" i="1"/>
  <c r="AC81335" i="1"/>
  <c r="AC81336" i="1"/>
  <c r="AC81337" i="1"/>
  <c r="AC81338" i="1"/>
  <c r="AC81339" i="1"/>
  <c r="AC81340" i="1"/>
  <c r="AC81341" i="1"/>
  <c r="AC81342" i="1"/>
  <c r="AC81343" i="1"/>
  <c r="AC81344" i="1"/>
  <c r="AC81345" i="1"/>
  <c r="AC81346" i="1"/>
  <c r="AC81347" i="1"/>
  <c r="AC81348" i="1"/>
  <c r="AC81349" i="1"/>
  <c r="AC81350" i="1"/>
  <c r="AC81351" i="1"/>
  <c r="AC81352" i="1"/>
  <c r="AC81353" i="1"/>
  <c r="AC81354" i="1"/>
  <c r="AC81355" i="1"/>
  <c r="AC81356" i="1"/>
  <c r="AC81357" i="1"/>
  <c r="AC81358" i="1"/>
  <c r="AC81359" i="1"/>
  <c r="AC81360" i="1"/>
  <c r="AC81361" i="1"/>
  <c r="AC81362" i="1"/>
  <c r="AC81363" i="1"/>
  <c r="AC81364" i="1"/>
  <c r="AC81365" i="1"/>
  <c r="AC81366" i="1"/>
  <c r="AC81367" i="1"/>
  <c r="AC81368" i="1"/>
  <c r="AC81369" i="1"/>
  <c r="AC81370" i="1"/>
  <c r="AC81371" i="1"/>
  <c r="AC81372" i="1"/>
  <c r="AC81373" i="1"/>
  <c r="AC81374" i="1"/>
  <c r="AC81375" i="1"/>
  <c r="AC81376" i="1"/>
  <c r="AC81377" i="1"/>
  <c r="AC81378" i="1"/>
  <c r="AC81379" i="1"/>
  <c r="AC81380" i="1"/>
  <c r="AC81381" i="1"/>
  <c r="AC81382" i="1"/>
  <c r="AC81383" i="1"/>
  <c r="AC81384" i="1"/>
  <c r="AC81385" i="1"/>
  <c r="AC81386" i="1"/>
  <c r="AC81387" i="1"/>
  <c r="AC81388" i="1"/>
  <c r="AC81389" i="1"/>
  <c r="AC81390" i="1"/>
  <c r="AC81391" i="1"/>
  <c r="AC81392" i="1"/>
  <c r="AC81393" i="1"/>
  <c r="AC81394" i="1"/>
  <c r="AC81395" i="1"/>
  <c r="AC81396" i="1"/>
  <c r="AC81397" i="1"/>
  <c r="AC81398" i="1"/>
  <c r="AC81399" i="1"/>
  <c r="AC81400" i="1"/>
  <c r="AC81401" i="1"/>
  <c r="AC81402" i="1"/>
  <c r="AC81403" i="1"/>
  <c r="AC81404" i="1"/>
  <c r="AC81405" i="1"/>
  <c r="AC81406" i="1"/>
  <c r="AC81407" i="1"/>
  <c r="AC81408" i="1"/>
  <c r="AC81409" i="1"/>
  <c r="AC81410" i="1"/>
  <c r="AC81411" i="1"/>
  <c r="AC81412" i="1"/>
  <c r="AC81413" i="1"/>
  <c r="AC81414" i="1"/>
  <c r="AC81415" i="1"/>
  <c r="AC81416" i="1"/>
  <c r="AC81417" i="1"/>
  <c r="AC81418" i="1"/>
  <c r="AC81419" i="1"/>
  <c r="AC81420" i="1"/>
  <c r="AC81421" i="1"/>
  <c r="AC81422" i="1"/>
  <c r="AC81423" i="1"/>
  <c r="AC81424" i="1"/>
  <c r="AC81425" i="1"/>
  <c r="AC81426" i="1"/>
  <c r="AC81427" i="1"/>
  <c r="AC81428" i="1"/>
  <c r="AC81429" i="1"/>
  <c r="AC81430" i="1"/>
  <c r="AC81431" i="1"/>
  <c r="AC81432" i="1"/>
  <c r="AC81433" i="1"/>
  <c r="AC81434" i="1"/>
  <c r="AC81435" i="1"/>
  <c r="AC81436" i="1"/>
  <c r="AC81437" i="1"/>
  <c r="AC81438" i="1"/>
  <c r="AC81439" i="1"/>
  <c r="AC81440" i="1"/>
  <c r="AC81441" i="1"/>
  <c r="AC81442" i="1"/>
  <c r="AC81443" i="1"/>
  <c r="AC81444" i="1"/>
  <c r="AC81445" i="1"/>
  <c r="AC81446" i="1"/>
  <c r="AC81447" i="1"/>
  <c r="AC81448" i="1"/>
  <c r="AC81449" i="1"/>
  <c r="AC81450" i="1"/>
  <c r="AC81451" i="1"/>
  <c r="AC81452" i="1"/>
  <c r="AC81453" i="1"/>
  <c r="AC81454" i="1"/>
  <c r="AC81455" i="1"/>
  <c r="AC81456" i="1"/>
  <c r="AC81457" i="1"/>
  <c r="AC81458" i="1"/>
  <c r="AC81459" i="1"/>
  <c r="AC81460" i="1"/>
  <c r="AC81461" i="1"/>
  <c r="AC81462" i="1"/>
  <c r="AC81463" i="1"/>
  <c r="AC81464" i="1"/>
  <c r="AC81465" i="1"/>
  <c r="AC81466" i="1"/>
  <c r="AC81467" i="1"/>
  <c r="AC81468" i="1"/>
  <c r="AC81469" i="1"/>
  <c r="AC81470" i="1"/>
  <c r="AC81471" i="1"/>
  <c r="AC81472" i="1"/>
  <c r="AC81473" i="1"/>
  <c r="AC81474" i="1"/>
  <c r="AC81475" i="1"/>
  <c r="AC81476" i="1"/>
  <c r="AC81477" i="1"/>
  <c r="AC81478" i="1"/>
  <c r="AC81479" i="1"/>
  <c r="AC81480" i="1"/>
  <c r="AC81481" i="1"/>
  <c r="AC81482" i="1"/>
  <c r="AC81483" i="1"/>
  <c r="AC81484" i="1"/>
  <c r="AC81485" i="1"/>
  <c r="AC81486" i="1"/>
  <c r="AC81487" i="1"/>
  <c r="AC81488" i="1"/>
  <c r="AC81489" i="1"/>
  <c r="AC81490" i="1"/>
  <c r="AC81491" i="1"/>
  <c r="AC81492" i="1"/>
  <c r="AC81493" i="1"/>
  <c r="AC81494" i="1"/>
  <c r="AC81495" i="1"/>
  <c r="AC81496" i="1"/>
  <c r="AC81497" i="1"/>
  <c r="AC81498" i="1"/>
  <c r="AC81499" i="1"/>
  <c r="AC81500" i="1"/>
  <c r="AC81501" i="1"/>
  <c r="AC81502" i="1"/>
  <c r="AC81503" i="1"/>
  <c r="AC81504" i="1"/>
  <c r="AC81505" i="1"/>
  <c r="AC81506" i="1"/>
  <c r="AC81507" i="1"/>
  <c r="AC81508" i="1"/>
  <c r="AC81509" i="1"/>
  <c r="AC81510" i="1"/>
  <c r="AC81511" i="1"/>
  <c r="AC81512" i="1"/>
  <c r="AC81513" i="1"/>
  <c r="AC81514" i="1"/>
  <c r="AC81515" i="1"/>
  <c r="AC81516" i="1"/>
  <c r="AC81517" i="1"/>
  <c r="AC81518" i="1"/>
  <c r="AC81519" i="1"/>
  <c r="AC81520" i="1"/>
  <c r="AC81521" i="1"/>
  <c r="AC81522" i="1"/>
  <c r="AC81523" i="1"/>
  <c r="AC81524" i="1"/>
  <c r="AC81525" i="1"/>
  <c r="AC81526" i="1"/>
  <c r="AC81527" i="1"/>
  <c r="AC81528" i="1"/>
  <c r="AC81529" i="1"/>
  <c r="AC81530" i="1"/>
  <c r="AC81531" i="1"/>
  <c r="AC81532" i="1"/>
  <c r="AC81533" i="1"/>
  <c r="AC81534" i="1"/>
  <c r="AC81535" i="1"/>
  <c r="AC81536" i="1"/>
  <c r="AC81537" i="1"/>
  <c r="AC81538" i="1"/>
  <c r="AC81539" i="1"/>
  <c r="AC81540" i="1"/>
  <c r="AC81541" i="1"/>
  <c r="AC81542" i="1"/>
  <c r="AC81543" i="1"/>
  <c r="AC81544" i="1"/>
  <c r="AC81545" i="1"/>
  <c r="AC81546" i="1"/>
  <c r="AC81547" i="1"/>
  <c r="AC81548" i="1"/>
  <c r="AC81549" i="1"/>
  <c r="AC81550" i="1"/>
  <c r="AC81551" i="1"/>
  <c r="AC81552" i="1"/>
  <c r="AC81553" i="1"/>
  <c r="AC81554" i="1"/>
  <c r="AC81555" i="1"/>
  <c r="AC81556" i="1"/>
  <c r="AC81557" i="1"/>
  <c r="AC81558" i="1"/>
  <c r="AC81559" i="1"/>
  <c r="AC81560" i="1"/>
  <c r="AC81561" i="1"/>
  <c r="AC81562" i="1"/>
  <c r="AC81563" i="1"/>
  <c r="AC81564" i="1"/>
  <c r="AC81565" i="1"/>
  <c r="AC81566" i="1"/>
  <c r="AC81567" i="1"/>
  <c r="AC81568" i="1"/>
  <c r="AC81569" i="1"/>
  <c r="AC81570" i="1"/>
  <c r="AC81571" i="1"/>
  <c r="AC81572" i="1"/>
  <c r="AC81573" i="1"/>
  <c r="AC81574" i="1"/>
  <c r="AC81575" i="1"/>
  <c r="AC81576" i="1"/>
  <c r="AC81577" i="1"/>
  <c r="AC81578" i="1"/>
  <c r="AC81579" i="1"/>
  <c r="AC81580" i="1"/>
  <c r="AC81581" i="1"/>
  <c r="AC81582" i="1"/>
  <c r="AC81583" i="1"/>
  <c r="AC81584" i="1"/>
  <c r="AC81585" i="1"/>
  <c r="AC81586" i="1"/>
  <c r="AC81587" i="1"/>
  <c r="AC81588" i="1"/>
  <c r="AC81589" i="1"/>
  <c r="AC81590" i="1"/>
  <c r="AC81591" i="1"/>
  <c r="AC81592" i="1"/>
  <c r="AC81593" i="1"/>
  <c r="AC81594" i="1"/>
  <c r="AC81595" i="1"/>
  <c r="AC81596" i="1"/>
  <c r="AC81597" i="1"/>
  <c r="AC81598" i="1"/>
  <c r="AC81599" i="1"/>
  <c r="AC81600" i="1"/>
  <c r="AC81601" i="1"/>
  <c r="AC81602" i="1"/>
  <c r="AC81603" i="1"/>
  <c r="AC81604" i="1"/>
  <c r="AC81605" i="1"/>
  <c r="AC81606" i="1"/>
  <c r="AC81607" i="1"/>
  <c r="AC81608" i="1"/>
  <c r="AC81609" i="1"/>
  <c r="AC81610" i="1"/>
  <c r="AC81611" i="1"/>
  <c r="AC81612" i="1"/>
  <c r="AC81613" i="1"/>
  <c r="AC81614" i="1"/>
  <c r="AC81615" i="1"/>
  <c r="AC81616" i="1"/>
  <c r="AC81617" i="1"/>
  <c r="AC81618" i="1"/>
  <c r="AC81619" i="1"/>
  <c r="AC81620" i="1"/>
  <c r="AC81621" i="1"/>
  <c r="AC81622" i="1"/>
  <c r="AC81623" i="1"/>
  <c r="AC81624" i="1"/>
  <c r="AC81625" i="1"/>
  <c r="AC81626" i="1"/>
  <c r="AC81627" i="1"/>
  <c r="AC81628" i="1"/>
  <c r="AC81629" i="1"/>
  <c r="AC81630" i="1"/>
  <c r="AC81631" i="1"/>
  <c r="AC81632" i="1"/>
  <c r="AC81633" i="1"/>
  <c r="AC81634" i="1"/>
  <c r="AC81635" i="1"/>
  <c r="AC81636" i="1"/>
  <c r="AC81637" i="1"/>
  <c r="AC81638" i="1"/>
  <c r="AC81639" i="1"/>
  <c r="AC81640" i="1"/>
  <c r="AC81641" i="1"/>
  <c r="AC81642" i="1"/>
  <c r="AC81643" i="1"/>
  <c r="AC81644" i="1"/>
  <c r="AC81645" i="1"/>
  <c r="AC81646" i="1"/>
  <c r="AC81647" i="1"/>
  <c r="AC81648" i="1"/>
  <c r="AC81649" i="1"/>
  <c r="AC81650" i="1"/>
  <c r="AC81651" i="1"/>
  <c r="AC81652" i="1"/>
  <c r="AC81653" i="1"/>
  <c r="AC81654" i="1"/>
  <c r="AC81655" i="1"/>
  <c r="AC81656" i="1"/>
  <c r="AC81657" i="1"/>
  <c r="AC81658" i="1"/>
  <c r="AC81659" i="1"/>
  <c r="AC81660" i="1"/>
  <c r="AC81661" i="1"/>
  <c r="AC81662" i="1"/>
  <c r="AC81663" i="1"/>
  <c r="AC81664" i="1"/>
  <c r="AC81665" i="1"/>
  <c r="AC81666" i="1"/>
  <c r="AC81667" i="1"/>
  <c r="AC81668" i="1"/>
  <c r="AC81669" i="1"/>
  <c r="AC81670" i="1"/>
  <c r="AC81671" i="1"/>
  <c r="AC81672" i="1"/>
  <c r="AC81673" i="1"/>
  <c r="AC81674" i="1"/>
  <c r="AC81675" i="1"/>
  <c r="AC81676" i="1"/>
  <c r="AC81677" i="1"/>
  <c r="AC81678" i="1"/>
  <c r="AC81679" i="1"/>
  <c r="AC81680" i="1"/>
  <c r="AC81681" i="1"/>
  <c r="AC81682" i="1"/>
  <c r="AC81683" i="1"/>
  <c r="AC81684" i="1"/>
  <c r="AC81685" i="1"/>
  <c r="AC81686" i="1"/>
  <c r="AC81687" i="1"/>
  <c r="AC81688" i="1"/>
  <c r="AC81689" i="1"/>
  <c r="AC81690" i="1"/>
  <c r="AC81691" i="1"/>
  <c r="AC81692" i="1"/>
  <c r="AC81693" i="1"/>
  <c r="AC81694" i="1"/>
  <c r="AC81695" i="1"/>
  <c r="AC81696" i="1"/>
  <c r="AC81697" i="1"/>
  <c r="AC81698" i="1"/>
  <c r="AC81699" i="1"/>
  <c r="AC81700" i="1"/>
  <c r="AC81701" i="1"/>
  <c r="AC81702" i="1"/>
  <c r="AC81703" i="1"/>
  <c r="AC81704" i="1"/>
  <c r="AC81705" i="1"/>
  <c r="AC81706" i="1"/>
  <c r="AC81707" i="1"/>
  <c r="AC81708" i="1"/>
  <c r="AC81709" i="1"/>
  <c r="AC81710" i="1"/>
  <c r="AC81711" i="1"/>
  <c r="AC81712" i="1"/>
  <c r="AC81713" i="1"/>
  <c r="AC81714" i="1"/>
  <c r="AC81715" i="1"/>
  <c r="AC81716" i="1"/>
  <c r="AC81717" i="1"/>
  <c r="AC81718" i="1"/>
  <c r="AC81719" i="1"/>
  <c r="AC81720" i="1"/>
  <c r="AC81721" i="1"/>
  <c r="AC81722" i="1"/>
  <c r="AC81723" i="1"/>
  <c r="AC81724" i="1"/>
  <c r="AC81725" i="1"/>
  <c r="AC81726" i="1"/>
  <c r="AC81727" i="1"/>
  <c r="AC81728" i="1"/>
  <c r="AC81729" i="1"/>
  <c r="AC81730" i="1"/>
  <c r="AC81731" i="1"/>
  <c r="AC81732" i="1"/>
  <c r="AC81733" i="1"/>
  <c r="AC81734" i="1"/>
  <c r="AC81735" i="1"/>
  <c r="AC81736" i="1"/>
  <c r="AC81737" i="1"/>
  <c r="AC81738" i="1"/>
  <c r="AC81739" i="1"/>
  <c r="AC81740" i="1"/>
  <c r="AC81741" i="1"/>
  <c r="AC81742" i="1"/>
  <c r="AC81743" i="1"/>
  <c r="AC81744" i="1"/>
  <c r="AC81745" i="1"/>
  <c r="AC81746" i="1"/>
  <c r="AC81747" i="1"/>
  <c r="AC81748" i="1"/>
  <c r="AC81749" i="1"/>
  <c r="AC81750" i="1"/>
  <c r="AC81751" i="1"/>
  <c r="AC81752" i="1"/>
  <c r="AC81753" i="1"/>
  <c r="AC81754" i="1"/>
  <c r="AC81755" i="1"/>
  <c r="AC81756" i="1"/>
  <c r="AC81757" i="1"/>
  <c r="AC81758" i="1"/>
  <c r="AC81759" i="1"/>
  <c r="AC81760" i="1"/>
  <c r="AC81761" i="1"/>
  <c r="AC81762" i="1"/>
  <c r="AC81763" i="1"/>
  <c r="AC81764" i="1"/>
  <c r="AC81765" i="1"/>
  <c r="AC81766" i="1"/>
  <c r="AC81767" i="1"/>
  <c r="AC81768" i="1"/>
  <c r="AC81769" i="1"/>
  <c r="AC81770" i="1"/>
  <c r="AC81771" i="1"/>
  <c r="AC81772" i="1"/>
  <c r="AC81773" i="1"/>
  <c r="AC81774" i="1"/>
  <c r="AC81775" i="1"/>
  <c r="AC81776" i="1"/>
  <c r="AC81777" i="1"/>
  <c r="AC81778" i="1"/>
  <c r="AC81779" i="1"/>
  <c r="AC81780" i="1"/>
  <c r="AC81781" i="1"/>
  <c r="AC81782" i="1"/>
  <c r="AC81783" i="1"/>
  <c r="AC81784" i="1"/>
  <c r="AC81785" i="1"/>
  <c r="AC81786" i="1"/>
  <c r="AC81787" i="1"/>
  <c r="AC81788" i="1"/>
  <c r="AC81789" i="1"/>
  <c r="AC81790" i="1"/>
  <c r="AC81791" i="1"/>
  <c r="AC81792" i="1"/>
  <c r="AC81793" i="1"/>
  <c r="AC81794" i="1"/>
  <c r="AC81795" i="1"/>
  <c r="AC81796" i="1"/>
  <c r="AC81797" i="1"/>
  <c r="AC81798" i="1"/>
  <c r="AC81799" i="1"/>
  <c r="AC81800" i="1"/>
  <c r="AC81801" i="1"/>
  <c r="AC81802" i="1"/>
  <c r="AC81803" i="1"/>
  <c r="AC81804" i="1"/>
  <c r="AC81805" i="1"/>
  <c r="AC81806" i="1"/>
  <c r="AC81807" i="1"/>
  <c r="AC81808" i="1"/>
  <c r="AC81809" i="1"/>
  <c r="AC81810" i="1"/>
  <c r="AC81811" i="1"/>
  <c r="AC81812" i="1"/>
  <c r="AC81813" i="1"/>
  <c r="AC81814" i="1"/>
  <c r="AC81815" i="1"/>
  <c r="AC81816" i="1"/>
  <c r="AC81817" i="1"/>
  <c r="AC81818" i="1"/>
  <c r="AC81819" i="1"/>
  <c r="AC81820" i="1"/>
  <c r="AC81821" i="1"/>
  <c r="AC81822" i="1"/>
  <c r="AC81823" i="1"/>
  <c r="AC81824" i="1"/>
  <c r="AC81825" i="1"/>
  <c r="AC81826" i="1"/>
  <c r="AC81827" i="1"/>
  <c r="AC81828" i="1"/>
  <c r="AC81829" i="1"/>
  <c r="AC81830" i="1"/>
  <c r="AC81831" i="1"/>
  <c r="AC81832" i="1"/>
  <c r="AC81833" i="1"/>
  <c r="AC81834" i="1"/>
  <c r="AC81835" i="1"/>
  <c r="AC81836" i="1"/>
  <c r="AC81837" i="1"/>
  <c r="AC81838" i="1"/>
  <c r="AC81839" i="1"/>
  <c r="AC81840" i="1"/>
  <c r="AC81841" i="1"/>
  <c r="AC81842" i="1"/>
  <c r="AC81843" i="1"/>
  <c r="AC81844" i="1"/>
  <c r="AC81845" i="1"/>
  <c r="AC81846" i="1"/>
  <c r="AC81847" i="1"/>
  <c r="AC81848" i="1"/>
  <c r="AC81849" i="1"/>
  <c r="AC81850" i="1"/>
  <c r="AC81851" i="1"/>
  <c r="AC81852" i="1"/>
  <c r="AC81853" i="1"/>
  <c r="AC81854" i="1"/>
  <c r="AC81855" i="1"/>
  <c r="AC81856" i="1"/>
  <c r="AC81857" i="1"/>
  <c r="AC81858" i="1"/>
  <c r="AC81859" i="1"/>
  <c r="AC81860" i="1"/>
  <c r="AC81861" i="1"/>
  <c r="AC81862" i="1"/>
  <c r="AC81863" i="1"/>
  <c r="AC81864" i="1"/>
  <c r="AC81865" i="1"/>
  <c r="AC81866" i="1"/>
  <c r="AC81867" i="1"/>
  <c r="AC81868" i="1"/>
  <c r="AC81869" i="1"/>
  <c r="AC81870" i="1"/>
  <c r="AC81871" i="1"/>
  <c r="AC81872" i="1"/>
  <c r="AC81873" i="1"/>
  <c r="AC81874" i="1"/>
  <c r="AC81875" i="1"/>
  <c r="AC81876" i="1"/>
  <c r="AC81877" i="1"/>
  <c r="AC81878" i="1"/>
  <c r="AC81879" i="1"/>
  <c r="AC81880" i="1"/>
  <c r="AC81881" i="1"/>
  <c r="AC81882" i="1"/>
  <c r="AC81883" i="1"/>
  <c r="AC81884" i="1"/>
  <c r="AC81885" i="1"/>
  <c r="AC81886" i="1"/>
  <c r="AC81887" i="1"/>
  <c r="AC81888" i="1"/>
  <c r="AC81889" i="1"/>
  <c r="AC81890" i="1"/>
  <c r="AC81891" i="1"/>
  <c r="AC81892" i="1"/>
  <c r="AC81893" i="1"/>
  <c r="AC81894" i="1"/>
  <c r="AC81895" i="1"/>
  <c r="AC81896" i="1"/>
  <c r="AC81897" i="1"/>
  <c r="AC81898" i="1"/>
  <c r="AC81899" i="1"/>
  <c r="AC81900" i="1"/>
  <c r="AC81901" i="1"/>
  <c r="AC81902" i="1"/>
  <c r="AC81903" i="1"/>
  <c r="AC81904" i="1"/>
  <c r="AC81905" i="1"/>
  <c r="AC81906" i="1"/>
  <c r="AC81907" i="1"/>
  <c r="AC81908" i="1"/>
  <c r="AC81909" i="1"/>
  <c r="AC81910" i="1"/>
  <c r="AC81911" i="1"/>
  <c r="AC81912" i="1"/>
  <c r="AC81913" i="1"/>
  <c r="AC81914" i="1"/>
  <c r="AC81915" i="1"/>
  <c r="AC81916" i="1"/>
  <c r="AC81917" i="1"/>
  <c r="AC81918" i="1"/>
  <c r="AC81919" i="1"/>
  <c r="AC81920" i="1"/>
  <c r="AC81921" i="1"/>
  <c r="AC81922" i="1"/>
  <c r="AC81923" i="1"/>
  <c r="AC81924" i="1"/>
  <c r="AC81925" i="1"/>
  <c r="AC81926" i="1"/>
  <c r="AC81927" i="1"/>
  <c r="AC81928" i="1"/>
  <c r="AC81929" i="1"/>
  <c r="AC81930" i="1"/>
  <c r="AC81931" i="1"/>
  <c r="AC81932" i="1"/>
  <c r="AC81933" i="1"/>
  <c r="AC81934" i="1"/>
  <c r="AC81935" i="1"/>
  <c r="AC81936" i="1"/>
  <c r="AC81937" i="1"/>
  <c r="AC81938" i="1"/>
  <c r="AC81939" i="1"/>
  <c r="AC81940" i="1"/>
  <c r="AC81941" i="1"/>
  <c r="AC81942" i="1"/>
  <c r="AC81943" i="1"/>
  <c r="AC81944" i="1"/>
  <c r="AC81945" i="1"/>
  <c r="AC81946" i="1"/>
  <c r="AC81947" i="1"/>
  <c r="AC81948" i="1"/>
  <c r="AC81949" i="1"/>
  <c r="AC81950" i="1"/>
  <c r="AC81951" i="1"/>
  <c r="AC81952" i="1"/>
  <c r="AC81953" i="1"/>
  <c r="AC81954" i="1"/>
  <c r="AC81955" i="1"/>
  <c r="AC81956" i="1"/>
  <c r="AC81957" i="1"/>
  <c r="AC81958" i="1"/>
  <c r="AC81959" i="1"/>
  <c r="AC81960" i="1"/>
  <c r="AC81961" i="1"/>
  <c r="AC81962" i="1"/>
  <c r="AC81963" i="1"/>
  <c r="AC81964" i="1"/>
  <c r="AC81965" i="1"/>
  <c r="AC81966" i="1"/>
  <c r="AC81967" i="1"/>
  <c r="AC81968" i="1"/>
  <c r="AC81969" i="1"/>
  <c r="AC81970" i="1"/>
  <c r="AC81971" i="1"/>
  <c r="AC81972" i="1"/>
  <c r="AC81973" i="1"/>
  <c r="AC81974" i="1"/>
  <c r="AC81975" i="1"/>
  <c r="AC81976" i="1"/>
  <c r="AC81977" i="1"/>
  <c r="AC81978" i="1"/>
  <c r="AC81979" i="1"/>
  <c r="AC81980" i="1"/>
  <c r="AC81981" i="1"/>
  <c r="AC81982" i="1"/>
  <c r="AC81983" i="1"/>
  <c r="AC81984" i="1"/>
  <c r="AC81985" i="1"/>
  <c r="AC81986" i="1"/>
  <c r="AC81987" i="1"/>
  <c r="AC81988" i="1"/>
  <c r="AC81989" i="1"/>
  <c r="AC81990" i="1"/>
  <c r="AC81991" i="1"/>
  <c r="AC81992" i="1"/>
  <c r="AC81993" i="1"/>
  <c r="AC81994" i="1"/>
  <c r="AC81995" i="1"/>
  <c r="AC81996" i="1"/>
  <c r="AC81997" i="1"/>
  <c r="AC81998" i="1"/>
  <c r="AC81999" i="1"/>
  <c r="AC82000" i="1"/>
  <c r="AC82001" i="1"/>
  <c r="AC82002" i="1"/>
  <c r="AC82003" i="1"/>
  <c r="AC82004" i="1"/>
  <c r="AC82005" i="1"/>
  <c r="AC82006" i="1"/>
  <c r="AC82007" i="1"/>
  <c r="AC82008" i="1"/>
  <c r="AC82009" i="1"/>
  <c r="AC82010" i="1"/>
  <c r="AC82011" i="1"/>
  <c r="AC82012" i="1"/>
  <c r="AC82013" i="1"/>
  <c r="AC82014" i="1"/>
  <c r="AC82015" i="1"/>
  <c r="AC82016" i="1"/>
  <c r="AC82017" i="1"/>
  <c r="AC82018" i="1"/>
  <c r="AC82019" i="1"/>
  <c r="AC82020" i="1"/>
  <c r="AC82021" i="1"/>
  <c r="AC82022" i="1"/>
  <c r="AC82023" i="1"/>
  <c r="AC82024" i="1"/>
  <c r="AC82025" i="1"/>
  <c r="AC82026" i="1"/>
  <c r="AC82027" i="1"/>
  <c r="AC82028" i="1"/>
  <c r="AC82029" i="1"/>
  <c r="AC82030" i="1"/>
  <c r="AC82031" i="1"/>
  <c r="AC82032" i="1"/>
  <c r="AC82033" i="1"/>
  <c r="AC82034" i="1"/>
  <c r="AC82035" i="1"/>
  <c r="AC82036" i="1"/>
  <c r="AC82037" i="1"/>
  <c r="AC82038" i="1"/>
  <c r="AC82039" i="1"/>
  <c r="AC82040" i="1"/>
  <c r="AC82041" i="1"/>
  <c r="AC82042" i="1"/>
  <c r="AC82043" i="1"/>
  <c r="AC82044" i="1"/>
  <c r="AC82045" i="1"/>
  <c r="AC82046" i="1"/>
  <c r="AC82047" i="1"/>
  <c r="AC82048" i="1"/>
  <c r="AC82049" i="1"/>
  <c r="AC82050" i="1"/>
  <c r="AC82051" i="1"/>
  <c r="AC82052" i="1"/>
  <c r="AC82053" i="1"/>
  <c r="AC82054" i="1"/>
  <c r="AC82055" i="1"/>
  <c r="AC82056" i="1"/>
  <c r="AC82057" i="1"/>
  <c r="AC82058" i="1"/>
  <c r="AC82059" i="1"/>
  <c r="AC82060" i="1"/>
  <c r="AC82061" i="1"/>
  <c r="AC82062" i="1"/>
  <c r="AC82063" i="1"/>
  <c r="AC82064" i="1"/>
  <c r="AC82065" i="1"/>
  <c r="AC82066" i="1"/>
  <c r="AC82067" i="1"/>
  <c r="AC82068" i="1"/>
  <c r="AC82069" i="1"/>
  <c r="AC82070" i="1"/>
  <c r="AC82071" i="1"/>
  <c r="AC82072" i="1"/>
  <c r="AC82073" i="1"/>
  <c r="AC82074" i="1"/>
  <c r="AC82075" i="1"/>
  <c r="AC82076" i="1"/>
  <c r="AC82077" i="1"/>
  <c r="AC82078" i="1"/>
  <c r="AC82079" i="1"/>
  <c r="AC82080" i="1"/>
  <c r="AC82081" i="1"/>
  <c r="AC82082" i="1"/>
  <c r="AC82083" i="1"/>
  <c r="AC82084" i="1"/>
  <c r="AC82085" i="1"/>
  <c r="AC82086" i="1"/>
  <c r="AC82087" i="1"/>
  <c r="AC82088" i="1"/>
  <c r="AC82089" i="1"/>
  <c r="AC82090" i="1"/>
  <c r="AC82091" i="1"/>
  <c r="AC82092" i="1"/>
  <c r="AC82093" i="1"/>
  <c r="AC82094" i="1"/>
  <c r="AC82095" i="1"/>
  <c r="AC82096" i="1"/>
  <c r="AC82097" i="1"/>
  <c r="AC82098" i="1"/>
  <c r="AC82099" i="1"/>
  <c r="AC82100" i="1"/>
  <c r="AC82101" i="1"/>
  <c r="AC82102" i="1"/>
  <c r="AC82103" i="1"/>
  <c r="AC82104" i="1"/>
  <c r="AC82105" i="1"/>
  <c r="AC82106" i="1"/>
  <c r="AC82107" i="1"/>
  <c r="AC82108" i="1"/>
  <c r="AC82109" i="1"/>
  <c r="AC82110" i="1"/>
  <c r="AC82111" i="1"/>
  <c r="AC82112" i="1"/>
  <c r="AC82113" i="1"/>
  <c r="AC82114" i="1"/>
  <c r="AC82115" i="1"/>
  <c r="AC82116" i="1"/>
  <c r="AC82117" i="1"/>
  <c r="AC82118" i="1"/>
  <c r="AC82119" i="1"/>
  <c r="AC82120" i="1"/>
  <c r="AC82121" i="1"/>
  <c r="AC82122" i="1"/>
  <c r="AC82123" i="1"/>
  <c r="AC82124" i="1"/>
  <c r="AC82125" i="1"/>
  <c r="AC82126" i="1"/>
  <c r="AC82127" i="1"/>
  <c r="AC82128" i="1"/>
  <c r="AC82129" i="1"/>
  <c r="AC82130" i="1"/>
  <c r="AC82131" i="1"/>
  <c r="AC82132" i="1"/>
  <c r="AC82133" i="1"/>
  <c r="AC82134" i="1"/>
  <c r="AC82135" i="1"/>
  <c r="AC82136" i="1"/>
  <c r="AC82137" i="1"/>
  <c r="AC82138" i="1"/>
  <c r="AC82139" i="1"/>
  <c r="AC82140" i="1"/>
  <c r="AC82141" i="1"/>
  <c r="AC82142" i="1"/>
  <c r="AC82143" i="1"/>
  <c r="AC82144" i="1"/>
  <c r="AC82145" i="1"/>
  <c r="AC82146" i="1"/>
  <c r="AC82147" i="1"/>
  <c r="AC82148" i="1"/>
  <c r="AC82149" i="1"/>
  <c r="AC82150" i="1"/>
  <c r="AC82151" i="1"/>
  <c r="AC82152" i="1"/>
  <c r="AC82153" i="1"/>
  <c r="AC82154" i="1"/>
  <c r="AC82155" i="1"/>
  <c r="AC82156" i="1"/>
  <c r="AC82157" i="1"/>
  <c r="AC82158" i="1"/>
  <c r="AC82159" i="1"/>
  <c r="AC82160" i="1"/>
  <c r="AC82161" i="1"/>
  <c r="AC82162" i="1"/>
  <c r="AC82163" i="1"/>
  <c r="AC82164" i="1"/>
  <c r="AC82165" i="1"/>
  <c r="AC82166" i="1"/>
  <c r="AC82167" i="1"/>
  <c r="AC82168" i="1"/>
  <c r="AC82169" i="1"/>
  <c r="AC82170" i="1"/>
  <c r="AC82171" i="1"/>
  <c r="AC82172" i="1"/>
  <c r="AC82173" i="1"/>
  <c r="AC82174" i="1"/>
  <c r="AC82175" i="1"/>
  <c r="AC82176" i="1"/>
  <c r="AC82177" i="1"/>
  <c r="AC82178" i="1"/>
  <c r="AC82179" i="1"/>
  <c r="AC82180" i="1"/>
  <c r="AC82181" i="1"/>
  <c r="AC82182" i="1"/>
  <c r="AC82183" i="1"/>
  <c r="AC82184" i="1"/>
  <c r="AC82185" i="1"/>
  <c r="AC82186" i="1"/>
  <c r="AC82187" i="1"/>
  <c r="AC82188" i="1"/>
  <c r="AC82189" i="1"/>
  <c r="AC82190" i="1"/>
  <c r="AC82191" i="1"/>
  <c r="AC82192" i="1"/>
  <c r="AC82193" i="1"/>
  <c r="AC82194" i="1"/>
  <c r="AC82195" i="1"/>
  <c r="AC82196" i="1"/>
  <c r="AC82197" i="1"/>
  <c r="AC82198" i="1"/>
  <c r="AC82199" i="1"/>
  <c r="AC82200" i="1"/>
  <c r="AC82201" i="1"/>
  <c r="AC82202" i="1"/>
  <c r="AC82203" i="1"/>
  <c r="AC82204" i="1"/>
  <c r="AC82205" i="1"/>
  <c r="AC82206" i="1"/>
  <c r="AC82207" i="1"/>
  <c r="AC82208" i="1"/>
  <c r="AC82209" i="1"/>
  <c r="AC82210" i="1"/>
  <c r="AC82211" i="1"/>
  <c r="AC82212" i="1"/>
  <c r="AC82213" i="1"/>
  <c r="AC82214" i="1"/>
  <c r="AC82215" i="1"/>
  <c r="AC82216" i="1"/>
  <c r="AC82217" i="1"/>
  <c r="AC82218" i="1"/>
  <c r="AC82219" i="1"/>
  <c r="AC82220" i="1"/>
  <c r="AC82221" i="1"/>
  <c r="AC82222" i="1"/>
  <c r="AC82223" i="1"/>
  <c r="AC82224" i="1"/>
  <c r="AC82225" i="1"/>
  <c r="AC82226" i="1"/>
  <c r="AC82227" i="1"/>
  <c r="AC82228" i="1"/>
  <c r="AC82229" i="1"/>
  <c r="AC82230" i="1"/>
  <c r="AC82231" i="1"/>
  <c r="AC82232" i="1"/>
  <c r="AC82233" i="1"/>
  <c r="AC82234" i="1"/>
  <c r="AC82235" i="1"/>
  <c r="AC82236" i="1"/>
  <c r="AC82237" i="1"/>
  <c r="AC82238" i="1"/>
  <c r="AC82239" i="1"/>
  <c r="AC82240" i="1"/>
  <c r="AC82241" i="1"/>
  <c r="AC82242" i="1"/>
  <c r="AC82243" i="1"/>
  <c r="AC82244" i="1"/>
  <c r="AC82245" i="1"/>
  <c r="AC82246" i="1"/>
  <c r="AC82247" i="1"/>
  <c r="AC82248" i="1"/>
  <c r="AC82249" i="1"/>
  <c r="AC82250" i="1"/>
  <c r="AC82251" i="1"/>
  <c r="AC82252" i="1"/>
  <c r="AC82253" i="1"/>
  <c r="AC82254" i="1"/>
  <c r="AC82255" i="1"/>
  <c r="AC82256" i="1"/>
  <c r="AC82257" i="1"/>
  <c r="AC82258" i="1"/>
  <c r="AC82259" i="1"/>
  <c r="AC82260" i="1"/>
  <c r="AC82261" i="1"/>
  <c r="AC82262" i="1"/>
  <c r="AC82263" i="1"/>
  <c r="AC82264" i="1"/>
  <c r="AC82265" i="1"/>
  <c r="AC82266" i="1"/>
  <c r="AC82267" i="1"/>
  <c r="AC82268" i="1"/>
  <c r="AC82269" i="1"/>
  <c r="AC82270" i="1"/>
  <c r="AC82271" i="1"/>
  <c r="AC82272" i="1"/>
  <c r="AC82273" i="1"/>
  <c r="AC82274" i="1"/>
  <c r="AC82275" i="1"/>
  <c r="AC82276" i="1"/>
  <c r="AC82277" i="1"/>
  <c r="AC82278" i="1"/>
  <c r="AC82279" i="1"/>
  <c r="AC82280" i="1"/>
  <c r="AC82281" i="1"/>
  <c r="AC82282" i="1"/>
  <c r="AC82283" i="1"/>
  <c r="AC82284" i="1"/>
  <c r="AC82285" i="1"/>
  <c r="AC82286" i="1"/>
  <c r="AC82287" i="1"/>
  <c r="AC82288" i="1"/>
  <c r="AC82289" i="1"/>
  <c r="AC82290" i="1"/>
  <c r="AC82291" i="1"/>
  <c r="AC82292" i="1"/>
  <c r="AC82293" i="1"/>
  <c r="AC82294" i="1"/>
  <c r="AC82295" i="1"/>
  <c r="AC82296" i="1"/>
  <c r="AC82297" i="1"/>
  <c r="AC82298" i="1"/>
  <c r="AC82299" i="1"/>
  <c r="AC82300" i="1"/>
  <c r="AC82301" i="1"/>
  <c r="AC82302" i="1"/>
  <c r="AC82303" i="1"/>
  <c r="AC82304" i="1"/>
  <c r="AC82305" i="1"/>
  <c r="AC82306" i="1"/>
  <c r="AC82307" i="1"/>
  <c r="AC82308" i="1"/>
  <c r="AC82309" i="1"/>
  <c r="AC82310" i="1"/>
  <c r="AC82311" i="1"/>
  <c r="AC82312" i="1"/>
  <c r="AC82313" i="1"/>
  <c r="AC82314" i="1"/>
  <c r="AC82315" i="1"/>
  <c r="AC82316" i="1"/>
  <c r="AC82317" i="1"/>
  <c r="AC82318" i="1"/>
  <c r="AC82319" i="1"/>
  <c r="AC82320" i="1"/>
  <c r="AC82321" i="1"/>
  <c r="AC82322" i="1"/>
  <c r="AC82323" i="1"/>
  <c r="AC82324" i="1"/>
  <c r="AC82325" i="1"/>
  <c r="AC82326" i="1"/>
  <c r="AC82327" i="1"/>
  <c r="AC82328" i="1"/>
  <c r="AC82329" i="1"/>
  <c r="AC82330" i="1"/>
  <c r="AC82331" i="1"/>
  <c r="AC82332" i="1"/>
  <c r="AC82333" i="1"/>
  <c r="AC82334" i="1"/>
  <c r="AC82335" i="1"/>
  <c r="AC82336" i="1"/>
  <c r="AC82337" i="1"/>
  <c r="AC82338" i="1"/>
  <c r="AC82339" i="1"/>
  <c r="AC82340" i="1"/>
  <c r="AC82341" i="1"/>
  <c r="AC82342" i="1"/>
  <c r="AC82343" i="1"/>
  <c r="AC82344" i="1"/>
  <c r="AC82345" i="1"/>
  <c r="AC82346" i="1"/>
  <c r="AC82347" i="1"/>
  <c r="AC82348" i="1"/>
  <c r="AC82349" i="1"/>
  <c r="AC82350" i="1"/>
  <c r="AC82351" i="1"/>
  <c r="AC82352" i="1"/>
  <c r="AC82353" i="1"/>
  <c r="AC82354" i="1"/>
  <c r="AC82355" i="1"/>
  <c r="AC82356" i="1"/>
  <c r="AC82357" i="1"/>
  <c r="AC82358" i="1"/>
  <c r="AC82359" i="1"/>
  <c r="AC82360" i="1"/>
  <c r="AC82361" i="1"/>
  <c r="AC82362" i="1"/>
  <c r="AC82363" i="1"/>
  <c r="AC82364" i="1"/>
  <c r="AC82365" i="1"/>
  <c r="AC82366" i="1"/>
  <c r="AC82367" i="1"/>
  <c r="AC82368" i="1"/>
  <c r="AC82369" i="1"/>
  <c r="AC82370" i="1"/>
  <c r="AC82371" i="1"/>
  <c r="AC82372" i="1"/>
  <c r="AC82373" i="1"/>
  <c r="AC82374" i="1"/>
  <c r="AC82375" i="1"/>
  <c r="AC82376" i="1"/>
  <c r="AC82377" i="1"/>
  <c r="AC82378" i="1"/>
  <c r="AC82379" i="1"/>
  <c r="AC82380" i="1"/>
  <c r="AC82381" i="1"/>
  <c r="AC82382" i="1"/>
  <c r="AC82383" i="1"/>
  <c r="AC82384" i="1"/>
  <c r="AC82385" i="1"/>
  <c r="AC82386" i="1"/>
  <c r="AC82387" i="1"/>
  <c r="AC82388" i="1"/>
  <c r="AC82389" i="1"/>
  <c r="AC82390" i="1"/>
  <c r="AC82391" i="1"/>
  <c r="AC82392" i="1"/>
  <c r="AC82393" i="1"/>
  <c r="AC82394" i="1"/>
  <c r="AC82395" i="1"/>
  <c r="AC82396" i="1"/>
  <c r="AC82397" i="1"/>
  <c r="AC82398" i="1"/>
  <c r="AC82399" i="1"/>
  <c r="AC82400" i="1"/>
  <c r="AC82401" i="1"/>
  <c r="AC82402" i="1"/>
  <c r="AC82403" i="1"/>
  <c r="AC82404" i="1"/>
  <c r="AC82405" i="1"/>
  <c r="AC82406" i="1"/>
  <c r="AC82407" i="1"/>
  <c r="AC82408" i="1"/>
  <c r="AC82409" i="1"/>
  <c r="AC82410" i="1"/>
  <c r="AC82411" i="1"/>
  <c r="AC82412" i="1"/>
  <c r="AC82413" i="1"/>
  <c r="AC82414" i="1"/>
  <c r="AC82415" i="1"/>
  <c r="AC82416" i="1"/>
  <c r="AC82417" i="1"/>
  <c r="AC82418" i="1"/>
  <c r="AC82419" i="1"/>
  <c r="AC82420" i="1"/>
  <c r="AC82421" i="1"/>
  <c r="AC82422" i="1"/>
  <c r="AC82423" i="1"/>
  <c r="AC82424" i="1"/>
  <c r="AC82425" i="1"/>
  <c r="AC82426" i="1"/>
  <c r="AC82427" i="1"/>
  <c r="AC82428" i="1"/>
  <c r="AC82429" i="1"/>
  <c r="AC82430" i="1"/>
  <c r="AC82431" i="1"/>
  <c r="AC82432" i="1"/>
  <c r="AC82433" i="1"/>
  <c r="AC82434" i="1"/>
  <c r="AC82435" i="1"/>
  <c r="AC82436" i="1"/>
  <c r="AC82437" i="1"/>
  <c r="AC82438" i="1"/>
  <c r="AC82439" i="1"/>
  <c r="AC82440" i="1"/>
  <c r="AC82441" i="1"/>
  <c r="AC82442" i="1"/>
  <c r="AC82443" i="1"/>
  <c r="AC82444" i="1"/>
  <c r="AC82445" i="1"/>
  <c r="AC82446" i="1"/>
  <c r="AC82447" i="1"/>
  <c r="AC82448" i="1"/>
  <c r="AC82449" i="1"/>
  <c r="AC82450" i="1"/>
  <c r="AC82451" i="1"/>
  <c r="AC82452" i="1"/>
  <c r="AC82453" i="1"/>
  <c r="AC82454" i="1"/>
  <c r="AC82455" i="1"/>
  <c r="AC82456" i="1"/>
  <c r="AC82457" i="1"/>
  <c r="AC82458" i="1"/>
  <c r="AC82459" i="1"/>
  <c r="AC82460" i="1"/>
  <c r="AC82461" i="1"/>
  <c r="AC82462" i="1"/>
  <c r="AC82463" i="1"/>
  <c r="AC82464" i="1"/>
  <c r="AC82465" i="1"/>
  <c r="AC82466" i="1"/>
  <c r="AC82467" i="1"/>
  <c r="AC82468" i="1"/>
  <c r="AC82469" i="1"/>
  <c r="AC82470" i="1"/>
  <c r="AC82471" i="1"/>
  <c r="AC82472" i="1"/>
  <c r="AC82473" i="1"/>
  <c r="AC82474" i="1"/>
  <c r="AC82475" i="1"/>
  <c r="AC82476" i="1"/>
  <c r="AC82477" i="1"/>
  <c r="AC82478" i="1"/>
  <c r="AC82479" i="1"/>
  <c r="AC82480" i="1"/>
  <c r="AC82481" i="1"/>
  <c r="AC82482" i="1"/>
  <c r="AC82483" i="1"/>
  <c r="AC82484" i="1"/>
  <c r="AC82485" i="1"/>
  <c r="AC82486" i="1"/>
  <c r="AC82487" i="1"/>
  <c r="AC82488" i="1"/>
  <c r="AC82489" i="1"/>
  <c r="AC82490" i="1"/>
  <c r="AC82491" i="1"/>
  <c r="AC82492" i="1"/>
  <c r="AC82493" i="1"/>
  <c r="AC82494" i="1"/>
  <c r="AC82495" i="1"/>
  <c r="AC82496" i="1"/>
  <c r="AC82497" i="1"/>
  <c r="AC82498" i="1"/>
  <c r="AC82499" i="1"/>
  <c r="AC82500" i="1"/>
  <c r="AC82501" i="1"/>
  <c r="AC82502" i="1"/>
  <c r="AC82503" i="1"/>
  <c r="AC82504" i="1"/>
  <c r="AC82505" i="1"/>
  <c r="AC82506" i="1"/>
  <c r="AC82507" i="1"/>
  <c r="AC82508" i="1"/>
  <c r="AC82509" i="1"/>
  <c r="AC82510" i="1"/>
  <c r="AC82511" i="1"/>
  <c r="AC82512" i="1"/>
  <c r="AC82513" i="1"/>
  <c r="AC82514" i="1"/>
  <c r="AC82515" i="1"/>
  <c r="AC82516" i="1"/>
  <c r="AC82517" i="1"/>
  <c r="AC82518" i="1"/>
  <c r="AC82519" i="1"/>
  <c r="AC82520" i="1"/>
  <c r="AC82521" i="1"/>
  <c r="AC82522" i="1"/>
  <c r="AC82523" i="1"/>
  <c r="AC82524" i="1"/>
  <c r="AC82525" i="1"/>
  <c r="AC82526" i="1"/>
  <c r="AC82527" i="1"/>
  <c r="AC82528" i="1"/>
  <c r="AC82529" i="1"/>
  <c r="AC82530" i="1"/>
  <c r="AC82531" i="1"/>
  <c r="AC82532" i="1"/>
  <c r="AC82533" i="1"/>
  <c r="AC82534" i="1"/>
  <c r="AC82535" i="1"/>
  <c r="AC82536" i="1"/>
  <c r="AC82537" i="1"/>
  <c r="AC82538" i="1"/>
  <c r="AC82539" i="1"/>
  <c r="AC82540" i="1"/>
  <c r="AC82541" i="1"/>
  <c r="AC82542" i="1"/>
  <c r="AC82543" i="1"/>
  <c r="AC82544" i="1"/>
  <c r="AC82545" i="1"/>
  <c r="AC82546" i="1"/>
  <c r="AC82547" i="1"/>
  <c r="AC82548" i="1"/>
  <c r="AC82549" i="1"/>
  <c r="AC82550" i="1"/>
  <c r="AC82551" i="1"/>
  <c r="AC82552" i="1"/>
  <c r="AC82553" i="1"/>
  <c r="AC82554" i="1"/>
  <c r="AC82555" i="1"/>
  <c r="AC82556" i="1"/>
  <c r="AC82557" i="1"/>
  <c r="AC82558" i="1"/>
  <c r="AC82559" i="1"/>
  <c r="AC82560" i="1"/>
  <c r="AC82561" i="1"/>
  <c r="AC82562" i="1"/>
  <c r="AC82563" i="1"/>
  <c r="AC82564" i="1"/>
  <c r="AC82565" i="1"/>
  <c r="AC82566" i="1"/>
  <c r="AC82567" i="1"/>
  <c r="AC82568" i="1"/>
  <c r="AC82569" i="1"/>
  <c r="AC82570" i="1"/>
  <c r="AC82571" i="1"/>
  <c r="AC82572" i="1"/>
  <c r="AC82573" i="1"/>
  <c r="AC82574" i="1"/>
  <c r="AC82575" i="1"/>
  <c r="AC82576" i="1"/>
  <c r="AC82577" i="1"/>
  <c r="AC82578" i="1"/>
  <c r="AC82579" i="1"/>
  <c r="AC82580" i="1"/>
  <c r="AC82581" i="1"/>
  <c r="AC82582" i="1"/>
  <c r="AC82583" i="1"/>
  <c r="AC82584" i="1"/>
  <c r="AC82585" i="1"/>
  <c r="AC82586" i="1"/>
  <c r="AC82587" i="1"/>
  <c r="AC82588" i="1"/>
  <c r="AC82589" i="1"/>
  <c r="AC82590" i="1"/>
  <c r="AC82591" i="1"/>
  <c r="AC82592" i="1"/>
  <c r="AC82593" i="1"/>
  <c r="AC82594" i="1"/>
  <c r="AC82595" i="1"/>
  <c r="AC82596" i="1"/>
  <c r="AC82597" i="1"/>
  <c r="AC82598" i="1"/>
  <c r="AC82599" i="1"/>
  <c r="AC82600" i="1"/>
  <c r="AC82601" i="1"/>
  <c r="AC82602" i="1"/>
  <c r="AC82603" i="1"/>
  <c r="AC82604" i="1"/>
  <c r="AC82605" i="1"/>
  <c r="AC82606" i="1"/>
  <c r="AC82607" i="1"/>
  <c r="AC82608" i="1"/>
  <c r="AC82609" i="1"/>
  <c r="AC82610" i="1"/>
  <c r="AC82611" i="1"/>
  <c r="AC82612" i="1"/>
  <c r="AC82613" i="1"/>
  <c r="AC82614" i="1"/>
  <c r="AC82615" i="1"/>
  <c r="AC82616" i="1"/>
  <c r="AC82617" i="1"/>
  <c r="AC82618" i="1"/>
  <c r="AC82619" i="1"/>
  <c r="AC82620" i="1"/>
  <c r="AC82621" i="1"/>
  <c r="AC82622" i="1"/>
  <c r="AC82623" i="1"/>
  <c r="AC82624" i="1"/>
  <c r="AC82625" i="1"/>
  <c r="AC82626" i="1"/>
  <c r="AC82627" i="1"/>
  <c r="AC82628" i="1"/>
  <c r="AC82629" i="1"/>
  <c r="AC82630" i="1"/>
  <c r="AC82631" i="1"/>
  <c r="AC82632" i="1"/>
  <c r="AC82633" i="1"/>
  <c r="AC82634" i="1"/>
  <c r="AC82635" i="1"/>
  <c r="AC82636" i="1"/>
  <c r="AC82637" i="1"/>
  <c r="AC82638" i="1"/>
  <c r="AC82639" i="1"/>
  <c r="AC82640" i="1"/>
  <c r="AC82641" i="1"/>
  <c r="AC82642" i="1"/>
  <c r="AC82643" i="1"/>
  <c r="AC82644" i="1"/>
  <c r="AC82645" i="1"/>
  <c r="AC82646" i="1"/>
  <c r="AC82647" i="1"/>
  <c r="AC82648" i="1"/>
  <c r="AC82649" i="1"/>
  <c r="AC82650" i="1"/>
  <c r="AC82651" i="1"/>
  <c r="AC82652" i="1"/>
  <c r="AC82653" i="1"/>
  <c r="AC82654" i="1"/>
  <c r="AC82655" i="1"/>
  <c r="AC82656" i="1"/>
  <c r="AC82657" i="1"/>
  <c r="AC82658" i="1"/>
  <c r="AC82659" i="1"/>
  <c r="AC82660" i="1"/>
  <c r="AC82661" i="1"/>
  <c r="AC82662" i="1"/>
  <c r="AC82663" i="1"/>
  <c r="AC82664" i="1"/>
  <c r="AC82665" i="1"/>
  <c r="AC82666" i="1"/>
  <c r="AC82667" i="1"/>
  <c r="AC82668" i="1"/>
  <c r="AC82669" i="1"/>
  <c r="AC82670" i="1"/>
  <c r="AC82671" i="1"/>
  <c r="AC82672" i="1"/>
  <c r="AC82673" i="1"/>
  <c r="AC82674" i="1"/>
  <c r="AC82675" i="1"/>
  <c r="AC82676" i="1"/>
  <c r="AC82677" i="1"/>
  <c r="AC82678" i="1"/>
  <c r="AC82679" i="1"/>
  <c r="AC82680" i="1"/>
  <c r="AC82681" i="1"/>
  <c r="AC82682" i="1"/>
  <c r="AC82683" i="1"/>
  <c r="AC82684" i="1"/>
  <c r="AC82685" i="1"/>
  <c r="AC82686" i="1"/>
  <c r="AC82687" i="1"/>
  <c r="AC82688" i="1"/>
  <c r="AC82689" i="1"/>
  <c r="AC82690" i="1"/>
  <c r="AC82691" i="1"/>
  <c r="AC82692" i="1"/>
  <c r="AC82693" i="1"/>
  <c r="AC82694" i="1"/>
  <c r="AC82695" i="1"/>
  <c r="AC82696" i="1"/>
  <c r="AC82697" i="1"/>
  <c r="AC82698" i="1"/>
  <c r="AC82699" i="1"/>
  <c r="AC82700" i="1"/>
  <c r="AC82701" i="1"/>
  <c r="AC82702" i="1"/>
  <c r="AC82703" i="1"/>
  <c r="AC82704" i="1"/>
  <c r="AC82705" i="1"/>
  <c r="AC82706" i="1"/>
  <c r="AC82707" i="1"/>
  <c r="AC82708" i="1"/>
  <c r="AC82709" i="1"/>
  <c r="AC82710" i="1"/>
  <c r="AC82711" i="1"/>
  <c r="AC82712" i="1"/>
  <c r="AC82713" i="1"/>
  <c r="AC82714" i="1"/>
  <c r="AC82715" i="1"/>
  <c r="AC82716" i="1"/>
  <c r="AC82717" i="1"/>
  <c r="AC82718" i="1"/>
  <c r="AC82719" i="1"/>
  <c r="AC82720" i="1"/>
  <c r="AC82721" i="1"/>
  <c r="AC82722" i="1"/>
  <c r="AC82723" i="1"/>
  <c r="AC82724" i="1"/>
  <c r="AC82725" i="1"/>
  <c r="AC82726" i="1"/>
  <c r="AC82727" i="1"/>
  <c r="AC82728" i="1"/>
  <c r="AC82729" i="1"/>
  <c r="AC82730" i="1"/>
  <c r="AC82731" i="1"/>
  <c r="AC82732" i="1"/>
  <c r="AC82733" i="1"/>
  <c r="AC82734" i="1"/>
  <c r="AC82735" i="1"/>
  <c r="AC82736" i="1"/>
  <c r="AC82737" i="1"/>
  <c r="AC82738" i="1"/>
  <c r="AC82739" i="1"/>
  <c r="AC82740" i="1"/>
  <c r="AC82741" i="1"/>
  <c r="AC82742" i="1"/>
  <c r="AC82743" i="1"/>
  <c r="AC82744" i="1"/>
  <c r="AC82745" i="1"/>
  <c r="AC82746" i="1"/>
  <c r="AC82747" i="1"/>
  <c r="AC82748" i="1"/>
  <c r="AC82749" i="1"/>
  <c r="AC82750" i="1"/>
  <c r="AC82751" i="1"/>
  <c r="AC82752" i="1"/>
  <c r="AC82753" i="1"/>
  <c r="AC82754" i="1"/>
  <c r="AC82755" i="1"/>
  <c r="AC82756" i="1"/>
  <c r="AC82757" i="1"/>
  <c r="AC82758" i="1"/>
  <c r="AC82759" i="1"/>
  <c r="AC82760" i="1"/>
  <c r="AC82761" i="1"/>
  <c r="AC82762" i="1"/>
  <c r="AC82763" i="1"/>
  <c r="AC82764" i="1"/>
  <c r="AC82765" i="1"/>
  <c r="AC82766" i="1"/>
  <c r="AC82767" i="1"/>
  <c r="AC82768" i="1"/>
  <c r="AC82769" i="1"/>
  <c r="AC82770" i="1"/>
  <c r="AC82771" i="1"/>
  <c r="AC82772" i="1"/>
  <c r="AC82773" i="1"/>
  <c r="AC82774" i="1"/>
  <c r="AC82775" i="1"/>
  <c r="AC82776" i="1"/>
  <c r="AC82777" i="1"/>
  <c r="AC82778" i="1"/>
  <c r="AC82779" i="1"/>
  <c r="AC82780" i="1"/>
  <c r="AC82781" i="1"/>
  <c r="AC82782" i="1"/>
  <c r="AC82783" i="1"/>
  <c r="AC82784" i="1"/>
  <c r="AC82785" i="1"/>
  <c r="AC82786" i="1"/>
  <c r="AC82787" i="1"/>
  <c r="AC82788" i="1"/>
  <c r="AC82789" i="1"/>
  <c r="AC82790" i="1"/>
  <c r="AC82791" i="1"/>
  <c r="AC82792" i="1"/>
  <c r="AC82793" i="1"/>
  <c r="AC82794" i="1"/>
  <c r="AC82795" i="1"/>
  <c r="AC82796" i="1"/>
  <c r="AC82797" i="1"/>
  <c r="AC82798" i="1"/>
  <c r="AC82799" i="1"/>
  <c r="AC82800" i="1"/>
  <c r="AC82801" i="1"/>
  <c r="AC82802" i="1"/>
  <c r="AC82803" i="1"/>
  <c r="AC82804" i="1"/>
  <c r="AC82805" i="1"/>
  <c r="AC82806" i="1"/>
  <c r="AC82807" i="1"/>
  <c r="AC82808" i="1"/>
  <c r="AC82809" i="1"/>
  <c r="AC82810" i="1"/>
  <c r="AC82811" i="1"/>
  <c r="AC82812" i="1"/>
  <c r="AC82813" i="1"/>
  <c r="AC82814" i="1"/>
  <c r="AC82815" i="1"/>
  <c r="AC82816" i="1"/>
  <c r="AC82817" i="1"/>
  <c r="AC82818" i="1"/>
  <c r="AC82819" i="1"/>
  <c r="AC82820" i="1"/>
  <c r="AC82821" i="1"/>
  <c r="AC82822" i="1"/>
  <c r="AC82823" i="1"/>
  <c r="AC82824" i="1"/>
  <c r="AC82825" i="1"/>
  <c r="AC82826" i="1"/>
  <c r="AC82827" i="1"/>
  <c r="AC82828" i="1"/>
  <c r="AC82829" i="1"/>
  <c r="AC82830" i="1"/>
  <c r="AC82831" i="1"/>
  <c r="AC82832" i="1"/>
  <c r="AC82833" i="1"/>
  <c r="AC82834" i="1"/>
  <c r="AC82835" i="1"/>
  <c r="AC82836" i="1"/>
  <c r="AC82837" i="1"/>
  <c r="AC82838" i="1"/>
  <c r="AC82839" i="1"/>
  <c r="AC82840" i="1"/>
  <c r="AC82841" i="1"/>
  <c r="AC82842" i="1"/>
  <c r="AC82843" i="1"/>
  <c r="AC82844" i="1"/>
  <c r="AC82845" i="1"/>
  <c r="AC82846" i="1"/>
  <c r="AC82847" i="1"/>
  <c r="AC82848" i="1"/>
  <c r="AC82849" i="1"/>
  <c r="AC82850" i="1"/>
  <c r="AC82851" i="1"/>
  <c r="AC82852" i="1"/>
  <c r="AC82853" i="1"/>
  <c r="AC82854" i="1"/>
  <c r="AC82855" i="1"/>
  <c r="AC82856" i="1"/>
  <c r="AC82857" i="1"/>
  <c r="AC82858" i="1"/>
  <c r="AC82859" i="1"/>
  <c r="AC82860" i="1"/>
  <c r="AC82861" i="1"/>
  <c r="AC82862" i="1"/>
  <c r="AC82863" i="1"/>
  <c r="AC82864" i="1"/>
  <c r="AC82865" i="1"/>
  <c r="AC82866" i="1"/>
  <c r="AC82867" i="1"/>
  <c r="AC82868" i="1"/>
  <c r="AC82869" i="1"/>
  <c r="AC82870" i="1"/>
  <c r="AC82871" i="1"/>
  <c r="AC82872" i="1"/>
  <c r="AC82873" i="1"/>
  <c r="AC82874" i="1"/>
  <c r="AC82875" i="1"/>
  <c r="AC82876" i="1"/>
  <c r="AC82877" i="1"/>
  <c r="AC82878" i="1"/>
  <c r="AC82879" i="1"/>
  <c r="AC82880" i="1"/>
  <c r="AC82881" i="1"/>
  <c r="AC82882" i="1"/>
  <c r="AC82883" i="1"/>
  <c r="AC82884" i="1"/>
  <c r="AC82885" i="1"/>
  <c r="AC82886" i="1"/>
  <c r="AC82887" i="1"/>
  <c r="AC82888" i="1"/>
  <c r="AC82889" i="1"/>
  <c r="AC82890" i="1"/>
  <c r="AC82891" i="1"/>
  <c r="AC82892" i="1"/>
  <c r="AC82893" i="1"/>
  <c r="AC82894" i="1"/>
  <c r="AC82895" i="1"/>
  <c r="AC82896" i="1"/>
  <c r="AC82897" i="1"/>
  <c r="AC82898" i="1"/>
  <c r="AC82899" i="1"/>
  <c r="AC82900" i="1"/>
  <c r="AC82901" i="1"/>
  <c r="AC82902" i="1"/>
  <c r="AC82903" i="1"/>
  <c r="AC82904" i="1"/>
  <c r="AC82905" i="1"/>
  <c r="AC82906" i="1"/>
  <c r="AC82907" i="1"/>
  <c r="AC82908" i="1"/>
  <c r="AC82909" i="1"/>
  <c r="AC82910" i="1"/>
  <c r="AC82911" i="1"/>
  <c r="AC82912" i="1"/>
  <c r="AC82913" i="1"/>
  <c r="AC82914" i="1"/>
  <c r="AC82915" i="1"/>
  <c r="AC82916" i="1"/>
  <c r="AC82917" i="1"/>
  <c r="AC82918" i="1"/>
  <c r="AC82919" i="1"/>
  <c r="AC82920" i="1"/>
  <c r="AC82921" i="1"/>
  <c r="AC82922" i="1"/>
  <c r="AC82923" i="1"/>
  <c r="AC82924" i="1"/>
  <c r="AC82925" i="1"/>
  <c r="AC82926" i="1"/>
  <c r="AC82927" i="1"/>
  <c r="AC82928" i="1"/>
  <c r="AC82929" i="1"/>
  <c r="AC82930" i="1"/>
  <c r="AC82931" i="1"/>
  <c r="AC82932" i="1"/>
  <c r="AC82933" i="1"/>
  <c r="AC82934" i="1"/>
  <c r="AC82935" i="1"/>
  <c r="AC82936" i="1"/>
  <c r="AC82937" i="1"/>
  <c r="AC82938" i="1"/>
  <c r="AC82939" i="1"/>
  <c r="AC82940" i="1"/>
  <c r="AC82941" i="1"/>
  <c r="AC82942" i="1"/>
  <c r="AC82943" i="1"/>
  <c r="AC82944" i="1"/>
  <c r="AC82945" i="1"/>
  <c r="AC82946" i="1"/>
  <c r="AC82947" i="1"/>
  <c r="AC82948" i="1"/>
  <c r="AC82949" i="1"/>
  <c r="AC82950" i="1"/>
  <c r="AC82951" i="1"/>
  <c r="AC82952" i="1"/>
  <c r="AC82953" i="1"/>
  <c r="AC82954" i="1"/>
  <c r="AC82955" i="1"/>
  <c r="AC82956" i="1"/>
  <c r="AC82957" i="1"/>
  <c r="AC82958" i="1"/>
  <c r="AC82959" i="1"/>
  <c r="AC82960" i="1"/>
  <c r="AC82961" i="1"/>
  <c r="AC82962" i="1"/>
  <c r="AC82963" i="1"/>
  <c r="AC82964" i="1"/>
  <c r="AC82965" i="1"/>
  <c r="AC82966" i="1"/>
  <c r="AC82967" i="1"/>
  <c r="AC82968" i="1"/>
  <c r="AC82969" i="1"/>
  <c r="AC82970" i="1"/>
  <c r="AC82971" i="1"/>
  <c r="AC82972" i="1"/>
  <c r="AC82973" i="1"/>
  <c r="AC82974" i="1"/>
  <c r="AC82975" i="1"/>
  <c r="AC82976" i="1"/>
  <c r="AC82977" i="1"/>
  <c r="AC82978" i="1"/>
  <c r="AC82979" i="1"/>
  <c r="AC82980" i="1"/>
  <c r="AC82981" i="1"/>
  <c r="AC82982" i="1"/>
  <c r="AC82983" i="1"/>
  <c r="AC82984" i="1"/>
  <c r="AC82985" i="1"/>
  <c r="AC82986" i="1"/>
  <c r="AC82987" i="1"/>
  <c r="AC82988" i="1"/>
  <c r="AC82989" i="1"/>
  <c r="AC82990" i="1"/>
  <c r="AC82991" i="1"/>
  <c r="AC82992" i="1"/>
  <c r="AC82993" i="1"/>
  <c r="AC82994" i="1"/>
  <c r="AC82995" i="1"/>
  <c r="AC82996" i="1"/>
  <c r="AC82997" i="1"/>
  <c r="AC82998" i="1"/>
  <c r="AC82999" i="1"/>
  <c r="AC83000" i="1"/>
  <c r="AC83001" i="1"/>
  <c r="AC83002" i="1"/>
  <c r="AC83003" i="1"/>
  <c r="AC83004" i="1"/>
  <c r="AC83005" i="1"/>
  <c r="AC83006" i="1"/>
  <c r="AC83007" i="1"/>
  <c r="AC83008" i="1"/>
  <c r="AC83009" i="1"/>
  <c r="AC83010" i="1"/>
  <c r="AC83011" i="1"/>
  <c r="AC83012" i="1"/>
  <c r="AC83013" i="1"/>
  <c r="AC83014" i="1"/>
  <c r="AC83015" i="1"/>
  <c r="AC83016" i="1"/>
  <c r="AC83017" i="1"/>
  <c r="AC83018" i="1"/>
  <c r="AC83019" i="1"/>
  <c r="AC83020" i="1"/>
  <c r="AC83021" i="1"/>
  <c r="AC83022" i="1"/>
  <c r="AC83023" i="1"/>
  <c r="AC83024" i="1"/>
  <c r="AC83025" i="1"/>
  <c r="AC83026" i="1"/>
  <c r="AC83027" i="1"/>
  <c r="AC83028" i="1"/>
  <c r="AC83029" i="1"/>
  <c r="AC83030" i="1"/>
  <c r="AC83031" i="1"/>
  <c r="AC83032" i="1"/>
  <c r="AC83033" i="1"/>
  <c r="AC83034" i="1"/>
  <c r="AC83035" i="1"/>
  <c r="AC83036" i="1"/>
  <c r="AC83037" i="1"/>
  <c r="AC83038" i="1"/>
  <c r="AC83039" i="1"/>
  <c r="AC83040" i="1"/>
  <c r="AC83041" i="1"/>
  <c r="AC83042" i="1"/>
  <c r="AC83043" i="1"/>
  <c r="AC83044" i="1"/>
  <c r="AC83045" i="1"/>
  <c r="AC83046" i="1"/>
  <c r="AC83047" i="1"/>
  <c r="AC83048" i="1"/>
  <c r="AC83049" i="1"/>
  <c r="AC83050" i="1"/>
  <c r="AC83051" i="1"/>
  <c r="AC83052" i="1"/>
  <c r="AC83053" i="1"/>
  <c r="AC83054" i="1"/>
  <c r="AC83055" i="1"/>
  <c r="AC83056" i="1"/>
  <c r="AC83057" i="1"/>
  <c r="AC83058" i="1"/>
  <c r="AC83059" i="1"/>
  <c r="AC83060" i="1"/>
  <c r="AC83061" i="1"/>
  <c r="AC83062" i="1"/>
  <c r="AC83063" i="1"/>
  <c r="AC83064" i="1"/>
  <c r="AC83065" i="1"/>
  <c r="AC83066" i="1"/>
  <c r="AC83067" i="1"/>
  <c r="AC83068" i="1"/>
  <c r="AC83069" i="1"/>
  <c r="AC83070" i="1"/>
  <c r="AC83071" i="1"/>
  <c r="AC83072" i="1"/>
  <c r="AC83073" i="1"/>
  <c r="AC83074" i="1"/>
  <c r="AC83075" i="1"/>
  <c r="AC83076" i="1"/>
  <c r="AC83077" i="1"/>
  <c r="AC83078" i="1"/>
  <c r="AC83079" i="1"/>
  <c r="AC83080" i="1"/>
  <c r="AC83081" i="1"/>
  <c r="AC83082" i="1"/>
  <c r="AC83083" i="1"/>
  <c r="AC83084" i="1"/>
  <c r="AC83085" i="1"/>
  <c r="AC83086" i="1"/>
  <c r="AC83087" i="1"/>
  <c r="AC83088" i="1"/>
  <c r="AC83089" i="1"/>
  <c r="AC83090" i="1"/>
  <c r="AC83091" i="1"/>
  <c r="AC83092" i="1"/>
  <c r="AC83093" i="1"/>
  <c r="AC83094" i="1"/>
  <c r="AC83095" i="1"/>
  <c r="AC83096" i="1"/>
  <c r="AC83097" i="1"/>
  <c r="AC83098" i="1"/>
  <c r="AC83099" i="1"/>
  <c r="AC83100" i="1"/>
  <c r="AC83101" i="1"/>
  <c r="AC83102" i="1"/>
  <c r="AC83103" i="1"/>
  <c r="AC83104" i="1"/>
  <c r="AC83105" i="1"/>
  <c r="AC83106" i="1"/>
  <c r="AC83107" i="1"/>
  <c r="AC83108" i="1"/>
  <c r="AC83109" i="1"/>
  <c r="AC83110" i="1"/>
  <c r="AC83111" i="1"/>
  <c r="AC83112" i="1"/>
  <c r="AC83113" i="1"/>
  <c r="AC83114" i="1"/>
  <c r="AC83115" i="1"/>
  <c r="AC83116" i="1"/>
  <c r="AC83117" i="1"/>
  <c r="AC83118" i="1"/>
  <c r="AC83119" i="1"/>
  <c r="AC83120" i="1"/>
  <c r="AC83121" i="1"/>
  <c r="AC83122" i="1"/>
  <c r="AC83123" i="1"/>
  <c r="AC83124" i="1"/>
  <c r="AC83125" i="1"/>
  <c r="AC83126" i="1"/>
  <c r="AC83127" i="1"/>
  <c r="AC83128" i="1"/>
  <c r="AC83129" i="1"/>
  <c r="AC83130" i="1"/>
  <c r="AC83131" i="1"/>
  <c r="AC83132" i="1"/>
  <c r="AC83133" i="1"/>
  <c r="AC83134" i="1"/>
  <c r="AC83135" i="1"/>
  <c r="AC83136" i="1"/>
  <c r="AC83137" i="1"/>
  <c r="AC83138" i="1"/>
  <c r="AC83139" i="1"/>
  <c r="AC83140" i="1"/>
  <c r="AC83141" i="1"/>
  <c r="AC83142" i="1"/>
  <c r="AC83143" i="1"/>
  <c r="AC83144" i="1"/>
  <c r="AC83145" i="1"/>
  <c r="AC83146" i="1"/>
  <c r="AC83147" i="1"/>
  <c r="AC83148" i="1"/>
  <c r="AC83149" i="1"/>
  <c r="AC83150" i="1"/>
  <c r="AC83151" i="1"/>
  <c r="AC83152" i="1"/>
  <c r="AC83153" i="1"/>
  <c r="AC83154" i="1"/>
  <c r="AC83155" i="1"/>
  <c r="AC83156" i="1"/>
  <c r="AC83157" i="1"/>
  <c r="AC83158" i="1"/>
  <c r="AC83159" i="1"/>
  <c r="AC83160" i="1"/>
  <c r="AC83161" i="1"/>
  <c r="AC83162" i="1"/>
  <c r="AC83163" i="1"/>
  <c r="AC83164" i="1"/>
  <c r="AC83165" i="1"/>
  <c r="AC83166" i="1"/>
  <c r="AC83167" i="1"/>
  <c r="AC83168" i="1"/>
  <c r="AC83169" i="1"/>
  <c r="AC83170" i="1"/>
  <c r="AC83171" i="1"/>
  <c r="AC83172" i="1"/>
  <c r="AC83173" i="1"/>
  <c r="AC83174" i="1"/>
  <c r="AC83175" i="1"/>
  <c r="AC83176" i="1"/>
  <c r="AC83177" i="1"/>
  <c r="AC83178" i="1"/>
  <c r="AC83179" i="1"/>
  <c r="AC83180" i="1"/>
  <c r="AC83181" i="1"/>
  <c r="AC83182" i="1"/>
  <c r="AC83183" i="1"/>
  <c r="AC83184" i="1"/>
  <c r="AC83185" i="1"/>
  <c r="AC83186" i="1"/>
  <c r="AC83187" i="1"/>
  <c r="AC83188" i="1"/>
  <c r="AC83189" i="1"/>
  <c r="AC83190" i="1"/>
  <c r="AC83191" i="1"/>
  <c r="AC83192" i="1"/>
  <c r="AC83193" i="1"/>
  <c r="AC83194" i="1"/>
  <c r="AC83195" i="1"/>
  <c r="AC83196" i="1"/>
  <c r="AC83197" i="1"/>
  <c r="AC83198" i="1"/>
  <c r="AC83199" i="1"/>
  <c r="AC83200" i="1"/>
  <c r="AC83201" i="1"/>
  <c r="AC83202" i="1"/>
  <c r="AC83203" i="1"/>
  <c r="AC83204" i="1"/>
  <c r="AC83205" i="1"/>
  <c r="AC83206" i="1"/>
  <c r="AC83207" i="1"/>
  <c r="AC83208" i="1"/>
  <c r="AC83209" i="1"/>
  <c r="AC83210" i="1"/>
  <c r="AC83211" i="1"/>
  <c r="AC83212" i="1"/>
  <c r="AC83213" i="1"/>
  <c r="AC83214" i="1"/>
  <c r="AC83215" i="1"/>
  <c r="AC83216" i="1"/>
  <c r="AC83217" i="1"/>
  <c r="AC83218" i="1"/>
  <c r="AC83219" i="1"/>
  <c r="AC83220" i="1"/>
  <c r="AC83221" i="1"/>
  <c r="AC83222" i="1"/>
  <c r="AC83223" i="1"/>
  <c r="AC83224" i="1"/>
  <c r="AC83225" i="1"/>
  <c r="AC83226" i="1"/>
  <c r="AC83227" i="1"/>
  <c r="AC83228" i="1"/>
  <c r="AC83229" i="1"/>
  <c r="AC83230" i="1"/>
  <c r="AC83231" i="1"/>
  <c r="AC83232" i="1"/>
  <c r="AC83233" i="1"/>
  <c r="AC83234" i="1"/>
  <c r="AC83235" i="1"/>
  <c r="AC83236" i="1"/>
  <c r="AC83237" i="1"/>
  <c r="AC83238" i="1"/>
  <c r="AC83239" i="1"/>
  <c r="AC83240" i="1"/>
  <c r="AC83241" i="1"/>
  <c r="AC83242" i="1"/>
  <c r="AC83243" i="1"/>
  <c r="AC83244" i="1"/>
  <c r="AC83245" i="1"/>
  <c r="AC83246" i="1"/>
  <c r="AC83247" i="1"/>
  <c r="AC83248" i="1"/>
  <c r="AC83249" i="1"/>
  <c r="AC83250" i="1"/>
  <c r="AC83251" i="1"/>
  <c r="AC83252" i="1"/>
  <c r="AC83253" i="1"/>
  <c r="AC83254" i="1"/>
  <c r="AC83255" i="1"/>
  <c r="AC83256" i="1"/>
  <c r="AC83257" i="1"/>
  <c r="AC83258" i="1"/>
  <c r="AC83259" i="1"/>
  <c r="AC83260" i="1"/>
  <c r="AC83261" i="1"/>
  <c r="AC83262" i="1"/>
  <c r="AC83263" i="1"/>
  <c r="AC83264" i="1"/>
  <c r="AC83265" i="1"/>
  <c r="AC83266" i="1"/>
  <c r="AC83267" i="1"/>
  <c r="AC83268" i="1"/>
  <c r="AC83269" i="1"/>
  <c r="AC83270" i="1"/>
  <c r="AC83271" i="1"/>
  <c r="AC83272" i="1"/>
  <c r="AC83273" i="1"/>
  <c r="AC83274" i="1"/>
  <c r="AC83275" i="1"/>
  <c r="AC83276" i="1"/>
  <c r="AC83277" i="1"/>
  <c r="AC83278" i="1"/>
  <c r="AC83279" i="1"/>
  <c r="AC83280" i="1"/>
  <c r="AC83281" i="1"/>
  <c r="AC83282" i="1"/>
  <c r="AC83283" i="1"/>
  <c r="AC83284" i="1"/>
  <c r="AC83285" i="1"/>
  <c r="AC83286" i="1"/>
  <c r="AC83287" i="1"/>
  <c r="AC83288" i="1"/>
  <c r="AC83289" i="1"/>
  <c r="AC83290" i="1"/>
  <c r="AC83291" i="1"/>
  <c r="AC83292" i="1"/>
  <c r="AC83293" i="1"/>
  <c r="AC83294" i="1"/>
  <c r="AC83295" i="1"/>
  <c r="AC83296" i="1"/>
  <c r="AC83297" i="1"/>
  <c r="AC83298" i="1"/>
  <c r="AC83299" i="1"/>
  <c r="AC83300" i="1"/>
  <c r="AC83301" i="1"/>
  <c r="AC83302" i="1"/>
  <c r="AC83303" i="1"/>
  <c r="AC83304" i="1"/>
  <c r="AC83305" i="1"/>
  <c r="AC83306" i="1"/>
  <c r="AC83307" i="1"/>
  <c r="AC83308" i="1"/>
  <c r="AC83309" i="1"/>
  <c r="AC83310" i="1"/>
  <c r="AC83311" i="1"/>
  <c r="AC83312" i="1"/>
  <c r="AC83313" i="1"/>
  <c r="AC83314" i="1"/>
  <c r="AC83315" i="1"/>
  <c r="AC83316" i="1"/>
  <c r="AC83317" i="1"/>
  <c r="AC83318" i="1"/>
  <c r="AC83319" i="1"/>
  <c r="AC83320" i="1"/>
  <c r="AC83321" i="1"/>
  <c r="AC83322" i="1"/>
  <c r="AC83323" i="1"/>
  <c r="AC83324" i="1"/>
  <c r="AC83325" i="1"/>
  <c r="AC83326" i="1"/>
  <c r="AC83327" i="1"/>
  <c r="AC83328" i="1"/>
  <c r="AC83329" i="1"/>
  <c r="AC83330" i="1"/>
  <c r="AC83331" i="1"/>
  <c r="AC83332" i="1"/>
  <c r="AC83333" i="1"/>
  <c r="AC83334" i="1"/>
  <c r="AC83335" i="1"/>
  <c r="AC83336" i="1"/>
  <c r="AC83337" i="1"/>
  <c r="AC83338" i="1"/>
  <c r="AC83339" i="1"/>
  <c r="AC83340" i="1"/>
  <c r="AC83341" i="1"/>
  <c r="AC83342" i="1"/>
  <c r="AC83343" i="1"/>
  <c r="AC83344" i="1"/>
  <c r="AC83345" i="1"/>
  <c r="AC83346" i="1"/>
  <c r="AC83347" i="1"/>
  <c r="AC83348" i="1"/>
  <c r="AC83349" i="1"/>
  <c r="AC83350" i="1"/>
  <c r="AC83351" i="1"/>
  <c r="AC83352" i="1"/>
  <c r="AC83353" i="1"/>
  <c r="AC83354" i="1"/>
  <c r="AC83355" i="1"/>
  <c r="AC83356" i="1"/>
  <c r="AC83357" i="1"/>
  <c r="AC83358" i="1"/>
  <c r="AC83359" i="1"/>
  <c r="AC83360" i="1"/>
  <c r="AC83361" i="1"/>
  <c r="AC83362" i="1"/>
  <c r="AC83363" i="1"/>
  <c r="AC83364" i="1"/>
  <c r="AC83365" i="1"/>
  <c r="AC83366" i="1"/>
  <c r="AC83367" i="1"/>
  <c r="AC83368" i="1"/>
  <c r="AC83369" i="1"/>
  <c r="AC83370" i="1"/>
  <c r="AC83371" i="1"/>
  <c r="AC83372" i="1"/>
  <c r="AC83373" i="1"/>
  <c r="AC83374" i="1"/>
  <c r="AC83375" i="1"/>
  <c r="AC83376" i="1"/>
  <c r="AC83377" i="1"/>
  <c r="AC83378" i="1"/>
  <c r="AC83379" i="1"/>
  <c r="AC83380" i="1"/>
  <c r="AC83381" i="1"/>
  <c r="AC83382" i="1"/>
  <c r="AC83383" i="1"/>
  <c r="AC83384" i="1"/>
  <c r="AC83385" i="1"/>
  <c r="AC83386" i="1"/>
  <c r="AC83387" i="1"/>
  <c r="AC83388" i="1"/>
  <c r="AC83389" i="1"/>
  <c r="AC83390" i="1"/>
  <c r="AC83391" i="1"/>
  <c r="AC83392" i="1"/>
  <c r="AC83393" i="1"/>
  <c r="AC83394" i="1"/>
  <c r="AC83395" i="1"/>
  <c r="AC83396" i="1"/>
  <c r="AC83397" i="1"/>
  <c r="AC83398" i="1"/>
  <c r="AC83399" i="1"/>
  <c r="AC83400" i="1"/>
  <c r="AC83401" i="1"/>
  <c r="AC83402" i="1"/>
  <c r="AC83403" i="1"/>
  <c r="AC83404" i="1"/>
  <c r="AC83405" i="1"/>
  <c r="AC83406" i="1"/>
  <c r="AC83407" i="1"/>
  <c r="AC83408" i="1"/>
  <c r="AC83409" i="1"/>
  <c r="AC83410" i="1"/>
  <c r="AC83411" i="1"/>
  <c r="AC83412" i="1"/>
  <c r="AC83413" i="1"/>
  <c r="AC83414" i="1"/>
  <c r="AC83415" i="1"/>
  <c r="AC83416" i="1"/>
  <c r="AC83417" i="1"/>
  <c r="AC83418" i="1"/>
  <c r="AC83419" i="1"/>
  <c r="AC83420" i="1"/>
  <c r="AC83421" i="1"/>
  <c r="AC83422" i="1"/>
  <c r="AC83423" i="1"/>
  <c r="AC83424" i="1"/>
  <c r="AC83425" i="1"/>
  <c r="AC83426" i="1"/>
  <c r="AC83427" i="1"/>
  <c r="AC83428" i="1"/>
  <c r="AC83429" i="1"/>
  <c r="AC83430" i="1"/>
  <c r="AC83431" i="1"/>
  <c r="AC83432" i="1"/>
  <c r="AC83433" i="1"/>
  <c r="AC83434" i="1"/>
  <c r="AC83435" i="1"/>
  <c r="AC83436" i="1"/>
  <c r="AC83437" i="1"/>
  <c r="AC83438" i="1"/>
  <c r="AC83439" i="1"/>
  <c r="AC83440" i="1"/>
  <c r="AC83441" i="1"/>
  <c r="AC83442" i="1"/>
  <c r="AC83443" i="1"/>
  <c r="AC83444" i="1"/>
  <c r="AC83445" i="1"/>
  <c r="AC83446" i="1"/>
  <c r="AC83447" i="1"/>
  <c r="AC83448" i="1"/>
  <c r="AC83449" i="1"/>
  <c r="AC83450" i="1"/>
  <c r="AC83451" i="1"/>
  <c r="AC83452" i="1"/>
  <c r="AC83453" i="1"/>
  <c r="AC83454" i="1"/>
  <c r="AC83455" i="1"/>
  <c r="AC83456" i="1"/>
  <c r="AC83457" i="1"/>
  <c r="AC83458" i="1"/>
  <c r="AC83459" i="1"/>
  <c r="AC83460" i="1"/>
  <c r="AC83461" i="1"/>
  <c r="AC83462" i="1"/>
  <c r="AC83463" i="1"/>
  <c r="AC83464" i="1"/>
  <c r="AC83465" i="1"/>
  <c r="AC83466" i="1"/>
  <c r="AC83467" i="1"/>
  <c r="AC83468" i="1"/>
  <c r="AC83469" i="1"/>
  <c r="AC83470" i="1"/>
  <c r="AC83471" i="1"/>
  <c r="AC83472" i="1"/>
  <c r="AC83473" i="1"/>
  <c r="AC83474" i="1"/>
  <c r="AC83475" i="1"/>
  <c r="AC83476" i="1"/>
  <c r="AC83477" i="1"/>
  <c r="AC83478" i="1"/>
  <c r="AC83479" i="1"/>
  <c r="AC83480" i="1"/>
  <c r="AC83481" i="1"/>
  <c r="AC83482" i="1"/>
  <c r="AC83483" i="1"/>
  <c r="AC83484" i="1"/>
  <c r="AC83485" i="1"/>
  <c r="AC83486" i="1"/>
  <c r="AC83487" i="1"/>
  <c r="AC83488" i="1"/>
  <c r="AC83489" i="1"/>
  <c r="AC83490" i="1"/>
  <c r="AC83491" i="1"/>
  <c r="AC83492" i="1"/>
  <c r="AC83493" i="1"/>
  <c r="AC83494" i="1"/>
  <c r="AC83495" i="1"/>
  <c r="AC83496" i="1"/>
  <c r="AC83497" i="1"/>
  <c r="AC83498" i="1"/>
  <c r="AC83499" i="1"/>
  <c r="AC83500" i="1"/>
  <c r="AC83501" i="1"/>
  <c r="AC83502" i="1"/>
  <c r="AC83503" i="1"/>
  <c r="AC83504" i="1"/>
  <c r="AC83505" i="1"/>
  <c r="AC83506" i="1"/>
  <c r="AC83507" i="1"/>
  <c r="AC83508" i="1"/>
  <c r="AC83509" i="1"/>
  <c r="AC83510" i="1"/>
  <c r="AC83511" i="1"/>
  <c r="AC83512" i="1"/>
  <c r="AC83513" i="1"/>
  <c r="AC83514" i="1"/>
  <c r="AC83515" i="1"/>
  <c r="AC83516" i="1"/>
  <c r="AC83517" i="1"/>
  <c r="AC83518" i="1"/>
  <c r="AC83519" i="1"/>
  <c r="AC83520" i="1"/>
  <c r="AC83521" i="1"/>
  <c r="AC83522" i="1"/>
  <c r="AC83523" i="1"/>
  <c r="AC83524" i="1"/>
  <c r="AC83525" i="1"/>
  <c r="AC83526" i="1"/>
  <c r="AC83527" i="1"/>
  <c r="AC83528" i="1"/>
  <c r="AC83529" i="1"/>
  <c r="AC83530" i="1"/>
  <c r="AC83531" i="1"/>
  <c r="AC83532" i="1"/>
  <c r="AC83533" i="1"/>
  <c r="AC83534" i="1"/>
  <c r="AC83535" i="1"/>
  <c r="AC83536" i="1"/>
  <c r="AC83537" i="1"/>
  <c r="AC83538" i="1"/>
  <c r="AC83539" i="1"/>
  <c r="AC83540" i="1"/>
  <c r="AC83541" i="1"/>
  <c r="AC83542" i="1"/>
  <c r="AC83543" i="1"/>
  <c r="AC83544" i="1"/>
  <c r="AC83545" i="1"/>
  <c r="AC83546" i="1"/>
  <c r="AC83547" i="1"/>
  <c r="AC83548" i="1"/>
  <c r="AC83549" i="1"/>
  <c r="AC83550" i="1"/>
  <c r="AC83551" i="1"/>
  <c r="AC83552" i="1"/>
  <c r="AC83553" i="1"/>
  <c r="AC83554" i="1"/>
  <c r="AC83555" i="1"/>
  <c r="AC83556" i="1"/>
  <c r="AC83557" i="1"/>
  <c r="AC83558" i="1"/>
  <c r="AC83559" i="1"/>
  <c r="AC83560" i="1"/>
  <c r="AC83561" i="1"/>
  <c r="AC83562" i="1"/>
  <c r="AC83563" i="1"/>
  <c r="AC83564" i="1"/>
  <c r="AC83565" i="1"/>
  <c r="AC83566" i="1"/>
  <c r="AC83567" i="1"/>
  <c r="AC83568" i="1"/>
  <c r="AC83569" i="1"/>
  <c r="AC83570" i="1"/>
  <c r="AC83571" i="1"/>
  <c r="AC83572" i="1"/>
  <c r="AC83573" i="1"/>
  <c r="AC83574" i="1"/>
  <c r="AC83575" i="1"/>
  <c r="AC83576" i="1"/>
  <c r="AC83577" i="1"/>
  <c r="AC83578" i="1"/>
  <c r="AC83579" i="1"/>
  <c r="AC83580" i="1"/>
  <c r="AC83581" i="1"/>
  <c r="AC83582" i="1"/>
  <c r="AC83583" i="1"/>
  <c r="AC83584" i="1"/>
  <c r="AC83585" i="1"/>
  <c r="AC83586" i="1"/>
  <c r="AC83587" i="1"/>
  <c r="AC83588" i="1"/>
  <c r="AC83589" i="1"/>
  <c r="AC83590" i="1"/>
  <c r="AC83591" i="1"/>
  <c r="AC83592" i="1"/>
  <c r="AC83593" i="1"/>
  <c r="AC83594" i="1"/>
  <c r="AC83595" i="1"/>
  <c r="AC83596" i="1"/>
  <c r="AC83597" i="1"/>
  <c r="AC83598" i="1"/>
  <c r="AC83599" i="1"/>
  <c r="AC83600" i="1"/>
  <c r="AC83601" i="1"/>
  <c r="AC83602" i="1"/>
  <c r="AC83603" i="1"/>
  <c r="AC83604" i="1"/>
  <c r="AC83605" i="1"/>
  <c r="AC83606" i="1"/>
  <c r="AC83607" i="1"/>
  <c r="AC83608" i="1"/>
  <c r="AC83609" i="1"/>
  <c r="AC83610" i="1"/>
  <c r="AC83611" i="1"/>
  <c r="AC83612" i="1"/>
  <c r="AC83613" i="1"/>
  <c r="AC83614" i="1"/>
  <c r="AC83615" i="1"/>
  <c r="AC83616" i="1"/>
  <c r="AC83617" i="1"/>
  <c r="AC83618" i="1"/>
  <c r="AC83619" i="1"/>
  <c r="AC83620" i="1"/>
  <c r="AC83621" i="1"/>
  <c r="AC83622" i="1"/>
  <c r="AC83623" i="1"/>
  <c r="AC83624" i="1"/>
  <c r="AC83625" i="1"/>
  <c r="AC83626" i="1"/>
  <c r="AC83627" i="1"/>
  <c r="AC83628" i="1"/>
  <c r="AC83629" i="1"/>
  <c r="AC83630" i="1"/>
  <c r="AC83631" i="1"/>
  <c r="AC83632" i="1"/>
  <c r="AC83633" i="1"/>
  <c r="AC83634" i="1"/>
  <c r="AC83635" i="1"/>
  <c r="AC83636" i="1"/>
  <c r="AC83637" i="1"/>
  <c r="AC83638" i="1"/>
  <c r="AC83639" i="1"/>
  <c r="AC83640" i="1"/>
  <c r="AC83641" i="1"/>
  <c r="AC83642" i="1"/>
  <c r="AC83643" i="1"/>
  <c r="AC83644" i="1"/>
  <c r="AC83645" i="1"/>
  <c r="AC83646" i="1"/>
  <c r="AC83647" i="1"/>
  <c r="AC83648" i="1"/>
  <c r="AC83649" i="1"/>
  <c r="AC83650" i="1"/>
  <c r="AC83651" i="1"/>
  <c r="AC83652" i="1"/>
  <c r="AC83653" i="1"/>
  <c r="AC83654" i="1"/>
  <c r="AC83655" i="1"/>
  <c r="AC83656" i="1"/>
  <c r="AC83657" i="1"/>
  <c r="AC83658" i="1"/>
  <c r="AC83659" i="1"/>
  <c r="AC83660" i="1"/>
  <c r="AC83661" i="1"/>
  <c r="AC83662" i="1"/>
  <c r="AC83663" i="1"/>
  <c r="AC83664" i="1"/>
  <c r="AC83665" i="1"/>
  <c r="AC83666" i="1"/>
  <c r="AC83667" i="1"/>
  <c r="AC83668" i="1"/>
  <c r="AC83669" i="1"/>
  <c r="AC83670" i="1"/>
  <c r="AC83671" i="1"/>
  <c r="AC83672" i="1"/>
  <c r="AC83673" i="1"/>
  <c r="AC83674" i="1"/>
  <c r="AC83675" i="1"/>
  <c r="AC83676" i="1"/>
  <c r="AC83677" i="1"/>
  <c r="AC83678" i="1"/>
  <c r="AC83679" i="1"/>
  <c r="AC83680" i="1"/>
  <c r="AC83681" i="1"/>
  <c r="AC83682" i="1"/>
  <c r="AC83683" i="1"/>
  <c r="AC83684" i="1"/>
  <c r="AC83685" i="1"/>
  <c r="AC83686" i="1"/>
  <c r="AC83687" i="1"/>
  <c r="AC83688" i="1"/>
  <c r="AC83689" i="1"/>
  <c r="AC83690" i="1"/>
  <c r="AC83691" i="1"/>
  <c r="AC83692" i="1"/>
  <c r="AC83693" i="1"/>
  <c r="AC83694" i="1"/>
  <c r="AC83695" i="1"/>
  <c r="AC83696" i="1"/>
  <c r="AC83697" i="1"/>
  <c r="AC83698" i="1"/>
  <c r="AC83699" i="1"/>
  <c r="AC83700" i="1"/>
  <c r="AC83701" i="1"/>
  <c r="AC83702" i="1"/>
  <c r="AC83703" i="1"/>
  <c r="AC83704" i="1"/>
  <c r="AC83705" i="1"/>
  <c r="AC83706" i="1"/>
  <c r="AC83707" i="1"/>
  <c r="AC83708" i="1"/>
  <c r="AC83709" i="1"/>
  <c r="AC83710" i="1"/>
  <c r="AC83711" i="1"/>
  <c r="AC83712" i="1"/>
  <c r="AC83713" i="1"/>
  <c r="AC83714" i="1"/>
  <c r="AC83715" i="1"/>
  <c r="AC83716" i="1"/>
  <c r="AC83717" i="1"/>
  <c r="AC83718" i="1"/>
  <c r="AC83719" i="1"/>
  <c r="AC83720" i="1"/>
  <c r="AC83721" i="1"/>
  <c r="AC83722" i="1"/>
  <c r="AC83723" i="1"/>
  <c r="AC83724" i="1"/>
  <c r="AC83725" i="1"/>
  <c r="AC83726" i="1"/>
  <c r="AC83727" i="1"/>
  <c r="AC83728" i="1"/>
  <c r="AC83729" i="1"/>
  <c r="AC83730" i="1"/>
  <c r="AC83731" i="1"/>
  <c r="AC83732" i="1"/>
  <c r="AC83733" i="1"/>
  <c r="AC83734" i="1"/>
  <c r="AC83735" i="1"/>
  <c r="AC83736" i="1"/>
  <c r="AC83737" i="1"/>
  <c r="AC83738" i="1"/>
  <c r="AC83739" i="1"/>
  <c r="AC83740" i="1"/>
  <c r="AC83741" i="1"/>
  <c r="AC83742" i="1"/>
  <c r="AC83743" i="1"/>
  <c r="AC83744" i="1"/>
  <c r="AC83745" i="1"/>
  <c r="AC83746" i="1"/>
  <c r="AC83747" i="1"/>
  <c r="AC83748" i="1"/>
  <c r="AC83749" i="1"/>
  <c r="AC83750" i="1"/>
  <c r="AC83751" i="1"/>
  <c r="AC83752" i="1"/>
  <c r="AC83753" i="1"/>
  <c r="AC83754" i="1"/>
  <c r="AC83755" i="1"/>
  <c r="AC83756" i="1"/>
  <c r="AC83757" i="1"/>
  <c r="AC83758" i="1"/>
  <c r="AC83759" i="1"/>
  <c r="AC83760" i="1"/>
  <c r="AC83761" i="1"/>
  <c r="AC83762" i="1"/>
  <c r="AC83763" i="1"/>
  <c r="AC83764" i="1"/>
  <c r="AC83765" i="1"/>
  <c r="AC83766" i="1"/>
  <c r="AC83767" i="1"/>
  <c r="AC83768" i="1"/>
  <c r="AC83769" i="1"/>
  <c r="AC83770" i="1"/>
  <c r="AC83771" i="1"/>
  <c r="AC83772" i="1"/>
  <c r="AC83773" i="1"/>
  <c r="AC83774" i="1"/>
  <c r="AC83775" i="1"/>
  <c r="AC83776" i="1"/>
  <c r="AC83777" i="1"/>
  <c r="AC83778" i="1"/>
  <c r="AC83779" i="1"/>
  <c r="AC83780" i="1"/>
  <c r="AC83781" i="1"/>
  <c r="AC83782" i="1"/>
  <c r="AC83783" i="1"/>
  <c r="AC83784" i="1"/>
  <c r="AC83785" i="1"/>
  <c r="AC83786" i="1"/>
  <c r="AC83787" i="1"/>
  <c r="AC83788" i="1"/>
  <c r="AC83789" i="1"/>
  <c r="AC83790" i="1"/>
  <c r="AC83791" i="1"/>
  <c r="AC83792" i="1"/>
  <c r="AC83793" i="1"/>
  <c r="AC83794" i="1"/>
  <c r="AC83795" i="1"/>
  <c r="AC83796" i="1"/>
  <c r="AC83797" i="1"/>
  <c r="AC83798" i="1"/>
  <c r="AC83799" i="1"/>
  <c r="AC83800" i="1"/>
  <c r="AC83801" i="1"/>
  <c r="AC83802" i="1"/>
  <c r="AC83803" i="1"/>
  <c r="AC83804" i="1"/>
  <c r="AC83805" i="1"/>
  <c r="AC83806" i="1"/>
  <c r="AC83807" i="1"/>
  <c r="AC83808" i="1"/>
  <c r="AC83809" i="1"/>
  <c r="AC83810" i="1"/>
  <c r="AC83811" i="1"/>
  <c r="AC83812" i="1"/>
  <c r="AC83813" i="1"/>
  <c r="AC83814" i="1"/>
  <c r="AC83815" i="1"/>
  <c r="AC83816" i="1"/>
  <c r="AC83817" i="1"/>
  <c r="AC83818" i="1"/>
  <c r="AC83819" i="1"/>
  <c r="AC83820" i="1"/>
  <c r="AC83821" i="1"/>
  <c r="AC83822" i="1"/>
  <c r="AC83823" i="1"/>
  <c r="AC83824" i="1"/>
  <c r="AC83825" i="1"/>
  <c r="AC83826" i="1"/>
  <c r="AC83827" i="1"/>
  <c r="AC83828" i="1"/>
  <c r="AC83829" i="1"/>
  <c r="AC83830" i="1"/>
  <c r="AC83831" i="1"/>
  <c r="AC83832" i="1"/>
  <c r="AC83833" i="1"/>
  <c r="AC83834" i="1"/>
  <c r="AC83835" i="1"/>
  <c r="AC83836" i="1"/>
  <c r="AC83837" i="1"/>
  <c r="AC83838" i="1"/>
  <c r="AC83839" i="1"/>
  <c r="AC83840" i="1"/>
  <c r="AC83841" i="1"/>
  <c r="AC83842" i="1"/>
  <c r="AC83843" i="1"/>
  <c r="AC83844" i="1"/>
  <c r="AC83845" i="1"/>
  <c r="AC83846" i="1"/>
  <c r="AC83847" i="1"/>
  <c r="AC83848" i="1"/>
  <c r="AC83849" i="1"/>
  <c r="AC83850" i="1"/>
  <c r="AC83851" i="1"/>
  <c r="AC83852" i="1"/>
  <c r="AC83853" i="1"/>
  <c r="AC83854" i="1"/>
  <c r="AC83855" i="1"/>
  <c r="AC83856" i="1"/>
  <c r="AC83857" i="1"/>
  <c r="AC83858" i="1"/>
  <c r="AC83859" i="1"/>
  <c r="AC83860" i="1"/>
  <c r="AC83861" i="1"/>
  <c r="AC83862" i="1"/>
  <c r="AC83863" i="1"/>
  <c r="AC83864" i="1"/>
  <c r="AC83865" i="1"/>
  <c r="AC83866" i="1"/>
  <c r="AC83867" i="1"/>
  <c r="AC83868" i="1"/>
  <c r="AC83869" i="1"/>
  <c r="AC83870" i="1"/>
  <c r="AC83871" i="1"/>
  <c r="AC83872" i="1"/>
  <c r="AC83873" i="1"/>
  <c r="AC83874" i="1"/>
  <c r="AC83875" i="1"/>
  <c r="AC83876" i="1"/>
  <c r="AC83877" i="1"/>
  <c r="AC83878" i="1"/>
  <c r="AC83879" i="1"/>
  <c r="AC83880" i="1"/>
  <c r="AC83881" i="1"/>
  <c r="AC83882" i="1"/>
  <c r="AC83883" i="1"/>
  <c r="AC83884" i="1"/>
  <c r="AC83885" i="1"/>
  <c r="AC83886" i="1"/>
  <c r="AC83887" i="1"/>
  <c r="AC83888" i="1"/>
  <c r="AC83889" i="1"/>
  <c r="AC83890" i="1"/>
  <c r="AC83891" i="1"/>
  <c r="AC83892" i="1"/>
  <c r="AC83893" i="1"/>
  <c r="AC83894" i="1"/>
  <c r="AC83895" i="1"/>
  <c r="AC83896" i="1"/>
  <c r="AC83897" i="1"/>
  <c r="AC83898" i="1"/>
  <c r="AC83899" i="1"/>
  <c r="AC83900" i="1"/>
  <c r="AC83901" i="1"/>
  <c r="AC83902" i="1"/>
  <c r="AC83903" i="1"/>
  <c r="AC83904" i="1"/>
  <c r="AC83905" i="1"/>
  <c r="AC83906" i="1"/>
  <c r="AC83907" i="1"/>
  <c r="AC83908" i="1"/>
  <c r="AC83909" i="1"/>
  <c r="AC83910" i="1"/>
  <c r="AC83911" i="1"/>
  <c r="AC83912" i="1"/>
  <c r="AC83913" i="1"/>
  <c r="AC83914" i="1"/>
  <c r="AC83915" i="1"/>
  <c r="AC83916" i="1"/>
  <c r="AC83917" i="1"/>
  <c r="AC83918" i="1"/>
  <c r="AC83919" i="1"/>
  <c r="AC83920" i="1"/>
  <c r="AC83921" i="1"/>
  <c r="AC83922" i="1"/>
  <c r="AC83923" i="1"/>
  <c r="AC83924" i="1"/>
  <c r="AC83925" i="1"/>
  <c r="AC83926" i="1"/>
  <c r="AC83927" i="1"/>
  <c r="AC83928" i="1"/>
  <c r="AC83929" i="1"/>
  <c r="AC83930" i="1"/>
  <c r="AC83931" i="1"/>
  <c r="AC83932" i="1"/>
  <c r="AC83933" i="1"/>
  <c r="AC83934" i="1"/>
  <c r="AC83935" i="1"/>
  <c r="AC83936" i="1"/>
  <c r="AC83937" i="1"/>
  <c r="AC83938" i="1"/>
  <c r="AC83939" i="1"/>
  <c r="AC83940" i="1"/>
  <c r="AC83941" i="1"/>
  <c r="AC83942" i="1"/>
  <c r="AC83943" i="1"/>
  <c r="AC83944" i="1"/>
  <c r="AC83945" i="1"/>
  <c r="AC83946" i="1"/>
  <c r="AC83947" i="1"/>
  <c r="AC83948" i="1"/>
  <c r="AC83949" i="1"/>
  <c r="AC83950" i="1"/>
  <c r="AC83951" i="1"/>
  <c r="AC83952" i="1"/>
  <c r="AC83953" i="1"/>
  <c r="AC83954" i="1"/>
  <c r="AC83955" i="1"/>
  <c r="AC83956" i="1"/>
  <c r="AC83957" i="1"/>
  <c r="AC83958" i="1"/>
  <c r="AC83959" i="1"/>
  <c r="AC83960" i="1"/>
  <c r="AC83961" i="1"/>
  <c r="AC83962" i="1"/>
  <c r="AC83963" i="1"/>
  <c r="AC83964" i="1"/>
  <c r="AC83965" i="1"/>
  <c r="AC83966" i="1"/>
  <c r="AC83967" i="1"/>
  <c r="AC83968" i="1"/>
  <c r="AC83969" i="1"/>
  <c r="AC83970" i="1"/>
  <c r="AC83971" i="1"/>
  <c r="AC83972" i="1"/>
  <c r="AC83973" i="1"/>
  <c r="AC83974" i="1"/>
  <c r="AC83975" i="1"/>
  <c r="AC83976" i="1"/>
  <c r="AC83977" i="1"/>
  <c r="AC83978" i="1"/>
  <c r="AC83979" i="1"/>
  <c r="AC83980" i="1"/>
  <c r="AC83981" i="1"/>
  <c r="AC83982" i="1"/>
  <c r="AC83983" i="1"/>
  <c r="AC83984" i="1"/>
  <c r="AC83985" i="1"/>
  <c r="AC83986" i="1"/>
  <c r="AC83987" i="1"/>
  <c r="AC83988" i="1"/>
  <c r="AC83989" i="1"/>
  <c r="AC83990" i="1"/>
  <c r="AC83991" i="1"/>
  <c r="AC83992" i="1"/>
  <c r="AC83993" i="1"/>
  <c r="AC83994" i="1"/>
  <c r="AC83995" i="1"/>
  <c r="AC83996" i="1"/>
  <c r="AC83997" i="1"/>
  <c r="AC83998" i="1"/>
  <c r="AC83999" i="1"/>
  <c r="AC84000" i="1"/>
  <c r="AC84001" i="1"/>
  <c r="AC84002" i="1"/>
  <c r="AC84003" i="1"/>
  <c r="AC84004" i="1"/>
  <c r="AC84005" i="1"/>
  <c r="AC84006" i="1"/>
  <c r="AC84007" i="1"/>
  <c r="AC84008" i="1"/>
  <c r="AC84009" i="1"/>
  <c r="AC84010" i="1"/>
  <c r="AC84011" i="1"/>
  <c r="AC84012" i="1"/>
  <c r="AC84013" i="1"/>
  <c r="AC84014" i="1"/>
  <c r="AC84015" i="1"/>
  <c r="AC84016" i="1"/>
  <c r="AC84017" i="1"/>
  <c r="AC84018" i="1"/>
  <c r="AC84019" i="1"/>
  <c r="AC84020" i="1"/>
  <c r="AC84021" i="1"/>
  <c r="AC84022" i="1"/>
  <c r="AC84023" i="1"/>
  <c r="AC84024" i="1"/>
  <c r="AC84025" i="1"/>
  <c r="AC84026" i="1"/>
  <c r="AC84027" i="1"/>
  <c r="AC84028" i="1"/>
  <c r="AC84029" i="1"/>
  <c r="AC84030" i="1"/>
  <c r="AC84031" i="1"/>
  <c r="AC84032" i="1"/>
  <c r="AC84033" i="1"/>
  <c r="AC84034" i="1"/>
  <c r="AC84035" i="1"/>
  <c r="AC84036" i="1"/>
  <c r="AC84037" i="1"/>
  <c r="AC84038" i="1"/>
  <c r="AC84039" i="1"/>
  <c r="AC84040" i="1"/>
  <c r="AC84041" i="1"/>
  <c r="AC84042" i="1"/>
  <c r="AC84043" i="1"/>
  <c r="AC84044" i="1"/>
  <c r="AC84045" i="1"/>
  <c r="AC84046" i="1"/>
  <c r="AC84047" i="1"/>
  <c r="AC84048" i="1"/>
  <c r="AC84049" i="1"/>
  <c r="AC84050" i="1"/>
  <c r="AC84051" i="1"/>
  <c r="AC84052" i="1"/>
  <c r="AC84053" i="1"/>
  <c r="AC84054" i="1"/>
  <c r="AC84055" i="1"/>
  <c r="AC84056" i="1"/>
  <c r="AC84057" i="1"/>
  <c r="AC84058" i="1"/>
  <c r="AC84059" i="1"/>
  <c r="AC84060" i="1"/>
  <c r="AC84061" i="1"/>
  <c r="AC84062" i="1"/>
  <c r="AC84063" i="1"/>
  <c r="AC84064" i="1"/>
  <c r="AC84065" i="1"/>
  <c r="AC84066" i="1"/>
  <c r="AC84067" i="1"/>
  <c r="AC84068" i="1"/>
  <c r="AC84069" i="1"/>
  <c r="AC84070" i="1"/>
  <c r="AC84071" i="1"/>
  <c r="AC84072" i="1"/>
  <c r="AC84073" i="1"/>
  <c r="AC84074" i="1"/>
  <c r="AC84075" i="1"/>
  <c r="AC84076" i="1"/>
  <c r="AC84077" i="1"/>
  <c r="AC84078" i="1"/>
  <c r="AC84079" i="1"/>
  <c r="AC84080" i="1"/>
  <c r="AC84081" i="1"/>
  <c r="AC84082" i="1"/>
  <c r="AC84083" i="1"/>
  <c r="AC84084" i="1"/>
  <c r="AC84085" i="1"/>
  <c r="AC84086" i="1"/>
  <c r="AC84087" i="1"/>
  <c r="AC84088" i="1"/>
  <c r="AC84089" i="1"/>
  <c r="AC84090" i="1"/>
  <c r="AC84091" i="1"/>
  <c r="AC84092" i="1"/>
  <c r="AC84093" i="1"/>
  <c r="AC84094" i="1"/>
  <c r="AC84095" i="1"/>
  <c r="AC84096" i="1"/>
  <c r="AC84097" i="1"/>
  <c r="AC84098" i="1"/>
  <c r="AC84099" i="1"/>
  <c r="AC84100" i="1"/>
  <c r="AC84101" i="1"/>
  <c r="AC84102" i="1"/>
  <c r="AC84103" i="1"/>
  <c r="AC84104" i="1"/>
  <c r="AC84105" i="1"/>
  <c r="AC84106" i="1"/>
  <c r="AC84107" i="1"/>
  <c r="AC84108" i="1"/>
  <c r="AC84109" i="1"/>
  <c r="AC84110" i="1"/>
  <c r="AC84111" i="1"/>
  <c r="AC84112" i="1"/>
  <c r="AC84113" i="1"/>
  <c r="AC84114" i="1"/>
  <c r="AC84115" i="1"/>
  <c r="AC84116" i="1"/>
  <c r="AC84117" i="1"/>
  <c r="AC84118" i="1"/>
  <c r="AC84119" i="1"/>
  <c r="AC84120" i="1"/>
  <c r="AC84121" i="1"/>
  <c r="AC84122" i="1"/>
  <c r="AC84123" i="1"/>
  <c r="AC84124" i="1"/>
  <c r="AC84125" i="1"/>
  <c r="AC84126" i="1"/>
  <c r="AC84127" i="1"/>
  <c r="AC84128" i="1"/>
  <c r="AC84129" i="1"/>
  <c r="AC84130" i="1"/>
  <c r="AC84131" i="1"/>
  <c r="AC84132" i="1"/>
  <c r="AC84133" i="1"/>
  <c r="AC84134" i="1"/>
  <c r="AC84135" i="1"/>
  <c r="AC84136" i="1"/>
  <c r="AC84137" i="1"/>
  <c r="AC84138" i="1"/>
  <c r="AC84139" i="1"/>
  <c r="AC84140" i="1"/>
  <c r="AC84141" i="1"/>
  <c r="AC84142" i="1"/>
  <c r="AC84143" i="1"/>
  <c r="AC84144" i="1"/>
  <c r="AC84145" i="1"/>
  <c r="AC84146" i="1"/>
  <c r="AC84147" i="1"/>
  <c r="AC84148" i="1"/>
  <c r="AC84149" i="1"/>
  <c r="AC84150" i="1"/>
  <c r="AC84151" i="1"/>
  <c r="AC84152" i="1"/>
  <c r="AC84153" i="1"/>
  <c r="AC84154" i="1"/>
  <c r="AC84155" i="1"/>
  <c r="AC84156" i="1"/>
  <c r="AC84157" i="1"/>
  <c r="AC84158" i="1"/>
  <c r="AC84159" i="1"/>
  <c r="AC84160" i="1"/>
  <c r="AC84161" i="1"/>
  <c r="AC84162" i="1"/>
  <c r="AC84163" i="1"/>
  <c r="AC84164" i="1"/>
  <c r="AC84165" i="1"/>
  <c r="AC84166" i="1"/>
  <c r="AC84167" i="1"/>
  <c r="AC84168" i="1"/>
  <c r="AC84169" i="1"/>
  <c r="AC84170" i="1"/>
  <c r="AC84171" i="1"/>
  <c r="AC84172" i="1"/>
  <c r="AC84173" i="1"/>
  <c r="AC84174" i="1"/>
  <c r="AC84175" i="1"/>
  <c r="AC84176" i="1"/>
  <c r="AC84177" i="1"/>
  <c r="AC84178" i="1"/>
  <c r="AC84179" i="1"/>
  <c r="AC84180" i="1"/>
  <c r="AC84181" i="1"/>
  <c r="AC84182" i="1"/>
  <c r="AC84183" i="1"/>
  <c r="AC84184" i="1"/>
  <c r="AC84185" i="1"/>
  <c r="AC84186" i="1"/>
  <c r="AC84187" i="1"/>
  <c r="AC84188" i="1"/>
  <c r="AC84189" i="1"/>
  <c r="AC84190" i="1"/>
  <c r="AC84191" i="1"/>
  <c r="AC84192" i="1"/>
  <c r="AC84193" i="1"/>
  <c r="AC84194" i="1"/>
  <c r="AC84195" i="1"/>
  <c r="AC84196" i="1"/>
  <c r="AC84197" i="1"/>
  <c r="AC84198" i="1"/>
  <c r="AC84199" i="1"/>
  <c r="AC84200" i="1"/>
  <c r="AC84201" i="1"/>
  <c r="AC84202" i="1"/>
  <c r="AC84203" i="1"/>
  <c r="AC84204" i="1"/>
  <c r="AC84205" i="1"/>
  <c r="AC84206" i="1"/>
  <c r="AC84207" i="1"/>
  <c r="AC84208" i="1"/>
  <c r="AC84209" i="1"/>
  <c r="AC84210" i="1"/>
  <c r="AC84211" i="1"/>
  <c r="AC84212" i="1"/>
  <c r="AC84213" i="1"/>
  <c r="AC84214" i="1"/>
  <c r="AC84215" i="1"/>
  <c r="AC84216" i="1"/>
  <c r="AC84217" i="1"/>
  <c r="AC84218" i="1"/>
  <c r="AC84219" i="1"/>
  <c r="AC84220" i="1"/>
  <c r="AC84221" i="1"/>
  <c r="AC84222" i="1"/>
  <c r="AC84223" i="1"/>
  <c r="AC84224" i="1"/>
  <c r="AC84225" i="1"/>
  <c r="AC84226" i="1"/>
  <c r="AC84227" i="1"/>
  <c r="AC84228" i="1"/>
  <c r="AC84229" i="1"/>
  <c r="AC84230" i="1"/>
  <c r="AC84231" i="1"/>
  <c r="AC84232" i="1"/>
  <c r="AC84233" i="1"/>
  <c r="AC84234" i="1"/>
  <c r="AC84235" i="1"/>
  <c r="AC84236" i="1"/>
  <c r="AC84237" i="1"/>
  <c r="AC84238" i="1"/>
  <c r="AC84239" i="1"/>
  <c r="AC84240" i="1"/>
  <c r="AC84241" i="1"/>
  <c r="AC84242" i="1"/>
  <c r="AC84243" i="1"/>
  <c r="AC84244" i="1"/>
  <c r="AC84245" i="1"/>
  <c r="AC84246" i="1"/>
  <c r="AC84247" i="1"/>
  <c r="AC84248" i="1"/>
  <c r="AC84249" i="1"/>
  <c r="AC84250" i="1"/>
  <c r="AC84251" i="1"/>
  <c r="AC84252" i="1"/>
  <c r="AC84253" i="1"/>
  <c r="AC84254" i="1"/>
  <c r="AC84255" i="1"/>
  <c r="AC84256" i="1"/>
  <c r="AC84257" i="1"/>
  <c r="AC84258" i="1"/>
  <c r="AC84259" i="1"/>
  <c r="AC84260" i="1"/>
  <c r="AC84261" i="1"/>
  <c r="AC84262" i="1"/>
  <c r="AC84263" i="1"/>
  <c r="AC84264" i="1"/>
  <c r="AC84265" i="1"/>
  <c r="AC84266" i="1"/>
  <c r="AC84267" i="1"/>
  <c r="AC84268" i="1"/>
  <c r="AC84269" i="1"/>
  <c r="AC84270" i="1"/>
  <c r="AC84271" i="1"/>
  <c r="AC84272" i="1"/>
  <c r="AC84273" i="1"/>
  <c r="AC84274" i="1"/>
  <c r="AC84275" i="1"/>
  <c r="AC84276" i="1"/>
  <c r="AC84277" i="1"/>
  <c r="AC84278" i="1"/>
  <c r="AC84279" i="1"/>
  <c r="AC84280" i="1"/>
  <c r="AC84281" i="1"/>
  <c r="AC84282" i="1"/>
  <c r="AC84283" i="1"/>
  <c r="AC84284" i="1"/>
  <c r="AC84285" i="1"/>
  <c r="AC84286" i="1"/>
  <c r="AC84287" i="1"/>
  <c r="AC84288" i="1"/>
  <c r="AC84289" i="1"/>
  <c r="AC84290" i="1"/>
  <c r="AC84291" i="1"/>
  <c r="AC84292" i="1"/>
  <c r="AC84293" i="1"/>
  <c r="AC84294" i="1"/>
  <c r="AC84295" i="1"/>
  <c r="AC84296" i="1"/>
  <c r="AC84297" i="1"/>
  <c r="AC84298" i="1"/>
  <c r="AC84299" i="1"/>
  <c r="AC84300" i="1"/>
  <c r="AC84301" i="1"/>
  <c r="AC84302" i="1"/>
  <c r="AC84303" i="1"/>
  <c r="AC84304" i="1"/>
  <c r="AC84305" i="1"/>
  <c r="AC84306" i="1"/>
  <c r="AC84307" i="1"/>
  <c r="AC84308" i="1"/>
  <c r="AC84309" i="1"/>
  <c r="AC84310" i="1"/>
  <c r="AC84311" i="1"/>
  <c r="AC84312" i="1"/>
  <c r="AC84313" i="1"/>
  <c r="AC84314" i="1"/>
  <c r="AC84315" i="1"/>
  <c r="AC84316" i="1"/>
  <c r="AC84317" i="1"/>
  <c r="AC84318" i="1"/>
  <c r="AC84319" i="1"/>
  <c r="AC84320" i="1"/>
  <c r="AC84321" i="1"/>
  <c r="AC84322" i="1"/>
  <c r="AC84323" i="1"/>
  <c r="AC84324" i="1"/>
  <c r="AC84325" i="1"/>
  <c r="AC84326" i="1"/>
  <c r="AC84327" i="1"/>
  <c r="AC84328" i="1"/>
  <c r="AC84329" i="1"/>
  <c r="AC84330" i="1"/>
  <c r="AC84331" i="1"/>
  <c r="AC84332" i="1"/>
  <c r="AC84333" i="1"/>
  <c r="AC84334" i="1"/>
  <c r="AC84335" i="1"/>
  <c r="AC84336" i="1"/>
  <c r="AC84337" i="1"/>
  <c r="AC84338" i="1"/>
  <c r="AC84339" i="1"/>
  <c r="AC84340" i="1"/>
  <c r="AC84341" i="1"/>
  <c r="AC84342" i="1"/>
  <c r="AC84343" i="1"/>
  <c r="AC84344" i="1"/>
  <c r="AC84345" i="1"/>
  <c r="AC84346" i="1"/>
  <c r="AC84347" i="1"/>
  <c r="AC84348" i="1"/>
  <c r="AC84349" i="1"/>
  <c r="AC84350" i="1"/>
  <c r="AC84351" i="1"/>
  <c r="AC84352" i="1"/>
  <c r="AC84353" i="1"/>
  <c r="AC84354" i="1"/>
  <c r="AC84355" i="1"/>
  <c r="AC84356" i="1"/>
  <c r="AC84357" i="1"/>
  <c r="AC84358" i="1"/>
  <c r="AC84359" i="1"/>
  <c r="AC84360" i="1"/>
  <c r="AC84361" i="1"/>
  <c r="AC84362" i="1"/>
  <c r="AC84363" i="1"/>
  <c r="AC84364" i="1"/>
  <c r="AC84365" i="1"/>
  <c r="AC84366" i="1"/>
  <c r="AC84367" i="1"/>
  <c r="AC84368" i="1"/>
  <c r="AC84369" i="1"/>
  <c r="AC84370" i="1"/>
  <c r="AC84371" i="1"/>
  <c r="AC84372" i="1"/>
  <c r="AC84373" i="1"/>
  <c r="AC84374" i="1"/>
  <c r="AC84375" i="1"/>
  <c r="AC84376" i="1"/>
  <c r="AC84377" i="1"/>
  <c r="AC84378" i="1"/>
  <c r="AC84379" i="1"/>
  <c r="AC84380" i="1"/>
  <c r="AC84381" i="1"/>
  <c r="AC84382" i="1"/>
  <c r="AC84383" i="1"/>
  <c r="AC84384" i="1"/>
  <c r="AC84385" i="1"/>
  <c r="AC84386" i="1"/>
  <c r="AC84387" i="1"/>
  <c r="AC84388" i="1"/>
  <c r="AC84389" i="1"/>
  <c r="AC84390" i="1"/>
  <c r="AC84391" i="1"/>
  <c r="AC84392" i="1"/>
  <c r="AC84393" i="1"/>
  <c r="AC84394" i="1"/>
  <c r="AC84395" i="1"/>
  <c r="AC84396" i="1"/>
  <c r="AC84397" i="1"/>
  <c r="AC84398" i="1"/>
  <c r="AC84399" i="1"/>
  <c r="AC84400" i="1"/>
  <c r="AC84401" i="1"/>
  <c r="AC84402" i="1"/>
  <c r="AC84403" i="1"/>
  <c r="AC84404" i="1"/>
  <c r="AC84405" i="1"/>
  <c r="AC84406" i="1"/>
  <c r="AC84407" i="1"/>
  <c r="AC84408" i="1"/>
  <c r="AC84409" i="1"/>
  <c r="AC84410" i="1"/>
  <c r="AC84411" i="1"/>
  <c r="AC84412" i="1"/>
  <c r="AC84413" i="1"/>
  <c r="AC84414" i="1"/>
  <c r="AC84415" i="1"/>
  <c r="AC84416" i="1"/>
  <c r="AC84417" i="1"/>
  <c r="AC84418" i="1"/>
  <c r="AC84419" i="1"/>
  <c r="AC84420" i="1"/>
  <c r="AC84421" i="1"/>
  <c r="AC84422" i="1"/>
  <c r="AC84423" i="1"/>
  <c r="AC84424" i="1"/>
  <c r="AC84425" i="1"/>
  <c r="AC84426" i="1"/>
  <c r="AC84427" i="1"/>
  <c r="AC84428" i="1"/>
  <c r="AC84429" i="1"/>
  <c r="AC84430" i="1"/>
  <c r="AC84431" i="1"/>
  <c r="AC84432" i="1"/>
  <c r="AC84433" i="1"/>
  <c r="AC84434" i="1"/>
  <c r="AC84435" i="1"/>
  <c r="AC84436" i="1"/>
  <c r="AC84437" i="1"/>
  <c r="AC84438" i="1"/>
  <c r="AC84439" i="1"/>
  <c r="AC84440" i="1"/>
  <c r="AC84441" i="1"/>
  <c r="AC84442" i="1"/>
  <c r="AC84443" i="1"/>
  <c r="AC84444" i="1"/>
  <c r="AC84445" i="1"/>
  <c r="AC84446" i="1"/>
  <c r="AC84447" i="1"/>
  <c r="AC84448" i="1"/>
  <c r="AC84449" i="1"/>
  <c r="AC84450" i="1"/>
  <c r="AC84451" i="1"/>
  <c r="AC84452" i="1"/>
  <c r="AC84453" i="1"/>
  <c r="AC84454" i="1"/>
  <c r="AC84455" i="1"/>
  <c r="AC84456" i="1"/>
  <c r="AC84457" i="1"/>
  <c r="AC84458" i="1"/>
  <c r="AC84459" i="1"/>
  <c r="AC84460" i="1"/>
  <c r="AC84461" i="1"/>
  <c r="AC84462" i="1"/>
  <c r="AC84463" i="1"/>
  <c r="AC84464" i="1"/>
  <c r="AC84465" i="1"/>
  <c r="AC84466" i="1"/>
  <c r="AC84467" i="1"/>
  <c r="AC84468" i="1"/>
  <c r="AC84469" i="1"/>
  <c r="AC84470" i="1"/>
  <c r="AC84471" i="1"/>
  <c r="AC84472" i="1"/>
  <c r="AC84473" i="1"/>
  <c r="AC84474" i="1"/>
  <c r="AC84475" i="1"/>
  <c r="AC84476" i="1"/>
  <c r="AC84477" i="1"/>
  <c r="AC84478" i="1"/>
  <c r="AC84479" i="1"/>
  <c r="AC84480" i="1"/>
  <c r="AC84481" i="1"/>
  <c r="AC84482" i="1"/>
  <c r="AC84483" i="1"/>
  <c r="AC84484" i="1"/>
  <c r="AC84485" i="1"/>
  <c r="AC84486" i="1"/>
  <c r="AC84487" i="1"/>
  <c r="AC84488" i="1"/>
  <c r="AC84489" i="1"/>
  <c r="AC84490" i="1"/>
  <c r="AC84491" i="1"/>
  <c r="AC84492" i="1"/>
  <c r="AC84493" i="1"/>
  <c r="AC84494" i="1"/>
  <c r="AC84495" i="1"/>
  <c r="AC84496" i="1"/>
  <c r="AC84497" i="1"/>
  <c r="AC84498" i="1"/>
  <c r="AC84499" i="1"/>
  <c r="AC84500" i="1"/>
  <c r="AC84501" i="1"/>
  <c r="AC84502" i="1"/>
  <c r="AC84503" i="1"/>
  <c r="AC84504" i="1"/>
  <c r="AC84505" i="1"/>
  <c r="AC84506" i="1"/>
  <c r="AC84507" i="1"/>
  <c r="AC84508" i="1"/>
  <c r="AC84509" i="1"/>
  <c r="AC84510" i="1"/>
  <c r="AC84511" i="1"/>
  <c r="AC84512" i="1"/>
  <c r="AC84513" i="1"/>
  <c r="AC84514" i="1"/>
  <c r="AC84515" i="1"/>
  <c r="AC84516" i="1"/>
  <c r="AC84517" i="1"/>
  <c r="AC84518" i="1"/>
  <c r="AC84519" i="1"/>
  <c r="AC84520" i="1"/>
  <c r="AC84521" i="1"/>
  <c r="AC84522" i="1"/>
  <c r="AC84523" i="1"/>
  <c r="AC84524" i="1"/>
  <c r="AC84525" i="1"/>
  <c r="AC84526" i="1"/>
  <c r="AC84527" i="1"/>
  <c r="AC84528" i="1"/>
  <c r="AC84529" i="1"/>
  <c r="AC84530" i="1"/>
  <c r="AC84531" i="1"/>
  <c r="AC84532" i="1"/>
  <c r="AC84533" i="1"/>
  <c r="AC84534" i="1"/>
  <c r="AC84535" i="1"/>
  <c r="AC84536" i="1"/>
  <c r="AC84537" i="1"/>
  <c r="AC84538" i="1"/>
  <c r="AC84539" i="1"/>
  <c r="AC84540" i="1"/>
  <c r="AC84541" i="1"/>
  <c r="AC84542" i="1"/>
  <c r="AC84543" i="1"/>
  <c r="AC84544" i="1"/>
  <c r="AC84545" i="1"/>
  <c r="AC84546" i="1"/>
  <c r="AC84547" i="1"/>
  <c r="AC84548" i="1"/>
  <c r="AC84549" i="1"/>
  <c r="AC84550" i="1"/>
  <c r="AC84551" i="1"/>
  <c r="AC84552" i="1"/>
  <c r="AC84553" i="1"/>
  <c r="AC84554" i="1"/>
  <c r="AC84555" i="1"/>
  <c r="AC84556" i="1"/>
  <c r="AC84557" i="1"/>
  <c r="AC84558" i="1"/>
  <c r="AC84559" i="1"/>
  <c r="AC84560" i="1"/>
  <c r="AC84561" i="1"/>
  <c r="AC84562" i="1"/>
  <c r="AC84563" i="1"/>
  <c r="AC84564" i="1"/>
  <c r="AC84565" i="1"/>
  <c r="AC84566" i="1"/>
  <c r="AC84567" i="1"/>
  <c r="AC84568" i="1"/>
  <c r="AC84569" i="1"/>
  <c r="AC84570" i="1"/>
  <c r="AC84571" i="1"/>
  <c r="AC84572" i="1"/>
  <c r="AC84573" i="1"/>
  <c r="AC84574" i="1"/>
  <c r="AC84575" i="1"/>
  <c r="AC84576" i="1"/>
  <c r="AC84577" i="1"/>
  <c r="AC84578" i="1"/>
  <c r="AC84579" i="1"/>
  <c r="AC84580" i="1"/>
  <c r="AC84581" i="1"/>
  <c r="AC84582" i="1"/>
  <c r="AC84583" i="1"/>
  <c r="AC84584" i="1"/>
  <c r="AC84585" i="1"/>
  <c r="AC84586" i="1"/>
  <c r="AC84587" i="1"/>
  <c r="AC84588" i="1"/>
  <c r="AC84589" i="1"/>
  <c r="AC84590" i="1"/>
  <c r="AC84591" i="1"/>
  <c r="AC84592" i="1"/>
  <c r="AC84593" i="1"/>
  <c r="AC84594" i="1"/>
  <c r="AC84595" i="1"/>
  <c r="AC84596" i="1"/>
  <c r="AC84597" i="1"/>
  <c r="AC84598" i="1"/>
  <c r="AC84599" i="1"/>
  <c r="AC84600" i="1"/>
  <c r="AC84601" i="1"/>
  <c r="AC84602" i="1"/>
  <c r="AC84603" i="1"/>
  <c r="AC84604" i="1"/>
  <c r="AC84605" i="1"/>
  <c r="AC84606" i="1"/>
  <c r="AC84607" i="1"/>
  <c r="AC84608" i="1"/>
  <c r="AC84609" i="1"/>
  <c r="AC84610" i="1"/>
  <c r="AC84611" i="1"/>
  <c r="AC84612" i="1"/>
  <c r="AC84613" i="1"/>
  <c r="AC84614" i="1"/>
  <c r="AC84615" i="1"/>
  <c r="AC84616" i="1"/>
  <c r="AC84617" i="1"/>
  <c r="AC84618" i="1"/>
  <c r="AC84619" i="1"/>
  <c r="AC84620" i="1"/>
  <c r="AC84621" i="1"/>
  <c r="AC84622" i="1"/>
  <c r="AC84623" i="1"/>
  <c r="AC84624" i="1"/>
  <c r="AC84625" i="1"/>
  <c r="AC84626" i="1"/>
  <c r="AC84627" i="1"/>
  <c r="AC84628" i="1"/>
  <c r="AC84629" i="1"/>
  <c r="AC84630" i="1"/>
  <c r="AC84631" i="1"/>
  <c r="AC84632" i="1"/>
  <c r="AC84633" i="1"/>
  <c r="AC84634" i="1"/>
  <c r="AC84635" i="1"/>
  <c r="AC84636" i="1"/>
  <c r="AC84637" i="1"/>
  <c r="AC84638" i="1"/>
  <c r="AC84639" i="1"/>
  <c r="AC84640" i="1"/>
  <c r="AC84641" i="1"/>
  <c r="AC84642" i="1"/>
  <c r="AC84643" i="1"/>
  <c r="AC84644" i="1"/>
  <c r="AC84645" i="1"/>
  <c r="AC84646" i="1"/>
  <c r="AC84647" i="1"/>
  <c r="AC84648" i="1"/>
  <c r="AC84649" i="1"/>
  <c r="AC84650" i="1"/>
  <c r="AC84651" i="1"/>
  <c r="AC84652" i="1"/>
  <c r="AC84653" i="1"/>
  <c r="AC84654" i="1"/>
  <c r="AC84655" i="1"/>
  <c r="AC84656" i="1"/>
  <c r="AC84657" i="1"/>
  <c r="AC84658" i="1"/>
  <c r="AC84659" i="1"/>
  <c r="AC84660" i="1"/>
  <c r="AC84661" i="1"/>
  <c r="AC84662" i="1"/>
  <c r="AC84663" i="1"/>
  <c r="AC84664" i="1"/>
  <c r="AC84665" i="1"/>
  <c r="AC84666" i="1"/>
  <c r="AC84667" i="1"/>
  <c r="AC84668" i="1"/>
  <c r="AC84669" i="1"/>
  <c r="AC84670" i="1"/>
  <c r="AC84671" i="1"/>
  <c r="AC84672" i="1"/>
  <c r="AC84673" i="1"/>
  <c r="AC84674" i="1"/>
  <c r="AC84675" i="1"/>
  <c r="AC84676" i="1"/>
  <c r="AC84677" i="1"/>
  <c r="AC84678" i="1"/>
  <c r="AC84679" i="1"/>
  <c r="AC84680" i="1"/>
  <c r="AC84681" i="1"/>
  <c r="AC84682" i="1"/>
  <c r="AC84683" i="1"/>
  <c r="AC84684" i="1"/>
  <c r="AC84685" i="1"/>
  <c r="AC84686" i="1"/>
  <c r="AC84687" i="1"/>
  <c r="AC84688" i="1"/>
  <c r="AC84689" i="1"/>
  <c r="AC84690" i="1"/>
  <c r="AC84691" i="1"/>
  <c r="AC84692" i="1"/>
  <c r="AC84693" i="1"/>
  <c r="AC84694" i="1"/>
  <c r="AC84695" i="1"/>
  <c r="AC84696" i="1"/>
  <c r="AC84697" i="1"/>
  <c r="AC84698" i="1"/>
  <c r="AC84699" i="1"/>
  <c r="AC84700" i="1"/>
  <c r="AC84701" i="1"/>
  <c r="AC84702" i="1"/>
  <c r="AC84703" i="1"/>
  <c r="AC84704" i="1"/>
  <c r="AC84705" i="1"/>
  <c r="AC84706" i="1"/>
  <c r="AC84707" i="1"/>
  <c r="AC84708" i="1"/>
  <c r="AC84709" i="1"/>
  <c r="AC84710" i="1"/>
  <c r="AC84711" i="1"/>
  <c r="AC84712" i="1"/>
  <c r="AC84713" i="1"/>
  <c r="AC84714" i="1"/>
  <c r="AC84715" i="1"/>
  <c r="AC84716" i="1"/>
  <c r="AC84717" i="1"/>
  <c r="AC84718" i="1"/>
  <c r="AC84719" i="1"/>
  <c r="AC84720" i="1"/>
  <c r="AC84721" i="1"/>
  <c r="AC84722" i="1"/>
  <c r="AC84723" i="1"/>
  <c r="AC84724" i="1"/>
  <c r="AC84725" i="1"/>
  <c r="AC84726" i="1"/>
  <c r="AC84727" i="1"/>
  <c r="AC84728" i="1"/>
  <c r="AC84729" i="1"/>
  <c r="AC84730" i="1"/>
  <c r="AC84731" i="1"/>
  <c r="AC84732" i="1"/>
  <c r="AC84733" i="1"/>
  <c r="AC84734" i="1"/>
  <c r="AC84735" i="1"/>
  <c r="AC84736" i="1"/>
  <c r="AC84737" i="1"/>
  <c r="AC84738" i="1"/>
  <c r="AC84739" i="1"/>
  <c r="AC84740" i="1"/>
  <c r="AC84741" i="1"/>
  <c r="AC84742" i="1"/>
  <c r="AC84743" i="1"/>
  <c r="AC84744" i="1"/>
  <c r="AC84745" i="1"/>
  <c r="AC84746" i="1"/>
  <c r="AC84747" i="1"/>
  <c r="AC84748" i="1"/>
  <c r="AC84749" i="1"/>
  <c r="AC84750" i="1"/>
  <c r="AC84751" i="1"/>
  <c r="AC84752" i="1"/>
  <c r="AC84753" i="1"/>
  <c r="AC84754" i="1"/>
  <c r="AC84755" i="1"/>
  <c r="AC84756" i="1"/>
  <c r="AC84757" i="1"/>
  <c r="AC84758" i="1"/>
  <c r="AC84759" i="1"/>
  <c r="AC84760" i="1"/>
  <c r="AC84761" i="1"/>
  <c r="AC84762" i="1"/>
  <c r="AC84763" i="1"/>
  <c r="AC84764" i="1"/>
  <c r="AC84765" i="1"/>
  <c r="AC84766" i="1"/>
  <c r="AC84767" i="1"/>
  <c r="AC84768" i="1"/>
  <c r="AC84769" i="1"/>
  <c r="AC84770" i="1"/>
  <c r="AC84771" i="1"/>
  <c r="AC84772" i="1"/>
  <c r="AC84773" i="1"/>
  <c r="AC84774" i="1"/>
  <c r="AC84775" i="1"/>
  <c r="AC84776" i="1"/>
  <c r="AC84777" i="1"/>
  <c r="AC84778" i="1"/>
  <c r="AC84779" i="1"/>
  <c r="AC84780" i="1"/>
  <c r="AC84781" i="1"/>
  <c r="AC84782" i="1"/>
  <c r="AC84783" i="1"/>
  <c r="AC84784" i="1"/>
  <c r="AC84785" i="1"/>
  <c r="AC84786" i="1"/>
  <c r="AC84787" i="1"/>
  <c r="AC84788" i="1"/>
  <c r="AC84789" i="1"/>
  <c r="AC84790" i="1"/>
  <c r="AC84791" i="1"/>
  <c r="AC84792" i="1"/>
  <c r="AC84793" i="1"/>
  <c r="AC84794" i="1"/>
  <c r="AC84795" i="1"/>
  <c r="AC84796" i="1"/>
  <c r="AC84797" i="1"/>
  <c r="AC84798" i="1"/>
  <c r="AC84799" i="1"/>
  <c r="AC84800" i="1"/>
  <c r="AC84801" i="1"/>
  <c r="AC84802" i="1"/>
  <c r="AC84803" i="1"/>
  <c r="AC84804" i="1"/>
  <c r="AC84805" i="1"/>
  <c r="AC84806" i="1"/>
  <c r="AC84807" i="1"/>
  <c r="AC84808" i="1"/>
  <c r="AC84809" i="1"/>
  <c r="AC84810" i="1"/>
  <c r="AC84811" i="1"/>
  <c r="AC84812" i="1"/>
  <c r="AC84813" i="1"/>
  <c r="AC84814" i="1"/>
  <c r="AC84815" i="1"/>
  <c r="AC84816" i="1"/>
  <c r="AC84817" i="1"/>
  <c r="AC84818" i="1"/>
  <c r="AC84819" i="1"/>
  <c r="AC84820" i="1"/>
  <c r="AC84821" i="1"/>
  <c r="AC84822" i="1"/>
  <c r="AC84823" i="1"/>
  <c r="AC84824" i="1"/>
  <c r="AC84825" i="1"/>
  <c r="AC84826" i="1"/>
  <c r="AC84827" i="1"/>
  <c r="AC84828" i="1"/>
  <c r="AC84829" i="1"/>
  <c r="AC84830" i="1"/>
  <c r="AC84831" i="1"/>
  <c r="AC84832" i="1"/>
  <c r="AC84833" i="1"/>
  <c r="AC84834" i="1"/>
  <c r="AC84835" i="1"/>
  <c r="AC84836" i="1"/>
  <c r="AC84837" i="1"/>
  <c r="AC84838" i="1"/>
  <c r="AC84839" i="1"/>
  <c r="AC84840" i="1"/>
  <c r="AC84841" i="1"/>
  <c r="AC84842" i="1"/>
  <c r="AC84843" i="1"/>
  <c r="AC84844" i="1"/>
  <c r="AC84845" i="1"/>
  <c r="AC84846" i="1"/>
  <c r="AC84847" i="1"/>
  <c r="AC84848" i="1"/>
  <c r="AC84849" i="1"/>
  <c r="AC84850" i="1"/>
  <c r="AC84851" i="1"/>
  <c r="AC84852" i="1"/>
  <c r="AC84853" i="1"/>
  <c r="AC84854" i="1"/>
  <c r="AC84855" i="1"/>
  <c r="AC84856" i="1"/>
  <c r="AC84857" i="1"/>
  <c r="AC84858" i="1"/>
  <c r="AC84859" i="1"/>
  <c r="AC84860" i="1"/>
  <c r="AC84861" i="1"/>
  <c r="AC84862" i="1"/>
  <c r="AC84863" i="1"/>
  <c r="AC84864" i="1"/>
  <c r="AC84865" i="1"/>
  <c r="AC84866" i="1"/>
  <c r="AC84867" i="1"/>
  <c r="AC84868" i="1"/>
  <c r="AC84869" i="1"/>
  <c r="AC84870" i="1"/>
  <c r="AC84871" i="1"/>
  <c r="AC84872" i="1"/>
  <c r="AC84873" i="1"/>
  <c r="AC84874" i="1"/>
  <c r="AC84875" i="1"/>
  <c r="AC84876" i="1"/>
  <c r="AC84877" i="1"/>
  <c r="AC84878" i="1"/>
  <c r="AC84879" i="1"/>
  <c r="AC84880" i="1"/>
  <c r="AC84881" i="1"/>
  <c r="AC84882" i="1"/>
  <c r="AC84883" i="1"/>
  <c r="AC84884" i="1"/>
  <c r="AC84885" i="1"/>
  <c r="AC84886" i="1"/>
  <c r="AC84887" i="1"/>
  <c r="AC84888" i="1"/>
  <c r="AC84889" i="1"/>
  <c r="AC84890" i="1"/>
  <c r="AC84891" i="1"/>
  <c r="AC84892" i="1"/>
  <c r="AC84893" i="1"/>
  <c r="AC84894" i="1"/>
  <c r="AC84895" i="1"/>
  <c r="AC84896" i="1"/>
  <c r="AC84897" i="1"/>
  <c r="AC84898" i="1"/>
  <c r="AC84899" i="1"/>
  <c r="AC84900" i="1"/>
  <c r="AC84901" i="1"/>
  <c r="AC84902" i="1"/>
  <c r="AC84903" i="1"/>
  <c r="AC84904" i="1"/>
  <c r="AC84905" i="1"/>
  <c r="AC84906" i="1"/>
  <c r="AC84907" i="1"/>
  <c r="AC84908" i="1"/>
  <c r="AC84909" i="1"/>
  <c r="AC84910" i="1"/>
  <c r="AC84911" i="1"/>
  <c r="AC84912" i="1"/>
  <c r="AC84913" i="1"/>
  <c r="AC84914" i="1"/>
  <c r="AC84915" i="1"/>
  <c r="AC84916" i="1"/>
  <c r="AC84917" i="1"/>
  <c r="AC84918" i="1"/>
  <c r="AC84919" i="1"/>
  <c r="AC84920" i="1"/>
  <c r="AC84921" i="1"/>
  <c r="AC84922" i="1"/>
  <c r="AC84923" i="1"/>
  <c r="AC84924" i="1"/>
  <c r="AC84925" i="1"/>
  <c r="AC84926" i="1"/>
  <c r="AC84927" i="1"/>
  <c r="AC84928" i="1"/>
  <c r="AC84929" i="1"/>
  <c r="AC84930" i="1"/>
  <c r="AC84931" i="1"/>
  <c r="AC84932" i="1"/>
  <c r="AC84933" i="1"/>
  <c r="AC84934" i="1"/>
  <c r="AC84935" i="1"/>
  <c r="AC84936" i="1"/>
  <c r="AC84937" i="1"/>
  <c r="AC84938" i="1"/>
  <c r="AC84939" i="1"/>
  <c r="AC84940" i="1"/>
  <c r="AC84941" i="1"/>
  <c r="AC84942" i="1"/>
  <c r="AC84943" i="1"/>
  <c r="AC84944" i="1"/>
  <c r="AC84945" i="1"/>
  <c r="AC84946" i="1"/>
  <c r="AC84947" i="1"/>
  <c r="AC84948" i="1"/>
  <c r="AC84949" i="1"/>
  <c r="AC84950" i="1"/>
  <c r="AC84951" i="1"/>
  <c r="AC84952" i="1"/>
  <c r="AC84953" i="1"/>
  <c r="AC84954" i="1"/>
  <c r="AC84955" i="1"/>
  <c r="AC84956" i="1"/>
  <c r="AC84957" i="1"/>
  <c r="AC84958" i="1"/>
  <c r="AC84959" i="1"/>
  <c r="AC84960" i="1"/>
  <c r="AC84961" i="1"/>
  <c r="AC84962" i="1"/>
  <c r="AC84963" i="1"/>
  <c r="AC84964" i="1"/>
  <c r="AC84965" i="1"/>
  <c r="AC84966" i="1"/>
  <c r="AC84967" i="1"/>
  <c r="AC84968" i="1"/>
  <c r="AC84969" i="1"/>
  <c r="AC84970" i="1"/>
  <c r="AC84971" i="1"/>
  <c r="AC84972" i="1"/>
  <c r="AC84973" i="1"/>
  <c r="AC84974" i="1"/>
  <c r="AC84975" i="1"/>
  <c r="AC84976" i="1"/>
  <c r="AC84977" i="1"/>
  <c r="AC84978" i="1"/>
  <c r="AC84979" i="1"/>
  <c r="AC84980" i="1"/>
  <c r="AC84981" i="1"/>
  <c r="AC84982" i="1"/>
  <c r="AC84983" i="1"/>
  <c r="AC84984" i="1"/>
  <c r="AC84985" i="1"/>
  <c r="AC84986" i="1"/>
  <c r="AC84987" i="1"/>
  <c r="AC84988" i="1"/>
  <c r="AC84989" i="1"/>
  <c r="AC84990" i="1"/>
  <c r="AC84991" i="1"/>
  <c r="AC84992" i="1"/>
  <c r="AC84993" i="1"/>
  <c r="AC84994" i="1"/>
  <c r="AC84995" i="1"/>
  <c r="AC84996" i="1"/>
  <c r="AC84997" i="1"/>
  <c r="AC84998" i="1"/>
  <c r="AC84999" i="1"/>
  <c r="AC85000" i="1"/>
  <c r="AC85001" i="1"/>
  <c r="AC85002" i="1"/>
  <c r="AC85003" i="1"/>
  <c r="AC85004" i="1"/>
  <c r="AC85005" i="1"/>
  <c r="AC85006" i="1"/>
  <c r="AC85007" i="1"/>
  <c r="AC85008" i="1"/>
  <c r="AC85009" i="1"/>
  <c r="AC85010" i="1"/>
  <c r="AC85011" i="1"/>
  <c r="AC85012" i="1"/>
  <c r="AC85013" i="1"/>
  <c r="AC85014" i="1"/>
  <c r="AC85015" i="1"/>
  <c r="AC85016" i="1"/>
  <c r="AC85017" i="1"/>
  <c r="AC85018" i="1"/>
  <c r="AC85019" i="1"/>
  <c r="AC85020" i="1"/>
  <c r="AC85021" i="1"/>
  <c r="AC85022" i="1"/>
  <c r="AC85023" i="1"/>
  <c r="AC85024" i="1"/>
  <c r="AC85025" i="1"/>
  <c r="AC85026" i="1"/>
  <c r="AC85027" i="1"/>
  <c r="AC85028" i="1"/>
  <c r="AC85029" i="1"/>
  <c r="AC85030" i="1"/>
  <c r="AC85031" i="1"/>
  <c r="AC85032" i="1"/>
  <c r="AC85033" i="1"/>
  <c r="AC85034" i="1"/>
  <c r="AC85035" i="1"/>
  <c r="AC85036" i="1"/>
  <c r="AC85037" i="1"/>
  <c r="AC85038" i="1"/>
  <c r="AC85039" i="1"/>
  <c r="AC85040" i="1"/>
  <c r="AC85041" i="1"/>
  <c r="AC85042" i="1"/>
  <c r="AC85043" i="1"/>
  <c r="AC85044" i="1"/>
  <c r="AC85045" i="1"/>
  <c r="AC85046" i="1"/>
  <c r="AC85047" i="1"/>
  <c r="AC85048" i="1"/>
  <c r="AC85049" i="1"/>
  <c r="AC85050" i="1"/>
  <c r="AC85051" i="1"/>
  <c r="AC85052" i="1"/>
  <c r="AC85053" i="1"/>
  <c r="AC85054" i="1"/>
  <c r="AC85055" i="1"/>
  <c r="AC85056" i="1"/>
  <c r="AC85057" i="1"/>
  <c r="AC85058" i="1"/>
  <c r="AC85059" i="1"/>
  <c r="AC85060" i="1"/>
  <c r="AC85061" i="1"/>
  <c r="AC85062" i="1"/>
  <c r="AC85063" i="1"/>
  <c r="AC85064" i="1"/>
  <c r="AC85065" i="1"/>
  <c r="AC85066" i="1"/>
  <c r="AC85067" i="1"/>
  <c r="AC85068" i="1"/>
  <c r="AC85069" i="1"/>
  <c r="AC85070" i="1"/>
  <c r="AC85071" i="1"/>
  <c r="AC85072" i="1"/>
  <c r="AC85073" i="1"/>
  <c r="AC85074" i="1"/>
  <c r="AC85075" i="1"/>
  <c r="AC85076" i="1"/>
  <c r="AC85077" i="1"/>
  <c r="AC85078" i="1"/>
  <c r="AC85079" i="1"/>
  <c r="AC85080" i="1"/>
  <c r="AC85081" i="1"/>
  <c r="AC85082" i="1"/>
  <c r="AC85083" i="1"/>
  <c r="AC85084" i="1"/>
  <c r="AC85085" i="1"/>
  <c r="AC85086" i="1"/>
  <c r="AC85087" i="1"/>
  <c r="AC85088" i="1"/>
  <c r="AC85089" i="1"/>
  <c r="AC85090" i="1"/>
  <c r="AC85091" i="1"/>
  <c r="AC85092" i="1"/>
  <c r="AC85093" i="1"/>
  <c r="AC85094" i="1"/>
  <c r="AC85095" i="1"/>
  <c r="AC85096" i="1"/>
  <c r="AC85097" i="1"/>
  <c r="AC85098" i="1"/>
  <c r="AC85099" i="1"/>
  <c r="AC85100" i="1"/>
  <c r="AC85101" i="1"/>
  <c r="AC85102" i="1"/>
  <c r="AC85103" i="1"/>
  <c r="AC85104" i="1"/>
  <c r="AC85105" i="1"/>
  <c r="AC85106" i="1"/>
  <c r="AC85107" i="1"/>
  <c r="AC85108" i="1"/>
  <c r="AC85109" i="1"/>
  <c r="AC85110" i="1"/>
  <c r="AC85111" i="1"/>
  <c r="AC85112" i="1"/>
  <c r="AC85113" i="1"/>
  <c r="AC85114" i="1"/>
  <c r="AC85115" i="1"/>
  <c r="AC85116" i="1"/>
  <c r="AC85117" i="1"/>
  <c r="AC85118" i="1"/>
  <c r="AC85119" i="1"/>
  <c r="AC85120" i="1"/>
  <c r="AC85121" i="1"/>
  <c r="AC85122" i="1"/>
  <c r="AC85123" i="1"/>
  <c r="AC85124" i="1"/>
  <c r="AC85125" i="1"/>
  <c r="AC85126" i="1"/>
  <c r="AC85127" i="1"/>
  <c r="AC85128" i="1"/>
  <c r="AC85129" i="1"/>
  <c r="AC85130" i="1"/>
  <c r="AC85131" i="1"/>
  <c r="AC85132" i="1"/>
  <c r="AC85133" i="1"/>
  <c r="AC85134" i="1"/>
  <c r="AC85135" i="1"/>
  <c r="AC85136" i="1"/>
  <c r="AC85137" i="1"/>
  <c r="AC85138" i="1"/>
  <c r="AC85139" i="1"/>
  <c r="AC85140" i="1"/>
  <c r="AC85141" i="1"/>
  <c r="AC85142" i="1"/>
  <c r="AC85143" i="1"/>
  <c r="AC85144" i="1"/>
  <c r="AC85145" i="1"/>
  <c r="AC85146" i="1"/>
  <c r="AC85147" i="1"/>
  <c r="AC85148" i="1"/>
  <c r="AC85149" i="1"/>
  <c r="AC85150" i="1"/>
  <c r="AC85151" i="1"/>
  <c r="AC85152" i="1"/>
  <c r="AC85153" i="1"/>
  <c r="AC85154" i="1"/>
  <c r="AC85155" i="1"/>
  <c r="AC85156" i="1"/>
  <c r="AC85157" i="1"/>
  <c r="AC85158" i="1"/>
  <c r="AC85159" i="1"/>
  <c r="AC85160" i="1"/>
  <c r="AC85161" i="1"/>
  <c r="AC85162" i="1"/>
  <c r="AC85163" i="1"/>
  <c r="AC85164" i="1"/>
  <c r="AC85165" i="1"/>
  <c r="AC85166" i="1"/>
  <c r="AC85167" i="1"/>
  <c r="AC85168" i="1"/>
  <c r="AC85169" i="1"/>
  <c r="AC85170" i="1"/>
  <c r="AC85171" i="1"/>
  <c r="AC85172" i="1"/>
  <c r="AC85173" i="1"/>
  <c r="AC85174" i="1"/>
  <c r="AC85175" i="1"/>
  <c r="AC85176" i="1"/>
  <c r="AC85177" i="1"/>
  <c r="AC85178" i="1"/>
  <c r="AC85179" i="1"/>
  <c r="AC85180" i="1"/>
  <c r="AC85181" i="1"/>
  <c r="AC85182" i="1"/>
  <c r="AC85183" i="1"/>
  <c r="AC85184" i="1"/>
  <c r="AC85185" i="1"/>
  <c r="AC85186" i="1"/>
  <c r="AC85187" i="1"/>
  <c r="AC85188" i="1"/>
  <c r="AC85189" i="1"/>
  <c r="AC85190" i="1"/>
  <c r="AC85191" i="1"/>
  <c r="AC85192" i="1"/>
  <c r="AC85193" i="1"/>
  <c r="AC85194" i="1"/>
  <c r="AC85195" i="1"/>
  <c r="AC85196" i="1"/>
  <c r="AC85197" i="1"/>
  <c r="AC85198" i="1"/>
  <c r="AC85199" i="1"/>
  <c r="AC85200" i="1"/>
  <c r="AC85201" i="1"/>
  <c r="AC85202" i="1"/>
  <c r="AC85203" i="1"/>
  <c r="AC85204" i="1"/>
  <c r="AC85205" i="1"/>
  <c r="AC85206" i="1"/>
  <c r="AC85207" i="1"/>
  <c r="AC85208" i="1"/>
  <c r="AC85209" i="1"/>
  <c r="AC85210" i="1"/>
  <c r="AC85211" i="1"/>
  <c r="AC85212" i="1"/>
  <c r="AC85213" i="1"/>
  <c r="AC85214" i="1"/>
  <c r="AC85215" i="1"/>
  <c r="AC85216" i="1"/>
  <c r="AC85217" i="1"/>
  <c r="AC85218" i="1"/>
  <c r="AC85219" i="1"/>
  <c r="AC85220" i="1"/>
  <c r="AC85221" i="1"/>
  <c r="AC85222" i="1"/>
  <c r="AC85223" i="1"/>
  <c r="AC85224" i="1"/>
  <c r="AC85225" i="1"/>
  <c r="AC85226" i="1"/>
  <c r="AC85227" i="1"/>
  <c r="AC85228" i="1"/>
  <c r="AC85229" i="1"/>
  <c r="AC85230" i="1"/>
  <c r="AC85231" i="1"/>
  <c r="AC85232" i="1"/>
  <c r="AC85233" i="1"/>
  <c r="AC85234" i="1"/>
  <c r="AC85235" i="1"/>
  <c r="AC85236" i="1"/>
  <c r="AC85237" i="1"/>
  <c r="AC85238" i="1"/>
  <c r="AC85239" i="1"/>
  <c r="AC85240" i="1"/>
  <c r="AC85241" i="1"/>
  <c r="AC85242" i="1"/>
  <c r="AC85243" i="1"/>
  <c r="AC85244" i="1"/>
  <c r="AC85245" i="1"/>
  <c r="AC85246" i="1"/>
  <c r="AC85247" i="1"/>
  <c r="AC85248" i="1"/>
  <c r="AC85249" i="1"/>
  <c r="AC85250" i="1"/>
  <c r="AC85251" i="1"/>
  <c r="AC85252" i="1"/>
  <c r="AC85253" i="1"/>
  <c r="AC85254" i="1"/>
  <c r="AC85255" i="1"/>
  <c r="AC85256" i="1"/>
  <c r="AC85257" i="1"/>
  <c r="AC85258" i="1"/>
  <c r="AC85259" i="1"/>
  <c r="AC85260" i="1"/>
  <c r="AC85261" i="1"/>
  <c r="AC85262" i="1"/>
  <c r="AC85263" i="1"/>
  <c r="AC85264" i="1"/>
  <c r="AC85265" i="1"/>
  <c r="AC85266" i="1"/>
  <c r="AC85267" i="1"/>
  <c r="AC85268" i="1"/>
  <c r="AC85269" i="1"/>
  <c r="AC85270" i="1"/>
  <c r="AC85271" i="1"/>
  <c r="AC85272" i="1"/>
  <c r="AC85273" i="1"/>
  <c r="AC85274" i="1"/>
  <c r="AC85275" i="1"/>
  <c r="AC85276" i="1"/>
  <c r="AC85277" i="1"/>
  <c r="AC85278" i="1"/>
  <c r="AC85279" i="1"/>
  <c r="AC85280" i="1"/>
  <c r="AC85281" i="1"/>
  <c r="AC85282" i="1"/>
  <c r="AC85283" i="1"/>
  <c r="AC85284" i="1"/>
  <c r="AC85285" i="1"/>
  <c r="AC85286" i="1"/>
  <c r="AC85287" i="1"/>
  <c r="AC85288" i="1"/>
  <c r="AC85289" i="1"/>
  <c r="AC85290" i="1"/>
  <c r="AC85291" i="1"/>
  <c r="AC85292" i="1"/>
  <c r="AC85293" i="1"/>
  <c r="AC85294" i="1"/>
  <c r="AC85295" i="1"/>
  <c r="AC85296" i="1"/>
  <c r="AC85297" i="1"/>
  <c r="AC85298" i="1"/>
  <c r="AC85299" i="1"/>
  <c r="AC85300" i="1"/>
  <c r="AC85301" i="1"/>
  <c r="AC85302" i="1"/>
  <c r="AC85303" i="1"/>
  <c r="AC85304" i="1"/>
  <c r="AC85305" i="1"/>
  <c r="AC85306" i="1"/>
  <c r="AC85307" i="1"/>
  <c r="AC85308" i="1"/>
  <c r="AC85309" i="1"/>
  <c r="AC85310" i="1"/>
  <c r="AC85311" i="1"/>
  <c r="AC85312" i="1"/>
  <c r="AC85313" i="1"/>
  <c r="AC85314" i="1"/>
  <c r="AC85315" i="1"/>
  <c r="AC85316" i="1"/>
  <c r="AC85317" i="1"/>
  <c r="AC85318" i="1"/>
  <c r="AC85319" i="1"/>
  <c r="AC85320" i="1"/>
  <c r="AC85321" i="1"/>
  <c r="AC85322" i="1"/>
  <c r="AC85323" i="1"/>
  <c r="AC85324" i="1"/>
  <c r="AC85325" i="1"/>
  <c r="AC85326" i="1"/>
  <c r="AC85327" i="1"/>
  <c r="AC85328" i="1"/>
  <c r="AC85329" i="1"/>
  <c r="AC85330" i="1"/>
  <c r="AC85331" i="1"/>
  <c r="AC85332" i="1"/>
  <c r="AC85333" i="1"/>
  <c r="AC85334" i="1"/>
  <c r="AC85335" i="1"/>
  <c r="AC85336" i="1"/>
  <c r="AC85337" i="1"/>
  <c r="AC85338" i="1"/>
  <c r="AC85339" i="1"/>
  <c r="AC85340" i="1"/>
  <c r="AC85341" i="1"/>
  <c r="AC85342" i="1"/>
  <c r="AC85343" i="1"/>
  <c r="AC85344" i="1"/>
  <c r="AC85345" i="1"/>
  <c r="AC85346" i="1"/>
  <c r="AC85347" i="1"/>
  <c r="AC85348" i="1"/>
  <c r="AC85349" i="1"/>
  <c r="AC85350" i="1"/>
  <c r="AC85351" i="1"/>
  <c r="AC85352" i="1"/>
  <c r="AC85353" i="1"/>
  <c r="AC85354" i="1"/>
  <c r="AC85355" i="1"/>
  <c r="AC85356" i="1"/>
  <c r="AC85357" i="1"/>
  <c r="AC85358" i="1"/>
  <c r="AC85359" i="1"/>
  <c r="AC85360" i="1"/>
  <c r="AC85361" i="1"/>
  <c r="AC85362" i="1"/>
  <c r="AC85363" i="1"/>
  <c r="AC85364" i="1"/>
  <c r="AC85365" i="1"/>
  <c r="AC85366" i="1"/>
  <c r="AC85367" i="1"/>
  <c r="AC85368" i="1"/>
  <c r="AC85369" i="1"/>
  <c r="AC85370" i="1"/>
  <c r="AC85371" i="1"/>
  <c r="AC85372" i="1"/>
  <c r="AC85373" i="1"/>
  <c r="AC85374" i="1"/>
  <c r="AC85375" i="1"/>
  <c r="AC85376" i="1"/>
  <c r="AC85377" i="1"/>
  <c r="AC85378" i="1"/>
  <c r="AC85379" i="1"/>
  <c r="AC85380" i="1"/>
  <c r="AC85381" i="1"/>
  <c r="AC85382" i="1"/>
  <c r="AC85383" i="1"/>
  <c r="AC85384" i="1"/>
  <c r="AC85385" i="1"/>
  <c r="AC85386" i="1"/>
  <c r="AC85387" i="1"/>
  <c r="AC85388" i="1"/>
  <c r="AC85389" i="1"/>
  <c r="AC85390" i="1"/>
  <c r="AC85391" i="1"/>
  <c r="AC85392" i="1"/>
  <c r="AC85393" i="1"/>
  <c r="AC85394" i="1"/>
  <c r="AC85395" i="1"/>
  <c r="AC85396" i="1"/>
  <c r="AC85397" i="1"/>
  <c r="AC85398" i="1"/>
  <c r="AC85399" i="1"/>
  <c r="AC85400" i="1"/>
  <c r="AC85401" i="1"/>
  <c r="AC85402" i="1"/>
  <c r="AC85403" i="1"/>
  <c r="AC85404" i="1"/>
  <c r="AC85405" i="1"/>
  <c r="AC85406" i="1"/>
  <c r="AC85407" i="1"/>
  <c r="AC85408" i="1"/>
  <c r="AC85409" i="1"/>
  <c r="AC85410" i="1"/>
  <c r="AC85411" i="1"/>
  <c r="AC85412" i="1"/>
  <c r="AC85413" i="1"/>
  <c r="AC85414" i="1"/>
  <c r="AC85415" i="1"/>
  <c r="AC85416" i="1"/>
  <c r="AC85417" i="1"/>
  <c r="AC85418" i="1"/>
  <c r="AC85419" i="1"/>
  <c r="AC85420" i="1"/>
  <c r="AC85421" i="1"/>
  <c r="AC85422" i="1"/>
  <c r="AC85423" i="1"/>
  <c r="AC85424" i="1"/>
  <c r="AC85425" i="1"/>
  <c r="AC85426" i="1"/>
  <c r="AC85427" i="1"/>
  <c r="AC85428" i="1"/>
  <c r="AC85429" i="1"/>
  <c r="AC85430" i="1"/>
  <c r="AC85431" i="1"/>
  <c r="AC85432" i="1"/>
  <c r="AC85433" i="1"/>
  <c r="AC85434" i="1"/>
  <c r="AC85435" i="1"/>
  <c r="AC85436" i="1"/>
  <c r="AC85437" i="1"/>
  <c r="AC85438" i="1"/>
  <c r="AC85439" i="1"/>
  <c r="AC85440" i="1"/>
  <c r="AC85441" i="1"/>
  <c r="AC85442" i="1"/>
  <c r="AC85443" i="1"/>
  <c r="AC85444" i="1"/>
  <c r="AC85445" i="1"/>
  <c r="AC85446" i="1"/>
  <c r="AC85447" i="1"/>
  <c r="AC85448" i="1"/>
  <c r="AC85449" i="1"/>
  <c r="AC85450" i="1"/>
  <c r="AC85451" i="1"/>
  <c r="AC85452" i="1"/>
  <c r="AC85453" i="1"/>
  <c r="AC85454" i="1"/>
  <c r="AC85455" i="1"/>
  <c r="AC85456" i="1"/>
  <c r="AC85457" i="1"/>
  <c r="AC85458" i="1"/>
  <c r="AC85459" i="1"/>
  <c r="AC85460" i="1"/>
  <c r="AC85461" i="1"/>
  <c r="AC85462" i="1"/>
  <c r="AC85463" i="1"/>
  <c r="AC85464" i="1"/>
  <c r="AC85465" i="1"/>
  <c r="AC85466" i="1"/>
  <c r="AC85467" i="1"/>
  <c r="AC85468" i="1"/>
  <c r="AC85469" i="1"/>
  <c r="AC85470" i="1"/>
  <c r="AC85471" i="1"/>
  <c r="AC85472" i="1"/>
  <c r="AC85473" i="1"/>
  <c r="AC85474" i="1"/>
  <c r="AC85475" i="1"/>
  <c r="AC85476" i="1"/>
  <c r="AC85477" i="1"/>
  <c r="AC85478" i="1"/>
  <c r="AC85479" i="1"/>
  <c r="AC85480" i="1"/>
  <c r="AC85481" i="1"/>
  <c r="AC85482" i="1"/>
  <c r="AC85483" i="1"/>
  <c r="AC85484" i="1"/>
  <c r="AC85485" i="1"/>
  <c r="AC85486" i="1"/>
  <c r="AC85487" i="1"/>
  <c r="AC85488" i="1"/>
  <c r="AC85489" i="1"/>
  <c r="AC85490" i="1"/>
  <c r="AC85491" i="1"/>
  <c r="AC85492" i="1"/>
  <c r="AC85493" i="1"/>
  <c r="AC85494" i="1"/>
  <c r="AC85495" i="1"/>
  <c r="AC85496" i="1"/>
  <c r="AC85497" i="1"/>
  <c r="AC85498" i="1"/>
  <c r="AC85499" i="1"/>
  <c r="AC85500" i="1"/>
  <c r="AC85501" i="1"/>
  <c r="AC85502" i="1"/>
  <c r="AC85503" i="1"/>
  <c r="AC85504" i="1"/>
  <c r="AC85505" i="1"/>
  <c r="AC85506" i="1"/>
  <c r="AC85507" i="1"/>
  <c r="AC85508" i="1"/>
  <c r="AC85509" i="1"/>
  <c r="AC85510" i="1"/>
  <c r="AC85511" i="1"/>
  <c r="AC85512" i="1"/>
  <c r="AC85513" i="1"/>
  <c r="AC85514" i="1"/>
  <c r="AC85515" i="1"/>
  <c r="AC85516" i="1"/>
  <c r="AC85517" i="1"/>
  <c r="AC85518" i="1"/>
  <c r="AC85519" i="1"/>
  <c r="AC85520" i="1"/>
  <c r="AC85521" i="1"/>
  <c r="AC85522" i="1"/>
  <c r="AC85523" i="1"/>
  <c r="AC85524" i="1"/>
  <c r="AC85525" i="1"/>
  <c r="AC85526" i="1"/>
  <c r="AC85527" i="1"/>
  <c r="AC85528" i="1"/>
  <c r="AC85529" i="1"/>
  <c r="AC85530" i="1"/>
  <c r="AC85531" i="1"/>
  <c r="AC85532" i="1"/>
  <c r="AC85533" i="1"/>
  <c r="AC85534" i="1"/>
  <c r="AC85535" i="1"/>
  <c r="AC85536" i="1"/>
  <c r="AC85537" i="1"/>
  <c r="AC85538" i="1"/>
  <c r="AC85539" i="1"/>
  <c r="AC85540" i="1"/>
  <c r="AC85541" i="1"/>
  <c r="AC85542" i="1"/>
  <c r="AC85543" i="1"/>
  <c r="AC85544" i="1"/>
  <c r="AC85545" i="1"/>
  <c r="AC85546" i="1"/>
  <c r="AC85547" i="1"/>
  <c r="AC85548" i="1"/>
  <c r="AC85549" i="1"/>
  <c r="AC85550" i="1"/>
  <c r="AC85551" i="1"/>
  <c r="AC85552" i="1"/>
  <c r="AC85553" i="1"/>
  <c r="AC85554" i="1"/>
  <c r="AC85555" i="1"/>
  <c r="AC85556" i="1"/>
  <c r="AC85557" i="1"/>
  <c r="AC85558" i="1"/>
  <c r="AC85559" i="1"/>
  <c r="AC85560" i="1"/>
  <c r="AC85561" i="1"/>
  <c r="AC85562" i="1"/>
  <c r="AC85563" i="1"/>
  <c r="AC85564" i="1"/>
  <c r="AC85565" i="1"/>
  <c r="AC85566" i="1"/>
  <c r="AC85567" i="1"/>
  <c r="AC85568" i="1"/>
  <c r="AC85569" i="1"/>
  <c r="AC85570" i="1"/>
  <c r="AC85571" i="1"/>
  <c r="AC85572" i="1"/>
  <c r="AC85573" i="1"/>
  <c r="AC85574" i="1"/>
  <c r="AC85575" i="1"/>
  <c r="AC85576" i="1"/>
  <c r="AC85577" i="1"/>
  <c r="AC85578" i="1"/>
  <c r="AC85579" i="1"/>
  <c r="AC85580" i="1"/>
  <c r="AC85581" i="1"/>
  <c r="AC85582" i="1"/>
  <c r="AC85583" i="1"/>
  <c r="AC85584" i="1"/>
  <c r="AC85585" i="1"/>
  <c r="AC85586" i="1"/>
  <c r="AC85587" i="1"/>
  <c r="AC85588" i="1"/>
  <c r="AC85589" i="1"/>
  <c r="AC85590" i="1"/>
  <c r="AC85591" i="1"/>
  <c r="AC85592" i="1"/>
  <c r="AC85593" i="1"/>
  <c r="AC85594" i="1"/>
  <c r="AC85595" i="1"/>
  <c r="AC85596" i="1"/>
  <c r="AC85597" i="1"/>
  <c r="AC85598" i="1"/>
  <c r="AC85599" i="1"/>
  <c r="AC85600" i="1"/>
  <c r="AC85601" i="1"/>
  <c r="AC85602" i="1"/>
  <c r="AC85603" i="1"/>
  <c r="AC85604" i="1"/>
  <c r="AC85605" i="1"/>
  <c r="AC85606" i="1"/>
  <c r="AC85607" i="1"/>
  <c r="AC85608" i="1"/>
  <c r="AC85609" i="1"/>
  <c r="AC85610" i="1"/>
  <c r="AC85611" i="1"/>
  <c r="AC85612" i="1"/>
  <c r="AC85613" i="1"/>
  <c r="AC85614" i="1"/>
  <c r="AC85615" i="1"/>
  <c r="AC85616" i="1"/>
  <c r="AC85617" i="1"/>
  <c r="AC85618" i="1"/>
  <c r="AC85619" i="1"/>
  <c r="AC85620" i="1"/>
  <c r="AC85621" i="1"/>
  <c r="AC85622" i="1"/>
  <c r="AC85623" i="1"/>
  <c r="AC85624" i="1"/>
  <c r="AC85625" i="1"/>
  <c r="AC85626" i="1"/>
  <c r="AC85627" i="1"/>
  <c r="AC85628" i="1"/>
  <c r="AC85629" i="1"/>
  <c r="AC85630" i="1"/>
  <c r="AC85631" i="1"/>
  <c r="AC85632" i="1"/>
  <c r="AC85633" i="1"/>
  <c r="AC85634" i="1"/>
  <c r="AC85635" i="1"/>
  <c r="AC85636" i="1"/>
  <c r="AC85637" i="1"/>
  <c r="AC85638" i="1"/>
  <c r="AC85639" i="1"/>
  <c r="AC85640" i="1"/>
  <c r="AC85641" i="1"/>
  <c r="AC85642" i="1"/>
  <c r="AC85643" i="1"/>
  <c r="AC85644" i="1"/>
  <c r="AC85645" i="1"/>
  <c r="AC85646" i="1"/>
  <c r="AC85647" i="1"/>
  <c r="AC85648" i="1"/>
  <c r="AC85649" i="1"/>
  <c r="AC85650" i="1"/>
  <c r="AC85651" i="1"/>
  <c r="AC85652" i="1"/>
  <c r="AC85653" i="1"/>
  <c r="AC85654" i="1"/>
  <c r="AC85655" i="1"/>
  <c r="AC85656" i="1"/>
  <c r="AC85657" i="1"/>
  <c r="AC85658" i="1"/>
  <c r="AC85659" i="1"/>
  <c r="AC85660" i="1"/>
  <c r="AC85661" i="1"/>
  <c r="AC85662" i="1"/>
  <c r="AC85663" i="1"/>
  <c r="AC85664" i="1"/>
  <c r="AC85665" i="1"/>
  <c r="AC85666" i="1"/>
  <c r="AC85667" i="1"/>
  <c r="AC85668" i="1"/>
  <c r="AC85669" i="1"/>
  <c r="AC85670" i="1"/>
  <c r="AC85671" i="1"/>
  <c r="AC85672" i="1"/>
  <c r="AC85673" i="1"/>
  <c r="AC85674" i="1"/>
  <c r="AC85675" i="1"/>
  <c r="AC85676" i="1"/>
  <c r="AC85677" i="1"/>
  <c r="AC85678" i="1"/>
  <c r="AC85679" i="1"/>
  <c r="AC85680" i="1"/>
  <c r="AC85681" i="1"/>
  <c r="AC85682" i="1"/>
  <c r="AC85683" i="1"/>
  <c r="AC85684" i="1"/>
  <c r="AC85685" i="1"/>
  <c r="AC85686" i="1"/>
  <c r="AC85687" i="1"/>
  <c r="AC85688" i="1"/>
  <c r="AC85689" i="1"/>
  <c r="AC85690" i="1"/>
  <c r="AC85691" i="1"/>
  <c r="AC85692" i="1"/>
  <c r="AC85693" i="1"/>
  <c r="AC85694" i="1"/>
  <c r="AC85695" i="1"/>
  <c r="AC85696" i="1"/>
  <c r="AC85697" i="1"/>
  <c r="AC85698" i="1"/>
  <c r="AC85699" i="1"/>
  <c r="AC85700" i="1"/>
  <c r="AC85701" i="1"/>
  <c r="AC85702" i="1"/>
  <c r="AC85703" i="1"/>
  <c r="AC85704" i="1"/>
  <c r="AC85705" i="1"/>
  <c r="AC85706" i="1"/>
  <c r="AC85707" i="1"/>
  <c r="AC85708" i="1"/>
  <c r="AC85709" i="1"/>
  <c r="AC85710" i="1"/>
  <c r="AC85711" i="1"/>
  <c r="AC85712" i="1"/>
  <c r="AC85713" i="1"/>
  <c r="AC85714" i="1"/>
  <c r="AC85715" i="1"/>
  <c r="AC85716" i="1"/>
  <c r="AC85717" i="1"/>
  <c r="AC85718" i="1"/>
  <c r="AC85719" i="1"/>
  <c r="AC85720" i="1"/>
  <c r="AC85721" i="1"/>
  <c r="AC85722" i="1"/>
  <c r="AC85723" i="1"/>
  <c r="AC85724" i="1"/>
  <c r="AC85725" i="1"/>
  <c r="AC85726" i="1"/>
  <c r="AC85727" i="1"/>
  <c r="AC85728" i="1"/>
  <c r="AC85729" i="1"/>
  <c r="AC85730" i="1"/>
  <c r="AC85731" i="1"/>
  <c r="AC85732" i="1"/>
  <c r="AC85733" i="1"/>
  <c r="AC85734" i="1"/>
  <c r="AC85735" i="1"/>
  <c r="AC85736" i="1"/>
  <c r="AC85737" i="1"/>
  <c r="AC85738" i="1"/>
  <c r="AC85739" i="1"/>
  <c r="AC85740" i="1"/>
  <c r="AC85741" i="1"/>
  <c r="AC85742" i="1"/>
  <c r="AC85743" i="1"/>
  <c r="AC85744" i="1"/>
  <c r="AC85745" i="1"/>
  <c r="AC85746" i="1"/>
  <c r="AC85747" i="1"/>
  <c r="AC85748" i="1"/>
  <c r="AC85749" i="1"/>
  <c r="AC85750" i="1"/>
  <c r="AC85751" i="1"/>
  <c r="AC85752" i="1"/>
  <c r="AC85753" i="1"/>
  <c r="AC85754" i="1"/>
  <c r="AC85755" i="1"/>
  <c r="AC85756" i="1"/>
  <c r="AC85757" i="1"/>
  <c r="AC85758" i="1"/>
  <c r="AC85759" i="1"/>
  <c r="AC85760" i="1"/>
  <c r="AC85761" i="1"/>
  <c r="AC85762" i="1"/>
  <c r="AC85763" i="1"/>
  <c r="AC85764" i="1"/>
  <c r="AC85765" i="1"/>
  <c r="AC85766" i="1"/>
  <c r="AC85767" i="1"/>
  <c r="AC85768" i="1"/>
  <c r="AC85769" i="1"/>
  <c r="AC85770" i="1"/>
  <c r="AC85771" i="1"/>
  <c r="AC85772" i="1"/>
  <c r="AC85773" i="1"/>
  <c r="AC85774" i="1"/>
  <c r="AC85775" i="1"/>
  <c r="AC85776" i="1"/>
  <c r="AC85777" i="1"/>
  <c r="AC85778" i="1"/>
  <c r="AC85779" i="1"/>
  <c r="AC85780" i="1"/>
  <c r="AC85781" i="1"/>
  <c r="AC85782" i="1"/>
  <c r="AC85783" i="1"/>
  <c r="AC85784" i="1"/>
  <c r="AC85785" i="1"/>
  <c r="AC85786" i="1"/>
  <c r="AC85787" i="1"/>
  <c r="AC85788" i="1"/>
  <c r="AC85789" i="1"/>
  <c r="AC85790" i="1"/>
  <c r="AC85791" i="1"/>
  <c r="AC85792" i="1"/>
  <c r="AC85793" i="1"/>
  <c r="AC85794" i="1"/>
  <c r="AC85795" i="1"/>
  <c r="AC85796" i="1"/>
  <c r="AC85797" i="1"/>
  <c r="AC85798" i="1"/>
  <c r="AC85799" i="1"/>
  <c r="AC85800" i="1"/>
  <c r="AC85801" i="1"/>
  <c r="AC85802" i="1"/>
  <c r="AC85803" i="1"/>
  <c r="AC85804" i="1"/>
  <c r="AC85805" i="1"/>
  <c r="AC85806" i="1"/>
  <c r="AC85807" i="1"/>
  <c r="AC85808" i="1"/>
  <c r="AC85809" i="1"/>
  <c r="AC85810" i="1"/>
  <c r="AC85811" i="1"/>
  <c r="AC85812" i="1"/>
  <c r="AC85813" i="1"/>
  <c r="AC85814" i="1"/>
  <c r="AC85815" i="1"/>
  <c r="AC85816" i="1"/>
  <c r="AC85817" i="1"/>
  <c r="AC85818" i="1"/>
  <c r="AC85819" i="1"/>
  <c r="AC85820" i="1"/>
  <c r="AC85821" i="1"/>
  <c r="AC85822" i="1"/>
  <c r="AC85823" i="1"/>
  <c r="AC85824" i="1"/>
  <c r="AC85825" i="1"/>
  <c r="AC85826" i="1"/>
  <c r="AC85827" i="1"/>
  <c r="AC85828" i="1"/>
  <c r="AC85829" i="1"/>
  <c r="AC85830" i="1"/>
  <c r="AC85831" i="1"/>
  <c r="AC85832" i="1"/>
  <c r="AC85833" i="1"/>
  <c r="AC85834" i="1"/>
  <c r="AC85835" i="1"/>
  <c r="AC85836" i="1"/>
  <c r="AC85837" i="1"/>
  <c r="AC85838" i="1"/>
  <c r="AC85839" i="1"/>
  <c r="AC85840" i="1"/>
  <c r="AC85841" i="1"/>
  <c r="AC85842" i="1"/>
  <c r="AC85843" i="1"/>
  <c r="AC85844" i="1"/>
  <c r="AC85845" i="1"/>
  <c r="AC85846" i="1"/>
  <c r="AC85847" i="1"/>
  <c r="AC85848" i="1"/>
  <c r="AC85849" i="1"/>
  <c r="AC85850" i="1"/>
  <c r="AC85851" i="1"/>
  <c r="AC85852" i="1"/>
  <c r="AC85853" i="1"/>
  <c r="AC85854" i="1"/>
  <c r="AC85855" i="1"/>
  <c r="AC85856" i="1"/>
  <c r="AC85857" i="1"/>
  <c r="AC85858" i="1"/>
  <c r="AC85859" i="1"/>
  <c r="AC85860" i="1"/>
  <c r="AC85861" i="1"/>
  <c r="AC85862" i="1"/>
  <c r="AC85863" i="1"/>
  <c r="AC85864" i="1"/>
  <c r="AC85865" i="1"/>
  <c r="AC85866" i="1"/>
  <c r="AC85867" i="1"/>
  <c r="AC85868" i="1"/>
  <c r="AC85869" i="1"/>
  <c r="AC85870" i="1"/>
  <c r="AC85871" i="1"/>
  <c r="AC85872" i="1"/>
  <c r="AC85873" i="1"/>
  <c r="AC85874" i="1"/>
  <c r="AC85875" i="1"/>
  <c r="AC85876" i="1"/>
  <c r="AC85877" i="1"/>
  <c r="AC85878" i="1"/>
  <c r="AC85879" i="1"/>
  <c r="AC85880" i="1"/>
  <c r="AC85881" i="1"/>
  <c r="AC85882" i="1"/>
  <c r="AC85883" i="1"/>
  <c r="AC85884" i="1"/>
  <c r="AC85885" i="1"/>
  <c r="AC85886" i="1"/>
  <c r="AC85887" i="1"/>
  <c r="AC85888" i="1"/>
  <c r="AC85889" i="1"/>
  <c r="AC85890" i="1"/>
  <c r="AC85891" i="1"/>
  <c r="AC85892" i="1"/>
  <c r="AC85893" i="1"/>
  <c r="AC85894" i="1"/>
  <c r="AC85895" i="1"/>
  <c r="AC85896" i="1"/>
  <c r="AC85897" i="1"/>
  <c r="AC85898" i="1"/>
  <c r="AC85899" i="1"/>
  <c r="AC85900" i="1"/>
  <c r="AC85901" i="1"/>
  <c r="AC85902" i="1"/>
  <c r="AC85903" i="1"/>
  <c r="AC85904" i="1"/>
  <c r="AC85905" i="1"/>
  <c r="AC85906" i="1"/>
  <c r="AC85907" i="1"/>
  <c r="AC85908" i="1"/>
  <c r="AC85909" i="1"/>
  <c r="AC85910" i="1"/>
  <c r="AC85911" i="1"/>
  <c r="AC85912" i="1"/>
  <c r="AC85913" i="1"/>
  <c r="AC85914" i="1"/>
  <c r="AC85915" i="1"/>
  <c r="AC85916" i="1"/>
  <c r="AC85917" i="1"/>
  <c r="AC85918" i="1"/>
  <c r="AC85919" i="1"/>
  <c r="AC85920" i="1"/>
  <c r="AC85921" i="1"/>
  <c r="AC85922" i="1"/>
  <c r="AC85923" i="1"/>
  <c r="AC85924" i="1"/>
  <c r="AC85925" i="1"/>
  <c r="AC85926" i="1"/>
  <c r="AC85927" i="1"/>
  <c r="AC85928" i="1"/>
  <c r="AC85929" i="1"/>
  <c r="AC85930" i="1"/>
  <c r="AC85931" i="1"/>
  <c r="AC85932" i="1"/>
  <c r="AC85933" i="1"/>
  <c r="AC85934" i="1"/>
  <c r="AC85935" i="1"/>
  <c r="AC85936" i="1"/>
  <c r="AC85937" i="1"/>
  <c r="AC85938" i="1"/>
  <c r="AC85939" i="1"/>
  <c r="AC85940" i="1"/>
  <c r="AC85941" i="1"/>
  <c r="AC85942" i="1"/>
  <c r="AC85943" i="1"/>
  <c r="AC85944" i="1"/>
  <c r="AC85945" i="1"/>
  <c r="AC85946" i="1"/>
  <c r="AC85947" i="1"/>
  <c r="AC85948" i="1"/>
  <c r="AC85949" i="1"/>
  <c r="AC85950" i="1"/>
  <c r="AC85951" i="1"/>
  <c r="AC85952" i="1"/>
  <c r="AC85953" i="1"/>
  <c r="AC85954" i="1"/>
  <c r="AC85955" i="1"/>
  <c r="AC85956" i="1"/>
  <c r="AC85957" i="1"/>
  <c r="AC85958" i="1"/>
  <c r="AC85959" i="1"/>
  <c r="AC85960" i="1"/>
  <c r="AC85961" i="1"/>
  <c r="AC85962" i="1"/>
  <c r="AC85963" i="1"/>
  <c r="AC85964" i="1"/>
  <c r="AC85965" i="1"/>
  <c r="AC85966" i="1"/>
  <c r="AC85967" i="1"/>
  <c r="AC85968" i="1"/>
  <c r="AC85969" i="1"/>
  <c r="AC85970" i="1"/>
  <c r="AC85971" i="1"/>
  <c r="AC85972" i="1"/>
  <c r="AC85973" i="1"/>
  <c r="AC85974" i="1"/>
  <c r="AC85975" i="1"/>
  <c r="AC85976" i="1"/>
  <c r="AC85977" i="1"/>
  <c r="AC85978" i="1"/>
  <c r="AC85979" i="1"/>
  <c r="AC85980" i="1"/>
  <c r="AC85981" i="1"/>
  <c r="AC85982" i="1"/>
  <c r="AC85983" i="1"/>
  <c r="AC85984" i="1"/>
  <c r="AC85985" i="1"/>
  <c r="AC85986" i="1"/>
  <c r="AC85987" i="1"/>
  <c r="AC85988" i="1"/>
  <c r="AC85989" i="1"/>
  <c r="AC85990" i="1"/>
  <c r="AC85991" i="1"/>
  <c r="AC85992" i="1"/>
  <c r="AC85993" i="1"/>
  <c r="AC85994" i="1"/>
  <c r="AC85995" i="1"/>
  <c r="AC85996" i="1"/>
  <c r="AC85997" i="1"/>
  <c r="AC85998" i="1"/>
  <c r="AC85999" i="1"/>
  <c r="AC86000" i="1"/>
  <c r="AC86001" i="1"/>
  <c r="AC86002" i="1"/>
  <c r="AC86003" i="1"/>
  <c r="AC86004" i="1"/>
  <c r="AC86005" i="1"/>
  <c r="AC86006" i="1"/>
  <c r="AC86007" i="1"/>
  <c r="AC86008" i="1"/>
  <c r="AC86009" i="1"/>
  <c r="AC86010" i="1"/>
  <c r="AC86011" i="1"/>
  <c r="AC86012" i="1"/>
  <c r="AC86013" i="1"/>
  <c r="AC86014" i="1"/>
  <c r="AC86015" i="1"/>
  <c r="AC86016" i="1"/>
  <c r="AC86017" i="1"/>
  <c r="AC86018" i="1"/>
  <c r="AC86019" i="1"/>
  <c r="AC86020" i="1"/>
  <c r="AC86021" i="1"/>
  <c r="AC86022" i="1"/>
  <c r="AC86023" i="1"/>
  <c r="AC86024" i="1"/>
  <c r="AC86025" i="1"/>
  <c r="AC86026" i="1"/>
  <c r="AC86027" i="1"/>
  <c r="AC86028" i="1"/>
  <c r="AC86029" i="1"/>
  <c r="AC86030" i="1"/>
  <c r="AC86031" i="1"/>
  <c r="AC86032" i="1"/>
  <c r="AC86033" i="1"/>
  <c r="AC86034" i="1"/>
  <c r="AC86035" i="1"/>
  <c r="AC86036" i="1"/>
  <c r="AC86037" i="1"/>
  <c r="AC86038" i="1"/>
  <c r="AC86039" i="1"/>
  <c r="AC86040" i="1"/>
  <c r="AC86041" i="1"/>
  <c r="AC86042" i="1"/>
  <c r="AC86043" i="1"/>
  <c r="AC86044" i="1"/>
  <c r="AC86045" i="1"/>
  <c r="AC86046" i="1"/>
  <c r="AC86047" i="1"/>
  <c r="AC86048" i="1"/>
  <c r="AC86049" i="1"/>
  <c r="AC86050" i="1"/>
  <c r="AC86051" i="1"/>
  <c r="AC86052" i="1"/>
  <c r="AC86053" i="1"/>
  <c r="AC86054" i="1"/>
  <c r="AC86055" i="1"/>
  <c r="AC86056" i="1"/>
  <c r="AC86057" i="1"/>
  <c r="AC86058" i="1"/>
  <c r="AC86059" i="1"/>
  <c r="AC86060" i="1"/>
  <c r="AC86061" i="1"/>
  <c r="AC86062" i="1"/>
  <c r="AC86063" i="1"/>
  <c r="AC86064" i="1"/>
  <c r="AC86065" i="1"/>
  <c r="AC86066" i="1"/>
  <c r="AC86067" i="1"/>
  <c r="AC86068" i="1"/>
  <c r="AC86069" i="1"/>
  <c r="AC86070" i="1"/>
  <c r="AC86071" i="1"/>
  <c r="AC86072" i="1"/>
  <c r="AC86073" i="1"/>
  <c r="AC86074" i="1"/>
  <c r="AC86075" i="1"/>
  <c r="AC86076" i="1"/>
  <c r="AC86077" i="1"/>
  <c r="AC86078" i="1"/>
  <c r="AC86079" i="1"/>
  <c r="AC86080" i="1"/>
  <c r="AC86081" i="1"/>
  <c r="AC86082" i="1"/>
  <c r="AC86083" i="1"/>
  <c r="AC86084" i="1"/>
  <c r="AC86085" i="1"/>
  <c r="AC86086" i="1"/>
  <c r="AC86087" i="1"/>
  <c r="AC86088" i="1"/>
  <c r="AC86089" i="1"/>
  <c r="AC86090" i="1"/>
  <c r="AC86091" i="1"/>
  <c r="AC86092" i="1"/>
  <c r="AC86093" i="1"/>
  <c r="AC86094" i="1"/>
  <c r="AC86095" i="1"/>
  <c r="AC86096" i="1"/>
  <c r="AC86097" i="1"/>
  <c r="AC86098" i="1"/>
  <c r="AC86099" i="1"/>
  <c r="AC86100" i="1"/>
  <c r="AC86101" i="1"/>
  <c r="AC86102" i="1"/>
  <c r="AC86103" i="1"/>
  <c r="AC86104" i="1"/>
  <c r="AC86105" i="1"/>
  <c r="AC86106" i="1"/>
  <c r="AC86107" i="1"/>
  <c r="AC86108" i="1"/>
  <c r="AC86109" i="1"/>
  <c r="AC86110" i="1"/>
  <c r="AC86111" i="1"/>
  <c r="AC86112" i="1"/>
  <c r="AC86113" i="1"/>
  <c r="AC86114" i="1"/>
  <c r="AC86115" i="1"/>
  <c r="AC86116" i="1"/>
  <c r="AC86117" i="1"/>
  <c r="AC86118" i="1"/>
  <c r="AC86119" i="1"/>
  <c r="AC86120" i="1"/>
  <c r="AC86121" i="1"/>
  <c r="AC86122" i="1"/>
  <c r="AC86123" i="1"/>
  <c r="AC86124" i="1"/>
  <c r="AC86125" i="1"/>
  <c r="AC86126" i="1"/>
  <c r="AC86127" i="1"/>
  <c r="AC86128" i="1"/>
  <c r="AC86129" i="1"/>
  <c r="AC86130" i="1"/>
  <c r="AC86131" i="1"/>
  <c r="AC86132" i="1"/>
  <c r="AC86133" i="1"/>
  <c r="AC86134" i="1"/>
  <c r="AC86135" i="1"/>
  <c r="AC86136" i="1"/>
  <c r="AC86137" i="1"/>
  <c r="AC86138" i="1"/>
  <c r="AC86139" i="1"/>
  <c r="AC86140" i="1"/>
  <c r="AC86141" i="1"/>
  <c r="AC86142" i="1"/>
  <c r="AC86143" i="1"/>
  <c r="AC86144" i="1"/>
  <c r="AC86145" i="1"/>
  <c r="AC86146" i="1"/>
  <c r="AC86147" i="1"/>
  <c r="AC86148" i="1"/>
  <c r="AC86149" i="1"/>
  <c r="AC86150" i="1"/>
  <c r="AC86151" i="1"/>
  <c r="AC86152" i="1"/>
  <c r="AC86153" i="1"/>
  <c r="AC86154" i="1"/>
  <c r="AC86155" i="1"/>
  <c r="AC86156" i="1"/>
  <c r="AC86157" i="1"/>
  <c r="AC86158" i="1"/>
  <c r="AC86159" i="1"/>
  <c r="AC86160" i="1"/>
  <c r="AC86161" i="1"/>
  <c r="AC86162" i="1"/>
  <c r="AC86163" i="1"/>
  <c r="AC86164" i="1"/>
  <c r="AC86165" i="1"/>
  <c r="AC86166" i="1"/>
  <c r="AC86167" i="1"/>
  <c r="AC86168" i="1"/>
  <c r="AC86169" i="1"/>
  <c r="AC86170" i="1"/>
  <c r="AC86171" i="1"/>
  <c r="AC86172" i="1"/>
  <c r="AC86173" i="1"/>
  <c r="AC86174" i="1"/>
  <c r="AC86175" i="1"/>
  <c r="AC86176" i="1"/>
  <c r="AC86177" i="1"/>
  <c r="AC86178" i="1"/>
  <c r="AC86179" i="1"/>
  <c r="AC86180" i="1"/>
  <c r="AC86181" i="1"/>
  <c r="AC86182" i="1"/>
  <c r="AC86183" i="1"/>
  <c r="AC86184" i="1"/>
  <c r="AC86185" i="1"/>
  <c r="AC86186" i="1"/>
  <c r="AC86187" i="1"/>
  <c r="AC86188" i="1"/>
  <c r="AC86189" i="1"/>
  <c r="AC86190" i="1"/>
  <c r="AC86191" i="1"/>
  <c r="AC86192" i="1"/>
  <c r="AC86193" i="1"/>
  <c r="AC86194" i="1"/>
  <c r="AC86195" i="1"/>
  <c r="AC86196" i="1"/>
  <c r="AC86197" i="1"/>
  <c r="AC86198" i="1"/>
  <c r="AC86199" i="1"/>
  <c r="AC86200" i="1"/>
  <c r="AC86201" i="1"/>
  <c r="AC86202" i="1"/>
  <c r="AC86203" i="1"/>
  <c r="AC86204" i="1"/>
  <c r="AC86205" i="1"/>
  <c r="AC86206" i="1"/>
  <c r="AC86207" i="1"/>
  <c r="AC86208" i="1"/>
  <c r="AC86209" i="1"/>
  <c r="AC86210" i="1"/>
  <c r="AC86211" i="1"/>
  <c r="AC86212" i="1"/>
  <c r="AC86213" i="1"/>
  <c r="AC86214" i="1"/>
  <c r="AC86215" i="1"/>
  <c r="AC86216" i="1"/>
  <c r="AC86217" i="1"/>
  <c r="AC86218" i="1"/>
  <c r="AC86219" i="1"/>
  <c r="AC86220" i="1"/>
  <c r="AC86221" i="1"/>
  <c r="AC86222" i="1"/>
  <c r="AC86223" i="1"/>
  <c r="AC86224" i="1"/>
  <c r="AC86225" i="1"/>
  <c r="AC86226" i="1"/>
  <c r="AC86227" i="1"/>
  <c r="AC86228" i="1"/>
  <c r="AC86229" i="1"/>
  <c r="AC86230" i="1"/>
  <c r="AC86231" i="1"/>
  <c r="AC86232" i="1"/>
  <c r="AC86233" i="1"/>
  <c r="AC86234" i="1"/>
  <c r="AC86235" i="1"/>
  <c r="AC86236" i="1"/>
  <c r="AC86237" i="1"/>
  <c r="AC86238" i="1"/>
  <c r="AC86239" i="1"/>
  <c r="AC86240" i="1"/>
  <c r="AC86241" i="1"/>
  <c r="AC86242" i="1"/>
  <c r="AC86243" i="1"/>
  <c r="AC86244" i="1"/>
  <c r="AC86245" i="1"/>
  <c r="AC86246" i="1"/>
  <c r="AC86247" i="1"/>
  <c r="AC86248" i="1"/>
  <c r="AC86249" i="1"/>
  <c r="AC86250" i="1"/>
  <c r="AC86251" i="1"/>
  <c r="AC86252" i="1"/>
  <c r="AC86253" i="1"/>
  <c r="AC86254" i="1"/>
  <c r="AC86255" i="1"/>
  <c r="AC86256" i="1"/>
  <c r="AC86257" i="1"/>
  <c r="AC86258" i="1"/>
  <c r="AC86259" i="1"/>
  <c r="AC86260" i="1"/>
  <c r="AC86261" i="1"/>
  <c r="AC86262" i="1"/>
  <c r="AC86263" i="1"/>
  <c r="AC86264" i="1"/>
  <c r="AC86265" i="1"/>
  <c r="AC86266" i="1"/>
  <c r="AC86267" i="1"/>
  <c r="AC86268" i="1"/>
  <c r="AC86269" i="1"/>
  <c r="AC86270" i="1"/>
  <c r="AC86271" i="1"/>
  <c r="AC86272" i="1"/>
  <c r="AC86273" i="1"/>
  <c r="AC86274" i="1"/>
  <c r="AC86275" i="1"/>
  <c r="AC86276" i="1"/>
  <c r="AC86277" i="1"/>
  <c r="AC86278" i="1"/>
  <c r="AC86279" i="1"/>
  <c r="AC86280" i="1"/>
  <c r="AC86281" i="1"/>
  <c r="AC86282" i="1"/>
  <c r="AC86283" i="1"/>
  <c r="AC86284" i="1"/>
  <c r="AC86285" i="1"/>
  <c r="AC86286" i="1"/>
  <c r="AC86287" i="1"/>
  <c r="AC86288" i="1"/>
  <c r="AC86289" i="1"/>
  <c r="AC86290" i="1"/>
  <c r="AC86291" i="1"/>
  <c r="AC86292" i="1"/>
  <c r="AC86293" i="1"/>
  <c r="AC86294" i="1"/>
  <c r="AC86295" i="1"/>
  <c r="AC86296" i="1"/>
  <c r="AC86297" i="1"/>
  <c r="AC86298" i="1"/>
  <c r="AC86299" i="1"/>
  <c r="AC86300" i="1"/>
  <c r="AC86301" i="1"/>
  <c r="AC86302" i="1"/>
  <c r="AC86303" i="1"/>
  <c r="AC86304" i="1"/>
  <c r="AC86305" i="1"/>
  <c r="AC86306" i="1"/>
  <c r="AC86307" i="1"/>
  <c r="AC86308" i="1"/>
  <c r="AC86309" i="1"/>
  <c r="AC86310" i="1"/>
  <c r="AC86311" i="1"/>
  <c r="AC86312" i="1"/>
  <c r="AC86313" i="1"/>
  <c r="AC86314" i="1"/>
  <c r="AC86315" i="1"/>
  <c r="AC86316" i="1"/>
  <c r="AC86317" i="1"/>
  <c r="AC86318" i="1"/>
  <c r="AC86319" i="1"/>
  <c r="AC86320" i="1"/>
  <c r="AC86321" i="1"/>
  <c r="AC86322" i="1"/>
  <c r="AC86323" i="1"/>
  <c r="AC86324" i="1"/>
  <c r="AC86325" i="1"/>
  <c r="AC86326" i="1"/>
  <c r="AC86327" i="1"/>
  <c r="AC86328" i="1"/>
  <c r="AC86329" i="1"/>
  <c r="AC86330" i="1"/>
  <c r="AC86331" i="1"/>
  <c r="AC86332" i="1"/>
  <c r="AC86333" i="1"/>
  <c r="AC86334" i="1"/>
  <c r="AC86335" i="1"/>
  <c r="AC86336" i="1"/>
  <c r="AC86337" i="1"/>
  <c r="AC86338" i="1"/>
  <c r="AC86339" i="1"/>
  <c r="AC86340" i="1"/>
  <c r="AC86341" i="1"/>
  <c r="AC86342" i="1"/>
  <c r="AC86343" i="1"/>
  <c r="AC86344" i="1"/>
  <c r="AC86345" i="1"/>
  <c r="AC86346" i="1"/>
  <c r="AC86347" i="1"/>
  <c r="AC86348" i="1"/>
  <c r="AC86349" i="1"/>
  <c r="AC86350" i="1"/>
  <c r="AC86351" i="1"/>
  <c r="AC86352" i="1"/>
  <c r="AC86353" i="1"/>
  <c r="AC86354" i="1"/>
  <c r="AC86355" i="1"/>
  <c r="AC86356" i="1"/>
  <c r="AC86357" i="1"/>
  <c r="AC86358" i="1"/>
  <c r="AC86359" i="1"/>
  <c r="AC86360" i="1"/>
  <c r="AC86361" i="1"/>
  <c r="AC86362" i="1"/>
  <c r="AC86363" i="1"/>
  <c r="AC86364" i="1"/>
  <c r="AC86365" i="1"/>
  <c r="AC86366" i="1"/>
  <c r="AC86367" i="1"/>
  <c r="AC86368" i="1"/>
  <c r="AC86369" i="1"/>
  <c r="AC86370" i="1"/>
  <c r="AC86371" i="1"/>
  <c r="AC86372" i="1"/>
  <c r="AC86373" i="1"/>
  <c r="AC86374" i="1"/>
  <c r="AC86375" i="1"/>
  <c r="AC86376" i="1"/>
  <c r="AC86377" i="1"/>
  <c r="AC86378" i="1"/>
  <c r="AC86379" i="1"/>
  <c r="AC86380" i="1"/>
  <c r="AC86381" i="1"/>
  <c r="AC86382" i="1"/>
  <c r="AC86383" i="1"/>
  <c r="AC86384" i="1"/>
  <c r="AC86385" i="1"/>
  <c r="AC86386" i="1"/>
  <c r="AC86387" i="1"/>
  <c r="AC86388" i="1"/>
  <c r="AC86389" i="1"/>
  <c r="AC86390" i="1"/>
  <c r="AC86391" i="1"/>
  <c r="AC86392" i="1"/>
  <c r="AC86393" i="1"/>
  <c r="AC86394" i="1"/>
  <c r="AC86395" i="1"/>
  <c r="AC86396" i="1"/>
  <c r="AC86397" i="1"/>
  <c r="AC86398" i="1"/>
  <c r="AC86399" i="1"/>
  <c r="AC86400" i="1"/>
  <c r="AC86401" i="1"/>
  <c r="AC86402" i="1"/>
  <c r="AC86403" i="1"/>
  <c r="AC86404" i="1"/>
  <c r="AC86405" i="1"/>
  <c r="AC86406" i="1"/>
  <c r="AC86407" i="1"/>
  <c r="AC86408" i="1"/>
  <c r="AC86409" i="1"/>
  <c r="AC86410" i="1"/>
  <c r="AC86411" i="1"/>
  <c r="AC86412" i="1"/>
  <c r="AC86413" i="1"/>
  <c r="AC86414" i="1"/>
  <c r="AC86415" i="1"/>
  <c r="AC86416" i="1"/>
  <c r="AC86417" i="1"/>
  <c r="AC86418" i="1"/>
  <c r="AC86419" i="1"/>
  <c r="AC86420" i="1"/>
  <c r="AC86421" i="1"/>
  <c r="AC86422" i="1"/>
  <c r="AC86423" i="1"/>
  <c r="AC86424" i="1"/>
  <c r="AC86425" i="1"/>
  <c r="AC86426" i="1"/>
  <c r="AC86427" i="1"/>
  <c r="AC86428" i="1"/>
  <c r="AC86429" i="1"/>
  <c r="AC86430" i="1"/>
  <c r="AC86431" i="1"/>
  <c r="AC86432" i="1"/>
  <c r="AC86433" i="1"/>
  <c r="AC86434" i="1"/>
  <c r="AC86435" i="1"/>
  <c r="AC86436" i="1"/>
  <c r="AC86437" i="1"/>
  <c r="AC86438" i="1"/>
  <c r="AC86439" i="1"/>
  <c r="AC86440" i="1"/>
  <c r="AC86441" i="1"/>
  <c r="AC86442" i="1"/>
  <c r="AC86443" i="1"/>
  <c r="AC86444" i="1"/>
  <c r="AC86445" i="1"/>
  <c r="AC86446" i="1"/>
  <c r="AC86447" i="1"/>
  <c r="AC86448" i="1"/>
  <c r="AC86449" i="1"/>
  <c r="AC86450" i="1"/>
  <c r="AC86451" i="1"/>
  <c r="AC86452" i="1"/>
  <c r="AC86453" i="1"/>
  <c r="AC86454" i="1"/>
  <c r="AC86455" i="1"/>
  <c r="AC86456" i="1"/>
  <c r="AC86457" i="1"/>
  <c r="AC86458" i="1"/>
  <c r="AC86459" i="1"/>
  <c r="AC86460" i="1"/>
  <c r="AC86461" i="1"/>
  <c r="AC86462" i="1"/>
  <c r="AC86463" i="1"/>
  <c r="AC86464" i="1"/>
  <c r="AC86465" i="1"/>
  <c r="AC86466" i="1"/>
  <c r="AC86467" i="1"/>
  <c r="AC86468" i="1"/>
  <c r="AC86469" i="1"/>
  <c r="AC86470" i="1"/>
  <c r="AC86471" i="1"/>
  <c r="AC86472" i="1"/>
  <c r="AC86473" i="1"/>
  <c r="AC86474" i="1"/>
  <c r="AC86475" i="1"/>
  <c r="AC86476" i="1"/>
  <c r="AC86477" i="1"/>
  <c r="AC86478" i="1"/>
  <c r="AC86479" i="1"/>
  <c r="AC86480" i="1"/>
  <c r="AC86481" i="1"/>
  <c r="AC86482" i="1"/>
  <c r="AC86483" i="1"/>
  <c r="AC86484" i="1"/>
  <c r="AC86485" i="1"/>
  <c r="AC86486" i="1"/>
  <c r="AC86487" i="1"/>
  <c r="AC86488" i="1"/>
  <c r="AC86489" i="1"/>
  <c r="AC86490" i="1"/>
  <c r="AC86491" i="1"/>
  <c r="AC86492" i="1"/>
  <c r="AC86493" i="1"/>
  <c r="AC86494" i="1"/>
  <c r="AC86495" i="1"/>
  <c r="AC86496" i="1"/>
  <c r="AC86497" i="1"/>
  <c r="AC86498" i="1"/>
  <c r="AC86499" i="1"/>
  <c r="AC86500" i="1"/>
  <c r="AC86501" i="1"/>
  <c r="AC86502" i="1"/>
  <c r="AC86503" i="1"/>
  <c r="AC86504" i="1"/>
  <c r="AC86505" i="1"/>
  <c r="AC86506" i="1"/>
  <c r="AC86507" i="1"/>
  <c r="AC86508" i="1"/>
  <c r="AC86509" i="1"/>
  <c r="AC86510" i="1"/>
  <c r="AC86511" i="1"/>
  <c r="AC86512" i="1"/>
  <c r="AC86513" i="1"/>
  <c r="AC86514" i="1"/>
  <c r="AC86515" i="1"/>
  <c r="AC86516" i="1"/>
  <c r="AC86517" i="1"/>
  <c r="AC86518" i="1"/>
  <c r="AC86519" i="1"/>
  <c r="AC86520" i="1"/>
  <c r="AC86521" i="1"/>
  <c r="AC86522" i="1"/>
  <c r="AC86523" i="1"/>
  <c r="AC86524" i="1"/>
  <c r="AC86525" i="1"/>
  <c r="AC86526" i="1"/>
  <c r="AC86527" i="1"/>
  <c r="AC86528" i="1"/>
  <c r="AC86529" i="1"/>
  <c r="AC86530" i="1"/>
  <c r="AC86531" i="1"/>
  <c r="AC86532" i="1"/>
  <c r="AC86533" i="1"/>
  <c r="AC86534" i="1"/>
  <c r="AC86535" i="1"/>
  <c r="AC86536" i="1"/>
  <c r="AC86537" i="1"/>
  <c r="AC86538" i="1"/>
  <c r="AC86539" i="1"/>
  <c r="AC86540" i="1"/>
  <c r="AC86541" i="1"/>
  <c r="AC86542" i="1"/>
  <c r="AC86543" i="1"/>
  <c r="AC86544" i="1"/>
  <c r="AC86545" i="1"/>
  <c r="AC86546" i="1"/>
  <c r="AC86547" i="1"/>
  <c r="AC86548" i="1"/>
  <c r="AC86549" i="1"/>
  <c r="AC86550" i="1"/>
  <c r="AC86551" i="1"/>
  <c r="AC86552" i="1"/>
  <c r="AC86553" i="1"/>
  <c r="AC86554" i="1"/>
  <c r="AC86555" i="1"/>
  <c r="AC86556" i="1"/>
  <c r="AC86557" i="1"/>
  <c r="AC86558" i="1"/>
  <c r="AC86559" i="1"/>
  <c r="AC86560" i="1"/>
  <c r="AC86561" i="1"/>
  <c r="AC86562" i="1"/>
  <c r="AC86563" i="1"/>
  <c r="AC86564" i="1"/>
  <c r="AC86565" i="1"/>
  <c r="AC86566" i="1"/>
  <c r="AC86567" i="1"/>
  <c r="AC86568" i="1"/>
  <c r="AC86569" i="1"/>
  <c r="AC86570" i="1"/>
  <c r="AC86571" i="1"/>
  <c r="AC86572" i="1"/>
  <c r="AC86573" i="1"/>
  <c r="AC86574" i="1"/>
  <c r="AC86575" i="1"/>
  <c r="AC86576" i="1"/>
  <c r="AC86577" i="1"/>
  <c r="AC86578" i="1"/>
  <c r="AC86579" i="1"/>
  <c r="AC86580" i="1"/>
  <c r="AC86581" i="1"/>
  <c r="AC86582" i="1"/>
  <c r="AC86583" i="1"/>
  <c r="AC86584" i="1"/>
  <c r="AC86585" i="1"/>
  <c r="AC86586" i="1"/>
  <c r="AC86587" i="1"/>
  <c r="AC86588" i="1"/>
  <c r="AC86589" i="1"/>
  <c r="AC86590" i="1"/>
  <c r="AC86591" i="1"/>
  <c r="AC86592" i="1"/>
  <c r="AC86593" i="1"/>
  <c r="AC86594" i="1"/>
  <c r="AC86595" i="1"/>
  <c r="AC86596" i="1"/>
  <c r="AC86597" i="1"/>
  <c r="AC86598" i="1"/>
  <c r="AC86599" i="1"/>
  <c r="AC86600" i="1"/>
  <c r="AC86601" i="1"/>
  <c r="AC86602" i="1"/>
  <c r="AC86603" i="1"/>
  <c r="AC86604" i="1"/>
  <c r="AC86605" i="1"/>
  <c r="AC86606" i="1"/>
  <c r="AC86607" i="1"/>
  <c r="AC86608" i="1"/>
  <c r="AC86609" i="1"/>
  <c r="AC86610" i="1"/>
  <c r="AC86611" i="1"/>
  <c r="AC86612" i="1"/>
  <c r="AC86613" i="1"/>
  <c r="AC86614" i="1"/>
  <c r="AC86615" i="1"/>
  <c r="AC86616" i="1"/>
  <c r="AC86617" i="1"/>
  <c r="AC86618" i="1"/>
  <c r="AC86619" i="1"/>
  <c r="AC86620" i="1"/>
  <c r="AC86621" i="1"/>
  <c r="AC86622" i="1"/>
  <c r="AC86623" i="1"/>
  <c r="AC86624" i="1"/>
  <c r="AC86625" i="1"/>
  <c r="AC86626" i="1"/>
  <c r="AC86627" i="1"/>
  <c r="AC86628" i="1"/>
  <c r="AC86629" i="1"/>
  <c r="AC86630" i="1"/>
  <c r="AC86631" i="1"/>
  <c r="AC86632" i="1"/>
  <c r="AC86633" i="1"/>
  <c r="AC86634" i="1"/>
  <c r="AC86635" i="1"/>
  <c r="AC86636" i="1"/>
  <c r="AC86637" i="1"/>
  <c r="AC86638" i="1"/>
  <c r="AC86639" i="1"/>
  <c r="AC86640" i="1"/>
  <c r="AC86641" i="1"/>
  <c r="AC86642" i="1"/>
  <c r="AC86643" i="1"/>
  <c r="AC86644" i="1"/>
  <c r="AC86645" i="1"/>
  <c r="AC86646" i="1"/>
  <c r="AC86647" i="1"/>
  <c r="AC86648" i="1"/>
  <c r="AC86649" i="1"/>
  <c r="AC86650" i="1"/>
  <c r="AC86651" i="1"/>
  <c r="AC86652" i="1"/>
  <c r="AC86653" i="1"/>
  <c r="AC86654" i="1"/>
  <c r="AC86655" i="1"/>
  <c r="AC86656" i="1"/>
  <c r="AC86657" i="1"/>
  <c r="AC86658" i="1"/>
  <c r="AC86659" i="1"/>
  <c r="AC86660" i="1"/>
  <c r="AC86661" i="1"/>
  <c r="AC86662" i="1"/>
  <c r="AC86663" i="1"/>
  <c r="AC86664" i="1"/>
  <c r="AC86665" i="1"/>
  <c r="AC86666" i="1"/>
  <c r="AC86667" i="1"/>
  <c r="AC86668" i="1"/>
  <c r="AC86669" i="1"/>
  <c r="AC86670" i="1"/>
  <c r="AC86671" i="1"/>
  <c r="AC86672" i="1"/>
  <c r="AC86673" i="1"/>
  <c r="AC86674" i="1"/>
  <c r="AC86675" i="1"/>
  <c r="AC86676" i="1"/>
  <c r="AC86677" i="1"/>
  <c r="AC86678" i="1"/>
  <c r="AC86679" i="1"/>
  <c r="AC86680" i="1"/>
  <c r="AC86681" i="1"/>
  <c r="AC86682" i="1"/>
  <c r="AC86683" i="1"/>
  <c r="AC86684" i="1"/>
  <c r="AC86685" i="1"/>
  <c r="AC86686" i="1"/>
  <c r="AC86687" i="1"/>
  <c r="AC86688" i="1"/>
  <c r="AC86689" i="1"/>
  <c r="AC86690" i="1"/>
  <c r="AC86691" i="1"/>
  <c r="AC86692" i="1"/>
  <c r="AC86693" i="1"/>
  <c r="AC86694" i="1"/>
  <c r="AC86695" i="1"/>
  <c r="AC86696" i="1"/>
  <c r="AC86697" i="1"/>
  <c r="AC86698" i="1"/>
  <c r="AC86699" i="1"/>
  <c r="AC86700" i="1"/>
  <c r="AC86701" i="1"/>
  <c r="AC86702" i="1"/>
  <c r="AC86703" i="1"/>
  <c r="AC86704" i="1"/>
  <c r="AC86705" i="1"/>
  <c r="AC86706" i="1"/>
  <c r="AC86707" i="1"/>
  <c r="AC86708" i="1"/>
  <c r="AC86709" i="1"/>
  <c r="AC86710" i="1"/>
  <c r="AC86711" i="1"/>
  <c r="AC86712" i="1"/>
  <c r="AC86713" i="1"/>
  <c r="AC86714" i="1"/>
  <c r="AC86715" i="1"/>
  <c r="AC86716" i="1"/>
  <c r="AC86717" i="1"/>
  <c r="AC86718" i="1"/>
  <c r="AC86719" i="1"/>
  <c r="AC86720" i="1"/>
  <c r="AC86721" i="1"/>
  <c r="AC86722" i="1"/>
  <c r="AC86723" i="1"/>
  <c r="AC86724" i="1"/>
  <c r="AC86725" i="1"/>
  <c r="AC86726" i="1"/>
  <c r="AC86727" i="1"/>
  <c r="AC86728" i="1"/>
  <c r="AC86729" i="1"/>
  <c r="AC86730" i="1"/>
  <c r="AC86731" i="1"/>
  <c r="AC86732" i="1"/>
  <c r="AC86733" i="1"/>
  <c r="AC86734" i="1"/>
  <c r="AC86735" i="1"/>
  <c r="AC86736" i="1"/>
  <c r="AC86737" i="1"/>
  <c r="AC86738" i="1"/>
  <c r="AC86739" i="1"/>
  <c r="AC86740" i="1"/>
  <c r="AC86741" i="1"/>
  <c r="AC86742" i="1"/>
  <c r="AC86743" i="1"/>
  <c r="AC86744" i="1"/>
  <c r="AC86745" i="1"/>
  <c r="AC86746" i="1"/>
  <c r="AC86747" i="1"/>
  <c r="AC86748" i="1"/>
  <c r="AC86749" i="1"/>
  <c r="AC86750" i="1"/>
  <c r="AC86751" i="1"/>
  <c r="AC86752" i="1"/>
  <c r="AC86753" i="1"/>
  <c r="AC86754" i="1"/>
  <c r="AC86755" i="1"/>
  <c r="AC86756" i="1"/>
  <c r="AC86757" i="1"/>
  <c r="AC86758" i="1"/>
  <c r="AC86759" i="1"/>
  <c r="AC86760" i="1"/>
  <c r="AC86761" i="1"/>
  <c r="AC86762" i="1"/>
  <c r="AC86763" i="1"/>
  <c r="AC86764" i="1"/>
  <c r="AC86765" i="1"/>
  <c r="AC86766" i="1"/>
  <c r="AC86767" i="1"/>
  <c r="AC86768" i="1"/>
  <c r="AC86769" i="1"/>
  <c r="AC86770" i="1"/>
  <c r="AC86771" i="1"/>
  <c r="AC86772" i="1"/>
  <c r="AC86773" i="1"/>
  <c r="AC86774" i="1"/>
  <c r="AC86775" i="1"/>
  <c r="AC86776" i="1"/>
  <c r="AC86777" i="1"/>
  <c r="AC86778" i="1"/>
  <c r="AC86779" i="1"/>
  <c r="AC86780" i="1"/>
  <c r="AC86781" i="1"/>
  <c r="AC86782" i="1"/>
  <c r="AC86783" i="1"/>
  <c r="AC86784" i="1"/>
  <c r="AC86785" i="1"/>
  <c r="AC86786" i="1"/>
  <c r="AC86787" i="1"/>
  <c r="AC86788" i="1"/>
  <c r="AC86789" i="1"/>
  <c r="AC86790" i="1"/>
  <c r="AC86791" i="1"/>
  <c r="AC86792" i="1"/>
  <c r="AC86793" i="1"/>
  <c r="AC86794" i="1"/>
  <c r="AC86795" i="1"/>
  <c r="AC86796" i="1"/>
  <c r="AC86797" i="1"/>
  <c r="AC86798" i="1"/>
  <c r="AC86799" i="1"/>
  <c r="AC86800" i="1"/>
  <c r="AC86801" i="1"/>
  <c r="AC86802" i="1"/>
  <c r="AC86803" i="1"/>
  <c r="AC86804" i="1"/>
  <c r="AC86805" i="1"/>
  <c r="AC86806" i="1"/>
  <c r="AC86807" i="1"/>
  <c r="AC86808" i="1"/>
  <c r="AC86809" i="1"/>
  <c r="AC86810" i="1"/>
  <c r="AC86811" i="1"/>
  <c r="AC86812" i="1"/>
  <c r="AC86813" i="1"/>
  <c r="AC86814" i="1"/>
  <c r="AC86815" i="1"/>
  <c r="AC86816" i="1"/>
  <c r="AC86817" i="1"/>
  <c r="AC86818" i="1"/>
  <c r="AC86819" i="1"/>
  <c r="AC86820" i="1"/>
  <c r="AC86821" i="1"/>
  <c r="AC86822" i="1"/>
  <c r="AC86823" i="1"/>
  <c r="AC86824" i="1"/>
  <c r="AC86825" i="1"/>
  <c r="AC86826" i="1"/>
  <c r="AC86827" i="1"/>
  <c r="AC86828" i="1"/>
  <c r="AC86829" i="1"/>
  <c r="AC86830" i="1"/>
  <c r="AC86831" i="1"/>
  <c r="AC86832" i="1"/>
  <c r="AC86833" i="1"/>
  <c r="AC86834" i="1"/>
  <c r="AC86835" i="1"/>
  <c r="AC86836" i="1"/>
  <c r="AC86837" i="1"/>
  <c r="AC86838" i="1"/>
  <c r="AC86839" i="1"/>
  <c r="AC86840" i="1"/>
  <c r="AC86841" i="1"/>
  <c r="AC86842" i="1"/>
  <c r="AC86843" i="1"/>
  <c r="AC86844" i="1"/>
  <c r="AC86845" i="1"/>
  <c r="AC86846" i="1"/>
  <c r="AC86847" i="1"/>
  <c r="AC86848" i="1"/>
  <c r="AC86849" i="1"/>
  <c r="AC86850" i="1"/>
  <c r="AC86851" i="1"/>
  <c r="AC86852" i="1"/>
  <c r="AC86853" i="1"/>
  <c r="AC86854" i="1"/>
  <c r="AC86855" i="1"/>
  <c r="AC86856" i="1"/>
  <c r="AC86857" i="1"/>
  <c r="AC86858" i="1"/>
  <c r="AC86859" i="1"/>
  <c r="AC86860" i="1"/>
  <c r="AC86861" i="1"/>
  <c r="AC86862" i="1"/>
  <c r="AC86863" i="1"/>
  <c r="AC86864" i="1"/>
  <c r="AC86865" i="1"/>
  <c r="AC86866" i="1"/>
  <c r="AC86867" i="1"/>
  <c r="AC86868" i="1"/>
  <c r="AC86869" i="1"/>
  <c r="AC86870" i="1"/>
  <c r="AC86871" i="1"/>
  <c r="AC86872" i="1"/>
  <c r="AC86873" i="1"/>
  <c r="AC86874" i="1"/>
  <c r="AC86875" i="1"/>
  <c r="AC86876" i="1"/>
  <c r="AC86877" i="1"/>
  <c r="AC86878" i="1"/>
  <c r="AC86879" i="1"/>
  <c r="AC86880" i="1"/>
  <c r="AC86881" i="1"/>
  <c r="AC86882" i="1"/>
  <c r="AC86883" i="1"/>
  <c r="AC86884" i="1"/>
  <c r="AC86885" i="1"/>
  <c r="AC86886" i="1"/>
  <c r="AC86887" i="1"/>
  <c r="AC86888" i="1"/>
  <c r="AC86889" i="1"/>
  <c r="AC86890" i="1"/>
  <c r="AC86891" i="1"/>
  <c r="AC86892" i="1"/>
  <c r="AC86893" i="1"/>
  <c r="AC86894" i="1"/>
  <c r="AC86895" i="1"/>
  <c r="AC86896" i="1"/>
  <c r="AC86897" i="1"/>
  <c r="AC86898" i="1"/>
  <c r="AC86899" i="1"/>
  <c r="AC86900" i="1"/>
  <c r="AC86901" i="1"/>
  <c r="AC86902" i="1"/>
  <c r="AC86903" i="1"/>
  <c r="AC86904" i="1"/>
  <c r="AC86905" i="1"/>
  <c r="AC86906" i="1"/>
  <c r="AC86907" i="1"/>
  <c r="AC86908" i="1"/>
  <c r="AC86909" i="1"/>
  <c r="AC86910" i="1"/>
  <c r="AC86911" i="1"/>
  <c r="AC86912" i="1"/>
  <c r="AC86913" i="1"/>
  <c r="AC86914" i="1"/>
  <c r="AC86915" i="1"/>
  <c r="AC86916" i="1"/>
  <c r="AC86917" i="1"/>
  <c r="AC86918" i="1"/>
  <c r="AC86919" i="1"/>
  <c r="AC86920" i="1"/>
  <c r="AC86921" i="1"/>
  <c r="AC86922" i="1"/>
  <c r="AC86923" i="1"/>
  <c r="AC86924" i="1"/>
  <c r="AC86925" i="1"/>
  <c r="AC86926" i="1"/>
  <c r="AC86927" i="1"/>
  <c r="AC86928" i="1"/>
  <c r="AC86929" i="1"/>
  <c r="AC86930" i="1"/>
  <c r="AC86931" i="1"/>
  <c r="AC86932" i="1"/>
  <c r="AC86933" i="1"/>
  <c r="AC86934" i="1"/>
  <c r="AC86935" i="1"/>
  <c r="AC86936" i="1"/>
  <c r="AC86937" i="1"/>
  <c r="AC86938" i="1"/>
  <c r="AC86939" i="1"/>
  <c r="AC86940" i="1"/>
  <c r="AC86941" i="1"/>
  <c r="AC86942" i="1"/>
  <c r="AC86943" i="1"/>
  <c r="AC86944" i="1"/>
  <c r="AC86945" i="1"/>
  <c r="AC86946" i="1"/>
  <c r="AC86947" i="1"/>
  <c r="AC86948" i="1"/>
  <c r="AC86949" i="1"/>
  <c r="AC86950" i="1"/>
  <c r="AC86951" i="1"/>
  <c r="AC86952" i="1"/>
  <c r="AC86953" i="1"/>
  <c r="AC86954" i="1"/>
  <c r="AC86955" i="1"/>
  <c r="AC86956" i="1"/>
  <c r="AC86957" i="1"/>
  <c r="AC86958" i="1"/>
  <c r="AC86959" i="1"/>
  <c r="AC86960" i="1"/>
  <c r="AC86961" i="1"/>
  <c r="AC86962" i="1"/>
  <c r="AC86963" i="1"/>
  <c r="AC86964" i="1"/>
  <c r="AC86965" i="1"/>
  <c r="AC86966" i="1"/>
  <c r="AC86967" i="1"/>
  <c r="AC86968" i="1"/>
  <c r="AC86969" i="1"/>
  <c r="AC86970" i="1"/>
  <c r="AC86971" i="1"/>
  <c r="AC86972" i="1"/>
  <c r="AC86973" i="1"/>
  <c r="AC86974" i="1"/>
  <c r="AC86975" i="1"/>
  <c r="AC86976" i="1"/>
  <c r="AC86977" i="1"/>
  <c r="AC86978" i="1"/>
  <c r="AC86979" i="1"/>
  <c r="AC86980" i="1"/>
  <c r="AC86981" i="1"/>
  <c r="AC86982" i="1"/>
  <c r="AC86983" i="1"/>
  <c r="AC86984" i="1"/>
  <c r="AC86985" i="1"/>
  <c r="AC86986" i="1"/>
  <c r="AC86987" i="1"/>
  <c r="AC86988" i="1"/>
  <c r="AC86989" i="1"/>
  <c r="AC86990" i="1"/>
  <c r="AC86991" i="1"/>
  <c r="AC86992" i="1"/>
  <c r="AC86993" i="1"/>
  <c r="AC86994" i="1"/>
  <c r="AC86995" i="1"/>
  <c r="AC86996" i="1"/>
  <c r="AC86997" i="1"/>
  <c r="AC86998" i="1"/>
  <c r="AC86999" i="1"/>
  <c r="AC87000" i="1"/>
  <c r="AC87001" i="1"/>
  <c r="AC87002" i="1"/>
  <c r="AC87003" i="1"/>
  <c r="AC87004" i="1"/>
  <c r="AC87005" i="1"/>
  <c r="AC87006" i="1"/>
  <c r="AC87007" i="1"/>
  <c r="AC87008" i="1"/>
  <c r="AC87009" i="1"/>
  <c r="AC87010" i="1"/>
  <c r="AC87011" i="1"/>
  <c r="AC87012" i="1"/>
  <c r="AC87013" i="1"/>
  <c r="AC87014" i="1"/>
  <c r="AC87015" i="1"/>
  <c r="AC87016" i="1"/>
  <c r="AC87017" i="1"/>
  <c r="AC87018" i="1"/>
  <c r="AC87019" i="1"/>
  <c r="AC87020" i="1"/>
  <c r="AC87021" i="1"/>
  <c r="AC87022" i="1"/>
  <c r="AC87023" i="1"/>
  <c r="AC87024" i="1"/>
  <c r="AC87025" i="1"/>
  <c r="AC87026" i="1"/>
  <c r="AC87027" i="1"/>
  <c r="AC87028" i="1"/>
  <c r="AC87029" i="1"/>
  <c r="AC87030" i="1"/>
  <c r="AC87031" i="1"/>
  <c r="AC87032" i="1"/>
  <c r="AC87033" i="1"/>
  <c r="AC87034" i="1"/>
  <c r="AC87035" i="1"/>
  <c r="AC87036" i="1"/>
  <c r="AC87037" i="1"/>
  <c r="AC87038" i="1"/>
  <c r="AC87039" i="1"/>
  <c r="AC87040" i="1"/>
  <c r="AC87041" i="1"/>
  <c r="AC87042" i="1"/>
  <c r="AC87043" i="1"/>
  <c r="AC87044" i="1"/>
  <c r="AC87045" i="1"/>
  <c r="AC87046" i="1"/>
  <c r="AC87047" i="1"/>
  <c r="AC87048" i="1"/>
  <c r="AC87049" i="1"/>
  <c r="AC87050" i="1"/>
  <c r="AC87051" i="1"/>
  <c r="AC87052" i="1"/>
  <c r="AC87053" i="1"/>
  <c r="AC87054" i="1"/>
  <c r="AC87055" i="1"/>
  <c r="AC87056" i="1"/>
  <c r="AC87057" i="1"/>
  <c r="AC87058" i="1"/>
  <c r="AC87059" i="1"/>
  <c r="AC87060" i="1"/>
  <c r="AC87061" i="1"/>
  <c r="AC87062" i="1"/>
  <c r="AC87063" i="1"/>
  <c r="AC87064" i="1"/>
  <c r="AC87065" i="1"/>
  <c r="AC87066" i="1"/>
  <c r="AC87067" i="1"/>
  <c r="AC87068" i="1"/>
  <c r="AC87069" i="1"/>
  <c r="AC87070" i="1"/>
  <c r="AC87071" i="1"/>
  <c r="AC87072" i="1"/>
  <c r="AC87073" i="1"/>
  <c r="AC87074" i="1"/>
  <c r="AC87075" i="1"/>
  <c r="AC87076" i="1"/>
  <c r="AC87077" i="1"/>
  <c r="AC87078" i="1"/>
  <c r="AC87079" i="1"/>
  <c r="AC87080" i="1"/>
  <c r="AC87081" i="1"/>
  <c r="AC87082" i="1"/>
  <c r="AC87083" i="1"/>
  <c r="AC87084" i="1"/>
  <c r="AC87085" i="1"/>
  <c r="AC87086" i="1"/>
  <c r="AC87087" i="1"/>
  <c r="AC87088" i="1"/>
  <c r="AC87089" i="1"/>
  <c r="AC87090" i="1"/>
  <c r="AC87091" i="1"/>
  <c r="AC87092" i="1"/>
  <c r="AC87093" i="1"/>
  <c r="AC87094" i="1"/>
  <c r="AC87095" i="1"/>
  <c r="AC87096" i="1"/>
  <c r="AC87097" i="1"/>
  <c r="AC87098" i="1"/>
  <c r="AC87099" i="1"/>
  <c r="AC87100" i="1"/>
  <c r="AC87101" i="1"/>
  <c r="AC87102" i="1"/>
  <c r="AC87103" i="1"/>
  <c r="AC87104" i="1"/>
  <c r="AC87105" i="1"/>
  <c r="AC87106" i="1"/>
  <c r="AC87107" i="1"/>
  <c r="AC87108" i="1"/>
  <c r="AC87109" i="1"/>
  <c r="AC87110" i="1"/>
  <c r="AC87111" i="1"/>
  <c r="AC87112" i="1"/>
  <c r="AC87113" i="1"/>
  <c r="AC87114" i="1"/>
  <c r="AC87115" i="1"/>
  <c r="AC87116" i="1"/>
  <c r="AC87117" i="1"/>
  <c r="AC87118" i="1"/>
  <c r="AC87119" i="1"/>
  <c r="AC87120" i="1"/>
  <c r="AC87121" i="1"/>
  <c r="AC87122" i="1"/>
  <c r="AC87123" i="1"/>
  <c r="AC87124" i="1"/>
  <c r="AC87125" i="1"/>
  <c r="AC87126" i="1"/>
  <c r="AC87127" i="1"/>
  <c r="AC87128" i="1"/>
  <c r="AC87129" i="1"/>
  <c r="AC87130" i="1"/>
  <c r="AC87131" i="1"/>
  <c r="AC87132" i="1"/>
  <c r="AC87133" i="1"/>
  <c r="AC87134" i="1"/>
  <c r="AC87135" i="1"/>
  <c r="AC87136" i="1"/>
  <c r="AC87137" i="1"/>
  <c r="AC87138" i="1"/>
  <c r="AC87139" i="1"/>
  <c r="AC87140" i="1"/>
  <c r="AC87141" i="1"/>
  <c r="AC87142" i="1"/>
  <c r="AC87143" i="1"/>
  <c r="AC87144" i="1"/>
  <c r="AC87145" i="1"/>
  <c r="AC87146" i="1"/>
  <c r="AC87147" i="1"/>
  <c r="AC87148" i="1"/>
  <c r="AC87149" i="1"/>
  <c r="AC87150" i="1"/>
  <c r="AC87151" i="1"/>
  <c r="AC87152" i="1"/>
  <c r="AC87153" i="1"/>
  <c r="AC87154" i="1"/>
  <c r="AC87155" i="1"/>
  <c r="AC87156" i="1"/>
  <c r="AC87157" i="1"/>
  <c r="AC87158" i="1"/>
  <c r="AC87159" i="1"/>
  <c r="AC87160" i="1"/>
  <c r="AC87161" i="1"/>
  <c r="AC87162" i="1"/>
  <c r="AC87163" i="1"/>
  <c r="AC87164" i="1"/>
  <c r="AC87165" i="1"/>
  <c r="AC87166" i="1"/>
  <c r="AC87167" i="1"/>
  <c r="AC87168" i="1"/>
  <c r="AC87169" i="1"/>
  <c r="AC87170" i="1"/>
  <c r="AC87171" i="1"/>
  <c r="AC87172" i="1"/>
  <c r="AC87173" i="1"/>
  <c r="AC87174" i="1"/>
  <c r="AC87175" i="1"/>
  <c r="AC87176" i="1"/>
  <c r="AC87177" i="1"/>
  <c r="AC87178" i="1"/>
  <c r="AC87179" i="1"/>
  <c r="AC87180" i="1"/>
  <c r="AC87181" i="1"/>
  <c r="AC87182" i="1"/>
  <c r="AC87183" i="1"/>
  <c r="AC87184" i="1"/>
  <c r="AC87185" i="1"/>
  <c r="AC87186" i="1"/>
  <c r="AC87187" i="1"/>
  <c r="AC87188" i="1"/>
  <c r="AC87189" i="1"/>
  <c r="AC87190" i="1"/>
  <c r="AC87191" i="1"/>
  <c r="AC87192" i="1"/>
  <c r="AC87193" i="1"/>
  <c r="AC87194" i="1"/>
  <c r="AC87195" i="1"/>
  <c r="AC87196" i="1"/>
  <c r="AC87197" i="1"/>
  <c r="AC87198" i="1"/>
  <c r="AC87199" i="1"/>
  <c r="AC87200" i="1"/>
  <c r="AC87201" i="1"/>
  <c r="AC87202" i="1"/>
  <c r="AC87203" i="1"/>
  <c r="AC87204" i="1"/>
  <c r="AC87205" i="1"/>
  <c r="AC87206" i="1"/>
  <c r="AC87207" i="1"/>
  <c r="AC87208" i="1"/>
  <c r="AC87209" i="1"/>
  <c r="AC87210" i="1"/>
  <c r="AC87211" i="1"/>
  <c r="AC87212" i="1"/>
  <c r="AC87213" i="1"/>
  <c r="AC87214" i="1"/>
  <c r="AC87215" i="1"/>
  <c r="AC87216" i="1"/>
  <c r="AC87217" i="1"/>
  <c r="AC87218" i="1"/>
  <c r="AC87219" i="1"/>
  <c r="AC87220" i="1"/>
  <c r="AC87221" i="1"/>
  <c r="AC87222" i="1"/>
  <c r="AC87223" i="1"/>
  <c r="AC87224" i="1"/>
  <c r="AC87225" i="1"/>
  <c r="AC87226" i="1"/>
  <c r="AC87227" i="1"/>
  <c r="AC87228" i="1"/>
  <c r="AC87229" i="1"/>
  <c r="AC87230" i="1"/>
  <c r="AC87231" i="1"/>
  <c r="AC87232" i="1"/>
  <c r="AC87233" i="1"/>
  <c r="AC87234" i="1"/>
  <c r="AC87235" i="1"/>
  <c r="AC87236" i="1"/>
  <c r="AC87237" i="1"/>
  <c r="AC87238" i="1"/>
  <c r="AC87239" i="1"/>
  <c r="AC87240" i="1"/>
  <c r="AC87241" i="1"/>
  <c r="AC87242" i="1"/>
  <c r="AC87243" i="1"/>
  <c r="AC87244" i="1"/>
  <c r="AC87245" i="1"/>
  <c r="AC87246" i="1"/>
  <c r="AC87247" i="1"/>
  <c r="AC87248" i="1"/>
  <c r="AC87249" i="1"/>
  <c r="AC87250" i="1"/>
  <c r="AC87251" i="1"/>
  <c r="AC87252" i="1"/>
  <c r="AC87253" i="1"/>
  <c r="AC87254" i="1"/>
  <c r="AC87255" i="1"/>
  <c r="AC87256" i="1"/>
  <c r="AC87257" i="1"/>
  <c r="AC87258" i="1"/>
  <c r="AC87259" i="1"/>
  <c r="AC87260" i="1"/>
  <c r="AC87261" i="1"/>
  <c r="AC87262" i="1"/>
  <c r="AC87263" i="1"/>
  <c r="AC87264" i="1"/>
  <c r="AC87265" i="1"/>
  <c r="AC87266" i="1"/>
  <c r="AC87267" i="1"/>
  <c r="AC87268" i="1"/>
  <c r="AC87269" i="1"/>
  <c r="AC87270" i="1"/>
  <c r="AC87271" i="1"/>
  <c r="AC87272" i="1"/>
  <c r="AC87273" i="1"/>
  <c r="AC87274" i="1"/>
  <c r="AC87275" i="1"/>
  <c r="AC87276" i="1"/>
  <c r="AC87277" i="1"/>
  <c r="AC87278" i="1"/>
  <c r="AC87279" i="1"/>
  <c r="AC87280" i="1"/>
  <c r="AC87281" i="1"/>
  <c r="AC87282" i="1"/>
  <c r="AC87283" i="1"/>
  <c r="AC87284" i="1"/>
  <c r="AC87285" i="1"/>
  <c r="AC87286" i="1"/>
  <c r="AC87287" i="1"/>
  <c r="AC87288" i="1"/>
  <c r="AC87289" i="1"/>
  <c r="AC87290" i="1"/>
  <c r="AC87291" i="1"/>
  <c r="AC87292" i="1"/>
  <c r="AC87293" i="1"/>
  <c r="AC87294" i="1"/>
  <c r="AC87295" i="1"/>
  <c r="AC87296" i="1"/>
  <c r="AC87297" i="1"/>
  <c r="AC87298" i="1"/>
  <c r="AC87299" i="1"/>
  <c r="AC87300" i="1"/>
  <c r="AC87301" i="1"/>
  <c r="AC87302" i="1"/>
  <c r="AC87303" i="1"/>
  <c r="AC87304" i="1"/>
  <c r="AC87305" i="1"/>
  <c r="AC87306" i="1"/>
  <c r="AC87307" i="1"/>
  <c r="AC87308" i="1"/>
  <c r="AC87309" i="1"/>
  <c r="AC87310" i="1"/>
  <c r="AC87311" i="1"/>
  <c r="AC87312" i="1"/>
  <c r="AC87313" i="1"/>
  <c r="AC87314" i="1"/>
  <c r="AC87315" i="1"/>
  <c r="AC87316" i="1"/>
  <c r="AC87317" i="1"/>
  <c r="AC87318" i="1"/>
  <c r="AC87319" i="1"/>
  <c r="AC87320" i="1"/>
  <c r="AC87321" i="1"/>
  <c r="AC87322" i="1"/>
  <c r="AC87323" i="1"/>
  <c r="AC87324" i="1"/>
  <c r="AC87325" i="1"/>
  <c r="AC87326" i="1"/>
  <c r="AC87327" i="1"/>
  <c r="AC87328" i="1"/>
  <c r="AC87329" i="1"/>
  <c r="AC87330" i="1"/>
  <c r="AC87331" i="1"/>
  <c r="AC87332" i="1"/>
  <c r="AC87333" i="1"/>
  <c r="AC87334" i="1"/>
  <c r="AC87335" i="1"/>
  <c r="AC87336" i="1"/>
  <c r="AC87337" i="1"/>
  <c r="AC87338" i="1"/>
  <c r="AC87339" i="1"/>
  <c r="AC87340" i="1"/>
  <c r="AC87341" i="1"/>
  <c r="AC87342" i="1"/>
  <c r="AC87343" i="1"/>
  <c r="AC87344" i="1"/>
  <c r="AC87345" i="1"/>
  <c r="AC87346" i="1"/>
  <c r="AC87347" i="1"/>
  <c r="AC87348" i="1"/>
  <c r="AC87349" i="1"/>
  <c r="AC87350" i="1"/>
  <c r="AC87351" i="1"/>
  <c r="AC87352" i="1"/>
  <c r="AC87353" i="1"/>
  <c r="AC87354" i="1"/>
  <c r="AC87355" i="1"/>
  <c r="AC87356" i="1"/>
  <c r="AC87357" i="1"/>
  <c r="AC87358" i="1"/>
  <c r="AC87359" i="1"/>
  <c r="AC87360" i="1"/>
  <c r="AC87361" i="1"/>
  <c r="AC87362" i="1"/>
  <c r="AC87363" i="1"/>
  <c r="AC87364" i="1"/>
  <c r="AC87365" i="1"/>
  <c r="AC87366" i="1"/>
  <c r="AC87367" i="1"/>
  <c r="AC87368" i="1"/>
  <c r="AC87369" i="1"/>
  <c r="AC87370" i="1"/>
  <c r="AC87371" i="1"/>
  <c r="AC87372" i="1"/>
  <c r="AC87373" i="1"/>
  <c r="AC87374" i="1"/>
  <c r="AC87375" i="1"/>
  <c r="AC87376" i="1"/>
  <c r="AC87377" i="1"/>
  <c r="AC87378" i="1"/>
  <c r="AC87379" i="1"/>
  <c r="AC87380" i="1"/>
  <c r="AC87381" i="1"/>
  <c r="AC87382" i="1"/>
  <c r="AC87383" i="1"/>
  <c r="AC87384" i="1"/>
  <c r="AC87385" i="1"/>
  <c r="AC87386" i="1"/>
  <c r="AC87387" i="1"/>
  <c r="AC87388" i="1"/>
  <c r="AC87389" i="1"/>
  <c r="AC87390" i="1"/>
  <c r="AC87391" i="1"/>
  <c r="AC87392" i="1"/>
  <c r="AC87393" i="1"/>
  <c r="AC87394" i="1"/>
  <c r="AC87395" i="1"/>
  <c r="AC87396" i="1"/>
  <c r="AC87397" i="1"/>
  <c r="AC87398" i="1"/>
  <c r="AC87399" i="1"/>
  <c r="AC87400" i="1"/>
  <c r="AC87401" i="1"/>
  <c r="AC87402" i="1"/>
  <c r="AC87403" i="1"/>
  <c r="AC87404" i="1"/>
  <c r="AC87405" i="1"/>
  <c r="AC87406" i="1"/>
  <c r="AC87407" i="1"/>
  <c r="AC87408" i="1"/>
  <c r="AC87409" i="1"/>
  <c r="AC87410" i="1"/>
  <c r="AC87411" i="1"/>
  <c r="AC87412" i="1"/>
  <c r="AC87413" i="1"/>
  <c r="AC87414" i="1"/>
  <c r="AC87415" i="1"/>
  <c r="AC87416" i="1"/>
  <c r="AC87417" i="1"/>
  <c r="AC87418" i="1"/>
  <c r="AC87419" i="1"/>
  <c r="AC87420" i="1"/>
  <c r="AC87421" i="1"/>
  <c r="AC87422" i="1"/>
  <c r="AC87423" i="1"/>
  <c r="AC87424" i="1"/>
  <c r="AC87425" i="1"/>
  <c r="AC87426" i="1"/>
  <c r="AC87427" i="1"/>
  <c r="AC87428" i="1"/>
  <c r="AC87429" i="1"/>
  <c r="AC87430" i="1"/>
  <c r="AC87431" i="1"/>
  <c r="AC87432" i="1"/>
  <c r="AC87433" i="1"/>
  <c r="AC87434" i="1"/>
  <c r="AC87435" i="1"/>
  <c r="AC87436" i="1"/>
  <c r="AC87437" i="1"/>
  <c r="AC87438" i="1"/>
  <c r="AC87439" i="1"/>
  <c r="AC87440" i="1"/>
  <c r="AC87441" i="1"/>
  <c r="AC87442" i="1"/>
  <c r="AC87443" i="1"/>
  <c r="AC87444" i="1"/>
  <c r="AC87445" i="1"/>
  <c r="AC87446" i="1"/>
  <c r="AC87447" i="1"/>
  <c r="AC87448" i="1"/>
  <c r="AC87449" i="1"/>
  <c r="AC87450" i="1"/>
  <c r="AC87451" i="1"/>
  <c r="AC87452" i="1"/>
  <c r="AC87453" i="1"/>
  <c r="AC87454" i="1"/>
  <c r="AC87455" i="1"/>
  <c r="AC87456" i="1"/>
  <c r="AC87457" i="1"/>
  <c r="AC87458" i="1"/>
  <c r="AC87459" i="1"/>
  <c r="AC87460" i="1"/>
  <c r="AC87461" i="1"/>
  <c r="AC87462" i="1"/>
  <c r="AC87463" i="1"/>
  <c r="AC87464" i="1"/>
  <c r="AC87465" i="1"/>
  <c r="AC87466" i="1"/>
  <c r="AC87467" i="1"/>
  <c r="AC87468" i="1"/>
  <c r="AC87469" i="1"/>
  <c r="AC87470" i="1"/>
  <c r="AC87471" i="1"/>
  <c r="AC87472" i="1"/>
  <c r="AC87473" i="1"/>
  <c r="AC87474" i="1"/>
  <c r="AC87475" i="1"/>
  <c r="AC87476" i="1"/>
  <c r="AC87477" i="1"/>
  <c r="AC87478" i="1"/>
  <c r="AC87479" i="1"/>
  <c r="AC87480" i="1"/>
  <c r="AC87481" i="1"/>
  <c r="AC87482" i="1"/>
  <c r="AC87483" i="1"/>
  <c r="AC87484" i="1"/>
  <c r="AC87485" i="1"/>
  <c r="AC87486" i="1"/>
  <c r="AC87487" i="1"/>
  <c r="AC87488" i="1"/>
  <c r="AC87489" i="1"/>
  <c r="AC87490" i="1"/>
  <c r="AC87491" i="1"/>
  <c r="AC87492" i="1"/>
  <c r="AC87493" i="1"/>
  <c r="AC87494" i="1"/>
  <c r="AC87495" i="1"/>
  <c r="AC87496" i="1"/>
  <c r="AC87497" i="1"/>
  <c r="AC87498" i="1"/>
  <c r="AC87499" i="1"/>
  <c r="AC87500" i="1"/>
  <c r="AC87501" i="1"/>
  <c r="AC87502" i="1"/>
  <c r="AC87503" i="1"/>
  <c r="AC87504" i="1"/>
  <c r="AC87505" i="1"/>
  <c r="AC87506" i="1"/>
  <c r="AC87507" i="1"/>
  <c r="AC87508" i="1"/>
  <c r="AC87509" i="1"/>
  <c r="AC87510" i="1"/>
  <c r="AC87511" i="1"/>
  <c r="AC87512" i="1"/>
  <c r="AC87513" i="1"/>
  <c r="AC87514" i="1"/>
  <c r="AC87515" i="1"/>
  <c r="AC87516" i="1"/>
  <c r="AC87517" i="1"/>
  <c r="AC87518" i="1"/>
  <c r="AC87519" i="1"/>
  <c r="AC87520" i="1"/>
  <c r="AC87521" i="1"/>
  <c r="AC87522" i="1"/>
  <c r="AC87523" i="1"/>
  <c r="AC87524" i="1"/>
  <c r="AC87525" i="1"/>
  <c r="AC87526" i="1"/>
  <c r="AC87527" i="1"/>
  <c r="AC87528" i="1"/>
  <c r="AC87529" i="1"/>
  <c r="AC87530" i="1"/>
  <c r="AC87531" i="1"/>
  <c r="AC87532" i="1"/>
  <c r="AC87533" i="1"/>
  <c r="AC87534" i="1"/>
  <c r="AC87535" i="1"/>
  <c r="AC87536" i="1"/>
  <c r="AC87537" i="1"/>
  <c r="AC87538" i="1"/>
  <c r="AC87539" i="1"/>
  <c r="AC87540" i="1"/>
  <c r="AC87541" i="1"/>
  <c r="AC87542" i="1"/>
  <c r="AC87543" i="1"/>
  <c r="AC87544" i="1"/>
  <c r="AC87545" i="1"/>
  <c r="AC87546" i="1"/>
  <c r="AC87547" i="1"/>
  <c r="AC87548" i="1"/>
  <c r="AC87549" i="1"/>
  <c r="AC87550" i="1"/>
  <c r="AC87551" i="1"/>
  <c r="AC87552" i="1"/>
  <c r="AC87553" i="1"/>
  <c r="AC87554" i="1"/>
  <c r="AC87555" i="1"/>
  <c r="AC87556" i="1"/>
  <c r="AC87557" i="1"/>
  <c r="AC87558" i="1"/>
  <c r="AC87559" i="1"/>
  <c r="AC87560" i="1"/>
  <c r="AC87561" i="1"/>
  <c r="AC87562" i="1"/>
  <c r="AC87563" i="1"/>
  <c r="AC87564" i="1"/>
  <c r="AC87565" i="1"/>
  <c r="AC87566" i="1"/>
  <c r="AC87567" i="1"/>
  <c r="AC87568" i="1"/>
  <c r="AC87569" i="1"/>
  <c r="AC87570" i="1"/>
  <c r="AC87571" i="1"/>
  <c r="AC87572" i="1"/>
  <c r="AC87573" i="1"/>
  <c r="AC87574" i="1"/>
  <c r="AC87575" i="1"/>
  <c r="AC87576" i="1"/>
  <c r="AC87577" i="1"/>
  <c r="AC87578" i="1"/>
  <c r="AC87579" i="1"/>
  <c r="AC87580" i="1"/>
  <c r="AC87581" i="1"/>
  <c r="AC87582" i="1"/>
  <c r="AC87583" i="1"/>
  <c r="AC87584" i="1"/>
  <c r="AC87585" i="1"/>
  <c r="AC87586" i="1"/>
  <c r="AC87587" i="1"/>
  <c r="AC87588" i="1"/>
  <c r="AC87589" i="1"/>
  <c r="AC87590" i="1"/>
  <c r="AC87591" i="1"/>
  <c r="AC87592" i="1"/>
  <c r="AC87593" i="1"/>
  <c r="AC87594" i="1"/>
  <c r="AC87595" i="1"/>
  <c r="AC87596" i="1"/>
  <c r="AC87597" i="1"/>
  <c r="AC87598" i="1"/>
  <c r="AC87599" i="1"/>
  <c r="AC87600" i="1"/>
  <c r="AC87601" i="1"/>
  <c r="AC87602" i="1"/>
  <c r="AC87603" i="1"/>
  <c r="AC87604" i="1"/>
  <c r="AC87605" i="1"/>
  <c r="AC87606" i="1"/>
  <c r="AC87607" i="1"/>
  <c r="AC87608" i="1"/>
  <c r="AC87609" i="1"/>
  <c r="AC87610" i="1"/>
  <c r="AC87611" i="1"/>
  <c r="AC87612" i="1"/>
  <c r="AC87613" i="1"/>
  <c r="AC87614" i="1"/>
  <c r="AC87615" i="1"/>
  <c r="AC87616" i="1"/>
  <c r="AC87617" i="1"/>
  <c r="AC87618" i="1"/>
  <c r="AC87619" i="1"/>
  <c r="AC87620" i="1"/>
  <c r="AC87621" i="1"/>
  <c r="AC87622" i="1"/>
  <c r="AC87623" i="1"/>
  <c r="AC87624" i="1"/>
  <c r="AC87625" i="1"/>
  <c r="AC87626" i="1"/>
  <c r="AC87627" i="1"/>
  <c r="AC87628" i="1"/>
  <c r="AC87629" i="1"/>
  <c r="AC87630" i="1"/>
  <c r="AC87631" i="1"/>
  <c r="AC87632" i="1"/>
  <c r="AC87633" i="1"/>
  <c r="AC87634" i="1"/>
  <c r="AC87635" i="1"/>
  <c r="AC87636" i="1"/>
  <c r="AC87637" i="1"/>
  <c r="AC87638" i="1"/>
  <c r="AC87639" i="1"/>
  <c r="AC87640" i="1"/>
  <c r="AC87641" i="1"/>
  <c r="AC87642" i="1"/>
  <c r="AC87643" i="1"/>
  <c r="AC87644" i="1"/>
  <c r="AC87645" i="1"/>
  <c r="AC87646" i="1"/>
  <c r="AC87647" i="1"/>
  <c r="AC87648" i="1"/>
  <c r="AC87649" i="1"/>
  <c r="AC87650" i="1"/>
  <c r="AC87651" i="1"/>
  <c r="AC87652" i="1"/>
  <c r="AC87653" i="1"/>
  <c r="AC87654" i="1"/>
  <c r="AC87655" i="1"/>
  <c r="AC87656" i="1"/>
  <c r="AC87657" i="1"/>
  <c r="AC87658" i="1"/>
  <c r="AC87659" i="1"/>
  <c r="AC87660" i="1"/>
  <c r="AC87661" i="1"/>
  <c r="AC87662" i="1"/>
  <c r="AC87663" i="1"/>
  <c r="AC87664" i="1"/>
  <c r="AC87665" i="1"/>
  <c r="AC87666" i="1"/>
  <c r="AC87667" i="1"/>
  <c r="AC87668" i="1"/>
  <c r="AC87669" i="1"/>
  <c r="AC87670" i="1"/>
  <c r="AC87671" i="1"/>
  <c r="AC87672" i="1"/>
  <c r="AC87673" i="1"/>
  <c r="AC87674" i="1"/>
  <c r="AC87675" i="1"/>
  <c r="AC87676" i="1"/>
  <c r="AC87677" i="1"/>
  <c r="AC87678" i="1"/>
  <c r="AC87679" i="1"/>
  <c r="AC87680" i="1"/>
  <c r="AC87681" i="1"/>
  <c r="AC87682" i="1"/>
  <c r="AC87683" i="1"/>
  <c r="AC87684" i="1"/>
  <c r="AC87685" i="1"/>
  <c r="AC87686" i="1"/>
  <c r="AC87687" i="1"/>
  <c r="AC87688" i="1"/>
  <c r="AC87689" i="1"/>
  <c r="AC87690" i="1"/>
  <c r="AC87691" i="1"/>
  <c r="AC87692" i="1"/>
  <c r="AC87693" i="1"/>
  <c r="AC87694" i="1"/>
  <c r="AC87695" i="1"/>
  <c r="AC87696" i="1"/>
  <c r="AC87697" i="1"/>
  <c r="AC87698" i="1"/>
  <c r="AC87699" i="1"/>
  <c r="AC87700" i="1"/>
  <c r="AC87701" i="1"/>
  <c r="AC87702" i="1"/>
  <c r="AC87703" i="1"/>
  <c r="AC87704" i="1"/>
  <c r="AC87705" i="1"/>
  <c r="AC87706" i="1"/>
  <c r="AC87707" i="1"/>
  <c r="AC87708" i="1"/>
  <c r="AC87709" i="1"/>
  <c r="AC87710" i="1"/>
  <c r="AC87711" i="1"/>
  <c r="AC87712" i="1"/>
  <c r="AC87713" i="1"/>
  <c r="AC87714" i="1"/>
  <c r="AC87715" i="1"/>
  <c r="AC87716" i="1"/>
  <c r="AC87717" i="1"/>
  <c r="AC87718" i="1"/>
  <c r="AC87719" i="1"/>
  <c r="AC87720" i="1"/>
  <c r="AC87721" i="1"/>
  <c r="AC87722" i="1"/>
  <c r="AC87723" i="1"/>
  <c r="AC87724" i="1"/>
  <c r="AC87725" i="1"/>
  <c r="AC87726" i="1"/>
  <c r="AC87727" i="1"/>
  <c r="AC87728" i="1"/>
  <c r="AC87729" i="1"/>
  <c r="AC87730" i="1"/>
  <c r="AC87731" i="1"/>
  <c r="AC87732" i="1"/>
  <c r="AC87733" i="1"/>
  <c r="AC87734" i="1"/>
  <c r="AC87735" i="1"/>
  <c r="AC87736" i="1"/>
  <c r="AC87737" i="1"/>
  <c r="AC87738" i="1"/>
  <c r="AC87739" i="1"/>
  <c r="AC87740" i="1"/>
  <c r="AC87741" i="1"/>
  <c r="AC87742" i="1"/>
  <c r="AC87743" i="1"/>
  <c r="AC87744" i="1"/>
  <c r="AC87745" i="1"/>
  <c r="AC87746" i="1"/>
  <c r="AC87747" i="1"/>
  <c r="AC87748" i="1"/>
  <c r="AC87749" i="1"/>
  <c r="AC87750" i="1"/>
  <c r="AC87751" i="1"/>
  <c r="AC87752" i="1"/>
  <c r="AC87753" i="1"/>
  <c r="AC87754" i="1"/>
  <c r="AC87755" i="1"/>
  <c r="AC87756" i="1"/>
  <c r="AC87757" i="1"/>
  <c r="AC87758" i="1"/>
  <c r="AC87759" i="1"/>
  <c r="AC87760" i="1"/>
  <c r="AC87761" i="1"/>
  <c r="AC87762" i="1"/>
  <c r="AC87763" i="1"/>
  <c r="AC87764" i="1"/>
  <c r="AC87765" i="1"/>
  <c r="AC87766" i="1"/>
  <c r="AC87767" i="1"/>
  <c r="AC87768" i="1"/>
  <c r="AC87769" i="1"/>
  <c r="AC87770" i="1"/>
  <c r="AC87771" i="1"/>
  <c r="AC87772" i="1"/>
  <c r="AC87773" i="1"/>
  <c r="AC87774" i="1"/>
  <c r="AC87775" i="1"/>
  <c r="AC87776" i="1"/>
  <c r="AC87777" i="1"/>
  <c r="AC87778" i="1"/>
  <c r="AC87779" i="1"/>
  <c r="AC87780" i="1"/>
  <c r="AC87781" i="1"/>
  <c r="AC87782" i="1"/>
  <c r="AC87783" i="1"/>
  <c r="AC87784" i="1"/>
  <c r="AC87785" i="1"/>
  <c r="AC87786" i="1"/>
  <c r="AC87787" i="1"/>
  <c r="AC87788" i="1"/>
  <c r="AC87789" i="1"/>
  <c r="AC87790" i="1"/>
  <c r="AC87791" i="1"/>
  <c r="AC87792" i="1"/>
  <c r="AC87793" i="1"/>
  <c r="AC87794" i="1"/>
  <c r="AC87795" i="1"/>
  <c r="AC87796" i="1"/>
  <c r="AC87797" i="1"/>
  <c r="AC87798" i="1"/>
  <c r="AC87799" i="1"/>
  <c r="AC87800" i="1"/>
  <c r="AC87801" i="1"/>
  <c r="AC87802" i="1"/>
  <c r="AC87803" i="1"/>
  <c r="AC87804" i="1"/>
  <c r="AC87805" i="1"/>
  <c r="AC87806" i="1"/>
  <c r="AC87807" i="1"/>
  <c r="AC87808" i="1"/>
  <c r="AC87809" i="1"/>
  <c r="AC87810" i="1"/>
  <c r="AC87811" i="1"/>
  <c r="AC87812" i="1"/>
  <c r="AC87813" i="1"/>
  <c r="AC87814" i="1"/>
  <c r="AC87815" i="1"/>
  <c r="AC87816" i="1"/>
  <c r="AC87817" i="1"/>
  <c r="AC87818" i="1"/>
  <c r="AC87819" i="1"/>
  <c r="AC87820" i="1"/>
  <c r="AC87821" i="1"/>
  <c r="AC87822" i="1"/>
  <c r="AC87823" i="1"/>
  <c r="AC87824" i="1"/>
  <c r="AC87825" i="1"/>
  <c r="AC87826" i="1"/>
  <c r="AC87827" i="1"/>
  <c r="AC87828" i="1"/>
  <c r="AC87829" i="1"/>
  <c r="AC87830" i="1"/>
  <c r="AC87831" i="1"/>
  <c r="AC87832" i="1"/>
  <c r="AC87833" i="1"/>
  <c r="AC87834" i="1"/>
  <c r="AC87835" i="1"/>
  <c r="AC87836" i="1"/>
  <c r="AC87837" i="1"/>
  <c r="AC87838" i="1"/>
  <c r="AC87839" i="1"/>
  <c r="AC87840" i="1"/>
  <c r="AC87841" i="1"/>
  <c r="AC87842" i="1"/>
  <c r="AC87843" i="1"/>
  <c r="AC87844" i="1"/>
  <c r="AC87845" i="1"/>
  <c r="AC87846" i="1"/>
  <c r="AC87847" i="1"/>
  <c r="AC87848" i="1"/>
  <c r="AC87849" i="1"/>
  <c r="AC87850" i="1"/>
  <c r="AC87851" i="1"/>
  <c r="AC87852" i="1"/>
  <c r="AC87853" i="1"/>
  <c r="AC87854" i="1"/>
  <c r="AC87855" i="1"/>
  <c r="AC87856" i="1"/>
  <c r="AC87857" i="1"/>
  <c r="AC87858" i="1"/>
  <c r="AC87859" i="1"/>
  <c r="AC87860" i="1"/>
  <c r="AC87861" i="1"/>
  <c r="AC87862" i="1"/>
  <c r="AC87863" i="1"/>
  <c r="AC87864" i="1"/>
  <c r="AC87865" i="1"/>
  <c r="AC87866" i="1"/>
  <c r="AC87867" i="1"/>
  <c r="AC87868" i="1"/>
  <c r="AC87869" i="1"/>
  <c r="AC87870" i="1"/>
  <c r="AC87871" i="1"/>
  <c r="AC87872" i="1"/>
  <c r="AC87873" i="1"/>
  <c r="AC87874" i="1"/>
  <c r="AC87875" i="1"/>
  <c r="AC87876" i="1"/>
  <c r="AC87877" i="1"/>
  <c r="AC87878" i="1"/>
  <c r="AC87879" i="1"/>
  <c r="AC87880" i="1"/>
  <c r="AC87881" i="1"/>
  <c r="AC87882" i="1"/>
  <c r="AC87883" i="1"/>
  <c r="AC87884" i="1"/>
  <c r="AC87885" i="1"/>
  <c r="AC87886" i="1"/>
  <c r="AC87887" i="1"/>
  <c r="AC87888" i="1"/>
  <c r="AC87889" i="1"/>
  <c r="AC87890" i="1"/>
  <c r="AC87891" i="1"/>
  <c r="AC87892" i="1"/>
  <c r="AC87893" i="1"/>
  <c r="AC87894" i="1"/>
  <c r="AC87895" i="1"/>
  <c r="AC87896" i="1"/>
  <c r="AC87897" i="1"/>
  <c r="AC87898" i="1"/>
  <c r="AC87899" i="1"/>
  <c r="AC87900" i="1"/>
  <c r="AC87901" i="1"/>
  <c r="AC87902" i="1"/>
  <c r="AC87903" i="1"/>
  <c r="AC87904" i="1"/>
  <c r="AC87905" i="1"/>
  <c r="AC87906" i="1"/>
  <c r="AC87907" i="1"/>
  <c r="AC87908" i="1"/>
  <c r="AC87909" i="1"/>
  <c r="AC87910" i="1"/>
  <c r="AC87911" i="1"/>
  <c r="AC87912" i="1"/>
  <c r="AC87913" i="1"/>
  <c r="AC87914" i="1"/>
  <c r="AC87915" i="1"/>
  <c r="AC87916" i="1"/>
  <c r="AC87917" i="1"/>
  <c r="AC87918" i="1"/>
  <c r="AC87919" i="1"/>
  <c r="AC87920" i="1"/>
  <c r="AC87921" i="1"/>
  <c r="AC87922" i="1"/>
  <c r="AC87923" i="1"/>
  <c r="AC87924" i="1"/>
  <c r="AC87925" i="1"/>
  <c r="AC87926" i="1"/>
  <c r="AC87927" i="1"/>
  <c r="AC87928" i="1"/>
  <c r="AC87929" i="1"/>
  <c r="AC87930" i="1"/>
  <c r="AC87931" i="1"/>
  <c r="AC87932" i="1"/>
  <c r="AC87933" i="1"/>
  <c r="AC87934" i="1"/>
  <c r="AC87935" i="1"/>
  <c r="AC87936" i="1"/>
  <c r="AC87937" i="1"/>
  <c r="AC87938" i="1"/>
  <c r="AC87939" i="1"/>
  <c r="AC87940" i="1"/>
  <c r="AC87941" i="1"/>
  <c r="AC87942" i="1"/>
  <c r="AC87943" i="1"/>
  <c r="AC87944" i="1"/>
  <c r="AC87945" i="1"/>
  <c r="AC87946" i="1"/>
  <c r="AC87947" i="1"/>
  <c r="AC87948" i="1"/>
  <c r="AC87949" i="1"/>
  <c r="AC87950" i="1"/>
  <c r="AC87951" i="1"/>
  <c r="AC87952" i="1"/>
  <c r="AC87953" i="1"/>
  <c r="AC87954" i="1"/>
  <c r="AC87955" i="1"/>
  <c r="AC87956" i="1"/>
  <c r="AC87957" i="1"/>
  <c r="AC87958" i="1"/>
  <c r="AC87959" i="1"/>
  <c r="AC87960" i="1"/>
  <c r="AC87961" i="1"/>
  <c r="AC87962" i="1"/>
  <c r="AC87963" i="1"/>
  <c r="AC87964" i="1"/>
  <c r="AC87965" i="1"/>
  <c r="AC87966" i="1"/>
  <c r="AC87967" i="1"/>
  <c r="AC87968" i="1"/>
  <c r="AC87969" i="1"/>
  <c r="AC87970" i="1"/>
  <c r="AC87971" i="1"/>
  <c r="AC87972" i="1"/>
  <c r="AC87973" i="1"/>
  <c r="AC87974" i="1"/>
  <c r="AC87975" i="1"/>
  <c r="AC87976" i="1"/>
  <c r="AC87977" i="1"/>
  <c r="AC87978" i="1"/>
  <c r="AC87979" i="1"/>
  <c r="AC87980" i="1"/>
  <c r="AC87981" i="1"/>
  <c r="AC87982" i="1"/>
  <c r="AC87983" i="1"/>
  <c r="AC87984" i="1"/>
  <c r="AC87985" i="1"/>
  <c r="AC87986" i="1"/>
  <c r="AC87987" i="1"/>
  <c r="AC87988" i="1"/>
  <c r="AC87989" i="1"/>
  <c r="AC87990" i="1"/>
  <c r="AC87991" i="1"/>
  <c r="AC87992" i="1"/>
  <c r="AC87993" i="1"/>
  <c r="AC87994" i="1"/>
  <c r="AC87995" i="1"/>
  <c r="AC87996" i="1"/>
  <c r="AC87997" i="1"/>
  <c r="AC87998" i="1"/>
  <c r="AC87999" i="1"/>
  <c r="AC88000" i="1"/>
  <c r="AC88001" i="1"/>
  <c r="AC88002" i="1"/>
  <c r="AC88003" i="1"/>
  <c r="AC88004" i="1"/>
  <c r="AC88005" i="1"/>
  <c r="AC88006" i="1"/>
  <c r="AC88007" i="1"/>
  <c r="AC88008" i="1"/>
  <c r="AC88009" i="1"/>
  <c r="AC88010" i="1"/>
  <c r="AC88011" i="1"/>
  <c r="AC88012" i="1"/>
  <c r="AC88013" i="1"/>
  <c r="AC88014" i="1"/>
  <c r="AC88015" i="1"/>
  <c r="AC88016" i="1"/>
  <c r="AC88017" i="1"/>
  <c r="AC88018" i="1"/>
  <c r="AC88019" i="1"/>
  <c r="AC88020" i="1"/>
  <c r="AC88021" i="1"/>
  <c r="AC88022" i="1"/>
  <c r="AC88023" i="1"/>
  <c r="AC88024" i="1"/>
  <c r="AC88025" i="1"/>
  <c r="AC88026" i="1"/>
  <c r="AC88027" i="1"/>
  <c r="AC88028" i="1"/>
  <c r="AC88029" i="1"/>
  <c r="AC88030" i="1"/>
  <c r="AC88031" i="1"/>
  <c r="AC88032" i="1"/>
  <c r="AC88033" i="1"/>
  <c r="AC88034" i="1"/>
  <c r="AC88035" i="1"/>
  <c r="AC88036" i="1"/>
  <c r="AC88037" i="1"/>
  <c r="AC88038" i="1"/>
  <c r="AC88039" i="1"/>
  <c r="AC88040" i="1"/>
  <c r="AC88041" i="1"/>
  <c r="AC88042" i="1"/>
  <c r="AC88043" i="1"/>
  <c r="AC88044" i="1"/>
  <c r="AC88045" i="1"/>
  <c r="AC88046" i="1"/>
  <c r="AC88047" i="1"/>
  <c r="AC88048" i="1"/>
  <c r="AC88049" i="1"/>
  <c r="AC88050" i="1"/>
  <c r="AC88051" i="1"/>
  <c r="AC88052" i="1"/>
  <c r="AC88053" i="1"/>
  <c r="AC88054" i="1"/>
  <c r="AC88055" i="1"/>
  <c r="AC88056" i="1"/>
  <c r="AC88057" i="1"/>
  <c r="AC88058" i="1"/>
  <c r="AC88059" i="1"/>
  <c r="AC88060" i="1"/>
  <c r="AC88061" i="1"/>
  <c r="AC88062" i="1"/>
  <c r="AC88063" i="1"/>
  <c r="AC88064" i="1"/>
  <c r="AC88065" i="1"/>
  <c r="AC88066" i="1"/>
  <c r="AC88067" i="1"/>
  <c r="AC88068" i="1"/>
  <c r="AC88069" i="1"/>
  <c r="AC88070" i="1"/>
  <c r="AC88071" i="1"/>
  <c r="AC88072" i="1"/>
  <c r="AC88073" i="1"/>
  <c r="AC88074" i="1"/>
  <c r="AC88075" i="1"/>
  <c r="AC88076" i="1"/>
  <c r="AC88077" i="1"/>
  <c r="AC88078" i="1"/>
  <c r="AC88079" i="1"/>
  <c r="AC88080" i="1"/>
  <c r="AC88081" i="1"/>
  <c r="AC88082" i="1"/>
  <c r="AC88083" i="1"/>
  <c r="AC88084" i="1"/>
  <c r="AC88085" i="1"/>
  <c r="AC88086" i="1"/>
  <c r="AC88087" i="1"/>
  <c r="AC88088" i="1"/>
  <c r="AC88089" i="1"/>
  <c r="AC88090" i="1"/>
  <c r="AC88091" i="1"/>
  <c r="AC88092" i="1"/>
  <c r="AC88093" i="1"/>
  <c r="AC88094" i="1"/>
  <c r="AC88095" i="1"/>
  <c r="AC88096" i="1"/>
  <c r="AC88097" i="1"/>
  <c r="AC88098" i="1"/>
  <c r="AC88099" i="1"/>
  <c r="AC88100" i="1"/>
  <c r="AC88101" i="1"/>
  <c r="AC88102" i="1"/>
  <c r="AC88103" i="1"/>
  <c r="AC88104" i="1"/>
  <c r="AC88105" i="1"/>
  <c r="AC88106" i="1"/>
  <c r="AC88107" i="1"/>
  <c r="AC88108" i="1"/>
  <c r="AC88109" i="1"/>
  <c r="AC88110" i="1"/>
  <c r="AC88111" i="1"/>
  <c r="AC88112" i="1"/>
  <c r="AC88113" i="1"/>
  <c r="AC88114" i="1"/>
  <c r="AC88115" i="1"/>
  <c r="AC88116" i="1"/>
  <c r="AC88117" i="1"/>
  <c r="AC88118" i="1"/>
  <c r="AC88119" i="1"/>
  <c r="AC88120" i="1"/>
  <c r="AC88121" i="1"/>
  <c r="AC88122" i="1"/>
  <c r="AC88123" i="1"/>
  <c r="AC88124" i="1"/>
  <c r="AC88125" i="1"/>
  <c r="AC88126" i="1"/>
  <c r="AC88127" i="1"/>
  <c r="AC88128" i="1"/>
  <c r="AC88129" i="1"/>
  <c r="AC88130" i="1"/>
  <c r="AC88131" i="1"/>
  <c r="AC88132" i="1"/>
  <c r="AC88133" i="1"/>
  <c r="AC88134" i="1"/>
  <c r="AC88135" i="1"/>
  <c r="AC88136" i="1"/>
  <c r="AC88137" i="1"/>
  <c r="AC88138" i="1"/>
  <c r="AC88139" i="1"/>
  <c r="AC88140" i="1"/>
  <c r="AC88141" i="1"/>
  <c r="AC88142" i="1"/>
  <c r="AC88143" i="1"/>
  <c r="AC88144" i="1"/>
  <c r="AC88145" i="1"/>
  <c r="AC88146" i="1"/>
  <c r="AC88147" i="1"/>
  <c r="AC88148" i="1"/>
  <c r="AC88149" i="1"/>
  <c r="AC88150" i="1"/>
  <c r="AC88151" i="1"/>
  <c r="AC88152" i="1"/>
  <c r="AC88153" i="1"/>
  <c r="AC88154" i="1"/>
  <c r="AC88155" i="1"/>
  <c r="AC88156" i="1"/>
  <c r="AC88157" i="1"/>
  <c r="AC88158" i="1"/>
  <c r="AC88159" i="1"/>
  <c r="AC88160" i="1"/>
  <c r="AC88161" i="1"/>
  <c r="AC88162" i="1"/>
  <c r="AC88163" i="1"/>
  <c r="AC88164" i="1"/>
  <c r="AC88165" i="1"/>
  <c r="AC88166" i="1"/>
  <c r="AC88167" i="1"/>
  <c r="AC88168" i="1"/>
  <c r="AC88169" i="1"/>
  <c r="AC88170" i="1"/>
  <c r="AC88171" i="1"/>
  <c r="AC88172" i="1"/>
  <c r="AC88173" i="1"/>
  <c r="AC88174" i="1"/>
  <c r="AC88175" i="1"/>
  <c r="AC88176" i="1"/>
  <c r="AC88177" i="1"/>
  <c r="AC88178" i="1"/>
  <c r="AC88179" i="1"/>
  <c r="AC88180" i="1"/>
  <c r="AC88181" i="1"/>
  <c r="AC88182" i="1"/>
  <c r="AC88183" i="1"/>
  <c r="AC88184" i="1"/>
  <c r="AC88185" i="1"/>
  <c r="AC88186" i="1"/>
  <c r="AC88187" i="1"/>
  <c r="AC88188" i="1"/>
  <c r="AC88189" i="1"/>
  <c r="AC88190" i="1"/>
  <c r="AC88191" i="1"/>
  <c r="AC88192" i="1"/>
  <c r="AC88193" i="1"/>
  <c r="AC88194" i="1"/>
  <c r="AC88195" i="1"/>
  <c r="AC88196" i="1"/>
  <c r="AC88197" i="1"/>
  <c r="AC88198" i="1"/>
  <c r="AC88199" i="1"/>
  <c r="AC88200" i="1"/>
  <c r="AC88201" i="1"/>
  <c r="AC88202" i="1"/>
  <c r="AC88203" i="1"/>
  <c r="AC88204" i="1"/>
  <c r="AC88205" i="1"/>
  <c r="AC88206" i="1"/>
  <c r="AC88207" i="1"/>
  <c r="AC88208" i="1"/>
  <c r="AC88209" i="1"/>
  <c r="AC88210" i="1"/>
  <c r="AC88211" i="1"/>
  <c r="AC88212" i="1"/>
  <c r="AC88213" i="1"/>
  <c r="AC88214" i="1"/>
  <c r="AC88215" i="1"/>
  <c r="AC88216" i="1"/>
  <c r="AC88217" i="1"/>
  <c r="AC88218" i="1"/>
  <c r="AC88219" i="1"/>
  <c r="AC88220" i="1"/>
  <c r="AC88221" i="1"/>
  <c r="AC88222" i="1"/>
  <c r="AC88223" i="1"/>
  <c r="AC88224" i="1"/>
  <c r="AC88225" i="1"/>
  <c r="AC88226" i="1"/>
  <c r="AC88227" i="1"/>
  <c r="AC88228" i="1"/>
  <c r="AC88229" i="1"/>
  <c r="AC88230" i="1"/>
  <c r="AC88231" i="1"/>
  <c r="AC88232" i="1"/>
  <c r="AC88233" i="1"/>
  <c r="AC88234" i="1"/>
  <c r="AC88235" i="1"/>
  <c r="AC88236" i="1"/>
  <c r="AC88237" i="1"/>
  <c r="AC88238" i="1"/>
  <c r="AC88239" i="1"/>
  <c r="AC88240" i="1"/>
  <c r="AC88241" i="1"/>
  <c r="AC88242" i="1"/>
  <c r="AC88243" i="1"/>
  <c r="AC88244" i="1"/>
  <c r="AC88245" i="1"/>
  <c r="AC88246" i="1"/>
  <c r="AC88247" i="1"/>
  <c r="AC88248" i="1"/>
  <c r="AC88249" i="1"/>
  <c r="AC88250" i="1"/>
  <c r="AC88251" i="1"/>
  <c r="AC88252" i="1"/>
  <c r="AC88253" i="1"/>
  <c r="AC88254" i="1"/>
  <c r="AC88255" i="1"/>
  <c r="AC88256" i="1"/>
  <c r="AC88257" i="1"/>
  <c r="AC88258" i="1"/>
  <c r="AC88259" i="1"/>
  <c r="AC88260" i="1"/>
  <c r="AC88261" i="1"/>
  <c r="AC88262" i="1"/>
  <c r="AC88263" i="1"/>
  <c r="AC88264" i="1"/>
  <c r="AC88265" i="1"/>
  <c r="AC88266" i="1"/>
  <c r="AC88267" i="1"/>
  <c r="AC88268" i="1"/>
  <c r="AC88269" i="1"/>
  <c r="AC88270" i="1"/>
  <c r="AC88271" i="1"/>
  <c r="AC88272" i="1"/>
  <c r="AC88273" i="1"/>
  <c r="AC88274" i="1"/>
  <c r="AC88275" i="1"/>
  <c r="AC88276" i="1"/>
  <c r="AC88277" i="1"/>
  <c r="AC88278" i="1"/>
  <c r="AC88279" i="1"/>
  <c r="AC88280" i="1"/>
  <c r="AC88281" i="1"/>
  <c r="AC88282" i="1"/>
  <c r="AC88283" i="1"/>
  <c r="AC88284" i="1"/>
  <c r="AC88285" i="1"/>
  <c r="AC88286" i="1"/>
  <c r="AC88287" i="1"/>
  <c r="AC88288" i="1"/>
  <c r="AC88289" i="1"/>
  <c r="AC88290" i="1"/>
  <c r="AC88291" i="1"/>
  <c r="AC88292" i="1"/>
  <c r="AC88293" i="1"/>
  <c r="AC88294" i="1"/>
  <c r="AC88295" i="1"/>
  <c r="AC88296" i="1"/>
  <c r="AC88297" i="1"/>
  <c r="AC88298" i="1"/>
  <c r="AC88299" i="1"/>
  <c r="AC88300" i="1"/>
  <c r="AC88301" i="1"/>
  <c r="AC88302" i="1"/>
  <c r="AC88303" i="1"/>
  <c r="AC88304" i="1"/>
  <c r="AC88305" i="1"/>
  <c r="AC88306" i="1"/>
  <c r="AC88307" i="1"/>
  <c r="AC88308" i="1"/>
  <c r="AC88309" i="1"/>
  <c r="AC88310" i="1"/>
  <c r="AC88311" i="1"/>
  <c r="AC88312" i="1"/>
  <c r="AC88313" i="1"/>
  <c r="AC88314" i="1"/>
  <c r="AC88315" i="1"/>
  <c r="AC88316" i="1"/>
  <c r="AC88317" i="1"/>
  <c r="AC88318" i="1"/>
  <c r="AC88319" i="1"/>
  <c r="AC88320" i="1"/>
  <c r="AC88321" i="1"/>
  <c r="AC88322" i="1"/>
  <c r="AC88323" i="1"/>
  <c r="AC88324" i="1"/>
  <c r="AC88325" i="1"/>
  <c r="AC88326" i="1"/>
  <c r="AC88327" i="1"/>
  <c r="AC88328" i="1"/>
  <c r="AC88329" i="1"/>
  <c r="AC88330" i="1"/>
  <c r="AC88331" i="1"/>
  <c r="AC88332" i="1"/>
  <c r="AC88333" i="1"/>
  <c r="AC88334" i="1"/>
  <c r="AC88335" i="1"/>
  <c r="AC88336" i="1"/>
  <c r="AC88337" i="1"/>
  <c r="AC88338" i="1"/>
  <c r="AC88339" i="1"/>
  <c r="AC88340" i="1"/>
  <c r="AC88341" i="1"/>
  <c r="AC88342" i="1"/>
  <c r="AC88343" i="1"/>
  <c r="AC88344" i="1"/>
  <c r="AC88345" i="1"/>
  <c r="AC88346" i="1"/>
  <c r="AC88347" i="1"/>
  <c r="AC88348" i="1"/>
  <c r="AC88349" i="1"/>
  <c r="AC88350" i="1"/>
  <c r="AC88351" i="1"/>
  <c r="AC88352" i="1"/>
  <c r="AC88353" i="1"/>
  <c r="AC88354" i="1"/>
  <c r="AC88355" i="1"/>
  <c r="AC88356" i="1"/>
  <c r="AC88357" i="1"/>
  <c r="AC88358" i="1"/>
  <c r="AC88359" i="1"/>
  <c r="AC88360" i="1"/>
  <c r="AC88361" i="1"/>
  <c r="AC88362" i="1"/>
  <c r="AC88363" i="1"/>
  <c r="AC88364" i="1"/>
  <c r="AC88365" i="1"/>
  <c r="AC88366" i="1"/>
  <c r="AC88367" i="1"/>
  <c r="AC88368" i="1"/>
  <c r="AC88369" i="1"/>
  <c r="AC88370" i="1"/>
  <c r="AC88371" i="1"/>
  <c r="AC88372" i="1"/>
  <c r="AC88373" i="1"/>
  <c r="AC88374" i="1"/>
  <c r="AC88375" i="1"/>
  <c r="AC88376" i="1"/>
  <c r="AC88377" i="1"/>
  <c r="AC88378" i="1"/>
  <c r="AC88379" i="1"/>
  <c r="AC88380" i="1"/>
  <c r="AC88381" i="1"/>
  <c r="AC88382" i="1"/>
  <c r="AC88383" i="1"/>
  <c r="AC88384" i="1"/>
  <c r="AC88385" i="1"/>
  <c r="AC88386" i="1"/>
  <c r="AC88387" i="1"/>
  <c r="AC88388" i="1"/>
  <c r="AC88389" i="1"/>
  <c r="AC88390" i="1"/>
  <c r="AC88391" i="1"/>
  <c r="AC88392" i="1"/>
  <c r="AC88393" i="1"/>
  <c r="AC88394" i="1"/>
  <c r="AC88395" i="1"/>
  <c r="AC88396" i="1"/>
  <c r="AC88397" i="1"/>
  <c r="AC88398" i="1"/>
  <c r="AC88399" i="1"/>
  <c r="AC88400" i="1"/>
  <c r="AC88401" i="1"/>
  <c r="AC88402" i="1"/>
  <c r="AC88403" i="1"/>
  <c r="AC88404" i="1"/>
  <c r="AC88405" i="1"/>
  <c r="AC88406" i="1"/>
  <c r="AC88407" i="1"/>
  <c r="AC88408" i="1"/>
  <c r="AC88409" i="1"/>
  <c r="AC88410" i="1"/>
  <c r="AC88411" i="1"/>
  <c r="AC88412" i="1"/>
  <c r="AC88413" i="1"/>
  <c r="AC88414" i="1"/>
  <c r="AC88415" i="1"/>
  <c r="AC88416" i="1"/>
  <c r="AC88417" i="1"/>
  <c r="AC88418" i="1"/>
  <c r="AC88419" i="1"/>
  <c r="AC88420" i="1"/>
  <c r="AC88421" i="1"/>
  <c r="AC88422" i="1"/>
  <c r="AC88423" i="1"/>
  <c r="AC88424" i="1"/>
  <c r="AC88425" i="1"/>
  <c r="AC88426" i="1"/>
  <c r="AC88427" i="1"/>
  <c r="AC88428" i="1"/>
  <c r="AC88429" i="1"/>
  <c r="AC88430" i="1"/>
  <c r="AC88431" i="1"/>
  <c r="AC88432" i="1"/>
  <c r="AC88433" i="1"/>
  <c r="AC88434" i="1"/>
  <c r="AC88435" i="1"/>
  <c r="AC88436" i="1"/>
  <c r="AC88437" i="1"/>
  <c r="AC88438" i="1"/>
  <c r="AC88439" i="1"/>
  <c r="AC88440" i="1"/>
  <c r="AC88441" i="1"/>
  <c r="AC88442" i="1"/>
  <c r="AC88443" i="1"/>
  <c r="AC88444" i="1"/>
  <c r="AC88445" i="1"/>
  <c r="AC88446" i="1"/>
  <c r="AC88447" i="1"/>
  <c r="AC88448" i="1"/>
  <c r="AC88449" i="1"/>
  <c r="AC88450" i="1"/>
  <c r="AC88451" i="1"/>
  <c r="AC88452" i="1"/>
  <c r="AC88453" i="1"/>
  <c r="AC88454" i="1"/>
  <c r="AC88455" i="1"/>
  <c r="AC88456" i="1"/>
  <c r="AC88457" i="1"/>
  <c r="AC88458" i="1"/>
  <c r="AC88459" i="1"/>
  <c r="AC88460" i="1"/>
  <c r="AC88461" i="1"/>
  <c r="AC88462" i="1"/>
  <c r="AC88463" i="1"/>
  <c r="AC88464" i="1"/>
  <c r="AC88465" i="1"/>
  <c r="AC88466" i="1"/>
  <c r="AC88467" i="1"/>
  <c r="AC88468" i="1"/>
  <c r="AC88469" i="1"/>
  <c r="AC88470" i="1"/>
  <c r="AC88471" i="1"/>
  <c r="AC88472" i="1"/>
  <c r="AC88473" i="1"/>
  <c r="AC88474" i="1"/>
  <c r="AC88475" i="1"/>
  <c r="AC88476" i="1"/>
  <c r="AC88477" i="1"/>
  <c r="AC88478" i="1"/>
  <c r="AC88479" i="1"/>
  <c r="AC88480" i="1"/>
  <c r="AC88481" i="1"/>
  <c r="AC88482" i="1"/>
  <c r="AC88483" i="1"/>
  <c r="AC88484" i="1"/>
  <c r="AC88485" i="1"/>
  <c r="AC88486" i="1"/>
  <c r="AC88487" i="1"/>
  <c r="AC88488" i="1"/>
  <c r="AC88489" i="1"/>
  <c r="AC88490" i="1"/>
  <c r="AC88491" i="1"/>
  <c r="AC88492" i="1"/>
  <c r="AC88493" i="1"/>
  <c r="AC88494" i="1"/>
  <c r="AC88495" i="1"/>
  <c r="AC88496" i="1"/>
  <c r="AC88497" i="1"/>
  <c r="AC88498" i="1"/>
  <c r="AC88499" i="1"/>
  <c r="AC88500" i="1"/>
  <c r="AC88501" i="1"/>
  <c r="AC88502" i="1"/>
  <c r="AC88503" i="1"/>
  <c r="AC88504" i="1"/>
  <c r="AC88505" i="1"/>
  <c r="AC88506" i="1"/>
  <c r="AC88507" i="1"/>
  <c r="AC88508" i="1"/>
  <c r="AC88509" i="1"/>
  <c r="AC88510" i="1"/>
  <c r="AC88511" i="1"/>
  <c r="AC88512" i="1"/>
  <c r="AC88513" i="1"/>
  <c r="AC88514" i="1"/>
  <c r="AC88515" i="1"/>
  <c r="AC88516" i="1"/>
  <c r="AC88517" i="1"/>
  <c r="AC88518" i="1"/>
  <c r="AC88519" i="1"/>
  <c r="AC88520" i="1"/>
  <c r="AC88521" i="1"/>
  <c r="AC88522" i="1"/>
  <c r="AC88523" i="1"/>
  <c r="AC88524" i="1"/>
  <c r="AC88525" i="1"/>
  <c r="AC88526" i="1"/>
  <c r="AC88527" i="1"/>
  <c r="AC88528" i="1"/>
  <c r="AC88529" i="1"/>
  <c r="AC88530" i="1"/>
  <c r="AC88531" i="1"/>
  <c r="AC88532" i="1"/>
  <c r="AC88533" i="1"/>
  <c r="AC88534" i="1"/>
  <c r="AC88535" i="1"/>
  <c r="AC88536" i="1"/>
  <c r="AC88537" i="1"/>
  <c r="AC88538" i="1"/>
  <c r="AC88539" i="1"/>
  <c r="AC88540" i="1"/>
  <c r="AC88541" i="1"/>
  <c r="AC88542" i="1"/>
  <c r="AC88543" i="1"/>
  <c r="AC88544" i="1"/>
  <c r="AC88545" i="1"/>
  <c r="AC88546" i="1"/>
  <c r="AC88547" i="1"/>
  <c r="AC88548" i="1"/>
  <c r="AC88549" i="1"/>
  <c r="AC88550" i="1"/>
  <c r="AC88551" i="1"/>
  <c r="AC88552" i="1"/>
  <c r="AC88553" i="1"/>
  <c r="AC88554" i="1"/>
  <c r="AC88555" i="1"/>
  <c r="AC88556" i="1"/>
  <c r="AC88557" i="1"/>
  <c r="AC88558" i="1"/>
  <c r="AC88559" i="1"/>
  <c r="AC88560" i="1"/>
  <c r="AC88561" i="1"/>
  <c r="AC88562" i="1"/>
  <c r="AC88563" i="1"/>
  <c r="AC88564" i="1"/>
  <c r="AC88565" i="1"/>
  <c r="AC88566" i="1"/>
  <c r="AC88567" i="1"/>
  <c r="AC88568" i="1"/>
  <c r="AC88569" i="1"/>
  <c r="AC88570" i="1"/>
  <c r="AC88571" i="1"/>
  <c r="AC88572" i="1"/>
  <c r="AC88573" i="1"/>
  <c r="AC88574" i="1"/>
  <c r="AC88575" i="1"/>
  <c r="AC88576" i="1"/>
  <c r="AC88577" i="1"/>
  <c r="AC88578" i="1"/>
  <c r="AC88579" i="1"/>
  <c r="AC88580" i="1"/>
  <c r="AC88581" i="1"/>
  <c r="AC88582" i="1"/>
  <c r="AC88583" i="1"/>
  <c r="AC88584" i="1"/>
  <c r="AC88585" i="1"/>
  <c r="AC88586" i="1"/>
  <c r="AC88587" i="1"/>
  <c r="AC88588" i="1"/>
  <c r="AC88589" i="1"/>
  <c r="AC88590" i="1"/>
  <c r="AC88591" i="1"/>
  <c r="AC88592" i="1"/>
  <c r="AC88593" i="1"/>
  <c r="AC88594" i="1"/>
  <c r="AC88595" i="1"/>
  <c r="AC88596" i="1"/>
  <c r="AC88597" i="1"/>
  <c r="AC88598" i="1"/>
  <c r="AC88599" i="1"/>
  <c r="AC88600" i="1"/>
  <c r="AC88601" i="1"/>
  <c r="AC88602" i="1"/>
  <c r="AC88603" i="1"/>
  <c r="AC88604" i="1"/>
  <c r="AC88605" i="1"/>
  <c r="AC88606" i="1"/>
  <c r="AC88607" i="1"/>
  <c r="AC88608" i="1"/>
  <c r="AC88609" i="1"/>
  <c r="AC88610" i="1"/>
  <c r="AC88611" i="1"/>
  <c r="AC88612" i="1"/>
  <c r="AC88613" i="1"/>
  <c r="AC88614" i="1"/>
  <c r="AC88615" i="1"/>
  <c r="AC88616" i="1"/>
  <c r="AC88617" i="1"/>
  <c r="AC88618" i="1"/>
  <c r="AC88619" i="1"/>
  <c r="AC88620" i="1"/>
  <c r="AC88621" i="1"/>
  <c r="AC88622" i="1"/>
  <c r="AC88623" i="1"/>
  <c r="AC88624" i="1"/>
  <c r="AC88625" i="1"/>
  <c r="AC88626" i="1"/>
  <c r="AC88627" i="1"/>
  <c r="AC88628" i="1"/>
  <c r="AC88629" i="1"/>
  <c r="AC88630" i="1"/>
  <c r="AC88631" i="1"/>
  <c r="AC88632" i="1"/>
  <c r="AC88633" i="1"/>
  <c r="AC88634" i="1"/>
  <c r="AC88635" i="1"/>
  <c r="AC88636" i="1"/>
  <c r="AC88637" i="1"/>
  <c r="AC88638" i="1"/>
  <c r="AC88639" i="1"/>
  <c r="AC88640" i="1"/>
  <c r="AC88641" i="1"/>
  <c r="AC88642" i="1"/>
  <c r="AC88643" i="1"/>
  <c r="AC88644" i="1"/>
  <c r="AC88645" i="1"/>
  <c r="AC88646" i="1"/>
  <c r="AC88647" i="1"/>
  <c r="AC88648" i="1"/>
  <c r="AC88649" i="1"/>
  <c r="AC88650" i="1"/>
  <c r="AC88651" i="1"/>
  <c r="AC88652" i="1"/>
  <c r="AC88653" i="1"/>
  <c r="AC88654" i="1"/>
  <c r="AC88655" i="1"/>
  <c r="AC88656" i="1"/>
  <c r="AC88657" i="1"/>
  <c r="AC88658" i="1"/>
  <c r="AC88659" i="1"/>
  <c r="AC88660" i="1"/>
  <c r="AC88661" i="1"/>
  <c r="AC88662" i="1"/>
  <c r="AC88663" i="1"/>
  <c r="AC88664" i="1"/>
  <c r="AC88665" i="1"/>
  <c r="AC88666" i="1"/>
  <c r="AC88667" i="1"/>
  <c r="AC88668" i="1"/>
  <c r="AC88669" i="1"/>
  <c r="AC88670" i="1"/>
  <c r="AC88671" i="1"/>
  <c r="AC88672" i="1"/>
  <c r="AC88673" i="1"/>
  <c r="AC88674" i="1"/>
  <c r="AC88675" i="1"/>
  <c r="AC88676" i="1"/>
  <c r="AC88677" i="1"/>
  <c r="AC88678" i="1"/>
  <c r="AC88679" i="1"/>
  <c r="AC88680" i="1"/>
  <c r="AC88681" i="1"/>
  <c r="AC88682" i="1"/>
  <c r="AC88683" i="1"/>
  <c r="AC88684" i="1"/>
  <c r="AC88685" i="1"/>
  <c r="AC88686" i="1"/>
  <c r="AC88687" i="1"/>
  <c r="AC88688" i="1"/>
  <c r="AC88689" i="1"/>
  <c r="AC88690" i="1"/>
  <c r="AC88691" i="1"/>
  <c r="AC88692" i="1"/>
  <c r="AC88693" i="1"/>
  <c r="AC88694" i="1"/>
  <c r="AC88695" i="1"/>
  <c r="AC88696" i="1"/>
  <c r="AC88697" i="1"/>
  <c r="AC88698" i="1"/>
  <c r="AC88699" i="1"/>
  <c r="AC88700" i="1"/>
  <c r="AC88701" i="1"/>
  <c r="AC88702" i="1"/>
  <c r="AC88703" i="1"/>
  <c r="AC88704" i="1"/>
  <c r="AC88705" i="1"/>
  <c r="AC88706" i="1"/>
  <c r="AC88707" i="1"/>
  <c r="AC88708" i="1"/>
  <c r="AC88709" i="1"/>
  <c r="AC88710" i="1"/>
  <c r="AC88711" i="1"/>
  <c r="AC88712" i="1"/>
  <c r="AC88713" i="1"/>
  <c r="AC88714" i="1"/>
  <c r="AC88715" i="1"/>
  <c r="AC88716" i="1"/>
  <c r="AC88717" i="1"/>
  <c r="AC88718" i="1"/>
  <c r="AC88719" i="1"/>
  <c r="AC88720" i="1"/>
  <c r="AC88721" i="1"/>
  <c r="AC88722" i="1"/>
  <c r="AC88723" i="1"/>
  <c r="AC88724" i="1"/>
  <c r="AC88725" i="1"/>
  <c r="AC88726" i="1"/>
  <c r="AC88727" i="1"/>
  <c r="AC88728" i="1"/>
  <c r="AC88729" i="1"/>
  <c r="AC88730" i="1"/>
  <c r="AC88731" i="1"/>
  <c r="AC88732" i="1"/>
  <c r="AC88733" i="1"/>
  <c r="AC88734" i="1"/>
  <c r="AC88735" i="1"/>
  <c r="AC88736" i="1"/>
  <c r="AC88737" i="1"/>
  <c r="AC88738" i="1"/>
  <c r="AC88739" i="1"/>
  <c r="AC88740" i="1"/>
  <c r="AC88741" i="1"/>
  <c r="AC88742" i="1"/>
  <c r="AC88743" i="1"/>
  <c r="AC88744" i="1"/>
  <c r="AC88745" i="1"/>
  <c r="AC88746" i="1"/>
  <c r="AC88747" i="1"/>
  <c r="AC88748" i="1"/>
  <c r="AC88749" i="1"/>
  <c r="AC88750" i="1"/>
  <c r="AC88751" i="1"/>
  <c r="AC88752" i="1"/>
  <c r="AC88753" i="1"/>
  <c r="AC88754" i="1"/>
  <c r="AC88755" i="1"/>
  <c r="AC88756" i="1"/>
  <c r="AC88757" i="1"/>
  <c r="AC88758" i="1"/>
  <c r="AC88759" i="1"/>
  <c r="AC88760" i="1"/>
  <c r="AC88761" i="1"/>
  <c r="AC88762" i="1"/>
  <c r="AC88763" i="1"/>
  <c r="AC88764" i="1"/>
  <c r="AC88765" i="1"/>
  <c r="AC88766" i="1"/>
  <c r="AC88767" i="1"/>
  <c r="AC88768" i="1"/>
  <c r="AC88769" i="1"/>
  <c r="AC88770" i="1"/>
  <c r="AC88771" i="1"/>
  <c r="AC88772" i="1"/>
  <c r="AC88773" i="1"/>
  <c r="AC88774" i="1"/>
  <c r="AC88775" i="1"/>
  <c r="AC88776" i="1"/>
  <c r="AC88777" i="1"/>
  <c r="AC88778" i="1"/>
  <c r="AC88779" i="1"/>
  <c r="AC88780" i="1"/>
  <c r="AC88781" i="1"/>
  <c r="AC88782" i="1"/>
  <c r="AC88783" i="1"/>
  <c r="AC88784" i="1"/>
  <c r="AC88785" i="1"/>
  <c r="AC88786" i="1"/>
  <c r="AC88787" i="1"/>
  <c r="AC88788" i="1"/>
  <c r="AC88789" i="1"/>
  <c r="AC88790" i="1"/>
  <c r="AC88791" i="1"/>
  <c r="AC88792" i="1"/>
  <c r="AC88793" i="1"/>
  <c r="AC88794" i="1"/>
  <c r="AC88795" i="1"/>
  <c r="AC88796" i="1"/>
  <c r="AC88797" i="1"/>
  <c r="AC88798" i="1"/>
  <c r="AC88799" i="1"/>
  <c r="AC88800" i="1"/>
  <c r="AC88801" i="1"/>
  <c r="AC88802" i="1"/>
  <c r="AC88803" i="1"/>
  <c r="AC88804" i="1"/>
  <c r="AC88805" i="1"/>
  <c r="AC88806" i="1"/>
  <c r="AC88807" i="1"/>
  <c r="AC88808" i="1"/>
  <c r="AC88809" i="1"/>
  <c r="AC88810" i="1"/>
  <c r="AC88811" i="1"/>
  <c r="AC88812" i="1"/>
  <c r="AC88813" i="1"/>
  <c r="AC88814" i="1"/>
  <c r="AC88815" i="1"/>
  <c r="AC88816" i="1"/>
  <c r="AC88817" i="1"/>
  <c r="AC88818" i="1"/>
  <c r="AC88819" i="1"/>
  <c r="AC88820" i="1"/>
  <c r="AC88821" i="1"/>
  <c r="AC88822" i="1"/>
  <c r="AC88823" i="1"/>
  <c r="AC88824" i="1"/>
  <c r="AC88825" i="1"/>
  <c r="AC88826" i="1"/>
  <c r="AC88827" i="1"/>
  <c r="AC88828" i="1"/>
  <c r="AC88829" i="1"/>
  <c r="AC88830" i="1"/>
  <c r="AC88831" i="1"/>
  <c r="AC88832" i="1"/>
  <c r="AC88833" i="1"/>
  <c r="AC88834" i="1"/>
  <c r="AC88835" i="1"/>
  <c r="AC88836" i="1"/>
  <c r="AC88837" i="1"/>
  <c r="AC88838" i="1"/>
  <c r="AC88839" i="1"/>
  <c r="AC88840" i="1"/>
  <c r="AC88841" i="1"/>
  <c r="AC88842" i="1"/>
  <c r="AC88843" i="1"/>
  <c r="AC88844" i="1"/>
  <c r="AC88845" i="1"/>
  <c r="AC88846" i="1"/>
  <c r="AC88847" i="1"/>
  <c r="AC88848" i="1"/>
  <c r="AC88849" i="1"/>
  <c r="AC88850" i="1"/>
  <c r="AC88851" i="1"/>
  <c r="AC88852" i="1"/>
  <c r="AC88853" i="1"/>
  <c r="AC88854" i="1"/>
  <c r="AC88855" i="1"/>
  <c r="AC88856" i="1"/>
  <c r="AC88857" i="1"/>
  <c r="AC88858" i="1"/>
  <c r="AC88859" i="1"/>
  <c r="AC88860" i="1"/>
  <c r="AC88861" i="1"/>
  <c r="AC88862" i="1"/>
  <c r="AC88863" i="1"/>
  <c r="AC88864" i="1"/>
  <c r="AC88865" i="1"/>
  <c r="AC88866" i="1"/>
  <c r="AC88867" i="1"/>
  <c r="AC88868" i="1"/>
  <c r="AC88869" i="1"/>
  <c r="AC88870" i="1"/>
  <c r="AC88871" i="1"/>
  <c r="AC88872" i="1"/>
  <c r="AC88873" i="1"/>
  <c r="AC88874" i="1"/>
  <c r="AC88875" i="1"/>
  <c r="AC88876" i="1"/>
  <c r="AC88877" i="1"/>
  <c r="AC88878" i="1"/>
  <c r="AC88879" i="1"/>
  <c r="AC88880" i="1"/>
  <c r="AC88881" i="1"/>
  <c r="AC88882" i="1"/>
  <c r="AC88883" i="1"/>
  <c r="AC88884" i="1"/>
  <c r="AC88885" i="1"/>
  <c r="AC88886" i="1"/>
  <c r="AC88887" i="1"/>
  <c r="AC88888" i="1"/>
  <c r="AC88889" i="1"/>
  <c r="AC88890" i="1"/>
  <c r="AC88891" i="1"/>
  <c r="AC88892" i="1"/>
  <c r="AC88893" i="1"/>
  <c r="AC88894" i="1"/>
  <c r="AC88895" i="1"/>
  <c r="AC88896" i="1"/>
  <c r="AC88897" i="1"/>
  <c r="AC88898" i="1"/>
  <c r="AC88899" i="1"/>
  <c r="AC88900" i="1"/>
  <c r="AC88901" i="1"/>
  <c r="AC88902" i="1"/>
  <c r="AC88903" i="1"/>
  <c r="AC88904" i="1"/>
  <c r="AC88905" i="1"/>
  <c r="AC88906" i="1"/>
  <c r="AC88907" i="1"/>
  <c r="AC88908" i="1"/>
  <c r="AC88909" i="1"/>
  <c r="AC88910" i="1"/>
  <c r="AC88911" i="1"/>
  <c r="AC88912" i="1"/>
  <c r="AC88913" i="1"/>
  <c r="AC88914" i="1"/>
  <c r="AC88915" i="1"/>
  <c r="AC88916" i="1"/>
  <c r="AC88917" i="1"/>
  <c r="AC88918" i="1"/>
  <c r="AC88919" i="1"/>
  <c r="AC88920" i="1"/>
  <c r="AC88921" i="1"/>
  <c r="AC88922" i="1"/>
  <c r="AC88923" i="1"/>
  <c r="AC88924" i="1"/>
  <c r="AC88925" i="1"/>
  <c r="AC88926" i="1"/>
  <c r="AC88927" i="1"/>
  <c r="AC88928" i="1"/>
  <c r="AC88929" i="1"/>
  <c r="AC88930" i="1"/>
  <c r="AC88931" i="1"/>
  <c r="AC88932" i="1"/>
  <c r="AC88933" i="1"/>
  <c r="AC88934" i="1"/>
  <c r="AC88935" i="1"/>
  <c r="AC88936" i="1"/>
  <c r="AC88937" i="1"/>
  <c r="AC88938" i="1"/>
  <c r="AC88939" i="1"/>
  <c r="AC88940" i="1"/>
  <c r="AC88941" i="1"/>
  <c r="AC88942" i="1"/>
  <c r="AC88943" i="1"/>
  <c r="AC88944" i="1"/>
  <c r="AC88945" i="1"/>
  <c r="AC88946" i="1"/>
  <c r="AC88947" i="1"/>
  <c r="AC88948" i="1"/>
  <c r="AC88949" i="1"/>
  <c r="AC88950" i="1"/>
  <c r="AC88951" i="1"/>
  <c r="AC88952" i="1"/>
  <c r="AC88953" i="1"/>
  <c r="AC88954" i="1"/>
  <c r="AC88955" i="1"/>
  <c r="AC88956" i="1"/>
  <c r="AC88957" i="1"/>
  <c r="AC88958" i="1"/>
  <c r="AC88959" i="1"/>
  <c r="AC88960" i="1"/>
  <c r="AC88961" i="1"/>
  <c r="AC88962" i="1"/>
  <c r="AC88963" i="1"/>
  <c r="AC88964" i="1"/>
  <c r="AC88965" i="1"/>
  <c r="AC88966" i="1"/>
  <c r="AC88967" i="1"/>
  <c r="AC88968" i="1"/>
  <c r="AC88969" i="1"/>
  <c r="AC88970" i="1"/>
  <c r="AC88971" i="1"/>
  <c r="AC88972" i="1"/>
  <c r="AC88973" i="1"/>
  <c r="AC88974" i="1"/>
  <c r="AC88975" i="1"/>
  <c r="AC88976" i="1"/>
  <c r="AC88977" i="1"/>
  <c r="AC88978" i="1"/>
  <c r="AC88979" i="1"/>
  <c r="AC88980" i="1"/>
  <c r="AC88981" i="1"/>
  <c r="AC88982" i="1"/>
  <c r="AC88983" i="1"/>
  <c r="AC88984" i="1"/>
  <c r="AC88985" i="1"/>
  <c r="AC88986" i="1"/>
  <c r="AC88987" i="1"/>
  <c r="AC88988" i="1"/>
  <c r="AC88989" i="1"/>
  <c r="AC88990" i="1"/>
  <c r="AC88991" i="1"/>
  <c r="AC88992" i="1"/>
  <c r="AC88993" i="1"/>
  <c r="AC88994" i="1"/>
  <c r="AC88995" i="1"/>
  <c r="AC88996" i="1"/>
  <c r="AC88997" i="1"/>
  <c r="AC88998" i="1"/>
  <c r="AC88999" i="1"/>
  <c r="AC89000" i="1"/>
  <c r="AC89001" i="1"/>
  <c r="AC89002" i="1"/>
  <c r="AC89003" i="1"/>
  <c r="AC89004" i="1"/>
  <c r="AC89005" i="1"/>
  <c r="AC89006" i="1"/>
  <c r="AC89007" i="1"/>
  <c r="AC89008" i="1"/>
  <c r="AC89009" i="1"/>
  <c r="AC89010" i="1"/>
  <c r="AC89011" i="1"/>
  <c r="AC89012" i="1"/>
  <c r="AC89013" i="1"/>
  <c r="AC89014" i="1"/>
  <c r="AC89015" i="1"/>
  <c r="AC89016" i="1"/>
  <c r="AC89017" i="1"/>
  <c r="AC89018" i="1"/>
  <c r="AC89019" i="1"/>
  <c r="AC89020" i="1"/>
  <c r="AC89021" i="1"/>
  <c r="AC89022" i="1"/>
  <c r="AC89023" i="1"/>
  <c r="AC89024" i="1"/>
  <c r="AC89025" i="1"/>
  <c r="AC89026" i="1"/>
  <c r="AC89027" i="1"/>
  <c r="AC89028" i="1"/>
  <c r="AC89029" i="1"/>
  <c r="AC89030" i="1"/>
  <c r="AC89031" i="1"/>
  <c r="AC89032" i="1"/>
  <c r="AC89033" i="1"/>
  <c r="AC89034" i="1"/>
  <c r="AC89035" i="1"/>
  <c r="AC89036" i="1"/>
  <c r="AC89037" i="1"/>
  <c r="AC89038" i="1"/>
  <c r="AC89039" i="1"/>
  <c r="AC89040" i="1"/>
  <c r="AC89041" i="1"/>
  <c r="AC89042" i="1"/>
  <c r="AC89043" i="1"/>
  <c r="AC89044" i="1"/>
  <c r="AC89045" i="1"/>
  <c r="AC89046" i="1"/>
  <c r="AC89047" i="1"/>
  <c r="AC89048" i="1"/>
  <c r="AC89049" i="1"/>
  <c r="AC89050" i="1"/>
  <c r="AC89051" i="1"/>
  <c r="AC89052" i="1"/>
  <c r="AC89053" i="1"/>
  <c r="AC89054" i="1"/>
  <c r="AC89055" i="1"/>
  <c r="AC89056" i="1"/>
  <c r="AC89057" i="1"/>
  <c r="AC89058" i="1"/>
  <c r="AC89059" i="1"/>
  <c r="AC89060" i="1"/>
  <c r="AC89061" i="1"/>
  <c r="AC89062" i="1"/>
  <c r="AC89063" i="1"/>
  <c r="AC89064" i="1"/>
  <c r="AC89065" i="1"/>
  <c r="AC89066" i="1"/>
  <c r="AC89067" i="1"/>
  <c r="AC89068" i="1"/>
  <c r="AC89069" i="1"/>
  <c r="AC89070" i="1"/>
  <c r="AC89071" i="1"/>
  <c r="AC89072" i="1"/>
  <c r="AC89073" i="1"/>
  <c r="AC89074" i="1"/>
  <c r="AC89075" i="1"/>
  <c r="AC89076" i="1"/>
  <c r="AC89077" i="1"/>
  <c r="AC89078" i="1"/>
  <c r="AC89079" i="1"/>
  <c r="AC89080" i="1"/>
  <c r="AC89081" i="1"/>
  <c r="AC89082" i="1"/>
  <c r="AC89083" i="1"/>
  <c r="AC89084" i="1"/>
  <c r="AC89085" i="1"/>
  <c r="AC89086" i="1"/>
  <c r="AC89087" i="1"/>
  <c r="AC89088" i="1"/>
  <c r="AC89089" i="1"/>
  <c r="AC89090" i="1"/>
  <c r="AC89091" i="1"/>
  <c r="AC89092" i="1"/>
  <c r="AC89093" i="1"/>
  <c r="AC89094" i="1"/>
  <c r="AC89095" i="1"/>
  <c r="AC89096" i="1"/>
  <c r="AC89097" i="1"/>
  <c r="AC89098" i="1"/>
  <c r="AC89099" i="1"/>
  <c r="AC89100" i="1"/>
  <c r="AC89101" i="1"/>
  <c r="AC89102" i="1"/>
  <c r="AC89103" i="1"/>
  <c r="AC89104" i="1"/>
  <c r="AC89105" i="1"/>
  <c r="AC89106" i="1"/>
  <c r="AC89107" i="1"/>
  <c r="AC89108" i="1"/>
  <c r="AC89109" i="1"/>
  <c r="AC89110" i="1"/>
  <c r="AC89111" i="1"/>
  <c r="AC89112" i="1"/>
  <c r="AC89113" i="1"/>
  <c r="AC89114" i="1"/>
  <c r="AC89115" i="1"/>
  <c r="AC89116" i="1"/>
  <c r="AC89117" i="1"/>
  <c r="AC89118" i="1"/>
  <c r="AC89119" i="1"/>
  <c r="AC89120" i="1"/>
  <c r="AC89121" i="1"/>
  <c r="AC89122" i="1"/>
  <c r="AC89123" i="1"/>
  <c r="AC89124" i="1"/>
  <c r="AC89125" i="1"/>
  <c r="AC89126" i="1"/>
  <c r="AC89127" i="1"/>
  <c r="AC89128" i="1"/>
  <c r="AC89129" i="1"/>
  <c r="AC89130" i="1"/>
  <c r="AC89131" i="1"/>
  <c r="AC89132" i="1"/>
  <c r="AC89133" i="1"/>
  <c r="AC89134" i="1"/>
  <c r="AC89135" i="1"/>
  <c r="AC89136" i="1"/>
  <c r="AC89137" i="1"/>
  <c r="AC89138" i="1"/>
  <c r="AC89139" i="1"/>
  <c r="AC89140" i="1"/>
  <c r="AC89141" i="1"/>
  <c r="AC89142" i="1"/>
  <c r="AC89143" i="1"/>
  <c r="AC89144" i="1"/>
  <c r="AC89145" i="1"/>
  <c r="AC89146" i="1"/>
  <c r="AC89147" i="1"/>
  <c r="AC89148" i="1"/>
  <c r="AC89149" i="1"/>
  <c r="AC89150" i="1"/>
  <c r="AC89151" i="1"/>
  <c r="AC89152" i="1"/>
  <c r="AC89153" i="1"/>
  <c r="AC89154" i="1"/>
  <c r="AC89155" i="1"/>
  <c r="AC89156" i="1"/>
  <c r="AC89157" i="1"/>
  <c r="AC89158" i="1"/>
  <c r="AC89159" i="1"/>
  <c r="AC89160" i="1"/>
  <c r="AC89161" i="1"/>
  <c r="AC89162" i="1"/>
  <c r="AC89163" i="1"/>
  <c r="AC89164" i="1"/>
  <c r="AC89165" i="1"/>
  <c r="AC89166" i="1"/>
  <c r="AC89167" i="1"/>
  <c r="AC89168" i="1"/>
  <c r="AC89169" i="1"/>
  <c r="AC89170" i="1"/>
  <c r="AC89171" i="1"/>
  <c r="AC89172" i="1"/>
  <c r="AC89173" i="1"/>
  <c r="AC89174" i="1"/>
  <c r="AC89175" i="1"/>
  <c r="AC89176" i="1"/>
  <c r="AC89177" i="1"/>
  <c r="AC89178" i="1"/>
  <c r="AC89179" i="1"/>
  <c r="AC89180" i="1"/>
  <c r="AC89181" i="1"/>
  <c r="AC89182" i="1"/>
  <c r="AC89183" i="1"/>
  <c r="AC89184" i="1"/>
  <c r="AC89185" i="1"/>
  <c r="AC89186" i="1"/>
  <c r="AC89187" i="1"/>
  <c r="AC89188" i="1"/>
  <c r="AC89189" i="1"/>
  <c r="AC89190" i="1"/>
  <c r="AC89191" i="1"/>
  <c r="AC89192" i="1"/>
  <c r="AC89193" i="1"/>
  <c r="AC89194" i="1"/>
  <c r="AC89195" i="1"/>
  <c r="AC89196" i="1"/>
  <c r="AC89197" i="1"/>
  <c r="AC89198" i="1"/>
  <c r="AC89199" i="1"/>
  <c r="AC89200" i="1"/>
  <c r="AC89201" i="1"/>
  <c r="AC89202" i="1"/>
  <c r="AC89203" i="1"/>
  <c r="AC89204" i="1"/>
  <c r="AC89205" i="1"/>
  <c r="AC89206" i="1"/>
  <c r="AC89207" i="1"/>
  <c r="AC89208" i="1"/>
  <c r="AC89209" i="1"/>
  <c r="AC89210" i="1"/>
  <c r="AC89211" i="1"/>
  <c r="AC89212" i="1"/>
  <c r="AC89213" i="1"/>
  <c r="AC89214" i="1"/>
  <c r="AC89215" i="1"/>
  <c r="AC89216" i="1"/>
  <c r="AC89217" i="1"/>
  <c r="AC89218" i="1"/>
  <c r="AC89219" i="1"/>
  <c r="AC89220" i="1"/>
  <c r="AC89221" i="1"/>
  <c r="AC89222" i="1"/>
  <c r="AC89223" i="1"/>
  <c r="AC89224" i="1"/>
  <c r="AC89225" i="1"/>
  <c r="AC89226" i="1"/>
  <c r="AC89227" i="1"/>
  <c r="AC89228" i="1"/>
  <c r="AC89229" i="1"/>
  <c r="AC89230" i="1"/>
  <c r="AC89231" i="1"/>
  <c r="AC89232" i="1"/>
  <c r="AC89233" i="1"/>
  <c r="AC89234" i="1"/>
  <c r="AC89235" i="1"/>
  <c r="AC89236" i="1"/>
  <c r="AC89237" i="1"/>
  <c r="AC89238" i="1"/>
  <c r="AC89239" i="1"/>
  <c r="AC89240" i="1"/>
  <c r="AC89241" i="1"/>
  <c r="AC89242" i="1"/>
  <c r="AC89243" i="1"/>
  <c r="AC89244" i="1"/>
  <c r="AC89245" i="1"/>
  <c r="AC89246" i="1"/>
  <c r="AC89247" i="1"/>
  <c r="AC89248" i="1"/>
  <c r="AC89249" i="1"/>
  <c r="AC89250" i="1"/>
  <c r="AC89251" i="1"/>
  <c r="AC89252" i="1"/>
  <c r="AC89253" i="1"/>
  <c r="AC89254" i="1"/>
  <c r="AC89255" i="1"/>
  <c r="AC89256" i="1"/>
  <c r="AC89257" i="1"/>
  <c r="AC89258" i="1"/>
  <c r="AC89259" i="1"/>
  <c r="AC89260" i="1"/>
  <c r="AC89261" i="1"/>
  <c r="AC89262" i="1"/>
  <c r="AC89263" i="1"/>
  <c r="AC89264" i="1"/>
  <c r="AC89265" i="1"/>
  <c r="AC89266" i="1"/>
  <c r="AC89267" i="1"/>
  <c r="AC89268" i="1"/>
  <c r="AC89269" i="1"/>
  <c r="AC89270" i="1"/>
  <c r="AC89271" i="1"/>
  <c r="AC89272" i="1"/>
  <c r="AC89273" i="1"/>
  <c r="AC89274" i="1"/>
  <c r="AC89275" i="1"/>
  <c r="AC89276" i="1"/>
  <c r="AC89277" i="1"/>
  <c r="AC89278" i="1"/>
  <c r="AC89279" i="1"/>
  <c r="AC89280" i="1"/>
  <c r="AC89281" i="1"/>
  <c r="AC89282" i="1"/>
  <c r="AC89283" i="1"/>
  <c r="AC89284" i="1"/>
  <c r="AC89285" i="1"/>
  <c r="AC89286" i="1"/>
  <c r="AC89287" i="1"/>
  <c r="AC89288" i="1"/>
  <c r="AC89289" i="1"/>
  <c r="AC89290" i="1"/>
  <c r="AC89291" i="1"/>
  <c r="AC89292" i="1"/>
  <c r="AC89293" i="1"/>
  <c r="AC89294" i="1"/>
  <c r="AC89295" i="1"/>
  <c r="AC89296" i="1"/>
  <c r="AC89297" i="1"/>
  <c r="AC89298" i="1"/>
  <c r="AC89299" i="1"/>
  <c r="AC89300" i="1"/>
  <c r="AC89301" i="1"/>
  <c r="AC89302" i="1"/>
  <c r="AC89303" i="1"/>
  <c r="AC89304" i="1"/>
  <c r="AC89305" i="1"/>
  <c r="AC89306" i="1"/>
  <c r="AC89307" i="1"/>
  <c r="AC89308" i="1"/>
  <c r="AC89309" i="1"/>
  <c r="AC89310" i="1"/>
  <c r="AC89311" i="1"/>
  <c r="AC89312" i="1"/>
  <c r="AC89313" i="1"/>
  <c r="AC89314" i="1"/>
  <c r="AC89315" i="1"/>
  <c r="AC89316" i="1"/>
  <c r="AC89317" i="1"/>
  <c r="AC89318" i="1"/>
  <c r="AC89319" i="1"/>
  <c r="AC89320" i="1"/>
  <c r="AC89321" i="1"/>
  <c r="AC89322" i="1"/>
  <c r="AC89323" i="1"/>
  <c r="AC89324" i="1"/>
  <c r="AC89325" i="1"/>
  <c r="AC89326" i="1"/>
  <c r="AC89327" i="1"/>
  <c r="AC89328" i="1"/>
  <c r="AC89329" i="1"/>
  <c r="AC89330" i="1"/>
  <c r="AC89331" i="1"/>
  <c r="AC89332" i="1"/>
  <c r="AC89333" i="1"/>
  <c r="AC89334" i="1"/>
  <c r="AC89335" i="1"/>
  <c r="AC89336" i="1"/>
  <c r="AC89337" i="1"/>
  <c r="AC89338" i="1"/>
  <c r="AC89339" i="1"/>
  <c r="AC89340" i="1"/>
  <c r="AC89341" i="1"/>
  <c r="AC89342" i="1"/>
  <c r="AC89343" i="1"/>
  <c r="AC89344" i="1"/>
  <c r="AC89345" i="1"/>
  <c r="AC89346" i="1"/>
  <c r="AC89347" i="1"/>
  <c r="AC89348" i="1"/>
  <c r="AC89349" i="1"/>
  <c r="AC89350" i="1"/>
  <c r="AC89351" i="1"/>
  <c r="AC89352" i="1"/>
  <c r="AC89353" i="1"/>
  <c r="AC89354" i="1"/>
  <c r="AC89355" i="1"/>
  <c r="AC89356" i="1"/>
  <c r="AC89357" i="1"/>
  <c r="AC89358" i="1"/>
  <c r="AC89359" i="1"/>
  <c r="AC89360" i="1"/>
  <c r="AC89361" i="1"/>
  <c r="AC89362" i="1"/>
  <c r="AC89363" i="1"/>
  <c r="AC89364" i="1"/>
  <c r="AC89365" i="1"/>
  <c r="AC89366" i="1"/>
  <c r="AC89367" i="1"/>
  <c r="AC89368" i="1"/>
  <c r="AC89369" i="1"/>
  <c r="AC89370" i="1"/>
  <c r="AC89371" i="1"/>
  <c r="AC89372" i="1"/>
  <c r="AC89373" i="1"/>
  <c r="AC89374" i="1"/>
  <c r="AC89375" i="1"/>
  <c r="AC89376" i="1"/>
  <c r="AC89377" i="1"/>
  <c r="AC89378" i="1"/>
  <c r="AC89379" i="1"/>
  <c r="AC89380" i="1"/>
  <c r="AC89381" i="1"/>
  <c r="AC89382" i="1"/>
  <c r="AC89383" i="1"/>
  <c r="AC89384" i="1"/>
  <c r="AC89385" i="1"/>
  <c r="AC89386" i="1"/>
  <c r="AC89387" i="1"/>
  <c r="AC89388" i="1"/>
  <c r="AC89389" i="1"/>
  <c r="AC89390" i="1"/>
  <c r="AC89391" i="1"/>
  <c r="AC89392" i="1"/>
  <c r="AC89393" i="1"/>
  <c r="AC89394" i="1"/>
  <c r="AC89395" i="1"/>
  <c r="AC89396" i="1"/>
  <c r="AC89397" i="1"/>
  <c r="AC89398" i="1"/>
  <c r="AC89399" i="1"/>
  <c r="AC89400" i="1"/>
  <c r="AC89401" i="1"/>
  <c r="AC89402" i="1"/>
  <c r="AC89403" i="1"/>
  <c r="AC89404" i="1"/>
  <c r="AC89405" i="1"/>
  <c r="AC89406" i="1"/>
  <c r="AC89407" i="1"/>
  <c r="AC89408" i="1"/>
  <c r="AC89409" i="1"/>
  <c r="AC89410" i="1"/>
  <c r="AC89411" i="1"/>
  <c r="AC89412" i="1"/>
  <c r="AC89413" i="1"/>
  <c r="AC89414" i="1"/>
  <c r="AC89415" i="1"/>
  <c r="AC89416" i="1"/>
  <c r="AC89417" i="1"/>
  <c r="AC89418" i="1"/>
  <c r="AC89419" i="1"/>
  <c r="AC89420" i="1"/>
  <c r="AC89421" i="1"/>
  <c r="AC89422" i="1"/>
  <c r="AC89423" i="1"/>
  <c r="AC89424" i="1"/>
  <c r="AC89425" i="1"/>
  <c r="AC89426" i="1"/>
  <c r="AC89427" i="1"/>
  <c r="AC89428" i="1"/>
  <c r="AC89429" i="1"/>
  <c r="AC89430" i="1"/>
  <c r="AC89431" i="1"/>
  <c r="AC89432" i="1"/>
  <c r="AC89433" i="1"/>
  <c r="AC89434" i="1"/>
  <c r="AC89435" i="1"/>
  <c r="AC89436" i="1"/>
  <c r="AC89437" i="1"/>
  <c r="AC89438" i="1"/>
  <c r="AC89439" i="1"/>
  <c r="AC89440" i="1"/>
  <c r="AC89441" i="1"/>
  <c r="AC89442" i="1"/>
  <c r="AC89443" i="1"/>
  <c r="AC89444" i="1"/>
  <c r="AC89445" i="1"/>
  <c r="AC89446" i="1"/>
  <c r="AC89447" i="1"/>
  <c r="AC89448" i="1"/>
  <c r="AC89449" i="1"/>
  <c r="AC89450" i="1"/>
  <c r="AC89451" i="1"/>
  <c r="AC89452" i="1"/>
  <c r="AC89453" i="1"/>
  <c r="AC89454" i="1"/>
  <c r="AC89455" i="1"/>
  <c r="AC89456" i="1"/>
  <c r="AC89457" i="1"/>
  <c r="AC89458" i="1"/>
  <c r="AC89459" i="1"/>
  <c r="AC89460" i="1"/>
  <c r="AC89461" i="1"/>
  <c r="AC89462" i="1"/>
  <c r="AC89463" i="1"/>
  <c r="AC89464" i="1"/>
  <c r="AC89465" i="1"/>
  <c r="AC89466" i="1"/>
  <c r="AC89467" i="1"/>
  <c r="AC89468" i="1"/>
  <c r="AC89469" i="1"/>
  <c r="AC89470" i="1"/>
  <c r="AC89471" i="1"/>
  <c r="AC89472" i="1"/>
  <c r="AC89473" i="1"/>
  <c r="AC89474" i="1"/>
  <c r="AC89475" i="1"/>
  <c r="AC89476" i="1"/>
  <c r="AC89477" i="1"/>
  <c r="AC89478" i="1"/>
  <c r="AC89479" i="1"/>
  <c r="AC89480" i="1"/>
  <c r="AC89481" i="1"/>
  <c r="AC89482" i="1"/>
  <c r="AC89483" i="1"/>
  <c r="AC89484" i="1"/>
  <c r="AC89485" i="1"/>
  <c r="AC89486" i="1"/>
  <c r="AC89487" i="1"/>
  <c r="AC89488" i="1"/>
  <c r="AC89489" i="1"/>
  <c r="AC89490" i="1"/>
  <c r="AC89491" i="1"/>
  <c r="AC89492" i="1"/>
  <c r="AC89493" i="1"/>
  <c r="AC89494" i="1"/>
  <c r="AC89495" i="1"/>
  <c r="AC89496" i="1"/>
  <c r="AC89497" i="1"/>
  <c r="AC89498" i="1"/>
  <c r="AC89499" i="1"/>
  <c r="AC89500" i="1"/>
  <c r="AC89501" i="1"/>
  <c r="AC89502" i="1"/>
  <c r="AC89503" i="1"/>
  <c r="AC89504" i="1"/>
  <c r="AC89505" i="1"/>
  <c r="AC89506" i="1"/>
  <c r="AC89507" i="1"/>
  <c r="AC89508" i="1"/>
  <c r="AC89509" i="1"/>
  <c r="AC89510" i="1"/>
  <c r="AC89511" i="1"/>
  <c r="AC89512" i="1"/>
  <c r="AC89513" i="1"/>
  <c r="AC89514" i="1"/>
  <c r="AC89515" i="1"/>
  <c r="AC89516" i="1"/>
  <c r="AC89517" i="1"/>
  <c r="AC89518" i="1"/>
  <c r="AC89519" i="1"/>
  <c r="AC89520" i="1"/>
  <c r="AC89521" i="1"/>
  <c r="AC89522" i="1"/>
  <c r="AC89523" i="1"/>
  <c r="AC89524" i="1"/>
  <c r="AC89525" i="1"/>
  <c r="AC89526" i="1"/>
  <c r="AC89527" i="1"/>
  <c r="AC89528" i="1"/>
  <c r="AC89529" i="1"/>
  <c r="AC89530" i="1"/>
  <c r="AC89531" i="1"/>
  <c r="AC89532" i="1"/>
  <c r="AC89533" i="1"/>
  <c r="AC89534" i="1"/>
  <c r="AC89535" i="1"/>
  <c r="AC89536" i="1"/>
  <c r="AC89537" i="1"/>
  <c r="AC89538" i="1"/>
  <c r="AC89539" i="1"/>
  <c r="AC89540" i="1"/>
  <c r="AC89541" i="1"/>
  <c r="AC89542" i="1"/>
  <c r="AC89543" i="1"/>
  <c r="AC89544" i="1"/>
  <c r="AC89545" i="1"/>
  <c r="AC89546" i="1"/>
  <c r="AC89547" i="1"/>
  <c r="AC89548" i="1"/>
  <c r="AC89549" i="1"/>
  <c r="AC89550" i="1"/>
  <c r="AC89551" i="1"/>
  <c r="AC89552" i="1"/>
  <c r="AC89553" i="1"/>
  <c r="AC89554" i="1"/>
  <c r="AC89555" i="1"/>
  <c r="AC89556" i="1"/>
  <c r="AC89557" i="1"/>
  <c r="AC89558" i="1"/>
  <c r="AC89559" i="1"/>
  <c r="AC89560" i="1"/>
  <c r="AC89561" i="1"/>
  <c r="AC89562" i="1"/>
  <c r="AC89563" i="1"/>
  <c r="AC89564" i="1"/>
  <c r="AC89565" i="1"/>
  <c r="AC89566" i="1"/>
  <c r="AC89567" i="1"/>
  <c r="AC89568" i="1"/>
  <c r="AC89569" i="1"/>
  <c r="AC89570" i="1"/>
  <c r="AC89571" i="1"/>
  <c r="AC89572" i="1"/>
  <c r="AC89573" i="1"/>
  <c r="AC89574" i="1"/>
  <c r="AC89575" i="1"/>
  <c r="AC89576" i="1"/>
  <c r="AC89577" i="1"/>
  <c r="AC89578" i="1"/>
  <c r="AC89579" i="1"/>
  <c r="AC89580" i="1"/>
  <c r="AC89581" i="1"/>
  <c r="AC89582" i="1"/>
  <c r="AC89583" i="1"/>
  <c r="AC89584" i="1"/>
  <c r="AC89585" i="1"/>
  <c r="AC89586" i="1"/>
  <c r="AC89587" i="1"/>
  <c r="AC89588" i="1"/>
  <c r="AC89589" i="1"/>
  <c r="AC89590" i="1"/>
  <c r="AC89591" i="1"/>
  <c r="AC89592" i="1"/>
  <c r="AC89593" i="1"/>
  <c r="AC89594" i="1"/>
  <c r="AC89595" i="1"/>
  <c r="AC89596" i="1"/>
  <c r="AC89597" i="1"/>
  <c r="AC89598" i="1"/>
  <c r="AC89599" i="1"/>
  <c r="AC89600" i="1"/>
  <c r="AC89601" i="1"/>
  <c r="AC89602" i="1"/>
  <c r="AC89603" i="1"/>
  <c r="AC89604" i="1"/>
  <c r="AC89605" i="1"/>
  <c r="AC89606" i="1"/>
  <c r="AC89607" i="1"/>
  <c r="AC89608" i="1"/>
  <c r="AC89609" i="1"/>
  <c r="AC89610" i="1"/>
  <c r="AC89611" i="1"/>
  <c r="AC89612" i="1"/>
  <c r="AC89613" i="1"/>
  <c r="AC89614" i="1"/>
  <c r="AC89615" i="1"/>
  <c r="AC89616" i="1"/>
  <c r="AC89617" i="1"/>
  <c r="AC89618" i="1"/>
  <c r="AC89619" i="1"/>
  <c r="AC89620" i="1"/>
  <c r="AC89621" i="1"/>
  <c r="AC89622" i="1"/>
  <c r="AC89623" i="1"/>
  <c r="AC89624" i="1"/>
  <c r="AC89625" i="1"/>
  <c r="AC89626" i="1"/>
  <c r="AC89627" i="1"/>
  <c r="AC89628" i="1"/>
  <c r="AC89629" i="1"/>
  <c r="AC89630" i="1"/>
  <c r="AC89631" i="1"/>
  <c r="AC89632" i="1"/>
  <c r="AC89633" i="1"/>
  <c r="AC89634" i="1"/>
  <c r="AC89635" i="1"/>
  <c r="AC89636" i="1"/>
  <c r="AC89637" i="1"/>
  <c r="AC89638" i="1"/>
  <c r="AC89639" i="1"/>
  <c r="AC89640" i="1"/>
  <c r="AC89641" i="1"/>
  <c r="AC89642" i="1"/>
  <c r="AC89643" i="1"/>
  <c r="AC89644" i="1"/>
  <c r="AC89645" i="1"/>
  <c r="AC89646" i="1"/>
  <c r="AC89647" i="1"/>
  <c r="AC89648" i="1"/>
  <c r="AC89649" i="1"/>
  <c r="AC89650" i="1"/>
  <c r="AC89651" i="1"/>
  <c r="AC89652" i="1"/>
  <c r="AC89653" i="1"/>
  <c r="AC89654" i="1"/>
  <c r="AC89655" i="1"/>
  <c r="AC89656" i="1"/>
  <c r="AC89657" i="1"/>
  <c r="AC89658" i="1"/>
  <c r="AC89659" i="1"/>
  <c r="AC89660" i="1"/>
  <c r="AC89661" i="1"/>
  <c r="AC89662" i="1"/>
  <c r="AC89663" i="1"/>
  <c r="AC89664" i="1"/>
  <c r="AC89665" i="1"/>
  <c r="AC89666" i="1"/>
  <c r="AC89667" i="1"/>
  <c r="AC89668" i="1"/>
  <c r="AC89669" i="1"/>
  <c r="AC89670" i="1"/>
  <c r="AC89671" i="1"/>
  <c r="AC89672" i="1"/>
  <c r="AC89673" i="1"/>
  <c r="AC89674" i="1"/>
  <c r="AC89675" i="1"/>
  <c r="AC89676" i="1"/>
  <c r="AC89677" i="1"/>
  <c r="AC89678" i="1"/>
  <c r="AC89679" i="1"/>
  <c r="AC89680" i="1"/>
  <c r="AC89681" i="1"/>
  <c r="AC89682" i="1"/>
  <c r="AC89683" i="1"/>
  <c r="AC89684" i="1"/>
  <c r="AC89685" i="1"/>
  <c r="AC89686" i="1"/>
  <c r="AC89687" i="1"/>
  <c r="AC89688" i="1"/>
  <c r="AC89689" i="1"/>
  <c r="AC89690" i="1"/>
  <c r="AC89691" i="1"/>
  <c r="AC89692" i="1"/>
  <c r="AC89693" i="1"/>
  <c r="AC89694" i="1"/>
  <c r="AC89695" i="1"/>
  <c r="AC89696" i="1"/>
  <c r="AC89697" i="1"/>
  <c r="AC89698" i="1"/>
  <c r="AC89699" i="1"/>
  <c r="AC89700" i="1"/>
  <c r="AC89701" i="1"/>
  <c r="AC89702" i="1"/>
  <c r="AC89703" i="1"/>
  <c r="AC89704" i="1"/>
  <c r="AC89705" i="1"/>
  <c r="AC89706" i="1"/>
  <c r="AC89707" i="1"/>
  <c r="AC89708" i="1"/>
  <c r="AC89709" i="1"/>
  <c r="AC89710" i="1"/>
  <c r="AC89711" i="1"/>
  <c r="AC89712" i="1"/>
  <c r="AC89713" i="1"/>
  <c r="AC89714" i="1"/>
  <c r="AC89715" i="1"/>
  <c r="AC89716" i="1"/>
  <c r="AC89717" i="1"/>
  <c r="AC89718" i="1"/>
  <c r="AC89719" i="1"/>
  <c r="AC89720" i="1"/>
  <c r="AC89721" i="1"/>
  <c r="AC89722" i="1"/>
  <c r="AC89723" i="1"/>
  <c r="AC89724" i="1"/>
  <c r="AC89725" i="1"/>
  <c r="AC89726" i="1"/>
  <c r="AC89727" i="1"/>
  <c r="AC89728" i="1"/>
  <c r="AC89729" i="1"/>
  <c r="AC89730" i="1"/>
  <c r="AC89731" i="1"/>
  <c r="AC89732" i="1"/>
  <c r="AC89733" i="1"/>
  <c r="AC89734" i="1"/>
  <c r="AC89735" i="1"/>
  <c r="AC89736" i="1"/>
  <c r="AC89737" i="1"/>
  <c r="AC89738" i="1"/>
  <c r="AC89739" i="1"/>
  <c r="AC89740" i="1"/>
  <c r="AC89741" i="1"/>
  <c r="AC89742" i="1"/>
  <c r="AC89743" i="1"/>
  <c r="AC89744" i="1"/>
  <c r="AC89745" i="1"/>
  <c r="AC89746" i="1"/>
  <c r="AC89747" i="1"/>
  <c r="AC89748" i="1"/>
  <c r="AC89749" i="1"/>
  <c r="AC89750" i="1"/>
  <c r="AC89751" i="1"/>
  <c r="AC89752" i="1"/>
  <c r="AC89753" i="1"/>
  <c r="AC89754" i="1"/>
  <c r="AC89755" i="1"/>
  <c r="AC89756" i="1"/>
  <c r="AC89757" i="1"/>
  <c r="AC89758" i="1"/>
  <c r="AC89759" i="1"/>
  <c r="AC89760" i="1"/>
  <c r="AC89761" i="1"/>
  <c r="AC89762" i="1"/>
  <c r="AC89763" i="1"/>
  <c r="AC89764" i="1"/>
  <c r="AC89765" i="1"/>
  <c r="AC89766" i="1"/>
  <c r="AC89767" i="1"/>
  <c r="AC89768" i="1"/>
  <c r="AC89769" i="1"/>
  <c r="AC89770" i="1"/>
  <c r="AC89771" i="1"/>
  <c r="AC89772" i="1"/>
  <c r="AC89773" i="1"/>
  <c r="AC89774" i="1"/>
  <c r="AC89775" i="1"/>
  <c r="AC89776" i="1"/>
  <c r="AC89777" i="1"/>
  <c r="AC89778" i="1"/>
  <c r="AC89779" i="1"/>
  <c r="AC89780" i="1"/>
  <c r="AC89781" i="1"/>
  <c r="AC89782" i="1"/>
  <c r="AC89783" i="1"/>
  <c r="AC89784" i="1"/>
  <c r="AC89785" i="1"/>
  <c r="AC89786" i="1"/>
  <c r="AC89787" i="1"/>
  <c r="AC89788" i="1"/>
  <c r="AC89789" i="1"/>
  <c r="AC89790" i="1"/>
  <c r="AC89791" i="1"/>
  <c r="AC89792" i="1"/>
  <c r="AC89793" i="1"/>
  <c r="AC89794" i="1"/>
  <c r="AC89795" i="1"/>
  <c r="AC89796" i="1"/>
  <c r="AC89797" i="1"/>
  <c r="AC89798" i="1"/>
  <c r="AC89799" i="1"/>
  <c r="AC89800" i="1"/>
  <c r="AC89801" i="1"/>
  <c r="AC89802" i="1"/>
  <c r="AC89803" i="1"/>
  <c r="AC89804" i="1"/>
  <c r="AC89805" i="1"/>
  <c r="AC89806" i="1"/>
  <c r="AC89807" i="1"/>
  <c r="AC89808" i="1"/>
  <c r="AC89809" i="1"/>
  <c r="AC89810" i="1"/>
  <c r="AC89811" i="1"/>
  <c r="AC89812" i="1"/>
  <c r="AC89813" i="1"/>
  <c r="AC89814" i="1"/>
  <c r="AC89815" i="1"/>
  <c r="AC89816" i="1"/>
  <c r="AC89817" i="1"/>
  <c r="AC89818" i="1"/>
  <c r="AC89819" i="1"/>
  <c r="AC89820" i="1"/>
  <c r="AC89821" i="1"/>
  <c r="AC89822" i="1"/>
  <c r="AC89823" i="1"/>
  <c r="AC89824" i="1"/>
  <c r="AC89825" i="1"/>
  <c r="AC89826" i="1"/>
  <c r="AC89827" i="1"/>
  <c r="AC89828" i="1"/>
  <c r="AC89829" i="1"/>
  <c r="AC89830" i="1"/>
  <c r="AC89831" i="1"/>
  <c r="AC89832" i="1"/>
  <c r="AC89833" i="1"/>
  <c r="AC89834" i="1"/>
  <c r="AC89835" i="1"/>
  <c r="AC89836" i="1"/>
  <c r="AC89837" i="1"/>
  <c r="AC89838" i="1"/>
  <c r="AC89839" i="1"/>
  <c r="AC89840" i="1"/>
  <c r="AC89841" i="1"/>
  <c r="AC89842" i="1"/>
  <c r="AC89843" i="1"/>
  <c r="AC89844" i="1"/>
  <c r="AC89845" i="1"/>
  <c r="AC89846" i="1"/>
  <c r="AC89847" i="1"/>
  <c r="AC89848" i="1"/>
  <c r="AC89849" i="1"/>
  <c r="AC89850" i="1"/>
  <c r="AC89851" i="1"/>
  <c r="AC89852" i="1"/>
  <c r="AC89853" i="1"/>
  <c r="AC89854" i="1"/>
  <c r="AC89855" i="1"/>
  <c r="AC89856" i="1"/>
  <c r="AC89857" i="1"/>
  <c r="AC89858" i="1"/>
  <c r="AC89859" i="1"/>
  <c r="AC89860" i="1"/>
  <c r="AC89861" i="1"/>
  <c r="AC89862" i="1"/>
  <c r="AC89863" i="1"/>
  <c r="AC89864" i="1"/>
  <c r="AC89865" i="1"/>
  <c r="AC89866" i="1"/>
  <c r="AC89867" i="1"/>
  <c r="AC89868" i="1"/>
  <c r="AC89869" i="1"/>
  <c r="AC89870" i="1"/>
  <c r="AC89871" i="1"/>
  <c r="AC89872" i="1"/>
  <c r="AC89873" i="1"/>
  <c r="AC89874" i="1"/>
  <c r="AC89875" i="1"/>
  <c r="AC89876" i="1"/>
  <c r="AC89877" i="1"/>
  <c r="AC89878" i="1"/>
  <c r="AC89879" i="1"/>
  <c r="AC89880" i="1"/>
  <c r="AC89881" i="1"/>
  <c r="AC89882" i="1"/>
  <c r="AC89883" i="1"/>
  <c r="AC89884" i="1"/>
  <c r="AC89885" i="1"/>
  <c r="AC89886" i="1"/>
  <c r="AC89887" i="1"/>
  <c r="AC89888" i="1"/>
  <c r="AC89889" i="1"/>
  <c r="AC89890" i="1"/>
  <c r="AC89891" i="1"/>
  <c r="AC89892" i="1"/>
  <c r="AC89893" i="1"/>
  <c r="AC89894" i="1"/>
  <c r="AC89895" i="1"/>
  <c r="AC89896" i="1"/>
  <c r="AC89897" i="1"/>
  <c r="AC89898" i="1"/>
  <c r="AC89899" i="1"/>
  <c r="AC89900" i="1"/>
  <c r="AC89901" i="1"/>
  <c r="AC89902" i="1"/>
  <c r="AC89903" i="1"/>
  <c r="AC89904" i="1"/>
  <c r="AC89905" i="1"/>
  <c r="AC89906" i="1"/>
  <c r="AC89907" i="1"/>
  <c r="AC89908" i="1"/>
  <c r="AC89909" i="1"/>
  <c r="AC89910" i="1"/>
  <c r="AC89911" i="1"/>
  <c r="AC89912" i="1"/>
  <c r="AC89913" i="1"/>
  <c r="AC89914" i="1"/>
  <c r="AC89915" i="1"/>
  <c r="AC89916" i="1"/>
  <c r="AC89917" i="1"/>
  <c r="AC89918" i="1"/>
  <c r="AC89919" i="1"/>
  <c r="AC89920" i="1"/>
  <c r="AC89921" i="1"/>
  <c r="AC89922" i="1"/>
  <c r="AC89923" i="1"/>
  <c r="AC89924" i="1"/>
  <c r="AC89925" i="1"/>
  <c r="AC89926" i="1"/>
  <c r="AC89927" i="1"/>
  <c r="AC89928" i="1"/>
  <c r="AC89929" i="1"/>
  <c r="AC89930" i="1"/>
  <c r="AC89931" i="1"/>
  <c r="AC89932" i="1"/>
  <c r="AC89933" i="1"/>
  <c r="AC89934" i="1"/>
  <c r="AC89935" i="1"/>
  <c r="AC89936" i="1"/>
  <c r="AC89937" i="1"/>
  <c r="AC89938" i="1"/>
  <c r="AC89939" i="1"/>
  <c r="AC89940" i="1"/>
  <c r="AC89941" i="1"/>
  <c r="AC89942" i="1"/>
  <c r="AC89943" i="1"/>
  <c r="AC89944" i="1"/>
  <c r="AC89945" i="1"/>
  <c r="AC89946" i="1"/>
  <c r="AC89947" i="1"/>
  <c r="AC89948" i="1"/>
  <c r="AC89949" i="1"/>
  <c r="AC89950" i="1"/>
  <c r="AC89951" i="1"/>
  <c r="AC89952" i="1"/>
  <c r="AC89953" i="1"/>
  <c r="AC89954" i="1"/>
  <c r="AC89955" i="1"/>
  <c r="AC89956" i="1"/>
  <c r="AC89957" i="1"/>
  <c r="AC89958" i="1"/>
  <c r="AC89959" i="1"/>
  <c r="AC89960" i="1"/>
  <c r="AC89961" i="1"/>
  <c r="AC89962" i="1"/>
  <c r="AC89963" i="1"/>
  <c r="AC89964" i="1"/>
  <c r="AC89965" i="1"/>
  <c r="AC89966" i="1"/>
  <c r="AC89967" i="1"/>
  <c r="AC89968" i="1"/>
  <c r="AC89969" i="1"/>
  <c r="AC89970" i="1"/>
  <c r="AC89971" i="1"/>
  <c r="AC89972" i="1"/>
  <c r="AC89973" i="1"/>
  <c r="AC89974" i="1"/>
  <c r="AC89975" i="1"/>
  <c r="AC89976" i="1"/>
  <c r="AC89977" i="1"/>
  <c r="AC89978" i="1"/>
  <c r="AC89979" i="1"/>
  <c r="AC89980" i="1"/>
  <c r="AC89981" i="1"/>
  <c r="AC89982" i="1"/>
  <c r="AC89983" i="1"/>
  <c r="AC89984" i="1"/>
  <c r="AC89985" i="1"/>
  <c r="AC89986" i="1"/>
  <c r="AC89987" i="1"/>
  <c r="AC89988" i="1"/>
  <c r="AC89989" i="1"/>
  <c r="AC89990" i="1"/>
  <c r="AC89991" i="1"/>
  <c r="AC89992" i="1"/>
  <c r="AC89993" i="1"/>
  <c r="AC89994" i="1"/>
  <c r="AC89995" i="1"/>
  <c r="AC89996" i="1"/>
  <c r="AC89997" i="1"/>
  <c r="AC89998" i="1"/>
  <c r="AC89999" i="1"/>
  <c r="AC90000" i="1"/>
  <c r="AC90001" i="1"/>
  <c r="AC90002" i="1"/>
  <c r="AC90003" i="1"/>
  <c r="AC90004" i="1"/>
  <c r="AC90005" i="1"/>
  <c r="AC90006" i="1"/>
  <c r="AC90007" i="1"/>
  <c r="AC90008" i="1"/>
  <c r="AC90009" i="1"/>
  <c r="AC90010" i="1"/>
  <c r="AC90011" i="1"/>
  <c r="AC90012" i="1"/>
  <c r="AC90013" i="1"/>
  <c r="AC90014" i="1"/>
  <c r="AC90015" i="1"/>
  <c r="AC90016" i="1"/>
  <c r="AC90017" i="1"/>
  <c r="AC90018" i="1"/>
  <c r="AC90019" i="1"/>
  <c r="AC90020" i="1"/>
  <c r="AC90021" i="1"/>
  <c r="AC90022" i="1"/>
  <c r="AC90023" i="1"/>
  <c r="AC90024" i="1"/>
  <c r="AC90025" i="1"/>
  <c r="AC90026" i="1"/>
  <c r="AC90027" i="1"/>
  <c r="AC90028" i="1"/>
  <c r="AC90029" i="1"/>
  <c r="AC90030" i="1"/>
  <c r="AC90031" i="1"/>
  <c r="AC90032" i="1"/>
  <c r="AC90033" i="1"/>
  <c r="AC90034" i="1"/>
  <c r="AC90035" i="1"/>
  <c r="AC90036" i="1"/>
  <c r="AC90037" i="1"/>
  <c r="AC90038" i="1"/>
  <c r="AC90039" i="1"/>
  <c r="AC90040" i="1"/>
  <c r="AC90041" i="1"/>
  <c r="AC90042" i="1"/>
  <c r="AC90043" i="1"/>
  <c r="AC90044" i="1"/>
  <c r="AC90045" i="1"/>
  <c r="AC90046" i="1"/>
  <c r="AC90047" i="1"/>
  <c r="AC90048" i="1"/>
  <c r="AC90049" i="1"/>
  <c r="AC90050" i="1"/>
  <c r="AC90051" i="1"/>
  <c r="AC90052" i="1"/>
  <c r="AC90053" i="1"/>
  <c r="AC90054" i="1"/>
  <c r="AC90055" i="1"/>
  <c r="AC90056" i="1"/>
  <c r="AC90057" i="1"/>
  <c r="AC90058" i="1"/>
  <c r="AC90059" i="1"/>
  <c r="AC90060" i="1"/>
  <c r="AC90061" i="1"/>
  <c r="AC90062" i="1"/>
  <c r="AC90063" i="1"/>
  <c r="AC90064" i="1"/>
  <c r="AC90065" i="1"/>
  <c r="AC90066" i="1"/>
  <c r="AC90067" i="1"/>
  <c r="AC90068" i="1"/>
  <c r="AC90069" i="1"/>
  <c r="AC90070" i="1"/>
  <c r="AC90071" i="1"/>
  <c r="AC90072" i="1"/>
  <c r="AC90073" i="1"/>
  <c r="AC90074" i="1"/>
  <c r="AC90075" i="1"/>
  <c r="AC90076" i="1"/>
  <c r="AC90077" i="1"/>
  <c r="AC90078" i="1"/>
  <c r="AC90079" i="1"/>
  <c r="AC90080" i="1"/>
  <c r="AC90081" i="1"/>
  <c r="AC90082" i="1"/>
  <c r="AC90083" i="1"/>
  <c r="AC90084" i="1"/>
  <c r="AC90085" i="1"/>
  <c r="AC90086" i="1"/>
  <c r="AC90087" i="1"/>
  <c r="AC90088" i="1"/>
  <c r="AC90089" i="1"/>
  <c r="AC90090" i="1"/>
  <c r="AC90091" i="1"/>
  <c r="AC90092" i="1"/>
  <c r="AC90093" i="1"/>
  <c r="AC90094" i="1"/>
  <c r="AC90095" i="1"/>
  <c r="AC90096" i="1"/>
  <c r="AC90097" i="1"/>
  <c r="AC90098" i="1"/>
  <c r="AC90099" i="1"/>
  <c r="AC90100" i="1"/>
  <c r="AC90101" i="1"/>
  <c r="AC90102" i="1"/>
  <c r="AC90103" i="1"/>
  <c r="AC90104" i="1"/>
  <c r="AC90105" i="1"/>
  <c r="AC90106" i="1"/>
  <c r="AC90107" i="1"/>
  <c r="AC90108" i="1"/>
  <c r="AC90109" i="1"/>
  <c r="AC90110" i="1"/>
  <c r="AC90111" i="1"/>
  <c r="AC90112" i="1"/>
  <c r="AC90113" i="1"/>
  <c r="AC90114" i="1"/>
  <c r="AC90115" i="1"/>
  <c r="AC90116" i="1"/>
  <c r="AC90117" i="1"/>
  <c r="AC90118" i="1"/>
  <c r="AC90119" i="1"/>
  <c r="AC90120" i="1"/>
  <c r="AC90121" i="1"/>
  <c r="AC90122" i="1"/>
  <c r="AC90123" i="1"/>
  <c r="AC90124" i="1"/>
  <c r="AC90125" i="1"/>
  <c r="AC90126" i="1"/>
  <c r="AC90127" i="1"/>
  <c r="AC90128" i="1"/>
  <c r="AC90129" i="1"/>
  <c r="AC90130" i="1"/>
  <c r="AC90131" i="1"/>
  <c r="AC90132" i="1"/>
  <c r="AC90133" i="1"/>
  <c r="AC90134" i="1"/>
  <c r="AC90135" i="1"/>
  <c r="AC90136" i="1"/>
  <c r="AC90137" i="1"/>
  <c r="AC90138" i="1"/>
  <c r="AC90139" i="1"/>
  <c r="AC90140" i="1"/>
  <c r="AC90141" i="1"/>
  <c r="AC90142" i="1"/>
  <c r="AC90143" i="1"/>
  <c r="AC90144" i="1"/>
  <c r="AC90145" i="1"/>
  <c r="AC90146" i="1"/>
  <c r="AC90147" i="1"/>
  <c r="AC90148" i="1"/>
  <c r="AC90149" i="1"/>
  <c r="AC90150" i="1"/>
  <c r="AC90151" i="1"/>
  <c r="AC90152" i="1"/>
  <c r="AC90153" i="1"/>
  <c r="AC90154" i="1"/>
  <c r="AC90155" i="1"/>
  <c r="AC90156" i="1"/>
  <c r="AC90157" i="1"/>
  <c r="AC90158" i="1"/>
  <c r="AC90159" i="1"/>
  <c r="AC90160" i="1"/>
  <c r="AC90161" i="1"/>
  <c r="AC90162" i="1"/>
  <c r="AC90163" i="1"/>
  <c r="AC90164" i="1"/>
  <c r="AC90165" i="1"/>
  <c r="AC90166" i="1"/>
  <c r="AC90167" i="1"/>
  <c r="AC90168" i="1"/>
  <c r="AC90169" i="1"/>
  <c r="AC90170" i="1"/>
  <c r="AC90171" i="1"/>
  <c r="AC90172" i="1"/>
  <c r="AC90173" i="1"/>
  <c r="AC90174" i="1"/>
  <c r="AC90175" i="1"/>
  <c r="AC90176" i="1"/>
  <c r="AC90177" i="1"/>
  <c r="AC90178" i="1"/>
  <c r="AC90179" i="1"/>
  <c r="AC90180" i="1"/>
  <c r="AC90181" i="1"/>
  <c r="AC90182" i="1"/>
  <c r="AC90183" i="1"/>
  <c r="AC90184" i="1"/>
  <c r="AC90185" i="1"/>
  <c r="AC90186" i="1"/>
  <c r="AC90187" i="1"/>
  <c r="AC90188" i="1"/>
  <c r="AC90189" i="1"/>
  <c r="AC90190" i="1"/>
  <c r="AC90191" i="1"/>
  <c r="AC90192" i="1"/>
  <c r="AC90193" i="1"/>
  <c r="AC90194" i="1"/>
  <c r="AC90195" i="1"/>
  <c r="AC90196" i="1"/>
  <c r="AC90197" i="1"/>
  <c r="AC90198" i="1"/>
  <c r="AC90199" i="1"/>
  <c r="AC90200" i="1"/>
  <c r="AC90201" i="1"/>
  <c r="AC90202" i="1"/>
  <c r="AC90203" i="1"/>
  <c r="AC90204" i="1"/>
  <c r="AC90205" i="1"/>
  <c r="AC90206" i="1"/>
  <c r="AC90207" i="1"/>
  <c r="AC90208" i="1"/>
  <c r="AC90209" i="1"/>
  <c r="AC90210" i="1"/>
  <c r="AC90211" i="1"/>
  <c r="AC90212" i="1"/>
  <c r="AC90213" i="1"/>
  <c r="AC90214" i="1"/>
  <c r="AC90215" i="1"/>
  <c r="AC90216" i="1"/>
  <c r="AC90217" i="1"/>
  <c r="AC90218" i="1"/>
  <c r="AC90219" i="1"/>
  <c r="AC90220" i="1"/>
  <c r="AC90221" i="1"/>
  <c r="AC90222" i="1"/>
  <c r="AC90223" i="1"/>
  <c r="AC90224" i="1"/>
  <c r="AC90225" i="1"/>
  <c r="AC90226" i="1"/>
  <c r="AC90227" i="1"/>
  <c r="AC90228" i="1"/>
  <c r="AC90229" i="1"/>
  <c r="AC90230" i="1"/>
  <c r="AC90231" i="1"/>
  <c r="AC90232" i="1"/>
  <c r="AC90233" i="1"/>
  <c r="AC90234" i="1"/>
  <c r="AC90235" i="1"/>
  <c r="AC90236" i="1"/>
  <c r="AC90237" i="1"/>
  <c r="AC90238" i="1"/>
  <c r="AC90239" i="1"/>
  <c r="AC90240" i="1"/>
  <c r="AC90241" i="1"/>
  <c r="AC90242" i="1"/>
  <c r="AC90243" i="1"/>
  <c r="AC90244" i="1"/>
  <c r="AC90245" i="1"/>
  <c r="AC90246" i="1"/>
  <c r="AC90247" i="1"/>
  <c r="AC90248" i="1"/>
  <c r="AC90249" i="1"/>
  <c r="AC90250" i="1"/>
  <c r="AC90251" i="1"/>
  <c r="AC90252" i="1"/>
  <c r="AC90253" i="1"/>
  <c r="AC90254" i="1"/>
  <c r="AC90255" i="1"/>
  <c r="AC90256" i="1"/>
  <c r="AC90257" i="1"/>
  <c r="AC90258" i="1"/>
  <c r="AC90259" i="1"/>
  <c r="AC90260" i="1"/>
  <c r="AC90261" i="1"/>
  <c r="AC90262" i="1"/>
  <c r="AC90263" i="1"/>
  <c r="AC90264" i="1"/>
  <c r="AC90265" i="1"/>
  <c r="AC90266" i="1"/>
  <c r="AC90267" i="1"/>
  <c r="AC90268" i="1"/>
  <c r="AC90269" i="1"/>
  <c r="AC90270" i="1"/>
  <c r="AC90271" i="1"/>
  <c r="AC90272" i="1"/>
  <c r="AC90273" i="1"/>
  <c r="AC90274" i="1"/>
  <c r="AC90275" i="1"/>
  <c r="AC90276" i="1"/>
  <c r="AC90277" i="1"/>
  <c r="AC90278" i="1"/>
  <c r="AC90279" i="1"/>
  <c r="AC90280" i="1"/>
  <c r="AC90281" i="1"/>
  <c r="AC90282" i="1"/>
  <c r="AC90283" i="1"/>
  <c r="AC90284" i="1"/>
  <c r="AC90285" i="1"/>
  <c r="AC90286" i="1"/>
  <c r="AC90287" i="1"/>
  <c r="AC90288" i="1"/>
  <c r="AC90289" i="1"/>
  <c r="AC90290" i="1"/>
  <c r="AC90291" i="1"/>
  <c r="AC90292" i="1"/>
  <c r="AC90293" i="1"/>
  <c r="AC90294" i="1"/>
  <c r="AC90295" i="1"/>
  <c r="AC90296" i="1"/>
  <c r="AC90297" i="1"/>
  <c r="AC90298" i="1"/>
  <c r="AC90299" i="1"/>
  <c r="AC90300" i="1"/>
  <c r="AC90301" i="1"/>
  <c r="AC90302" i="1"/>
  <c r="AC90303" i="1"/>
  <c r="AC90304" i="1"/>
  <c r="AC90305" i="1"/>
  <c r="AC90306" i="1"/>
  <c r="AC90307" i="1"/>
  <c r="AC90308" i="1"/>
  <c r="AC90309" i="1"/>
  <c r="AC90310" i="1"/>
  <c r="AC90311" i="1"/>
  <c r="AC90312" i="1"/>
  <c r="AC90313" i="1"/>
  <c r="AC90314" i="1"/>
  <c r="AC90315" i="1"/>
  <c r="AC90316" i="1"/>
  <c r="AC90317" i="1"/>
  <c r="AC90318" i="1"/>
  <c r="AC90319" i="1"/>
  <c r="AC90320" i="1"/>
  <c r="AC90321" i="1"/>
  <c r="AC90322" i="1"/>
  <c r="AC90323" i="1"/>
  <c r="AC90324" i="1"/>
  <c r="AC90325" i="1"/>
  <c r="AC90326" i="1"/>
  <c r="AC90327" i="1"/>
  <c r="AC90328" i="1"/>
  <c r="AC90329" i="1"/>
  <c r="AC90330" i="1"/>
  <c r="AC90331" i="1"/>
  <c r="AC90332" i="1"/>
  <c r="AC90333" i="1"/>
  <c r="AC90334" i="1"/>
  <c r="AC90335" i="1"/>
  <c r="AC90336" i="1"/>
  <c r="AC90337" i="1"/>
  <c r="AC90338" i="1"/>
  <c r="AC90339" i="1"/>
  <c r="AC90340" i="1"/>
  <c r="AC90341" i="1"/>
  <c r="AC90342" i="1"/>
  <c r="AC90343" i="1"/>
  <c r="AC90344" i="1"/>
  <c r="AC90345" i="1"/>
  <c r="AC90346" i="1"/>
  <c r="AC90347" i="1"/>
  <c r="AC90348" i="1"/>
  <c r="AC90349" i="1"/>
  <c r="AC90350" i="1"/>
  <c r="AC90351" i="1"/>
  <c r="AC90352" i="1"/>
  <c r="AC90353" i="1"/>
  <c r="AC90354" i="1"/>
  <c r="AC90355" i="1"/>
  <c r="AC90356" i="1"/>
  <c r="AC90357" i="1"/>
  <c r="AC90358" i="1"/>
  <c r="AC90359" i="1"/>
  <c r="AC90360" i="1"/>
  <c r="AC90361" i="1"/>
  <c r="AC90362" i="1"/>
  <c r="AC90363" i="1"/>
  <c r="AC90364" i="1"/>
  <c r="AC90365" i="1"/>
  <c r="AC90366" i="1"/>
  <c r="AC90367" i="1"/>
  <c r="AC90368" i="1"/>
  <c r="AC90369" i="1"/>
  <c r="AC90370" i="1"/>
  <c r="AC90371" i="1"/>
  <c r="AC90372" i="1"/>
  <c r="AC90373" i="1"/>
  <c r="AC90374" i="1"/>
  <c r="AC90375" i="1"/>
  <c r="AC90376" i="1"/>
  <c r="AC90377" i="1"/>
  <c r="AC90378" i="1"/>
  <c r="AC90379" i="1"/>
  <c r="AC90380" i="1"/>
  <c r="AC90381" i="1"/>
  <c r="AC90382" i="1"/>
  <c r="AC90383" i="1"/>
  <c r="AC90384" i="1"/>
  <c r="AC90385" i="1"/>
  <c r="AC90386" i="1"/>
  <c r="AC90387" i="1"/>
  <c r="AC90388" i="1"/>
  <c r="AC90389" i="1"/>
  <c r="AC90390" i="1"/>
  <c r="AC90391" i="1"/>
  <c r="AC90392" i="1"/>
  <c r="AC90393" i="1"/>
  <c r="AC90394" i="1"/>
  <c r="AC90395" i="1"/>
  <c r="AC90396" i="1"/>
  <c r="AC90397" i="1"/>
  <c r="AC90398" i="1"/>
  <c r="AC90399" i="1"/>
  <c r="AC90400" i="1"/>
  <c r="AC90401" i="1"/>
  <c r="AC90402" i="1"/>
  <c r="AC90403" i="1"/>
  <c r="AC90404" i="1"/>
  <c r="AC90405" i="1"/>
  <c r="AC90406" i="1"/>
  <c r="AC90407" i="1"/>
  <c r="AC90408" i="1"/>
  <c r="AC90409" i="1"/>
  <c r="AC90410" i="1"/>
  <c r="AC90411" i="1"/>
  <c r="AC90412" i="1"/>
  <c r="AC90413" i="1"/>
  <c r="AC90414" i="1"/>
  <c r="AC90415" i="1"/>
  <c r="AC90416" i="1"/>
  <c r="AC90417" i="1"/>
  <c r="AC90418" i="1"/>
  <c r="AC90419" i="1"/>
  <c r="AC90420" i="1"/>
  <c r="AC90421" i="1"/>
  <c r="AC90422" i="1"/>
  <c r="AC90423" i="1"/>
  <c r="AC90424" i="1"/>
  <c r="AC90425" i="1"/>
  <c r="AC90426" i="1"/>
  <c r="AC90427" i="1"/>
  <c r="AC90428" i="1"/>
  <c r="AC90429" i="1"/>
  <c r="AC90430" i="1"/>
  <c r="AC90431" i="1"/>
  <c r="AC90432" i="1"/>
  <c r="AC90433" i="1"/>
  <c r="AC90434" i="1"/>
  <c r="AC90435" i="1"/>
  <c r="AC90436" i="1"/>
  <c r="AC90437" i="1"/>
  <c r="AC90438" i="1"/>
  <c r="AC90439" i="1"/>
  <c r="AC90440" i="1"/>
  <c r="AC90441" i="1"/>
  <c r="AC90442" i="1"/>
  <c r="AC90443" i="1"/>
  <c r="AC90444" i="1"/>
  <c r="AC90445" i="1"/>
  <c r="AC90446" i="1"/>
  <c r="AC90447" i="1"/>
  <c r="AC90448" i="1"/>
  <c r="AC90449" i="1"/>
  <c r="AC90450" i="1"/>
  <c r="AC90451" i="1"/>
  <c r="AC90452" i="1"/>
  <c r="AC90453" i="1"/>
  <c r="AC90454" i="1"/>
  <c r="AC90455" i="1"/>
  <c r="AC90456" i="1"/>
  <c r="AC90457" i="1"/>
  <c r="AC90458" i="1"/>
  <c r="AC90459" i="1"/>
  <c r="AC90460" i="1"/>
  <c r="AC90461" i="1"/>
  <c r="AC90462" i="1"/>
  <c r="AC90463" i="1"/>
  <c r="AC90464" i="1"/>
  <c r="AC90465" i="1"/>
  <c r="AC90466" i="1"/>
  <c r="AC90467" i="1"/>
  <c r="AC90468" i="1"/>
  <c r="AC90469" i="1"/>
  <c r="AC90470" i="1"/>
  <c r="AC90471" i="1"/>
  <c r="AC90472" i="1"/>
  <c r="AC90473" i="1"/>
  <c r="AC90474" i="1"/>
  <c r="AC90475" i="1"/>
  <c r="AC90476" i="1"/>
  <c r="AC90477" i="1"/>
  <c r="AC90478" i="1"/>
  <c r="AC90479" i="1"/>
  <c r="AC90480" i="1"/>
  <c r="AC90481" i="1"/>
  <c r="AC90482" i="1"/>
  <c r="AC90483" i="1"/>
  <c r="AC90484" i="1"/>
  <c r="AC90485" i="1"/>
  <c r="AC90486" i="1"/>
  <c r="AC90487" i="1"/>
  <c r="AC90488" i="1"/>
  <c r="AC90489" i="1"/>
  <c r="AC90490" i="1"/>
  <c r="AC90491" i="1"/>
  <c r="AC90492" i="1"/>
  <c r="AC90493" i="1"/>
  <c r="AC90494" i="1"/>
  <c r="AC90495" i="1"/>
  <c r="AC90496" i="1"/>
  <c r="AC90497" i="1"/>
  <c r="AC90498" i="1"/>
  <c r="AC90499" i="1"/>
  <c r="AC90500" i="1"/>
  <c r="AC90501" i="1"/>
  <c r="AC90502" i="1"/>
  <c r="AC90503" i="1"/>
  <c r="AC90504" i="1"/>
  <c r="AC90505" i="1"/>
  <c r="AC90506" i="1"/>
  <c r="AC90507" i="1"/>
  <c r="AC90508" i="1"/>
  <c r="AC90509" i="1"/>
  <c r="AC90510" i="1"/>
  <c r="AC90511" i="1"/>
  <c r="AC90512" i="1"/>
  <c r="AC90513" i="1"/>
  <c r="AC90514" i="1"/>
  <c r="AC90515" i="1"/>
  <c r="AC90516" i="1"/>
  <c r="AC90517" i="1"/>
  <c r="AC90518" i="1"/>
  <c r="AC90519" i="1"/>
  <c r="AC90520" i="1"/>
  <c r="AC90521" i="1"/>
  <c r="AC90522" i="1"/>
  <c r="AC90523" i="1"/>
  <c r="AC90524" i="1"/>
  <c r="AC90525" i="1"/>
  <c r="AC90526" i="1"/>
  <c r="AC90527" i="1"/>
  <c r="AC90528" i="1"/>
  <c r="AC90529" i="1"/>
  <c r="AC90530" i="1"/>
  <c r="AC90531" i="1"/>
  <c r="AC90532" i="1"/>
  <c r="AC90533" i="1"/>
  <c r="AC90534" i="1"/>
  <c r="AC90535" i="1"/>
  <c r="AC90536" i="1"/>
  <c r="AC90537" i="1"/>
  <c r="AC90538" i="1"/>
  <c r="AC90539" i="1"/>
  <c r="AC90540" i="1"/>
  <c r="AC90541" i="1"/>
  <c r="AC90542" i="1"/>
  <c r="AC90543" i="1"/>
  <c r="AC90544" i="1"/>
  <c r="AC90545" i="1"/>
  <c r="AC90546" i="1"/>
  <c r="AC90547" i="1"/>
  <c r="AC90548" i="1"/>
  <c r="AC90549" i="1"/>
  <c r="AC90550" i="1"/>
  <c r="AC90551" i="1"/>
  <c r="AC90552" i="1"/>
  <c r="AC90553" i="1"/>
  <c r="AC90554" i="1"/>
  <c r="AC90555" i="1"/>
  <c r="AC90556" i="1"/>
  <c r="AC90557" i="1"/>
  <c r="AC90558" i="1"/>
  <c r="AC90559" i="1"/>
  <c r="AC90560" i="1"/>
  <c r="AC90561" i="1"/>
  <c r="AC90562" i="1"/>
  <c r="AC90563" i="1"/>
  <c r="AC90564" i="1"/>
  <c r="AC90565" i="1"/>
  <c r="AC90566" i="1"/>
  <c r="AC90567" i="1"/>
  <c r="AC90568" i="1"/>
  <c r="AC90569" i="1"/>
  <c r="AC90570" i="1"/>
  <c r="AC90571" i="1"/>
  <c r="AC90572" i="1"/>
  <c r="AC90573" i="1"/>
  <c r="AC90574" i="1"/>
  <c r="AC90575" i="1"/>
  <c r="AC90576" i="1"/>
  <c r="AC90577" i="1"/>
  <c r="AC90578" i="1"/>
  <c r="AC90579" i="1"/>
  <c r="AC90580" i="1"/>
  <c r="AC90581" i="1"/>
  <c r="AC90582" i="1"/>
  <c r="AC90583" i="1"/>
  <c r="AC90584" i="1"/>
  <c r="AC90585" i="1"/>
  <c r="AC90586" i="1"/>
  <c r="AC90587" i="1"/>
  <c r="AC90588" i="1"/>
  <c r="AC90589" i="1"/>
  <c r="AC90590" i="1"/>
  <c r="AC90591" i="1"/>
  <c r="AC90592" i="1"/>
  <c r="AC90593" i="1"/>
  <c r="AC90594" i="1"/>
  <c r="AC90595" i="1"/>
  <c r="AC90596" i="1"/>
  <c r="AC90597" i="1"/>
  <c r="AC90598" i="1"/>
  <c r="AC90599" i="1"/>
  <c r="AC90600" i="1"/>
  <c r="AC90601" i="1"/>
  <c r="AC90602" i="1"/>
  <c r="AC90603" i="1"/>
  <c r="AC90604" i="1"/>
  <c r="AC90605" i="1"/>
  <c r="AC90606" i="1"/>
  <c r="AC90607" i="1"/>
  <c r="AC90608" i="1"/>
  <c r="AC90609" i="1"/>
  <c r="AC90610" i="1"/>
  <c r="AC90611" i="1"/>
  <c r="AC90612" i="1"/>
  <c r="AC90613" i="1"/>
  <c r="AC90614" i="1"/>
  <c r="AC90615" i="1"/>
  <c r="AC90616" i="1"/>
  <c r="AC90617" i="1"/>
  <c r="AC90618" i="1"/>
  <c r="AC90619" i="1"/>
  <c r="AC90620" i="1"/>
  <c r="AC90621" i="1"/>
  <c r="AC90622" i="1"/>
  <c r="AC90623" i="1"/>
  <c r="AC90624" i="1"/>
  <c r="AC90625" i="1"/>
  <c r="AC90626" i="1"/>
  <c r="AC90627" i="1"/>
  <c r="AC90628" i="1"/>
  <c r="AC90629" i="1"/>
  <c r="AC90630" i="1"/>
  <c r="AC90631" i="1"/>
  <c r="AC90632" i="1"/>
  <c r="AC90633" i="1"/>
  <c r="AC90634" i="1"/>
  <c r="AC90635" i="1"/>
  <c r="AC90636" i="1"/>
  <c r="AC90637" i="1"/>
  <c r="AC90638" i="1"/>
  <c r="AC90639" i="1"/>
  <c r="AC90640" i="1"/>
  <c r="AC90641" i="1"/>
  <c r="AC90642" i="1"/>
  <c r="AC90643" i="1"/>
  <c r="AC90644" i="1"/>
  <c r="AC90645" i="1"/>
  <c r="AC90646" i="1"/>
  <c r="AC90647" i="1"/>
  <c r="AC90648" i="1"/>
  <c r="AC90649" i="1"/>
  <c r="AC90650" i="1"/>
  <c r="AC90651" i="1"/>
  <c r="AC90652" i="1"/>
  <c r="AC90653" i="1"/>
  <c r="AC90654" i="1"/>
  <c r="AC90655" i="1"/>
  <c r="AC90656" i="1"/>
  <c r="AC90657" i="1"/>
  <c r="AC90658" i="1"/>
  <c r="AC90659" i="1"/>
  <c r="AC90660" i="1"/>
  <c r="AC90661" i="1"/>
  <c r="AC90662" i="1"/>
  <c r="AC90663" i="1"/>
  <c r="AC90664" i="1"/>
  <c r="AC90665" i="1"/>
  <c r="AC90666" i="1"/>
  <c r="AC90667" i="1"/>
  <c r="AC90668" i="1"/>
  <c r="AC90669" i="1"/>
  <c r="AC90670" i="1"/>
  <c r="AC90671" i="1"/>
  <c r="AC90672" i="1"/>
  <c r="AC90673" i="1"/>
  <c r="AC90674" i="1"/>
  <c r="AC90675" i="1"/>
  <c r="AC90676" i="1"/>
  <c r="AC90677" i="1"/>
  <c r="AC90678" i="1"/>
  <c r="AC90679" i="1"/>
  <c r="AC90680" i="1"/>
  <c r="AC90681" i="1"/>
  <c r="AC90682" i="1"/>
  <c r="AC90683" i="1"/>
  <c r="AC90684" i="1"/>
  <c r="AC90685" i="1"/>
  <c r="AC90686" i="1"/>
  <c r="AC90687" i="1"/>
  <c r="AC90688" i="1"/>
  <c r="AC90689" i="1"/>
  <c r="AC90690" i="1"/>
  <c r="AC90691" i="1"/>
  <c r="AC90692" i="1"/>
  <c r="AC90693" i="1"/>
  <c r="AC90694" i="1"/>
  <c r="AC90695" i="1"/>
  <c r="AC90696" i="1"/>
  <c r="AC90697" i="1"/>
  <c r="AC90698" i="1"/>
  <c r="AC90699" i="1"/>
  <c r="AC90700" i="1"/>
  <c r="AC90701" i="1"/>
  <c r="AC90702" i="1"/>
  <c r="AC90703" i="1"/>
  <c r="AC90704" i="1"/>
  <c r="AC90705" i="1"/>
  <c r="AC90706" i="1"/>
  <c r="AC90707" i="1"/>
  <c r="AC90708" i="1"/>
  <c r="AC90709" i="1"/>
  <c r="AC90710" i="1"/>
  <c r="AC90711" i="1"/>
  <c r="AC90712" i="1"/>
  <c r="AC90713" i="1"/>
  <c r="AC90714" i="1"/>
  <c r="AC90715" i="1"/>
  <c r="AC90716" i="1"/>
  <c r="AC90717" i="1"/>
  <c r="AC90718" i="1"/>
  <c r="AC90719" i="1"/>
  <c r="AC90720" i="1"/>
  <c r="AC90721" i="1"/>
  <c r="AC90722" i="1"/>
  <c r="AC90723" i="1"/>
  <c r="AC90724" i="1"/>
  <c r="AC90725" i="1"/>
  <c r="AC90726" i="1"/>
  <c r="AC90727" i="1"/>
  <c r="AC90728" i="1"/>
  <c r="AC90729" i="1"/>
  <c r="AC90730" i="1"/>
  <c r="AC90731" i="1"/>
  <c r="AC90732" i="1"/>
  <c r="AC90733" i="1"/>
  <c r="AC90734" i="1"/>
  <c r="AC90735" i="1"/>
  <c r="AC90736" i="1"/>
  <c r="AC90737" i="1"/>
  <c r="AC90738" i="1"/>
  <c r="AC90739" i="1"/>
  <c r="AC90740" i="1"/>
  <c r="AC90741" i="1"/>
  <c r="AC90742" i="1"/>
  <c r="AC90743" i="1"/>
  <c r="AC90744" i="1"/>
  <c r="AC90745" i="1"/>
  <c r="AC90746" i="1"/>
  <c r="AC90747" i="1"/>
  <c r="AC90748" i="1"/>
  <c r="AC90749" i="1"/>
  <c r="AC90750" i="1"/>
  <c r="AC90751" i="1"/>
  <c r="AC90752" i="1"/>
  <c r="AC90753" i="1"/>
  <c r="AC90754" i="1"/>
  <c r="AC90755" i="1"/>
  <c r="AC90756" i="1"/>
  <c r="AC90757" i="1"/>
  <c r="AC90758" i="1"/>
  <c r="AC90759" i="1"/>
  <c r="AC90760" i="1"/>
  <c r="AC90761" i="1"/>
  <c r="AC90762" i="1"/>
  <c r="AC90763" i="1"/>
  <c r="AC90764" i="1"/>
  <c r="AC90765" i="1"/>
  <c r="AC90766" i="1"/>
  <c r="AC90767" i="1"/>
  <c r="AC90768" i="1"/>
  <c r="AC90769" i="1"/>
  <c r="AC90770" i="1"/>
  <c r="AC90771" i="1"/>
  <c r="AC90772" i="1"/>
  <c r="AC90773" i="1"/>
  <c r="AC90774" i="1"/>
  <c r="AC90775" i="1"/>
  <c r="AC90776" i="1"/>
  <c r="AC90777" i="1"/>
  <c r="AC90778" i="1"/>
  <c r="AC90779" i="1"/>
  <c r="AC90780" i="1"/>
  <c r="AC90781" i="1"/>
  <c r="AC90782" i="1"/>
  <c r="AC90783" i="1"/>
  <c r="AC90784" i="1"/>
  <c r="AC90785" i="1"/>
  <c r="AC90786" i="1"/>
  <c r="AC90787" i="1"/>
  <c r="AC90788" i="1"/>
  <c r="AC90789" i="1"/>
  <c r="AC90790" i="1"/>
  <c r="AC90791" i="1"/>
  <c r="AC90792" i="1"/>
  <c r="AC90793" i="1"/>
  <c r="AC90794" i="1"/>
  <c r="AC90795" i="1"/>
  <c r="AC90796" i="1"/>
  <c r="AC90797" i="1"/>
  <c r="AC90798" i="1"/>
  <c r="AC90799" i="1"/>
  <c r="AC90800" i="1"/>
  <c r="AC90801" i="1"/>
  <c r="AC90802" i="1"/>
  <c r="AC90803" i="1"/>
  <c r="AC90804" i="1"/>
  <c r="AC90805" i="1"/>
  <c r="AC90806" i="1"/>
  <c r="AC90807" i="1"/>
  <c r="AC90808" i="1"/>
  <c r="AC90809" i="1"/>
  <c r="AC90810" i="1"/>
  <c r="AC90811" i="1"/>
  <c r="AC90812" i="1"/>
  <c r="AC90813" i="1"/>
  <c r="AC90814" i="1"/>
  <c r="AC90815" i="1"/>
  <c r="AC90816" i="1"/>
  <c r="AC90817" i="1"/>
  <c r="AC90818" i="1"/>
  <c r="AC90819" i="1"/>
  <c r="AC90820" i="1"/>
  <c r="AC90821" i="1"/>
  <c r="AC90822" i="1"/>
  <c r="AC90823" i="1"/>
  <c r="AC90824" i="1"/>
  <c r="AC90825" i="1"/>
  <c r="AC90826" i="1"/>
  <c r="AC90827" i="1"/>
  <c r="AC90828" i="1"/>
  <c r="AC90829" i="1"/>
  <c r="AC90830" i="1"/>
  <c r="AC90831" i="1"/>
  <c r="AC90832" i="1"/>
  <c r="AC90833" i="1"/>
  <c r="AC90834" i="1"/>
  <c r="AC90835" i="1"/>
  <c r="AC90836" i="1"/>
  <c r="AC90837" i="1"/>
  <c r="AC90838" i="1"/>
  <c r="AC90839" i="1"/>
  <c r="AC90840" i="1"/>
  <c r="AC90841" i="1"/>
  <c r="AC90842" i="1"/>
  <c r="AC90843" i="1"/>
  <c r="AC90844" i="1"/>
  <c r="AC90845" i="1"/>
  <c r="AC90846" i="1"/>
  <c r="AC90847" i="1"/>
  <c r="AC90848" i="1"/>
  <c r="AC90849" i="1"/>
  <c r="AC90850" i="1"/>
  <c r="AC90851" i="1"/>
  <c r="AC90852" i="1"/>
  <c r="AC90853" i="1"/>
  <c r="AC90854" i="1"/>
  <c r="AC90855" i="1"/>
  <c r="AC90856" i="1"/>
  <c r="AC90857" i="1"/>
  <c r="AC90858" i="1"/>
  <c r="AC90859" i="1"/>
  <c r="AC90860" i="1"/>
  <c r="AC90861" i="1"/>
  <c r="AC90862" i="1"/>
  <c r="AC90863" i="1"/>
  <c r="AC90864" i="1"/>
  <c r="AC90865" i="1"/>
  <c r="AC90866" i="1"/>
  <c r="AC90867" i="1"/>
  <c r="AC90868" i="1"/>
  <c r="AC90869" i="1"/>
  <c r="AC90870" i="1"/>
  <c r="AC90871" i="1"/>
  <c r="AC90872" i="1"/>
  <c r="AC90873" i="1"/>
  <c r="AC90874" i="1"/>
  <c r="AC90875" i="1"/>
  <c r="AC90876" i="1"/>
  <c r="AC90877" i="1"/>
  <c r="AC90878" i="1"/>
  <c r="AC90879" i="1"/>
  <c r="AC90880" i="1"/>
  <c r="AC90881" i="1"/>
  <c r="AC90882" i="1"/>
  <c r="AC90883" i="1"/>
  <c r="AC90884" i="1"/>
  <c r="AC90885" i="1"/>
  <c r="AC90886" i="1"/>
  <c r="AC90887" i="1"/>
  <c r="AC90888" i="1"/>
  <c r="AC90889" i="1"/>
  <c r="AC90890" i="1"/>
  <c r="AC90891" i="1"/>
  <c r="AC90892" i="1"/>
  <c r="AC90893" i="1"/>
  <c r="AC90894" i="1"/>
  <c r="AC90895" i="1"/>
  <c r="AC90896" i="1"/>
  <c r="AC90897" i="1"/>
  <c r="AC90898" i="1"/>
  <c r="AC90899" i="1"/>
  <c r="AC90900" i="1"/>
  <c r="AC90901" i="1"/>
  <c r="AC90902" i="1"/>
  <c r="AC90903" i="1"/>
  <c r="AC90904" i="1"/>
  <c r="AC90905" i="1"/>
  <c r="AC90906" i="1"/>
  <c r="AC90907" i="1"/>
  <c r="AC90908" i="1"/>
  <c r="AC90909" i="1"/>
  <c r="AC90910" i="1"/>
  <c r="AC90911" i="1"/>
  <c r="AC90912" i="1"/>
  <c r="AC90913" i="1"/>
  <c r="AC90914" i="1"/>
  <c r="AC90915" i="1"/>
  <c r="AC90916" i="1"/>
  <c r="AC90917" i="1"/>
  <c r="AC90918" i="1"/>
  <c r="AC90919" i="1"/>
  <c r="AC90920" i="1"/>
  <c r="AC90921" i="1"/>
  <c r="AC90922" i="1"/>
  <c r="AC90923" i="1"/>
  <c r="AC90924" i="1"/>
  <c r="AC90925" i="1"/>
  <c r="AC90926" i="1"/>
  <c r="AC90927" i="1"/>
  <c r="AC90928" i="1"/>
  <c r="AC90929" i="1"/>
  <c r="AC90930" i="1"/>
  <c r="AC90931" i="1"/>
  <c r="AC90932" i="1"/>
  <c r="AC90933" i="1"/>
  <c r="AC90934" i="1"/>
  <c r="AC90935" i="1"/>
  <c r="AC90936" i="1"/>
  <c r="AC90937" i="1"/>
  <c r="AC90938" i="1"/>
  <c r="AC90939" i="1"/>
  <c r="AC90940" i="1"/>
  <c r="AC90941" i="1"/>
  <c r="AC90942" i="1"/>
  <c r="AC90943" i="1"/>
  <c r="AC90944" i="1"/>
  <c r="AC90945" i="1"/>
  <c r="AC90946" i="1"/>
  <c r="AC90947" i="1"/>
  <c r="AC90948" i="1"/>
  <c r="AC90949" i="1"/>
  <c r="AC90950" i="1"/>
  <c r="AC90951" i="1"/>
  <c r="AC90952" i="1"/>
  <c r="AC90953" i="1"/>
  <c r="AC90954" i="1"/>
  <c r="AC90955" i="1"/>
  <c r="AC90956" i="1"/>
  <c r="AC90957" i="1"/>
  <c r="AC90958" i="1"/>
  <c r="AC90959" i="1"/>
  <c r="AC90960" i="1"/>
  <c r="AC90961" i="1"/>
  <c r="AC90962" i="1"/>
  <c r="AC90963" i="1"/>
  <c r="AC90964" i="1"/>
  <c r="AC90965" i="1"/>
  <c r="AC90966" i="1"/>
  <c r="AC90967" i="1"/>
  <c r="AC90968" i="1"/>
  <c r="AC90969" i="1"/>
  <c r="AC90970" i="1"/>
  <c r="AC90971" i="1"/>
  <c r="AC90972" i="1"/>
  <c r="AC90973" i="1"/>
  <c r="AC90974" i="1"/>
  <c r="AC90975" i="1"/>
  <c r="AC90976" i="1"/>
  <c r="AC90977" i="1"/>
  <c r="AC90978" i="1"/>
  <c r="AC90979" i="1"/>
  <c r="AC90980" i="1"/>
  <c r="AC90981" i="1"/>
  <c r="AC90982" i="1"/>
  <c r="AC90983" i="1"/>
  <c r="AC90984" i="1"/>
  <c r="AC90985" i="1"/>
  <c r="AC90986" i="1"/>
  <c r="AC90987" i="1"/>
  <c r="AC90988" i="1"/>
  <c r="AC90989" i="1"/>
  <c r="AC90990" i="1"/>
  <c r="AC90991" i="1"/>
  <c r="AC90992" i="1"/>
  <c r="AC90993" i="1"/>
  <c r="AC90994" i="1"/>
  <c r="AC90995" i="1"/>
  <c r="AC90996" i="1"/>
  <c r="AC90997" i="1"/>
  <c r="AC90998" i="1"/>
  <c r="AC90999" i="1"/>
  <c r="AC91000" i="1"/>
  <c r="AC91001" i="1"/>
  <c r="AC91002" i="1"/>
  <c r="AC91003" i="1"/>
  <c r="AC91004" i="1"/>
  <c r="AC91005" i="1"/>
  <c r="AC91006" i="1"/>
  <c r="AC91007" i="1"/>
  <c r="AC91008" i="1"/>
  <c r="AC91009" i="1"/>
  <c r="AC91010" i="1"/>
  <c r="AC91011" i="1"/>
  <c r="AC91012" i="1"/>
  <c r="AC91013" i="1"/>
  <c r="AC91014" i="1"/>
  <c r="AC91015" i="1"/>
  <c r="AC91016" i="1"/>
  <c r="AC91017" i="1"/>
  <c r="AC91018" i="1"/>
  <c r="AC91019" i="1"/>
  <c r="AC91020" i="1"/>
  <c r="AC91021" i="1"/>
  <c r="AC91022" i="1"/>
  <c r="AC91023" i="1"/>
  <c r="AC91024" i="1"/>
  <c r="AC91025" i="1"/>
  <c r="AC91026" i="1"/>
  <c r="AC91027" i="1"/>
  <c r="AC91028" i="1"/>
  <c r="AC91029" i="1"/>
  <c r="AC91030" i="1"/>
  <c r="AC91031" i="1"/>
  <c r="AC91032" i="1"/>
  <c r="AC91033" i="1"/>
  <c r="AC91034" i="1"/>
  <c r="AC91035" i="1"/>
  <c r="AC91036" i="1"/>
  <c r="AC91037" i="1"/>
  <c r="AC91038" i="1"/>
  <c r="AC91039" i="1"/>
  <c r="AC91040" i="1"/>
  <c r="AC91041" i="1"/>
  <c r="AC91042" i="1"/>
  <c r="AC91043" i="1"/>
  <c r="AC91044" i="1"/>
  <c r="AC91045" i="1"/>
  <c r="AC91046" i="1"/>
  <c r="AC91047" i="1"/>
  <c r="AC91048" i="1"/>
  <c r="AC91049" i="1"/>
  <c r="AC91050" i="1"/>
  <c r="AC91051" i="1"/>
  <c r="AC91052" i="1"/>
  <c r="AC91053" i="1"/>
  <c r="AC91054" i="1"/>
  <c r="AC91055" i="1"/>
  <c r="AC91056" i="1"/>
  <c r="AC91057" i="1"/>
  <c r="AC91058" i="1"/>
  <c r="AC91059" i="1"/>
  <c r="AC91060" i="1"/>
  <c r="AC91061" i="1"/>
  <c r="AC91062" i="1"/>
  <c r="AC91063" i="1"/>
  <c r="AC91064" i="1"/>
  <c r="AC91065" i="1"/>
  <c r="AC91066" i="1"/>
  <c r="AC91067" i="1"/>
  <c r="AC91068" i="1"/>
  <c r="AC91069" i="1"/>
  <c r="AC91070" i="1"/>
  <c r="AC91071" i="1"/>
  <c r="AC91072" i="1"/>
  <c r="AC91073" i="1"/>
  <c r="AC91074" i="1"/>
  <c r="AC91075" i="1"/>
  <c r="AC91076" i="1"/>
  <c r="AC91077" i="1"/>
  <c r="AC91078" i="1"/>
  <c r="AC91079" i="1"/>
  <c r="AC91080" i="1"/>
  <c r="AC91081" i="1"/>
  <c r="AC91082" i="1"/>
  <c r="AC91083" i="1"/>
  <c r="AC91084" i="1"/>
  <c r="AC91085" i="1"/>
  <c r="AC91086" i="1"/>
  <c r="AC91087" i="1"/>
  <c r="AC91088" i="1"/>
  <c r="AC91089" i="1"/>
  <c r="AC91090" i="1"/>
  <c r="AC91091" i="1"/>
  <c r="AC91092" i="1"/>
  <c r="AC91093" i="1"/>
  <c r="AC91094" i="1"/>
  <c r="AC91095" i="1"/>
  <c r="AC91096" i="1"/>
  <c r="AC91097" i="1"/>
  <c r="AC91098" i="1"/>
  <c r="AC91099" i="1"/>
  <c r="AC91100" i="1"/>
  <c r="AC91101" i="1"/>
  <c r="AC91102" i="1"/>
  <c r="AC91103" i="1"/>
  <c r="AC91104" i="1"/>
  <c r="AC91105" i="1"/>
  <c r="AC91106" i="1"/>
  <c r="AC91107" i="1"/>
  <c r="AC91108" i="1"/>
  <c r="AC91109" i="1"/>
  <c r="AC91110" i="1"/>
  <c r="AC91111" i="1"/>
  <c r="AC91112" i="1"/>
  <c r="AC91113" i="1"/>
  <c r="AC91114" i="1"/>
  <c r="AC91115" i="1"/>
  <c r="AC91116" i="1"/>
  <c r="AC91117" i="1"/>
  <c r="AC91118" i="1"/>
  <c r="AC91119" i="1"/>
  <c r="AC91120" i="1"/>
  <c r="AC91121" i="1"/>
  <c r="AC91122" i="1"/>
  <c r="AC91123" i="1"/>
  <c r="AC91124" i="1"/>
  <c r="AC91125" i="1"/>
  <c r="AC91126" i="1"/>
  <c r="AC91127" i="1"/>
  <c r="AC91128" i="1"/>
  <c r="AC91129" i="1"/>
  <c r="AC91130" i="1"/>
  <c r="AC91131" i="1"/>
  <c r="AC91132" i="1"/>
  <c r="AC91133" i="1"/>
  <c r="AC91134" i="1"/>
  <c r="AC91135" i="1"/>
  <c r="AC91136" i="1"/>
  <c r="AC91137" i="1"/>
  <c r="AC91138" i="1"/>
  <c r="AC91139" i="1"/>
  <c r="AC91140" i="1"/>
  <c r="AC91141" i="1"/>
  <c r="AC91142" i="1"/>
  <c r="AC91143" i="1"/>
  <c r="AC91144" i="1"/>
  <c r="AC91145" i="1"/>
  <c r="AC91146" i="1"/>
  <c r="AC91147" i="1"/>
  <c r="AC91148" i="1"/>
  <c r="AC91149" i="1"/>
  <c r="AC91150" i="1"/>
  <c r="AC91151" i="1"/>
  <c r="AC91152" i="1"/>
  <c r="AC91153" i="1"/>
  <c r="AC91154" i="1"/>
  <c r="AC91155" i="1"/>
  <c r="AC91156" i="1"/>
  <c r="AC91157" i="1"/>
  <c r="AC91158" i="1"/>
  <c r="AC91159" i="1"/>
  <c r="AC91160" i="1"/>
  <c r="AC91161" i="1"/>
  <c r="AC91162" i="1"/>
  <c r="AC91163" i="1"/>
  <c r="AC91164" i="1"/>
  <c r="AC91165" i="1"/>
  <c r="AC91166" i="1"/>
  <c r="AC91167" i="1"/>
  <c r="AC91168" i="1"/>
  <c r="AC91169" i="1"/>
  <c r="AC91170" i="1"/>
  <c r="AC91171" i="1"/>
  <c r="AC91172" i="1"/>
  <c r="AC91173" i="1"/>
  <c r="AC91174" i="1"/>
  <c r="AC91175" i="1"/>
  <c r="AC91176" i="1"/>
  <c r="AC91177" i="1"/>
  <c r="AC91178" i="1"/>
  <c r="AC91179" i="1"/>
  <c r="AC91180" i="1"/>
  <c r="AC91181" i="1"/>
  <c r="AC91182" i="1"/>
  <c r="AC91183" i="1"/>
  <c r="AC91184" i="1"/>
  <c r="AC91185" i="1"/>
  <c r="AC91186" i="1"/>
  <c r="AC91187" i="1"/>
  <c r="AC91188" i="1"/>
  <c r="AC91189" i="1"/>
  <c r="AC91190" i="1"/>
  <c r="AC91191" i="1"/>
  <c r="AC91192" i="1"/>
  <c r="AC91193" i="1"/>
  <c r="AC91194" i="1"/>
  <c r="AC91195" i="1"/>
  <c r="AC91196" i="1"/>
  <c r="AC91197" i="1"/>
  <c r="AC91198" i="1"/>
  <c r="AC91199" i="1"/>
  <c r="AC91200" i="1"/>
  <c r="AC91201" i="1"/>
  <c r="AC91202" i="1"/>
  <c r="AC91203" i="1"/>
  <c r="AC91204" i="1"/>
  <c r="AC91205" i="1"/>
  <c r="AC91206" i="1"/>
  <c r="AC91207" i="1"/>
  <c r="AC91208" i="1"/>
  <c r="AC91209" i="1"/>
  <c r="AC91210" i="1"/>
  <c r="AC91211" i="1"/>
  <c r="AC91212" i="1"/>
  <c r="AC91213" i="1"/>
  <c r="AC91214" i="1"/>
  <c r="AC91215" i="1"/>
  <c r="AC91216" i="1"/>
  <c r="AC91217" i="1"/>
  <c r="AC91218" i="1"/>
  <c r="AC91219" i="1"/>
  <c r="AC91220" i="1"/>
  <c r="AC91221" i="1"/>
  <c r="AC91222" i="1"/>
  <c r="AC91223" i="1"/>
  <c r="AC91224" i="1"/>
  <c r="AC91225" i="1"/>
  <c r="AC91226" i="1"/>
  <c r="AC91227" i="1"/>
  <c r="AC91228" i="1"/>
  <c r="AC91229" i="1"/>
  <c r="AC91230" i="1"/>
  <c r="AC91231" i="1"/>
  <c r="AC91232" i="1"/>
  <c r="AC91233" i="1"/>
  <c r="AC91234" i="1"/>
  <c r="AC91235" i="1"/>
  <c r="AC91236" i="1"/>
  <c r="AC91237" i="1"/>
  <c r="AC91238" i="1"/>
  <c r="AC91239" i="1"/>
  <c r="AC91240" i="1"/>
  <c r="AC91241" i="1"/>
  <c r="AC91242" i="1"/>
  <c r="AC91243" i="1"/>
  <c r="AC91244" i="1"/>
  <c r="AC91245" i="1"/>
  <c r="AC91246" i="1"/>
  <c r="AC91247" i="1"/>
  <c r="AC91248" i="1"/>
  <c r="AC91249" i="1"/>
  <c r="AC91250" i="1"/>
  <c r="AC91251" i="1"/>
  <c r="AC91252" i="1"/>
  <c r="AC91253" i="1"/>
  <c r="AC91254" i="1"/>
  <c r="AC91255" i="1"/>
  <c r="AC91256" i="1"/>
  <c r="AC91257" i="1"/>
  <c r="AC91258" i="1"/>
  <c r="AC91259" i="1"/>
  <c r="AC91260" i="1"/>
  <c r="AC91261" i="1"/>
  <c r="AC91262" i="1"/>
  <c r="AC91263" i="1"/>
  <c r="AC91264" i="1"/>
  <c r="AC91265" i="1"/>
  <c r="AC91266" i="1"/>
  <c r="AC91267" i="1"/>
  <c r="AC91268" i="1"/>
  <c r="AC91269" i="1"/>
  <c r="AC91270" i="1"/>
  <c r="AC91271" i="1"/>
  <c r="AC91272" i="1"/>
  <c r="AC91273" i="1"/>
  <c r="AC91274" i="1"/>
  <c r="AC91275" i="1"/>
  <c r="AC91276" i="1"/>
  <c r="AC91277" i="1"/>
  <c r="AC91278" i="1"/>
  <c r="AC91279" i="1"/>
  <c r="AC91280" i="1"/>
  <c r="AC91281" i="1"/>
  <c r="AC91282" i="1"/>
  <c r="AC91283" i="1"/>
  <c r="AC91284" i="1"/>
  <c r="AC91285" i="1"/>
  <c r="AC91286" i="1"/>
  <c r="AC91287" i="1"/>
  <c r="AC91288" i="1"/>
  <c r="AC91289" i="1"/>
  <c r="AC91290" i="1"/>
  <c r="AC91291" i="1"/>
  <c r="AC91292" i="1"/>
  <c r="AC91293" i="1"/>
  <c r="AC91294" i="1"/>
  <c r="AC91295" i="1"/>
  <c r="AC91296" i="1"/>
  <c r="AC91297" i="1"/>
  <c r="AC91298" i="1"/>
  <c r="AC91299" i="1"/>
  <c r="AC91300" i="1"/>
  <c r="AC91301" i="1"/>
  <c r="AC91302" i="1"/>
  <c r="AC91303" i="1"/>
  <c r="AC91304" i="1"/>
  <c r="AC91305" i="1"/>
  <c r="AC91306" i="1"/>
  <c r="AC91307" i="1"/>
  <c r="AC91308" i="1"/>
  <c r="AC91309" i="1"/>
  <c r="AC91310" i="1"/>
  <c r="AC91311" i="1"/>
  <c r="AC91312" i="1"/>
  <c r="AC91313" i="1"/>
  <c r="AC91314" i="1"/>
  <c r="AC91315" i="1"/>
  <c r="AC91316" i="1"/>
  <c r="AC91317" i="1"/>
  <c r="AC91318" i="1"/>
  <c r="AC91319" i="1"/>
  <c r="AC91320" i="1"/>
  <c r="AC91321" i="1"/>
  <c r="AC91322" i="1"/>
  <c r="AC91323" i="1"/>
  <c r="AC91324" i="1"/>
  <c r="AC91325" i="1"/>
  <c r="AC91326" i="1"/>
  <c r="AC91327" i="1"/>
  <c r="AC91328" i="1"/>
  <c r="AC91329" i="1"/>
  <c r="AC91330" i="1"/>
  <c r="AC91331" i="1"/>
  <c r="AC91332" i="1"/>
  <c r="AC91333" i="1"/>
  <c r="AC91334" i="1"/>
  <c r="AC91335" i="1"/>
  <c r="AC91336" i="1"/>
  <c r="AC91337" i="1"/>
  <c r="AC91338" i="1"/>
  <c r="AC91339" i="1"/>
  <c r="AC91340" i="1"/>
  <c r="AC91341" i="1"/>
  <c r="AC91342" i="1"/>
  <c r="AC91343" i="1"/>
  <c r="AC91344" i="1"/>
  <c r="AC91345" i="1"/>
  <c r="AC91346" i="1"/>
  <c r="AC91347" i="1"/>
  <c r="AC91348" i="1"/>
  <c r="AC91349" i="1"/>
  <c r="AC91350" i="1"/>
  <c r="AC91351" i="1"/>
  <c r="AC91352" i="1"/>
  <c r="AC91353" i="1"/>
  <c r="AC91354" i="1"/>
  <c r="AC91355" i="1"/>
  <c r="AC91356" i="1"/>
  <c r="AC91357" i="1"/>
  <c r="AC91358" i="1"/>
  <c r="AC91359" i="1"/>
  <c r="AC91360" i="1"/>
  <c r="AC91361" i="1"/>
  <c r="AC91362" i="1"/>
  <c r="AC91363" i="1"/>
  <c r="AC91364" i="1"/>
  <c r="AC91365" i="1"/>
  <c r="AC91366" i="1"/>
  <c r="AC91367" i="1"/>
  <c r="AC91368" i="1"/>
  <c r="AC91369" i="1"/>
  <c r="AC91370" i="1"/>
  <c r="AC91371" i="1"/>
  <c r="AC91372" i="1"/>
  <c r="AC91373" i="1"/>
  <c r="AC91374" i="1"/>
  <c r="AC91375" i="1"/>
  <c r="AC91376" i="1"/>
  <c r="AC91377" i="1"/>
  <c r="AC91378" i="1"/>
  <c r="AC91379" i="1"/>
  <c r="AC91380" i="1"/>
  <c r="AC91381" i="1"/>
  <c r="AC91382" i="1"/>
  <c r="AC91383" i="1"/>
  <c r="AC91384" i="1"/>
  <c r="AC91385" i="1"/>
  <c r="AC91386" i="1"/>
  <c r="AC91387" i="1"/>
  <c r="AC91388" i="1"/>
  <c r="AC91389" i="1"/>
  <c r="AC91390" i="1"/>
  <c r="AC91391" i="1"/>
  <c r="AC91392" i="1"/>
  <c r="AC91393" i="1"/>
  <c r="AC91394" i="1"/>
  <c r="AC91395" i="1"/>
  <c r="AC91396" i="1"/>
  <c r="AC91397" i="1"/>
  <c r="AC91398" i="1"/>
  <c r="AC91399" i="1"/>
  <c r="AC91400" i="1"/>
  <c r="AC91401" i="1"/>
  <c r="AC91402" i="1"/>
  <c r="AC91403" i="1"/>
  <c r="AC91404" i="1"/>
  <c r="AC91405" i="1"/>
  <c r="AC91406" i="1"/>
  <c r="AC91407" i="1"/>
  <c r="AC91408" i="1"/>
  <c r="AC91409" i="1"/>
  <c r="AC91410" i="1"/>
  <c r="AC91411" i="1"/>
  <c r="AC91412" i="1"/>
  <c r="AC91413" i="1"/>
  <c r="AC91414" i="1"/>
  <c r="AC91415" i="1"/>
  <c r="AC91416" i="1"/>
  <c r="AC91417" i="1"/>
  <c r="AC91418" i="1"/>
  <c r="AC91419" i="1"/>
  <c r="AC91420" i="1"/>
  <c r="AC91421" i="1"/>
  <c r="AC91422" i="1"/>
  <c r="AC91423" i="1"/>
  <c r="AC91424" i="1"/>
  <c r="AC91425" i="1"/>
  <c r="AC91426" i="1"/>
  <c r="AC91427" i="1"/>
  <c r="AC91428" i="1"/>
  <c r="AC91429" i="1"/>
  <c r="AC91430" i="1"/>
  <c r="AC91431" i="1"/>
  <c r="AC91432" i="1"/>
  <c r="AC91433" i="1"/>
  <c r="AC91434" i="1"/>
  <c r="AC91435" i="1"/>
  <c r="AC91436" i="1"/>
  <c r="AC91437" i="1"/>
  <c r="AC91438" i="1"/>
  <c r="AC91439" i="1"/>
  <c r="AC91440" i="1"/>
  <c r="AC91441" i="1"/>
  <c r="AC91442" i="1"/>
  <c r="AC91443" i="1"/>
  <c r="AC91444" i="1"/>
  <c r="AC91445" i="1"/>
  <c r="AC91446" i="1"/>
  <c r="AC91447" i="1"/>
  <c r="AC91448" i="1"/>
  <c r="AC91449" i="1"/>
  <c r="AC91450" i="1"/>
  <c r="AC91451" i="1"/>
  <c r="AC91452" i="1"/>
  <c r="AC91453" i="1"/>
  <c r="AC91454" i="1"/>
  <c r="AC91455" i="1"/>
  <c r="AC91456" i="1"/>
  <c r="AC91457" i="1"/>
  <c r="AC91458" i="1"/>
  <c r="AC91459" i="1"/>
  <c r="AC91460" i="1"/>
  <c r="AC91461" i="1"/>
  <c r="AC91462" i="1"/>
  <c r="AC91463" i="1"/>
  <c r="AC91464" i="1"/>
  <c r="AC91465" i="1"/>
  <c r="AC91466" i="1"/>
  <c r="AC91467" i="1"/>
  <c r="AC91468" i="1"/>
  <c r="AC91469" i="1"/>
  <c r="AC91470" i="1"/>
  <c r="AC91471" i="1"/>
  <c r="AC91472" i="1"/>
  <c r="AC91473" i="1"/>
  <c r="AC91474" i="1"/>
  <c r="AC91475" i="1"/>
  <c r="AC91476" i="1"/>
  <c r="AC91477" i="1"/>
  <c r="AC91478" i="1"/>
  <c r="AC91479" i="1"/>
  <c r="AC91480" i="1"/>
  <c r="AC91481" i="1"/>
  <c r="AC91482" i="1"/>
  <c r="AC91483" i="1"/>
  <c r="AC91484" i="1"/>
  <c r="AC91485" i="1"/>
  <c r="AC91486" i="1"/>
  <c r="AC91487" i="1"/>
  <c r="AC91488" i="1"/>
  <c r="AC91489" i="1"/>
  <c r="AC91490" i="1"/>
  <c r="AC91491" i="1"/>
  <c r="AC91492" i="1"/>
  <c r="AC91493" i="1"/>
  <c r="AC91494" i="1"/>
  <c r="AC91495" i="1"/>
  <c r="AC91496" i="1"/>
  <c r="AC91497" i="1"/>
  <c r="AC91498" i="1"/>
  <c r="AC91499" i="1"/>
  <c r="AC91500" i="1"/>
  <c r="AC91501" i="1"/>
  <c r="AC91502" i="1"/>
  <c r="AC91503" i="1"/>
  <c r="AC91504" i="1"/>
  <c r="AC91505" i="1"/>
  <c r="AC91506" i="1"/>
  <c r="AC91507" i="1"/>
  <c r="AC91508" i="1"/>
  <c r="AC91509" i="1"/>
  <c r="AC91510" i="1"/>
  <c r="AC91511" i="1"/>
  <c r="AC91512" i="1"/>
  <c r="AC91513" i="1"/>
  <c r="AC91514" i="1"/>
  <c r="AC91515" i="1"/>
  <c r="AC91516" i="1"/>
  <c r="AC91517" i="1"/>
  <c r="AC91518" i="1"/>
  <c r="AC91519" i="1"/>
  <c r="AC91520" i="1"/>
  <c r="AC91521" i="1"/>
  <c r="AC91522" i="1"/>
  <c r="AC91523" i="1"/>
  <c r="AC91524" i="1"/>
  <c r="AC91525" i="1"/>
  <c r="AC91526" i="1"/>
  <c r="AC91527" i="1"/>
  <c r="AC91528" i="1"/>
  <c r="AC91529" i="1"/>
  <c r="AC91530" i="1"/>
  <c r="AC91531" i="1"/>
  <c r="AC91532" i="1"/>
  <c r="AC91533" i="1"/>
  <c r="AC91534" i="1"/>
  <c r="AC91535" i="1"/>
  <c r="AC91536" i="1"/>
  <c r="AC91537" i="1"/>
  <c r="AC91538" i="1"/>
  <c r="AC91539" i="1"/>
  <c r="AC91540" i="1"/>
  <c r="AC91541" i="1"/>
  <c r="AC91542" i="1"/>
  <c r="AC91543" i="1"/>
  <c r="AC91544" i="1"/>
  <c r="AC91545" i="1"/>
  <c r="AC91546" i="1"/>
  <c r="AC91547" i="1"/>
  <c r="AC91548" i="1"/>
  <c r="AC91549" i="1"/>
  <c r="AC91550" i="1"/>
  <c r="AC91551" i="1"/>
  <c r="AC91552" i="1"/>
  <c r="AC91553" i="1"/>
  <c r="AC91554" i="1"/>
  <c r="AC91555" i="1"/>
  <c r="AC91556" i="1"/>
  <c r="AC91557" i="1"/>
  <c r="AC91558" i="1"/>
  <c r="AC91559" i="1"/>
  <c r="AC91560" i="1"/>
  <c r="AC91561" i="1"/>
  <c r="AC91562" i="1"/>
  <c r="AC91563" i="1"/>
  <c r="AC91564" i="1"/>
  <c r="AC91565" i="1"/>
  <c r="AC91566" i="1"/>
  <c r="AC91567" i="1"/>
  <c r="AC91568" i="1"/>
  <c r="AC91569" i="1"/>
  <c r="AC91570" i="1"/>
  <c r="AC91571" i="1"/>
  <c r="AC91572" i="1"/>
  <c r="AC91573" i="1"/>
  <c r="AC91574" i="1"/>
  <c r="AC91575" i="1"/>
  <c r="AC91576" i="1"/>
  <c r="AC91577" i="1"/>
  <c r="AC91578" i="1"/>
  <c r="AC91579" i="1"/>
  <c r="AC91580" i="1"/>
  <c r="AC91581" i="1"/>
  <c r="AC91582" i="1"/>
  <c r="AC91583" i="1"/>
  <c r="AC91584" i="1"/>
  <c r="AC91585" i="1"/>
  <c r="AC91586" i="1"/>
  <c r="AC91587" i="1"/>
  <c r="AC91588" i="1"/>
  <c r="AC91589" i="1"/>
  <c r="AC91590" i="1"/>
  <c r="AC91591" i="1"/>
  <c r="AC91592" i="1"/>
  <c r="AC91593" i="1"/>
  <c r="AC91594" i="1"/>
  <c r="AC91595" i="1"/>
  <c r="AC91596" i="1"/>
  <c r="AC91597" i="1"/>
  <c r="AC91598" i="1"/>
  <c r="AC91599" i="1"/>
  <c r="AC91600" i="1"/>
  <c r="AC91601" i="1"/>
  <c r="AC91602" i="1"/>
  <c r="AC91603" i="1"/>
  <c r="AC91604" i="1"/>
  <c r="AC91605" i="1"/>
  <c r="AC91606" i="1"/>
  <c r="AC91607" i="1"/>
  <c r="AC91608" i="1"/>
  <c r="AC91609" i="1"/>
  <c r="AC91610" i="1"/>
  <c r="AC91611" i="1"/>
  <c r="AC91612" i="1"/>
  <c r="AC91613" i="1"/>
  <c r="AC91614" i="1"/>
  <c r="AC91615" i="1"/>
  <c r="AC91616" i="1"/>
  <c r="AC91617" i="1"/>
  <c r="AC91618" i="1"/>
  <c r="AC91619" i="1"/>
  <c r="AC91620" i="1"/>
  <c r="AC91621" i="1"/>
  <c r="AC91622" i="1"/>
  <c r="AC91623" i="1"/>
  <c r="AC91624" i="1"/>
  <c r="AC91625" i="1"/>
  <c r="AC91626" i="1"/>
  <c r="AC91627" i="1"/>
  <c r="AC91628" i="1"/>
  <c r="AC91629" i="1"/>
  <c r="AC91630" i="1"/>
  <c r="AC91631" i="1"/>
  <c r="AC91632" i="1"/>
  <c r="AC91633" i="1"/>
  <c r="AC91634" i="1"/>
  <c r="AC91635" i="1"/>
  <c r="AC91636" i="1"/>
  <c r="AC91637" i="1"/>
  <c r="AC91638" i="1"/>
  <c r="AC91639" i="1"/>
  <c r="AC91640" i="1"/>
  <c r="AC91641" i="1"/>
  <c r="AC91642" i="1"/>
  <c r="AC91643" i="1"/>
  <c r="AC91644" i="1"/>
  <c r="AC91645" i="1"/>
  <c r="AC91646" i="1"/>
  <c r="AC91647" i="1"/>
  <c r="AC91648" i="1"/>
  <c r="AC91649" i="1"/>
  <c r="AC91650" i="1"/>
  <c r="AC91651" i="1"/>
  <c r="AC91652" i="1"/>
  <c r="AC91653" i="1"/>
  <c r="AC91654" i="1"/>
  <c r="AC91655" i="1"/>
  <c r="AC91656" i="1"/>
  <c r="AC91657" i="1"/>
  <c r="AC91658" i="1"/>
  <c r="AC91659" i="1"/>
  <c r="AC91660" i="1"/>
  <c r="AC91661" i="1"/>
  <c r="AC91662" i="1"/>
  <c r="AC91663" i="1"/>
  <c r="AC91664" i="1"/>
  <c r="AC91665" i="1"/>
  <c r="AC91666" i="1"/>
  <c r="AC91667" i="1"/>
  <c r="AC91668" i="1"/>
  <c r="AC91669" i="1"/>
  <c r="AC91670" i="1"/>
  <c r="AC91671" i="1"/>
  <c r="AC91672" i="1"/>
  <c r="AC91673" i="1"/>
  <c r="AC91674" i="1"/>
  <c r="AC91675" i="1"/>
  <c r="AC91676" i="1"/>
  <c r="AC91677" i="1"/>
  <c r="AC91678" i="1"/>
  <c r="AC91679" i="1"/>
  <c r="AC91680" i="1"/>
  <c r="AC91681" i="1"/>
  <c r="AC91682" i="1"/>
  <c r="AC91683" i="1"/>
  <c r="AC91684" i="1"/>
  <c r="AC91685" i="1"/>
  <c r="AC91686" i="1"/>
  <c r="AC91687" i="1"/>
  <c r="AC91688" i="1"/>
  <c r="AC91689" i="1"/>
  <c r="AC91690" i="1"/>
  <c r="AC91691" i="1"/>
  <c r="AC91692" i="1"/>
  <c r="AC91693" i="1"/>
  <c r="AC91694" i="1"/>
  <c r="AC91695" i="1"/>
  <c r="AC91696" i="1"/>
  <c r="AC91697" i="1"/>
  <c r="AC91698" i="1"/>
  <c r="AC91699" i="1"/>
  <c r="AC91700" i="1"/>
  <c r="AC91701" i="1"/>
  <c r="AC91702" i="1"/>
  <c r="AC91703" i="1"/>
  <c r="AC91704" i="1"/>
  <c r="AC91705" i="1"/>
  <c r="AC91706" i="1"/>
  <c r="AC91707" i="1"/>
  <c r="AC91708" i="1"/>
  <c r="AC91709" i="1"/>
  <c r="AC91710" i="1"/>
  <c r="AC91711" i="1"/>
  <c r="AC91712" i="1"/>
  <c r="AC91713" i="1"/>
  <c r="AC91714" i="1"/>
  <c r="AC91715" i="1"/>
  <c r="AC91716" i="1"/>
  <c r="AC91717" i="1"/>
  <c r="AC91718" i="1"/>
  <c r="AC91719" i="1"/>
  <c r="AC91720" i="1"/>
  <c r="AC91721" i="1"/>
  <c r="AC91722" i="1"/>
  <c r="AC91723" i="1"/>
  <c r="AC91724" i="1"/>
  <c r="AC91725" i="1"/>
  <c r="AC91726" i="1"/>
  <c r="AC91727" i="1"/>
  <c r="AC91728" i="1"/>
  <c r="AC91729" i="1"/>
  <c r="AC91730" i="1"/>
  <c r="AC91731" i="1"/>
  <c r="AC91732" i="1"/>
  <c r="AC91733" i="1"/>
  <c r="AC91734" i="1"/>
  <c r="AC91735" i="1"/>
  <c r="AC91736" i="1"/>
  <c r="AC91737" i="1"/>
  <c r="AC91738" i="1"/>
  <c r="AC91739" i="1"/>
  <c r="AC91740" i="1"/>
  <c r="AC91741" i="1"/>
  <c r="AC91742" i="1"/>
  <c r="AC91743" i="1"/>
  <c r="AC91744" i="1"/>
  <c r="AC91745" i="1"/>
  <c r="AC91746" i="1"/>
  <c r="AC91747" i="1"/>
  <c r="AC91748" i="1"/>
  <c r="AC91749" i="1"/>
  <c r="AC91750" i="1"/>
  <c r="AC91751" i="1"/>
  <c r="AC91752" i="1"/>
  <c r="AC91753" i="1"/>
  <c r="AC91754" i="1"/>
  <c r="AC91755" i="1"/>
  <c r="AC91756" i="1"/>
  <c r="AC91757" i="1"/>
  <c r="AC91758" i="1"/>
  <c r="AC91759" i="1"/>
  <c r="AC91760" i="1"/>
  <c r="AC91761" i="1"/>
  <c r="AC91762" i="1"/>
  <c r="AC91763" i="1"/>
  <c r="AC91764" i="1"/>
  <c r="AC91765" i="1"/>
  <c r="AC91766" i="1"/>
  <c r="AC91767" i="1"/>
  <c r="AC91768" i="1"/>
  <c r="AC91769" i="1"/>
  <c r="AC91770" i="1"/>
  <c r="AC91771" i="1"/>
  <c r="AC91772" i="1"/>
  <c r="AC91773" i="1"/>
  <c r="AC91774" i="1"/>
  <c r="AC91775" i="1"/>
  <c r="AC91776" i="1"/>
  <c r="AC91777" i="1"/>
  <c r="AC91778" i="1"/>
  <c r="AC91779" i="1"/>
  <c r="AC91780" i="1"/>
  <c r="AC91781" i="1"/>
  <c r="AC91782" i="1"/>
  <c r="AC91783" i="1"/>
  <c r="AC91784" i="1"/>
  <c r="AC91785" i="1"/>
  <c r="AC91786" i="1"/>
  <c r="AC91787" i="1"/>
  <c r="AC91788" i="1"/>
  <c r="AC91789" i="1"/>
  <c r="AC91790" i="1"/>
  <c r="AC91791" i="1"/>
  <c r="AC91792" i="1"/>
  <c r="AC91793" i="1"/>
  <c r="AC91794" i="1"/>
  <c r="AC91795" i="1"/>
  <c r="AC91796" i="1"/>
  <c r="AC91797" i="1"/>
  <c r="AC91798" i="1"/>
  <c r="AC91799" i="1"/>
  <c r="AC91800" i="1"/>
  <c r="AC91801" i="1"/>
  <c r="AC91802" i="1"/>
  <c r="AC91803" i="1"/>
  <c r="AC91804" i="1"/>
  <c r="AC91805" i="1"/>
  <c r="AC91806" i="1"/>
  <c r="AC91807" i="1"/>
  <c r="AC91808" i="1"/>
  <c r="AC91809" i="1"/>
  <c r="AC91810" i="1"/>
  <c r="AC91811" i="1"/>
  <c r="AC91812" i="1"/>
  <c r="AC91813" i="1"/>
  <c r="AC91814" i="1"/>
  <c r="AC91815" i="1"/>
  <c r="AC91816" i="1"/>
  <c r="AC91817" i="1"/>
  <c r="AC91818" i="1"/>
  <c r="AC91819" i="1"/>
  <c r="AC91820" i="1"/>
  <c r="AC91821" i="1"/>
  <c r="AC91822" i="1"/>
  <c r="AC91823" i="1"/>
  <c r="AC91824" i="1"/>
  <c r="AC91825" i="1"/>
  <c r="AC91826" i="1"/>
  <c r="AC91827" i="1"/>
  <c r="AC91828" i="1"/>
  <c r="AC91829" i="1"/>
  <c r="AC91830" i="1"/>
  <c r="AC91831" i="1"/>
  <c r="AC91832" i="1"/>
  <c r="AC91833" i="1"/>
  <c r="AC91834" i="1"/>
  <c r="AC91835" i="1"/>
  <c r="AC91836" i="1"/>
  <c r="AC91837" i="1"/>
  <c r="AC91838" i="1"/>
  <c r="AC91839" i="1"/>
  <c r="AC91840" i="1"/>
  <c r="AC91841" i="1"/>
  <c r="AC91842" i="1"/>
  <c r="AC91843" i="1"/>
  <c r="AC91844" i="1"/>
  <c r="AC91845" i="1"/>
  <c r="AC91846" i="1"/>
  <c r="AC91847" i="1"/>
  <c r="AC91848" i="1"/>
  <c r="AC91849" i="1"/>
  <c r="AC91850" i="1"/>
  <c r="AC91851" i="1"/>
  <c r="AC91852" i="1"/>
  <c r="AC91853" i="1"/>
  <c r="AC91854" i="1"/>
  <c r="AC91855" i="1"/>
  <c r="AC91856" i="1"/>
  <c r="AC91857" i="1"/>
  <c r="AC91858" i="1"/>
  <c r="AC91859" i="1"/>
  <c r="AC91860" i="1"/>
  <c r="AC91861" i="1"/>
  <c r="AC91862" i="1"/>
  <c r="AC91863" i="1"/>
  <c r="AC91864" i="1"/>
  <c r="AC91865" i="1"/>
  <c r="AC91866" i="1"/>
  <c r="AC91867" i="1"/>
  <c r="AC91868" i="1"/>
  <c r="AC91869" i="1"/>
  <c r="AC91870" i="1"/>
  <c r="AC91871" i="1"/>
  <c r="AC91872" i="1"/>
  <c r="AC91873" i="1"/>
  <c r="AC91874" i="1"/>
  <c r="AC91875" i="1"/>
  <c r="AC91876" i="1"/>
  <c r="AC91877" i="1"/>
  <c r="AC91878" i="1"/>
  <c r="AC91879" i="1"/>
  <c r="AC91880" i="1"/>
  <c r="AC91881" i="1"/>
  <c r="AC91882" i="1"/>
  <c r="AC91883" i="1"/>
  <c r="AC91884" i="1"/>
  <c r="AC91885" i="1"/>
  <c r="AC91886" i="1"/>
  <c r="AC91887" i="1"/>
  <c r="AC91888" i="1"/>
  <c r="AC91889" i="1"/>
  <c r="AC91890" i="1"/>
  <c r="AC91891" i="1"/>
  <c r="AC91892" i="1"/>
  <c r="AC91893" i="1"/>
  <c r="AC91894" i="1"/>
  <c r="AC91895" i="1"/>
  <c r="AC91896" i="1"/>
  <c r="AC91897" i="1"/>
  <c r="AC91898" i="1"/>
  <c r="AC91899" i="1"/>
  <c r="AC91900" i="1"/>
  <c r="AC91901" i="1"/>
  <c r="AC91902" i="1"/>
  <c r="AC91903" i="1"/>
  <c r="AC91904" i="1"/>
  <c r="AC91905" i="1"/>
  <c r="AC91906" i="1"/>
  <c r="AC91907" i="1"/>
  <c r="AC91908" i="1"/>
  <c r="AC91909" i="1"/>
  <c r="AC91910" i="1"/>
  <c r="AC91911" i="1"/>
  <c r="AC91912" i="1"/>
  <c r="AC91913" i="1"/>
  <c r="AC91914" i="1"/>
  <c r="AC91915" i="1"/>
  <c r="AC91916" i="1"/>
  <c r="AC91917" i="1"/>
  <c r="AC91918" i="1"/>
  <c r="AC91919" i="1"/>
  <c r="AC91920" i="1"/>
  <c r="AC91921" i="1"/>
  <c r="AC91922" i="1"/>
  <c r="AC91923" i="1"/>
  <c r="AC91924" i="1"/>
  <c r="AC91925" i="1"/>
  <c r="AC91926" i="1"/>
  <c r="AC91927" i="1"/>
  <c r="AC91928" i="1"/>
  <c r="AC91929" i="1"/>
  <c r="AC91930" i="1"/>
  <c r="AC91931" i="1"/>
  <c r="AC91932" i="1"/>
  <c r="AC91933" i="1"/>
  <c r="AC91934" i="1"/>
  <c r="AC91935" i="1"/>
  <c r="AC91936" i="1"/>
  <c r="AC91937" i="1"/>
  <c r="AC91938" i="1"/>
  <c r="AC91939" i="1"/>
  <c r="AC91940" i="1"/>
  <c r="AC91941" i="1"/>
  <c r="AC91942" i="1"/>
  <c r="AC91943" i="1"/>
  <c r="AC91944" i="1"/>
  <c r="AC91945" i="1"/>
  <c r="AC91946" i="1"/>
  <c r="AC91947" i="1"/>
  <c r="AC91948" i="1"/>
  <c r="AC91949" i="1"/>
  <c r="AC91950" i="1"/>
  <c r="AC91951" i="1"/>
  <c r="AC91952" i="1"/>
  <c r="AC91953" i="1"/>
  <c r="AC91954" i="1"/>
  <c r="AC91955" i="1"/>
  <c r="AC91956" i="1"/>
  <c r="AC91957" i="1"/>
  <c r="AC91958" i="1"/>
  <c r="AC91959" i="1"/>
  <c r="AC91960" i="1"/>
  <c r="AC91961" i="1"/>
  <c r="AC91962" i="1"/>
  <c r="AC91963" i="1"/>
  <c r="AC91964" i="1"/>
  <c r="AC91965" i="1"/>
  <c r="AC91966" i="1"/>
  <c r="AC91967" i="1"/>
  <c r="AC91968" i="1"/>
  <c r="AC91969" i="1"/>
  <c r="AC91970" i="1"/>
  <c r="AC91971" i="1"/>
  <c r="AC91972" i="1"/>
  <c r="AC91973" i="1"/>
  <c r="AC91974" i="1"/>
  <c r="AC91975" i="1"/>
  <c r="AC91976" i="1"/>
  <c r="AC91977" i="1"/>
  <c r="AC91978" i="1"/>
  <c r="AC91979" i="1"/>
  <c r="AC91980" i="1"/>
  <c r="AC91981" i="1"/>
  <c r="AC91982" i="1"/>
  <c r="AC91983" i="1"/>
  <c r="AC91984" i="1"/>
  <c r="AC91985" i="1"/>
  <c r="AC91986" i="1"/>
  <c r="AC91987" i="1"/>
  <c r="AC91988" i="1"/>
  <c r="AC91989" i="1"/>
  <c r="AC91990" i="1"/>
  <c r="AC91991" i="1"/>
  <c r="AC91992" i="1"/>
  <c r="AC91993" i="1"/>
  <c r="AC91994" i="1"/>
  <c r="AC91995" i="1"/>
  <c r="AC91996" i="1"/>
  <c r="AC91997" i="1"/>
  <c r="AC91998" i="1"/>
  <c r="AC91999" i="1"/>
  <c r="AC92000" i="1"/>
  <c r="AC92001" i="1"/>
  <c r="AC92002" i="1"/>
  <c r="AC92003" i="1"/>
  <c r="AC92004" i="1"/>
  <c r="AC92005" i="1"/>
  <c r="AC92006" i="1"/>
  <c r="AC92007" i="1"/>
  <c r="AC92008" i="1"/>
  <c r="AC92009" i="1"/>
  <c r="AC92010" i="1"/>
  <c r="AC92011" i="1"/>
  <c r="AC92012" i="1"/>
  <c r="AC92013" i="1"/>
  <c r="AC92014" i="1"/>
  <c r="AC92015" i="1"/>
  <c r="AC92016" i="1"/>
  <c r="AC92017" i="1"/>
  <c r="AC92018" i="1"/>
  <c r="AC92019" i="1"/>
  <c r="AC92020" i="1"/>
  <c r="AC92021" i="1"/>
  <c r="AC92022" i="1"/>
  <c r="AC92023" i="1"/>
  <c r="AC92024" i="1"/>
  <c r="AC92025" i="1"/>
  <c r="AC92026" i="1"/>
  <c r="AC92027" i="1"/>
  <c r="AC92028" i="1"/>
  <c r="AC92029" i="1"/>
  <c r="AC92030" i="1"/>
  <c r="AC92031" i="1"/>
  <c r="AC92032" i="1"/>
  <c r="AC92033" i="1"/>
  <c r="AC92034" i="1"/>
  <c r="AC92035" i="1"/>
  <c r="AC92036" i="1"/>
  <c r="AC92037" i="1"/>
  <c r="AC92038" i="1"/>
  <c r="AC92039" i="1"/>
  <c r="AC92040" i="1"/>
  <c r="AC92041" i="1"/>
  <c r="AC92042" i="1"/>
  <c r="AC92043" i="1"/>
  <c r="AC92044" i="1"/>
  <c r="AC92045" i="1"/>
  <c r="AC92046" i="1"/>
  <c r="AC92047" i="1"/>
  <c r="AC92048" i="1"/>
  <c r="AC92049" i="1"/>
  <c r="AC92050" i="1"/>
  <c r="AC92051" i="1"/>
  <c r="AC92052" i="1"/>
  <c r="AC92053" i="1"/>
  <c r="AC92054" i="1"/>
  <c r="AC92055" i="1"/>
  <c r="AC92056" i="1"/>
  <c r="AC92057" i="1"/>
  <c r="AC92058" i="1"/>
  <c r="AC92059" i="1"/>
  <c r="AC92060" i="1"/>
  <c r="AC92061" i="1"/>
  <c r="AC92062" i="1"/>
  <c r="AC92063" i="1"/>
  <c r="AC92064" i="1"/>
  <c r="AC92065" i="1"/>
  <c r="AC92066" i="1"/>
  <c r="AC92067" i="1"/>
  <c r="AC92068" i="1"/>
  <c r="AC92069" i="1"/>
  <c r="AC92070" i="1"/>
  <c r="AC92071" i="1"/>
  <c r="AC92072" i="1"/>
  <c r="AC92073" i="1"/>
  <c r="AC92074" i="1"/>
  <c r="AC92075" i="1"/>
  <c r="AC92076" i="1"/>
  <c r="AC92077" i="1"/>
  <c r="AC92078" i="1"/>
  <c r="AC92079" i="1"/>
  <c r="AC92080" i="1"/>
  <c r="AC92081" i="1"/>
  <c r="AC92082" i="1"/>
  <c r="AC92083" i="1"/>
  <c r="AC92084" i="1"/>
  <c r="AC92085" i="1"/>
  <c r="AC92086" i="1"/>
  <c r="AC92087" i="1"/>
  <c r="AC92088" i="1"/>
  <c r="AC92089" i="1"/>
  <c r="AC92090" i="1"/>
  <c r="AC92091" i="1"/>
  <c r="AC92092" i="1"/>
  <c r="AC92093" i="1"/>
  <c r="AC92094" i="1"/>
  <c r="AC92095" i="1"/>
  <c r="AC92096" i="1"/>
  <c r="AC92097" i="1"/>
  <c r="AC92098" i="1"/>
  <c r="AC92099" i="1"/>
  <c r="AC92100" i="1"/>
  <c r="AC92101" i="1"/>
  <c r="AC92102" i="1"/>
  <c r="AC92103" i="1"/>
  <c r="AC92104" i="1"/>
  <c r="AC92105" i="1"/>
  <c r="AC92106" i="1"/>
  <c r="AC92107" i="1"/>
  <c r="AC92108" i="1"/>
  <c r="AC92109" i="1"/>
  <c r="AC92110" i="1"/>
  <c r="AC92111" i="1"/>
  <c r="AC92112" i="1"/>
  <c r="AC92113" i="1"/>
  <c r="AC92114" i="1"/>
  <c r="AC92115" i="1"/>
  <c r="AC92116" i="1"/>
  <c r="AC92117" i="1"/>
  <c r="AC92118" i="1"/>
  <c r="AC92119" i="1"/>
  <c r="AC92120" i="1"/>
  <c r="AC92121" i="1"/>
  <c r="AC92122" i="1"/>
  <c r="AC92123" i="1"/>
  <c r="AC92124" i="1"/>
  <c r="AC92125" i="1"/>
  <c r="AC92126" i="1"/>
  <c r="AC92127" i="1"/>
  <c r="AC92128" i="1"/>
  <c r="AC92129" i="1"/>
  <c r="AC92130" i="1"/>
  <c r="AC92131" i="1"/>
  <c r="AC92132" i="1"/>
  <c r="AC92133" i="1"/>
  <c r="AC92134" i="1"/>
  <c r="AC92135" i="1"/>
  <c r="AC92136" i="1"/>
  <c r="AC92137" i="1"/>
  <c r="AC92138" i="1"/>
  <c r="AC92139" i="1"/>
  <c r="AC92140" i="1"/>
  <c r="AC92141" i="1"/>
  <c r="AC92142" i="1"/>
  <c r="AC92143" i="1"/>
  <c r="AC92144" i="1"/>
  <c r="AC92145" i="1"/>
  <c r="AC92146" i="1"/>
  <c r="AC92147" i="1"/>
  <c r="AC92148" i="1"/>
  <c r="AC92149" i="1"/>
  <c r="AC92150" i="1"/>
  <c r="AC92151" i="1"/>
  <c r="AC92152" i="1"/>
  <c r="AC92153" i="1"/>
  <c r="AC92154" i="1"/>
  <c r="AC92155" i="1"/>
  <c r="AC92156" i="1"/>
  <c r="AC92157" i="1"/>
  <c r="AC92158" i="1"/>
  <c r="AC92159" i="1"/>
  <c r="AC92160" i="1"/>
  <c r="AC92161" i="1"/>
  <c r="AC92162" i="1"/>
  <c r="AC92163" i="1"/>
  <c r="AC92164" i="1"/>
  <c r="AC92165" i="1"/>
  <c r="AC92166" i="1"/>
  <c r="AC92167" i="1"/>
  <c r="AC92168" i="1"/>
  <c r="AC92169" i="1"/>
  <c r="AC92170" i="1"/>
  <c r="AC92171" i="1"/>
  <c r="AC92172" i="1"/>
  <c r="AC92173" i="1"/>
  <c r="AC92174" i="1"/>
  <c r="AC92175" i="1"/>
  <c r="AC92176" i="1"/>
  <c r="AC92177" i="1"/>
  <c r="AC92178" i="1"/>
  <c r="AC92179" i="1"/>
  <c r="AC92180" i="1"/>
  <c r="AC92181" i="1"/>
  <c r="AC92182" i="1"/>
  <c r="AC92183" i="1"/>
  <c r="AC92184" i="1"/>
  <c r="AC92185" i="1"/>
  <c r="AC92186" i="1"/>
  <c r="AC92187" i="1"/>
  <c r="AC92188" i="1"/>
  <c r="AC92189" i="1"/>
  <c r="AC92190" i="1"/>
  <c r="AC92191" i="1"/>
  <c r="AC92192" i="1"/>
  <c r="AC92193" i="1"/>
  <c r="AC92194" i="1"/>
  <c r="AC92195" i="1"/>
  <c r="AC92196" i="1"/>
  <c r="AC92197" i="1"/>
  <c r="AC92198" i="1"/>
  <c r="AC92199" i="1"/>
  <c r="AC92200" i="1"/>
  <c r="AC92201" i="1"/>
  <c r="AC92202" i="1"/>
  <c r="AC92203" i="1"/>
  <c r="AC92204" i="1"/>
  <c r="AC92205" i="1"/>
  <c r="AC92206" i="1"/>
  <c r="AC92207" i="1"/>
  <c r="AC92208" i="1"/>
  <c r="AC92209" i="1"/>
  <c r="AC92210" i="1"/>
  <c r="AC92211" i="1"/>
  <c r="AC92212" i="1"/>
  <c r="AC92213" i="1"/>
  <c r="AC92214" i="1"/>
  <c r="AC92215" i="1"/>
  <c r="AC92216" i="1"/>
  <c r="AC92217" i="1"/>
  <c r="AC92218" i="1"/>
  <c r="AC92219" i="1"/>
  <c r="AC92220" i="1"/>
  <c r="AC92221" i="1"/>
  <c r="AC92222" i="1"/>
  <c r="AC92223" i="1"/>
  <c r="AC92224" i="1"/>
  <c r="AC92225" i="1"/>
  <c r="AC92226" i="1"/>
  <c r="AC92227" i="1"/>
  <c r="AC92228" i="1"/>
  <c r="AC92229" i="1"/>
  <c r="AC92230" i="1"/>
  <c r="AC92231" i="1"/>
  <c r="AC92232" i="1"/>
  <c r="AC92233" i="1"/>
  <c r="AC92234" i="1"/>
  <c r="AC92235" i="1"/>
  <c r="AC92236" i="1"/>
  <c r="AC92237" i="1"/>
  <c r="AC92238" i="1"/>
  <c r="AC92239" i="1"/>
  <c r="AC92240" i="1"/>
  <c r="AC92241" i="1"/>
  <c r="AC92242" i="1"/>
  <c r="AC92243" i="1"/>
  <c r="AC92244" i="1"/>
  <c r="AC92245" i="1"/>
  <c r="AC92246" i="1"/>
  <c r="AC92247" i="1"/>
  <c r="AC92248" i="1"/>
  <c r="AC92249" i="1"/>
  <c r="AC92250" i="1"/>
  <c r="AC92251" i="1"/>
  <c r="AC92252" i="1"/>
  <c r="AC92253" i="1"/>
  <c r="AC92254" i="1"/>
  <c r="AC92255" i="1"/>
  <c r="AC92256" i="1"/>
  <c r="AC92257" i="1"/>
  <c r="AC92258" i="1"/>
  <c r="AC92259" i="1"/>
  <c r="AC92260" i="1"/>
  <c r="AC92261" i="1"/>
  <c r="AC92262" i="1"/>
  <c r="AC92263" i="1"/>
  <c r="AC92264" i="1"/>
  <c r="AC92265" i="1"/>
  <c r="AC92266" i="1"/>
  <c r="AC92267" i="1"/>
  <c r="AC92268" i="1"/>
  <c r="AC92269" i="1"/>
  <c r="AC92270" i="1"/>
  <c r="AC92271" i="1"/>
  <c r="AC92272" i="1"/>
  <c r="AC92273" i="1"/>
  <c r="AC92274" i="1"/>
  <c r="AC92275" i="1"/>
  <c r="AC92276" i="1"/>
  <c r="AC92277" i="1"/>
  <c r="AC92278" i="1"/>
  <c r="AC92279" i="1"/>
  <c r="AC92280" i="1"/>
  <c r="AC92281" i="1"/>
  <c r="AC92282" i="1"/>
  <c r="AC92283" i="1"/>
  <c r="AC92284" i="1"/>
  <c r="AC92285" i="1"/>
  <c r="AC92286" i="1"/>
  <c r="AC92287" i="1"/>
  <c r="AC92288" i="1"/>
  <c r="AC92289" i="1"/>
  <c r="AC92290" i="1"/>
  <c r="AC92291" i="1"/>
  <c r="AC92292" i="1"/>
  <c r="AC92293" i="1"/>
  <c r="AC92294" i="1"/>
  <c r="AC92295" i="1"/>
  <c r="AC92296" i="1"/>
  <c r="AC92297" i="1"/>
  <c r="AC92298" i="1"/>
  <c r="AC92299" i="1"/>
  <c r="AC92300" i="1"/>
  <c r="AC92301" i="1"/>
  <c r="AC92302" i="1"/>
  <c r="AC92303" i="1"/>
  <c r="AC92304" i="1"/>
  <c r="AC92305" i="1"/>
  <c r="AC92306" i="1"/>
  <c r="AC92307" i="1"/>
  <c r="AC92308" i="1"/>
  <c r="AC92309" i="1"/>
  <c r="AC92310" i="1"/>
  <c r="AC92311" i="1"/>
  <c r="AC92312" i="1"/>
  <c r="AC92313" i="1"/>
  <c r="AC92314" i="1"/>
  <c r="AC92315" i="1"/>
  <c r="AC92316" i="1"/>
  <c r="AC92317" i="1"/>
  <c r="AC92318" i="1"/>
  <c r="AC92319" i="1"/>
  <c r="AC92320" i="1"/>
  <c r="AC92321" i="1"/>
  <c r="AC92322" i="1"/>
  <c r="AC92323" i="1"/>
  <c r="AC92324" i="1"/>
  <c r="AC92325" i="1"/>
  <c r="AC92326" i="1"/>
  <c r="AC92327" i="1"/>
  <c r="AC92328" i="1"/>
  <c r="AC92329" i="1"/>
  <c r="AC92330" i="1"/>
  <c r="AC92331" i="1"/>
  <c r="AC92332" i="1"/>
  <c r="AC92333" i="1"/>
  <c r="AC92334" i="1"/>
  <c r="AC92335" i="1"/>
  <c r="AC92336" i="1"/>
  <c r="AC92337" i="1"/>
  <c r="AC92338" i="1"/>
  <c r="AC92339" i="1"/>
  <c r="AC92340" i="1"/>
  <c r="AC92341" i="1"/>
  <c r="AC92342" i="1"/>
  <c r="AC92343" i="1"/>
  <c r="AC92344" i="1"/>
  <c r="AC92345" i="1"/>
  <c r="AC92346" i="1"/>
  <c r="AC92347" i="1"/>
  <c r="AC92348" i="1"/>
  <c r="AC92349" i="1"/>
  <c r="AC92350" i="1"/>
  <c r="AC92351" i="1"/>
  <c r="AC92352" i="1"/>
  <c r="AC92353" i="1"/>
  <c r="AC92354" i="1"/>
  <c r="AC92355" i="1"/>
  <c r="AC92356" i="1"/>
  <c r="AC92357" i="1"/>
  <c r="AC92358" i="1"/>
  <c r="AC92359" i="1"/>
  <c r="AC92360" i="1"/>
  <c r="AC92361" i="1"/>
  <c r="AC92362" i="1"/>
  <c r="AC92363" i="1"/>
  <c r="AC92364" i="1"/>
  <c r="AC92365" i="1"/>
  <c r="AC92366" i="1"/>
  <c r="AC92367" i="1"/>
  <c r="AC92368" i="1"/>
  <c r="AC92369" i="1"/>
  <c r="AC92370" i="1"/>
  <c r="AC92371" i="1"/>
  <c r="AC92372" i="1"/>
  <c r="AC92373" i="1"/>
  <c r="AC92374" i="1"/>
  <c r="AC92375" i="1"/>
  <c r="AC92376" i="1"/>
  <c r="AC92377" i="1"/>
  <c r="AC92378" i="1"/>
  <c r="AC92379" i="1"/>
  <c r="AC92380" i="1"/>
  <c r="AC92381" i="1"/>
  <c r="AC92382" i="1"/>
  <c r="AC92383" i="1"/>
  <c r="AC92384" i="1"/>
  <c r="AC92385" i="1"/>
  <c r="AC92386" i="1"/>
  <c r="AC92387" i="1"/>
  <c r="AC92388" i="1"/>
  <c r="AC92389" i="1"/>
  <c r="AC92390" i="1"/>
  <c r="AC92391" i="1"/>
  <c r="AC92392" i="1"/>
  <c r="AC92393" i="1"/>
  <c r="AC92394" i="1"/>
  <c r="AC92395" i="1"/>
  <c r="AC92396" i="1"/>
  <c r="AC92397" i="1"/>
  <c r="AC92398" i="1"/>
  <c r="AC92399" i="1"/>
  <c r="AC92400" i="1"/>
  <c r="AC92401" i="1"/>
  <c r="AC92402" i="1"/>
  <c r="AC92403" i="1"/>
  <c r="AC92404" i="1"/>
  <c r="AC92405" i="1"/>
  <c r="AC92406" i="1"/>
  <c r="AC92407" i="1"/>
  <c r="AC92408" i="1"/>
  <c r="AC92409" i="1"/>
  <c r="AC92410" i="1"/>
  <c r="AC92411" i="1"/>
  <c r="AC92412" i="1"/>
  <c r="AC92413" i="1"/>
  <c r="AC92414" i="1"/>
  <c r="AC92415" i="1"/>
  <c r="AC92416" i="1"/>
  <c r="AC92417" i="1"/>
  <c r="AC92418" i="1"/>
  <c r="AC92419" i="1"/>
  <c r="AC92420" i="1"/>
  <c r="AC92421" i="1"/>
  <c r="AC92422" i="1"/>
  <c r="AC92423" i="1"/>
  <c r="AC92424" i="1"/>
  <c r="AC92425" i="1"/>
  <c r="AC92426" i="1"/>
  <c r="AC92427" i="1"/>
  <c r="AC92428" i="1"/>
  <c r="AC92429" i="1"/>
  <c r="AC92430" i="1"/>
  <c r="AC92431" i="1"/>
  <c r="AC92432" i="1"/>
  <c r="AC92433" i="1"/>
  <c r="AC92434" i="1"/>
  <c r="AC92435" i="1"/>
  <c r="AC92436" i="1"/>
  <c r="AC92437" i="1"/>
  <c r="AC92438" i="1"/>
  <c r="AC92439" i="1"/>
  <c r="AC92440" i="1"/>
  <c r="AC92441" i="1"/>
  <c r="AC92442" i="1"/>
  <c r="AC92443" i="1"/>
  <c r="AC92444" i="1"/>
  <c r="AC92445" i="1"/>
  <c r="AC92446" i="1"/>
  <c r="AC92447" i="1"/>
  <c r="AC92448" i="1"/>
  <c r="AC92449" i="1"/>
  <c r="AC92450" i="1"/>
  <c r="AC92451" i="1"/>
  <c r="AC92452" i="1"/>
  <c r="AC92453" i="1"/>
  <c r="AC92454" i="1"/>
  <c r="AC92455" i="1"/>
  <c r="AC92456" i="1"/>
  <c r="AC92457" i="1"/>
  <c r="AC92458" i="1"/>
  <c r="AC92459" i="1"/>
  <c r="AC92460" i="1"/>
  <c r="AC92461" i="1"/>
  <c r="AC92462" i="1"/>
  <c r="AC92463" i="1"/>
  <c r="AC92464" i="1"/>
  <c r="AC92465" i="1"/>
  <c r="AC92466" i="1"/>
  <c r="AC92467" i="1"/>
  <c r="AC92468" i="1"/>
  <c r="AC92469" i="1"/>
  <c r="AC92470" i="1"/>
  <c r="AC92471" i="1"/>
  <c r="AC92472" i="1"/>
  <c r="AC92473" i="1"/>
  <c r="AC92474" i="1"/>
  <c r="AC92475" i="1"/>
  <c r="AC92476" i="1"/>
  <c r="AC92477" i="1"/>
  <c r="AC92478" i="1"/>
  <c r="AC92479" i="1"/>
  <c r="AC92480" i="1"/>
  <c r="AC92481" i="1"/>
  <c r="AC92482" i="1"/>
  <c r="AC92483" i="1"/>
  <c r="AC92484" i="1"/>
  <c r="AC92485" i="1"/>
  <c r="AC92486" i="1"/>
  <c r="AC92487" i="1"/>
  <c r="AC92488" i="1"/>
  <c r="AC92489" i="1"/>
  <c r="AC92490" i="1"/>
  <c r="AC92491" i="1"/>
  <c r="AC92492" i="1"/>
  <c r="AC92493" i="1"/>
  <c r="AC92494" i="1"/>
  <c r="AC92495" i="1"/>
  <c r="AC92496" i="1"/>
  <c r="AC92497" i="1"/>
  <c r="AC92498" i="1"/>
  <c r="AC92499" i="1"/>
  <c r="AC92500" i="1"/>
  <c r="AC92501" i="1"/>
  <c r="AC92502" i="1"/>
  <c r="AC92503" i="1"/>
  <c r="AC92504" i="1"/>
  <c r="AC92505" i="1"/>
  <c r="AC92506" i="1"/>
  <c r="AC92507" i="1"/>
  <c r="AC92508" i="1"/>
  <c r="AC92509" i="1"/>
  <c r="AC92510" i="1"/>
  <c r="AC92511" i="1"/>
  <c r="AC92512" i="1"/>
  <c r="AC92513" i="1"/>
  <c r="AC92514" i="1"/>
  <c r="AC92515" i="1"/>
  <c r="AC92516" i="1"/>
  <c r="AC92517" i="1"/>
  <c r="AC92518" i="1"/>
  <c r="AC92519" i="1"/>
  <c r="AC92520" i="1"/>
  <c r="AC92521" i="1"/>
  <c r="AC92522" i="1"/>
  <c r="AC92523" i="1"/>
  <c r="AC92524" i="1"/>
  <c r="AC92525" i="1"/>
  <c r="AC92526" i="1"/>
  <c r="AC92527" i="1"/>
  <c r="AC92528" i="1"/>
  <c r="AC92529" i="1"/>
  <c r="AC92530" i="1"/>
  <c r="AC92531" i="1"/>
  <c r="AC92532" i="1"/>
  <c r="AC92533" i="1"/>
  <c r="AC92534" i="1"/>
  <c r="AC92535" i="1"/>
  <c r="AC92536" i="1"/>
  <c r="AC92537" i="1"/>
  <c r="AC92538" i="1"/>
  <c r="AC92539" i="1"/>
  <c r="AC92540" i="1"/>
  <c r="AC92541" i="1"/>
  <c r="AC92542" i="1"/>
  <c r="AC92543" i="1"/>
  <c r="AC92544" i="1"/>
  <c r="AC92545" i="1"/>
  <c r="AC92546" i="1"/>
  <c r="AC92547" i="1"/>
  <c r="AC92548" i="1"/>
  <c r="AC92549" i="1"/>
  <c r="AC92550" i="1"/>
  <c r="AC92551" i="1"/>
  <c r="AC92552" i="1"/>
  <c r="AC92553" i="1"/>
  <c r="AC92554" i="1"/>
  <c r="AC92555" i="1"/>
  <c r="AC92556" i="1"/>
  <c r="AC92557" i="1"/>
  <c r="AC92558" i="1"/>
  <c r="AC92559" i="1"/>
  <c r="AC92560" i="1"/>
  <c r="AC92561" i="1"/>
  <c r="AC92562" i="1"/>
  <c r="AC92563" i="1"/>
  <c r="AC92564" i="1"/>
  <c r="AC92565" i="1"/>
  <c r="AC92566" i="1"/>
  <c r="AC92567" i="1"/>
  <c r="AC92568" i="1"/>
  <c r="AC92569" i="1"/>
  <c r="AC92570" i="1"/>
  <c r="AC92571" i="1"/>
  <c r="AC92572" i="1"/>
  <c r="AC92573" i="1"/>
  <c r="AC92574" i="1"/>
  <c r="AC92575" i="1"/>
  <c r="AC92576" i="1"/>
  <c r="AC92577" i="1"/>
  <c r="AC92578" i="1"/>
  <c r="AC92579" i="1"/>
  <c r="AC92580" i="1"/>
  <c r="AC92581" i="1"/>
  <c r="AC92582" i="1"/>
  <c r="AC92583" i="1"/>
  <c r="AC92584" i="1"/>
  <c r="AC92585" i="1"/>
  <c r="AC92586" i="1"/>
  <c r="AC92587" i="1"/>
  <c r="AC92588" i="1"/>
  <c r="AC92589" i="1"/>
  <c r="AC92590" i="1"/>
  <c r="AC92591" i="1"/>
  <c r="AC92592" i="1"/>
  <c r="AC92593" i="1"/>
  <c r="AC92594" i="1"/>
  <c r="AC92595" i="1"/>
  <c r="AC92596" i="1"/>
  <c r="AC92597" i="1"/>
  <c r="AC92598" i="1"/>
  <c r="AC92599" i="1"/>
  <c r="AC92600" i="1"/>
  <c r="AC92601" i="1"/>
  <c r="AC92602" i="1"/>
  <c r="AC92603" i="1"/>
  <c r="AC92604" i="1"/>
  <c r="AC92605" i="1"/>
  <c r="AC92606" i="1"/>
  <c r="AC92607" i="1"/>
  <c r="AC92608" i="1"/>
  <c r="AC92609" i="1"/>
  <c r="AC92610" i="1"/>
  <c r="AC92611" i="1"/>
  <c r="AC92612" i="1"/>
  <c r="AC92613" i="1"/>
  <c r="AC92614" i="1"/>
  <c r="AC92615" i="1"/>
  <c r="AC92616" i="1"/>
  <c r="AC92617" i="1"/>
  <c r="AC92618" i="1"/>
  <c r="AC92619" i="1"/>
  <c r="AC92620" i="1"/>
  <c r="AC92621" i="1"/>
  <c r="AC92622" i="1"/>
  <c r="AC92623" i="1"/>
  <c r="AC92624" i="1"/>
  <c r="AC92625" i="1"/>
  <c r="AC92626" i="1"/>
  <c r="AC92627" i="1"/>
  <c r="AC92628" i="1"/>
  <c r="AC92629" i="1"/>
  <c r="AC92630" i="1"/>
  <c r="AC92631" i="1"/>
  <c r="AC92632" i="1"/>
  <c r="AC92633" i="1"/>
  <c r="AC92634" i="1"/>
  <c r="AC92635" i="1"/>
  <c r="AC92636" i="1"/>
  <c r="AC92637" i="1"/>
  <c r="AC92638" i="1"/>
  <c r="AC92639" i="1"/>
  <c r="AC92640" i="1"/>
  <c r="AC92641" i="1"/>
  <c r="AC92642" i="1"/>
  <c r="AC92643" i="1"/>
  <c r="AC92644" i="1"/>
  <c r="AC92645" i="1"/>
  <c r="AC92646" i="1"/>
  <c r="AC92647" i="1"/>
  <c r="AC92648" i="1"/>
  <c r="AC92649" i="1"/>
  <c r="AC92650" i="1"/>
  <c r="AC92651" i="1"/>
  <c r="AC92652" i="1"/>
  <c r="AC92653" i="1"/>
  <c r="AC92654" i="1"/>
  <c r="AC92655" i="1"/>
  <c r="AC92656" i="1"/>
  <c r="AC92657" i="1"/>
  <c r="AC92658" i="1"/>
  <c r="AC92659" i="1"/>
  <c r="AC92660" i="1"/>
  <c r="AC92661" i="1"/>
  <c r="AC92662" i="1"/>
  <c r="AC92663" i="1"/>
  <c r="AC92664" i="1"/>
  <c r="AC92665" i="1"/>
  <c r="AC92666" i="1"/>
  <c r="AC92667" i="1"/>
  <c r="AC92668" i="1"/>
  <c r="AC92669" i="1"/>
  <c r="AC92670" i="1"/>
  <c r="AC92671" i="1"/>
  <c r="AC92672" i="1"/>
  <c r="AC92673" i="1"/>
  <c r="AC92674" i="1"/>
  <c r="AC92675" i="1"/>
  <c r="AC92676" i="1"/>
  <c r="AC92677" i="1"/>
  <c r="AC92678" i="1"/>
  <c r="AC92679" i="1"/>
  <c r="AC92680" i="1"/>
  <c r="AC92681" i="1"/>
  <c r="AC92682" i="1"/>
  <c r="AC92683" i="1"/>
  <c r="AC92684" i="1"/>
  <c r="AC92685" i="1"/>
  <c r="AC92686" i="1"/>
  <c r="AC92687" i="1"/>
  <c r="AC92688" i="1"/>
  <c r="AC92689" i="1"/>
  <c r="AC92690" i="1"/>
  <c r="AC92691" i="1"/>
  <c r="AC92692" i="1"/>
  <c r="AC92693" i="1"/>
  <c r="AC92694" i="1"/>
  <c r="AC92695" i="1"/>
  <c r="AC92696" i="1"/>
  <c r="AC92697" i="1"/>
  <c r="AC92698" i="1"/>
  <c r="AC92699" i="1"/>
  <c r="AC92700" i="1"/>
  <c r="AC92701" i="1"/>
  <c r="AC92702" i="1"/>
  <c r="AC92703" i="1"/>
  <c r="AC92704" i="1"/>
  <c r="AC92705" i="1"/>
  <c r="AC92706" i="1"/>
  <c r="AC92707" i="1"/>
  <c r="AC92708" i="1"/>
  <c r="AC92709" i="1"/>
  <c r="AC92710" i="1"/>
  <c r="AC92711" i="1"/>
  <c r="AC92712" i="1"/>
  <c r="AC92713" i="1"/>
  <c r="AC92714" i="1"/>
  <c r="AC92715" i="1"/>
  <c r="AC92716" i="1"/>
  <c r="AC92717" i="1"/>
  <c r="AC92718" i="1"/>
  <c r="AC92719" i="1"/>
  <c r="AC92720" i="1"/>
  <c r="AC92721" i="1"/>
  <c r="AC92722" i="1"/>
  <c r="AC92723" i="1"/>
  <c r="AC92724" i="1"/>
  <c r="AC92725" i="1"/>
  <c r="AC92726" i="1"/>
  <c r="AC92727" i="1"/>
  <c r="AC92728" i="1"/>
  <c r="AC92729" i="1"/>
  <c r="AC92730" i="1"/>
  <c r="AC92731" i="1"/>
  <c r="AC92732" i="1"/>
  <c r="AC92733" i="1"/>
  <c r="AC92734" i="1"/>
  <c r="AC92735" i="1"/>
  <c r="AC92736" i="1"/>
  <c r="AC92737" i="1"/>
  <c r="AC92738" i="1"/>
  <c r="AC92739" i="1"/>
  <c r="AC92740" i="1"/>
  <c r="AC92741" i="1"/>
  <c r="AC92742" i="1"/>
  <c r="AC92743" i="1"/>
  <c r="AC92744" i="1"/>
  <c r="AC92745" i="1"/>
  <c r="AC92746" i="1"/>
  <c r="AC92747" i="1"/>
  <c r="AC92748" i="1"/>
  <c r="AC92749" i="1"/>
  <c r="AC92750" i="1"/>
  <c r="AC92751" i="1"/>
  <c r="AC92752" i="1"/>
  <c r="AC92753" i="1"/>
  <c r="AC92754" i="1"/>
  <c r="AC92755" i="1"/>
  <c r="AC92756" i="1"/>
  <c r="AC92757" i="1"/>
  <c r="AC92758" i="1"/>
  <c r="AC92759" i="1"/>
  <c r="AC92760" i="1"/>
  <c r="AC92761" i="1"/>
  <c r="AC92762" i="1"/>
  <c r="AC92763" i="1"/>
  <c r="AC92764" i="1"/>
  <c r="AC92765" i="1"/>
  <c r="AC92766" i="1"/>
  <c r="AC92767" i="1"/>
  <c r="AC92768" i="1"/>
  <c r="AC92769" i="1"/>
  <c r="AC92770" i="1"/>
  <c r="AC92771" i="1"/>
  <c r="AC92772" i="1"/>
  <c r="AC92773" i="1"/>
  <c r="AC92774" i="1"/>
  <c r="AC92775" i="1"/>
  <c r="AC92776" i="1"/>
  <c r="AC92777" i="1"/>
  <c r="AC92778" i="1"/>
  <c r="AC92779" i="1"/>
  <c r="AC92780" i="1"/>
  <c r="AC92781" i="1"/>
  <c r="AC92782" i="1"/>
  <c r="AC92783" i="1"/>
  <c r="AC92784" i="1"/>
  <c r="AC92785" i="1"/>
  <c r="AC92786" i="1"/>
  <c r="AC92787" i="1"/>
  <c r="AC92788" i="1"/>
  <c r="AC92789" i="1"/>
  <c r="AC92790" i="1"/>
  <c r="AC92791" i="1"/>
  <c r="AC92792" i="1"/>
  <c r="AC92793" i="1"/>
  <c r="AC92794" i="1"/>
  <c r="AC92795" i="1"/>
  <c r="AC92796" i="1"/>
  <c r="AC92797" i="1"/>
  <c r="AC92798" i="1"/>
  <c r="AC92799" i="1"/>
  <c r="AC92800" i="1"/>
  <c r="AC92801" i="1"/>
  <c r="AC92802" i="1"/>
  <c r="AC92803" i="1"/>
  <c r="AC92804" i="1"/>
  <c r="AC92805" i="1"/>
  <c r="AC92806" i="1"/>
  <c r="AC92807" i="1"/>
  <c r="AC92808" i="1"/>
  <c r="AC92809" i="1"/>
  <c r="AC92810" i="1"/>
  <c r="AC92811" i="1"/>
  <c r="AC92812" i="1"/>
  <c r="AC92813" i="1"/>
  <c r="AC92814" i="1"/>
  <c r="AC92815" i="1"/>
  <c r="AC92816" i="1"/>
  <c r="AC92817" i="1"/>
  <c r="AC92818" i="1"/>
  <c r="AC92819" i="1"/>
  <c r="AC92820" i="1"/>
  <c r="AC92821" i="1"/>
  <c r="AC92822" i="1"/>
  <c r="AC92823" i="1"/>
  <c r="AC92824" i="1"/>
  <c r="AC92825" i="1"/>
  <c r="AC92826" i="1"/>
  <c r="AC92827" i="1"/>
  <c r="AC92828" i="1"/>
  <c r="AC92829" i="1"/>
  <c r="AC92830" i="1"/>
  <c r="AC92831" i="1"/>
  <c r="AC92832" i="1"/>
  <c r="AC92833" i="1"/>
  <c r="AC92834" i="1"/>
  <c r="AC92835" i="1"/>
  <c r="AC92836" i="1"/>
  <c r="AC92837" i="1"/>
  <c r="AC92838" i="1"/>
  <c r="AC92839" i="1"/>
  <c r="AC92840" i="1"/>
  <c r="AC92841" i="1"/>
  <c r="AC92842" i="1"/>
  <c r="AC92843" i="1"/>
  <c r="AC92844" i="1"/>
  <c r="AC92845" i="1"/>
  <c r="AC92846" i="1"/>
  <c r="AC92847" i="1"/>
  <c r="AC92848" i="1"/>
  <c r="AC92849" i="1"/>
  <c r="AC92850" i="1"/>
  <c r="AC92851" i="1"/>
  <c r="AC92852" i="1"/>
  <c r="AC92853" i="1"/>
  <c r="AC92854" i="1"/>
  <c r="AC92855" i="1"/>
  <c r="AC92856" i="1"/>
  <c r="AC92857" i="1"/>
  <c r="AC92858" i="1"/>
  <c r="AC92859" i="1"/>
  <c r="AC92860" i="1"/>
  <c r="AC92861" i="1"/>
  <c r="AC92862" i="1"/>
  <c r="AC92863" i="1"/>
  <c r="AC92864" i="1"/>
  <c r="AC92865" i="1"/>
  <c r="AC92866" i="1"/>
  <c r="AC92867" i="1"/>
  <c r="AC92868" i="1"/>
  <c r="AC92869" i="1"/>
  <c r="AC92870" i="1"/>
  <c r="AC92871" i="1"/>
  <c r="AC92872" i="1"/>
  <c r="AC92873" i="1"/>
  <c r="AC92874" i="1"/>
  <c r="AC92875" i="1"/>
  <c r="AC92876" i="1"/>
  <c r="AC92877" i="1"/>
  <c r="AC92878" i="1"/>
  <c r="AC92879" i="1"/>
  <c r="AC92880" i="1"/>
  <c r="AC92881" i="1"/>
  <c r="AC92882" i="1"/>
  <c r="AC92883" i="1"/>
  <c r="AC92884" i="1"/>
  <c r="AC92885" i="1"/>
  <c r="AC92886" i="1"/>
  <c r="AC92887" i="1"/>
  <c r="AC92888" i="1"/>
  <c r="AC92889" i="1"/>
  <c r="AC92890" i="1"/>
  <c r="AC92891" i="1"/>
  <c r="AC92892" i="1"/>
  <c r="AC92893" i="1"/>
  <c r="AC92894" i="1"/>
  <c r="AC92895" i="1"/>
  <c r="AC92896" i="1"/>
  <c r="AC92897" i="1"/>
  <c r="AC92898" i="1"/>
  <c r="AC92899" i="1"/>
  <c r="AC92900" i="1"/>
  <c r="AC92901" i="1"/>
  <c r="AC92902" i="1"/>
  <c r="AC92903" i="1"/>
  <c r="AC92904" i="1"/>
  <c r="AC92905" i="1"/>
  <c r="AC92906" i="1"/>
  <c r="AC92907" i="1"/>
  <c r="AC92908" i="1"/>
  <c r="AC92909" i="1"/>
  <c r="AC92910" i="1"/>
  <c r="AC92911" i="1"/>
  <c r="AC92912" i="1"/>
  <c r="AC92913" i="1"/>
  <c r="AC92914" i="1"/>
  <c r="AC92915" i="1"/>
  <c r="AC92916" i="1"/>
  <c r="AC92917" i="1"/>
  <c r="AC92918" i="1"/>
  <c r="AC92919" i="1"/>
  <c r="AC92920" i="1"/>
  <c r="AC92921" i="1"/>
  <c r="AC92922" i="1"/>
  <c r="AC92923" i="1"/>
  <c r="AC92924" i="1"/>
  <c r="AC92925" i="1"/>
  <c r="AC92926" i="1"/>
  <c r="AC92927" i="1"/>
  <c r="AC92928" i="1"/>
  <c r="AC92929" i="1"/>
  <c r="AC92930" i="1"/>
  <c r="AC92931" i="1"/>
  <c r="AC92932" i="1"/>
  <c r="AC92933" i="1"/>
  <c r="AC92934" i="1"/>
  <c r="AC92935" i="1"/>
  <c r="AC92936" i="1"/>
  <c r="AC92937" i="1"/>
  <c r="AC92938" i="1"/>
  <c r="AC92939" i="1"/>
  <c r="AC92940" i="1"/>
  <c r="AC92941" i="1"/>
  <c r="AC92942" i="1"/>
  <c r="AC92943" i="1"/>
  <c r="AC92944" i="1"/>
  <c r="AC92945" i="1"/>
  <c r="AC92946" i="1"/>
  <c r="AC92947" i="1"/>
  <c r="AC92948" i="1"/>
  <c r="AC92949" i="1"/>
  <c r="AC92950" i="1"/>
  <c r="AC92951" i="1"/>
  <c r="AC92952" i="1"/>
  <c r="AC92953" i="1"/>
  <c r="AC92954" i="1"/>
  <c r="AC92955" i="1"/>
  <c r="AC92956" i="1"/>
  <c r="AC92957" i="1"/>
  <c r="AC92958" i="1"/>
  <c r="AC92959" i="1"/>
  <c r="AC92960" i="1"/>
  <c r="AC92961" i="1"/>
  <c r="AC92962" i="1"/>
  <c r="AC92963" i="1"/>
  <c r="AC92964" i="1"/>
  <c r="AC92965" i="1"/>
  <c r="AC92966" i="1"/>
  <c r="AC92967" i="1"/>
  <c r="AC92968" i="1"/>
  <c r="AC92969" i="1"/>
  <c r="AC92970" i="1"/>
  <c r="AC92971" i="1"/>
  <c r="AC92972" i="1"/>
  <c r="AC92973" i="1"/>
  <c r="AC92974" i="1"/>
  <c r="AC92975" i="1"/>
  <c r="AC92976" i="1"/>
  <c r="AC92977" i="1"/>
  <c r="AC92978" i="1"/>
  <c r="AC92979" i="1"/>
  <c r="AC92980" i="1"/>
  <c r="AC92981" i="1"/>
  <c r="AC92982" i="1"/>
  <c r="AC92983" i="1"/>
  <c r="AC92984" i="1"/>
  <c r="AC92985" i="1"/>
  <c r="AC92986" i="1"/>
  <c r="AC92987" i="1"/>
  <c r="AC92988" i="1"/>
  <c r="AC92989" i="1"/>
  <c r="AC92990" i="1"/>
  <c r="AC92991" i="1"/>
  <c r="AC92992" i="1"/>
  <c r="AC92993" i="1"/>
  <c r="AC92994" i="1"/>
  <c r="AC92995" i="1"/>
  <c r="AC92996" i="1"/>
  <c r="AC92997" i="1"/>
  <c r="AC92998" i="1"/>
  <c r="AC92999" i="1"/>
  <c r="AC93000" i="1"/>
  <c r="AC93001" i="1"/>
  <c r="AC93002" i="1"/>
  <c r="AC93003" i="1"/>
  <c r="AC93004" i="1"/>
  <c r="AC93005" i="1"/>
  <c r="AC93006" i="1"/>
  <c r="AC93007" i="1"/>
  <c r="AC93008" i="1"/>
  <c r="AC93009" i="1"/>
  <c r="AC93010" i="1"/>
  <c r="AC93011" i="1"/>
  <c r="AC93012" i="1"/>
  <c r="AC93013" i="1"/>
  <c r="AC93014" i="1"/>
  <c r="AC93015" i="1"/>
  <c r="AC93016" i="1"/>
  <c r="AC93017" i="1"/>
  <c r="AC93018" i="1"/>
  <c r="AC93019" i="1"/>
  <c r="AC93020" i="1"/>
  <c r="AC93021" i="1"/>
  <c r="AC93022" i="1"/>
  <c r="AC93023" i="1"/>
  <c r="AC93024" i="1"/>
  <c r="AC93025" i="1"/>
  <c r="AC93026" i="1"/>
  <c r="AC93027" i="1"/>
  <c r="AC93028" i="1"/>
  <c r="AC93029" i="1"/>
  <c r="AC93030" i="1"/>
  <c r="AC93031" i="1"/>
  <c r="AC93032" i="1"/>
  <c r="AC93033" i="1"/>
  <c r="AC93034" i="1"/>
  <c r="AC93035" i="1"/>
  <c r="AC93036" i="1"/>
  <c r="AC93037" i="1"/>
  <c r="AC93038" i="1"/>
  <c r="AC93039" i="1"/>
  <c r="AC93040" i="1"/>
  <c r="AC93041" i="1"/>
  <c r="AC93042" i="1"/>
  <c r="AC93043" i="1"/>
  <c r="AC93044" i="1"/>
  <c r="AC93045" i="1"/>
  <c r="AC93046" i="1"/>
  <c r="AC93047" i="1"/>
  <c r="AC93048" i="1"/>
  <c r="AC93049" i="1"/>
  <c r="AC93050" i="1"/>
  <c r="AC93051" i="1"/>
  <c r="AC93052" i="1"/>
  <c r="AC93053" i="1"/>
  <c r="AC93054" i="1"/>
  <c r="AC93055" i="1"/>
  <c r="AC93056" i="1"/>
  <c r="AC93057" i="1"/>
  <c r="AC93058" i="1"/>
  <c r="AC93059" i="1"/>
  <c r="AC93060" i="1"/>
  <c r="AC93061" i="1"/>
  <c r="AC93062" i="1"/>
  <c r="AC93063" i="1"/>
  <c r="AC93064" i="1"/>
  <c r="AC93065" i="1"/>
  <c r="AC93066" i="1"/>
  <c r="AC93067" i="1"/>
  <c r="AC93068" i="1"/>
  <c r="AC93069" i="1"/>
  <c r="AC93070" i="1"/>
  <c r="AC93071" i="1"/>
  <c r="AC93072" i="1"/>
  <c r="AC93073" i="1"/>
  <c r="AC93074" i="1"/>
  <c r="AC93075" i="1"/>
  <c r="AC93076" i="1"/>
  <c r="AC93077" i="1"/>
  <c r="AC93078" i="1"/>
  <c r="AC93079" i="1"/>
  <c r="AC93080" i="1"/>
  <c r="AC93081" i="1"/>
  <c r="AC93082" i="1"/>
  <c r="AC93083" i="1"/>
  <c r="AC93084" i="1"/>
  <c r="AC93085" i="1"/>
  <c r="AC93086" i="1"/>
  <c r="AC93087" i="1"/>
  <c r="AC93088" i="1"/>
  <c r="AC93089" i="1"/>
  <c r="AC93090" i="1"/>
  <c r="AC93091" i="1"/>
  <c r="AC93092" i="1"/>
  <c r="AC93093" i="1"/>
  <c r="AC93094" i="1"/>
  <c r="AC93095" i="1"/>
  <c r="AC93096" i="1"/>
  <c r="AC93097" i="1"/>
  <c r="AC93098" i="1"/>
  <c r="AC93099" i="1"/>
  <c r="AC93100" i="1"/>
  <c r="AC93101" i="1"/>
  <c r="AC93102" i="1"/>
  <c r="AC93103" i="1"/>
  <c r="AC93104" i="1"/>
  <c r="AC93105" i="1"/>
  <c r="AC93106" i="1"/>
  <c r="AC93107" i="1"/>
  <c r="AC93108" i="1"/>
  <c r="AC93109" i="1"/>
  <c r="AC93110" i="1"/>
  <c r="AC93111" i="1"/>
  <c r="AC93112" i="1"/>
  <c r="AC93113" i="1"/>
  <c r="AC93114" i="1"/>
  <c r="AC93115" i="1"/>
  <c r="AC93116" i="1"/>
  <c r="AC93117" i="1"/>
  <c r="AC93118" i="1"/>
  <c r="AC93119" i="1"/>
  <c r="AC93120" i="1"/>
  <c r="AC93121" i="1"/>
  <c r="AC93122" i="1"/>
  <c r="AC93123" i="1"/>
  <c r="AC93124" i="1"/>
  <c r="AC93125" i="1"/>
  <c r="AC93126" i="1"/>
  <c r="AC93127" i="1"/>
  <c r="AC93128" i="1"/>
  <c r="AC93129" i="1"/>
  <c r="AC93130" i="1"/>
  <c r="AC93131" i="1"/>
  <c r="AC93132" i="1"/>
  <c r="AC93133" i="1"/>
  <c r="AC93134" i="1"/>
  <c r="AC93135" i="1"/>
  <c r="AC93136" i="1"/>
  <c r="AC93137" i="1"/>
  <c r="AC93138" i="1"/>
  <c r="AC93139" i="1"/>
  <c r="AC93140" i="1"/>
  <c r="AC93141" i="1"/>
  <c r="AC93142" i="1"/>
  <c r="AC93143" i="1"/>
  <c r="AC93144" i="1"/>
  <c r="AC93145" i="1"/>
  <c r="AC93146" i="1"/>
  <c r="AC93147" i="1"/>
  <c r="AC93148" i="1"/>
  <c r="AC93149" i="1"/>
  <c r="AC93150" i="1"/>
  <c r="AC93151" i="1"/>
  <c r="AC93152" i="1"/>
  <c r="AC93153" i="1"/>
  <c r="AC93154" i="1"/>
  <c r="AC93155" i="1"/>
  <c r="AC93156" i="1"/>
  <c r="AC93157" i="1"/>
  <c r="AC93158" i="1"/>
  <c r="AC93159" i="1"/>
  <c r="AC93160" i="1"/>
  <c r="AC93161" i="1"/>
  <c r="AC93162" i="1"/>
  <c r="AC93163" i="1"/>
  <c r="AC93164" i="1"/>
  <c r="AC93165" i="1"/>
  <c r="AC93166" i="1"/>
  <c r="AC93167" i="1"/>
  <c r="AC93168" i="1"/>
  <c r="AC93169" i="1"/>
  <c r="AC93170" i="1"/>
  <c r="AC93171" i="1"/>
  <c r="AC93172" i="1"/>
  <c r="AC93173" i="1"/>
  <c r="AC93174" i="1"/>
  <c r="AC93175" i="1"/>
  <c r="AC93176" i="1"/>
  <c r="AC93177" i="1"/>
  <c r="AC93178" i="1"/>
  <c r="AC93179" i="1"/>
  <c r="AC93180" i="1"/>
  <c r="AC93181" i="1"/>
  <c r="AC93182" i="1"/>
  <c r="AC93183" i="1"/>
  <c r="AC93184" i="1"/>
  <c r="AC93185" i="1"/>
  <c r="AC93186" i="1"/>
  <c r="AC93187" i="1"/>
  <c r="AC93188" i="1"/>
  <c r="AC93189" i="1"/>
  <c r="AC93190" i="1"/>
  <c r="AC93191" i="1"/>
  <c r="AC93192" i="1"/>
  <c r="AC93193" i="1"/>
  <c r="AC93194" i="1"/>
  <c r="AC93195" i="1"/>
  <c r="AC93196" i="1"/>
  <c r="AC93197" i="1"/>
  <c r="AC93198" i="1"/>
  <c r="AC93199" i="1"/>
  <c r="AC93200" i="1"/>
  <c r="AC93201" i="1"/>
  <c r="AC93202" i="1"/>
  <c r="AC93203" i="1"/>
  <c r="AC93204" i="1"/>
  <c r="AC93205" i="1"/>
  <c r="AC93206" i="1"/>
  <c r="AC93207" i="1"/>
  <c r="AC93208" i="1"/>
  <c r="AC93209" i="1"/>
  <c r="AC93210" i="1"/>
  <c r="AC93211" i="1"/>
  <c r="AC93212" i="1"/>
  <c r="AC93213" i="1"/>
  <c r="AC93214" i="1"/>
  <c r="AC93215" i="1"/>
  <c r="AC93216" i="1"/>
  <c r="AC93217" i="1"/>
  <c r="AC93218" i="1"/>
  <c r="AC93219" i="1"/>
  <c r="AC93220" i="1"/>
  <c r="AC93221" i="1"/>
  <c r="AC93222" i="1"/>
  <c r="AC93223" i="1"/>
  <c r="AC93224" i="1"/>
  <c r="AC93225" i="1"/>
  <c r="AC93226" i="1"/>
  <c r="AC93227" i="1"/>
  <c r="AC93228" i="1"/>
  <c r="AC93229" i="1"/>
  <c r="AC93230" i="1"/>
  <c r="AC93231" i="1"/>
  <c r="AC93232" i="1"/>
  <c r="AC93233" i="1"/>
  <c r="AC93234" i="1"/>
  <c r="AC93235" i="1"/>
  <c r="AC93236" i="1"/>
  <c r="AC93237" i="1"/>
  <c r="AC93238" i="1"/>
  <c r="AC93239" i="1"/>
  <c r="AC93240" i="1"/>
  <c r="AC93241" i="1"/>
  <c r="AC93242" i="1"/>
  <c r="AC93243" i="1"/>
  <c r="AC93244" i="1"/>
  <c r="AC93245" i="1"/>
  <c r="AC93246" i="1"/>
  <c r="AC93247" i="1"/>
  <c r="AC93248" i="1"/>
  <c r="AC93249" i="1"/>
  <c r="AC93250" i="1"/>
  <c r="AC93251" i="1"/>
  <c r="AC93252" i="1"/>
  <c r="AC93253" i="1"/>
  <c r="AC93254" i="1"/>
  <c r="AC93255" i="1"/>
  <c r="AC93256" i="1"/>
  <c r="AC93257" i="1"/>
  <c r="AC93258" i="1"/>
  <c r="AC93259" i="1"/>
  <c r="AC93260" i="1"/>
  <c r="AC93261" i="1"/>
  <c r="AC93262" i="1"/>
  <c r="AC93263" i="1"/>
  <c r="AC93264" i="1"/>
  <c r="AC93265" i="1"/>
  <c r="AC93266" i="1"/>
  <c r="AC93267" i="1"/>
  <c r="AC93268" i="1"/>
  <c r="AC93269" i="1"/>
  <c r="AC93270" i="1"/>
  <c r="AC93271" i="1"/>
  <c r="AC93272" i="1"/>
  <c r="AC93273" i="1"/>
  <c r="AC93274" i="1"/>
  <c r="AC93275" i="1"/>
  <c r="AC93276" i="1"/>
  <c r="AC93277" i="1"/>
  <c r="AC93278" i="1"/>
  <c r="AC93279" i="1"/>
  <c r="AC93280" i="1"/>
  <c r="AC93281" i="1"/>
  <c r="AC93282" i="1"/>
  <c r="AC93283" i="1"/>
  <c r="AC93284" i="1"/>
  <c r="AC93285" i="1"/>
  <c r="AC93286" i="1"/>
  <c r="AC93287" i="1"/>
  <c r="AC93288" i="1"/>
  <c r="AC93289" i="1"/>
  <c r="AC93290" i="1"/>
  <c r="AC93291" i="1"/>
  <c r="AC93292" i="1"/>
  <c r="AC93293" i="1"/>
  <c r="AC93294" i="1"/>
  <c r="AC93295" i="1"/>
  <c r="AC93296" i="1"/>
  <c r="AC93297" i="1"/>
  <c r="AC93298" i="1"/>
  <c r="AC93299" i="1"/>
  <c r="AC93300" i="1"/>
  <c r="AC93301" i="1"/>
  <c r="AC93302" i="1"/>
  <c r="AC93303" i="1"/>
  <c r="AC93304" i="1"/>
  <c r="AC93305" i="1"/>
  <c r="AC93306" i="1"/>
  <c r="AC93307" i="1"/>
  <c r="AC93308" i="1"/>
  <c r="AC93309" i="1"/>
  <c r="AC93310" i="1"/>
  <c r="AC93311" i="1"/>
  <c r="AC93312" i="1"/>
  <c r="AC93313" i="1"/>
  <c r="AC93314" i="1"/>
  <c r="AC93315" i="1"/>
  <c r="AC93316" i="1"/>
  <c r="AC93317" i="1"/>
  <c r="AC93318" i="1"/>
  <c r="AC93319" i="1"/>
  <c r="AC93320" i="1"/>
  <c r="AC93321" i="1"/>
  <c r="AC93322" i="1"/>
  <c r="AC93323" i="1"/>
  <c r="AC93324" i="1"/>
  <c r="AC93325" i="1"/>
  <c r="AC93326" i="1"/>
  <c r="AC93327" i="1"/>
  <c r="AC93328" i="1"/>
  <c r="AC93329" i="1"/>
  <c r="AC93330" i="1"/>
  <c r="AC93331" i="1"/>
  <c r="AC93332" i="1"/>
  <c r="AC93333" i="1"/>
  <c r="AC93334" i="1"/>
  <c r="AC93335" i="1"/>
  <c r="AC93336" i="1"/>
  <c r="AC93337" i="1"/>
  <c r="AC93338" i="1"/>
  <c r="AC93339" i="1"/>
  <c r="AC93340" i="1"/>
  <c r="AC93341" i="1"/>
  <c r="AC93342" i="1"/>
  <c r="AC93343" i="1"/>
  <c r="AC93344" i="1"/>
  <c r="AC93345" i="1"/>
  <c r="AC93346" i="1"/>
  <c r="AC93347" i="1"/>
  <c r="AC93348" i="1"/>
  <c r="AC93349" i="1"/>
  <c r="AC93350" i="1"/>
  <c r="AC93351" i="1"/>
  <c r="AC93352" i="1"/>
  <c r="AC93353" i="1"/>
  <c r="AC93354" i="1"/>
  <c r="AC93355" i="1"/>
  <c r="AC93356" i="1"/>
  <c r="AC93357" i="1"/>
  <c r="AC93358" i="1"/>
  <c r="AC93359" i="1"/>
  <c r="AC93360" i="1"/>
  <c r="AC93361" i="1"/>
  <c r="AC93362" i="1"/>
  <c r="AC93363" i="1"/>
  <c r="AC93364" i="1"/>
  <c r="AC93365" i="1"/>
  <c r="AC93366" i="1"/>
  <c r="AC93367" i="1"/>
  <c r="AC93368" i="1"/>
  <c r="AC93369" i="1"/>
  <c r="AC93370" i="1"/>
  <c r="AC93371" i="1"/>
  <c r="AC93372" i="1"/>
  <c r="AC93373" i="1"/>
  <c r="AC93374" i="1"/>
  <c r="AC93375" i="1"/>
  <c r="AC93376" i="1"/>
  <c r="AC93377" i="1"/>
  <c r="AC93378" i="1"/>
  <c r="AC93379" i="1"/>
  <c r="AC93380" i="1"/>
  <c r="AC93381" i="1"/>
  <c r="AC93382" i="1"/>
  <c r="AC93383" i="1"/>
  <c r="AC93384" i="1"/>
  <c r="AC93385" i="1"/>
  <c r="AC93386" i="1"/>
  <c r="AC93387" i="1"/>
  <c r="AC93388" i="1"/>
  <c r="AC93389" i="1"/>
  <c r="AC93390" i="1"/>
  <c r="AC93391" i="1"/>
  <c r="AC93392" i="1"/>
  <c r="AC93393" i="1"/>
  <c r="AC93394" i="1"/>
  <c r="AC93395" i="1"/>
  <c r="AC93396" i="1"/>
  <c r="AC93397" i="1"/>
  <c r="AC93398" i="1"/>
  <c r="AC93399" i="1"/>
  <c r="AC93400" i="1"/>
  <c r="AC93401" i="1"/>
  <c r="AC93402" i="1"/>
  <c r="AC93403" i="1"/>
  <c r="AC93404" i="1"/>
  <c r="AC93405" i="1"/>
  <c r="AC93406" i="1"/>
  <c r="AC93407" i="1"/>
  <c r="AC93408" i="1"/>
  <c r="AC93409" i="1"/>
  <c r="AC93410" i="1"/>
  <c r="AC93411" i="1"/>
  <c r="AC93412" i="1"/>
  <c r="AC93413" i="1"/>
  <c r="AC93414" i="1"/>
  <c r="AC93415" i="1"/>
  <c r="AC93416" i="1"/>
  <c r="AC93417" i="1"/>
  <c r="AC93418" i="1"/>
  <c r="AC93419" i="1"/>
  <c r="AC93420" i="1"/>
  <c r="AC93421" i="1"/>
  <c r="AC93422" i="1"/>
  <c r="AC93423" i="1"/>
  <c r="AC93424" i="1"/>
  <c r="AC93425" i="1"/>
  <c r="AC93426" i="1"/>
  <c r="AC93427" i="1"/>
  <c r="AC93428" i="1"/>
  <c r="AC93429" i="1"/>
  <c r="AC93430" i="1"/>
  <c r="AC93431" i="1"/>
  <c r="AC93432" i="1"/>
  <c r="AC93433" i="1"/>
  <c r="AC93434" i="1"/>
  <c r="AC93435" i="1"/>
  <c r="AC93436" i="1"/>
  <c r="AC93437" i="1"/>
  <c r="AC93438" i="1"/>
  <c r="AC93439" i="1"/>
  <c r="AC93440" i="1"/>
  <c r="AC93441" i="1"/>
  <c r="AC93442" i="1"/>
  <c r="AC93443" i="1"/>
  <c r="AC93444" i="1"/>
  <c r="AC93445" i="1"/>
  <c r="AC93446" i="1"/>
  <c r="AC93447" i="1"/>
  <c r="AC93448" i="1"/>
  <c r="AC93449" i="1"/>
  <c r="AC93450" i="1"/>
  <c r="AC93451" i="1"/>
  <c r="AC93452" i="1"/>
  <c r="AC93453" i="1"/>
  <c r="AC93454" i="1"/>
  <c r="AC93455" i="1"/>
  <c r="AC93456" i="1"/>
  <c r="AC93457" i="1"/>
  <c r="AC93458" i="1"/>
  <c r="AC93459" i="1"/>
  <c r="AC93460" i="1"/>
  <c r="AC93461" i="1"/>
  <c r="AC93462" i="1"/>
  <c r="AC93463" i="1"/>
  <c r="AC93464" i="1"/>
  <c r="AC93465" i="1"/>
  <c r="AC93466" i="1"/>
  <c r="AC93467" i="1"/>
  <c r="AC93468" i="1"/>
  <c r="AC93469" i="1"/>
  <c r="AC93470" i="1"/>
  <c r="AC93471" i="1"/>
  <c r="AC93472" i="1"/>
  <c r="AC93473" i="1"/>
  <c r="AC93474" i="1"/>
  <c r="AC93475" i="1"/>
  <c r="AC93476" i="1"/>
  <c r="AC93477" i="1"/>
  <c r="AC93478" i="1"/>
  <c r="AC93479" i="1"/>
  <c r="AC93480" i="1"/>
  <c r="AC93481" i="1"/>
  <c r="AC93482" i="1"/>
  <c r="AC93483" i="1"/>
  <c r="AC93484" i="1"/>
  <c r="AC93485" i="1"/>
  <c r="AC93486" i="1"/>
  <c r="AC93487" i="1"/>
  <c r="AC93488" i="1"/>
  <c r="AC93489" i="1"/>
  <c r="AC93490" i="1"/>
  <c r="AC93491" i="1"/>
  <c r="AC93492" i="1"/>
  <c r="AC93493" i="1"/>
  <c r="AC93494" i="1"/>
  <c r="AC93495" i="1"/>
  <c r="AC93496" i="1"/>
  <c r="AC93497" i="1"/>
  <c r="AC93498" i="1"/>
  <c r="AC93499" i="1"/>
  <c r="AC93500" i="1"/>
  <c r="AC93501" i="1"/>
  <c r="AC93502" i="1"/>
  <c r="AC93503" i="1"/>
  <c r="AC93504" i="1"/>
  <c r="AC93505" i="1"/>
  <c r="AC93506" i="1"/>
  <c r="AC93507" i="1"/>
  <c r="AC93508" i="1"/>
  <c r="AC93509" i="1"/>
  <c r="AC93510" i="1"/>
  <c r="AC93511" i="1"/>
  <c r="AC93512" i="1"/>
  <c r="AC93513" i="1"/>
  <c r="AC93514" i="1"/>
  <c r="AC93515" i="1"/>
  <c r="AC93516" i="1"/>
  <c r="AC93517" i="1"/>
  <c r="AC93518" i="1"/>
  <c r="AC93519" i="1"/>
  <c r="AC93520" i="1"/>
  <c r="AC93521" i="1"/>
  <c r="AC93522" i="1"/>
  <c r="AC93523" i="1"/>
  <c r="AC93524" i="1"/>
  <c r="AC93525" i="1"/>
  <c r="AC93526" i="1"/>
  <c r="AC93527" i="1"/>
  <c r="AC93528" i="1"/>
  <c r="AC93529" i="1"/>
  <c r="AC93530" i="1"/>
  <c r="AC93531" i="1"/>
  <c r="AC93532" i="1"/>
  <c r="AC93533" i="1"/>
  <c r="AC93534" i="1"/>
  <c r="AC93535" i="1"/>
  <c r="AC93536" i="1"/>
  <c r="AC93537" i="1"/>
  <c r="AC93538" i="1"/>
  <c r="AC93539" i="1"/>
  <c r="AC93540" i="1"/>
  <c r="AC93541" i="1"/>
  <c r="AC93542" i="1"/>
  <c r="AC93543" i="1"/>
  <c r="AC93544" i="1"/>
  <c r="AC93545" i="1"/>
  <c r="AC93546" i="1"/>
  <c r="AC93547" i="1"/>
  <c r="AC93548" i="1"/>
  <c r="AC93549" i="1"/>
  <c r="AC93550" i="1"/>
  <c r="AC93551" i="1"/>
  <c r="AC93552" i="1"/>
  <c r="AC93553" i="1"/>
  <c r="AC93554" i="1"/>
  <c r="AC93555" i="1"/>
  <c r="AC93556" i="1"/>
  <c r="AC93557" i="1"/>
  <c r="AC93558" i="1"/>
  <c r="AC93559" i="1"/>
  <c r="AC93560" i="1"/>
  <c r="AC93561" i="1"/>
  <c r="AC93562" i="1"/>
  <c r="AC93563" i="1"/>
  <c r="AC93564" i="1"/>
  <c r="AC93565" i="1"/>
  <c r="AC93566" i="1"/>
  <c r="AC93567" i="1"/>
  <c r="AC93568" i="1"/>
  <c r="AC93569" i="1"/>
  <c r="AC93570" i="1"/>
  <c r="AC93571" i="1"/>
  <c r="AC93572" i="1"/>
  <c r="AC93573" i="1"/>
  <c r="AC93574" i="1"/>
  <c r="AC93575" i="1"/>
  <c r="AC93576" i="1"/>
  <c r="AC93577" i="1"/>
  <c r="AC93578" i="1"/>
  <c r="AC93579" i="1"/>
  <c r="AC93580" i="1"/>
  <c r="AC93581" i="1"/>
  <c r="AC93582" i="1"/>
  <c r="AC93583" i="1"/>
  <c r="AC93584" i="1"/>
  <c r="AC93585" i="1"/>
  <c r="AC93586" i="1"/>
  <c r="AC93587" i="1"/>
  <c r="AC93588" i="1"/>
  <c r="AC93589" i="1"/>
  <c r="AC93590" i="1"/>
  <c r="AC93591" i="1"/>
  <c r="AC93592" i="1"/>
  <c r="AC93593" i="1"/>
  <c r="AC93594" i="1"/>
  <c r="AC93595" i="1"/>
  <c r="AC93596" i="1"/>
  <c r="AC93597" i="1"/>
  <c r="AC93598" i="1"/>
  <c r="AC93599" i="1"/>
  <c r="AC93600" i="1"/>
  <c r="AC93601" i="1"/>
  <c r="AC93602" i="1"/>
  <c r="AC93603" i="1"/>
  <c r="AC93604" i="1"/>
  <c r="AC93605" i="1"/>
  <c r="AC93606" i="1"/>
  <c r="AC93607" i="1"/>
  <c r="AC93608" i="1"/>
  <c r="AC93609" i="1"/>
  <c r="AC93610" i="1"/>
  <c r="AC93611" i="1"/>
  <c r="AC93612" i="1"/>
  <c r="AC93613" i="1"/>
  <c r="AC93614" i="1"/>
  <c r="AC93615" i="1"/>
  <c r="AC93616" i="1"/>
  <c r="AC93617" i="1"/>
  <c r="AC93618" i="1"/>
  <c r="AC93619" i="1"/>
  <c r="AC93620" i="1"/>
  <c r="AC93621" i="1"/>
  <c r="AC93622" i="1"/>
  <c r="AC93623" i="1"/>
  <c r="AC93624" i="1"/>
  <c r="AC93625" i="1"/>
  <c r="AC93626" i="1"/>
  <c r="AC93627" i="1"/>
  <c r="AC93628" i="1"/>
  <c r="AC93629" i="1"/>
  <c r="AC93630" i="1"/>
  <c r="AC93631" i="1"/>
  <c r="AC93632" i="1"/>
  <c r="AC93633" i="1"/>
  <c r="AC93634" i="1"/>
  <c r="AC93635" i="1"/>
  <c r="AC93636" i="1"/>
  <c r="AC93637" i="1"/>
  <c r="AC93638" i="1"/>
  <c r="AC93639" i="1"/>
  <c r="AC93640" i="1"/>
  <c r="AC93641" i="1"/>
  <c r="AC93642" i="1"/>
  <c r="AC93643" i="1"/>
  <c r="AC93644" i="1"/>
  <c r="AC93645" i="1"/>
  <c r="AC93646" i="1"/>
  <c r="AC93647" i="1"/>
  <c r="AC93648" i="1"/>
  <c r="AC93649" i="1"/>
  <c r="AC93650" i="1"/>
  <c r="AC93651" i="1"/>
  <c r="AC93652" i="1"/>
  <c r="AC93653" i="1"/>
  <c r="AC93654" i="1"/>
  <c r="AC93655" i="1"/>
  <c r="AC93656" i="1"/>
  <c r="AC93657" i="1"/>
  <c r="AC93658" i="1"/>
  <c r="AC93659" i="1"/>
  <c r="AC93660" i="1"/>
  <c r="AC93661" i="1"/>
  <c r="AC93662" i="1"/>
  <c r="AC93663" i="1"/>
  <c r="AC93664" i="1"/>
  <c r="AC93665" i="1"/>
  <c r="AC93666" i="1"/>
  <c r="AC93667" i="1"/>
  <c r="AC93668" i="1"/>
  <c r="AC93669" i="1"/>
  <c r="AC93670" i="1"/>
  <c r="AC93671" i="1"/>
  <c r="AC93672" i="1"/>
  <c r="AC93673" i="1"/>
  <c r="AC93674" i="1"/>
  <c r="AC93675" i="1"/>
  <c r="AC93676" i="1"/>
  <c r="AC93677" i="1"/>
  <c r="AC93678" i="1"/>
  <c r="AC93679" i="1"/>
  <c r="AC93680" i="1"/>
  <c r="AC93681" i="1"/>
  <c r="AC93682" i="1"/>
  <c r="AC93683" i="1"/>
  <c r="AC93684" i="1"/>
  <c r="AC93685" i="1"/>
  <c r="AC93686" i="1"/>
  <c r="AC93687" i="1"/>
  <c r="AC93688" i="1"/>
  <c r="AC93689" i="1"/>
  <c r="AC93690" i="1"/>
  <c r="AC93691" i="1"/>
  <c r="AC93692" i="1"/>
  <c r="AC93693" i="1"/>
  <c r="AC93694" i="1"/>
  <c r="AC93695" i="1"/>
  <c r="AC93696" i="1"/>
  <c r="AC93697" i="1"/>
  <c r="AC93698" i="1"/>
  <c r="AC93699" i="1"/>
  <c r="AC93700" i="1"/>
  <c r="AC93701" i="1"/>
  <c r="AC93702" i="1"/>
  <c r="AC93703" i="1"/>
  <c r="AC93704" i="1"/>
  <c r="AC93705" i="1"/>
  <c r="AC93706" i="1"/>
  <c r="AC93707" i="1"/>
  <c r="AC93708" i="1"/>
  <c r="AC93709" i="1"/>
  <c r="AC93710" i="1"/>
  <c r="AC93711" i="1"/>
  <c r="AC93712" i="1"/>
  <c r="AC93713" i="1"/>
  <c r="AC93714" i="1"/>
  <c r="AC93715" i="1"/>
  <c r="AC93716" i="1"/>
  <c r="AC93717" i="1"/>
  <c r="AC93718" i="1"/>
  <c r="AC93719" i="1"/>
  <c r="AC93720" i="1"/>
  <c r="AC93721" i="1"/>
  <c r="AC93722" i="1"/>
  <c r="AC93723" i="1"/>
  <c r="AC93724" i="1"/>
  <c r="AC93725" i="1"/>
  <c r="AC93726" i="1"/>
  <c r="AC93727" i="1"/>
  <c r="AC93728" i="1"/>
  <c r="AC93729" i="1"/>
  <c r="AC93730" i="1"/>
  <c r="AC93731" i="1"/>
  <c r="AC93732" i="1"/>
  <c r="AC93733" i="1"/>
  <c r="AC93734" i="1"/>
  <c r="AC93735" i="1"/>
  <c r="AC93736" i="1"/>
  <c r="AC93737" i="1"/>
  <c r="AC93738" i="1"/>
  <c r="AC93739" i="1"/>
  <c r="AC93740" i="1"/>
  <c r="AC93741" i="1"/>
  <c r="AC93742" i="1"/>
  <c r="AC93743" i="1"/>
  <c r="AC93744" i="1"/>
  <c r="AC93745" i="1"/>
  <c r="AC93746" i="1"/>
  <c r="AC93747" i="1"/>
  <c r="AC93748" i="1"/>
  <c r="AC93749" i="1"/>
  <c r="AC93750" i="1"/>
  <c r="AC93751" i="1"/>
  <c r="AC93752" i="1"/>
  <c r="AC93753" i="1"/>
  <c r="AC93754" i="1"/>
  <c r="AC93755" i="1"/>
  <c r="AC93756" i="1"/>
  <c r="AC93757" i="1"/>
  <c r="AC93758" i="1"/>
  <c r="AC93759" i="1"/>
  <c r="AC93760" i="1"/>
  <c r="AC93761" i="1"/>
  <c r="AC93762" i="1"/>
  <c r="AC93763" i="1"/>
  <c r="AC93764" i="1"/>
  <c r="AC93765" i="1"/>
  <c r="AC93766" i="1"/>
  <c r="AC93767" i="1"/>
  <c r="AC93768" i="1"/>
  <c r="AC93769" i="1"/>
  <c r="AC93770" i="1"/>
  <c r="AC93771" i="1"/>
  <c r="AC93772" i="1"/>
  <c r="AC93773" i="1"/>
  <c r="AC93774" i="1"/>
  <c r="AC93775" i="1"/>
  <c r="AC93776" i="1"/>
  <c r="AC93777" i="1"/>
  <c r="AC93778" i="1"/>
  <c r="AC93779" i="1"/>
  <c r="AC93780" i="1"/>
  <c r="AC93781" i="1"/>
  <c r="AC93782" i="1"/>
  <c r="AC93783" i="1"/>
  <c r="AC93784" i="1"/>
  <c r="AC93785" i="1"/>
  <c r="AC93786" i="1"/>
  <c r="AC93787" i="1"/>
  <c r="AC93788" i="1"/>
  <c r="AC93789" i="1"/>
  <c r="AC93790" i="1"/>
  <c r="AC93791" i="1"/>
  <c r="AC93792" i="1"/>
  <c r="AC93793" i="1"/>
  <c r="AC93794" i="1"/>
  <c r="AC93795" i="1"/>
  <c r="AC93796" i="1"/>
  <c r="AC93797" i="1"/>
  <c r="AC93798" i="1"/>
  <c r="AC93799" i="1"/>
  <c r="AC93800" i="1"/>
  <c r="AC93801" i="1"/>
  <c r="AC93802" i="1"/>
  <c r="AC93803" i="1"/>
  <c r="AC93804" i="1"/>
  <c r="AC93805" i="1"/>
  <c r="AC93806" i="1"/>
  <c r="AC93807" i="1"/>
  <c r="AC93808" i="1"/>
  <c r="AC93809" i="1"/>
  <c r="AC93810" i="1"/>
  <c r="AC93811" i="1"/>
  <c r="AC93812" i="1"/>
  <c r="AC93813" i="1"/>
  <c r="AC93814" i="1"/>
  <c r="AC93815" i="1"/>
  <c r="AC93816" i="1"/>
  <c r="AC93817" i="1"/>
  <c r="AC93818" i="1"/>
  <c r="AC93819" i="1"/>
  <c r="AC93820" i="1"/>
  <c r="AC93821" i="1"/>
  <c r="AC93822" i="1"/>
  <c r="AC93823" i="1"/>
  <c r="AC93824" i="1"/>
  <c r="AC93825" i="1"/>
  <c r="AC93826" i="1"/>
  <c r="AC93827" i="1"/>
  <c r="AC93828" i="1"/>
  <c r="AC93829" i="1"/>
  <c r="AC93830" i="1"/>
  <c r="AC93831" i="1"/>
  <c r="AC93832" i="1"/>
  <c r="AC93833" i="1"/>
  <c r="AC93834" i="1"/>
  <c r="AC93835" i="1"/>
  <c r="AC93836" i="1"/>
  <c r="AC93837" i="1"/>
  <c r="AC93838" i="1"/>
  <c r="AC93839" i="1"/>
  <c r="AC93840" i="1"/>
  <c r="AC93841" i="1"/>
  <c r="AC93842" i="1"/>
  <c r="AC93843" i="1"/>
  <c r="AC93844" i="1"/>
  <c r="AC93845" i="1"/>
  <c r="AC93846" i="1"/>
  <c r="AC93847" i="1"/>
  <c r="AC93848" i="1"/>
  <c r="AC93849" i="1"/>
  <c r="AC93850" i="1"/>
  <c r="AC93851" i="1"/>
  <c r="AC93852" i="1"/>
  <c r="AC93853" i="1"/>
  <c r="AC93854" i="1"/>
  <c r="AC93855" i="1"/>
  <c r="AC93856" i="1"/>
  <c r="AC93857" i="1"/>
  <c r="AC93858" i="1"/>
  <c r="AC93859" i="1"/>
  <c r="AC93860" i="1"/>
  <c r="AC93861" i="1"/>
  <c r="AC93862" i="1"/>
  <c r="AC93863" i="1"/>
  <c r="AC93864" i="1"/>
  <c r="AC93865" i="1"/>
  <c r="AC93866" i="1"/>
  <c r="AC93867" i="1"/>
  <c r="AC93868" i="1"/>
  <c r="AC93869" i="1"/>
  <c r="AC93870" i="1"/>
  <c r="AC93871" i="1"/>
  <c r="AC93872" i="1"/>
  <c r="AC93873" i="1"/>
  <c r="AC93874" i="1"/>
  <c r="AC93875" i="1"/>
  <c r="AC93876" i="1"/>
  <c r="AC93877" i="1"/>
  <c r="AC93878" i="1"/>
  <c r="AC93879" i="1"/>
  <c r="AC93880" i="1"/>
  <c r="AC93881" i="1"/>
  <c r="AC93882" i="1"/>
  <c r="AC93883" i="1"/>
  <c r="AC93884" i="1"/>
  <c r="AC93885" i="1"/>
  <c r="AC93886" i="1"/>
  <c r="AC93887" i="1"/>
  <c r="AC93888" i="1"/>
  <c r="AC93889" i="1"/>
  <c r="AC93890" i="1"/>
  <c r="AC93891" i="1"/>
  <c r="AC93892" i="1"/>
  <c r="AC93893" i="1"/>
  <c r="AC93894" i="1"/>
  <c r="AC93895" i="1"/>
  <c r="AC93896" i="1"/>
  <c r="AC93897" i="1"/>
  <c r="AC93898" i="1"/>
  <c r="AC93899" i="1"/>
  <c r="AC93900" i="1"/>
  <c r="AC93901" i="1"/>
  <c r="AC93902" i="1"/>
  <c r="AC93903" i="1"/>
  <c r="AC93904" i="1"/>
  <c r="AC93905" i="1"/>
  <c r="AC93906" i="1"/>
  <c r="AC93907" i="1"/>
  <c r="AC93908" i="1"/>
  <c r="AC93909" i="1"/>
  <c r="AC93910" i="1"/>
  <c r="AC93911" i="1"/>
  <c r="AC93912" i="1"/>
  <c r="AC93913" i="1"/>
  <c r="AC93914" i="1"/>
  <c r="AC93915" i="1"/>
  <c r="AC93916" i="1"/>
  <c r="AC93917" i="1"/>
  <c r="AC93918" i="1"/>
  <c r="AC93919" i="1"/>
  <c r="AC93920" i="1"/>
  <c r="AC93921" i="1"/>
  <c r="AC93922" i="1"/>
  <c r="AC93923" i="1"/>
  <c r="AC93924" i="1"/>
  <c r="AC93925" i="1"/>
  <c r="AC93926" i="1"/>
  <c r="AC93927" i="1"/>
  <c r="AC93928" i="1"/>
  <c r="AC93929" i="1"/>
  <c r="AC93930" i="1"/>
  <c r="AC93931" i="1"/>
  <c r="AC93932" i="1"/>
  <c r="AC93933" i="1"/>
  <c r="AC93934" i="1"/>
  <c r="AC93935" i="1"/>
  <c r="AC93936" i="1"/>
  <c r="AC93937" i="1"/>
  <c r="AC93938" i="1"/>
  <c r="AC93939" i="1"/>
  <c r="AC93940" i="1"/>
  <c r="AC93941" i="1"/>
  <c r="AC93942" i="1"/>
  <c r="AC93943" i="1"/>
  <c r="AC93944" i="1"/>
  <c r="AC93945" i="1"/>
  <c r="AC93946" i="1"/>
  <c r="AC93947" i="1"/>
  <c r="AC93948" i="1"/>
  <c r="AC93949" i="1"/>
  <c r="AC93950" i="1"/>
  <c r="AC93951" i="1"/>
  <c r="AC93952" i="1"/>
  <c r="AC93953" i="1"/>
  <c r="AC93954" i="1"/>
  <c r="AC93955" i="1"/>
  <c r="AC93956" i="1"/>
  <c r="AC93957" i="1"/>
  <c r="AC93958" i="1"/>
  <c r="AC93959" i="1"/>
  <c r="AC93960" i="1"/>
  <c r="AC93961" i="1"/>
  <c r="AC93962" i="1"/>
  <c r="AC93963" i="1"/>
  <c r="AC93964" i="1"/>
  <c r="AC93965" i="1"/>
  <c r="AC93966" i="1"/>
  <c r="AC93967" i="1"/>
  <c r="AC93968" i="1"/>
  <c r="AC93969" i="1"/>
  <c r="AC93970" i="1"/>
  <c r="AC93971" i="1"/>
  <c r="AC93972" i="1"/>
  <c r="AC93973" i="1"/>
  <c r="AC93974" i="1"/>
  <c r="AC93975" i="1"/>
  <c r="AC93976" i="1"/>
  <c r="AC93977" i="1"/>
  <c r="AC93978" i="1"/>
  <c r="AC93979" i="1"/>
  <c r="AC93980" i="1"/>
  <c r="AC93981" i="1"/>
  <c r="AC93982" i="1"/>
  <c r="AC93983" i="1"/>
  <c r="AC93984" i="1"/>
  <c r="AC93985" i="1"/>
  <c r="AC93986" i="1"/>
  <c r="AC93987" i="1"/>
  <c r="AC93988" i="1"/>
  <c r="AC93989" i="1"/>
  <c r="AC93990" i="1"/>
  <c r="AC93991" i="1"/>
  <c r="AC93992" i="1"/>
  <c r="AC93993" i="1"/>
  <c r="AC93994" i="1"/>
  <c r="AC93995" i="1"/>
  <c r="AC93996" i="1"/>
  <c r="AC93997" i="1"/>
  <c r="AC93998" i="1"/>
  <c r="AC93999" i="1"/>
  <c r="AC94000" i="1"/>
  <c r="AC94001" i="1"/>
  <c r="AC94002" i="1"/>
  <c r="AC94003" i="1"/>
  <c r="AC94004" i="1"/>
  <c r="AC94005" i="1"/>
  <c r="AC94006" i="1"/>
  <c r="AC94007" i="1"/>
  <c r="AC94008" i="1"/>
  <c r="AC94009" i="1"/>
  <c r="AC94010" i="1"/>
  <c r="AC94011" i="1"/>
  <c r="AC94012" i="1"/>
  <c r="AC94013" i="1"/>
  <c r="AC94014" i="1"/>
  <c r="AC94015" i="1"/>
  <c r="AC94016" i="1"/>
  <c r="AC94017" i="1"/>
  <c r="AC94018" i="1"/>
  <c r="AC94019" i="1"/>
  <c r="AC94020" i="1"/>
  <c r="AC94021" i="1"/>
  <c r="AC94022" i="1"/>
  <c r="AC94023" i="1"/>
  <c r="AC94024" i="1"/>
  <c r="AC94025" i="1"/>
  <c r="AC94026" i="1"/>
  <c r="AC94027" i="1"/>
  <c r="AC94028" i="1"/>
  <c r="AC94029" i="1"/>
  <c r="AC94030" i="1"/>
  <c r="AC94031" i="1"/>
  <c r="AC94032" i="1"/>
  <c r="AC94033" i="1"/>
  <c r="AC94034" i="1"/>
  <c r="AC94035" i="1"/>
  <c r="AC94036" i="1"/>
  <c r="AC94037" i="1"/>
  <c r="AC94038" i="1"/>
  <c r="AC94039" i="1"/>
  <c r="AC94040" i="1"/>
  <c r="AC94041" i="1"/>
  <c r="AC94042" i="1"/>
  <c r="AC94043" i="1"/>
  <c r="AC94044" i="1"/>
  <c r="AC94045" i="1"/>
  <c r="AC94046" i="1"/>
  <c r="AC94047" i="1"/>
  <c r="AC94048" i="1"/>
  <c r="AC94049" i="1"/>
  <c r="AC94050" i="1"/>
  <c r="AC94051" i="1"/>
  <c r="AC94052" i="1"/>
  <c r="AC94053" i="1"/>
  <c r="AC94054" i="1"/>
  <c r="AC94055" i="1"/>
  <c r="AC94056" i="1"/>
  <c r="AC94057" i="1"/>
  <c r="AC94058" i="1"/>
  <c r="AC94059" i="1"/>
  <c r="AC94060" i="1"/>
  <c r="AC94061" i="1"/>
  <c r="AC94062" i="1"/>
  <c r="AC94063" i="1"/>
  <c r="AC94064" i="1"/>
  <c r="AC94065" i="1"/>
  <c r="AC94066" i="1"/>
  <c r="AC94067" i="1"/>
  <c r="AC94068" i="1"/>
  <c r="AC94069" i="1"/>
  <c r="AC94070" i="1"/>
  <c r="AC94071" i="1"/>
  <c r="AC94072" i="1"/>
  <c r="AC94073" i="1"/>
  <c r="AC94074" i="1"/>
  <c r="AC94075" i="1"/>
  <c r="AC94076" i="1"/>
  <c r="AC94077" i="1"/>
  <c r="AC94078" i="1"/>
  <c r="AC94079" i="1"/>
  <c r="AC94080" i="1"/>
  <c r="AC94081" i="1"/>
  <c r="AC94082" i="1"/>
  <c r="AC94083" i="1"/>
  <c r="AC94084" i="1"/>
  <c r="AC94085" i="1"/>
  <c r="AC94086" i="1"/>
  <c r="AC94087" i="1"/>
  <c r="AC94088" i="1"/>
  <c r="AC94089" i="1"/>
  <c r="AC94090" i="1"/>
  <c r="AC94091" i="1"/>
  <c r="AC94092" i="1"/>
  <c r="AC94093" i="1"/>
  <c r="AC94094" i="1"/>
  <c r="AC94095" i="1"/>
  <c r="AC94096" i="1"/>
  <c r="AC94097" i="1"/>
  <c r="AC94098" i="1"/>
  <c r="AC94099" i="1"/>
  <c r="AC94100" i="1"/>
  <c r="AC94101" i="1"/>
  <c r="AC94102" i="1"/>
  <c r="AC94103" i="1"/>
  <c r="AC94104" i="1"/>
  <c r="AC94105" i="1"/>
  <c r="AC94106" i="1"/>
  <c r="AC94107" i="1"/>
  <c r="AC94108" i="1"/>
  <c r="AC94109" i="1"/>
  <c r="AC94110" i="1"/>
  <c r="AC94111" i="1"/>
  <c r="AC94112" i="1"/>
  <c r="AC94113" i="1"/>
  <c r="AC94114" i="1"/>
  <c r="AC94115" i="1"/>
  <c r="AC94116" i="1"/>
  <c r="AC94117" i="1"/>
  <c r="AC94118" i="1"/>
  <c r="AC94119" i="1"/>
  <c r="AC94120" i="1"/>
  <c r="AC94121" i="1"/>
  <c r="AC94122" i="1"/>
  <c r="AC94123" i="1"/>
  <c r="AC94124" i="1"/>
  <c r="AC94125" i="1"/>
  <c r="AC94126" i="1"/>
  <c r="AC94127" i="1"/>
  <c r="AC94128" i="1"/>
  <c r="AC94129" i="1"/>
  <c r="AC94130" i="1"/>
  <c r="AC94131" i="1"/>
  <c r="AC94132" i="1"/>
  <c r="AC94133" i="1"/>
  <c r="AC94134" i="1"/>
  <c r="AC94135" i="1"/>
  <c r="AC94136" i="1"/>
  <c r="AC94137" i="1"/>
  <c r="AC94138" i="1"/>
  <c r="AC94139" i="1"/>
  <c r="AC94140" i="1"/>
  <c r="AC94141" i="1"/>
  <c r="AC94142" i="1"/>
  <c r="AC94143" i="1"/>
  <c r="AC94144" i="1"/>
  <c r="AC94145" i="1"/>
  <c r="AC94146" i="1"/>
  <c r="AC94147" i="1"/>
  <c r="AC94148" i="1"/>
  <c r="AC94149" i="1"/>
  <c r="AC94150" i="1"/>
  <c r="AC94151" i="1"/>
  <c r="AC94152" i="1"/>
  <c r="AC94153" i="1"/>
  <c r="AC94154" i="1"/>
  <c r="AC94155" i="1"/>
  <c r="AC94156" i="1"/>
  <c r="AC94157" i="1"/>
  <c r="AC94158" i="1"/>
  <c r="AC94159" i="1"/>
  <c r="AC94160" i="1"/>
  <c r="AC94161" i="1"/>
  <c r="AC94162" i="1"/>
  <c r="AC94163" i="1"/>
  <c r="AC94164" i="1"/>
  <c r="AC94165" i="1"/>
  <c r="AC94166" i="1"/>
  <c r="AC94167" i="1"/>
  <c r="AC94168" i="1"/>
  <c r="AC94169" i="1"/>
  <c r="AC94170" i="1"/>
  <c r="AC94171" i="1"/>
  <c r="AC94172" i="1"/>
  <c r="AC94173" i="1"/>
  <c r="AC94174" i="1"/>
  <c r="AC94175" i="1"/>
  <c r="AC94176" i="1"/>
  <c r="AC94177" i="1"/>
  <c r="AC94178" i="1"/>
  <c r="AC94179" i="1"/>
  <c r="AC94180" i="1"/>
  <c r="AC94181" i="1"/>
  <c r="AC94182" i="1"/>
  <c r="AC94183" i="1"/>
  <c r="AC94184" i="1"/>
  <c r="AC94185" i="1"/>
  <c r="AC94186" i="1"/>
  <c r="AC94187" i="1"/>
  <c r="AC94188" i="1"/>
  <c r="AC94189" i="1"/>
  <c r="AC94190" i="1"/>
  <c r="AC94191" i="1"/>
  <c r="AC94192" i="1"/>
  <c r="AC94193" i="1"/>
  <c r="AC94194" i="1"/>
  <c r="AC94195" i="1"/>
  <c r="AC94196" i="1"/>
  <c r="AC94197" i="1"/>
  <c r="AC94198" i="1"/>
  <c r="AC94199" i="1"/>
  <c r="AC94200" i="1"/>
  <c r="AC94201" i="1"/>
  <c r="AC94202" i="1"/>
  <c r="AC94203" i="1"/>
  <c r="AC94204" i="1"/>
  <c r="AC94205" i="1"/>
  <c r="AC94206" i="1"/>
  <c r="AC94207" i="1"/>
  <c r="AC94208" i="1"/>
  <c r="AC94209" i="1"/>
  <c r="AC94210" i="1"/>
  <c r="AC94211" i="1"/>
  <c r="AC94212" i="1"/>
  <c r="AC94213" i="1"/>
  <c r="AC94214" i="1"/>
  <c r="AC94215" i="1"/>
  <c r="AC94216" i="1"/>
  <c r="AC94217" i="1"/>
  <c r="AC94218" i="1"/>
  <c r="AC94219" i="1"/>
  <c r="AC94220" i="1"/>
  <c r="AC94221" i="1"/>
  <c r="AC94222" i="1"/>
  <c r="AC94223" i="1"/>
  <c r="AC94224" i="1"/>
  <c r="AC94225" i="1"/>
  <c r="AC94226" i="1"/>
  <c r="AC94227" i="1"/>
  <c r="AC94228" i="1"/>
  <c r="AC94229" i="1"/>
  <c r="AC94230" i="1"/>
  <c r="AC94231" i="1"/>
  <c r="AC94232" i="1"/>
  <c r="AC94233" i="1"/>
  <c r="AC94234" i="1"/>
  <c r="AC94235" i="1"/>
  <c r="AC94236" i="1"/>
  <c r="AC94237" i="1"/>
  <c r="AC94238" i="1"/>
  <c r="AC94239" i="1"/>
  <c r="AC94240" i="1"/>
  <c r="AC94241" i="1"/>
  <c r="AC94242" i="1"/>
  <c r="AC94243" i="1"/>
  <c r="AC94244" i="1"/>
  <c r="AC94245" i="1"/>
  <c r="AC94246" i="1"/>
  <c r="AC94247" i="1"/>
  <c r="AC94248" i="1"/>
  <c r="AC94249" i="1"/>
  <c r="AC94250" i="1"/>
  <c r="AC94251" i="1"/>
  <c r="AC94252" i="1"/>
  <c r="AC94253" i="1"/>
  <c r="AC94254" i="1"/>
  <c r="AC94255" i="1"/>
  <c r="AC94256" i="1"/>
  <c r="AC94257" i="1"/>
  <c r="AC94258" i="1"/>
  <c r="AC94259" i="1"/>
  <c r="AC94260" i="1"/>
  <c r="AC94261" i="1"/>
  <c r="AC94262" i="1"/>
  <c r="AC94263" i="1"/>
  <c r="AC94264" i="1"/>
  <c r="AC94265" i="1"/>
  <c r="AC94266" i="1"/>
  <c r="AC94267" i="1"/>
  <c r="AC94268" i="1"/>
  <c r="AC94269" i="1"/>
  <c r="AC94270" i="1"/>
  <c r="AC94271" i="1"/>
  <c r="AC94272" i="1"/>
  <c r="AC94273" i="1"/>
  <c r="AC94274" i="1"/>
  <c r="AC94275" i="1"/>
  <c r="AC94276" i="1"/>
  <c r="AC94277" i="1"/>
  <c r="AC94278" i="1"/>
  <c r="AC94279" i="1"/>
  <c r="AC94280" i="1"/>
  <c r="AC94281" i="1"/>
  <c r="AC94282" i="1"/>
  <c r="AC94283" i="1"/>
  <c r="AC94284" i="1"/>
  <c r="AC94285" i="1"/>
  <c r="AC94286" i="1"/>
  <c r="AC94287" i="1"/>
  <c r="AC94288" i="1"/>
  <c r="AC94289" i="1"/>
  <c r="AC94290" i="1"/>
  <c r="AC94291" i="1"/>
  <c r="AC94292" i="1"/>
  <c r="AC94293" i="1"/>
  <c r="AC94294" i="1"/>
  <c r="AC94295" i="1"/>
  <c r="AC94296" i="1"/>
  <c r="AC94297" i="1"/>
  <c r="AC94298" i="1"/>
  <c r="AC94299" i="1"/>
  <c r="AC94300" i="1"/>
  <c r="AC94301" i="1"/>
  <c r="AC94302" i="1"/>
  <c r="AC94303" i="1"/>
  <c r="AC94304" i="1"/>
  <c r="AC94305" i="1"/>
  <c r="AC94306" i="1"/>
  <c r="AC94307" i="1"/>
  <c r="AC94308" i="1"/>
  <c r="AC94309" i="1"/>
  <c r="AC94310" i="1"/>
  <c r="AC94311" i="1"/>
  <c r="AC94312" i="1"/>
  <c r="AC94313" i="1"/>
  <c r="AC94314" i="1"/>
  <c r="AC94315" i="1"/>
  <c r="AC94316" i="1"/>
  <c r="AC94317" i="1"/>
  <c r="AC94318" i="1"/>
  <c r="AC94319" i="1"/>
  <c r="AC94320" i="1"/>
  <c r="AC94321" i="1"/>
  <c r="AC94322" i="1"/>
  <c r="AC94323" i="1"/>
  <c r="AC94324" i="1"/>
  <c r="AC94325" i="1"/>
  <c r="AC94326" i="1"/>
  <c r="AC94327" i="1"/>
  <c r="AC94328" i="1"/>
  <c r="AC94329" i="1"/>
  <c r="AC94330" i="1"/>
  <c r="AC94331" i="1"/>
  <c r="AC94332" i="1"/>
  <c r="AC94333" i="1"/>
  <c r="AC94334" i="1"/>
  <c r="AC94335" i="1"/>
  <c r="AC94336" i="1"/>
  <c r="AC94337" i="1"/>
  <c r="AC94338" i="1"/>
  <c r="AC94339" i="1"/>
  <c r="AC94340" i="1"/>
  <c r="AC94341" i="1"/>
  <c r="AC94342" i="1"/>
  <c r="AC94343" i="1"/>
  <c r="AC94344" i="1"/>
  <c r="AC94345" i="1"/>
  <c r="AC94346" i="1"/>
  <c r="AC94347" i="1"/>
  <c r="AC94348" i="1"/>
  <c r="AC94349" i="1"/>
  <c r="AC94350" i="1"/>
  <c r="AC94351" i="1"/>
  <c r="AC94352" i="1"/>
  <c r="AC94353" i="1"/>
  <c r="AC94354" i="1"/>
  <c r="AC94355" i="1"/>
  <c r="AC94356" i="1"/>
  <c r="AC94357" i="1"/>
  <c r="AC94358" i="1"/>
  <c r="AC94359" i="1"/>
  <c r="AC94360" i="1"/>
  <c r="AC94361" i="1"/>
  <c r="AC94362" i="1"/>
  <c r="AC94363" i="1"/>
  <c r="AC94364" i="1"/>
  <c r="AC94365" i="1"/>
  <c r="AC94366" i="1"/>
  <c r="AC94367" i="1"/>
  <c r="AC94368" i="1"/>
  <c r="AC94369" i="1"/>
  <c r="AC94370" i="1"/>
  <c r="AC94371" i="1"/>
  <c r="AC94372" i="1"/>
  <c r="AC94373" i="1"/>
  <c r="AC94374" i="1"/>
  <c r="AC94375" i="1"/>
  <c r="AC94376" i="1"/>
  <c r="AC94377" i="1"/>
  <c r="AC94378" i="1"/>
  <c r="AC94379" i="1"/>
  <c r="AC94380" i="1"/>
  <c r="AC94381" i="1"/>
  <c r="AC94382" i="1"/>
  <c r="AC94383" i="1"/>
  <c r="AC94384" i="1"/>
  <c r="AC94385" i="1"/>
  <c r="AC94386" i="1"/>
  <c r="AC94387" i="1"/>
  <c r="AC94388" i="1"/>
  <c r="AC94389" i="1"/>
  <c r="AC94390" i="1"/>
  <c r="AC94391" i="1"/>
  <c r="AC94392" i="1"/>
  <c r="AC94393" i="1"/>
  <c r="AC94394" i="1"/>
  <c r="AC94395" i="1"/>
  <c r="AC94396" i="1"/>
  <c r="AC94397" i="1"/>
  <c r="AC94398" i="1"/>
  <c r="AC94399" i="1"/>
  <c r="AC94400" i="1"/>
  <c r="AC94401" i="1"/>
  <c r="AC94402" i="1"/>
  <c r="AC94403" i="1"/>
  <c r="AC94404" i="1"/>
  <c r="AC94405" i="1"/>
  <c r="AC94406" i="1"/>
  <c r="AC94407" i="1"/>
  <c r="AC94408" i="1"/>
  <c r="AC94409" i="1"/>
  <c r="AC94410" i="1"/>
  <c r="AC94411" i="1"/>
  <c r="AC94412" i="1"/>
  <c r="AC94413" i="1"/>
  <c r="AC94414" i="1"/>
  <c r="AC94415" i="1"/>
  <c r="AC94416" i="1"/>
  <c r="AC94417" i="1"/>
  <c r="AC94418" i="1"/>
  <c r="AC94419" i="1"/>
  <c r="AC94420" i="1"/>
  <c r="AC94421" i="1"/>
  <c r="AC94422" i="1"/>
  <c r="AC94423" i="1"/>
  <c r="AC94424" i="1"/>
  <c r="AC94425" i="1"/>
  <c r="AC94426" i="1"/>
  <c r="AC94427" i="1"/>
  <c r="AC94428" i="1"/>
  <c r="AC94429" i="1"/>
  <c r="AC94430" i="1"/>
  <c r="AC94431" i="1"/>
  <c r="AC94432" i="1"/>
  <c r="AC94433" i="1"/>
  <c r="AC94434" i="1"/>
  <c r="AC94435" i="1"/>
  <c r="AC94436" i="1"/>
  <c r="AC94437" i="1"/>
  <c r="AC94438" i="1"/>
  <c r="AC94439" i="1"/>
  <c r="AC94440" i="1"/>
  <c r="AC94441" i="1"/>
  <c r="AC94442" i="1"/>
  <c r="AC94443" i="1"/>
  <c r="AC94444" i="1"/>
  <c r="AC94445" i="1"/>
  <c r="AC94446" i="1"/>
  <c r="AC94447" i="1"/>
  <c r="AC94448" i="1"/>
  <c r="AC94449" i="1"/>
  <c r="AC94450" i="1"/>
  <c r="AC94451" i="1"/>
  <c r="AC94452" i="1"/>
  <c r="AC94453" i="1"/>
  <c r="AC94454" i="1"/>
  <c r="AC94455" i="1"/>
  <c r="AC94456" i="1"/>
  <c r="AC94457" i="1"/>
  <c r="AC94458" i="1"/>
  <c r="AC94459" i="1"/>
  <c r="AC94460" i="1"/>
  <c r="AC94461" i="1"/>
  <c r="AC94462" i="1"/>
  <c r="AC94463" i="1"/>
  <c r="AC94464" i="1"/>
  <c r="AC94465" i="1"/>
  <c r="AC94466" i="1"/>
  <c r="AC94467" i="1"/>
  <c r="AC94468" i="1"/>
  <c r="AC94469" i="1"/>
  <c r="AC94470" i="1"/>
  <c r="AC94471" i="1"/>
  <c r="AC94472" i="1"/>
  <c r="AC94473" i="1"/>
  <c r="AC94474" i="1"/>
  <c r="AC94475" i="1"/>
  <c r="AC94476" i="1"/>
  <c r="AC94477" i="1"/>
  <c r="AC94478" i="1"/>
  <c r="AC94479" i="1"/>
  <c r="AC94480" i="1"/>
  <c r="AC94481" i="1"/>
  <c r="AC94482" i="1"/>
  <c r="AC94483" i="1"/>
  <c r="AC94484" i="1"/>
  <c r="AC94485" i="1"/>
  <c r="AC94486" i="1"/>
  <c r="AC94487" i="1"/>
  <c r="AC94488" i="1"/>
  <c r="AC94489" i="1"/>
  <c r="AC94490" i="1"/>
  <c r="AC94491" i="1"/>
  <c r="AC94492" i="1"/>
  <c r="AC94493" i="1"/>
  <c r="AC94494" i="1"/>
  <c r="AC94495" i="1"/>
  <c r="AC94496" i="1"/>
  <c r="AC94497" i="1"/>
  <c r="AC94498" i="1"/>
  <c r="AC94499" i="1"/>
  <c r="AC94500" i="1"/>
  <c r="AC94501" i="1"/>
  <c r="AC94502" i="1"/>
  <c r="AC94503" i="1"/>
  <c r="AC94504" i="1"/>
  <c r="AC94505" i="1"/>
  <c r="AC94506" i="1"/>
  <c r="AC94507" i="1"/>
  <c r="AC94508" i="1"/>
  <c r="AC94509" i="1"/>
  <c r="AC94510" i="1"/>
  <c r="AC94511" i="1"/>
  <c r="AC94512" i="1"/>
  <c r="AC94513" i="1"/>
  <c r="AC94514" i="1"/>
  <c r="AC94515" i="1"/>
  <c r="AC94516" i="1"/>
  <c r="AC94517" i="1"/>
  <c r="AC94518" i="1"/>
  <c r="AC94519" i="1"/>
  <c r="AC94520" i="1"/>
  <c r="AC94521" i="1"/>
  <c r="AC94522" i="1"/>
  <c r="AC94523" i="1"/>
  <c r="AC94524" i="1"/>
  <c r="AC94525" i="1"/>
  <c r="AC94526" i="1"/>
  <c r="AC94527" i="1"/>
  <c r="AC94528" i="1"/>
  <c r="AC94529" i="1"/>
  <c r="AC94530" i="1"/>
  <c r="AC94531" i="1"/>
  <c r="AC94532" i="1"/>
  <c r="AC94533" i="1"/>
  <c r="AC94534" i="1"/>
  <c r="AC94535" i="1"/>
  <c r="AC94536" i="1"/>
  <c r="AC94537" i="1"/>
  <c r="AC94538" i="1"/>
  <c r="AC94539" i="1"/>
  <c r="AC94540" i="1"/>
  <c r="AC94541" i="1"/>
  <c r="AC94542" i="1"/>
  <c r="AC94543" i="1"/>
  <c r="AC94544" i="1"/>
  <c r="AC94545" i="1"/>
  <c r="AC94546" i="1"/>
  <c r="AC94547" i="1"/>
  <c r="AC94548" i="1"/>
  <c r="AC94549" i="1"/>
  <c r="AC94550" i="1"/>
  <c r="AC94551" i="1"/>
  <c r="AC94552" i="1"/>
  <c r="AC94553" i="1"/>
  <c r="AC94554" i="1"/>
  <c r="AC94555" i="1"/>
  <c r="AC94556" i="1"/>
  <c r="AC94557" i="1"/>
  <c r="AC94558" i="1"/>
  <c r="AC94559" i="1"/>
  <c r="AC94560" i="1"/>
  <c r="AC94561" i="1"/>
  <c r="AC94562" i="1"/>
  <c r="AC94563" i="1"/>
  <c r="AC94564" i="1"/>
  <c r="AC94565" i="1"/>
  <c r="AC94566" i="1"/>
  <c r="AC94567" i="1"/>
  <c r="AC94568" i="1"/>
  <c r="AC94569" i="1"/>
  <c r="AC94570" i="1"/>
  <c r="AC94571" i="1"/>
  <c r="AC94572" i="1"/>
  <c r="AC94573" i="1"/>
  <c r="AC94574" i="1"/>
  <c r="AC94575" i="1"/>
  <c r="AC94576" i="1"/>
  <c r="AC94577" i="1"/>
  <c r="AC94578" i="1"/>
  <c r="AC94579" i="1"/>
  <c r="AC94580" i="1"/>
  <c r="AC94581" i="1"/>
  <c r="AC94582" i="1"/>
  <c r="AC94583" i="1"/>
  <c r="AC94584" i="1"/>
  <c r="AC94585" i="1"/>
  <c r="AC94586" i="1"/>
  <c r="AC94587" i="1"/>
  <c r="AC94588" i="1"/>
  <c r="AC94589" i="1"/>
  <c r="AC94590" i="1"/>
  <c r="AC94591" i="1"/>
  <c r="AC94592" i="1"/>
  <c r="AC94593" i="1"/>
  <c r="AC94594" i="1"/>
  <c r="AC94595" i="1"/>
  <c r="AC94596" i="1"/>
  <c r="AC94597" i="1"/>
  <c r="AC94598" i="1"/>
  <c r="AC94599" i="1"/>
  <c r="AC94600" i="1"/>
  <c r="AC94601" i="1"/>
  <c r="AC94602" i="1"/>
  <c r="AC94603" i="1"/>
  <c r="AC94604" i="1"/>
  <c r="AC94605" i="1"/>
  <c r="AC94606" i="1"/>
  <c r="AC94607" i="1"/>
  <c r="AC94608" i="1"/>
  <c r="AC94609" i="1"/>
  <c r="AC94610" i="1"/>
  <c r="AC94611" i="1"/>
  <c r="AC94612" i="1"/>
  <c r="AC94613" i="1"/>
  <c r="AC94614" i="1"/>
  <c r="AC94615" i="1"/>
  <c r="AC94616" i="1"/>
  <c r="AC94617" i="1"/>
  <c r="AC94618" i="1"/>
  <c r="AC94619" i="1"/>
  <c r="AC94620" i="1"/>
  <c r="AC94621" i="1"/>
  <c r="AC94622" i="1"/>
  <c r="AC94623" i="1"/>
  <c r="AC94624" i="1"/>
  <c r="AC94625" i="1"/>
  <c r="AC94626" i="1"/>
  <c r="AC94627" i="1"/>
  <c r="AC94628" i="1"/>
  <c r="AC94629" i="1"/>
  <c r="AC94630" i="1"/>
  <c r="AC94631" i="1"/>
  <c r="AC94632" i="1"/>
  <c r="AC94633" i="1"/>
  <c r="AC94634" i="1"/>
  <c r="AC94635" i="1"/>
  <c r="AC94636" i="1"/>
  <c r="AC94637" i="1"/>
  <c r="AC94638" i="1"/>
  <c r="AC94639" i="1"/>
  <c r="AC94640" i="1"/>
  <c r="AC94641" i="1"/>
  <c r="AC94642" i="1"/>
  <c r="AC94643" i="1"/>
  <c r="AC94644" i="1"/>
  <c r="AC94645" i="1"/>
  <c r="AC94646" i="1"/>
  <c r="AC94647" i="1"/>
  <c r="AC94648" i="1"/>
  <c r="AC94649" i="1"/>
  <c r="AC94650" i="1"/>
  <c r="AC94651" i="1"/>
  <c r="AC94652" i="1"/>
  <c r="AC94653" i="1"/>
  <c r="AC94654" i="1"/>
  <c r="AC94655" i="1"/>
  <c r="AC94656" i="1"/>
  <c r="AC94657" i="1"/>
  <c r="AC94658" i="1"/>
  <c r="AC94659" i="1"/>
  <c r="AC94660" i="1"/>
  <c r="AC94661" i="1"/>
  <c r="AC94662" i="1"/>
  <c r="AC94663" i="1"/>
  <c r="AC94664" i="1"/>
  <c r="AC94665" i="1"/>
  <c r="AC94666" i="1"/>
  <c r="AC94667" i="1"/>
  <c r="AC94668" i="1"/>
  <c r="AC94669" i="1"/>
  <c r="AC94670" i="1"/>
  <c r="AC94671" i="1"/>
  <c r="AC94672" i="1"/>
  <c r="AC94673" i="1"/>
  <c r="AC94674" i="1"/>
  <c r="AC94675" i="1"/>
  <c r="AC94676" i="1"/>
  <c r="AC94677" i="1"/>
  <c r="AC94678" i="1"/>
  <c r="AC94679" i="1"/>
  <c r="AC94680" i="1"/>
  <c r="AC94681" i="1"/>
  <c r="AC94682" i="1"/>
  <c r="AC94683" i="1"/>
  <c r="AC94684" i="1"/>
  <c r="AC94685" i="1"/>
  <c r="AC94686" i="1"/>
  <c r="AC94687" i="1"/>
  <c r="AC94688" i="1"/>
  <c r="AC94689" i="1"/>
  <c r="AC94690" i="1"/>
  <c r="AC94691" i="1"/>
  <c r="AC94692" i="1"/>
  <c r="AC94693" i="1"/>
  <c r="AC94694" i="1"/>
  <c r="AC94695" i="1"/>
  <c r="AC94696" i="1"/>
  <c r="AC94697" i="1"/>
  <c r="AC94698" i="1"/>
  <c r="AC94699" i="1"/>
  <c r="AC94700" i="1"/>
  <c r="AC94701" i="1"/>
  <c r="AC94702" i="1"/>
  <c r="AC94703" i="1"/>
  <c r="AC94704" i="1"/>
  <c r="AC94705" i="1"/>
  <c r="AC94706" i="1"/>
  <c r="AC94707" i="1"/>
  <c r="AC94708" i="1"/>
  <c r="AC94709" i="1"/>
  <c r="AC94710" i="1"/>
  <c r="AC94711" i="1"/>
  <c r="AC94712" i="1"/>
  <c r="AC94713" i="1"/>
  <c r="AC94714" i="1"/>
  <c r="AC94715" i="1"/>
  <c r="AC94716" i="1"/>
  <c r="AC94717" i="1"/>
  <c r="AC94718" i="1"/>
  <c r="AC94719" i="1"/>
  <c r="AC94720" i="1"/>
  <c r="AC94721" i="1"/>
  <c r="AC94722" i="1"/>
  <c r="AC94723" i="1"/>
  <c r="AC94724" i="1"/>
  <c r="AC94725" i="1"/>
  <c r="AC94726" i="1"/>
  <c r="AC94727" i="1"/>
  <c r="AC94728" i="1"/>
  <c r="AC94729" i="1"/>
  <c r="AC94730" i="1"/>
  <c r="AC94731" i="1"/>
  <c r="AC94732" i="1"/>
  <c r="AC94733" i="1"/>
  <c r="AC94734" i="1"/>
  <c r="AC94735" i="1"/>
  <c r="AC94736" i="1"/>
  <c r="AC94737" i="1"/>
  <c r="AC94738" i="1"/>
  <c r="AC94739" i="1"/>
  <c r="AC94740" i="1"/>
  <c r="AC94741" i="1"/>
  <c r="AC94742" i="1"/>
  <c r="AC94743" i="1"/>
  <c r="AC94744" i="1"/>
  <c r="AC94745" i="1"/>
  <c r="AC94746" i="1"/>
  <c r="AC94747" i="1"/>
  <c r="AC94748" i="1"/>
  <c r="AC94749" i="1"/>
  <c r="AC94750" i="1"/>
  <c r="AC94751" i="1"/>
  <c r="AC94752" i="1"/>
  <c r="AC94753" i="1"/>
  <c r="AC94754" i="1"/>
  <c r="AC94755" i="1"/>
  <c r="AC94756" i="1"/>
  <c r="AC94757" i="1"/>
  <c r="AC94758" i="1"/>
  <c r="AC94759" i="1"/>
  <c r="AC94760" i="1"/>
  <c r="AC94761" i="1"/>
  <c r="AC94762" i="1"/>
  <c r="AC94763" i="1"/>
  <c r="AC94764" i="1"/>
  <c r="AC94765" i="1"/>
  <c r="AC94766" i="1"/>
  <c r="AC94767" i="1"/>
  <c r="AC94768" i="1"/>
  <c r="AC94769" i="1"/>
  <c r="AC94770" i="1"/>
  <c r="AC94771" i="1"/>
  <c r="AC94772" i="1"/>
  <c r="AC94773" i="1"/>
  <c r="AC94774" i="1"/>
  <c r="AC94775" i="1"/>
  <c r="AC94776" i="1"/>
  <c r="AC94777" i="1"/>
  <c r="AC94778" i="1"/>
  <c r="AC94779" i="1"/>
  <c r="AC94780" i="1"/>
  <c r="AC94781" i="1"/>
  <c r="AC94782" i="1"/>
  <c r="AC94783" i="1"/>
  <c r="AC94784" i="1"/>
  <c r="AC94785" i="1"/>
  <c r="AC94786" i="1"/>
  <c r="AC94787" i="1"/>
  <c r="AC94788" i="1"/>
  <c r="AC94789" i="1"/>
  <c r="AC94790" i="1"/>
  <c r="AC94791" i="1"/>
  <c r="AC94792" i="1"/>
  <c r="AC94793" i="1"/>
  <c r="AC94794" i="1"/>
  <c r="AC94795" i="1"/>
  <c r="AC94796" i="1"/>
  <c r="AC94797" i="1"/>
  <c r="AC94798" i="1"/>
  <c r="AC94799" i="1"/>
  <c r="AC94800" i="1"/>
  <c r="AC94801" i="1"/>
  <c r="AC94802" i="1"/>
  <c r="AC94803" i="1"/>
  <c r="AC94804" i="1"/>
  <c r="AC94805" i="1"/>
  <c r="AC94806" i="1"/>
  <c r="AC94807" i="1"/>
  <c r="AC94808" i="1"/>
  <c r="AC94809" i="1"/>
  <c r="AC94810" i="1"/>
  <c r="AC94811" i="1"/>
  <c r="AC94812" i="1"/>
  <c r="AC94813" i="1"/>
  <c r="AC94814" i="1"/>
  <c r="AC94815" i="1"/>
  <c r="AC94816" i="1"/>
  <c r="AC94817" i="1"/>
  <c r="AC94818" i="1"/>
  <c r="AC94819" i="1"/>
  <c r="AC94820" i="1"/>
  <c r="AC94821" i="1"/>
  <c r="AC94822" i="1"/>
  <c r="AC94823" i="1"/>
  <c r="AC94824" i="1"/>
  <c r="AC94825" i="1"/>
  <c r="AC94826" i="1"/>
  <c r="AC94827" i="1"/>
  <c r="AC94828" i="1"/>
  <c r="AC94829" i="1"/>
  <c r="AC94830" i="1"/>
  <c r="AC94831" i="1"/>
  <c r="AC94832" i="1"/>
  <c r="AC94833" i="1"/>
  <c r="AC94834" i="1"/>
  <c r="AC94835" i="1"/>
  <c r="AC94836" i="1"/>
  <c r="AC94837" i="1"/>
  <c r="AC94838" i="1"/>
  <c r="AC94839" i="1"/>
  <c r="AC94840" i="1"/>
  <c r="AC94841" i="1"/>
  <c r="AC94842" i="1"/>
  <c r="AC94843" i="1"/>
  <c r="AC94844" i="1"/>
  <c r="AC94845" i="1"/>
  <c r="AC94846" i="1"/>
  <c r="AC94847" i="1"/>
  <c r="AC94848" i="1"/>
  <c r="AC94849" i="1"/>
  <c r="AC94850" i="1"/>
  <c r="AC94851" i="1"/>
  <c r="AC94852" i="1"/>
  <c r="AC94853" i="1"/>
  <c r="AC94854" i="1"/>
  <c r="AC94855" i="1"/>
  <c r="AC94856" i="1"/>
  <c r="AC94857" i="1"/>
  <c r="AC94858" i="1"/>
  <c r="AC94859" i="1"/>
  <c r="AC94860" i="1"/>
  <c r="AC94861" i="1"/>
  <c r="AC94862" i="1"/>
  <c r="AC94863" i="1"/>
  <c r="AC94864" i="1"/>
  <c r="AC94865" i="1"/>
  <c r="AC94866" i="1"/>
  <c r="AC94867" i="1"/>
  <c r="AC94868" i="1"/>
  <c r="AC94869" i="1"/>
  <c r="AC94870" i="1"/>
  <c r="AC94871" i="1"/>
  <c r="AC94872" i="1"/>
  <c r="AC94873" i="1"/>
  <c r="AC94874" i="1"/>
  <c r="AC94875" i="1"/>
  <c r="AC94876" i="1"/>
  <c r="AC94877" i="1"/>
  <c r="AC94878" i="1"/>
  <c r="AC94879" i="1"/>
  <c r="AC94880" i="1"/>
  <c r="AC94881" i="1"/>
  <c r="AC94882" i="1"/>
  <c r="AC94883" i="1"/>
  <c r="AC94884" i="1"/>
  <c r="AC94885" i="1"/>
  <c r="AC94886" i="1"/>
  <c r="AC94887" i="1"/>
  <c r="AC94888" i="1"/>
  <c r="AC94889" i="1"/>
  <c r="AC94890" i="1"/>
  <c r="AC94891" i="1"/>
  <c r="AC94892" i="1"/>
  <c r="AC94893" i="1"/>
  <c r="AC94894" i="1"/>
  <c r="AC94895" i="1"/>
  <c r="AC94896" i="1"/>
  <c r="AC94897" i="1"/>
  <c r="AC94898" i="1"/>
  <c r="AC94899" i="1"/>
  <c r="AC94900" i="1"/>
  <c r="AC94901" i="1"/>
  <c r="AC94902" i="1"/>
  <c r="AC94903" i="1"/>
  <c r="AC94904" i="1"/>
  <c r="AC94905" i="1"/>
  <c r="AC94906" i="1"/>
  <c r="AC94907" i="1"/>
  <c r="AC94908" i="1"/>
  <c r="AC94909" i="1"/>
  <c r="AC94910" i="1"/>
  <c r="AC94911" i="1"/>
  <c r="AC94912" i="1"/>
  <c r="AC94913" i="1"/>
  <c r="AC94914" i="1"/>
  <c r="AC94915" i="1"/>
  <c r="AC94916" i="1"/>
  <c r="AC94917" i="1"/>
  <c r="AC94918" i="1"/>
  <c r="AC94919" i="1"/>
  <c r="AC94920" i="1"/>
  <c r="AC94921" i="1"/>
  <c r="AC94922" i="1"/>
  <c r="AC94923" i="1"/>
  <c r="AC94924" i="1"/>
  <c r="AC94925" i="1"/>
  <c r="AC94926" i="1"/>
  <c r="AC94927" i="1"/>
  <c r="AC94928" i="1"/>
  <c r="AC94929" i="1"/>
  <c r="AC94930" i="1"/>
  <c r="AC94931" i="1"/>
  <c r="AC94932" i="1"/>
  <c r="AC94933" i="1"/>
  <c r="AC94934" i="1"/>
  <c r="AC94935" i="1"/>
  <c r="AC94936" i="1"/>
  <c r="AC94937" i="1"/>
  <c r="AC94938" i="1"/>
  <c r="AC94939" i="1"/>
  <c r="AC94940" i="1"/>
  <c r="AC94941" i="1"/>
  <c r="AC94942" i="1"/>
  <c r="AC94943" i="1"/>
  <c r="AC94944" i="1"/>
  <c r="AC94945" i="1"/>
  <c r="AC94946" i="1"/>
  <c r="AC94947" i="1"/>
  <c r="AC94948" i="1"/>
  <c r="AC94949" i="1"/>
  <c r="AC94950" i="1"/>
  <c r="AC94951" i="1"/>
  <c r="AC94952" i="1"/>
  <c r="AC94953" i="1"/>
  <c r="AC94954" i="1"/>
  <c r="AC94955" i="1"/>
  <c r="AC94956" i="1"/>
  <c r="AC94957" i="1"/>
  <c r="AC94958" i="1"/>
  <c r="AC94959" i="1"/>
  <c r="AC94960" i="1"/>
  <c r="AC94961" i="1"/>
  <c r="AC94962" i="1"/>
  <c r="AC94963" i="1"/>
  <c r="AC94964" i="1"/>
  <c r="AC94965" i="1"/>
  <c r="AC94966" i="1"/>
  <c r="AC94967" i="1"/>
  <c r="AC94968" i="1"/>
  <c r="AC94969" i="1"/>
  <c r="AC94970" i="1"/>
  <c r="AC94971" i="1"/>
  <c r="AC94972" i="1"/>
  <c r="AC94973" i="1"/>
  <c r="AC94974" i="1"/>
  <c r="AC94975" i="1"/>
  <c r="AC94976" i="1"/>
  <c r="AC94977" i="1"/>
  <c r="AC94978" i="1"/>
  <c r="AC94979" i="1"/>
  <c r="AC94980" i="1"/>
  <c r="AC94981" i="1"/>
  <c r="AC94982" i="1"/>
  <c r="AC94983" i="1"/>
  <c r="AC94984" i="1"/>
  <c r="AC94985" i="1"/>
  <c r="AC94986" i="1"/>
  <c r="AC94987" i="1"/>
  <c r="AC94988" i="1"/>
  <c r="AC94989" i="1"/>
  <c r="AC94990" i="1"/>
  <c r="AC94991" i="1"/>
  <c r="AC94992" i="1"/>
  <c r="AC94993" i="1"/>
  <c r="AC94994" i="1"/>
  <c r="AC94995" i="1"/>
  <c r="AC94996" i="1"/>
  <c r="AC94997" i="1"/>
  <c r="AC94998" i="1"/>
  <c r="AC94999" i="1"/>
  <c r="AC95000" i="1"/>
  <c r="AC95001" i="1"/>
  <c r="AC95002" i="1"/>
  <c r="AC95003" i="1"/>
  <c r="AC95004" i="1"/>
  <c r="AC95005" i="1"/>
  <c r="AC95006" i="1"/>
  <c r="AC95007" i="1"/>
  <c r="AC95008" i="1"/>
  <c r="AC95009" i="1"/>
  <c r="AC95010" i="1"/>
  <c r="AC95011" i="1"/>
  <c r="AC95012" i="1"/>
  <c r="AC95013" i="1"/>
  <c r="AC95014" i="1"/>
  <c r="AC95015" i="1"/>
  <c r="AC95016" i="1"/>
  <c r="AC95017" i="1"/>
  <c r="AC95018" i="1"/>
  <c r="AC95019" i="1"/>
  <c r="AC95020" i="1"/>
  <c r="AC95021" i="1"/>
  <c r="AC95022" i="1"/>
  <c r="AC95023" i="1"/>
  <c r="AC95024" i="1"/>
  <c r="AC95025" i="1"/>
  <c r="AC95026" i="1"/>
  <c r="AC95027" i="1"/>
  <c r="AC95028" i="1"/>
  <c r="AC95029" i="1"/>
  <c r="AC95030" i="1"/>
  <c r="AC95031" i="1"/>
  <c r="AC95032" i="1"/>
  <c r="AC95033" i="1"/>
  <c r="AC95034" i="1"/>
  <c r="AC95035" i="1"/>
  <c r="AC95036" i="1"/>
  <c r="AC95037" i="1"/>
  <c r="AC95038" i="1"/>
  <c r="AC95039" i="1"/>
  <c r="AC95040" i="1"/>
  <c r="AC95041" i="1"/>
  <c r="AC95042" i="1"/>
  <c r="AC95043" i="1"/>
  <c r="AC95044" i="1"/>
  <c r="AC95045" i="1"/>
  <c r="AC95046" i="1"/>
  <c r="AC95047" i="1"/>
  <c r="AC95048" i="1"/>
  <c r="AC95049" i="1"/>
  <c r="AC95050" i="1"/>
  <c r="AC95051" i="1"/>
  <c r="AC95052" i="1"/>
  <c r="AC95053" i="1"/>
  <c r="AC95054" i="1"/>
  <c r="AC95055" i="1"/>
  <c r="AC95056" i="1"/>
  <c r="AC95057" i="1"/>
  <c r="AC95058" i="1"/>
  <c r="AC95059" i="1"/>
  <c r="AC95060" i="1"/>
  <c r="AC95061" i="1"/>
  <c r="AC95062" i="1"/>
  <c r="AC95063" i="1"/>
  <c r="AC95064" i="1"/>
  <c r="AC95065" i="1"/>
  <c r="AC95066" i="1"/>
  <c r="AC95067" i="1"/>
  <c r="AC95068" i="1"/>
  <c r="AC95069" i="1"/>
  <c r="AC95070" i="1"/>
  <c r="AC95071" i="1"/>
  <c r="AC95072" i="1"/>
  <c r="AC95073" i="1"/>
  <c r="AC95074" i="1"/>
  <c r="AC95075" i="1"/>
  <c r="AC95076" i="1"/>
  <c r="AC95077" i="1"/>
  <c r="AC95078" i="1"/>
  <c r="AC95079" i="1"/>
  <c r="AC95080" i="1"/>
  <c r="AC95081" i="1"/>
  <c r="AC95082" i="1"/>
  <c r="AC95083" i="1"/>
  <c r="AC95084" i="1"/>
  <c r="AC95085" i="1"/>
  <c r="AC95086" i="1"/>
  <c r="AC95087" i="1"/>
  <c r="AC95088" i="1"/>
  <c r="AC95089" i="1"/>
  <c r="AC95090" i="1"/>
  <c r="AC95091" i="1"/>
  <c r="AC95092" i="1"/>
  <c r="AC95093" i="1"/>
  <c r="AC95094" i="1"/>
  <c r="AC95095" i="1"/>
  <c r="AC95096" i="1"/>
  <c r="AC95097" i="1"/>
  <c r="AC95098" i="1"/>
  <c r="AC95099" i="1"/>
  <c r="AC95100" i="1"/>
  <c r="AC95101" i="1"/>
  <c r="AC95102" i="1"/>
  <c r="AC95103" i="1"/>
  <c r="AC95104" i="1"/>
  <c r="AC95105" i="1"/>
  <c r="AC95106" i="1"/>
  <c r="AC95107" i="1"/>
  <c r="AC95108" i="1"/>
  <c r="AC95109" i="1"/>
  <c r="AC95110" i="1"/>
  <c r="AC95111" i="1"/>
  <c r="AC95112" i="1"/>
  <c r="AC95113" i="1"/>
  <c r="AC95114" i="1"/>
  <c r="AC95115" i="1"/>
  <c r="AC95116" i="1"/>
  <c r="AC95117" i="1"/>
  <c r="AC95118" i="1"/>
  <c r="AC95119" i="1"/>
  <c r="AC95120" i="1"/>
  <c r="AC95121" i="1"/>
  <c r="AC95122" i="1"/>
  <c r="AC95123" i="1"/>
  <c r="AC95124" i="1"/>
  <c r="AC95125" i="1"/>
  <c r="AC95126" i="1"/>
  <c r="AC95127" i="1"/>
  <c r="AC95128" i="1"/>
  <c r="AC95129" i="1"/>
  <c r="AC95130" i="1"/>
  <c r="AC95131" i="1"/>
  <c r="AC95132" i="1"/>
  <c r="AC95133" i="1"/>
  <c r="AC95134" i="1"/>
  <c r="AC95135" i="1"/>
  <c r="AC95136" i="1"/>
  <c r="AC95137" i="1"/>
  <c r="AC95138" i="1"/>
  <c r="AC95139" i="1"/>
  <c r="AC95140" i="1"/>
  <c r="AC95141" i="1"/>
  <c r="AC95142" i="1"/>
  <c r="AC95143" i="1"/>
  <c r="AC95144" i="1"/>
  <c r="AC95145" i="1"/>
  <c r="AC95146" i="1"/>
  <c r="AC95147" i="1"/>
  <c r="AC95148" i="1"/>
  <c r="AC95149" i="1"/>
  <c r="AC95150" i="1"/>
  <c r="AC95151" i="1"/>
  <c r="AC95152" i="1"/>
  <c r="AC95153" i="1"/>
  <c r="AC95154" i="1"/>
  <c r="AC95155" i="1"/>
  <c r="AC95156" i="1"/>
  <c r="AC95157" i="1"/>
  <c r="AC95158" i="1"/>
  <c r="AC95159" i="1"/>
  <c r="AC95160" i="1"/>
  <c r="AC95161" i="1"/>
  <c r="AC95162" i="1"/>
  <c r="AC95163" i="1"/>
  <c r="AC95164" i="1"/>
  <c r="AC95165" i="1"/>
  <c r="AC95166" i="1"/>
  <c r="AC95167" i="1"/>
  <c r="AC95168" i="1"/>
  <c r="AC95169" i="1"/>
  <c r="AC95170" i="1"/>
  <c r="AC95171" i="1"/>
  <c r="AC95172" i="1"/>
  <c r="AC95173" i="1"/>
  <c r="AC95174" i="1"/>
  <c r="AC95175" i="1"/>
  <c r="AC95176" i="1"/>
  <c r="AC95177" i="1"/>
  <c r="AC95178" i="1"/>
  <c r="AC95179" i="1"/>
  <c r="AC95180" i="1"/>
  <c r="AC95181" i="1"/>
  <c r="AC95182" i="1"/>
  <c r="AC95183" i="1"/>
  <c r="AC95184" i="1"/>
  <c r="AC95185" i="1"/>
  <c r="AC95186" i="1"/>
  <c r="AC95187" i="1"/>
  <c r="AC95188" i="1"/>
  <c r="AC95189" i="1"/>
  <c r="AC95190" i="1"/>
  <c r="AC95191" i="1"/>
  <c r="AC95192" i="1"/>
  <c r="AC95193" i="1"/>
  <c r="AC95194" i="1"/>
  <c r="AC95195" i="1"/>
  <c r="AC95196" i="1"/>
  <c r="AC95197" i="1"/>
  <c r="AC95198" i="1"/>
  <c r="AC95199" i="1"/>
  <c r="AC95200" i="1"/>
  <c r="AC95201" i="1"/>
  <c r="AC95202" i="1"/>
  <c r="AC95203" i="1"/>
  <c r="AC95204" i="1"/>
  <c r="AC95205" i="1"/>
  <c r="AC95206" i="1"/>
  <c r="AC95207" i="1"/>
  <c r="AC95208" i="1"/>
  <c r="AC95209" i="1"/>
  <c r="AC95210" i="1"/>
  <c r="AC95211" i="1"/>
  <c r="AC95212" i="1"/>
  <c r="AC95213" i="1"/>
  <c r="AC95214" i="1"/>
  <c r="AC95215" i="1"/>
  <c r="AC95216" i="1"/>
  <c r="AC95217" i="1"/>
  <c r="AC95218" i="1"/>
  <c r="AC95219" i="1"/>
  <c r="AC95220" i="1"/>
  <c r="AC95221" i="1"/>
  <c r="AC95222" i="1"/>
  <c r="AC95223" i="1"/>
  <c r="AC95224" i="1"/>
  <c r="AC95225" i="1"/>
  <c r="AC95226" i="1"/>
  <c r="AC95227" i="1"/>
  <c r="AC95228" i="1"/>
  <c r="AC95229" i="1"/>
  <c r="AC95230" i="1"/>
  <c r="AC95231" i="1"/>
  <c r="AC95232" i="1"/>
  <c r="AC95233" i="1"/>
  <c r="AC95234" i="1"/>
  <c r="AC95235" i="1"/>
  <c r="AC95236" i="1"/>
  <c r="AC95237" i="1"/>
  <c r="AC95238" i="1"/>
  <c r="AC95239" i="1"/>
  <c r="AC95240" i="1"/>
  <c r="AC95241" i="1"/>
  <c r="AC95242" i="1"/>
  <c r="AC95243" i="1"/>
  <c r="AC95244" i="1"/>
  <c r="AC95245" i="1"/>
  <c r="AC95246" i="1"/>
  <c r="AC95247" i="1"/>
  <c r="AC95248" i="1"/>
  <c r="AC95249" i="1"/>
  <c r="AC95250" i="1"/>
  <c r="AC95251" i="1"/>
  <c r="AC95252" i="1"/>
  <c r="AC95253" i="1"/>
  <c r="AC95254" i="1"/>
  <c r="AC95255" i="1"/>
  <c r="AC95256" i="1"/>
  <c r="AC95257" i="1"/>
  <c r="AC95258" i="1"/>
  <c r="AC95259" i="1"/>
  <c r="AC95260" i="1"/>
  <c r="AC95261" i="1"/>
  <c r="AC95262" i="1"/>
  <c r="AC95263" i="1"/>
  <c r="AC95264" i="1"/>
  <c r="AC95265" i="1"/>
  <c r="AC95266" i="1"/>
  <c r="AC95267" i="1"/>
  <c r="AC95268" i="1"/>
  <c r="AC95269" i="1"/>
  <c r="AC95270" i="1"/>
  <c r="AC95271" i="1"/>
  <c r="AC95272" i="1"/>
  <c r="AC95273" i="1"/>
  <c r="AC95274" i="1"/>
  <c r="AC95275" i="1"/>
  <c r="AC95276" i="1"/>
  <c r="AC95277" i="1"/>
  <c r="AC95278" i="1"/>
  <c r="AC95279" i="1"/>
  <c r="AC95280" i="1"/>
  <c r="AC95281" i="1"/>
  <c r="AC95282" i="1"/>
  <c r="AC95283" i="1"/>
  <c r="AC95284" i="1"/>
  <c r="AC95285" i="1"/>
  <c r="AC95286" i="1"/>
  <c r="AC95287" i="1"/>
  <c r="AC95288" i="1"/>
  <c r="AC95289" i="1"/>
  <c r="AC95290" i="1"/>
  <c r="AC95291" i="1"/>
  <c r="AC95292" i="1"/>
  <c r="AC95293" i="1"/>
  <c r="AC95294" i="1"/>
  <c r="AC95295" i="1"/>
  <c r="AC95296" i="1"/>
  <c r="AC95297" i="1"/>
  <c r="AC95298" i="1"/>
  <c r="AC95299" i="1"/>
  <c r="AC95300" i="1"/>
  <c r="AC95301" i="1"/>
  <c r="AC95302" i="1"/>
  <c r="AC95303" i="1"/>
  <c r="AC95304" i="1"/>
  <c r="AC95305" i="1"/>
  <c r="AC95306" i="1"/>
  <c r="AC95307" i="1"/>
  <c r="AC95308" i="1"/>
  <c r="AC95309" i="1"/>
  <c r="AC95310" i="1"/>
  <c r="AC95311" i="1"/>
  <c r="AC95312" i="1"/>
  <c r="AC95313" i="1"/>
  <c r="AC95314" i="1"/>
  <c r="AC95315" i="1"/>
  <c r="AC95316" i="1"/>
  <c r="AC95317" i="1"/>
  <c r="AC95318" i="1"/>
  <c r="AC95319" i="1"/>
  <c r="AC95320" i="1"/>
  <c r="AC95321" i="1"/>
  <c r="AC95322" i="1"/>
  <c r="AC95323" i="1"/>
  <c r="AC95324" i="1"/>
  <c r="AC95325" i="1"/>
  <c r="AC95326" i="1"/>
  <c r="AC95327" i="1"/>
  <c r="AC95328" i="1"/>
  <c r="AC95329" i="1"/>
  <c r="AC95330" i="1"/>
  <c r="AC95331" i="1"/>
  <c r="AC95332" i="1"/>
  <c r="AC95333" i="1"/>
  <c r="AC95334" i="1"/>
  <c r="AC95335" i="1"/>
  <c r="AC95336" i="1"/>
  <c r="AC95337" i="1"/>
  <c r="AC95338" i="1"/>
  <c r="AC95339" i="1"/>
  <c r="AC95340" i="1"/>
  <c r="AC95341" i="1"/>
  <c r="AC95342" i="1"/>
  <c r="AC95343" i="1"/>
  <c r="AC95344" i="1"/>
  <c r="AC95345" i="1"/>
  <c r="AC95346" i="1"/>
  <c r="AC95347" i="1"/>
  <c r="AC95348" i="1"/>
  <c r="AC95349" i="1"/>
  <c r="AC95350" i="1"/>
  <c r="AC95351" i="1"/>
  <c r="AC95352" i="1"/>
  <c r="AC95353" i="1"/>
  <c r="AC95354" i="1"/>
  <c r="AC95355" i="1"/>
  <c r="AC95356" i="1"/>
  <c r="AC95357" i="1"/>
  <c r="AC95358" i="1"/>
  <c r="AC95359" i="1"/>
  <c r="AC95360" i="1"/>
  <c r="AC95361" i="1"/>
  <c r="AC95362" i="1"/>
  <c r="AC95363" i="1"/>
  <c r="AC95364" i="1"/>
  <c r="AC95365" i="1"/>
  <c r="AC95366" i="1"/>
  <c r="AC95367" i="1"/>
  <c r="AC95368" i="1"/>
  <c r="AC95369" i="1"/>
  <c r="AC95370" i="1"/>
  <c r="AC95371" i="1"/>
  <c r="AC95372" i="1"/>
  <c r="AC95373" i="1"/>
  <c r="AC95374" i="1"/>
  <c r="AC95375" i="1"/>
  <c r="AC95376" i="1"/>
  <c r="AC95377" i="1"/>
  <c r="AC95378" i="1"/>
  <c r="AC95379" i="1"/>
  <c r="AC95380" i="1"/>
  <c r="AC95381" i="1"/>
  <c r="AC95382" i="1"/>
  <c r="AC95383" i="1"/>
  <c r="AC95384" i="1"/>
  <c r="AC95385" i="1"/>
  <c r="AC95386" i="1"/>
  <c r="AC95387" i="1"/>
  <c r="AC95388" i="1"/>
  <c r="AC95389" i="1"/>
  <c r="AC95390" i="1"/>
  <c r="AC95391" i="1"/>
  <c r="AC95392" i="1"/>
  <c r="AC95393" i="1"/>
  <c r="AC95394" i="1"/>
  <c r="AC95395" i="1"/>
  <c r="AC95396" i="1"/>
  <c r="AC95397" i="1"/>
  <c r="AC95398" i="1"/>
  <c r="AC95399" i="1"/>
  <c r="AC95400" i="1"/>
  <c r="AC95401" i="1"/>
  <c r="AC95402" i="1"/>
  <c r="AC95403" i="1"/>
  <c r="AC95404" i="1"/>
  <c r="AC95405" i="1"/>
  <c r="AC95406" i="1"/>
  <c r="AC95407" i="1"/>
  <c r="AC95408" i="1"/>
  <c r="AC95409" i="1"/>
  <c r="AC95410" i="1"/>
  <c r="AC95411" i="1"/>
  <c r="AC95412" i="1"/>
  <c r="AC95413" i="1"/>
  <c r="AC95414" i="1"/>
  <c r="AC95415" i="1"/>
  <c r="AC95416" i="1"/>
  <c r="AC95417" i="1"/>
  <c r="AC95418" i="1"/>
  <c r="AC95419" i="1"/>
  <c r="AC95420" i="1"/>
  <c r="AC95421" i="1"/>
  <c r="AC95422" i="1"/>
  <c r="AC95423" i="1"/>
  <c r="AC95424" i="1"/>
  <c r="AC95425" i="1"/>
  <c r="AC95426" i="1"/>
  <c r="AC95427" i="1"/>
  <c r="AC95428" i="1"/>
  <c r="AC95429" i="1"/>
  <c r="AC95430" i="1"/>
  <c r="AC95431" i="1"/>
  <c r="AC95432" i="1"/>
  <c r="AC95433" i="1"/>
  <c r="AC95434" i="1"/>
  <c r="AC95435" i="1"/>
  <c r="AC95436" i="1"/>
  <c r="AC95437" i="1"/>
  <c r="AC95438" i="1"/>
  <c r="AC95439" i="1"/>
  <c r="AC95440" i="1"/>
  <c r="AC95441" i="1"/>
  <c r="AC95442" i="1"/>
  <c r="AC95443" i="1"/>
  <c r="AC95444" i="1"/>
  <c r="AC95445" i="1"/>
  <c r="AC95446" i="1"/>
  <c r="AC95447" i="1"/>
  <c r="AC95448" i="1"/>
  <c r="AC95449" i="1"/>
  <c r="AC95450" i="1"/>
  <c r="AC95451" i="1"/>
  <c r="AC95452" i="1"/>
  <c r="AC95453" i="1"/>
  <c r="AC95454" i="1"/>
  <c r="AC95455" i="1"/>
  <c r="AC95456" i="1"/>
  <c r="AC95457" i="1"/>
  <c r="AC95458" i="1"/>
  <c r="AC95459" i="1"/>
  <c r="AC95460" i="1"/>
  <c r="AC95461" i="1"/>
  <c r="AC95462" i="1"/>
  <c r="AC95463" i="1"/>
  <c r="AC95464" i="1"/>
  <c r="AC95465" i="1"/>
  <c r="AC95466" i="1"/>
  <c r="AC95467" i="1"/>
  <c r="AC95468" i="1"/>
  <c r="AC95469" i="1"/>
  <c r="AC95470" i="1"/>
  <c r="AC95471" i="1"/>
  <c r="AC95472" i="1"/>
  <c r="AC95473" i="1"/>
  <c r="AC95474" i="1"/>
  <c r="AC95475" i="1"/>
  <c r="AC95476" i="1"/>
  <c r="AC95477" i="1"/>
  <c r="AC95478" i="1"/>
  <c r="AC95479" i="1"/>
  <c r="AC95480" i="1"/>
  <c r="AC95481" i="1"/>
  <c r="AC95482" i="1"/>
  <c r="AC95483" i="1"/>
  <c r="AC95484" i="1"/>
  <c r="AC95485" i="1"/>
  <c r="AC95486" i="1"/>
  <c r="AC95487" i="1"/>
  <c r="AC95488" i="1"/>
  <c r="AC95489" i="1"/>
  <c r="AC95490" i="1"/>
  <c r="AC95491" i="1"/>
  <c r="AC95492" i="1"/>
  <c r="AC95493" i="1"/>
  <c r="AC95494" i="1"/>
  <c r="AC95495" i="1"/>
  <c r="AC95496" i="1"/>
  <c r="AC95497" i="1"/>
  <c r="AC95498" i="1"/>
  <c r="AC95499" i="1"/>
  <c r="AC95500" i="1"/>
  <c r="AC95501" i="1"/>
  <c r="AC95502" i="1"/>
  <c r="AC95503" i="1"/>
  <c r="AC95504" i="1"/>
  <c r="AC95505" i="1"/>
  <c r="AC95506" i="1"/>
  <c r="AC95507" i="1"/>
  <c r="AC95508" i="1"/>
  <c r="AC95509" i="1"/>
  <c r="AC95510" i="1"/>
  <c r="AC95511" i="1"/>
  <c r="AC95512" i="1"/>
  <c r="AC95513" i="1"/>
  <c r="AC95514" i="1"/>
  <c r="AC95515" i="1"/>
  <c r="AC95516" i="1"/>
  <c r="AC95517" i="1"/>
  <c r="AC95518" i="1"/>
  <c r="AC95519" i="1"/>
  <c r="AC95520" i="1"/>
  <c r="AC95521" i="1"/>
  <c r="AC95522" i="1"/>
  <c r="AC95523" i="1"/>
  <c r="AC95524" i="1"/>
  <c r="AC95525" i="1"/>
  <c r="AC95526" i="1"/>
  <c r="AC95527" i="1"/>
  <c r="AC95528" i="1"/>
  <c r="AC95529" i="1"/>
  <c r="AC95530" i="1"/>
  <c r="AC95531" i="1"/>
  <c r="AC95532" i="1"/>
  <c r="AC95533" i="1"/>
  <c r="AC95534" i="1"/>
  <c r="AC95535" i="1"/>
  <c r="AC95536" i="1"/>
  <c r="AC95537" i="1"/>
  <c r="AC95538" i="1"/>
  <c r="AC95539" i="1"/>
  <c r="AC95540" i="1"/>
  <c r="AC95541" i="1"/>
  <c r="AC95542" i="1"/>
  <c r="AC95543" i="1"/>
  <c r="AC95544" i="1"/>
  <c r="AC95545" i="1"/>
  <c r="AC95546" i="1"/>
  <c r="AC95547" i="1"/>
  <c r="AC95548" i="1"/>
  <c r="AC95549" i="1"/>
  <c r="AC95550" i="1"/>
  <c r="AC95551" i="1"/>
  <c r="AC95552" i="1"/>
  <c r="AC95553" i="1"/>
  <c r="AC95554" i="1"/>
  <c r="AC95555" i="1"/>
  <c r="AC95556" i="1"/>
  <c r="AC95557" i="1"/>
  <c r="AC95558" i="1"/>
  <c r="AC95559" i="1"/>
  <c r="AC95560" i="1"/>
  <c r="AC95561" i="1"/>
  <c r="AC95562" i="1"/>
  <c r="AC95563" i="1"/>
  <c r="AC95564" i="1"/>
  <c r="AC95565" i="1"/>
  <c r="AC95566" i="1"/>
  <c r="AC95567" i="1"/>
  <c r="AC95568" i="1"/>
  <c r="AC95569" i="1"/>
  <c r="AC95570" i="1"/>
  <c r="AC95571" i="1"/>
  <c r="AC95572" i="1"/>
  <c r="AC95573" i="1"/>
  <c r="AC95574" i="1"/>
  <c r="AC95575" i="1"/>
  <c r="AC95576" i="1"/>
  <c r="AC95577" i="1"/>
  <c r="AC95578" i="1"/>
  <c r="AC95579" i="1"/>
  <c r="AC95580" i="1"/>
  <c r="AC95581" i="1"/>
  <c r="AC95582" i="1"/>
  <c r="AC95583" i="1"/>
  <c r="AC95584" i="1"/>
  <c r="AC95585" i="1"/>
  <c r="AC95586" i="1"/>
  <c r="AC95587" i="1"/>
  <c r="AC95588" i="1"/>
  <c r="AC95589" i="1"/>
  <c r="AC95590" i="1"/>
  <c r="AC95591" i="1"/>
  <c r="AC95592" i="1"/>
  <c r="AC95593" i="1"/>
  <c r="AC95594" i="1"/>
  <c r="AC95595" i="1"/>
  <c r="AC95596" i="1"/>
  <c r="AC95597" i="1"/>
  <c r="AC95598" i="1"/>
  <c r="AC95599" i="1"/>
  <c r="AC95600" i="1"/>
  <c r="AC95601" i="1"/>
  <c r="AC95602" i="1"/>
  <c r="AC95603" i="1"/>
  <c r="AC95604" i="1"/>
  <c r="AC95605" i="1"/>
  <c r="AC95606" i="1"/>
  <c r="AC95607" i="1"/>
  <c r="AC95608" i="1"/>
  <c r="AC95609" i="1"/>
  <c r="AC95610" i="1"/>
  <c r="AC95611" i="1"/>
  <c r="AC95612" i="1"/>
  <c r="AC95613" i="1"/>
  <c r="AC95614" i="1"/>
  <c r="AC95615" i="1"/>
  <c r="AC95616" i="1"/>
  <c r="AC95617" i="1"/>
  <c r="AC95618" i="1"/>
  <c r="AC95619" i="1"/>
  <c r="AC95620" i="1"/>
  <c r="AC95621" i="1"/>
  <c r="AC95622" i="1"/>
  <c r="AC95623" i="1"/>
  <c r="AC95624" i="1"/>
  <c r="AC95625" i="1"/>
  <c r="AC95626" i="1"/>
  <c r="AC95627" i="1"/>
  <c r="AC95628" i="1"/>
  <c r="AC95629" i="1"/>
  <c r="AC95630" i="1"/>
  <c r="AC95631" i="1"/>
  <c r="AC95632" i="1"/>
  <c r="AC95633" i="1"/>
  <c r="AC95634" i="1"/>
  <c r="AC95635" i="1"/>
  <c r="AC95636" i="1"/>
  <c r="AC95637" i="1"/>
  <c r="AC95638" i="1"/>
  <c r="AC95639" i="1"/>
  <c r="AC95640" i="1"/>
  <c r="AC95641" i="1"/>
  <c r="AC95642" i="1"/>
  <c r="AC95643" i="1"/>
  <c r="AC95644" i="1"/>
  <c r="AC95645" i="1"/>
  <c r="AC95646" i="1"/>
  <c r="AC95647" i="1"/>
  <c r="AC95648" i="1"/>
  <c r="AC95649" i="1"/>
  <c r="AC95650" i="1"/>
  <c r="AC95651" i="1"/>
  <c r="AC95652" i="1"/>
  <c r="AC95653" i="1"/>
  <c r="AC95654" i="1"/>
  <c r="AC95655" i="1"/>
  <c r="AC95656" i="1"/>
  <c r="AC95657" i="1"/>
  <c r="AC95658" i="1"/>
  <c r="AC95659" i="1"/>
  <c r="AC95660" i="1"/>
  <c r="AC95661" i="1"/>
  <c r="AC95662" i="1"/>
  <c r="AC95663" i="1"/>
  <c r="AC95664" i="1"/>
  <c r="AC95665" i="1"/>
  <c r="AC95666" i="1"/>
  <c r="AC95667" i="1"/>
  <c r="AC95668" i="1"/>
  <c r="AC95669" i="1"/>
  <c r="AC95670" i="1"/>
  <c r="AC95671" i="1"/>
  <c r="AC95672" i="1"/>
  <c r="AC95673" i="1"/>
  <c r="AC95674" i="1"/>
  <c r="AC95675" i="1"/>
  <c r="AC95676" i="1"/>
  <c r="AC95677" i="1"/>
  <c r="AC95678" i="1"/>
  <c r="AC95679" i="1"/>
  <c r="AC95680" i="1"/>
  <c r="AC95681" i="1"/>
  <c r="AC95682" i="1"/>
  <c r="AC95683" i="1"/>
  <c r="AC95684" i="1"/>
  <c r="AC95685" i="1"/>
  <c r="AC95686" i="1"/>
  <c r="AC95687" i="1"/>
  <c r="AC95688" i="1"/>
  <c r="AC95689" i="1"/>
  <c r="AC95690" i="1"/>
  <c r="AC95691" i="1"/>
  <c r="AC95692" i="1"/>
  <c r="AC95693" i="1"/>
  <c r="AC95694" i="1"/>
  <c r="AC95695" i="1"/>
  <c r="AC95696" i="1"/>
  <c r="AC95697" i="1"/>
  <c r="AC95698" i="1"/>
  <c r="AC95699" i="1"/>
  <c r="AC95700" i="1"/>
  <c r="AC95701" i="1"/>
  <c r="AC95702" i="1"/>
  <c r="AC95703" i="1"/>
  <c r="AC95704" i="1"/>
  <c r="AC95705" i="1"/>
  <c r="AC95706" i="1"/>
  <c r="AC95707" i="1"/>
  <c r="AC95708" i="1"/>
  <c r="AC95709" i="1"/>
  <c r="AC95710" i="1"/>
  <c r="AC95711" i="1"/>
  <c r="AC95712" i="1"/>
  <c r="AC95713" i="1"/>
  <c r="AC95714" i="1"/>
  <c r="AC95715" i="1"/>
  <c r="AC95716" i="1"/>
  <c r="AC95717" i="1"/>
  <c r="AC95718" i="1"/>
  <c r="AC95719" i="1"/>
  <c r="AC95720" i="1"/>
  <c r="AC95721" i="1"/>
  <c r="AC95722" i="1"/>
  <c r="AC95723" i="1"/>
  <c r="AC95724" i="1"/>
  <c r="AC95725" i="1"/>
  <c r="AC95726" i="1"/>
  <c r="AC95727" i="1"/>
  <c r="AC95728" i="1"/>
  <c r="AC95729" i="1"/>
  <c r="AC95730" i="1"/>
  <c r="AC95731" i="1"/>
  <c r="AC95732" i="1"/>
  <c r="AC95733" i="1"/>
  <c r="AC95734" i="1"/>
  <c r="AC95735" i="1"/>
  <c r="AC95736" i="1"/>
  <c r="AC95737" i="1"/>
  <c r="AC95738" i="1"/>
  <c r="AC95739" i="1"/>
  <c r="AC95740" i="1"/>
  <c r="AC95741" i="1"/>
  <c r="AC95742" i="1"/>
  <c r="AC95743" i="1"/>
  <c r="AC95744" i="1"/>
  <c r="AC95745" i="1"/>
  <c r="AC95746" i="1"/>
  <c r="AC95747" i="1"/>
  <c r="AC95748" i="1"/>
  <c r="AC95749" i="1"/>
  <c r="AC95750" i="1"/>
  <c r="AC95751" i="1"/>
  <c r="AC95752" i="1"/>
  <c r="AC95753" i="1"/>
  <c r="AC95754" i="1"/>
  <c r="AC95755" i="1"/>
  <c r="AC95756" i="1"/>
  <c r="AC95757" i="1"/>
  <c r="AC95758" i="1"/>
  <c r="AC95759" i="1"/>
  <c r="AC95760" i="1"/>
  <c r="AC95761" i="1"/>
  <c r="AC95762" i="1"/>
  <c r="AC95763" i="1"/>
  <c r="AC95764" i="1"/>
  <c r="AC95765" i="1"/>
  <c r="AC95766" i="1"/>
  <c r="AC95767" i="1"/>
  <c r="AC95768" i="1"/>
  <c r="AC95769" i="1"/>
  <c r="AC95770" i="1"/>
  <c r="AC95771" i="1"/>
  <c r="AC95772" i="1"/>
  <c r="AC95773" i="1"/>
  <c r="AC95774" i="1"/>
  <c r="AC95775" i="1"/>
  <c r="AC95776" i="1"/>
  <c r="AC95777" i="1"/>
  <c r="AC95778" i="1"/>
  <c r="AC95779" i="1"/>
  <c r="AC95780" i="1"/>
  <c r="AC95781" i="1"/>
  <c r="AC95782" i="1"/>
  <c r="AC95783" i="1"/>
  <c r="AC95784" i="1"/>
  <c r="AC95785" i="1"/>
  <c r="AC95786" i="1"/>
  <c r="AC95787" i="1"/>
  <c r="AC95788" i="1"/>
  <c r="AC95789" i="1"/>
  <c r="AC95790" i="1"/>
  <c r="AC95791" i="1"/>
  <c r="AC95792" i="1"/>
  <c r="AC95793" i="1"/>
  <c r="AC95794" i="1"/>
  <c r="AC95795" i="1"/>
  <c r="AC95796" i="1"/>
  <c r="AC95797" i="1"/>
  <c r="AC95798" i="1"/>
  <c r="AC95799" i="1"/>
  <c r="AC95800" i="1"/>
  <c r="AC95801" i="1"/>
  <c r="AC95802" i="1"/>
  <c r="AC95803" i="1"/>
  <c r="AC95804" i="1"/>
  <c r="AC95805" i="1"/>
  <c r="AC95806" i="1"/>
  <c r="AC95807" i="1"/>
  <c r="AC95808" i="1"/>
  <c r="AC95809" i="1"/>
  <c r="AC95810" i="1"/>
  <c r="AC95811" i="1"/>
  <c r="AC95812" i="1"/>
  <c r="AC95813" i="1"/>
  <c r="AC95814" i="1"/>
  <c r="AC95815" i="1"/>
  <c r="AC95816" i="1"/>
  <c r="AC95817" i="1"/>
  <c r="AC95818" i="1"/>
  <c r="AC95819" i="1"/>
  <c r="AC95820" i="1"/>
  <c r="AC95821" i="1"/>
  <c r="AC95822" i="1"/>
  <c r="AC95823" i="1"/>
  <c r="AC95824" i="1"/>
  <c r="AC95825" i="1"/>
  <c r="AC95826" i="1"/>
  <c r="AC95827" i="1"/>
  <c r="AC95828" i="1"/>
  <c r="AC95829" i="1"/>
  <c r="AC95830" i="1"/>
  <c r="AC95831" i="1"/>
  <c r="AC95832" i="1"/>
  <c r="AC95833" i="1"/>
  <c r="AC95834" i="1"/>
  <c r="AC95835" i="1"/>
  <c r="AC95836" i="1"/>
  <c r="AC95837" i="1"/>
  <c r="AC95838" i="1"/>
  <c r="AC95839" i="1"/>
  <c r="AC95840" i="1"/>
  <c r="AC95841" i="1"/>
  <c r="AC95842" i="1"/>
  <c r="AC95843" i="1"/>
  <c r="AC95844" i="1"/>
  <c r="AC95845" i="1"/>
  <c r="AC95846" i="1"/>
  <c r="AC95847" i="1"/>
  <c r="AC95848" i="1"/>
  <c r="AC95849" i="1"/>
  <c r="AC95850" i="1"/>
  <c r="AC95851" i="1"/>
  <c r="AC95852" i="1"/>
  <c r="AC95853" i="1"/>
  <c r="AC95854" i="1"/>
  <c r="AC95855" i="1"/>
  <c r="AC95856" i="1"/>
  <c r="AC95857" i="1"/>
  <c r="AC95858" i="1"/>
  <c r="AC95859" i="1"/>
  <c r="AC95860" i="1"/>
  <c r="AC95861" i="1"/>
  <c r="AC95862" i="1"/>
  <c r="AC95863" i="1"/>
  <c r="AC95864" i="1"/>
  <c r="AC95865" i="1"/>
  <c r="AC95866" i="1"/>
  <c r="AC95867" i="1"/>
  <c r="AC95868" i="1"/>
  <c r="AC95869" i="1"/>
  <c r="AC95870" i="1"/>
  <c r="AC95871" i="1"/>
  <c r="AC95872" i="1"/>
  <c r="AC95873" i="1"/>
  <c r="AC95874" i="1"/>
  <c r="AC95875" i="1"/>
  <c r="AC95876" i="1"/>
  <c r="AC95877" i="1"/>
  <c r="AC95878" i="1"/>
  <c r="AC95879" i="1"/>
  <c r="AC95880" i="1"/>
  <c r="AC95881" i="1"/>
  <c r="AC95882" i="1"/>
  <c r="AC95883" i="1"/>
  <c r="AC95884" i="1"/>
  <c r="AC95885" i="1"/>
  <c r="AC95886" i="1"/>
  <c r="AC95887" i="1"/>
  <c r="AC95888" i="1"/>
  <c r="AC95889" i="1"/>
  <c r="AC95890" i="1"/>
  <c r="AC95891" i="1"/>
  <c r="AC95892" i="1"/>
  <c r="AC95893" i="1"/>
  <c r="AC95894" i="1"/>
  <c r="AC95895" i="1"/>
  <c r="AC95896" i="1"/>
  <c r="AC95897" i="1"/>
  <c r="AC95898" i="1"/>
  <c r="AC95899" i="1"/>
  <c r="AC95900" i="1"/>
  <c r="AC95901" i="1"/>
  <c r="AC95902" i="1"/>
  <c r="AC95903" i="1"/>
  <c r="AC95904" i="1"/>
  <c r="AC95905" i="1"/>
  <c r="AC95906" i="1"/>
  <c r="AC95907" i="1"/>
  <c r="AC95908" i="1"/>
  <c r="AC95909" i="1"/>
  <c r="AC95910" i="1"/>
  <c r="AC95911" i="1"/>
  <c r="AC95912" i="1"/>
  <c r="AC95913" i="1"/>
  <c r="AC95914" i="1"/>
  <c r="AC95915" i="1"/>
  <c r="AC95916" i="1"/>
  <c r="AC95917" i="1"/>
  <c r="AC95918" i="1"/>
  <c r="AC95919" i="1"/>
  <c r="AC95920" i="1"/>
  <c r="AC95921" i="1"/>
  <c r="AC95922" i="1"/>
  <c r="AC95923" i="1"/>
  <c r="AC95924" i="1"/>
  <c r="AC95925" i="1"/>
  <c r="AC95926" i="1"/>
  <c r="AC95927" i="1"/>
  <c r="AC95928" i="1"/>
  <c r="AC95929" i="1"/>
  <c r="AC95930" i="1"/>
  <c r="AC95931" i="1"/>
  <c r="AC95932" i="1"/>
  <c r="AC95933" i="1"/>
  <c r="AC95934" i="1"/>
  <c r="AC95935" i="1"/>
  <c r="AC95936" i="1"/>
  <c r="AC95937" i="1"/>
  <c r="AC95938" i="1"/>
  <c r="AC95939" i="1"/>
  <c r="AC95940" i="1"/>
  <c r="AC95941" i="1"/>
  <c r="AC95942" i="1"/>
  <c r="AC95943" i="1"/>
  <c r="AC95944" i="1"/>
  <c r="AC95945" i="1"/>
  <c r="AC95946" i="1"/>
  <c r="AC95947" i="1"/>
  <c r="AC95948" i="1"/>
  <c r="AC95949" i="1"/>
  <c r="AC95950" i="1"/>
  <c r="AC95951" i="1"/>
  <c r="AC95952" i="1"/>
  <c r="AC95953" i="1"/>
  <c r="AC95954" i="1"/>
  <c r="AC95955" i="1"/>
  <c r="AC95956" i="1"/>
  <c r="AC95957" i="1"/>
  <c r="AC95958" i="1"/>
  <c r="AC95959" i="1"/>
  <c r="AC95960" i="1"/>
  <c r="AC95961" i="1"/>
  <c r="AC95962" i="1"/>
  <c r="AC95963" i="1"/>
  <c r="AC95964" i="1"/>
  <c r="AC95965" i="1"/>
  <c r="AC95966" i="1"/>
  <c r="AC95967" i="1"/>
  <c r="AC95968" i="1"/>
  <c r="AC95969" i="1"/>
  <c r="AC95970" i="1"/>
  <c r="AC95971" i="1"/>
  <c r="AC95972" i="1"/>
  <c r="AC95973" i="1"/>
  <c r="AC95974" i="1"/>
  <c r="AC95975" i="1"/>
  <c r="AC95976" i="1"/>
  <c r="AC95977" i="1"/>
  <c r="AC95978" i="1"/>
  <c r="AC95979" i="1"/>
  <c r="AC95980" i="1"/>
  <c r="AC95981" i="1"/>
  <c r="AC95982" i="1"/>
  <c r="AC95983" i="1"/>
  <c r="AC95984" i="1"/>
  <c r="AC95985" i="1"/>
  <c r="AC95986" i="1"/>
  <c r="AC95987" i="1"/>
  <c r="AC95988" i="1"/>
  <c r="AC95989" i="1"/>
  <c r="AC95990" i="1"/>
  <c r="AC95991" i="1"/>
  <c r="AC95992" i="1"/>
  <c r="AC95993" i="1"/>
  <c r="AC95994" i="1"/>
  <c r="AC95995" i="1"/>
  <c r="AC95996" i="1"/>
  <c r="AC95997" i="1"/>
  <c r="AC95998" i="1"/>
  <c r="AC95999" i="1"/>
  <c r="AC96000" i="1"/>
  <c r="AC96001" i="1"/>
  <c r="AC96002" i="1"/>
  <c r="AC96003" i="1"/>
  <c r="AC96004" i="1"/>
  <c r="AC96005" i="1"/>
  <c r="AC96006" i="1"/>
  <c r="AC96007" i="1"/>
  <c r="AC96008" i="1"/>
  <c r="AC96009" i="1"/>
  <c r="AC96010" i="1"/>
  <c r="AC96011" i="1"/>
  <c r="AC96012" i="1"/>
  <c r="AC96013" i="1"/>
  <c r="AC96014" i="1"/>
  <c r="AC96015" i="1"/>
  <c r="AC96016" i="1"/>
  <c r="AC96017" i="1"/>
  <c r="AC96018" i="1"/>
  <c r="AC96019" i="1"/>
  <c r="AC96020" i="1"/>
  <c r="AC96021" i="1"/>
  <c r="AC96022" i="1"/>
  <c r="AC96023" i="1"/>
  <c r="AC96024" i="1"/>
  <c r="AC96025" i="1"/>
  <c r="AC96026" i="1"/>
  <c r="AC96027" i="1"/>
  <c r="AC96028" i="1"/>
  <c r="AC96029" i="1"/>
  <c r="AC96030" i="1"/>
  <c r="AC96031" i="1"/>
  <c r="AC96032" i="1"/>
  <c r="AC96033" i="1"/>
  <c r="AC96034" i="1"/>
  <c r="AC96035" i="1"/>
  <c r="AC96036" i="1"/>
  <c r="AC96037" i="1"/>
  <c r="AC96038" i="1"/>
  <c r="AC96039" i="1"/>
  <c r="AC96040" i="1"/>
  <c r="AC96041" i="1"/>
  <c r="AC96042" i="1"/>
  <c r="AC96043" i="1"/>
  <c r="AC96044" i="1"/>
  <c r="AC96045" i="1"/>
  <c r="AC96046" i="1"/>
  <c r="AC96047" i="1"/>
  <c r="AC96048" i="1"/>
  <c r="AC96049" i="1"/>
  <c r="AC96050" i="1"/>
  <c r="AC96051" i="1"/>
  <c r="AC96052" i="1"/>
  <c r="AC96053" i="1"/>
  <c r="AC96054" i="1"/>
  <c r="AC96055" i="1"/>
  <c r="AC96056" i="1"/>
  <c r="AC96057" i="1"/>
  <c r="AC96058" i="1"/>
  <c r="AC96059" i="1"/>
  <c r="AC96060" i="1"/>
  <c r="AC96061" i="1"/>
  <c r="AC96062" i="1"/>
  <c r="AC96063" i="1"/>
  <c r="AC96064" i="1"/>
  <c r="AC96065" i="1"/>
  <c r="AC96066" i="1"/>
  <c r="AC96067" i="1"/>
  <c r="AC96068" i="1"/>
  <c r="AC96069" i="1"/>
  <c r="AC96070" i="1"/>
  <c r="AC96071" i="1"/>
  <c r="AC96072" i="1"/>
  <c r="AC96073" i="1"/>
  <c r="AC96074" i="1"/>
  <c r="AC96075" i="1"/>
  <c r="AC96076" i="1"/>
  <c r="AC96077" i="1"/>
  <c r="AC96078" i="1"/>
  <c r="AC96079" i="1"/>
  <c r="AC96080" i="1"/>
  <c r="AC96081" i="1"/>
  <c r="AC96082" i="1"/>
  <c r="AC96083" i="1"/>
  <c r="AC96084" i="1"/>
  <c r="AC96085" i="1"/>
  <c r="AC96086" i="1"/>
  <c r="AC96087" i="1"/>
  <c r="AC96088" i="1"/>
  <c r="AC96089" i="1"/>
  <c r="AC96090" i="1"/>
  <c r="AC96091" i="1"/>
  <c r="AC96092" i="1"/>
  <c r="AC96093" i="1"/>
  <c r="AC96094" i="1"/>
  <c r="AC96095" i="1"/>
  <c r="AC96096" i="1"/>
  <c r="AC96097" i="1"/>
  <c r="AC96098" i="1"/>
  <c r="AC96099" i="1"/>
  <c r="AC96100" i="1"/>
  <c r="AC96101" i="1"/>
  <c r="AC96102" i="1"/>
  <c r="AC96103" i="1"/>
  <c r="AC96104" i="1"/>
  <c r="AC96105" i="1"/>
  <c r="AC96106" i="1"/>
  <c r="AC96107" i="1"/>
  <c r="AC96108" i="1"/>
  <c r="AC96109" i="1"/>
  <c r="AC96110" i="1"/>
  <c r="AC96111" i="1"/>
  <c r="AC96112" i="1"/>
  <c r="AC96113" i="1"/>
  <c r="AC96114" i="1"/>
  <c r="AC96115" i="1"/>
  <c r="AC96116" i="1"/>
  <c r="AC96117" i="1"/>
  <c r="AC96118" i="1"/>
  <c r="AC96119" i="1"/>
  <c r="AC96120" i="1"/>
  <c r="AC96121" i="1"/>
  <c r="AC96122" i="1"/>
  <c r="AC96123" i="1"/>
  <c r="AC96124" i="1"/>
  <c r="AC96125" i="1"/>
  <c r="AC96126" i="1"/>
  <c r="AC96127" i="1"/>
  <c r="AC96128" i="1"/>
  <c r="AC96129" i="1"/>
  <c r="AC96130" i="1"/>
  <c r="AC96131" i="1"/>
  <c r="AC96132" i="1"/>
  <c r="AC96133" i="1"/>
  <c r="AC96134" i="1"/>
  <c r="AC96135" i="1"/>
  <c r="AC96136" i="1"/>
  <c r="AC96137" i="1"/>
  <c r="AC96138" i="1"/>
  <c r="AC96139" i="1"/>
  <c r="AC96140" i="1"/>
  <c r="AC96141" i="1"/>
  <c r="AC96142" i="1"/>
  <c r="AC96143" i="1"/>
  <c r="AC96144" i="1"/>
  <c r="AC96145" i="1"/>
  <c r="AC96146" i="1"/>
  <c r="AC96147" i="1"/>
  <c r="AC96148" i="1"/>
  <c r="AC96149" i="1"/>
  <c r="AC96150" i="1"/>
  <c r="AC96151" i="1"/>
  <c r="AC96152" i="1"/>
  <c r="AC96153" i="1"/>
  <c r="AC96154" i="1"/>
  <c r="AC96155" i="1"/>
  <c r="AC96156" i="1"/>
  <c r="AC96157" i="1"/>
  <c r="AC96158" i="1"/>
  <c r="AC96159" i="1"/>
  <c r="AC96160" i="1"/>
  <c r="AC96161" i="1"/>
  <c r="AC96162" i="1"/>
  <c r="AC96163" i="1"/>
  <c r="AC96164" i="1"/>
  <c r="AC96165" i="1"/>
  <c r="AC96166" i="1"/>
  <c r="AC96167" i="1"/>
  <c r="AC96168" i="1"/>
  <c r="AC96169" i="1"/>
  <c r="AC96170" i="1"/>
  <c r="AC96171" i="1"/>
  <c r="AC96172" i="1"/>
  <c r="AC96173" i="1"/>
  <c r="AC96174" i="1"/>
  <c r="AC96175" i="1"/>
  <c r="AC96176" i="1"/>
  <c r="AC96177" i="1"/>
  <c r="AC96178" i="1"/>
  <c r="AC96179" i="1"/>
  <c r="AC96180" i="1"/>
  <c r="AC96181" i="1"/>
  <c r="AC96182" i="1"/>
  <c r="AC96183" i="1"/>
  <c r="AC96184" i="1"/>
  <c r="AC96185" i="1"/>
  <c r="AC96186" i="1"/>
  <c r="AC96187" i="1"/>
  <c r="AC96188" i="1"/>
  <c r="AC96189" i="1"/>
  <c r="AC96190" i="1"/>
  <c r="AC96191" i="1"/>
  <c r="AC96192" i="1"/>
  <c r="AC96193" i="1"/>
  <c r="AC96194" i="1"/>
  <c r="AC96195" i="1"/>
  <c r="AC96196" i="1"/>
  <c r="AC96197" i="1"/>
  <c r="AC96198" i="1"/>
  <c r="AC96199" i="1"/>
  <c r="AC96200" i="1"/>
  <c r="AC96201" i="1"/>
  <c r="AC96202" i="1"/>
  <c r="AC96203" i="1"/>
  <c r="AC96204" i="1"/>
  <c r="AC96205" i="1"/>
  <c r="AC96206" i="1"/>
  <c r="AC96207" i="1"/>
  <c r="AC96208" i="1"/>
  <c r="AC96209" i="1"/>
  <c r="AC96210" i="1"/>
  <c r="AC96211" i="1"/>
  <c r="AC96212" i="1"/>
  <c r="AC96213" i="1"/>
  <c r="AC96214" i="1"/>
  <c r="AC96215" i="1"/>
  <c r="AC96216" i="1"/>
  <c r="AC96217" i="1"/>
  <c r="AC96218" i="1"/>
  <c r="AC96219" i="1"/>
  <c r="AC96220" i="1"/>
  <c r="AC96221" i="1"/>
  <c r="AC96222" i="1"/>
  <c r="AC96223" i="1"/>
  <c r="AC96224" i="1"/>
  <c r="AC96225" i="1"/>
  <c r="AC96226" i="1"/>
  <c r="AC96227" i="1"/>
  <c r="AC96228" i="1"/>
  <c r="AC96229" i="1"/>
  <c r="AC96230" i="1"/>
  <c r="AC96231" i="1"/>
  <c r="AC96232" i="1"/>
  <c r="AC96233" i="1"/>
  <c r="AC96234" i="1"/>
  <c r="AC96235" i="1"/>
  <c r="AC96236" i="1"/>
  <c r="AC96237" i="1"/>
  <c r="AC96238" i="1"/>
  <c r="AC96239" i="1"/>
  <c r="AC96240" i="1"/>
  <c r="AC96241" i="1"/>
  <c r="AC96242" i="1"/>
  <c r="AC96243" i="1"/>
  <c r="AC96244" i="1"/>
  <c r="AC96245" i="1"/>
  <c r="AC96246" i="1"/>
  <c r="AC96247" i="1"/>
  <c r="AC96248" i="1"/>
  <c r="AC96249" i="1"/>
  <c r="AC96250" i="1"/>
  <c r="AC96251" i="1"/>
  <c r="AC96252" i="1"/>
  <c r="AC96253" i="1"/>
  <c r="AC96254" i="1"/>
  <c r="AC96255" i="1"/>
  <c r="AC96256" i="1"/>
  <c r="AC96257" i="1"/>
  <c r="AC96258" i="1"/>
  <c r="AC96259" i="1"/>
  <c r="AC96260" i="1"/>
  <c r="AC96261" i="1"/>
  <c r="AC96262" i="1"/>
  <c r="AC96263" i="1"/>
  <c r="AC96264" i="1"/>
  <c r="AC96265" i="1"/>
  <c r="AC96266" i="1"/>
  <c r="AC96267" i="1"/>
  <c r="AC96268" i="1"/>
  <c r="AC96269" i="1"/>
  <c r="AC96270" i="1"/>
  <c r="AC96271" i="1"/>
  <c r="AC96272" i="1"/>
  <c r="AC96273" i="1"/>
  <c r="AC96274" i="1"/>
  <c r="AC96275" i="1"/>
  <c r="AC96276" i="1"/>
  <c r="AC96277" i="1"/>
  <c r="AC96278" i="1"/>
  <c r="AC96279" i="1"/>
  <c r="AC96280" i="1"/>
  <c r="AC96281" i="1"/>
  <c r="AC96282" i="1"/>
  <c r="AC96283" i="1"/>
  <c r="AC96284" i="1"/>
  <c r="AC96285" i="1"/>
  <c r="AC96286" i="1"/>
  <c r="AC96287" i="1"/>
  <c r="AC96288" i="1"/>
  <c r="AC96289" i="1"/>
  <c r="AC96290" i="1"/>
  <c r="AC96291" i="1"/>
  <c r="AC96292" i="1"/>
  <c r="AC96293" i="1"/>
  <c r="AC96294" i="1"/>
  <c r="AC96295" i="1"/>
  <c r="AC96296" i="1"/>
  <c r="AC96297" i="1"/>
  <c r="AC96298" i="1"/>
  <c r="AC96299" i="1"/>
  <c r="AC96300" i="1"/>
  <c r="AC96301" i="1"/>
  <c r="AC96302" i="1"/>
  <c r="AC96303" i="1"/>
  <c r="AC96304" i="1"/>
  <c r="AC96305" i="1"/>
  <c r="AC96306" i="1"/>
  <c r="AC96307" i="1"/>
  <c r="AC96308" i="1"/>
  <c r="AC96309" i="1"/>
  <c r="AC96310" i="1"/>
  <c r="AC96311" i="1"/>
  <c r="AC96312" i="1"/>
  <c r="AC96313" i="1"/>
  <c r="AC96314" i="1"/>
  <c r="AC96315" i="1"/>
  <c r="AC96316" i="1"/>
  <c r="AC96317" i="1"/>
  <c r="AC96318" i="1"/>
  <c r="AC96319" i="1"/>
  <c r="AC96320" i="1"/>
  <c r="AC96321" i="1"/>
  <c r="AC96322" i="1"/>
  <c r="AC96323" i="1"/>
  <c r="AC96324" i="1"/>
  <c r="AC96325" i="1"/>
  <c r="AC96326" i="1"/>
  <c r="AC96327" i="1"/>
  <c r="AC96328" i="1"/>
  <c r="AC96329" i="1"/>
  <c r="AC96330" i="1"/>
  <c r="AC96331" i="1"/>
  <c r="AC96332" i="1"/>
  <c r="AC96333" i="1"/>
  <c r="AC96334" i="1"/>
  <c r="AC96335" i="1"/>
  <c r="AC96336" i="1"/>
  <c r="AC96337" i="1"/>
  <c r="AC96338" i="1"/>
  <c r="AC96339" i="1"/>
  <c r="AC96340" i="1"/>
  <c r="AC96341" i="1"/>
  <c r="AC96342" i="1"/>
  <c r="AC96343" i="1"/>
  <c r="AC96344" i="1"/>
  <c r="AC96345" i="1"/>
  <c r="AC96346" i="1"/>
  <c r="AC96347" i="1"/>
  <c r="AC96348" i="1"/>
  <c r="AC96349" i="1"/>
  <c r="AC96350" i="1"/>
  <c r="AC96351" i="1"/>
  <c r="AC96352" i="1"/>
  <c r="AC96353" i="1"/>
  <c r="AC96354" i="1"/>
  <c r="AC96355" i="1"/>
  <c r="AC96356" i="1"/>
  <c r="AC96357" i="1"/>
  <c r="AC96358" i="1"/>
  <c r="AC96359" i="1"/>
  <c r="AC96360" i="1"/>
  <c r="AC96361" i="1"/>
  <c r="AC96362" i="1"/>
  <c r="AC96363" i="1"/>
  <c r="AC96364" i="1"/>
  <c r="AC96365" i="1"/>
  <c r="AC96366" i="1"/>
  <c r="AC96367" i="1"/>
  <c r="AC96368" i="1"/>
  <c r="AC96369" i="1"/>
  <c r="AC96370" i="1"/>
  <c r="AC96371" i="1"/>
  <c r="AC96372" i="1"/>
  <c r="AC96373" i="1"/>
  <c r="AC96374" i="1"/>
  <c r="AC96375" i="1"/>
  <c r="AC96376" i="1"/>
  <c r="AC96377" i="1"/>
  <c r="AC96378" i="1"/>
  <c r="AC96379" i="1"/>
  <c r="AC96380" i="1"/>
  <c r="AC96381" i="1"/>
  <c r="AC96382" i="1"/>
  <c r="AC96383" i="1"/>
  <c r="AC96384" i="1"/>
  <c r="AC96385" i="1"/>
  <c r="AC96386" i="1"/>
  <c r="AC96387" i="1"/>
  <c r="AC96388" i="1"/>
  <c r="AC96389" i="1"/>
  <c r="AC96390" i="1"/>
  <c r="AC96391" i="1"/>
  <c r="AC96392" i="1"/>
  <c r="AC96393" i="1"/>
  <c r="AC96394" i="1"/>
  <c r="AC96395" i="1"/>
  <c r="AC96396" i="1"/>
  <c r="AC96397" i="1"/>
  <c r="AC96398" i="1"/>
  <c r="AC96399" i="1"/>
  <c r="AC96400" i="1"/>
  <c r="AC96401" i="1"/>
  <c r="AC96402" i="1"/>
  <c r="AC96403" i="1"/>
  <c r="AC96404" i="1"/>
  <c r="AC96405" i="1"/>
  <c r="AC96406" i="1"/>
  <c r="AC96407" i="1"/>
  <c r="AC96408" i="1"/>
  <c r="AC96409" i="1"/>
  <c r="AC96410" i="1"/>
  <c r="AC96411" i="1"/>
  <c r="AC96412" i="1"/>
  <c r="AC96413" i="1"/>
  <c r="AC96414" i="1"/>
  <c r="AC96415" i="1"/>
  <c r="AC96416" i="1"/>
  <c r="AC96417" i="1"/>
  <c r="AC96418" i="1"/>
  <c r="AC96419" i="1"/>
  <c r="AC96420" i="1"/>
  <c r="AC96421" i="1"/>
  <c r="AC96422" i="1"/>
  <c r="AC96423" i="1"/>
  <c r="AC96424" i="1"/>
  <c r="AC96425" i="1"/>
  <c r="AC96426" i="1"/>
  <c r="AC96427" i="1"/>
  <c r="AC96428" i="1"/>
  <c r="AC96429" i="1"/>
  <c r="AC96430" i="1"/>
  <c r="AC96431" i="1"/>
  <c r="AC96432" i="1"/>
  <c r="AC96433" i="1"/>
  <c r="AC96434" i="1"/>
  <c r="AC96435" i="1"/>
  <c r="AC96436" i="1"/>
  <c r="AC96437" i="1"/>
  <c r="AC96438" i="1"/>
  <c r="AC96439" i="1"/>
  <c r="AC96440" i="1"/>
  <c r="AC96441" i="1"/>
  <c r="AC96442" i="1"/>
  <c r="AC96443" i="1"/>
  <c r="AC96444" i="1"/>
  <c r="AC96445" i="1"/>
  <c r="AC96446" i="1"/>
  <c r="AC96447" i="1"/>
  <c r="AC96448" i="1"/>
  <c r="AC96449" i="1"/>
  <c r="AC96450" i="1"/>
  <c r="AC96451" i="1"/>
  <c r="AC96452" i="1"/>
  <c r="AC96453" i="1"/>
  <c r="AC96454" i="1"/>
  <c r="AC96455" i="1"/>
  <c r="AC96456" i="1"/>
  <c r="AC96457" i="1"/>
  <c r="AC96458" i="1"/>
  <c r="AC96459" i="1"/>
  <c r="AC96460" i="1"/>
  <c r="AC96461" i="1"/>
  <c r="AC96462" i="1"/>
  <c r="AC96463" i="1"/>
  <c r="AC96464" i="1"/>
  <c r="AC96465" i="1"/>
  <c r="AC96466" i="1"/>
  <c r="AC96467" i="1"/>
  <c r="AC96468" i="1"/>
  <c r="AC96469" i="1"/>
  <c r="AC96470" i="1"/>
  <c r="AC96471" i="1"/>
  <c r="AC96472" i="1"/>
  <c r="AC96473" i="1"/>
  <c r="AC96474" i="1"/>
  <c r="AC96475" i="1"/>
  <c r="AC96476" i="1"/>
  <c r="AC96477" i="1"/>
  <c r="AC96478" i="1"/>
  <c r="AC96479" i="1"/>
  <c r="AC96480" i="1"/>
  <c r="AC96481" i="1"/>
  <c r="AC96482" i="1"/>
  <c r="AC96483" i="1"/>
  <c r="AC96484" i="1"/>
  <c r="AC96485" i="1"/>
  <c r="AC96486" i="1"/>
  <c r="AC96487" i="1"/>
  <c r="AC96488" i="1"/>
  <c r="AC96489" i="1"/>
  <c r="AC96490" i="1"/>
  <c r="AC96491" i="1"/>
  <c r="AC96492" i="1"/>
  <c r="AC96493" i="1"/>
  <c r="AC96494" i="1"/>
  <c r="AC96495" i="1"/>
  <c r="AC96496" i="1"/>
  <c r="AC96497" i="1"/>
  <c r="AC96498" i="1"/>
  <c r="AC96499" i="1"/>
  <c r="AC96500" i="1"/>
  <c r="AC96501" i="1"/>
  <c r="AC96502" i="1"/>
  <c r="AC96503" i="1"/>
  <c r="AC96504" i="1"/>
  <c r="AC96505" i="1"/>
  <c r="AC96506" i="1"/>
  <c r="AC96507" i="1"/>
  <c r="AC96508" i="1"/>
  <c r="AC96509" i="1"/>
  <c r="AC96510" i="1"/>
  <c r="AC96511" i="1"/>
  <c r="AC96512" i="1"/>
  <c r="AC96513" i="1"/>
  <c r="AC96514" i="1"/>
  <c r="AC96515" i="1"/>
  <c r="AC96516" i="1"/>
  <c r="AC96517" i="1"/>
  <c r="AC96518" i="1"/>
  <c r="AC96519" i="1"/>
  <c r="AC96520" i="1"/>
  <c r="AC96521" i="1"/>
  <c r="AC96522" i="1"/>
  <c r="AC96523" i="1"/>
  <c r="AC96524" i="1"/>
  <c r="AC96525" i="1"/>
  <c r="AC96526" i="1"/>
  <c r="AC96527" i="1"/>
  <c r="AC96528" i="1"/>
  <c r="AC96529" i="1"/>
  <c r="AC96530" i="1"/>
  <c r="AC96531" i="1"/>
  <c r="AC96532" i="1"/>
  <c r="AC96533" i="1"/>
  <c r="AC96534" i="1"/>
  <c r="AC96535" i="1"/>
  <c r="AC96536" i="1"/>
  <c r="AC96537" i="1"/>
  <c r="AC96538" i="1"/>
  <c r="AC96539" i="1"/>
  <c r="AC96540" i="1"/>
  <c r="AC96541" i="1"/>
  <c r="AC96542" i="1"/>
  <c r="AC96543" i="1"/>
  <c r="AC96544" i="1"/>
  <c r="AC96545" i="1"/>
  <c r="AC96546" i="1"/>
  <c r="AC96547" i="1"/>
  <c r="AC96548" i="1"/>
  <c r="AC96549" i="1"/>
  <c r="AC96550" i="1"/>
  <c r="AC96551" i="1"/>
  <c r="AC96552" i="1"/>
  <c r="AC96553" i="1"/>
  <c r="AC96554" i="1"/>
  <c r="AC96555" i="1"/>
  <c r="AC96556" i="1"/>
  <c r="AC96557" i="1"/>
  <c r="AC96558" i="1"/>
  <c r="AC96559" i="1"/>
  <c r="AC96560" i="1"/>
  <c r="AC96561" i="1"/>
  <c r="AC96562" i="1"/>
  <c r="AC96563" i="1"/>
  <c r="AC96564" i="1"/>
  <c r="AC96565" i="1"/>
  <c r="AC96566" i="1"/>
  <c r="AC96567" i="1"/>
  <c r="AC96568" i="1"/>
  <c r="AC96569" i="1"/>
  <c r="AC96570" i="1"/>
  <c r="AC96571" i="1"/>
  <c r="AC96572" i="1"/>
  <c r="AC96573" i="1"/>
  <c r="AC96574" i="1"/>
  <c r="AC96575" i="1"/>
  <c r="AC96576" i="1"/>
  <c r="AC96577" i="1"/>
  <c r="AC96578" i="1"/>
  <c r="AC96579" i="1"/>
  <c r="AC96580" i="1"/>
  <c r="AC96581" i="1"/>
  <c r="AC96582" i="1"/>
  <c r="AC96583" i="1"/>
  <c r="AC96584" i="1"/>
  <c r="AC96585" i="1"/>
  <c r="AC96586" i="1"/>
  <c r="AC96587" i="1"/>
  <c r="AC96588" i="1"/>
  <c r="AC96589" i="1"/>
  <c r="AC96590" i="1"/>
  <c r="AC96591" i="1"/>
  <c r="AC96592" i="1"/>
  <c r="AC96593" i="1"/>
  <c r="AC96594" i="1"/>
  <c r="AC96595" i="1"/>
  <c r="AC96596" i="1"/>
  <c r="AC96597" i="1"/>
  <c r="AC96598" i="1"/>
  <c r="AC96599" i="1"/>
  <c r="AC96600" i="1"/>
  <c r="AC96601" i="1"/>
  <c r="AC96602" i="1"/>
  <c r="AC96603" i="1"/>
  <c r="AC96604" i="1"/>
  <c r="AC96605" i="1"/>
  <c r="AC96606" i="1"/>
  <c r="AC96607" i="1"/>
  <c r="AC96608" i="1"/>
  <c r="AC96609" i="1"/>
  <c r="AC96610" i="1"/>
  <c r="AC96611" i="1"/>
  <c r="AC96612" i="1"/>
  <c r="AC96613" i="1"/>
  <c r="AC96614" i="1"/>
  <c r="AC96615" i="1"/>
  <c r="AC96616" i="1"/>
  <c r="AC96617" i="1"/>
  <c r="AC96618" i="1"/>
  <c r="AC96619" i="1"/>
  <c r="AC96620" i="1"/>
  <c r="AC96621" i="1"/>
  <c r="AC96622" i="1"/>
  <c r="AC96623" i="1"/>
  <c r="AC96624" i="1"/>
  <c r="AC96625" i="1"/>
  <c r="AC96626" i="1"/>
  <c r="AC96627" i="1"/>
  <c r="AC96628" i="1"/>
  <c r="AC96629" i="1"/>
  <c r="AC96630" i="1"/>
  <c r="AC96631" i="1"/>
  <c r="AC96632" i="1"/>
  <c r="AC96633" i="1"/>
  <c r="AC96634" i="1"/>
  <c r="AC96635" i="1"/>
  <c r="AC96636" i="1"/>
  <c r="AC96637" i="1"/>
  <c r="AC96638" i="1"/>
  <c r="AC96639" i="1"/>
  <c r="AC96640" i="1"/>
  <c r="AC96641" i="1"/>
  <c r="AC96642" i="1"/>
  <c r="AC96643" i="1"/>
  <c r="AC96644" i="1"/>
  <c r="AC96645" i="1"/>
  <c r="AC96646" i="1"/>
  <c r="AC96647" i="1"/>
  <c r="AC96648" i="1"/>
  <c r="AC96649" i="1"/>
  <c r="AC96650" i="1"/>
  <c r="AC96651" i="1"/>
  <c r="AC96652" i="1"/>
  <c r="AC96653" i="1"/>
  <c r="AC96654" i="1"/>
  <c r="AC96655" i="1"/>
  <c r="AC96656" i="1"/>
  <c r="AC96657" i="1"/>
  <c r="AC96658" i="1"/>
  <c r="AC96659" i="1"/>
  <c r="AC96660" i="1"/>
  <c r="AC96661" i="1"/>
  <c r="AC96662" i="1"/>
  <c r="AC96663" i="1"/>
  <c r="AC96664" i="1"/>
  <c r="AC96665" i="1"/>
  <c r="AC96666" i="1"/>
  <c r="AC96667" i="1"/>
  <c r="AC96668" i="1"/>
  <c r="AC96669" i="1"/>
  <c r="AC96670" i="1"/>
  <c r="AC96671" i="1"/>
  <c r="AC96672" i="1"/>
  <c r="AC96673" i="1"/>
  <c r="AC96674" i="1"/>
  <c r="AC96675" i="1"/>
  <c r="AC96676" i="1"/>
  <c r="AC96677" i="1"/>
  <c r="AC96678" i="1"/>
  <c r="AC96679" i="1"/>
  <c r="AC96680" i="1"/>
  <c r="AC96681" i="1"/>
  <c r="AC96682" i="1"/>
  <c r="AC96683" i="1"/>
  <c r="AC96684" i="1"/>
  <c r="AC96685" i="1"/>
  <c r="AC96686" i="1"/>
  <c r="AC96687" i="1"/>
  <c r="AC96688" i="1"/>
  <c r="AC96689" i="1"/>
  <c r="AC96690" i="1"/>
  <c r="AC96691" i="1"/>
  <c r="AC96692" i="1"/>
  <c r="AC96693" i="1"/>
  <c r="AC96694" i="1"/>
  <c r="AC96695" i="1"/>
  <c r="AC96696" i="1"/>
  <c r="AC96697" i="1"/>
  <c r="AC96698" i="1"/>
  <c r="AC96699" i="1"/>
  <c r="AC96700" i="1"/>
  <c r="AC96701" i="1"/>
  <c r="AC96702" i="1"/>
  <c r="AC96703" i="1"/>
  <c r="AC96704" i="1"/>
  <c r="AC96705" i="1"/>
  <c r="AC96706" i="1"/>
  <c r="AC96707" i="1"/>
  <c r="AC96708" i="1"/>
  <c r="AC96709" i="1"/>
  <c r="AC96710" i="1"/>
  <c r="AC96711" i="1"/>
  <c r="AC96712" i="1"/>
  <c r="AC96713" i="1"/>
  <c r="AC96714" i="1"/>
  <c r="AC96715" i="1"/>
  <c r="AC96716" i="1"/>
  <c r="AC96717" i="1"/>
  <c r="AC96718" i="1"/>
  <c r="AC96719" i="1"/>
  <c r="AC96720" i="1"/>
  <c r="AC96721" i="1"/>
  <c r="AC96722" i="1"/>
  <c r="AC96723" i="1"/>
  <c r="AC96724" i="1"/>
  <c r="AC96725" i="1"/>
  <c r="AC96726" i="1"/>
  <c r="AC96727" i="1"/>
  <c r="AC96728" i="1"/>
  <c r="AC96729" i="1"/>
  <c r="AC96730" i="1"/>
  <c r="AC96731" i="1"/>
  <c r="AC96732" i="1"/>
  <c r="AC96733" i="1"/>
  <c r="AC96734" i="1"/>
  <c r="AC96735" i="1"/>
  <c r="AC96736" i="1"/>
  <c r="AC96737" i="1"/>
  <c r="AC96738" i="1"/>
  <c r="AC96739" i="1"/>
  <c r="AC96740" i="1"/>
  <c r="AC96741" i="1"/>
  <c r="AC96742" i="1"/>
  <c r="AC96743" i="1"/>
  <c r="AC96744" i="1"/>
  <c r="AC96745" i="1"/>
  <c r="AC96746" i="1"/>
  <c r="AC96747" i="1"/>
  <c r="AC96748" i="1"/>
  <c r="AC96749" i="1"/>
  <c r="AC96750" i="1"/>
  <c r="AC96751" i="1"/>
  <c r="AC96752" i="1"/>
  <c r="AC96753" i="1"/>
  <c r="AC96754" i="1"/>
  <c r="AC96755" i="1"/>
  <c r="AC96756" i="1"/>
  <c r="AC96757" i="1"/>
  <c r="AC96758" i="1"/>
  <c r="AC96759" i="1"/>
  <c r="AC96760" i="1"/>
  <c r="AC96761" i="1"/>
  <c r="AC96762" i="1"/>
  <c r="AC96763" i="1"/>
  <c r="AC96764" i="1"/>
  <c r="AC96765" i="1"/>
  <c r="AC96766" i="1"/>
  <c r="AC96767" i="1"/>
  <c r="AC96768" i="1"/>
  <c r="AC96769" i="1"/>
  <c r="AC96770" i="1"/>
  <c r="AC96771" i="1"/>
  <c r="AC96772" i="1"/>
  <c r="AC96773" i="1"/>
  <c r="AC96774" i="1"/>
  <c r="AC96775" i="1"/>
  <c r="AC96776" i="1"/>
  <c r="AC96777" i="1"/>
  <c r="AC96778" i="1"/>
  <c r="AC96779" i="1"/>
  <c r="AC96780" i="1"/>
  <c r="AC96781" i="1"/>
  <c r="AC96782" i="1"/>
  <c r="AC96783" i="1"/>
  <c r="AC96784" i="1"/>
  <c r="AC96785" i="1"/>
  <c r="AC96786" i="1"/>
  <c r="AC96787" i="1"/>
  <c r="AC96788" i="1"/>
  <c r="AC96789" i="1"/>
  <c r="AC96790" i="1"/>
  <c r="AC96791" i="1"/>
  <c r="AC96792" i="1"/>
  <c r="AC96793" i="1"/>
  <c r="AC96794" i="1"/>
  <c r="AC96795" i="1"/>
  <c r="AC96796" i="1"/>
  <c r="AC96797" i="1"/>
  <c r="AC96798" i="1"/>
  <c r="AC96799" i="1"/>
  <c r="AC96800" i="1"/>
  <c r="AC96801" i="1"/>
  <c r="AC96802" i="1"/>
  <c r="AC96803" i="1"/>
  <c r="AC96804" i="1"/>
  <c r="AC96805" i="1"/>
  <c r="AC96806" i="1"/>
  <c r="AC96807" i="1"/>
  <c r="AC96808" i="1"/>
  <c r="AC96809" i="1"/>
  <c r="AC96810" i="1"/>
  <c r="AC96811" i="1"/>
  <c r="AC96812" i="1"/>
  <c r="AC96813" i="1"/>
  <c r="AC96814" i="1"/>
  <c r="AC96815" i="1"/>
  <c r="AC96816" i="1"/>
  <c r="AC96817" i="1"/>
  <c r="AC96818" i="1"/>
  <c r="AC96819" i="1"/>
  <c r="AC96820" i="1"/>
  <c r="AC96821" i="1"/>
  <c r="AC96822" i="1"/>
  <c r="AC96823" i="1"/>
  <c r="AC96824" i="1"/>
  <c r="AC96825" i="1"/>
  <c r="AC96826" i="1"/>
  <c r="AC96827" i="1"/>
  <c r="AC96828" i="1"/>
  <c r="AC96829" i="1"/>
  <c r="AC96830" i="1"/>
  <c r="AC96831" i="1"/>
  <c r="AC96832" i="1"/>
  <c r="AC96833" i="1"/>
  <c r="AC96834" i="1"/>
  <c r="AC96835" i="1"/>
  <c r="AC96836" i="1"/>
  <c r="AC96837" i="1"/>
  <c r="AC96838" i="1"/>
  <c r="AC96839" i="1"/>
  <c r="AC96840" i="1"/>
  <c r="AC96841" i="1"/>
  <c r="AC96842" i="1"/>
  <c r="AC96843" i="1"/>
  <c r="AC96844" i="1"/>
  <c r="AC96845" i="1"/>
  <c r="AC96846" i="1"/>
  <c r="AC96847" i="1"/>
  <c r="AC96848" i="1"/>
  <c r="AC96849" i="1"/>
  <c r="AC96850" i="1"/>
  <c r="AC96851" i="1"/>
  <c r="AC96852" i="1"/>
  <c r="AC96853" i="1"/>
  <c r="AC96854" i="1"/>
  <c r="AC96855" i="1"/>
  <c r="AC96856" i="1"/>
  <c r="AC96857" i="1"/>
  <c r="AC96858" i="1"/>
  <c r="AC96859" i="1"/>
  <c r="AC96860" i="1"/>
  <c r="AC96861" i="1"/>
  <c r="AC96862" i="1"/>
  <c r="AC96863" i="1"/>
  <c r="AC96864" i="1"/>
  <c r="AC96865" i="1"/>
  <c r="AC96866" i="1"/>
  <c r="AC96867" i="1"/>
  <c r="AC96868" i="1"/>
  <c r="AC96869" i="1"/>
  <c r="AC96870" i="1"/>
  <c r="AC96871" i="1"/>
  <c r="AC96872" i="1"/>
  <c r="AC96873" i="1"/>
  <c r="AC96874" i="1"/>
  <c r="AC96875" i="1"/>
  <c r="AC96876" i="1"/>
  <c r="AC96877" i="1"/>
  <c r="AC96878" i="1"/>
  <c r="AC96879" i="1"/>
  <c r="AC96880" i="1"/>
  <c r="AC96881" i="1"/>
  <c r="AC96882" i="1"/>
  <c r="AC96883" i="1"/>
  <c r="AC96884" i="1"/>
  <c r="AC96885" i="1"/>
  <c r="AC96886" i="1"/>
  <c r="AC96887" i="1"/>
  <c r="AC96888" i="1"/>
  <c r="AC96889" i="1"/>
  <c r="AC96890" i="1"/>
  <c r="AC96891" i="1"/>
  <c r="AC96892" i="1"/>
  <c r="AC96893" i="1"/>
  <c r="AC96894" i="1"/>
  <c r="AC96895" i="1"/>
  <c r="AC96896" i="1"/>
  <c r="AC96897" i="1"/>
  <c r="AC96898" i="1"/>
  <c r="AC96899" i="1"/>
  <c r="AC96900" i="1"/>
  <c r="AC96901" i="1"/>
  <c r="AC96902" i="1"/>
  <c r="AC96903" i="1"/>
  <c r="AC96904" i="1"/>
  <c r="AC96905" i="1"/>
  <c r="AC96906" i="1"/>
  <c r="AC96907" i="1"/>
  <c r="AC96908" i="1"/>
  <c r="AC96909" i="1"/>
  <c r="AC96910" i="1"/>
  <c r="AC96911" i="1"/>
  <c r="AC96912" i="1"/>
  <c r="AC96913" i="1"/>
  <c r="AC96914" i="1"/>
  <c r="AC96915" i="1"/>
  <c r="AC96916" i="1"/>
  <c r="AC96917" i="1"/>
  <c r="AC96918" i="1"/>
  <c r="AC96919" i="1"/>
  <c r="AC96920" i="1"/>
  <c r="AC96921" i="1"/>
  <c r="AC96922" i="1"/>
  <c r="AC96923" i="1"/>
  <c r="AC96924" i="1"/>
  <c r="AC96925" i="1"/>
  <c r="AC96926" i="1"/>
  <c r="AC96927" i="1"/>
  <c r="AC96928" i="1"/>
  <c r="AC96929" i="1"/>
  <c r="AC96930" i="1"/>
  <c r="AC96931" i="1"/>
  <c r="AC96932" i="1"/>
  <c r="AC96933" i="1"/>
  <c r="AC96934" i="1"/>
  <c r="AC96935" i="1"/>
  <c r="AC96936" i="1"/>
  <c r="AC96937" i="1"/>
  <c r="AC96938" i="1"/>
  <c r="AC96939" i="1"/>
  <c r="AC96940" i="1"/>
  <c r="AC96941" i="1"/>
  <c r="AC96942" i="1"/>
  <c r="AC96943" i="1"/>
  <c r="AC96944" i="1"/>
  <c r="AC96945" i="1"/>
  <c r="AC96946" i="1"/>
  <c r="AC96947" i="1"/>
  <c r="AC96948" i="1"/>
  <c r="AC96949" i="1"/>
  <c r="AC96950" i="1"/>
  <c r="AC96951" i="1"/>
  <c r="AC96952" i="1"/>
  <c r="AC96953" i="1"/>
  <c r="AC96954" i="1"/>
  <c r="AC96955" i="1"/>
  <c r="AC96956" i="1"/>
  <c r="AC96957" i="1"/>
  <c r="AC96958" i="1"/>
  <c r="AC96959" i="1"/>
  <c r="AC96960" i="1"/>
  <c r="AC96961" i="1"/>
  <c r="AC96962" i="1"/>
  <c r="AC96963" i="1"/>
  <c r="AC96964" i="1"/>
  <c r="AC96965" i="1"/>
  <c r="AC96966" i="1"/>
  <c r="AC96967" i="1"/>
  <c r="AC96968" i="1"/>
  <c r="AC96969" i="1"/>
  <c r="AC96970" i="1"/>
  <c r="AC96971" i="1"/>
  <c r="AC96972" i="1"/>
  <c r="AC96973" i="1"/>
  <c r="AC96974" i="1"/>
  <c r="AC96975" i="1"/>
  <c r="AC96976" i="1"/>
  <c r="AC96977" i="1"/>
  <c r="AC96978" i="1"/>
  <c r="AC96979" i="1"/>
  <c r="AC96980" i="1"/>
  <c r="AC96981" i="1"/>
  <c r="AC96982" i="1"/>
  <c r="AC96983" i="1"/>
  <c r="AC96984" i="1"/>
  <c r="AC96985" i="1"/>
  <c r="AC96986" i="1"/>
  <c r="AC96987" i="1"/>
  <c r="AC96988" i="1"/>
  <c r="AC96989" i="1"/>
  <c r="AC96990" i="1"/>
  <c r="AC96991" i="1"/>
  <c r="AC96992" i="1"/>
  <c r="AC96993" i="1"/>
  <c r="AC96994" i="1"/>
  <c r="AC96995" i="1"/>
  <c r="AC96996" i="1"/>
  <c r="AC96997" i="1"/>
  <c r="AC96998" i="1"/>
  <c r="AC96999" i="1"/>
  <c r="AC97000" i="1"/>
  <c r="AC97001" i="1"/>
  <c r="AC97002" i="1"/>
  <c r="AC97003" i="1"/>
  <c r="AC97004" i="1"/>
  <c r="AC97005" i="1"/>
  <c r="AC97006" i="1"/>
  <c r="AC97007" i="1"/>
  <c r="AC97008" i="1"/>
  <c r="AC97009" i="1"/>
  <c r="AC97010" i="1"/>
  <c r="AC97011" i="1"/>
  <c r="AC97012" i="1"/>
  <c r="AC97013" i="1"/>
  <c r="AC97014" i="1"/>
  <c r="AC97015" i="1"/>
  <c r="AC97016" i="1"/>
  <c r="AC97017" i="1"/>
  <c r="AC97018" i="1"/>
  <c r="AC97019" i="1"/>
  <c r="AC97020" i="1"/>
  <c r="AC97021" i="1"/>
  <c r="AC97022" i="1"/>
  <c r="AC97023" i="1"/>
  <c r="AC97024" i="1"/>
  <c r="AC97025" i="1"/>
  <c r="AC97026" i="1"/>
  <c r="AC97027" i="1"/>
  <c r="AC97028" i="1"/>
  <c r="AC97029" i="1"/>
  <c r="AC97030" i="1"/>
  <c r="AC97031" i="1"/>
  <c r="AC97032" i="1"/>
  <c r="AC97033" i="1"/>
  <c r="AC97034" i="1"/>
  <c r="AC97035" i="1"/>
  <c r="AC97036" i="1"/>
  <c r="AC97037" i="1"/>
  <c r="AC97038" i="1"/>
  <c r="AC97039" i="1"/>
  <c r="AC97040" i="1"/>
  <c r="AC97041" i="1"/>
  <c r="AC97042" i="1"/>
  <c r="AC97043" i="1"/>
  <c r="AC97044" i="1"/>
  <c r="AC97045" i="1"/>
  <c r="AC97046" i="1"/>
  <c r="AC97047" i="1"/>
  <c r="AC97048" i="1"/>
  <c r="AC97049" i="1"/>
  <c r="AC97050" i="1"/>
  <c r="AC97051" i="1"/>
  <c r="AC97052" i="1"/>
  <c r="AC97053" i="1"/>
  <c r="AC97054" i="1"/>
  <c r="AC97055" i="1"/>
  <c r="AC97056" i="1"/>
  <c r="AC97057" i="1"/>
  <c r="AC97058" i="1"/>
  <c r="AC97059" i="1"/>
  <c r="AC97060" i="1"/>
  <c r="AC97061" i="1"/>
  <c r="AC97062" i="1"/>
  <c r="AC97063" i="1"/>
  <c r="AC97064" i="1"/>
  <c r="AC97065" i="1"/>
  <c r="AC97066" i="1"/>
  <c r="AC97067" i="1"/>
  <c r="AC97068" i="1"/>
  <c r="AC97069" i="1"/>
  <c r="AC97070" i="1"/>
  <c r="AC97071" i="1"/>
  <c r="AC97072" i="1"/>
  <c r="AC97073" i="1"/>
  <c r="AC97074" i="1"/>
  <c r="AC97075" i="1"/>
  <c r="AC97076" i="1"/>
  <c r="AC97077" i="1"/>
  <c r="AC97078" i="1"/>
  <c r="AC97079" i="1"/>
  <c r="AC97080" i="1"/>
  <c r="AC97081" i="1"/>
  <c r="AC97082" i="1"/>
  <c r="AC97083" i="1"/>
  <c r="AC97084" i="1"/>
  <c r="AC97085" i="1"/>
  <c r="AC97086" i="1"/>
  <c r="AC97087" i="1"/>
  <c r="AC97088" i="1"/>
  <c r="AC97089" i="1"/>
  <c r="AC97090" i="1"/>
  <c r="AC97091" i="1"/>
  <c r="AC97092" i="1"/>
  <c r="AC97093" i="1"/>
  <c r="AC97094" i="1"/>
  <c r="AC97095" i="1"/>
  <c r="AC97096" i="1"/>
  <c r="AC97097" i="1"/>
  <c r="AC97098" i="1"/>
  <c r="AC97099" i="1"/>
  <c r="AC97100" i="1"/>
  <c r="AC97101" i="1"/>
  <c r="AC97102" i="1"/>
  <c r="AC97103" i="1"/>
  <c r="AC97104" i="1"/>
  <c r="AC97105" i="1"/>
  <c r="AC97106" i="1"/>
  <c r="AC97107" i="1"/>
  <c r="AC97108" i="1"/>
  <c r="AC97109" i="1"/>
  <c r="AC97110" i="1"/>
  <c r="AC97111" i="1"/>
  <c r="AC97112" i="1"/>
  <c r="AC97113" i="1"/>
  <c r="AC97114" i="1"/>
  <c r="AC97115" i="1"/>
  <c r="AC97116" i="1"/>
  <c r="AC97117" i="1"/>
  <c r="AC97118" i="1"/>
  <c r="AC97119" i="1"/>
  <c r="AC97120" i="1"/>
  <c r="AC97121" i="1"/>
  <c r="AC97122" i="1"/>
  <c r="AC97123" i="1"/>
  <c r="AC97124" i="1"/>
  <c r="AC97125" i="1"/>
  <c r="AC97126" i="1"/>
  <c r="AC97127" i="1"/>
  <c r="AC97128" i="1"/>
  <c r="AC97129" i="1"/>
  <c r="AC97130" i="1"/>
  <c r="AC97131" i="1"/>
  <c r="AC97132" i="1"/>
  <c r="AC97133" i="1"/>
  <c r="AC97134" i="1"/>
  <c r="AC97135" i="1"/>
  <c r="AC97136" i="1"/>
  <c r="AC97137" i="1"/>
  <c r="AC97138" i="1"/>
  <c r="AC97139" i="1"/>
  <c r="AC97140" i="1"/>
  <c r="AC97141" i="1"/>
  <c r="AC97142" i="1"/>
  <c r="AC97143" i="1"/>
  <c r="AC97144" i="1"/>
  <c r="AC97145" i="1"/>
  <c r="AC97146" i="1"/>
  <c r="AC97147" i="1"/>
  <c r="AC97148" i="1"/>
  <c r="AC97149" i="1"/>
  <c r="AC97150" i="1"/>
  <c r="AC97151" i="1"/>
  <c r="AC97152" i="1"/>
  <c r="AC97153" i="1"/>
  <c r="AC97154" i="1"/>
  <c r="AC97155" i="1"/>
  <c r="AC97156" i="1"/>
  <c r="AC97157" i="1"/>
  <c r="AC97158" i="1"/>
  <c r="AC97159" i="1"/>
  <c r="AC97160" i="1"/>
  <c r="AC97161" i="1"/>
  <c r="AC97162" i="1"/>
  <c r="AC97163" i="1"/>
  <c r="AC97164" i="1"/>
  <c r="AC97165" i="1"/>
  <c r="AC97166" i="1"/>
  <c r="AC97167" i="1"/>
  <c r="AC97168" i="1"/>
  <c r="AC97169" i="1"/>
  <c r="AC97170" i="1"/>
  <c r="AC97171" i="1"/>
  <c r="AC97172" i="1"/>
  <c r="AC97173" i="1"/>
  <c r="AC97174" i="1"/>
  <c r="AC97175" i="1"/>
  <c r="AC97176" i="1"/>
  <c r="AC97177" i="1"/>
  <c r="AC97178" i="1"/>
  <c r="AC97179" i="1"/>
  <c r="AC97180" i="1"/>
  <c r="AC97181" i="1"/>
  <c r="AC97182" i="1"/>
  <c r="AC97183" i="1"/>
  <c r="AC97184" i="1"/>
  <c r="AC97185" i="1"/>
  <c r="AC97186" i="1"/>
  <c r="AC97187" i="1"/>
  <c r="AC97188" i="1"/>
  <c r="AC97189" i="1"/>
  <c r="AC97190" i="1"/>
  <c r="AC97191" i="1"/>
  <c r="AC97192" i="1"/>
  <c r="AC97193" i="1"/>
  <c r="AC97194" i="1"/>
  <c r="AC97195" i="1"/>
  <c r="AC97196" i="1"/>
  <c r="AC97197" i="1"/>
  <c r="AC97198" i="1"/>
  <c r="AC97199" i="1"/>
  <c r="AC97200" i="1"/>
  <c r="AC97201" i="1"/>
  <c r="AC97202" i="1"/>
  <c r="AC97203" i="1"/>
  <c r="AC97204" i="1"/>
  <c r="AC97205" i="1"/>
  <c r="AC97206" i="1"/>
  <c r="AC97207" i="1"/>
  <c r="AC97208" i="1"/>
  <c r="AC97209" i="1"/>
  <c r="AC97210" i="1"/>
  <c r="AC97211" i="1"/>
  <c r="AC97212" i="1"/>
  <c r="AC97213" i="1"/>
  <c r="AC97214" i="1"/>
  <c r="AC97215" i="1"/>
  <c r="AC97216" i="1"/>
  <c r="AC97217" i="1"/>
  <c r="AC97218" i="1"/>
  <c r="AC97219" i="1"/>
  <c r="AC97220" i="1"/>
  <c r="AC97221" i="1"/>
  <c r="AC97222" i="1"/>
  <c r="AC97223" i="1"/>
  <c r="AC97224" i="1"/>
  <c r="AC97225" i="1"/>
  <c r="AC97226" i="1"/>
  <c r="AC97227" i="1"/>
  <c r="AC97228" i="1"/>
  <c r="AC97229" i="1"/>
  <c r="AC97230" i="1"/>
  <c r="AC97231" i="1"/>
  <c r="AC97232" i="1"/>
  <c r="AC97233" i="1"/>
  <c r="AC97234" i="1"/>
  <c r="AC97235" i="1"/>
  <c r="AC97236" i="1"/>
  <c r="AC97237" i="1"/>
  <c r="AC97238" i="1"/>
  <c r="AC97239" i="1"/>
  <c r="AC97240" i="1"/>
  <c r="AC97241" i="1"/>
  <c r="AC97242" i="1"/>
  <c r="AC97243" i="1"/>
  <c r="AC97244" i="1"/>
  <c r="AC97245" i="1"/>
  <c r="AC97246" i="1"/>
  <c r="AC97247" i="1"/>
  <c r="AC97248" i="1"/>
  <c r="AC97249" i="1"/>
  <c r="AC97250" i="1"/>
  <c r="AC97251" i="1"/>
  <c r="AC97252" i="1"/>
  <c r="AC97253" i="1"/>
  <c r="AC97254" i="1"/>
  <c r="AC97255" i="1"/>
  <c r="AC97256" i="1"/>
  <c r="AC97257" i="1"/>
  <c r="AC97258" i="1"/>
  <c r="AC97259" i="1"/>
  <c r="AC97260" i="1"/>
  <c r="AC97261" i="1"/>
  <c r="AC97262" i="1"/>
  <c r="AC97263" i="1"/>
  <c r="AC97264" i="1"/>
  <c r="AC97265" i="1"/>
  <c r="AC97266" i="1"/>
  <c r="AC97267" i="1"/>
  <c r="AC97268" i="1"/>
  <c r="AC97269" i="1"/>
  <c r="AC97270" i="1"/>
  <c r="AC97271" i="1"/>
  <c r="AC97272" i="1"/>
  <c r="AC97273" i="1"/>
  <c r="AC97274" i="1"/>
  <c r="AC97275" i="1"/>
  <c r="AC97276" i="1"/>
  <c r="AC97277" i="1"/>
  <c r="AC97278" i="1"/>
  <c r="AC97279" i="1"/>
  <c r="AC97280" i="1"/>
  <c r="AC97281" i="1"/>
  <c r="AC97282" i="1"/>
  <c r="AC97283" i="1"/>
  <c r="AC97284" i="1"/>
  <c r="AC97285" i="1"/>
  <c r="AC97286" i="1"/>
  <c r="AC97287" i="1"/>
  <c r="AC97288" i="1"/>
  <c r="AC97289" i="1"/>
  <c r="AC97290" i="1"/>
  <c r="AC97291" i="1"/>
  <c r="AC97292" i="1"/>
  <c r="AC97293" i="1"/>
  <c r="AC97294" i="1"/>
  <c r="AC97295" i="1"/>
  <c r="AC97296" i="1"/>
  <c r="AC97297" i="1"/>
  <c r="AC97298" i="1"/>
  <c r="AC97299" i="1"/>
  <c r="AC97300" i="1"/>
  <c r="AC97301" i="1"/>
  <c r="AC97302" i="1"/>
  <c r="AC97303" i="1"/>
  <c r="AC97304" i="1"/>
  <c r="AC97305" i="1"/>
  <c r="AC97306" i="1"/>
  <c r="AC97307" i="1"/>
  <c r="AC97308" i="1"/>
  <c r="AC97309" i="1"/>
  <c r="AC97310" i="1"/>
  <c r="AC97311" i="1"/>
  <c r="AC97312" i="1"/>
  <c r="AC97313" i="1"/>
  <c r="AC97314" i="1"/>
  <c r="AC97315" i="1"/>
  <c r="AC97316" i="1"/>
  <c r="AC97317" i="1"/>
  <c r="AC97318" i="1"/>
  <c r="AC97319" i="1"/>
  <c r="AC97320" i="1"/>
  <c r="AC97321" i="1"/>
  <c r="AC97322" i="1"/>
  <c r="AC97323" i="1"/>
  <c r="AC97324" i="1"/>
  <c r="AC97325" i="1"/>
  <c r="AC97326" i="1"/>
  <c r="AC97327" i="1"/>
  <c r="AC97328" i="1"/>
  <c r="AC97329" i="1"/>
  <c r="AC97330" i="1"/>
  <c r="AC97331" i="1"/>
  <c r="AC97332" i="1"/>
  <c r="AC97333" i="1"/>
  <c r="AC97334" i="1"/>
  <c r="AC97335" i="1"/>
  <c r="AC97336" i="1"/>
  <c r="AC97337" i="1"/>
  <c r="AC97338" i="1"/>
  <c r="AC97339" i="1"/>
  <c r="AC97340" i="1"/>
  <c r="AC97341" i="1"/>
  <c r="AC97342" i="1"/>
  <c r="AC97343" i="1"/>
  <c r="AC97344" i="1"/>
  <c r="AC97345" i="1"/>
  <c r="AC97346" i="1"/>
  <c r="AC97347" i="1"/>
  <c r="AC97348" i="1"/>
  <c r="AC97349" i="1"/>
  <c r="AC97350" i="1"/>
  <c r="AC97351" i="1"/>
  <c r="AC97352" i="1"/>
  <c r="AC97353" i="1"/>
  <c r="AC97354" i="1"/>
  <c r="AC97355" i="1"/>
  <c r="AC97356" i="1"/>
  <c r="AC97357" i="1"/>
  <c r="AC97358" i="1"/>
  <c r="AC97359" i="1"/>
  <c r="AC97360" i="1"/>
  <c r="AC97361" i="1"/>
  <c r="AC97362" i="1"/>
  <c r="AC97363" i="1"/>
  <c r="AC97364" i="1"/>
  <c r="AC97365" i="1"/>
  <c r="AC97366" i="1"/>
  <c r="AC97367" i="1"/>
  <c r="AC97368" i="1"/>
  <c r="AC97369" i="1"/>
  <c r="AC97370" i="1"/>
  <c r="AC97371" i="1"/>
  <c r="AC97372" i="1"/>
  <c r="AC97373" i="1"/>
  <c r="AC97374" i="1"/>
  <c r="AC97375" i="1"/>
  <c r="AC97376" i="1"/>
  <c r="AC97377" i="1"/>
  <c r="AC97378" i="1"/>
  <c r="AC97379" i="1"/>
  <c r="AC97380" i="1"/>
  <c r="AC97381" i="1"/>
  <c r="AC97382" i="1"/>
  <c r="AC97383" i="1"/>
  <c r="AC97384" i="1"/>
  <c r="AC97385" i="1"/>
  <c r="AC97386" i="1"/>
  <c r="AC97387" i="1"/>
  <c r="AC97388" i="1"/>
  <c r="AC97389" i="1"/>
  <c r="AC97390" i="1"/>
  <c r="AC97391" i="1"/>
  <c r="AC97392" i="1"/>
  <c r="AC97393" i="1"/>
  <c r="AC97394" i="1"/>
  <c r="AC97395" i="1"/>
  <c r="AC97396" i="1"/>
  <c r="AC97397" i="1"/>
  <c r="AC97398" i="1"/>
  <c r="AC97399" i="1"/>
  <c r="AC97400" i="1"/>
  <c r="AC97401" i="1"/>
  <c r="AC97402" i="1"/>
  <c r="AC97403" i="1"/>
  <c r="AC97404" i="1"/>
  <c r="AC97405" i="1"/>
  <c r="AC97406" i="1"/>
  <c r="AC97407" i="1"/>
  <c r="AC97408" i="1"/>
  <c r="AC97409" i="1"/>
  <c r="AC97410" i="1"/>
  <c r="AC97411" i="1"/>
  <c r="AC97412" i="1"/>
  <c r="AC97413" i="1"/>
  <c r="AC97414" i="1"/>
  <c r="AC97415" i="1"/>
  <c r="AC97416" i="1"/>
  <c r="AC97417" i="1"/>
  <c r="AC97418" i="1"/>
  <c r="AC97419" i="1"/>
  <c r="AC97420" i="1"/>
  <c r="AC97421" i="1"/>
  <c r="AC97422" i="1"/>
  <c r="AC97423" i="1"/>
  <c r="AC97424" i="1"/>
  <c r="AC97425" i="1"/>
  <c r="AC97426" i="1"/>
  <c r="AC97427" i="1"/>
  <c r="AC97428" i="1"/>
  <c r="AC97429" i="1"/>
  <c r="AC97430" i="1"/>
  <c r="AC97431" i="1"/>
  <c r="AC97432" i="1"/>
  <c r="AC97433" i="1"/>
  <c r="AC97434" i="1"/>
  <c r="AC97435" i="1"/>
  <c r="AC97436" i="1"/>
  <c r="AC97437" i="1"/>
  <c r="AC97438" i="1"/>
  <c r="AC97439" i="1"/>
  <c r="AC97440" i="1"/>
  <c r="AC97441" i="1"/>
  <c r="AC97442" i="1"/>
  <c r="AC97443" i="1"/>
  <c r="AC97444" i="1"/>
  <c r="AC97445" i="1"/>
  <c r="AC97446" i="1"/>
  <c r="AC97447" i="1"/>
  <c r="AC97448" i="1"/>
  <c r="AC97449" i="1"/>
  <c r="AC97450" i="1"/>
  <c r="AC97451" i="1"/>
  <c r="AC97452" i="1"/>
  <c r="AC97453" i="1"/>
  <c r="AC97454" i="1"/>
  <c r="AC97455" i="1"/>
  <c r="AC97456" i="1"/>
  <c r="AC97457" i="1"/>
  <c r="AC97458" i="1"/>
  <c r="AC97459" i="1"/>
  <c r="AC97460" i="1"/>
  <c r="AC97461" i="1"/>
  <c r="AC97462" i="1"/>
  <c r="AC97463" i="1"/>
  <c r="AC97464" i="1"/>
  <c r="AC97465" i="1"/>
  <c r="AC97466" i="1"/>
  <c r="AC97467" i="1"/>
  <c r="AC97468" i="1"/>
  <c r="AC97469" i="1"/>
  <c r="AC97470" i="1"/>
  <c r="AC97471" i="1"/>
  <c r="AC97472" i="1"/>
  <c r="AC97473" i="1"/>
  <c r="AC97474" i="1"/>
  <c r="AC97475" i="1"/>
  <c r="AC97476" i="1"/>
  <c r="AC97477" i="1"/>
  <c r="AC97478" i="1"/>
  <c r="AC97479" i="1"/>
  <c r="AC97480" i="1"/>
  <c r="AC97481" i="1"/>
  <c r="AC97482" i="1"/>
  <c r="AC97483" i="1"/>
  <c r="AC97484" i="1"/>
  <c r="AC97485" i="1"/>
  <c r="AC97486" i="1"/>
  <c r="AC97487" i="1"/>
  <c r="AC97488" i="1"/>
  <c r="AC97489" i="1"/>
  <c r="AC97490" i="1"/>
  <c r="AC97491" i="1"/>
  <c r="AC97492" i="1"/>
  <c r="AC97493" i="1"/>
  <c r="AC97494" i="1"/>
  <c r="AC97495" i="1"/>
  <c r="AC97496" i="1"/>
  <c r="AC97497" i="1"/>
  <c r="AC97498" i="1"/>
  <c r="AC97499" i="1"/>
  <c r="AC97500" i="1"/>
  <c r="AC97501" i="1"/>
  <c r="AC97502" i="1"/>
  <c r="AC97503" i="1"/>
  <c r="AC97504" i="1"/>
  <c r="AC97505" i="1"/>
  <c r="AC97506" i="1"/>
  <c r="AC97507" i="1"/>
  <c r="AC97508" i="1"/>
  <c r="AC97509" i="1"/>
  <c r="AC97510" i="1"/>
  <c r="AC97511" i="1"/>
  <c r="AC97512" i="1"/>
  <c r="AC97513" i="1"/>
  <c r="AC97514" i="1"/>
  <c r="AC97515" i="1"/>
  <c r="AC97516" i="1"/>
  <c r="AC97517" i="1"/>
  <c r="AC97518" i="1"/>
  <c r="AC97519" i="1"/>
  <c r="AC97520" i="1"/>
  <c r="AC97521" i="1"/>
  <c r="AC97522" i="1"/>
  <c r="AC97523" i="1"/>
  <c r="AC97524" i="1"/>
  <c r="AC97525" i="1"/>
  <c r="AC97526" i="1"/>
  <c r="AC97527" i="1"/>
  <c r="AC97528" i="1"/>
  <c r="AC97529" i="1"/>
  <c r="AC97530" i="1"/>
  <c r="AC97531" i="1"/>
  <c r="AC97532" i="1"/>
  <c r="AC97533" i="1"/>
  <c r="AC97534" i="1"/>
  <c r="AC97535" i="1"/>
  <c r="AC97536" i="1"/>
  <c r="AC97537" i="1"/>
  <c r="AC97538" i="1"/>
  <c r="AC97539" i="1"/>
  <c r="AC97540" i="1"/>
  <c r="AC97541" i="1"/>
  <c r="AC97542" i="1"/>
  <c r="AC97543" i="1"/>
  <c r="AC97544" i="1"/>
  <c r="AC97545" i="1"/>
  <c r="AC97546" i="1"/>
  <c r="AC97547" i="1"/>
  <c r="AC97548" i="1"/>
  <c r="AC97549" i="1"/>
  <c r="AC97550" i="1"/>
  <c r="AC97551" i="1"/>
  <c r="AC97552" i="1"/>
  <c r="AC97553" i="1"/>
  <c r="AC97554" i="1"/>
  <c r="AC97555" i="1"/>
  <c r="AC97556" i="1"/>
  <c r="AC97557" i="1"/>
  <c r="AC97558" i="1"/>
  <c r="AC97559" i="1"/>
  <c r="AC97560" i="1"/>
  <c r="AC97561" i="1"/>
  <c r="AC97562" i="1"/>
  <c r="AC97563" i="1"/>
  <c r="AC97564" i="1"/>
  <c r="AC97565" i="1"/>
  <c r="AC97566" i="1"/>
  <c r="AC97567" i="1"/>
  <c r="AC97568" i="1"/>
  <c r="AC97569" i="1"/>
  <c r="AC97570" i="1"/>
  <c r="AC97571" i="1"/>
  <c r="AC97572" i="1"/>
  <c r="AC97573" i="1"/>
  <c r="AC97574" i="1"/>
  <c r="AC97575" i="1"/>
  <c r="AC97576" i="1"/>
  <c r="AC97577" i="1"/>
  <c r="AC97578" i="1"/>
  <c r="AC97579" i="1"/>
  <c r="AC97580" i="1"/>
  <c r="AC97581" i="1"/>
  <c r="AC97582" i="1"/>
  <c r="AC97583" i="1"/>
  <c r="AC97584" i="1"/>
  <c r="AC97585" i="1"/>
  <c r="AC97586" i="1"/>
  <c r="AC97587" i="1"/>
  <c r="AC97588" i="1"/>
  <c r="AC97589" i="1"/>
  <c r="AC97590" i="1"/>
  <c r="AC97591" i="1"/>
  <c r="AC97592" i="1"/>
  <c r="AC97593" i="1"/>
  <c r="AC97594" i="1"/>
  <c r="AC97595" i="1"/>
  <c r="AC97596" i="1"/>
  <c r="AC97597" i="1"/>
  <c r="AC97598" i="1"/>
  <c r="AC97599" i="1"/>
  <c r="AC97600" i="1"/>
  <c r="AC97601" i="1"/>
  <c r="AC97602" i="1"/>
  <c r="AC97603" i="1"/>
  <c r="AC97604" i="1"/>
  <c r="AC97605" i="1"/>
  <c r="AC97606" i="1"/>
  <c r="AC97607" i="1"/>
  <c r="AC97608" i="1"/>
  <c r="AC97609" i="1"/>
  <c r="AC97610" i="1"/>
  <c r="AC97611" i="1"/>
  <c r="AC97612" i="1"/>
  <c r="AC97613" i="1"/>
  <c r="AC97614" i="1"/>
  <c r="AC97615" i="1"/>
  <c r="AC97616" i="1"/>
  <c r="AC97617" i="1"/>
  <c r="AC97618" i="1"/>
  <c r="AC97619" i="1"/>
  <c r="AC97620" i="1"/>
  <c r="AC97621" i="1"/>
  <c r="AC97622" i="1"/>
  <c r="AC97623" i="1"/>
  <c r="AC97624" i="1"/>
  <c r="AC97625" i="1"/>
  <c r="AC97626" i="1"/>
  <c r="AC97627" i="1"/>
  <c r="AC97628" i="1"/>
  <c r="AC97629" i="1"/>
  <c r="AC97630" i="1"/>
  <c r="AC97631" i="1"/>
  <c r="AC97632" i="1"/>
  <c r="AC97633" i="1"/>
  <c r="AC97634" i="1"/>
  <c r="AC97635" i="1"/>
  <c r="AC97636" i="1"/>
  <c r="AC97637" i="1"/>
  <c r="AC97638" i="1"/>
  <c r="AC97639" i="1"/>
  <c r="AC97640" i="1"/>
  <c r="AC97641" i="1"/>
  <c r="AC97642" i="1"/>
  <c r="AC97643" i="1"/>
  <c r="AC97644" i="1"/>
  <c r="AC97645" i="1"/>
  <c r="AC97646" i="1"/>
  <c r="AC97647" i="1"/>
  <c r="AC97648" i="1"/>
  <c r="AC97649" i="1"/>
  <c r="AC97650" i="1"/>
  <c r="AC97651" i="1"/>
  <c r="AC97652" i="1"/>
  <c r="AC97653" i="1"/>
  <c r="AC97654" i="1"/>
  <c r="AC97655" i="1"/>
  <c r="AC97656" i="1"/>
  <c r="AC97657" i="1"/>
  <c r="AC97658" i="1"/>
  <c r="AC97659" i="1"/>
  <c r="AC97660" i="1"/>
  <c r="AC97661" i="1"/>
  <c r="AC97662" i="1"/>
  <c r="AC97663" i="1"/>
  <c r="AC97664" i="1"/>
  <c r="AC97665" i="1"/>
  <c r="AC97666" i="1"/>
  <c r="AC97667" i="1"/>
  <c r="AC97668" i="1"/>
  <c r="AC97669" i="1"/>
  <c r="AC97670" i="1"/>
  <c r="AC97671" i="1"/>
  <c r="AC97672" i="1"/>
  <c r="AC97673" i="1"/>
  <c r="AC97674" i="1"/>
  <c r="AC97675" i="1"/>
  <c r="AC97676" i="1"/>
  <c r="AC97677" i="1"/>
  <c r="AC97678" i="1"/>
  <c r="AC97679" i="1"/>
  <c r="AC97680" i="1"/>
  <c r="AC97681" i="1"/>
  <c r="AC97682" i="1"/>
  <c r="AC97683" i="1"/>
  <c r="AC97684" i="1"/>
  <c r="AC97685" i="1"/>
  <c r="AC97686" i="1"/>
  <c r="AC97687" i="1"/>
  <c r="AC97688" i="1"/>
  <c r="AC97689" i="1"/>
  <c r="AC97690" i="1"/>
  <c r="AC97691" i="1"/>
  <c r="AC97692" i="1"/>
  <c r="AC97693" i="1"/>
  <c r="AC97694" i="1"/>
  <c r="AC97695" i="1"/>
  <c r="AC97696" i="1"/>
  <c r="AC97697" i="1"/>
  <c r="AC97698" i="1"/>
  <c r="AC97699" i="1"/>
  <c r="AC97700" i="1"/>
  <c r="AC97701" i="1"/>
  <c r="AC97702" i="1"/>
  <c r="AC97703" i="1"/>
  <c r="AC97704" i="1"/>
  <c r="AC97705" i="1"/>
  <c r="AC97706" i="1"/>
  <c r="AC97707" i="1"/>
  <c r="AC97708" i="1"/>
  <c r="AC97709" i="1"/>
  <c r="AC97710" i="1"/>
  <c r="AC97711" i="1"/>
  <c r="AC97712" i="1"/>
  <c r="AC97713" i="1"/>
  <c r="AC97714" i="1"/>
  <c r="AC97715" i="1"/>
  <c r="AC97716" i="1"/>
  <c r="AC97717" i="1"/>
  <c r="AC97718" i="1"/>
  <c r="AC97719" i="1"/>
  <c r="AC97720" i="1"/>
  <c r="AC97721" i="1"/>
  <c r="AC97722" i="1"/>
  <c r="AC97723" i="1"/>
  <c r="AC97724" i="1"/>
  <c r="AC97725" i="1"/>
  <c r="AC97726" i="1"/>
  <c r="AC97727" i="1"/>
  <c r="AC97728" i="1"/>
  <c r="AC97729" i="1"/>
  <c r="AC97730" i="1"/>
  <c r="AC97731" i="1"/>
  <c r="AC97732" i="1"/>
  <c r="AC97733" i="1"/>
  <c r="AC97734" i="1"/>
  <c r="AC97735" i="1"/>
  <c r="AC97736" i="1"/>
  <c r="AC97737" i="1"/>
  <c r="AC97738" i="1"/>
  <c r="AC97739" i="1"/>
  <c r="AC97740" i="1"/>
  <c r="AC97741" i="1"/>
  <c r="AC97742" i="1"/>
  <c r="AC97743" i="1"/>
  <c r="AC97744" i="1"/>
  <c r="AC97745" i="1"/>
  <c r="AC97746" i="1"/>
  <c r="AC97747" i="1"/>
  <c r="AC97748" i="1"/>
  <c r="AC97749" i="1"/>
  <c r="AC97750" i="1"/>
  <c r="AC97751" i="1"/>
  <c r="AC97752" i="1"/>
  <c r="AC97753" i="1"/>
  <c r="AC97754" i="1"/>
  <c r="AC97755" i="1"/>
  <c r="AC97756" i="1"/>
  <c r="AC97757" i="1"/>
  <c r="AC97758" i="1"/>
  <c r="AC97759" i="1"/>
  <c r="AC97760" i="1"/>
  <c r="AC97761" i="1"/>
  <c r="AC97762" i="1"/>
  <c r="AC97763" i="1"/>
  <c r="AC97764" i="1"/>
  <c r="AC97765" i="1"/>
  <c r="AC97766" i="1"/>
  <c r="AC97767" i="1"/>
  <c r="AC97768" i="1"/>
  <c r="AC97769" i="1"/>
  <c r="AC97770" i="1"/>
  <c r="AC97771" i="1"/>
  <c r="AC97772" i="1"/>
  <c r="AC97773" i="1"/>
  <c r="AC97774" i="1"/>
  <c r="AC97775" i="1"/>
  <c r="AC97776" i="1"/>
  <c r="AC97777" i="1"/>
  <c r="AC97778" i="1"/>
  <c r="AC97779" i="1"/>
  <c r="AC97780" i="1"/>
  <c r="AC97781" i="1"/>
  <c r="AC97782" i="1"/>
  <c r="AC97783" i="1"/>
  <c r="AC97784" i="1"/>
  <c r="AC97785" i="1"/>
  <c r="AC97786" i="1"/>
  <c r="AC97787" i="1"/>
  <c r="AC97788" i="1"/>
  <c r="AC97789" i="1"/>
  <c r="AC97790" i="1"/>
  <c r="AC97791" i="1"/>
  <c r="AC97792" i="1"/>
  <c r="AC97793" i="1"/>
  <c r="AC97794" i="1"/>
  <c r="AC97795" i="1"/>
  <c r="AC97796" i="1"/>
  <c r="AC97797" i="1"/>
  <c r="AC97798" i="1"/>
  <c r="AC97799" i="1"/>
  <c r="AC97800" i="1"/>
  <c r="AC97801" i="1"/>
  <c r="AC97802" i="1"/>
  <c r="AC97803" i="1"/>
  <c r="AC97804" i="1"/>
  <c r="AC97805" i="1"/>
  <c r="AC97806" i="1"/>
  <c r="AC97807" i="1"/>
  <c r="AC97808" i="1"/>
  <c r="AC97809" i="1"/>
  <c r="AC97810" i="1"/>
  <c r="AC97811" i="1"/>
  <c r="AC97812" i="1"/>
  <c r="AC97813" i="1"/>
  <c r="AC97814" i="1"/>
  <c r="AC97815" i="1"/>
  <c r="AC97816" i="1"/>
  <c r="AC97817" i="1"/>
  <c r="AC97818" i="1"/>
  <c r="AC97819" i="1"/>
  <c r="AC97820" i="1"/>
  <c r="AC97821" i="1"/>
  <c r="AC97822" i="1"/>
  <c r="AC97823" i="1"/>
  <c r="AC97824" i="1"/>
  <c r="AC97825" i="1"/>
  <c r="AC97826" i="1"/>
  <c r="AC97827" i="1"/>
  <c r="AC97828" i="1"/>
  <c r="AC97829" i="1"/>
  <c r="AC97830" i="1"/>
  <c r="AC97831" i="1"/>
  <c r="AC97832" i="1"/>
  <c r="AC97833" i="1"/>
  <c r="AC97834" i="1"/>
  <c r="AC97835" i="1"/>
  <c r="AC97836" i="1"/>
  <c r="AC97837" i="1"/>
  <c r="AC97838" i="1"/>
  <c r="AC97839" i="1"/>
  <c r="AC97840" i="1"/>
  <c r="AC97841" i="1"/>
  <c r="AC97842" i="1"/>
  <c r="AC97843" i="1"/>
  <c r="AC97844" i="1"/>
  <c r="AC97845" i="1"/>
  <c r="AC97846" i="1"/>
  <c r="AC97847" i="1"/>
  <c r="AC97848" i="1"/>
  <c r="AC97849" i="1"/>
  <c r="AC97850" i="1"/>
  <c r="AC97851" i="1"/>
  <c r="AC97852" i="1"/>
  <c r="AC97853" i="1"/>
  <c r="AC97854" i="1"/>
  <c r="AC97855" i="1"/>
  <c r="AC97856" i="1"/>
  <c r="AC97857" i="1"/>
  <c r="AC97858" i="1"/>
  <c r="AC97859" i="1"/>
  <c r="AC97860" i="1"/>
  <c r="AC97861" i="1"/>
  <c r="AC97862" i="1"/>
  <c r="AC97863" i="1"/>
  <c r="AC97864" i="1"/>
  <c r="AC97865" i="1"/>
  <c r="AC97866" i="1"/>
  <c r="AC97867" i="1"/>
  <c r="AC97868" i="1"/>
  <c r="AC97869" i="1"/>
  <c r="AC97870" i="1"/>
  <c r="AC97871" i="1"/>
  <c r="AC97872" i="1"/>
  <c r="AC97873" i="1"/>
  <c r="AC97874" i="1"/>
  <c r="AC97875" i="1"/>
  <c r="AC97876" i="1"/>
  <c r="AC97877" i="1"/>
  <c r="AC97878" i="1"/>
  <c r="AC97879" i="1"/>
  <c r="AC97880" i="1"/>
  <c r="AC97881" i="1"/>
  <c r="AC97882" i="1"/>
  <c r="AC97883" i="1"/>
  <c r="AC97884" i="1"/>
  <c r="AC97885" i="1"/>
  <c r="AC97886" i="1"/>
  <c r="AC97887" i="1"/>
  <c r="AC97888" i="1"/>
  <c r="AC97889" i="1"/>
  <c r="AC97890" i="1"/>
  <c r="AC97891" i="1"/>
  <c r="AC97892" i="1"/>
  <c r="AC97893" i="1"/>
  <c r="AC97894" i="1"/>
  <c r="AC97895" i="1"/>
  <c r="AC97896" i="1"/>
  <c r="AC97897" i="1"/>
  <c r="AC97898" i="1"/>
  <c r="AC97899" i="1"/>
  <c r="AC97900" i="1"/>
  <c r="AC97901" i="1"/>
  <c r="AC97902" i="1"/>
  <c r="AC97903" i="1"/>
  <c r="AC97904" i="1"/>
  <c r="AC97905" i="1"/>
  <c r="AC97906" i="1"/>
  <c r="AC97907" i="1"/>
  <c r="AC97908" i="1"/>
  <c r="AC97909" i="1"/>
  <c r="AC97910" i="1"/>
  <c r="AC97911" i="1"/>
  <c r="AC97912" i="1"/>
  <c r="AC97913" i="1"/>
  <c r="AC97914" i="1"/>
  <c r="AC97915" i="1"/>
  <c r="AC97916" i="1"/>
  <c r="AC97917" i="1"/>
  <c r="AC97918" i="1"/>
  <c r="AC97919" i="1"/>
  <c r="AC97920" i="1"/>
  <c r="AC97921" i="1"/>
  <c r="AC97922" i="1"/>
  <c r="AC97923" i="1"/>
  <c r="AC97924" i="1"/>
  <c r="AC97925" i="1"/>
  <c r="AC97926" i="1"/>
  <c r="AC97927" i="1"/>
  <c r="AC97928" i="1"/>
  <c r="AC97929" i="1"/>
  <c r="AC97930" i="1"/>
  <c r="AC97931" i="1"/>
  <c r="AC97932" i="1"/>
  <c r="AC97933" i="1"/>
  <c r="AC97934" i="1"/>
  <c r="AC97935" i="1"/>
  <c r="AC97936" i="1"/>
  <c r="AC97937" i="1"/>
  <c r="AC97938" i="1"/>
  <c r="AC97939" i="1"/>
  <c r="AC97940" i="1"/>
  <c r="AC97941" i="1"/>
  <c r="AC97942" i="1"/>
  <c r="AC97943" i="1"/>
  <c r="AC97944" i="1"/>
  <c r="AC97945" i="1"/>
  <c r="AC97946" i="1"/>
  <c r="AC97947" i="1"/>
  <c r="AC97948" i="1"/>
  <c r="AC97949" i="1"/>
  <c r="AC97950" i="1"/>
  <c r="AC97951" i="1"/>
  <c r="AC97952" i="1"/>
  <c r="AC97953" i="1"/>
  <c r="AC97954" i="1"/>
  <c r="AC97955" i="1"/>
  <c r="AC97956" i="1"/>
  <c r="AC97957" i="1"/>
  <c r="AC97958" i="1"/>
  <c r="AC97959" i="1"/>
  <c r="AC97960" i="1"/>
  <c r="AC97961" i="1"/>
  <c r="AC97962" i="1"/>
  <c r="AC97963" i="1"/>
  <c r="AC97964" i="1"/>
  <c r="AC97965" i="1"/>
  <c r="AC97966" i="1"/>
  <c r="AC97967" i="1"/>
  <c r="AC97968" i="1"/>
  <c r="AC97969" i="1"/>
  <c r="AC97970" i="1"/>
  <c r="AC97971" i="1"/>
  <c r="AC97972" i="1"/>
  <c r="AC97973" i="1"/>
  <c r="AC97974" i="1"/>
  <c r="AC97975" i="1"/>
  <c r="AC97976" i="1"/>
  <c r="AC97977" i="1"/>
  <c r="AC97978" i="1"/>
  <c r="AC97979" i="1"/>
  <c r="AC97980" i="1"/>
  <c r="AC97981" i="1"/>
  <c r="AC97982" i="1"/>
  <c r="AC97983" i="1"/>
  <c r="AC97984" i="1"/>
  <c r="AC97985" i="1"/>
  <c r="AC97986" i="1"/>
  <c r="AC97987" i="1"/>
  <c r="AC97988" i="1"/>
  <c r="AC97989" i="1"/>
  <c r="AC97990" i="1"/>
  <c r="AC97991" i="1"/>
  <c r="AC97992" i="1"/>
  <c r="AC97993" i="1"/>
  <c r="AC97994" i="1"/>
  <c r="AC97995" i="1"/>
  <c r="AC97996" i="1"/>
  <c r="AC97997" i="1"/>
  <c r="AC97998" i="1"/>
  <c r="AC97999" i="1"/>
  <c r="AC98000" i="1"/>
  <c r="AC98001" i="1"/>
  <c r="AC98002" i="1"/>
  <c r="AC98003" i="1"/>
  <c r="AC98004" i="1"/>
  <c r="AC98005" i="1"/>
  <c r="AC98006" i="1"/>
  <c r="AC98007" i="1"/>
  <c r="AC98008" i="1"/>
  <c r="AC98009" i="1"/>
  <c r="AC98010" i="1"/>
  <c r="AC98011" i="1"/>
  <c r="AC98012" i="1"/>
  <c r="AC98013" i="1"/>
  <c r="AC98014" i="1"/>
  <c r="AC98015" i="1"/>
  <c r="AC98016" i="1"/>
  <c r="AC98017" i="1"/>
  <c r="AC98018" i="1"/>
  <c r="AC98019" i="1"/>
  <c r="AC98020" i="1"/>
  <c r="AC98021" i="1"/>
  <c r="AC98022" i="1"/>
  <c r="AC98023" i="1"/>
  <c r="AC98024" i="1"/>
  <c r="AC98025" i="1"/>
  <c r="AC98026" i="1"/>
  <c r="AC98027" i="1"/>
  <c r="AC98028" i="1"/>
  <c r="AC98029" i="1"/>
  <c r="AC98030" i="1"/>
  <c r="AC98031" i="1"/>
  <c r="AC98032" i="1"/>
  <c r="AC98033" i="1"/>
  <c r="AC98034" i="1"/>
  <c r="AC98035" i="1"/>
  <c r="AC98036" i="1"/>
  <c r="AC98037" i="1"/>
  <c r="AC98038" i="1"/>
  <c r="AC98039" i="1"/>
  <c r="AC98040" i="1"/>
  <c r="AC98041" i="1"/>
  <c r="AC98042" i="1"/>
  <c r="AC98043" i="1"/>
  <c r="AC98044" i="1"/>
  <c r="AC98045" i="1"/>
  <c r="AC98046" i="1"/>
  <c r="AC98047" i="1"/>
  <c r="AC98048" i="1"/>
  <c r="AC98049" i="1"/>
  <c r="AC98050" i="1"/>
  <c r="AC98051" i="1"/>
  <c r="AC98052" i="1"/>
  <c r="AC98053" i="1"/>
  <c r="AC98054" i="1"/>
  <c r="AC98055" i="1"/>
  <c r="AC98056" i="1"/>
  <c r="AC98057" i="1"/>
  <c r="AC98058" i="1"/>
  <c r="AC98059" i="1"/>
  <c r="AC98060" i="1"/>
  <c r="AC98061" i="1"/>
  <c r="AC98062" i="1"/>
  <c r="AC98063" i="1"/>
  <c r="AC98064" i="1"/>
  <c r="AC98065" i="1"/>
  <c r="AC98066" i="1"/>
  <c r="AC98067" i="1"/>
  <c r="AC98068" i="1"/>
  <c r="AC98069" i="1"/>
  <c r="AC98070" i="1"/>
  <c r="AC98071" i="1"/>
  <c r="AC98072" i="1"/>
  <c r="AC98073" i="1"/>
  <c r="AC98074" i="1"/>
  <c r="AC98075" i="1"/>
  <c r="AC98076" i="1"/>
  <c r="AC98077" i="1"/>
  <c r="AC98078" i="1"/>
  <c r="AC98079" i="1"/>
  <c r="AC98080" i="1"/>
  <c r="AC98081" i="1"/>
  <c r="AC98082" i="1"/>
  <c r="AC98083" i="1"/>
  <c r="AC98084" i="1"/>
  <c r="AC98085" i="1"/>
  <c r="AC98086" i="1"/>
  <c r="AC98087" i="1"/>
  <c r="AC98088" i="1"/>
  <c r="AC98089" i="1"/>
  <c r="AC98090" i="1"/>
  <c r="AC98091" i="1"/>
  <c r="AC98092" i="1"/>
  <c r="AC98093" i="1"/>
  <c r="AC98094" i="1"/>
  <c r="AC98095" i="1"/>
  <c r="AC98096" i="1"/>
  <c r="AC98097" i="1"/>
  <c r="AC98098" i="1"/>
  <c r="AC98099" i="1"/>
  <c r="AC98100" i="1"/>
  <c r="AC98101" i="1"/>
  <c r="AC98102" i="1"/>
  <c r="AC98103" i="1"/>
  <c r="AC98104" i="1"/>
  <c r="AC98105" i="1"/>
  <c r="AC98106" i="1"/>
  <c r="AC98107" i="1"/>
  <c r="AC98108" i="1"/>
  <c r="AC98109" i="1"/>
  <c r="AC98110" i="1"/>
  <c r="AC98111" i="1"/>
  <c r="AC98112" i="1"/>
  <c r="AC98113" i="1"/>
  <c r="AC98114" i="1"/>
  <c r="AC98115" i="1"/>
  <c r="AC98116" i="1"/>
  <c r="AC98117" i="1"/>
  <c r="AC98118" i="1"/>
  <c r="AC98119" i="1"/>
  <c r="AC98120" i="1"/>
  <c r="AC98121" i="1"/>
  <c r="AC98122" i="1"/>
  <c r="AC98123" i="1"/>
  <c r="AC98124" i="1"/>
  <c r="AC98125" i="1"/>
  <c r="AC98126" i="1"/>
  <c r="AC98127" i="1"/>
  <c r="AC98128" i="1"/>
  <c r="AC98129" i="1"/>
  <c r="AC98130" i="1"/>
  <c r="AC98131" i="1"/>
  <c r="AC98132" i="1"/>
  <c r="AC98133" i="1"/>
  <c r="AC98134" i="1"/>
  <c r="AC98135" i="1"/>
  <c r="AC98136" i="1"/>
  <c r="AC98137" i="1"/>
  <c r="AC98138" i="1"/>
  <c r="AC98139" i="1"/>
  <c r="AC98140" i="1"/>
  <c r="AC98141" i="1"/>
  <c r="AC98142" i="1"/>
  <c r="AC98143" i="1"/>
  <c r="AC98144" i="1"/>
  <c r="AC98145" i="1"/>
  <c r="AC98146" i="1"/>
  <c r="AC98147" i="1"/>
  <c r="AC98148" i="1"/>
  <c r="AC98149" i="1"/>
  <c r="AC98150" i="1"/>
  <c r="AC98151" i="1"/>
  <c r="AC98152" i="1"/>
  <c r="AC98153" i="1"/>
  <c r="AC98154" i="1"/>
  <c r="AC98155" i="1"/>
  <c r="AC98156" i="1"/>
  <c r="AC98157" i="1"/>
  <c r="AC98158" i="1"/>
  <c r="AC98159" i="1"/>
  <c r="AC98160" i="1"/>
  <c r="AC98161" i="1"/>
  <c r="AC98162" i="1"/>
  <c r="AC98163" i="1"/>
  <c r="AC98164" i="1"/>
  <c r="AC98165" i="1"/>
  <c r="AC98166" i="1"/>
  <c r="AC98167" i="1"/>
  <c r="AC98168" i="1"/>
  <c r="AC98169" i="1"/>
  <c r="AC98170" i="1"/>
  <c r="AC98171" i="1"/>
  <c r="AC98172" i="1"/>
  <c r="AC98173" i="1"/>
  <c r="AC98174" i="1"/>
  <c r="AC98175" i="1"/>
  <c r="AC98176" i="1"/>
  <c r="AC98177" i="1"/>
  <c r="AC98178" i="1"/>
  <c r="AC98179" i="1"/>
  <c r="AC98180" i="1"/>
  <c r="AC98181" i="1"/>
  <c r="AC98182" i="1"/>
  <c r="AC98183" i="1"/>
  <c r="AC98184" i="1"/>
  <c r="AC98185" i="1"/>
  <c r="AC98186" i="1"/>
  <c r="AC98187" i="1"/>
  <c r="AC98188" i="1"/>
  <c r="AC98189" i="1"/>
  <c r="AC98190" i="1"/>
  <c r="AC98191" i="1"/>
  <c r="AC98192" i="1"/>
  <c r="AC98193" i="1"/>
  <c r="AC98194" i="1"/>
  <c r="AC98195" i="1"/>
  <c r="AC98196" i="1"/>
  <c r="AC98197" i="1"/>
  <c r="AC98198" i="1"/>
  <c r="AC98199" i="1"/>
  <c r="AC98200" i="1"/>
  <c r="AC98201" i="1"/>
  <c r="AC98202" i="1"/>
  <c r="AC98203" i="1"/>
  <c r="AC98204" i="1"/>
  <c r="AC98205" i="1"/>
  <c r="AC98206" i="1"/>
  <c r="AC98207" i="1"/>
  <c r="AC98208" i="1"/>
  <c r="AC98209" i="1"/>
  <c r="AC98210" i="1"/>
  <c r="AC98211" i="1"/>
  <c r="AC98212" i="1"/>
  <c r="AC98213" i="1"/>
  <c r="AC98214" i="1"/>
  <c r="AC98215" i="1"/>
  <c r="AC98216" i="1"/>
  <c r="AC98217" i="1"/>
  <c r="AC98218" i="1"/>
  <c r="AC98219" i="1"/>
  <c r="AC98220" i="1"/>
  <c r="AC98221" i="1"/>
  <c r="AC98222" i="1"/>
  <c r="AC98223" i="1"/>
  <c r="AC98224" i="1"/>
  <c r="AC98225" i="1"/>
  <c r="AC98226" i="1"/>
  <c r="AC98227" i="1"/>
  <c r="AC98228" i="1"/>
  <c r="AC98229" i="1"/>
  <c r="AC98230" i="1"/>
  <c r="AC98231" i="1"/>
  <c r="AC98232" i="1"/>
  <c r="AC98233" i="1"/>
  <c r="AC98234" i="1"/>
  <c r="AC98235" i="1"/>
  <c r="AC98236" i="1"/>
  <c r="AC98237" i="1"/>
  <c r="AC98238" i="1"/>
  <c r="AC98239" i="1"/>
  <c r="AC98240" i="1"/>
  <c r="AC98241" i="1"/>
  <c r="AC98242" i="1"/>
  <c r="AC98243" i="1"/>
  <c r="AC98244" i="1"/>
  <c r="AC98245" i="1"/>
  <c r="AC98246" i="1"/>
  <c r="AC98247" i="1"/>
  <c r="AC98248" i="1"/>
  <c r="AC98249" i="1"/>
  <c r="AC98250" i="1"/>
  <c r="AC98251" i="1"/>
  <c r="AC98252" i="1"/>
  <c r="AC98253" i="1"/>
  <c r="AC98254" i="1"/>
  <c r="AC98255" i="1"/>
  <c r="AC98256" i="1"/>
  <c r="AC98257" i="1"/>
  <c r="AC98258" i="1"/>
  <c r="AC98259" i="1"/>
  <c r="AC98260" i="1"/>
  <c r="AC98261" i="1"/>
  <c r="AC98262" i="1"/>
  <c r="AC98263" i="1"/>
  <c r="AC98264" i="1"/>
  <c r="AC98265" i="1"/>
  <c r="AC98266" i="1"/>
  <c r="AC98267" i="1"/>
  <c r="AC98268" i="1"/>
  <c r="AC98269" i="1"/>
  <c r="AC98270" i="1"/>
  <c r="AC98271" i="1"/>
  <c r="AC98272" i="1"/>
  <c r="AC98273" i="1"/>
  <c r="AC98274" i="1"/>
  <c r="AC98275" i="1"/>
  <c r="AC98276" i="1"/>
  <c r="AC98277" i="1"/>
  <c r="AC98278" i="1"/>
  <c r="AC98279" i="1"/>
  <c r="AC98280" i="1"/>
  <c r="AC98281" i="1"/>
  <c r="AC98282" i="1"/>
  <c r="AC98283" i="1"/>
  <c r="AC98284" i="1"/>
  <c r="AC98285" i="1"/>
  <c r="AC98286" i="1"/>
  <c r="AC98287" i="1"/>
  <c r="AC98288" i="1"/>
  <c r="AC98289" i="1"/>
  <c r="AC98290" i="1"/>
  <c r="AC98291" i="1"/>
  <c r="AC98292" i="1"/>
  <c r="AC98293" i="1"/>
  <c r="AC98294" i="1"/>
  <c r="AC98295" i="1"/>
  <c r="AC98296" i="1"/>
  <c r="AC98297" i="1"/>
  <c r="AC98298" i="1"/>
  <c r="AC98299" i="1"/>
  <c r="AC98300" i="1"/>
  <c r="AC98301" i="1"/>
  <c r="AC98302" i="1"/>
  <c r="AC98303" i="1"/>
  <c r="AC98304" i="1"/>
  <c r="AC98305" i="1"/>
  <c r="AC98306" i="1"/>
  <c r="AC98307" i="1"/>
  <c r="AC98308" i="1"/>
  <c r="AC98309" i="1"/>
  <c r="AC98310" i="1"/>
  <c r="AC98311" i="1"/>
  <c r="AC98312" i="1"/>
  <c r="AC98313" i="1"/>
  <c r="AC98314" i="1"/>
  <c r="AC98315" i="1"/>
  <c r="AC98316" i="1"/>
  <c r="AC98317" i="1"/>
  <c r="AC98318" i="1"/>
  <c r="AC98319" i="1"/>
  <c r="AC98320" i="1"/>
  <c r="AC98321" i="1"/>
  <c r="AC98322" i="1"/>
  <c r="AC98323" i="1"/>
  <c r="AC98324" i="1"/>
  <c r="AC98325" i="1"/>
  <c r="AC98326" i="1"/>
  <c r="AC98327" i="1"/>
  <c r="AC98328" i="1"/>
  <c r="AC98329" i="1"/>
  <c r="AC98330" i="1"/>
  <c r="AC98331" i="1"/>
  <c r="AC98332" i="1"/>
  <c r="AC98333" i="1"/>
  <c r="AC98334" i="1"/>
  <c r="AC98335" i="1"/>
  <c r="AC98336" i="1"/>
  <c r="AC98337" i="1"/>
  <c r="AC98338" i="1"/>
  <c r="AC98339" i="1"/>
  <c r="AC98340" i="1"/>
  <c r="AC98341" i="1"/>
  <c r="AC98342" i="1"/>
  <c r="AC98343" i="1"/>
  <c r="AC98344" i="1"/>
  <c r="AC98345" i="1"/>
  <c r="AC98346" i="1"/>
  <c r="AC98347" i="1"/>
  <c r="AC98348" i="1"/>
  <c r="AC98349" i="1"/>
  <c r="AC98350" i="1"/>
  <c r="AC98351" i="1"/>
  <c r="AC98352" i="1"/>
  <c r="AC98353" i="1"/>
  <c r="AC98354" i="1"/>
  <c r="AC98355" i="1"/>
  <c r="AC98356" i="1"/>
  <c r="AC98357" i="1"/>
  <c r="AC98358" i="1"/>
  <c r="AC98359" i="1"/>
  <c r="AC98360" i="1"/>
  <c r="AC98361" i="1"/>
  <c r="AC98362" i="1"/>
  <c r="AC98363" i="1"/>
  <c r="AC98364" i="1"/>
  <c r="AC98365" i="1"/>
  <c r="AC98366" i="1"/>
  <c r="AC98367" i="1"/>
  <c r="AC98368" i="1"/>
  <c r="AC98369" i="1"/>
  <c r="AC98370" i="1"/>
  <c r="AC98371" i="1"/>
  <c r="AC98372" i="1"/>
  <c r="AC98373" i="1"/>
  <c r="AC98374" i="1"/>
  <c r="AC98375" i="1"/>
  <c r="AC98376" i="1"/>
  <c r="AC98377" i="1"/>
  <c r="AC98378" i="1"/>
  <c r="AC98379" i="1"/>
  <c r="AC98380" i="1"/>
  <c r="AC98381" i="1"/>
  <c r="AC98382" i="1"/>
  <c r="AC98383" i="1"/>
  <c r="AC98384" i="1"/>
  <c r="AC98385" i="1"/>
  <c r="AC98386" i="1"/>
  <c r="AC98387" i="1"/>
  <c r="AC98388" i="1"/>
  <c r="AC98389" i="1"/>
  <c r="AC98390" i="1"/>
  <c r="AC98391" i="1"/>
  <c r="AC98392" i="1"/>
  <c r="AC98393" i="1"/>
  <c r="AC98394" i="1"/>
  <c r="AC98395" i="1"/>
  <c r="AC98396" i="1"/>
  <c r="AC98397" i="1"/>
  <c r="AC98398" i="1"/>
  <c r="AC98399" i="1"/>
  <c r="AC98400" i="1"/>
  <c r="AC98401" i="1"/>
  <c r="AC98402" i="1"/>
  <c r="AC98403" i="1"/>
  <c r="AC98404" i="1"/>
  <c r="AC98405" i="1"/>
  <c r="AC98406" i="1"/>
  <c r="AC98407" i="1"/>
  <c r="AC98408" i="1"/>
  <c r="AC98409" i="1"/>
  <c r="AC98410" i="1"/>
  <c r="AC98411" i="1"/>
  <c r="AC98412" i="1"/>
  <c r="AC98413" i="1"/>
  <c r="AC98414" i="1"/>
  <c r="AC98415" i="1"/>
  <c r="AC98416" i="1"/>
  <c r="AC98417" i="1"/>
  <c r="AC98418" i="1"/>
  <c r="AC98419" i="1"/>
  <c r="AC98420" i="1"/>
  <c r="AC98421" i="1"/>
  <c r="AC98422" i="1"/>
  <c r="AC98423" i="1"/>
  <c r="AC98424" i="1"/>
  <c r="AC98425" i="1"/>
  <c r="AC98426" i="1"/>
  <c r="AC98427" i="1"/>
  <c r="AC98428" i="1"/>
  <c r="AC98429" i="1"/>
  <c r="AC98430" i="1"/>
  <c r="AC98431" i="1"/>
  <c r="AC98432" i="1"/>
  <c r="AC98433" i="1"/>
  <c r="AC98434" i="1"/>
  <c r="AC98435" i="1"/>
  <c r="AC98436" i="1"/>
  <c r="AC98437" i="1"/>
  <c r="AC98438" i="1"/>
  <c r="AC98439" i="1"/>
  <c r="AC98440" i="1"/>
  <c r="AC98441" i="1"/>
  <c r="AC98442" i="1"/>
  <c r="AC98443" i="1"/>
  <c r="AC98444" i="1"/>
  <c r="AC98445" i="1"/>
  <c r="AC98446" i="1"/>
  <c r="AC98447" i="1"/>
  <c r="AC98448" i="1"/>
  <c r="AC98449" i="1"/>
  <c r="AC98450" i="1"/>
  <c r="AC98451" i="1"/>
  <c r="AC98452" i="1"/>
  <c r="AC98453" i="1"/>
  <c r="AC98454" i="1"/>
  <c r="AC98455" i="1"/>
  <c r="AC98456" i="1"/>
  <c r="AC98457" i="1"/>
  <c r="AC98458" i="1"/>
  <c r="AC98459" i="1"/>
  <c r="AC98460" i="1"/>
  <c r="AC98461" i="1"/>
  <c r="AC98462" i="1"/>
  <c r="AC98463" i="1"/>
  <c r="AC98464" i="1"/>
  <c r="AC98465" i="1"/>
  <c r="AC98466" i="1"/>
  <c r="AC98467" i="1"/>
  <c r="AC98468" i="1"/>
  <c r="AC98469" i="1"/>
  <c r="AC98470" i="1"/>
  <c r="AC98471" i="1"/>
  <c r="AC98472" i="1"/>
  <c r="AC98473" i="1"/>
  <c r="AC98474" i="1"/>
  <c r="AC98475" i="1"/>
  <c r="AC98476" i="1"/>
  <c r="AC98477" i="1"/>
  <c r="AC98478" i="1"/>
  <c r="AC98479" i="1"/>
  <c r="AC98480" i="1"/>
  <c r="AC98481" i="1"/>
  <c r="AC98482" i="1"/>
  <c r="AC98483" i="1"/>
  <c r="AC98484" i="1"/>
  <c r="AC98485" i="1"/>
  <c r="AC98486" i="1"/>
  <c r="AC98487" i="1"/>
  <c r="AC98488" i="1"/>
  <c r="AC98489" i="1"/>
  <c r="AC98490" i="1"/>
  <c r="AC98491" i="1"/>
  <c r="AC98492" i="1"/>
  <c r="AC98493" i="1"/>
  <c r="AC98494" i="1"/>
  <c r="AC98495" i="1"/>
  <c r="AC98496" i="1"/>
  <c r="AC98497" i="1"/>
  <c r="AC98498" i="1"/>
  <c r="AC98499" i="1"/>
  <c r="AC98500" i="1"/>
  <c r="AC98501" i="1"/>
  <c r="AC98502" i="1"/>
  <c r="AC98503" i="1"/>
  <c r="AC98504" i="1"/>
  <c r="AC98505" i="1"/>
  <c r="AC98506" i="1"/>
  <c r="AC98507" i="1"/>
  <c r="AC98508" i="1"/>
  <c r="AC98509" i="1"/>
  <c r="AC98510" i="1"/>
  <c r="AC98511" i="1"/>
  <c r="AC98512" i="1"/>
  <c r="AC98513" i="1"/>
  <c r="AC98514" i="1"/>
  <c r="AC98515" i="1"/>
  <c r="AC98516" i="1"/>
  <c r="AC98517" i="1"/>
  <c r="AC98518" i="1"/>
  <c r="AC98519" i="1"/>
  <c r="AC98520" i="1"/>
  <c r="AC98521" i="1"/>
  <c r="AC98522" i="1"/>
  <c r="AC98523" i="1"/>
  <c r="AC98524" i="1"/>
  <c r="AC98525" i="1"/>
  <c r="AC98526" i="1"/>
  <c r="AC98527" i="1"/>
  <c r="AC98528" i="1"/>
  <c r="AC98529" i="1"/>
  <c r="AC98530" i="1"/>
  <c r="AC98531" i="1"/>
  <c r="AC98532" i="1"/>
  <c r="AC98533" i="1"/>
  <c r="AC98534" i="1"/>
  <c r="AC98535" i="1"/>
  <c r="AC98536" i="1"/>
  <c r="AC98537" i="1"/>
  <c r="AC98538" i="1"/>
  <c r="AC98539" i="1"/>
  <c r="AC98540" i="1"/>
  <c r="AC98541" i="1"/>
  <c r="AC98542" i="1"/>
  <c r="AC98543" i="1"/>
  <c r="AC98544" i="1"/>
  <c r="AC98545" i="1"/>
  <c r="AC98546" i="1"/>
  <c r="AC98547" i="1"/>
  <c r="AC98548" i="1"/>
  <c r="AC98549" i="1"/>
  <c r="AC98550" i="1"/>
  <c r="AC98551" i="1"/>
  <c r="AC98552" i="1"/>
  <c r="AC98553" i="1"/>
  <c r="AC98554" i="1"/>
  <c r="AC98555" i="1"/>
  <c r="AC98556" i="1"/>
  <c r="AC98557" i="1"/>
  <c r="AC98558" i="1"/>
  <c r="AC98559" i="1"/>
  <c r="AC98560" i="1"/>
  <c r="AC98561" i="1"/>
  <c r="AC98562" i="1"/>
  <c r="AC98563" i="1"/>
  <c r="AC98564" i="1"/>
  <c r="AC98565" i="1"/>
  <c r="AC98566" i="1"/>
  <c r="AC98567" i="1"/>
  <c r="AC98568" i="1"/>
  <c r="AC98569" i="1"/>
  <c r="AC98570" i="1"/>
  <c r="AC98571" i="1"/>
  <c r="AC98572" i="1"/>
  <c r="AC98573" i="1"/>
  <c r="AC98574" i="1"/>
  <c r="AC98575" i="1"/>
  <c r="AC98576" i="1"/>
  <c r="AC98577" i="1"/>
  <c r="AC98578" i="1"/>
  <c r="AC98579" i="1"/>
  <c r="AC98580" i="1"/>
  <c r="AC98581" i="1"/>
  <c r="AC98582" i="1"/>
  <c r="AC98583" i="1"/>
  <c r="AC98584" i="1"/>
  <c r="AC98585" i="1"/>
  <c r="AC98586" i="1"/>
  <c r="AC98587" i="1"/>
  <c r="AC98588" i="1"/>
  <c r="AC98589" i="1"/>
  <c r="AC98590" i="1"/>
  <c r="AC98591" i="1"/>
  <c r="AC98592" i="1"/>
  <c r="AC98593" i="1"/>
  <c r="AC98594" i="1"/>
  <c r="AC98595" i="1"/>
  <c r="AC98596" i="1"/>
  <c r="AC98597" i="1"/>
  <c r="AC98598" i="1"/>
  <c r="AC98599" i="1"/>
  <c r="AC98600" i="1"/>
  <c r="AC98601" i="1"/>
  <c r="AC98602" i="1"/>
  <c r="AC98603" i="1"/>
  <c r="AC98604" i="1"/>
  <c r="AC98605" i="1"/>
  <c r="AC98606" i="1"/>
  <c r="AC98607" i="1"/>
  <c r="AC98608" i="1"/>
  <c r="AC98609" i="1"/>
  <c r="AC98610" i="1"/>
  <c r="AC98611" i="1"/>
  <c r="AC98612" i="1"/>
  <c r="AC98613" i="1"/>
  <c r="AC98614" i="1"/>
  <c r="AC98615" i="1"/>
  <c r="AC98616" i="1"/>
  <c r="AC98617" i="1"/>
  <c r="AC98618" i="1"/>
  <c r="AC98619" i="1"/>
  <c r="AC98620" i="1"/>
  <c r="AC98621" i="1"/>
  <c r="AC98622" i="1"/>
  <c r="AC98623" i="1"/>
  <c r="AC98624" i="1"/>
  <c r="AC98625" i="1"/>
  <c r="AC98626" i="1"/>
  <c r="AC98627" i="1"/>
  <c r="AC98628" i="1"/>
  <c r="AC98629" i="1"/>
  <c r="AC98630" i="1"/>
  <c r="AC98631" i="1"/>
  <c r="AC98632" i="1"/>
  <c r="AC98633" i="1"/>
  <c r="AC98634" i="1"/>
  <c r="AC98635" i="1"/>
  <c r="AC98636" i="1"/>
  <c r="AC98637" i="1"/>
  <c r="AC98638" i="1"/>
  <c r="AC98639" i="1"/>
  <c r="AC98640" i="1"/>
  <c r="AC98641" i="1"/>
  <c r="AC98642" i="1"/>
  <c r="AC98643" i="1"/>
  <c r="AC98644" i="1"/>
  <c r="AC98645" i="1"/>
  <c r="AC98646" i="1"/>
  <c r="AC98647" i="1"/>
  <c r="AC98648" i="1"/>
  <c r="AC98649" i="1"/>
  <c r="AC98650" i="1"/>
  <c r="AC98651" i="1"/>
  <c r="AC98652" i="1"/>
  <c r="AC98653" i="1"/>
  <c r="AC98654" i="1"/>
  <c r="AC98655" i="1"/>
  <c r="AC98656" i="1"/>
  <c r="AC98657" i="1"/>
  <c r="AC98658" i="1"/>
  <c r="AC98659" i="1"/>
  <c r="AC98660" i="1"/>
  <c r="AC98661" i="1"/>
  <c r="AC98662" i="1"/>
  <c r="AC98663" i="1"/>
  <c r="AC98664" i="1"/>
  <c r="AC98665" i="1"/>
  <c r="AC98666" i="1"/>
  <c r="AC98667" i="1"/>
  <c r="AC98668" i="1"/>
  <c r="AC98669" i="1"/>
  <c r="AC98670" i="1"/>
  <c r="AC98671" i="1"/>
  <c r="AC98672" i="1"/>
  <c r="AC98673" i="1"/>
  <c r="AC98674" i="1"/>
  <c r="AC98675" i="1"/>
  <c r="AC98676" i="1"/>
  <c r="AC98677" i="1"/>
  <c r="AC98678" i="1"/>
  <c r="AC98679" i="1"/>
  <c r="AC98680" i="1"/>
  <c r="AC98681" i="1"/>
  <c r="AC98682" i="1"/>
  <c r="AC98683" i="1"/>
  <c r="AC98684" i="1"/>
  <c r="AC98685" i="1"/>
  <c r="AC98686" i="1"/>
  <c r="AC98687" i="1"/>
  <c r="AC98688" i="1"/>
  <c r="AC98689" i="1"/>
  <c r="AC98690" i="1"/>
  <c r="AC98691" i="1"/>
  <c r="AC98692" i="1"/>
  <c r="AC98693" i="1"/>
  <c r="AC98694" i="1"/>
  <c r="AC98695" i="1"/>
  <c r="AC98696" i="1"/>
  <c r="AC98697" i="1"/>
  <c r="AC98698" i="1"/>
  <c r="AC98699" i="1"/>
  <c r="AC98700" i="1"/>
  <c r="AC98701" i="1"/>
  <c r="AC98702" i="1"/>
  <c r="AC98703" i="1"/>
  <c r="AC98704" i="1"/>
  <c r="AC98705" i="1"/>
  <c r="AC98706" i="1"/>
  <c r="AC98707" i="1"/>
  <c r="AC98708" i="1"/>
  <c r="AC98709" i="1"/>
  <c r="AC98710" i="1"/>
  <c r="AC98711" i="1"/>
  <c r="AC98712" i="1"/>
  <c r="AC98713" i="1"/>
  <c r="AC98714" i="1"/>
  <c r="AC98715" i="1"/>
  <c r="AC98716" i="1"/>
  <c r="AC98717" i="1"/>
  <c r="AC98718" i="1"/>
  <c r="AC98719" i="1"/>
  <c r="AC98720" i="1"/>
  <c r="AC98721" i="1"/>
  <c r="AC98722" i="1"/>
  <c r="AC98723" i="1"/>
  <c r="AC98724" i="1"/>
  <c r="AC98725" i="1"/>
  <c r="AC98726" i="1"/>
  <c r="AC98727" i="1"/>
  <c r="AC98728" i="1"/>
  <c r="AC98729" i="1"/>
  <c r="AC98730" i="1"/>
  <c r="AC98731" i="1"/>
  <c r="AC98732" i="1"/>
  <c r="AC98733" i="1"/>
  <c r="AC98734" i="1"/>
  <c r="AC98735" i="1"/>
  <c r="AC98736" i="1"/>
  <c r="AC98737" i="1"/>
  <c r="AC98738" i="1"/>
  <c r="AC98739" i="1"/>
  <c r="AC98740" i="1"/>
  <c r="AC98741" i="1"/>
  <c r="AC98742" i="1"/>
  <c r="AC98743" i="1"/>
  <c r="AC98744" i="1"/>
  <c r="AC98745" i="1"/>
  <c r="AC98746" i="1"/>
  <c r="AC98747" i="1"/>
  <c r="AC98748" i="1"/>
  <c r="AC98749" i="1"/>
  <c r="AC98750" i="1"/>
  <c r="AC98751" i="1"/>
  <c r="AC98752" i="1"/>
  <c r="AC98753" i="1"/>
  <c r="AC98754" i="1"/>
  <c r="AC98755" i="1"/>
  <c r="AC98756" i="1"/>
  <c r="AC98757" i="1"/>
  <c r="AC98758" i="1"/>
  <c r="AC98759" i="1"/>
  <c r="AC98760" i="1"/>
  <c r="AC98761" i="1"/>
  <c r="AC98762" i="1"/>
  <c r="AC98763" i="1"/>
  <c r="AC98764" i="1"/>
  <c r="AC98765" i="1"/>
  <c r="AC98766" i="1"/>
  <c r="AC98767" i="1"/>
  <c r="AC98768" i="1"/>
  <c r="AC98769" i="1"/>
  <c r="AC98770" i="1"/>
  <c r="AC98771" i="1"/>
  <c r="AC98772" i="1"/>
  <c r="AC98773" i="1"/>
  <c r="AC98774" i="1"/>
  <c r="AC98775" i="1"/>
  <c r="AC98776" i="1"/>
  <c r="AC98777" i="1"/>
  <c r="AC98778" i="1"/>
  <c r="AC98779" i="1"/>
  <c r="AC98780" i="1"/>
  <c r="AC98781" i="1"/>
  <c r="AC98782" i="1"/>
  <c r="AC98783" i="1"/>
  <c r="AC98784" i="1"/>
  <c r="AC98785" i="1"/>
  <c r="AC98786" i="1"/>
  <c r="AC98787" i="1"/>
  <c r="AC98788" i="1"/>
  <c r="AC98789" i="1"/>
  <c r="AC98790" i="1"/>
  <c r="AC98791" i="1"/>
  <c r="AC98792" i="1"/>
  <c r="AC98793" i="1"/>
  <c r="AC98794" i="1"/>
  <c r="AC98795" i="1"/>
  <c r="AC98796" i="1"/>
  <c r="AC98797" i="1"/>
  <c r="AC98798" i="1"/>
  <c r="AC98799" i="1"/>
  <c r="AC98800" i="1"/>
  <c r="AC98801" i="1"/>
  <c r="AC98802" i="1"/>
  <c r="AC98803" i="1"/>
  <c r="AC98804" i="1"/>
  <c r="AC98805" i="1"/>
  <c r="AC98806" i="1"/>
  <c r="AC98807" i="1"/>
  <c r="AC98808" i="1"/>
  <c r="AC98809" i="1"/>
  <c r="AC98810" i="1"/>
  <c r="AC98811" i="1"/>
  <c r="AC98812" i="1"/>
  <c r="AC98813" i="1"/>
  <c r="AC98814" i="1"/>
  <c r="AC98815" i="1"/>
  <c r="AC98816" i="1"/>
  <c r="AC98817" i="1"/>
  <c r="AC98818" i="1"/>
  <c r="AC98819" i="1"/>
  <c r="AC98820" i="1"/>
  <c r="AC98821" i="1"/>
  <c r="AC98822" i="1"/>
  <c r="AC98823" i="1"/>
  <c r="AC98824" i="1"/>
  <c r="AC98825" i="1"/>
  <c r="AC98826" i="1"/>
  <c r="AC98827" i="1"/>
  <c r="AC98828" i="1"/>
  <c r="AC98829" i="1"/>
  <c r="AC98830" i="1"/>
  <c r="AC98831" i="1"/>
  <c r="AC98832" i="1"/>
  <c r="AC98833" i="1"/>
  <c r="AC98834" i="1"/>
  <c r="AC98835" i="1"/>
  <c r="AC98836" i="1"/>
  <c r="AC98837" i="1"/>
  <c r="AC98838" i="1"/>
  <c r="AC98839" i="1"/>
  <c r="AC98840" i="1"/>
  <c r="AC98841" i="1"/>
  <c r="AC98842" i="1"/>
  <c r="AC98843" i="1"/>
  <c r="AC98844" i="1"/>
  <c r="AC98845" i="1"/>
  <c r="AC98846" i="1"/>
  <c r="AC98847" i="1"/>
  <c r="AC98848" i="1"/>
  <c r="AC98849" i="1"/>
  <c r="AC98850" i="1"/>
  <c r="AC98851" i="1"/>
  <c r="AC98852" i="1"/>
  <c r="AC98853" i="1"/>
  <c r="AC98854" i="1"/>
  <c r="AC98855" i="1"/>
  <c r="AC98856" i="1"/>
  <c r="AC98857" i="1"/>
  <c r="AC98858" i="1"/>
  <c r="AC98859" i="1"/>
  <c r="AC98860" i="1"/>
  <c r="AC98861" i="1"/>
  <c r="AC98862" i="1"/>
  <c r="AC98863" i="1"/>
  <c r="AC98864" i="1"/>
  <c r="AC98865" i="1"/>
  <c r="AC98866" i="1"/>
  <c r="AC98867" i="1"/>
  <c r="AC98868" i="1"/>
  <c r="AC98869" i="1"/>
  <c r="AC98870" i="1"/>
  <c r="AC98871" i="1"/>
  <c r="AC98872" i="1"/>
  <c r="AC98873" i="1"/>
  <c r="AC98874" i="1"/>
  <c r="AC98875" i="1"/>
  <c r="AC98876" i="1"/>
  <c r="AC98877" i="1"/>
  <c r="AC98878" i="1"/>
  <c r="AC98879" i="1"/>
  <c r="AC98880" i="1"/>
  <c r="AC98881" i="1"/>
  <c r="AC98882" i="1"/>
  <c r="AC98883" i="1"/>
  <c r="AC98884" i="1"/>
  <c r="AC98885" i="1"/>
  <c r="AC98886" i="1"/>
  <c r="AC98887" i="1"/>
  <c r="AC98888" i="1"/>
  <c r="AC98889" i="1"/>
  <c r="AC98890" i="1"/>
  <c r="AC98891" i="1"/>
  <c r="AC98892" i="1"/>
  <c r="AC98893" i="1"/>
  <c r="AC98894" i="1"/>
  <c r="AC98895" i="1"/>
  <c r="AC98896" i="1"/>
  <c r="AC98897" i="1"/>
  <c r="AC98898" i="1"/>
  <c r="AC98899" i="1"/>
  <c r="AC98900" i="1"/>
  <c r="AC98901" i="1"/>
  <c r="AC98902" i="1"/>
  <c r="AC98903" i="1"/>
  <c r="AC98904" i="1"/>
  <c r="AC98905" i="1"/>
  <c r="AC98906" i="1"/>
  <c r="AC98907" i="1"/>
  <c r="AC98908" i="1"/>
  <c r="AC98909" i="1"/>
  <c r="AC98910" i="1"/>
  <c r="AC98911" i="1"/>
  <c r="AC98912" i="1"/>
  <c r="AC98913" i="1"/>
  <c r="AC98914" i="1"/>
  <c r="AC98915" i="1"/>
  <c r="AC98916" i="1"/>
  <c r="AC98917" i="1"/>
  <c r="AC98918" i="1"/>
  <c r="AC98919" i="1"/>
  <c r="AC98920" i="1"/>
  <c r="AC98921" i="1"/>
  <c r="AC98922" i="1"/>
  <c r="AC98923" i="1"/>
  <c r="AC98924" i="1"/>
  <c r="AC98925" i="1"/>
  <c r="AC98926" i="1"/>
  <c r="AC98927" i="1"/>
  <c r="AC98928" i="1"/>
  <c r="AC98929" i="1"/>
  <c r="AC98930" i="1"/>
  <c r="AC98931" i="1"/>
  <c r="AC98932" i="1"/>
  <c r="AC98933" i="1"/>
  <c r="AC98934" i="1"/>
  <c r="AC98935" i="1"/>
  <c r="AC98936" i="1"/>
  <c r="AC98937" i="1"/>
  <c r="AC98938" i="1"/>
  <c r="AC98939" i="1"/>
  <c r="AC98940" i="1"/>
  <c r="AC98941" i="1"/>
  <c r="AC98942" i="1"/>
  <c r="AC98943" i="1"/>
  <c r="AC98944" i="1"/>
  <c r="AC98945" i="1"/>
  <c r="AC98946" i="1"/>
  <c r="AC98947" i="1"/>
  <c r="AC98948" i="1"/>
  <c r="AC98949" i="1"/>
  <c r="AC98950" i="1"/>
  <c r="AC98951" i="1"/>
  <c r="AC98952" i="1"/>
  <c r="AC98953" i="1"/>
  <c r="AC98954" i="1"/>
  <c r="AC98955" i="1"/>
  <c r="AC98956" i="1"/>
  <c r="AC98957" i="1"/>
  <c r="AC98958" i="1"/>
  <c r="AC98959" i="1"/>
  <c r="AC98960" i="1"/>
  <c r="AC98961" i="1"/>
  <c r="AC98962" i="1"/>
  <c r="AC98963" i="1"/>
  <c r="AC98964" i="1"/>
  <c r="AC98965" i="1"/>
  <c r="AC98966" i="1"/>
  <c r="AC98967" i="1"/>
  <c r="AC98968" i="1"/>
  <c r="AC98969" i="1"/>
  <c r="AC98970" i="1"/>
  <c r="AC98971" i="1"/>
  <c r="AC98972" i="1"/>
  <c r="AC98973" i="1"/>
  <c r="AC98974" i="1"/>
  <c r="AC98975" i="1"/>
  <c r="AC98976" i="1"/>
  <c r="AC98977" i="1"/>
  <c r="AC98978" i="1"/>
  <c r="AC98979" i="1"/>
  <c r="AC98980" i="1"/>
  <c r="AC98981" i="1"/>
  <c r="AC98982" i="1"/>
  <c r="AC98983" i="1"/>
  <c r="AC98984" i="1"/>
  <c r="AC98985" i="1"/>
  <c r="AC98986" i="1"/>
  <c r="AC98987" i="1"/>
  <c r="AC98988" i="1"/>
  <c r="AC98989" i="1"/>
  <c r="AC98990" i="1"/>
  <c r="AC98991" i="1"/>
  <c r="AC98992" i="1"/>
  <c r="AC98993" i="1"/>
  <c r="AC98994" i="1"/>
  <c r="AC98995" i="1"/>
  <c r="AC98996" i="1"/>
  <c r="AC98997" i="1"/>
  <c r="AC98998" i="1"/>
  <c r="AC98999" i="1"/>
  <c r="AC99000" i="1"/>
  <c r="AC99001" i="1"/>
  <c r="AC99002" i="1"/>
  <c r="AC99003" i="1"/>
  <c r="AC99004" i="1"/>
  <c r="AC99005" i="1"/>
  <c r="AC99006" i="1"/>
  <c r="AC99007" i="1"/>
  <c r="AC99008" i="1"/>
  <c r="AC99009" i="1"/>
  <c r="AC99010" i="1"/>
  <c r="AC99011" i="1"/>
  <c r="AC99012" i="1"/>
  <c r="AC99013" i="1"/>
  <c r="AC99014" i="1"/>
  <c r="AC99015" i="1"/>
  <c r="AC99016" i="1"/>
  <c r="AC99017" i="1"/>
  <c r="AC99018" i="1"/>
  <c r="AC99019" i="1"/>
  <c r="AC99020" i="1"/>
  <c r="AC99021" i="1"/>
  <c r="AC99022" i="1"/>
  <c r="AC99023" i="1"/>
  <c r="AC99024" i="1"/>
  <c r="AC99025" i="1"/>
  <c r="AC99026" i="1"/>
  <c r="AC99027" i="1"/>
  <c r="AC99028" i="1"/>
  <c r="AC99029" i="1"/>
  <c r="AC99030" i="1"/>
  <c r="AC99031" i="1"/>
  <c r="AC99032" i="1"/>
  <c r="AC99033" i="1"/>
  <c r="AC99034" i="1"/>
  <c r="AC99035" i="1"/>
  <c r="AC99036" i="1"/>
  <c r="AC99037" i="1"/>
  <c r="AC99038" i="1"/>
  <c r="AC99039" i="1"/>
  <c r="AC99040" i="1"/>
  <c r="AC99041" i="1"/>
  <c r="AC99042" i="1"/>
  <c r="AC99043" i="1"/>
  <c r="AC99044" i="1"/>
  <c r="AC99045" i="1"/>
  <c r="AC99046" i="1"/>
  <c r="AC99047" i="1"/>
  <c r="AC99048" i="1"/>
  <c r="AC99049" i="1"/>
  <c r="AC99050" i="1"/>
  <c r="AC99051" i="1"/>
  <c r="AC99052" i="1"/>
  <c r="AC99053" i="1"/>
  <c r="AC99054" i="1"/>
  <c r="AC99055" i="1"/>
  <c r="AC99056" i="1"/>
  <c r="AC99057" i="1"/>
  <c r="AC99058" i="1"/>
  <c r="AC99059" i="1"/>
  <c r="AC99060" i="1"/>
  <c r="AC99061" i="1"/>
  <c r="AC99062" i="1"/>
  <c r="AC99063" i="1"/>
  <c r="AC99064" i="1"/>
  <c r="AC99065" i="1"/>
  <c r="AC99066" i="1"/>
  <c r="AC99067" i="1"/>
  <c r="AC99068" i="1"/>
  <c r="AC99069" i="1"/>
  <c r="AC99070" i="1"/>
  <c r="AC99071" i="1"/>
  <c r="AC99072" i="1"/>
  <c r="AC99073" i="1"/>
  <c r="AC99074" i="1"/>
  <c r="AC99075" i="1"/>
  <c r="AC99076" i="1"/>
  <c r="AC99077" i="1"/>
  <c r="AC99078" i="1"/>
  <c r="AC99079" i="1"/>
  <c r="AC99080" i="1"/>
  <c r="AC99081" i="1"/>
  <c r="AC99082" i="1"/>
  <c r="AC99083" i="1"/>
  <c r="AC99084" i="1"/>
  <c r="AC99085" i="1"/>
  <c r="AC99086" i="1"/>
  <c r="AC99087" i="1"/>
  <c r="AC99088" i="1"/>
  <c r="AC99089" i="1"/>
  <c r="AC99090" i="1"/>
  <c r="AC99091" i="1"/>
  <c r="AC99092" i="1"/>
  <c r="AC99093" i="1"/>
  <c r="AC99094" i="1"/>
  <c r="AC99095" i="1"/>
  <c r="AC99096" i="1"/>
  <c r="AC99097" i="1"/>
  <c r="AC99098" i="1"/>
  <c r="AC99099" i="1"/>
  <c r="AC99100" i="1"/>
  <c r="AC99101" i="1"/>
  <c r="AC99102" i="1"/>
  <c r="AC99103" i="1"/>
  <c r="AC99104" i="1"/>
  <c r="AC99105" i="1"/>
  <c r="AC99106" i="1"/>
  <c r="AC99107" i="1"/>
  <c r="AC99108" i="1"/>
  <c r="AC99109" i="1"/>
  <c r="AC99110" i="1"/>
  <c r="AC99111" i="1"/>
  <c r="AC99112" i="1"/>
  <c r="AC99113" i="1"/>
  <c r="AC99114" i="1"/>
  <c r="AC99115" i="1"/>
  <c r="AC99116" i="1"/>
  <c r="AC99117" i="1"/>
  <c r="AC99118" i="1"/>
  <c r="AC99119" i="1"/>
  <c r="AC99120" i="1"/>
  <c r="AC99121" i="1"/>
  <c r="AC99122" i="1"/>
  <c r="AC99123" i="1"/>
  <c r="AC99124" i="1"/>
  <c r="AC99125" i="1"/>
  <c r="AC99126" i="1"/>
  <c r="AC99127" i="1"/>
  <c r="AC99128" i="1"/>
  <c r="AC99129" i="1"/>
  <c r="AC99130" i="1"/>
  <c r="AC99131" i="1"/>
  <c r="AC99132" i="1"/>
  <c r="AC99133" i="1"/>
  <c r="AC99134" i="1"/>
  <c r="AC99135" i="1"/>
  <c r="AC99136" i="1"/>
  <c r="AC99137" i="1"/>
  <c r="AC99138" i="1"/>
  <c r="AC99139" i="1"/>
  <c r="AC99140" i="1"/>
  <c r="AC99141" i="1"/>
  <c r="AC99142" i="1"/>
  <c r="AC99143" i="1"/>
  <c r="AC99144" i="1"/>
  <c r="AC99145" i="1"/>
  <c r="AC99146" i="1"/>
  <c r="AC99147" i="1"/>
  <c r="AC99148" i="1"/>
  <c r="AC99149" i="1"/>
  <c r="AC99150" i="1"/>
  <c r="AC99151" i="1"/>
  <c r="AC99152" i="1"/>
  <c r="AC99153" i="1"/>
  <c r="AC99154" i="1"/>
  <c r="AC99155" i="1"/>
  <c r="AC99156" i="1"/>
  <c r="AC99157" i="1"/>
  <c r="AC99158" i="1"/>
  <c r="AC99159" i="1"/>
  <c r="AC99160" i="1"/>
  <c r="AC99161" i="1"/>
  <c r="AC99162" i="1"/>
  <c r="AC99163" i="1"/>
  <c r="AC99164" i="1"/>
  <c r="AC99165" i="1"/>
  <c r="AC99166" i="1"/>
  <c r="AC99167" i="1"/>
  <c r="AC99168" i="1"/>
  <c r="AC99169" i="1"/>
  <c r="AC99170" i="1"/>
  <c r="AC99171" i="1"/>
  <c r="AC99172" i="1"/>
  <c r="AC99173" i="1"/>
  <c r="AC99174" i="1"/>
  <c r="AC99175" i="1"/>
  <c r="AC99176" i="1"/>
  <c r="AC99177" i="1"/>
  <c r="AC99178" i="1"/>
  <c r="AC99179" i="1"/>
  <c r="AC99180" i="1"/>
  <c r="AC99181" i="1"/>
  <c r="AC99182" i="1"/>
  <c r="AC99183" i="1"/>
  <c r="AC99184" i="1"/>
  <c r="AC99185" i="1"/>
  <c r="AC99186" i="1"/>
  <c r="AC99187" i="1"/>
  <c r="AC99188" i="1"/>
  <c r="AC99189" i="1"/>
  <c r="AC99190" i="1"/>
  <c r="AC99191" i="1"/>
  <c r="AC99192" i="1"/>
  <c r="AC99193" i="1"/>
  <c r="AC99194" i="1"/>
  <c r="AC99195" i="1"/>
  <c r="AC99196" i="1"/>
  <c r="AC99197" i="1"/>
  <c r="AC99198" i="1"/>
  <c r="AC99199" i="1"/>
  <c r="AC99200" i="1"/>
  <c r="AC99201" i="1"/>
  <c r="AC99202" i="1"/>
  <c r="AC99203" i="1"/>
  <c r="AC99204" i="1"/>
  <c r="AC99205" i="1"/>
  <c r="AC99206" i="1"/>
  <c r="AC99207" i="1"/>
  <c r="AC99208" i="1"/>
  <c r="AC99209" i="1"/>
  <c r="AC99210" i="1"/>
  <c r="AC99211" i="1"/>
  <c r="AC99212" i="1"/>
  <c r="AC99213" i="1"/>
  <c r="AC99214" i="1"/>
  <c r="AC99215" i="1"/>
  <c r="AC99216" i="1"/>
  <c r="AC99217" i="1"/>
  <c r="AC99218" i="1"/>
  <c r="AC99219" i="1"/>
  <c r="AC99220" i="1"/>
  <c r="AC99221" i="1"/>
  <c r="AC99222" i="1"/>
  <c r="AC99223" i="1"/>
  <c r="AC99224" i="1"/>
  <c r="AC99225" i="1"/>
  <c r="AC99226" i="1"/>
  <c r="AC99227" i="1"/>
  <c r="AC99228" i="1"/>
  <c r="AC99229" i="1"/>
  <c r="AC99230" i="1"/>
  <c r="AC99231" i="1"/>
  <c r="AC99232" i="1"/>
  <c r="AC99233" i="1"/>
  <c r="AC99234" i="1"/>
  <c r="AC99235" i="1"/>
  <c r="AC99236" i="1"/>
  <c r="AC99237" i="1"/>
  <c r="AC99238" i="1"/>
  <c r="AC99239" i="1"/>
  <c r="AC99240" i="1"/>
  <c r="AC99241" i="1"/>
  <c r="AC99242" i="1"/>
  <c r="AC99243" i="1"/>
  <c r="AC99244" i="1"/>
  <c r="AC99245" i="1"/>
  <c r="AC99246" i="1"/>
  <c r="AC99247" i="1"/>
  <c r="AC99248" i="1"/>
  <c r="AC99249" i="1"/>
  <c r="AC99250" i="1"/>
  <c r="AC99251" i="1"/>
  <c r="AC99252" i="1"/>
  <c r="AC99253" i="1"/>
  <c r="AC99254" i="1"/>
  <c r="AC99255" i="1"/>
  <c r="AC99256" i="1"/>
  <c r="AC99257" i="1"/>
  <c r="AC99258" i="1"/>
  <c r="AC99259" i="1"/>
  <c r="AC99260" i="1"/>
  <c r="AC99261" i="1"/>
  <c r="AC99262" i="1"/>
  <c r="AC99263" i="1"/>
  <c r="AC99264" i="1"/>
  <c r="AC99265" i="1"/>
  <c r="AC99266" i="1"/>
  <c r="AC99267" i="1"/>
  <c r="AC99268" i="1"/>
  <c r="AC99269" i="1"/>
  <c r="AC99270" i="1"/>
  <c r="AC99271" i="1"/>
  <c r="AC99272" i="1"/>
  <c r="AC99273" i="1"/>
  <c r="AC99274" i="1"/>
  <c r="AC99275" i="1"/>
  <c r="AC99276" i="1"/>
  <c r="AC99277" i="1"/>
  <c r="AC99278" i="1"/>
  <c r="AC99279" i="1"/>
  <c r="AC99280" i="1"/>
  <c r="AC99281" i="1"/>
  <c r="AC99282" i="1"/>
  <c r="AC99283" i="1"/>
  <c r="AC99284" i="1"/>
  <c r="AC99285" i="1"/>
  <c r="AC99286" i="1"/>
  <c r="AC99287" i="1"/>
  <c r="AC99288" i="1"/>
  <c r="AC99289" i="1"/>
  <c r="AC99290" i="1"/>
  <c r="AC99291" i="1"/>
  <c r="AC99292" i="1"/>
  <c r="AC99293" i="1"/>
  <c r="AC99294" i="1"/>
  <c r="AC99295" i="1"/>
  <c r="AC99296" i="1"/>
  <c r="AC99297" i="1"/>
  <c r="AC99298" i="1"/>
  <c r="AC99299" i="1"/>
  <c r="AC99300" i="1"/>
  <c r="AC99301" i="1"/>
  <c r="AC99302" i="1"/>
  <c r="AC99303" i="1"/>
  <c r="AC99304" i="1"/>
  <c r="AC99305" i="1"/>
  <c r="AC99306" i="1"/>
  <c r="AC99307" i="1"/>
  <c r="AC99308" i="1"/>
  <c r="AC99309" i="1"/>
  <c r="AC99310" i="1"/>
  <c r="AC99311" i="1"/>
  <c r="AC99312" i="1"/>
  <c r="AC99313" i="1"/>
  <c r="AC99314" i="1"/>
  <c r="AC99315" i="1"/>
  <c r="AC99316" i="1"/>
  <c r="AC99317" i="1"/>
  <c r="AC99318" i="1"/>
  <c r="AC99319" i="1"/>
  <c r="AC99320" i="1"/>
  <c r="AC99321" i="1"/>
  <c r="AC99322" i="1"/>
  <c r="AC99323" i="1"/>
  <c r="AC99324" i="1"/>
  <c r="AC99325" i="1"/>
  <c r="AC99326" i="1"/>
  <c r="AC99327" i="1"/>
  <c r="AC99328" i="1"/>
  <c r="AC99329" i="1"/>
  <c r="AC99330" i="1"/>
  <c r="AC99331" i="1"/>
  <c r="AC99332" i="1"/>
  <c r="AC99333" i="1"/>
  <c r="AC99334" i="1"/>
  <c r="AC99335" i="1"/>
  <c r="AC99336" i="1"/>
  <c r="AC99337" i="1"/>
  <c r="AC99338" i="1"/>
  <c r="AC99339" i="1"/>
  <c r="AC99340" i="1"/>
  <c r="AC99341" i="1"/>
  <c r="AC99342" i="1"/>
  <c r="AC99343" i="1"/>
  <c r="AC99344" i="1"/>
  <c r="AC99345" i="1"/>
  <c r="AC99346" i="1"/>
  <c r="AC99347" i="1"/>
  <c r="AC99348" i="1"/>
  <c r="AC99349" i="1"/>
  <c r="AC99350" i="1"/>
  <c r="AC99351" i="1"/>
  <c r="AC99352" i="1"/>
  <c r="AC99353" i="1"/>
  <c r="AC99354" i="1"/>
  <c r="AC99355" i="1"/>
  <c r="AC99356" i="1"/>
  <c r="AC99357" i="1"/>
  <c r="AC99358" i="1"/>
  <c r="AC99359" i="1"/>
  <c r="AC99360" i="1"/>
  <c r="AC99361" i="1"/>
  <c r="AC99362" i="1"/>
  <c r="AC99363" i="1"/>
  <c r="AC99364" i="1"/>
  <c r="AC99365" i="1"/>
  <c r="AC99366" i="1"/>
  <c r="AC99367" i="1"/>
  <c r="AC99368" i="1"/>
  <c r="AC99369" i="1"/>
  <c r="AC99370" i="1"/>
  <c r="AC99371" i="1"/>
  <c r="AC99372" i="1"/>
  <c r="AC99373" i="1"/>
  <c r="AC99374" i="1"/>
  <c r="AC99375" i="1"/>
  <c r="AC99376" i="1"/>
  <c r="AC99377" i="1"/>
  <c r="AC99378" i="1"/>
  <c r="AC99379" i="1"/>
  <c r="AC99380" i="1"/>
  <c r="AC99381" i="1"/>
  <c r="AC99382" i="1"/>
  <c r="AC99383" i="1"/>
  <c r="AC99384" i="1"/>
  <c r="AC99385" i="1"/>
  <c r="AC99386" i="1"/>
  <c r="AC99387" i="1"/>
  <c r="AC99388" i="1"/>
  <c r="AC99389" i="1"/>
  <c r="AC99390" i="1"/>
  <c r="AC99391" i="1"/>
  <c r="AC99392" i="1"/>
  <c r="AC99393" i="1"/>
  <c r="AC99394" i="1"/>
  <c r="AC99395" i="1"/>
  <c r="AC99396" i="1"/>
  <c r="AC99397" i="1"/>
  <c r="AC99398" i="1"/>
  <c r="AC99399" i="1"/>
  <c r="AC99400" i="1"/>
  <c r="AC99401" i="1"/>
  <c r="AC99402" i="1"/>
  <c r="AC99403" i="1"/>
  <c r="AC99404" i="1"/>
  <c r="AC99405" i="1"/>
  <c r="AC99406" i="1"/>
  <c r="AC99407" i="1"/>
  <c r="AC99408" i="1"/>
  <c r="AC99409" i="1"/>
  <c r="AC99410" i="1"/>
  <c r="AC99411" i="1"/>
  <c r="AC99412" i="1"/>
  <c r="AC99413" i="1"/>
  <c r="AC99414" i="1"/>
  <c r="AC99415" i="1"/>
  <c r="AC99416" i="1"/>
  <c r="AC99417" i="1"/>
  <c r="AC99418" i="1"/>
  <c r="AC99419" i="1"/>
  <c r="AC99420" i="1"/>
  <c r="AC99421" i="1"/>
  <c r="AC99422" i="1"/>
  <c r="AC99423" i="1"/>
  <c r="AC99424" i="1"/>
  <c r="AC99425" i="1"/>
  <c r="AC99426" i="1"/>
  <c r="AC99427" i="1"/>
  <c r="AC99428" i="1"/>
  <c r="AC99429" i="1"/>
  <c r="AC99430" i="1"/>
  <c r="AC99431" i="1"/>
  <c r="AC99432" i="1"/>
  <c r="AC99433" i="1"/>
  <c r="AC99434" i="1"/>
  <c r="AC99435" i="1"/>
  <c r="AC99436" i="1"/>
  <c r="AC99437" i="1"/>
  <c r="AC99438" i="1"/>
  <c r="AC99439" i="1"/>
  <c r="AC99440" i="1"/>
  <c r="AC99441" i="1"/>
  <c r="AC99442" i="1"/>
  <c r="AC99443" i="1"/>
  <c r="AC99444" i="1"/>
  <c r="AC99445" i="1"/>
  <c r="AC99446" i="1"/>
  <c r="AC99447" i="1"/>
  <c r="AC99448" i="1"/>
  <c r="AC99449" i="1"/>
  <c r="AC99450" i="1"/>
  <c r="AC99451" i="1"/>
  <c r="AC99452" i="1"/>
  <c r="AC99453" i="1"/>
  <c r="AC99454" i="1"/>
  <c r="AC99455" i="1"/>
  <c r="AC99456" i="1"/>
  <c r="AC99457" i="1"/>
  <c r="AC99458" i="1"/>
  <c r="AC99459" i="1"/>
  <c r="AC99460" i="1"/>
  <c r="AC99461" i="1"/>
  <c r="AC99462" i="1"/>
  <c r="AC99463" i="1"/>
  <c r="AC99464" i="1"/>
  <c r="AC99465" i="1"/>
  <c r="AC99466" i="1"/>
  <c r="AC99467" i="1"/>
  <c r="AC99468" i="1"/>
  <c r="AC99469" i="1"/>
  <c r="AC99470" i="1"/>
  <c r="AC99471" i="1"/>
  <c r="AC99472" i="1"/>
  <c r="AC99473" i="1"/>
  <c r="AC99474" i="1"/>
  <c r="AC99475" i="1"/>
  <c r="AC99476" i="1"/>
  <c r="AC99477" i="1"/>
  <c r="AC99478" i="1"/>
  <c r="AC99479" i="1"/>
  <c r="AC99480" i="1"/>
  <c r="AC99481" i="1"/>
  <c r="AC99482" i="1"/>
  <c r="AC99483" i="1"/>
  <c r="AC99484" i="1"/>
  <c r="AC99485" i="1"/>
  <c r="AC99486" i="1"/>
  <c r="AC99487" i="1"/>
  <c r="AC99488" i="1"/>
  <c r="AC99489" i="1"/>
  <c r="AC99490" i="1"/>
  <c r="AC99491" i="1"/>
  <c r="AC99492" i="1"/>
  <c r="AC99493" i="1"/>
  <c r="AC99494" i="1"/>
  <c r="AC99495" i="1"/>
  <c r="AC99496" i="1"/>
  <c r="AC99497" i="1"/>
  <c r="AC99498" i="1"/>
  <c r="AC99499" i="1"/>
  <c r="AC99500" i="1"/>
  <c r="AC99501" i="1"/>
  <c r="AC99502" i="1"/>
  <c r="AC99503" i="1"/>
  <c r="AC99504" i="1"/>
  <c r="AC99505" i="1"/>
  <c r="AC99506" i="1"/>
  <c r="AC99507" i="1"/>
  <c r="AC99508" i="1"/>
  <c r="AC99509" i="1"/>
  <c r="AC99510" i="1"/>
  <c r="AC99511" i="1"/>
  <c r="AC99512" i="1"/>
  <c r="AC99513" i="1"/>
  <c r="AC99514" i="1"/>
  <c r="AC99515" i="1"/>
  <c r="AC99516" i="1"/>
  <c r="AC99517" i="1"/>
  <c r="AC99518" i="1"/>
  <c r="AC99519" i="1"/>
  <c r="AC99520" i="1"/>
  <c r="AC99521" i="1"/>
  <c r="AC99522" i="1"/>
  <c r="AC99523" i="1"/>
  <c r="AC99524" i="1"/>
  <c r="AC99525" i="1"/>
  <c r="AC99526" i="1"/>
  <c r="AC99527" i="1"/>
  <c r="AC99528" i="1"/>
  <c r="AC99529" i="1"/>
  <c r="AC99530" i="1"/>
  <c r="AC99531" i="1"/>
  <c r="AC99532" i="1"/>
  <c r="AC99533" i="1"/>
  <c r="AC99534" i="1"/>
  <c r="AC99535" i="1"/>
  <c r="AC99536" i="1"/>
  <c r="AC99537" i="1"/>
  <c r="AC99538" i="1"/>
  <c r="AC99539" i="1"/>
  <c r="AC99540" i="1"/>
  <c r="AC99541" i="1"/>
  <c r="AC99542" i="1"/>
  <c r="AC99543" i="1"/>
  <c r="AC99544" i="1"/>
  <c r="AC99545" i="1"/>
  <c r="AC99546" i="1"/>
  <c r="AC99547" i="1"/>
  <c r="AC99548" i="1"/>
  <c r="AC99549" i="1"/>
  <c r="AC99550" i="1"/>
  <c r="AC99551" i="1"/>
  <c r="AC99552" i="1"/>
  <c r="AC99553" i="1"/>
  <c r="AC99554" i="1"/>
  <c r="AC99555" i="1"/>
  <c r="AC99556" i="1"/>
  <c r="AC99557" i="1"/>
  <c r="AC99558" i="1"/>
  <c r="AC99559" i="1"/>
  <c r="AC99560" i="1"/>
  <c r="AC99561" i="1"/>
  <c r="AC99562" i="1"/>
  <c r="AC99563" i="1"/>
  <c r="AC99564" i="1"/>
  <c r="AC99565" i="1"/>
  <c r="AC99566" i="1"/>
  <c r="AC99567" i="1"/>
  <c r="AC99568" i="1"/>
  <c r="AC99569" i="1"/>
  <c r="AC99570" i="1"/>
  <c r="AC99571" i="1"/>
  <c r="AC99572" i="1"/>
  <c r="AC99573" i="1"/>
  <c r="AC99574" i="1"/>
  <c r="AC99575" i="1"/>
  <c r="AC99576" i="1"/>
  <c r="AC99577" i="1"/>
  <c r="AC99578" i="1"/>
  <c r="AC99579" i="1"/>
  <c r="AC99580" i="1"/>
  <c r="AC99581" i="1"/>
  <c r="AC99582" i="1"/>
  <c r="AC99583" i="1"/>
  <c r="AC99584" i="1"/>
  <c r="AC99585" i="1"/>
  <c r="AC99586" i="1"/>
  <c r="AC99587" i="1"/>
  <c r="AC99588" i="1"/>
  <c r="AC99589" i="1"/>
  <c r="AC99590" i="1"/>
  <c r="AC99591" i="1"/>
  <c r="AC99592" i="1"/>
  <c r="AC99593" i="1"/>
  <c r="AC99594" i="1"/>
  <c r="AC99595" i="1"/>
  <c r="AC99596" i="1"/>
  <c r="AC99597" i="1"/>
  <c r="AC99598" i="1"/>
  <c r="AC99599" i="1"/>
  <c r="AC99600" i="1"/>
  <c r="AC99601" i="1"/>
  <c r="AC99602" i="1"/>
  <c r="AC99603" i="1"/>
  <c r="AC99604" i="1"/>
  <c r="AC99605" i="1"/>
  <c r="AC99606" i="1"/>
  <c r="AC99607" i="1"/>
  <c r="AC99608" i="1"/>
  <c r="AC99609" i="1"/>
  <c r="AC99610" i="1"/>
  <c r="AC99611" i="1"/>
  <c r="AC99612" i="1"/>
  <c r="AC99613" i="1"/>
  <c r="AC99614" i="1"/>
  <c r="AC99615" i="1"/>
  <c r="AC99616" i="1"/>
  <c r="AC99617" i="1"/>
  <c r="AC99618" i="1"/>
  <c r="AC99619" i="1"/>
  <c r="AC99620" i="1"/>
  <c r="AC99621" i="1"/>
  <c r="AC99622" i="1"/>
  <c r="AC99623" i="1"/>
  <c r="AC99624" i="1"/>
  <c r="AC99625" i="1"/>
  <c r="AC99626" i="1"/>
  <c r="AC99627" i="1"/>
  <c r="AC99628" i="1"/>
  <c r="AC99629" i="1"/>
  <c r="AC99630" i="1"/>
  <c r="AC99631" i="1"/>
  <c r="AC99632" i="1"/>
  <c r="AC99633" i="1"/>
  <c r="AC99634" i="1"/>
  <c r="AC99635" i="1"/>
  <c r="AC99636" i="1"/>
  <c r="AC99637" i="1"/>
  <c r="AC99638" i="1"/>
  <c r="AC99639" i="1"/>
  <c r="AC99640" i="1"/>
  <c r="AC99641" i="1"/>
  <c r="AC99642" i="1"/>
  <c r="AC99643" i="1"/>
  <c r="AC99644" i="1"/>
  <c r="AC99645" i="1"/>
  <c r="AC99646" i="1"/>
  <c r="AC99647" i="1"/>
  <c r="AC99648" i="1"/>
  <c r="AC99649" i="1"/>
  <c r="AC99650" i="1"/>
  <c r="AC99651" i="1"/>
  <c r="AC99652" i="1"/>
  <c r="AC99653" i="1"/>
  <c r="AC99654" i="1"/>
  <c r="AC99655" i="1"/>
  <c r="AC99656" i="1"/>
  <c r="AC99657" i="1"/>
  <c r="AC99658" i="1"/>
  <c r="AC99659" i="1"/>
  <c r="AC99660" i="1"/>
  <c r="AC99661" i="1"/>
  <c r="AC99662" i="1"/>
  <c r="AC99663" i="1"/>
  <c r="AC99664" i="1"/>
  <c r="AC99665" i="1"/>
  <c r="AC99666" i="1"/>
  <c r="AC99667" i="1"/>
  <c r="AC99668" i="1"/>
  <c r="AC99669" i="1"/>
  <c r="AC99670" i="1"/>
  <c r="AC99671" i="1"/>
  <c r="AC99672" i="1"/>
  <c r="AC99673" i="1"/>
  <c r="AC99674" i="1"/>
  <c r="AC99675" i="1"/>
  <c r="AC99676" i="1"/>
  <c r="AC99677" i="1"/>
  <c r="AC99678" i="1"/>
  <c r="AC99679" i="1"/>
  <c r="AC99680" i="1"/>
  <c r="AC99681" i="1"/>
  <c r="AC99682" i="1"/>
  <c r="AC99683" i="1"/>
  <c r="AC99684" i="1"/>
  <c r="AC99685" i="1"/>
  <c r="AC99686" i="1"/>
  <c r="AC99687" i="1"/>
  <c r="AC99688" i="1"/>
  <c r="AC99689" i="1"/>
  <c r="AC99690" i="1"/>
  <c r="AC99691" i="1"/>
  <c r="AC99692" i="1"/>
  <c r="AC99693" i="1"/>
  <c r="AC99694" i="1"/>
  <c r="AC99695" i="1"/>
  <c r="AC99696" i="1"/>
  <c r="AC99697" i="1"/>
  <c r="AC99698" i="1"/>
  <c r="AC99699" i="1"/>
  <c r="AC99700" i="1"/>
  <c r="AC99701" i="1"/>
  <c r="AC99702" i="1"/>
  <c r="AC99703" i="1"/>
  <c r="AC99704" i="1"/>
  <c r="AC99705" i="1"/>
  <c r="AC99706" i="1"/>
  <c r="AC99707" i="1"/>
  <c r="AC99708" i="1"/>
  <c r="AC99709" i="1"/>
  <c r="AC99710" i="1"/>
  <c r="AC99711" i="1"/>
  <c r="AC99712" i="1"/>
  <c r="AC99713" i="1"/>
  <c r="AC99714" i="1"/>
  <c r="AC99715" i="1"/>
  <c r="AC99716" i="1"/>
  <c r="AC99717" i="1"/>
  <c r="AC99718" i="1"/>
  <c r="AC99719" i="1"/>
  <c r="AC99720" i="1"/>
  <c r="AC99721" i="1"/>
  <c r="AC99722" i="1"/>
  <c r="AC99723" i="1"/>
  <c r="AC99724" i="1"/>
  <c r="AC99725" i="1"/>
  <c r="AC99726" i="1"/>
  <c r="AC99727" i="1"/>
  <c r="AC99728" i="1"/>
  <c r="AC99729" i="1"/>
  <c r="AC99730" i="1"/>
  <c r="AC99731" i="1"/>
  <c r="AC99732" i="1"/>
  <c r="AC99733" i="1"/>
  <c r="AC99734" i="1"/>
  <c r="AC99735" i="1"/>
  <c r="AC99736" i="1"/>
  <c r="AC99737" i="1"/>
  <c r="AC99738" i="1"/>
  <c r="AC99739" i="1"/>
  <c r="AC99740" i="1"/>
  <c r="AC99741" i="1"/>
  <c r="AC99742" i="1"/>
  <c r="AC99743" i="1"/>
  <c r="AC99744" i="1"/>
  <c r="AC99745" i="1"/>
  <c r="AC99746" i="1"/>
  <c r="AC99747" i="1"/>
  <c r="AC99748" i="1"/>
  <c r="AC99749" i="1"/>
  <c r="AC99750" i="1"/>
  <c r="AC99751" i="1"/>
  <c r="AC99752" i="1"/>
  <c r="AC99753" i="1"/>
  <c r="AC99754" i="1"/>
  <c r="AC99755" i="1"/>
  <c r="AC99756" i="1"/>
  <c r="AC99757" i="1"/>
  <c r="AC99758" i="1"/>
  <c r="AC99759" i="1"/>
  <c r="AC99760" i="1"/>
  <c r="AC99761" i="1"/>
  <c r="AC99762" i="1"/>
  <c r="AC99763" i="1"/>
  <c r="AC99764" i="1"/>
  <c r="AC99765" i="1"/>
  <c r="AC99766" i="1"/>
  <c r="AC99767" i="1"/>
  <c r="AC99768" i="1"/>
  <c r="AC99769" i="1"/>
  <c r="AC99770" i="1"/>
  <c r="AC99771" i="1"/>
  <c r="AC99772" i="1"/>
  <c r="AC99773" i="1"/>
  <c r="AC99774" i="1"/>
  <c r="AC99775" i="1"/>
  <c r="AC99776" i="1"/>
  <c r="AC99777" i="1"/>
  <c r="AC99778" i="1"/>
  <c r="AC99779" i="1"/>
  <c r="AC99780" i="1"/>
  <c r="AC99781" i="1"/>
  <c r="AC99782" i="1"/>
  <c r="AC99783" i="1"/>
  <c r="AC99784" i="1"/>
  <c r="AC99785" i="1"/>
  <c r="AC99786" i="1"/>
  <c r="AC99787" i="1"/>
  <c r="AC99788" i="1"/>
  <c r="AC99789" i="1"/>
  <c r="AC99790" i="1"/>
  <c r="AC99791" i="1"/>
  <c r="AC99792" i="1"/>
  <c r="AC99793" i="1"/>
  <c r="AC99794" i="1"/>
  <c r="AC99795" i="1"/>
  <c r="AC99796" i="1"/>
  <c r="AC99797" i="1"/>
  <c r="AC99798" i="1"/>
  <c r="AC99799" i="1"/>
  <c r="AC99800" i="1"/>
  <c r="AC99801" i="1"/>
  <c r="AC99802" i="1"/>
  <c r="AC99803" i="1"/>
  <c r="AC99804" i="1"/>
  <c r="AC99805" i="1"/>
  <c r="AC99806" i="1"/>
  <c r="AC99807" i="1"/>
  <c r="AC99808" i="1"/>
  <c r="AC99809" i="1"/>
  <c r="AC99810" i="1"/>
  <c r="AC99811" i="1"/>
  <c r="AC99812" i="1"/>
  <c r="AC99813" i="1"/>
  <c r="AC99814" i="1"/>
  <c r="AC99815" i="1"/>
  <c r="AC99816" i="1"/>
  <c r="AC99817" i="1"/>
  <c r="AC99818" i="1"/>
  <c r="AC99819" i="1"/>
  <c r="AC99820" i="1"/>
  <c r="AC99821" i="1"/>
  <c r="AC99822" i="1"/>
  <c r="AC99823" i="1"/>
  <c r="AC99824" i="1"/>
  <c r="AC99825" i="1"/>
  <c r="AC99826" i="1"/>
  <c r="AC99827" i="1"/>
  <c r="AC99828" i="1"/>
  <c r="AC99829" i="1"/>
  <c r="AC99830" i="1"/>
  <c r="AC99831" i="1"/>
  <c r="AC99832" i="1"/>
  <c r="AC99833" i="1"/>
  <c r="AC99834" i="1"/>
  <c r="AC99835" i="1"/>
  <c r="AC99836" i="1"/>
  <c r="AC99837" i="1"/>
  <c r="AC99838" i="1"/>
  <c r="AC99839" i="1"/>
  <c r="AC99840" i="1"/>
  <c r="AC99841" i="1"/>
  <c r="AC99842" i="1"/>
  <c r="AC99843" i="1"/>
  <c r="AC99844" i="1"/>
  <c r="AC99845" i="1"/>
  <c r="AC99846" i="1"/>
  <c r="AC99847" i="1"/>
  <c r="AC99848" i="1"/>
  <c r="AC99849" i="1"/>
  <c r="AC99850" i="1"/>
  <c r="AC99851" i="1"/>
  <c r="AC99852" i="1"/>
  <c r="AC99853" i="1"/>
  <c r="AC99854" i="1"/>
  <c r="AC99855" i="1"/>
  <c r="AC99856" i="1"/>
  <c r="AC99857" i="1"/>
  <c r="AC99858" i="1"/>
  <c r="AC99859" i="1"/>
  <c r="AC99860" i="1"/>
  <c r="AC99861" i="1"/>
  <c r="AC99862" i="1"/>
  <c r="AC99863" i="1"/>
  <c r="AC99864" i="1"/>
  <c r="AC99865" i="1"/>
  <c r="AC99866" i="1"/>
  <c r="AC99867" i="1"/>
  <c r="AC99868" i="1"/>
  <c r="AC99869" i="1"/>
  <c r="AC99870" i="1"/>
  <c r="AC99871" i="1"/>
  <c r="AC99872" i="1"/>
  <c r="AC99873" i="1"/>
  <c r="AC99874" i="1"/>
  <c r="AC99875" i="1"/>
  <c r="AC99876" i="1"/>
  <c r="AC99877" i="1"/>
  <c r="AC99878" i="1"/>
  <c r="AC99879" i="1"/>
  <c r="AC99880" i="1"/>
  <c r="AC99881" i="1"/>
  <c r="AC99882" i="1"/>
  <c r="AC99883" i="1"/>
  <c r="AC99884" i="1"/>
  <c r="AC99885" i="1"/>
  <c r="AC99886" i="1"/>
  <c r="AC99887" i="1"/>
  <c r="AC99888" i="1"/>
  <c r="AC99889" i="1"/>
  <c r="AC99890" i="1"/>
  <c r="AC99891" i="1"/>
  <c r="AC99892" i="1"/>
  <c r="AC99893" i="1"/>
  <c r="AC99894" i="1"/>
  <c r="AC99895" i="1"/>
  <c r="AC99896" i="1"/>
  <c r="AC99897" i="1"/>
  <c r="AC99898" i="1"/>
  <c r="AC99899" i="1"/>
  <c r="AC99900" i="1"/>
  <c r="AC99901" i="1"/>
  <c r="AC99902" i="1"/>
  <c r="AC99903" i="1"/>
  <c r="AC99904" i="1"/>
  <c r="AC99905" i="1"/>
  <c r="AC99906" i="1"/>
  <c r="AC99907" i="1"/>
  <c r="AC99908" i="1"/>
  <c r="AC99909" i="1"/>
  <c r="AC99910" i="1"/>
  <c r="AC99911" i="1"/>
  <c r="AC99912" i="1"/>
  <c r="AC99913" i="1"/>
  <c r="AC99914" i="1"/>
  <c r="AC99915" i="1"/>
  <c r="AC99916" i="1"/>
  <c r="AC99917" i="1"/>
  <c r="AC99918" i="1"/>
  <c r="AC99919" i="1"/>
  <c r="AC99920" i="1"/>
  <c r="AC99921" i="1"/>
  <c r="AC99922" i="1"/>
  <c r="AC99923" i="1"/>
  <c r="AC99924" i="1"/>
  <c r="AC99925" i="1"/>
  <c r="AC99926" i="1"/>
  <c r="AC99927" i="1"/>
  <c r="AC99928" i="1"/>
  <c r="AC99929" i="1"/>
  <c r="AC99930" i="1"/>
  <c r="AC99931" i="1"/>
  <c r="AC99932" i="1"/>
  <c r="AC99933" i="1"/>
  <c r="AC99934" i="1"/>
  <c r="AC99935" i="1"/>
  <c r="AC99936" i="1"/>
  <c r="AC99937" i="1"/>
  <c r="AC99938" i="1"/>
  <c r="AC99939" i="1"/>
  <c r="AC99940" i="1"/>
  <c r="AC99941" i="1"/>
  <c r="AC99942" i="1"/>
  <c r="AC99943" i="1"/>
  <c r="AC99944" i="1"/>
  <c r="AC99945" i="1"/>
  <c r="AC99946" i="1"/>
  <c r="AC99947" i="1"/>
  <c r="AC99948" i="1"/>
  <c r="AC99949" i="1"/>
  <c r="AC99950" i="1"/>
  <c r="AC99951" i="1"/>
  <c r="AC99952" i="1"/>
  <c r="AC99953" i="1"/>
  <c r="AC99954" i="1"/>
  <c r="AC99955" i="1"/>
  <c r="AC99956" i="1"/>
  <c r="AC99957" i="1"/>
  <c r="AC99958" i="1"/>
  <c r="AC99959" i="1"/>
  <c r="AC99960" i="1"/>
  <c r="AC99961" i="1"/>
  <c r="AC99962" i="1"/>
  <c r="AC99963" i="1"/>
  <c r="AC99964" i="1"/>
  <c r="AC99965" i="1"/>
  <c r="AC99966" i="1"/>
  <c r="AC99967" i="1"/>
  <c r="AC99968" i="1"/>
  <c r="AC99969" i="1"/>
  <c r="AC99970" i="1"/>
  <c r="AC99971" i="1"/>
  <c r="AC99972" i="1"/>
  <c r="AC99973" i="1"/>
  <c r="AC99974" i="1"/>
  <c r="AC99975" i="1"/>
  <c r="AC99976" i="1"/>
  <c r="AC99977" i="1"/>
  <c r="AC99978" i="1"/>
  <c r="AC99979" i="1"/>
  <c r="AC99980" i="1"/>
  <c r="AC99981" i="1"/>
  <c r="AC99982" i="1"/>
  <c r="AC99983" i="1"/>
  <c r="AC99984" i="1"/>
  <c r="AC99985" i="1"/>
  <c r="AC99986" i="1"/>
  <c r="AC99987" i="1"/>
  <c r="AC99988" i="1"/>
  <c r="AC99989" i="1"/>
  <c r="AC99990" i="1"/>
  <c r="AC99991" i="1"/>
  <c r="AC99992" i="1"/>
  <c r="AC99993" i="1"/>
  <c r="AC99994" i="1"/>
  <c r="AC99995" i="1"/>
  <c r="AC99996" i="1"/>
  <c r="AC99997" i="1"/>
  <c r="AC99998" i="1"/>
  <c r="AC99999" i="1"/>
  <c r="AC100000" i="1"/>
  <c r="AC100001" i="1"/>
  <c r="AC100002" i="1"/>
  <c r="AC100003" i="1"/>
  <c r="AC100004" i="1"/>
  <c r="AC100005" i="1"/>
  <c r="AC100006" i="1"/>
  <c r="AC100007" i="1"/>
  <c r="AC100008" i="1"/>
  <c r="AC100009" i="1"/>
  <c r="AC100010" i="1"/>
  <c r="AC100011" i="1"/>
  <c r="AC100012" i="1"/>
  <c r="AC100013" i="1"/>
  <c r="AC100014" i="1"/>
  <c r="AC100015" i="1"/>
  <c r="AC100016" i="1"/>
  <c r="AC100017" i="1"/>
  <c r="AC100018" i="1"/>
  <c r="AC100019" i="1"/>
  <c r="AC100020" i="1"/>
  <c r="AC100021" i="1"/>
  <c r="AC100022" i="1"/>
  <c r="AC100023" i="1"/>
  <c r="AC100024" i="1"/>
  <c r="AC100025" i="1"/>
  <c r="AC100026" i="1"/>
  <c r="AC100027" i="1"/>
  <c r="AC100028" i="1"/>
  <c r="AC100029" i="1"/>
  <c r="AC100030" i="1"/>
  <c r="AC100031" i="1"/>
  <c r="AC100032" i="1"/>
  <c r="AC100033" i="1"/>
  <c r="AC100034" i="1"/>
  <c r="AC100035" i="1"/>
  <c r="AC100036" i="1"/>
  <c r="AC100037" i="1"/>
  <c r="AC100038" i="1"/>
  <c r="AC100039" i="1"/>
  <c r="AC100040" i="1"/>
  <c r="AC100041" i="1"/>
  <c r="AC100042" i="1"/>
  <c r="AC100043" i="1"/>
  <c r="AC100044" i="1"/>
  <c r="AC100045" i="1"/>
  <c r="AC100046" i="1"/>
  <c r="AC100047" i="1"/>
  <c r="AC100048" i="1"/>
  <c r="AC100049" i="1"/>
  <c r="AC100050" i="1"/>
  <c r="AC100051" i="1"/>
  <c r="AC100052" i="1"/>
  <c r="AC100053" i="1"/>
  <c r="AC100054" i="1"/>
  <c r="AC100055" i="1"/>
  <c r="AC100056" i="1"/>
  <c r="AC100057" i="1"/>
  <c r="AC100058" i="1"/>
  <c r="AC100059" i="1"/>
  <c r="AC100060" i="1"/>
  <c r="AC100061" i="1"/>
  <c r="AC100062" i="1"/>
  <c r="AC100063" i="1"/>
  <c r="AC100064" i="1"/>
  <c r="AC100065" i="1"/>
  <c r="AC100066" i="1"/>
  <c r="AC100067" i="1"/>
  <c r="AC100068" i="1"/>
  <c r="AC100069" i="1"/>
  <c r="AC100070" i="1"/>
  <c r="AC100071" i="1"/>
  <c r="AC100072" i="1"/>
  <c r="AC100073" i="1"/>
  <c r="AC100074" i="1"/>
  <c r="AC100075" i="1"/>
  <c r="AC100076" i="1"/>
  <c r="AC100077" i="1"/>
  <c r="AC100078" i="1"/>
  <c r="AC100079" i="1"/>
  <c r="AC100080" i="1"/>
  <c r="AC100081" i="1"/>
  <c r="AC100082" i="1"/>
  <c r="AC100083" i="1"/>
  <c r="AC100084" i="1"/>
  <c r="AC100085" i="1"/>
  <c r="AC100086" i="1"/>
  <c r="AC100087" i="1"/>
  <c r="AC100088" i="1"/>
  <c r="AC100089" i="1"/>
  <c r="AC100090" i="1"/>
  <c r="AC100091" i="1"/>
  <c r="AC100092" i="1"/>
  <c r="AC100093" i="1"/>
  <c r="AC100094" i="1"/>
  <c r="AC100095" i="1"/>
  <c r="AC100096" i="1"/>
  <c r="AC100097" i="1"/>
  <c r="AC100098" i="1"/>
  <c r="AC100099" i="1"/>
  <c r="AC100100" i="1"/>
  <c r="AC100101" i="1"/>
  <c r="AC100102" i="1"/>
  <c r="AC100103" i="1"/>
  <c r="AC100104" i="1"/>
  <c r="AC100105" i="1"/>
  <c r="AC100106" i="1"/>
  <c r="AC100107" i="1"/>
  <c r="AC100108" i="1"/>
  <c r="AC100109" i="1"/>
  <c r="AC100110" i="1"/>
  <c r="AC100111" i="1"/>
  <c r="AC100112" i="1"/>
  <c r="AC100113" i="1"/>
  <c r="AC100114" i="1"/>
  <c r="AC100115" i="1"/>
  <c r="AC100116" i="1"/>
  <c r="AC100117" i="1"/>
  <c r="AC100118" i="1"/>
  <c r="AC100119" i="1"/>
  <c r="AC100120" i="1"/>
  <c r="AC100121" i="1"/>
  <c r="AC100122" i="1"/>
  <c r="AC100123" i="1"/>
  <c r="AC100124" i="1"/>
  <c r="AC100125" i="1"/>
  <c r="AC100126" i="1"/>
  <c r="AC100127" i="1"/>
  <c r="AC100128" i="1"/>
  <c r="AC100129" i="1"/>
  <c r="AC100130" i="1"/>
  <c r="AC100131" i="1"/>
  <c r="AC100132" i="1"/>
  <c r="AC100133" i="1"/>
  <c r="AC100134" i="1"/>
  <c r="AC100135" i="1"/>
  <c r="AC100136" i="1"/>
  <c r="AC100137" i="1"/>
  <c r="AC100138" i="1"/>
  <c r="AC100139" i="1"/>
  <c r="AC100140" i="1"/>
  <c r="AC100141" i="1"/>
  <c r="AC100142" i="1"/>
  <c r="AC100143" i="1"/>
  <c r="AC100144" i="1"/>
  <c r="AC100145" i="1"/>
  <c r="AC100146" i="1"/>
  <c r="AC100147" i="1"/>
  <c r="AC100148" i="1"/>
  <c r="AC100149" i="1"/>
  <c r="AC100150" i="1"/>
  <c r="AC100151" i="1"/>
  <c r="AC100152" i="1"/>
  <c r="AC100153" i="1"/>
  <c r="AC100154" i="1"/>
  <c r="AC100155" i="1"/>
  <c r="AC100156" i="1"/>
  <c r="AC100157" i="1"/>
  <c r="AC100158" i="1"/>
  <c r="AC100159" i="1"/>
  <c r="AC100160" i="1"/>
  <c r="AC100161" i="1"/>
  <c r="AC100162" i="1"/>
  <c r="AC100163" i="1"/>
  <c r="AC100164" i="1"/>
  <c r="AC100165" i="1"/>
  <c r="AC100166" i="1"/>
  <c r="AC100167" i="1"/>
  <c r="AC100168" i="1"/>
  <c r="AC100169" i="1"/>
  <c r="AC100170" i="1"/>
  <c r="AC100171" i="1"/>
  <c r="AC100172" i="1"/>
  <c r="AC100173" i="1"/>
  <c r="AC100174" i="1"/>
  <c r="AC100175" i="1"/>
  <c r="AC100176" i="1"/>
  <c r="AC100177" i="1"/>
  <c r="AC100178" i="1"/>
  <c r="AC100179" i="1"/>
  <c r="AC100180" i="1"/>
  <c r="AC100181" i="1"/>
  <c r="AC100182" i="1"/>
  <c r="AC100183" i="1"/>
  <c r="AC100184" i="1"/>
  <c r="AC100185" i="1"/>
  <c r="AC100186" i="1"/>
  <c r="AC100187" i="1"/>
  <c r="AC100188" i="1"/>
  <c r="AC100189" i="1"/>
  <c r="AC100190" i="1"/>
  <c r="AC100191" i="1"/>
  <c r="AC100192" i="1"/>
  <c r="AC100193" i="1"/>
  <c r="AC100194" i="1"/>
  <c r="AC100195" i="1"/>
  <c r="AC100196" i="1"/>
  <c r="AC100197" i="1"/>
  <c r="AC100198" i="1"/>
  <c r="AC100199" i="1"/>
  <c r="AC100200" i="1"/>
  <c r="AC100201" i="1"/>
  <c r="AC100202" i="1"/>
  <c r="AC100203" i="1"/>
  <c r="AC100204" i="1"/>
  <c r="AC100205" i="1"/>
  <c r="AC100206" i="1"/>
  <c r="AC100207" i="1"/>
  <c r="AC100208" i="1"/>
  <c r="AC100209" i="1"/>
  <c r="AC100210" i="1"/>
  <c r="AC100211" i="1"/>
  <c r="AC100212" i="1"/>
  <c r="AC100213" i="1"/>
  <c r="AC100214" i="1"/>
  <c r="AC100215" i="1"/>
  <c r="AC100216" i="1"/>
  <c r="AC100217" i="1"/>
  <c r="AC100218" i="1"/>
  <c r="AC100219" i="1"/>
  <c r="AC100220" i="1"/>
  <c r="AC100221" i="1"/>
  <c r="AC100222" i="1"/>
  <c r="AC100223" i="1"/>
  <c r="AC100224" i="1"/>
  <c r="AC100225" i="1"/>
  <c r="AC100226" i="1"/>
  <c r="AC100227" i="1"/>
  <c r="AC100228" i="1"/>
  <c r="AC100229" i="1"/>
  <c r="AC100230" i="1"/>
  <c r="AC100231" i="1"/>
  <c r="AC100232" i="1"/>
  <c r="AC100233" i="1"/>
  <c r="AC100234" i="1"/>
  <c r="AC100235" i="1"/>
  <c r="AC100236" i="1"/>
  <c r="AC100237" i="1"/>
  <c r="AC100238" i="1"/>
  <c r="AC100239" i="1"/>
  <c r="AC100240" i="1"/>
  <c r="AC100241" i="1"/>
  <c r="AC100242" i="1"/>
  <c r="AC100243" i="1"/>
  <c r="AC100244" i="1"/>
  <c r="AC100245" i="1"/>
  <c r="AC100246" i="1"/>
  <c r="AC100247" i="1"/>
  <c r="AC100248" i="1"/>
  <c r="AC100249" i="1"/>
  <c r="AC100250" i="1"/>
  <c r="AC100251" i="1"/>
  <c r="AC100252" i="1"/>
  <c r="AC100253" i="1"/>
  <c r="AC100254" i="1"/>
  <c r="AC100255" i="1"/>
  <c r="AC100256" i="1"/>
  <c r="AC100257" i="1"/>
  <c r="AC100258" i="1"/>
  <c r="AC100259" i="1"/>
  <c r="AC100260" i="1"/>
  <c r="AC100261" i="1"/>
  <c r="AC100262" i="1"/>
  <c r="AC100263" i="1"/>
  <c r="AC100264" i="1"/>
  <c r="AC100265" i="1"/>
  <c r="AC100266" i="1"/>
  <c r="AC100267" i="1"/>
  <c r="AC100268" i="1"/>
  <c r="AC100269" i="1"/>
  <c r="AC100270" i="1"/>
  <c r="AC100271" i="1"/>
  <c r="AC100272" i="1"/>
  <c r="AC100273" i="1"/>
  <c r="AC100274" i="1"/>
  <c r="AC100275" i="1"/>
  <c r="AC100276" i="1"/>
  <c r="AC100277" i="1"/>
  <c r="AC100278" i="1"/>
  <c r="AC100279" i="1"/>
  <c r="AC100280" i="1"/>
  <c r="AC100281" i="1"/>
  <c r="AC100282" i="1"/>
  <c r="AC100283" i="1"/>
  <c r="AC100284" i="1"/>
  <c r="AC100285" i="1"/>
  <c r="AC100286" i="1"/>
  <c r="AC100287" i="1"/>
  <c r="AC100288" i="1"/>
  <c r="AC100289" i="1"/>
  <c r="AC100290" i="1"/>
  <c r="AC100291" i="1"/>
  <c r="AC100292" i="1"/>
  <c r="AC100293" i="1"/>
  <c r="AC100294" i="1"/>
  <c r="AC100295" i="1"/>
  <c r="AC100296" i="1"/>
  <c r="AC100297" i="1"/>
  <c r="AC100298" i="1"/>
  <c r="AC100299" i="1"/>
  <c r="AC100300" i="1"/>
  <c r="AC100301" i="1"/>
  <c r="AC100302" i="1"/>
  <c r="AC100303" i="1"/>
  <c r="AC100304" i="1"/>
  <c r="AC100305" i="1"/>
  <c r="AC100306" i="1"/>
  <c r="AC100307" i="1"/>
  <c r="AC100308" i="1"/>
  <c r="AC100309" i="1"/>
  <c r="AC100310" i="1"/>
  <c r="AC100311" i="1"/>
  <c r="AC100312" i="1"/>
  <c r="AC100313" i="1"/>
  <c r="AC100314" i="1"/>
  <c r="AC100315" i="1"/>
  <c r="AC100316" i="1"/>
  <c r="AC100317" i="1"/>
  <c r="AC100318" i="1"/>
  <c r="AC100319" i="1"/>
  <c r="AC100320" i="1"/>
  <c r="AC100321" i="1"/>
  <c r="AC100322" i="1"/>
  <c r="AC100323" i="1"/>
  <c r="AC100324" i="1"/>
  <c r="AC100325" i="1"/>
  <c r="AC100326" i="1"/>
  <c r="AC100327" i="1"/>
  <c r="AC100328" i="1"/>
  <c r="AC100329" i="1"/>
  <c r="AC100330" i="1"/>
  <c r="AC100331" i="1"/>
  <c r="AC100332" i="1"/>
  <c r="AC100333" i="1"/>
  <c r="AC100334" i="1"/>
  <c r="AC100335" i="1"/>
  <c r="AC100336" i="1"/>
  <c r="AC100337" i="1"/>
  <c r="AC100338" i="1"/>
  <c r="AC100339" i="1"/>
  <c r="AC100340" i="1"/>
  <c r="AC100341" i="1"/>
  <c r="AC100342" i="1"/>
  <c r="AC100343" i="1"/>
  <c r="AC100344" i="1"/>
  <c r="AC100345" i="1"/>
  <c r="AC100346" i="1"/>
  <c r="AC100347" i="1"/>
  <c r="AC100348" i="1"/>
  <c r="AC100349" i="1"/>
  <c r="AC100350" i="1"/>
  <c r="AC100351" i="1"/>
  <c r="AC100352" i="1"/>
  <c r="AC100353" i="1"/>
  <c r="AC100354" i="1"/>
  <c r="AC100355" i="1"/>
  <c r="AC100356" i="1"/>
  <c r="AC100357" i="1"/>
  <c r="AC100358" i="1"/>
  <c r="AC100359" i="1"/>
  <c r="AC100360" i="1"/>
  <c r="AC100361" i="1"/>
  <c r="AC100362" i="1"/>
  <c r="AC100363" i="1"/>
  <c r="AC100364" i="1"/>
  <c r="AC100365" i="1"/>
  <c r="AC100366" i="1"/>
  <c r="AC100367" i="1"/>
  <c r="AC100368" i="1"/>
  <c r="AC100369" i="1"/>
  <c r="AC100370" i="1"/>
  <c r="AC100371" i="1"/>
  <c r="AC100372" i="1"/>
  <c r="AC100373" i="1"/>
  <c r="AC100374" i="1"/>
  <c r="AC100375" i="1"/>
  <c r="AC100376" i="1"/>
  <c r="AC100377" i="1"/>
  <c r="AC100378" i="1"/>
  <c r="AC100379" i="1"/>
  <c r="AC100380" i="1"/>
  <c r="AC100381" i="1"/>
  <c r="AC100382" i="1"/>
  <c r="AC100383" i="1"/>
  <c r="AC100384" i="1"/>
  <c r="AC100385" i="1"/>
  <c r="AC100386" i="1"/>
  <c r="AC100387" i="1"/>
  <c r="AC100388" i="1"/>
  <c r="AC100389" i="1"/>
  <c r="AC100390" i="1"/>
  <c r="AC100391" i="1"/>
  <c r="AC100392" i="1"/>
  <c r="AC100393" i="1"/>
  <c r="AC100394" i="1"/>
  <c r="AC100395" i="1"/>
  <c r="AC100396" i="1"/>
  <c r="AC100397" i="1"/>
  <c r="AC100398" i="1"/>
  <c r="AC100399" i="1"/>
  <c r="AC100400" i="1"/>
  <c r="AC100401" i="1"/>
  <c r="AC100402" i="1"/>
  <c r="AC100403" i="1"/>
  <c r="AC100404" i="1"/>
  <c r="AC100405" i="1"/>
  <c r="AC100406" i="1"/>
  <c r="AC100407" i="1"/>
  <c r="AC100408" i="1"/>
  <c r="AC100409" i="1"/>
  <c r="AC100410" i="1"/>
  <c r="AC100411" i="1"/>
  <c r="AC100412" i="1"/>
  <c r="AC100413" i="1"/>
  <c r="AC100414" i="1"/>
  <c r="AC100415" i="1"/>
  <c r="AC100416" i="1"/>
  <c r="AC100417" i="1"/>
  <c r="AC100418" i="1"/>
  <c r="AC100419" i="1"/>
  <c r="AC100420" i="1"/>
  <c r="AC100421" i="1"/>
  <c r="AC100422" i="1"/>
  <c r="AC100423" i="1"/>
  <c r="AC100424" i="1"/>
  <c r="AC100425" i="1"/>
  <c r="AC100426" i="1"/>
  <c r="AC100427" i="1"/>
  <c r="AC100428" i="1"/>
  <c r="AC100429" i="1"/>
  <c r="AC100430" i="1"/>
  <c r="AC100431" i="1"/>
  <c r="AC100432" i="1"/>
  <c r="AC100433" i="1"/>
  <c r="AC100434" i="1"/>
  <c r="AC100435" i="1"/>
  <c r="AC100436" i="1"/>
  <c r="AC100437" i="1"/>
  <c r="AC100438" i="1"/>
  <c r="AC100439" i="1"/>
  <c r="AC100440" i="1"/>
  <c r="AC100441" i="1"/>
  <c r="AC100442" i="1"/>
  <c r="AC100443" i="1"/>
  <c r="AC100444" i="1"/>
  <c r="AC100445" i="1"/>
  <c r="AC100446" i="1"/>
  <c r="AC100447" i="1"/>
  <c r="AC100448" i="1"/>
  <c r="AC100449" i="1"/>
  <c r="AC100450" i="1"/>
  <c r="AC100451" i="1"/>
  <c r="AC100452" i="1"/>
  <c r="AC100453" i="1"/>
  <c r="AC100454" i="1"/>
  <c r="AC100455" i="1"/>
  <c r="AC100456" i="1"/>
  <c r="AC100457" i="1"/>
  <c r="AC100458" i="1"/>
  <c r="AC100459" i="1"/>
  <c r="AC100460" i="1"/>
  <c r="AC100461" i="1"/>
  <c r="AC100462" i="1"/>
  <c r="AC100463" i="1"/>
  <c r="AC100464" i="1"/>
  <c r="AC100465" i="1"/>
  <c r="AC100466" i="1"/>
  <c r="AC100467" i="1"/>
  <c r="AC100468" i="1"/>
  <c r="AC100469" i="1"/>
  <c r="AC100470" i="1"/>
  <c r="AC100471" i="1"/>
  <c r="AC100472" i="1"/>
  <c r="AC100473" i="1"/>
  <c r="AC100474" i="1"/>
  <c r="AC100475" i="1"/>
  <c r="AC100476" i="1"/>
  <c r="AC100477" i="1"/>
  <c r="AC100478" i="1"/>
  <c r="AC100479" i="1"/>
  <c r="AC100480" i="1"/>
  <c r="AC100481" i="1"/>
  <c r="AC100482" i="1"/>
  <c r="AC100483" i="1"/>
  <c r="AC100484" i="1"/>
  <c r="AC100485" i="1"/>
  <c r="AC100486" i="1"/>
  <c r="AC100487" i="1"/>
  <c r="AC100488" i="1"/>
  <c r="AC100489" i="1"/>
  <c r="AC100490" i="1"/>
  <c r="AC100491" i="1"/>
  <c r="AC100492" i="1"/>
  <c r="AC100493" i="1"/>
  <c r="AC100494" i="1"/>
  <c r="AC100495" i="1"/>
  <c r="AC100496" i="1"/>
  <c r="AC100497" i="1"/>
  <c r="AC100498" i="1"/>
  <c r="AC100499" i="1"/>
  <c r="AC100500" i="1"/>
  <c r="AC100501" i="1"/>
  <c r="AC100502" i="1"/>
  <c r="AC100503" i="1"/>
  <c r="AC100504" i="1"/>
  <c r="AC100505" i="1"/>
  <c r="AC100506" i="1"/>
  <c r="AC100507" i="1"/>
  <c r="AC100508" i="1"/>
  <c r="AC100509" i="1"/>
  <c r="AC100510" i="1"/>
  <c r="AC100511" i="1"/>
  <c r="AC100512" i="1"/>
  <c r="AC100513" i="1"/>
  <c r="AC100514" i="1"/>
  <c r="AC100515" i="1"/>
  <c r="AC100516" i="1"/>
  <c r="AC100517" i="1"/>
  <c r="AC100518" i="1"/>
  <c r="AC100519" i="1"/>
  <c r="AC100520" i="1"/>
  <c r="AC100521" i="1"/>
  <c r="AC100522" i="1"/>
  <c r="AC100523" i="1"/>
  <c r="AC100524" i="1"/>
  <c r="AC100525" i="1"/>
  <c r="AC100526" i="1"/>
  <c r="AC100527" i="1"/>
  <c r="AC100528" i="1"/>
  <c r="AC100529" i="1"/>
  <c r="AC100530" i="1"/>
  <c r="AC100531" i="1"/>
  <c r="AC100532" i="1"/>
  <c r="AC100533" i="1"/>
  <c r="AC100534" i="1"/>
  <c r="AC100535" i="1"/>
  <c r="AC100536" i="1"/>
  <c r="AC100537" i="1"/>
  <c r="AC100538" i="1"/>
  <c r="AC100539" i="1"/>
  <c r="AC100540" i="1"/>
  <c r="AC100541" i="1"/>
  <c r="AC100542" i="1"/>
  <c r="AC100543" i="1"/>
  <c r="AC100544" i="1"/>
  <c r="AC100545" i="1"/>
  <c r="AC100546" i="1"/>
  <c r="AC100547" i="1"/>
  <c r="AC100548" i="1"/>
  <c r="AC100549" i="1"/>
  <c r="AC100550" i="1"/>
  <c r="AC100551" i="1"/>
  <c r="AC100552" i="1"/>
  <c r="AC100553" i="1"/>
  <c r="AC100554" i="1"/>
  <c r="AC100555" i="1"/>
  <c r="AC100556" i="1"/>
  <c r="AC100557" i="1"/>
  <c r="AC100558" i="1"/>
  <c r="AC100559" i="1"/>
  <c r="AC100560" i="1"/>
  <c r="AC100561" i="1"/>
  <c r="AC100562" i="1"/>
  <c r="AC100563" i="1"/>
  <c r="AC100564" i="1"/>
  <c r="AC100565" i="1"/>
  <c r="AC100566" i="1"/>
  <c r="AC100567" i="1"/>
  <c r="AC100568" i="1"/>
  <c r="AC100569" i="1"/>
  <c r="AC100570" i="1"/>
  <c r="AC100571" i="1"/>
  <c r="AC100572" i="1"/>
  <c r="AC100573" i="1"/>
  <c r="AC100574" i="1"/>
  <c r="AC100575" i="1"/>
  <c r="AC100576" i="1"/>
  <c r="AC100577" i="1"/>
  <c r="AC100578" i="1"/>
  <c r="AC100579" i="1"/>
  <c r="AC100580" i="1"/>
  <c r="AC100581" i="1"/>
  <c r="AC100582" i="1"/>
  <c r="AC100583" i="1"/>
  <c r="AC100584" i="1"/>
  <c r="AC100585" i="1"/>
  <c r="AC100586" i="1"/>
  <c r="AC100587" i="1"/>
  <c r="AC100588" i="1"/>
  <c r="AC100589" i="1"/>
  <c r="AC100590" i="1"/>
  <c r="AC100591" i="1"/>
  <c r="AC100592" i="1"/>
  <c r="AC100593" i="1"/>
  <c r="AC100594" i="1"/>
  <c r="AC100595" i="1"/>
  <c r="AC100596" i="1"/>
  <c r="AC100597" i="1"/>
  <c r="AC100598" i="1"/>
  <c r="AC100599" i="1"/>
  <c r="AC100600" i="1"/>
  <c r="AC100601" i="1"/>
  <c r="AC100602" i="1"/>
  <c r="AC100603" i="1"/>
  <c r="AC100604" i="1"/>
  <c r="AC100605" i="1"/>
  <c r="AC100606" i="1"/>
  <c r="AC100607" i="1"/>
  <c r="AC100608" i="1"/>
  <c r="AC100609" i="1"/>
  <c r="AC100610" i="1"/>
  <c r="AC100611" i="1"/>
  <c r="AC100612" i="1"/>
  <c r="AC100613" i="1"/>
  <c r="AC100614" i="1"/>
  <c r="AC100615" i="1"/>
  <c r="AC100616" i="1"/>
  <c r="AC100617" i="1"/>
  <c r="AC100618" i="1"/>
  <c r="AC100619" i="1"/>
  <c r="AC100620" i="1"/>
  <c r="AC100621" i="1"/>
  <c r="AC100622" i="1"/>
  <c r="AC100623" i="1"/>
  <c r="AC100624" i="1"/>
  <c r="AC100625" i="1"/>
  <c r="AC100626" i="1"/>
  <c r="AC100627" i="1"/>
  <c r="AC100628" i="1"/>
  <c r="AC100629" i="1"/>
  <c r="AC100630" i="1"/>
  <c r="AC100631" i="1"/>
  <c r="AC100632" i="1"/>
  <c r="AC100633" i="1"/>
  <c r="AC100634" i="1"/>
  <c r="AC100635" i="1"/>
  <c r="AC100636" i="1"/>
  <c r="AC100637" i="1"/>
  <c r="AC100638" i="1"/>
  <c r="AC100639" i="1"/>
  <c r="AC100640" i="1"/>
  <c r="AC100641" i="1"/>
  <c r="AC100642" i="1"/>
  <c r="AC100643" i="1"/>
  <c r="AC100644" i="1"/>
  <c r="AC100645" i="1"/>
  <c r="AC100646" i="1"/>
  <c r="AC100647" i="1"/>
  <c r="AC100648" i="1"/>
  <c r="AC100649" i="1"/>
  <c r="AC100650" i="1"/>
  <c r="AC100651" i="1"/>
  <c r="AC100652" i="1"/>
  <c r="AC100653" i="1"/>
  <c r="AC100654" i="1"/>
  <c r="AC100655" i="1"/>
  <c r="AC100656" i="1"/>
  <c r="AC100657" i="1"/>
  <c r="AC100658" i="1"/>
  <c r="AC100659" i="1"/>
  <c r="AC100660" i="1"/>
  <c r="AC100661" i="1"/>
  <c r="AC100662" i="1"/>
  <c r="AC100663" i="1"/>
  <c r="AC100664" i="1"/>
  <c r="AC100665" i="1"/>
  <c r="AC100666" i="1"/>
  <c r="AC100667" i="1"/>
  <c r="AC100668" i="1"/>
  <c r="AC100669" i="1"/>
  <c r="AC100670" i="1"/>
  <c r="AC100671" i="1"/>
  <c r="AC100672" i="1"/>
  <c r="AC100673" i="1"/>
  <c r="AC100674" i="1"/>
  <c r="AC100675" i="1"/>
  <c r="AC100676" i="1"/>
  <c r="AC100677" i="1"/>
  <c r="AC100678" i="1"/>
  <c r="AC100679" i="1"/>
  <c r="AC100680" i="1"/>
  <c r="AC100681" i="1"/>
  <c r="AC100682" i="1"/>
  <c r="AC100683" i="1"/>
  <c r="AC100684" i="1"/>
  <c r="AC100685" i="1"/>
  <c r="AC100686" i="1"/>
  <c r="AC100687" i="1"/>
  <c r="AC100688" i="1"/>
  <c r="AC100689" i="1"/>
  <c r="AC100690" i="1"/>
  <c r="AC100691" i="1"/>
  <c r="AC100692" i="1"/>
  <c r="AC100693" i="1"/>
  <c r="AC100694" i="1"/>
  <c r="AC100695" i="1"/>
  <c r="AC100696" i="1"/>
  <c r="AC100697" i="1"/>
  <c r="AC100698" i="1"/>
  <c r="AC100699" i="1"/>
  <c r="AC100700" i="1"/>
  <c r="AC100701" i="1"/>
  <c r="AC100702" i="1"/>
  <c r="AC100703" i="1"/>
  <c r="AC100704" i="1"/>
  <c r="AC100705" i="1"/>
  <c r="AC100706" i="1"/>
  <c r="AC100707" i="1"/>
  <c r="AC100708" i="1"/>
  <c r="AC100709" i="1"/>
  <c r="AC100710" i="1"/>
  <c r="AC100711" i="1"/>
  <c r="AC100712" i="1"/>
  <c r="AC100713" i="1"/>
  <c r="AC100714" i="1"/>
  <c r="AC100715" i="1"/>
  <c r="AC100716" i="1"/>
  <c r="AC100717" i="1"/>
  <c r="AC100718" i="1"/>
  <c r="AC100719" i="1"/>
  <c r="AC100720" i="1"/>
  <c r="AC100721" i="1"/>
  <c r="AC100722" i="1"/>
  <c r="AC100723" i="1"/>
  <c r="AC100724" i="1"/>
  <c r="AC100725" i="1"/>
  <c r="AC100726" i="1"/>
  <c r="AC100727" i="1"/>
  <c r="AC100728" i="1"/>
  <c r="AC100729" i="1"/>
  <c r="AC100730" i="1"/>
  <c r="AC100731" i="1"/>
  <c r="AC100732" i="1"/>
  <c r="AC100733" i="1"/>
  <c r="AC100734" i="1"/>
  <c r="AC100735" i="1"/>
  <c r="AC100736" i="1"/>
  <c r="AC100737" i="1"/>
  <c r="AC100738" i="1"/>
  <c r="AC100739" i="1"/>
  <c r="AC100740" i="1"/>
  <c r="AC100741" i="1"/>
  <c r="AC100742" i="1"/>
  <c r="AC100743" i="1"/>
  <c r="AC100744" i="1"/>
  <c r="AC100745" i="1"/>
  <c r="AC100746" i="1"/>
  <c r="AC100747" i="1"/>
  <c r="AC100748" i="1"/>
  <c r="AC100749" i="1"/>
  <c r="AC100750" i="1"/>
  <c r="AC100751" i="1"/>
  <c r="AC100752" i="1"/>
  <c r="AC100753" i="1"/>
  <c r="AC100754" i="1"/>
  <c r="AC100755" i="1"/>
  <c r="AC100756" i="1"/>
  <c r="AC100757" i="1"/>
  <c r="AC100758" i="1"/>
  <c r="AC100759" i="1"/>
  <c r="AC100760" i="1"/>
  <c r="AC100761" i="1"/>
  <c r="AC100762" i="1"/>
  <c r="AC100763" i="1"/>
  <c r="AC100764" i="1"/>
  <c r="AC100765" i="1"/>
  <c r="AC100766" i="1"/>
  <c r="AC100767" i="1"/>
  <c r="AC100768" i="1"/>
  <c r="AC100769" i="1"/>
  <c r="AC100770" i="1"/>
  <c r="AC100771" i="1"/>
  <c r="AC100772" i="1"/>
  <c r="AC100773" i="1"/>
  <c r="AC100774" i="1"/>
  <c r="AC100775" i="1"/>
  <c r="AC100776" i="1"/>
  <c r="AC100777" i="1"/>
  <c r="AC100778" i="1"/>
  <c r="AC100779" i="1"/>
  <c r="AC100780" i="1"/>
  <c r="AC100781" i="1"/>
  <c r="AC100782" i="1"/>
  <c r="AC100783" i="1"/>
  <c r="AC100784" i="1"/>
  <c r="AC100785" i="1"/>
  <c r="AC100786" i="1"/>
  <c r="AC100787" i="1"/>
  <c r="AC100788" i="1"/>
  <c r="AC100789" i="1"/>
  <c r="AC100790" i="1"/>
  <c r="AC100791" i="1"/>
  <c r="AC100792" i="1"/>
  <c r="AC100793" i="1"/>
  <c r="AC100794" i="1"/>
  <c r="AC100795" i="1"/>
  <c r="AC100796" i="1"/>
  <c r="AC100797" i="1"/>
  <c r="AC100798" i="1"/>
  <c r="AC100799" i="1"/>
  <c r="AC100800" i="1"/>
  <c r="AC100801" i="1"/>
  <c r="AC100802" i="1"/>
  <c r="AC100803" i="1"/>
  <c r="AC100804" i="1"/>
  <c r="AC100805" i="1"/>
  <c r="AC100806" i="1"/>
  <c r="AC100807" i="1"/>
  <c r="AC100808" i="1"/>
  <c r="AC100809" i="1"/>
  <c r="AC100810" i="1"/>
  <c r="AC100811" i="1"/>
  <c r="AC100812" i="1"/>
  <c r="AC100813" i="1"/>
  <c r="AC100814" i="1"/>
  <c r="AC100815" i="1"/>
  <c r="AC100816" i="1"/>
  <c r="AC100817" i="1"/>
  <c r="AC100818" i="1"/>
  <c r="AC100819" i="1"/>
  <c r="AC100820" i="1"/>
  <c r="AC100821" i="1"/>
  <c r="AC100822" i="1"/>
  <c r="AC100823" i="1"/>
  <c r="AC100824" i="1"/>
  <c r="AC100825" i="1"/>
  <c r="AC100826" i="1"/>
  <c r="AC100827" i="1"/>
  <c r="AC100828" i="1"/>
  <c r="AC100829" i="1"/>
  <c r="AC100830" i="1"/>
  <c r="AC100831" i="1"/>
  <c r="AC100832" i="1"/>
  <c r="AC100833" i="1"/>
  <c r="AC100834" i="1"/>
  <c r="AC100835" i="1"/>
  <c r="AC100836" i="1"/>
  <c r="AC100837" i="1"/>
  <c r="AC100838" i="1"/>
  <c r="AC100839" i="1"/>
  <c r="AC100840" i="1"/>
  <c r="AC100841" i="1"/>
  <c r="AC100842" i="1"/>
  <c r="AC100843" i="1"/>
  <c r="AC100844" i="1"/>
  <c r="AC100845" i="1"/>
  <c r="AC100846" i="1"/>
  <c r="AC100847" i="1"/>
  <c r="AC100848" i="1"/>
  <c r="AC100849" i="1"/>
  <c r="AC100850" i="1"/>
  <c r="AC100851" i="1"/>
  <c r="AC100852" i="1"/>
  <c r="AC100853" i="1"/>
  <c r="AC100854" i="1"/>
  <c r="AC100855" i="1"/>
  <c r="AC100856" i="1"/>
  <c r="AC100857" i="1"/>
  <c r="AC100858" i="1"/>
  <c r="AC100859" i="1"/>
  <c r="AC100860" i="1"/>
  <c r="AC100861" i="1"/>
  <c r="AC100862" i="1"/>
  <c r="AC100863" i="1"/>
  <c r="AC100864" i="1"/>
  <c r="AC100865" i="1"/>
  <c r="AC100866" i="1"/>
  <c r="AC100867" i="1"/>
  <c r="AC100868" i="1"/>
  <c r="AC100869" i="1"/>
  <c r="AC100870" i="1"/>
  <c r="AC100871" i="1"/>
  <c r="AC100872" i="1"/>
  <c r="AC100873" i="1"/>
  <c r="AC100874" i="1"/>
  <c r="AC100875" i="1"/>
  <c r="AC100876" i="1"/>
  <c r="AC100877" i="1"/>
  <c r="AC100878" i="1"/>
  <c r="AC100879" i="1"/>
  <c r="AC100880" i="1"/>
  <c r="AC100881" i="1"/>
  <c r="AC100882" i="1"/>
  <c r="AC100883" i="1"/>
  <c r="AC100884" i="1"/>
  <c r="AC100885" i="1"/>
  <c r="AC100886" i="1"/>
  <c r="AC100887" i="1"/>
  <c r="AC100888" i="1"/>
  <c r="AC100889" i="1"/>
  <c r="AC100890" i="1"/>
  <c r="AC100891" i="1"/>
  <c r="AC100892" i="1"/>
  <c r="AC100893" i="1"/>
  <c r="AC100894" i="1"/>
  <c r="AC100895" i="1"/>
  <c r="AC100896" i="1"/>
  <c r="AC100897" i="1"/>
  <c r="AC100898" i="1"/>
  <c r="AC100899" i="1"/>
  <c r="AC100900" i="1"/>
  <c r="AC100901" i="1"/>
  <c r="AC100902" i="1"/>
  <c r="AC100903" i="1"/>
  <c r="AC100904" i="1"/>
  <c r="AC100905" i="1"/>
  <c r="AC100906" i="1"/>
  <c r="AC100907" i="1"/>
  <c r="AC100908" i="1"/>
  <c r="AC100909" i="1"/>
  <c r="AC100910" i="1"/>
  <c r="AC100911" i="1"/>
  <c r="AC100912" i="1"/>
  <c r="AC100913" i="1"/>
  <c r="AC100914" i="1"/>
  <c r="AC100915" i="1"/>
  <c r="AC100916" i="1"/>
  <c r="AC100917" i="1"/>
  <c r="AC100918" i="1"/>
  <c r="AC100919" i="1"/>
  <c r="AC100920" i="1"/>
  <c r="AC100921" i="1"/>
  <c r="AC100922" i="1"/>
  <c r="AC100923" i="1"/>
  <c r="AC100924" i="1"/>
  <c r="AC100925" i="1"/>
  <c r="AC100926" i="1"/>
  <c r="AC100927" i="1"/>
  <c r="AC100928" i="1"/>
  <c r="AC100929" i="1"/>
  <c r="AC100930" i="1"/>
  <c r="AC100931" i="1"/>
  <c r="AC100932" i="1"/>
  <c r="AC100933" i="1"/>
  <c r="AC100934" i="1"/>
  <c r="AC100935" i="1"/>
  <c r="AC100936" i="1"/>
  <c r="AC100937" i="1"/>
  <c r="AC100938" i="1"/>
  <c r="AC100939" i="1"/>
  <c r="AC100940" i="1"/>
  <c r="AC100941" i="1"/>
  <c r="AC100942" i="1"/>
  <c r="AC100943" i="1"/>
  <c r="AC100944" i="1"/>
  <c r="AC100945" i="1"/>
  <c r="AC100946" i="1"/>
  <c r="AC100947" i="1"/>
  <c r="AC100948" i="1"/>
  <c r="AC100949" i="1"/>
  <c r="AC100950" i="1"/>
  <c r="AC100951" i="1"/>
  <c r="AC100952" i="1"/>
  <c r="AC100953" i="1"/>
  <c r="AC100954" i="1"/>
  <c r="AC100955" i="1"/>
  <c r="AC100956" i="1"/>
  <c r="AC100957" i="1"/>
  <c r="AC100958" i="1"/>
  <c r="AC100959" i="1"/>
  <c r="AC100960" i="1"/>
  <c r="AC100961" i="1"/>
  <c r="AC100962" i="1"/>
  <c r="AC100963" i="1"/>
  <c r="AC100964" i="1"/>
  <c r="AC100965" i="1"/>
  <c r="AC100966" i="1"/>
  <c r="AC100967" i="1"/>
  <c r="AC100968" i="1"/>
  <c r="AC100969" i="1"/>
  <c r="AC100970" i="1"/>
  <c r="AC100971" i="1"/>
  <c r="AC100972" i="1"/>
  <c r="AC100973" i="1"/>
  <c r="AC100974" i="1"/>
  <c r="AC100975" i="1"/>
  <c r="AC100976" i="1"/>
  <c r="AC100977" i="1"/>
  <c r="AC100978" i="1"/>
  <c r="AC100979" i="1"/>
  <c r="AC100980" i="1"/>
  <c r="AC100981" i="1"/>
  <c r="AC100982" i="1"/>
  <c r="AC100983" i="1"/>
  <c r="AC100984" i="1"/>
  <c r="AC100985" i="1"/>
  <c r="AC100986" i="1"/>
  <c r="AC100987" i="1"/>
  <c r="AC100988" i="1"/>
  <c r="AC100989" i="1"/>
  <c r="AC100990" i="1"/>
  <c r="AC100991" i="1"/>
  <c r="AC100992" i="1"/>
  <c r="AC100993" i="1"/>
  <c r="AC100994" i="1"/>
  <c r="AC100995" i="1"/>
  <c r="AC100996" i="1"/>
  <c r="AC100997" i="1"/>
  <c r="AC100998" i="1"/>
  <c r="AC100999" i="1"/>
  <c r="AC101000" i="1"/>
  <c r="AC101001" i="1"/>
  <c r="AC101002" i="1"/>
  <c r="AC101003" i="1"/>
  <c r="AC101004" i="1"/>
  <c r="AC101005" i="1"/>
  <c r="AC101006" i="1"/>
  <c r="AC101007" i="1"/>
  <c r="AC101008" i="1"/>
  <c r="AC101009" i="1"/>
  <c r="AC101010" i="1"/>
  <c r="AC101011" i="1"/>
  <c r="AC101012" i="1"/>
  <c r="AC101013" i="1"/>
  <c r="AC101014" i="1"/>
  <c r="AC101015" i="1"/>
  <c r="AC101016" i="1"/>
  <c r="AC101017" i="1"/>
  <c r="AC101018" i="1"/>
  <c r="AC101019" i="1"/>
  <c r="AC101020" i="1"/>
  <c r="AC101021" i="1"/>
  <c r="AC101022" i="1"/>
  <c r="AC101023" i="1"/>
  <c r="AC101024" i="1"/>
  <c r="AC101025" i="1"/>
  <c r="AC101026" i="1"/>
  <c r="AC101027" i="1"/>
  <c r="AC101028" i="1"/>
  <c r="AC101029" i="1"/>
  <c r="AC101030" i="1"/>
  <c r="AC101031" i="1"/>
  <c r="AC101032" i="1"/>
  <c r="AC101033" i="1"/>
  <c r="AC101034" i="1"/>
  <c r="AC101035" i="1"/>
  <c r="AC101036" i="1"/>
  <c r="AC101037" i="1"/>
  <c r="AC101038" i="1"/>
  <c r="AC101039" i="1"/>
  <c r="AC101040" i="1"/>
  <c r="AC101041" i="1"/>
  <c r="AC101042" i="1"/>
  <c r="AC101043" i="1"/>
  <c r="AC101044" i="1"/>
  <c r="AC101045" i="1"/>
  <c r="AC101046" i="1"/>
  <c r="AC101047" i="1"/>
  <c r="AC101048" i="1"/>
  <c r="AC101049" i="1"/>
  <c r="AC101050" i="1"/>
  <c r="AC101051" i="1"/>
  <c r="AC101052" i="1"/>
  <c r="AC101053" i="1"/>
  <c r="AC101054" i="1"/>
  <c r="AC101055" i="1"/>
  <c r="AC101056" i="1"/>
  <c r="AC101057" i="1"/>
  <c r="AC101058" i="1"/>
  <c r="AC101059" i="1"/>
  <c r="AC101060" i="1"/>
  <c r="AC101061" i="1"/>
  <c r="AC101062" i="1"/>
  <c r="AC101063" i="1"/>
  <c r="AC101064" i="1"/>
  <c r="AC101065" i="1"/>
  <c r="AC101066" i="1"/>
  <c r="AC101067" i="1"/>
  <c r="AC101068" i="1"/>
  <c r="AC101069" i="1"/>
  <c r="AC101070" i="1"/>
  <c r="AC101071" i="1"/>
  <c r="AC101072" i="1"/>
  <c r="AC101073" i="1"/>
  <c r="AC101074" i="1"/>
  <c r="AC101075" i="1"/>
  <c r="AC101076" i="1"/>
  <c r="AC101077" i="1"/>
  <c r="AC101078" i="1"/>
  <c r="AC101079" i="1"/>
  <c r="AC101080" i="1"/>
  <c r="AC101081" i="1"/>
  <c r="AC101082" i="1"/>
  <c r="AC101083" i="1"/>
  <c r="AC101084" i="1"/>
  <c r="AC101085" i="1"/>
  <c r="AC101086" i="1"/>
  <c r="AC101087" i="1"/>
  <c r="AC101088" i="1"/>
  <c r="AC101089" i="1"/>
  <c r="AC101090" i="1"/>
  <c r="AC101091" i="1"/>
  <c r="AC101092" i="1"/>
  <c r="AC101093" i="1"/>
  <c r="AC101094" i="1"/>
  <c r="AC101095" i="1"/>
  <c r="AC101096" i="1"/>
  <c r="AC101097" i="1"/>
  <c r="AC101098" i="1"/>
  <c r="AC101099" i="1"/>
  <c r="AC101100" i="1"/>
  <c r="AC101101" i="1"/>
  <c r="AC101102" i="1"/>
  <c r="AC101103" i="1"/>
  <c r="AC101104" i="1"/>
  <c r="AC101105" i="1"/>
  <c r="AC101106" i="1"/>
  <c r="AC101107" i="1"/>
  <c r="AC101108" i="1"/>
  <c r="AC101109" i="1"/>
  <c r="AC101110" i="1"/>
  <c r="AC101111" i="1"/>
  <c r="AC101112" i="1"/>
  <c r="AC101113" i="1"/>
  <c r="AC101114" i="1"/>
  <c r="AC101115" i="1"/>
  <c r="AC101116" i="1"/>
  <c r="AC101117" i="1"/>
  <c r="AC101118" i="1"/>
  <c r="AC101119" i="1"/>
  <c r="AC101120" i="1"/>
  <c r="AC101121" i="1"/>
  <c r="AC101122" i="1"/>
  <c r="AC101123" i="1"/>
  <c r="AC101124" i="1"/>
  <c r="AC101125" i="1"/>
  <c r="AC101126" i="1"/>
  <c r="AC101127" i="1"/>
  <c r="AC101128" i="1"/>
  <c r="AC101129" i="1"/>
  <c r="AC101130" i="1"/>
  <c r="AC101131" i="1"/>
  <c r="AC101132" i="1"/>
  <c r="AC101133" i="1"/>
  <c r="AC101134" i="1"/>
  <c r="AC101135" i="1"/>
  <c r="AC101136" i="1"/>
  <c r="AC101137" i="1"/>
  <c r="AC101138" i="1"/>
  <c r="AC101139" i="1"/>
  <c r="AC101140" i="1"/>
  <c r="AC101141" i="1"/>
  <c r="AC101142" i="1"/>
  <c r="AC101143" i="1"/>
  <c r="AC101144" i="1"/>
  <c r="AC101145" i="1"/>
  <c r="AC101146" i="1"/>
  <c r="AC101147" i="1"/>
  <c r="AC101148" i="1"/>
  <c r="AC101149" i="1"/>
  <c r="AC101150" i="1"/>
  <c r="AC101151" i="1"/>
  <c r="AC101152" i="1"/>
  <c r="AC101153" i="1"/>
  <c r="AC101154" i="1"/>
  <c r="AC101155" i="1"/>
  <c r="AC101156" i="1"/>
  <c r="AC101157" i="1"/>
  <c r="AC101158" i="1"/>
  <c r="AC101159" i="1"/>
  <c r="AC101160" i="1"/>
  <c r="AC101161" i="1"/>
  <c r="AC101162" i="1"/>
  <c r="AC101163" i="1"/>
  <c r="AC101164" i="1"/>
  <c r="AC101165" i="1"/>
  <c r="AC101166" i="1"/>
  <c r="AC101167" i="1"/>
  <c r="AC101168" i="1"/>
  <c r="AC101169" i="1"/>
  <c r="AC101170" i="1"/>
  <c r="AC101171" i="1"/>
  <c r="AC101172" i="1"/>
  <c r="AC101173" i="1"/>
  <c r="AC101174" i="1"/>
  <c r="AC101175" i="1"/>
  <c r="AC101176" i="1"/>
  <c r="AC101177" i="1"/>
  <c r="AC101178" i="1"/>
  <c r="AC101179" i="1"/>
  <c r="AC101180" i="1"/>
  <c r="AC101181" i="1"/>
  <c r="AC101182" i="1"/>
  <c r="AC101183" i="1"/>
  <c r="AC101184" i="1"/>
  <c r="AC101185" i="1"/>
  <c r="AC101186" i="1"/>
  <c r="AC101187" i="1"/>
  <c r="AC101188" i="1"/>
  <c r="AC101189" i="1"/>
  <c r="AC101190" i="1"/>
  <c r="AC101191" i="1"/>
  <c r="AC101192" i="1"/>
  <c r="AC101193" i="1"/>
  <c r="AC101194" i="1"/>
  <c r="AC101195" i="1"/>
  <c r="AC101196" i="1"/>
  <c r="AC101197" i="1"/>
  <c r="AC101198" i="1"/>
  <c r="AC101199" i="1"/>
  <c r="AC101200" i="1"/>
  <c r="AC101201" i="1"/>
  <c r="AC101202" i="1"/>
  <c r="AC101203" i="1"/>
  <c r="AC101204" i="1"/>
  <c r="AC101205" i="1"/>
  <c r="AC101206" i="1"/>
  <c r="AC101207" i="1"/>
  <c r="AC101208" i="1"/>
  <c r="AC101209" i="1"/>
  <c r="AC101210" i="1"/>
  <c r="AC101211" i="1"/>
  <c r="AC101212" i="1"/>
  <c r="AC101213" i="1"/>
  <c r="AC101214" i="1"/>
  <c r="AC101215" i="1"/>
  <c r="AC101216" i="1"/>
  <c r="AC101217" i="1"/>
  <c r="AC101218" i="1"/>
  <c r="AC101219" i="1"/>
  <c r="AC101220" i="1"/>
  <c r="AC101221" i="1"/>
  <c r="AC101222" i="1"/>
  <c r="AC101223" i="1"/>
  <c r="AC101224" i="1"/>
  <c r="AC101225" i="1"/>
  <c r="AC101226" i="1"/>
  <c r="AC101227" i="1"/>
  <c r="AC101228" i="1"/>
  <c r="AC101229" i="1"/>
  <c r="AC101230" i="1"/>
  <c r="AC101231" i="1"/>
  <c r="AC101232" i="1"/>
  <c r="AC101233" i="1"/>
  <c r="AC101234" i="1"/>
  <c r="AC101235" i="1"/>
  <c r="AC101236" i="1"/>
  <c r="AC101237" i="1"/>
  <c r="AC101238" i="1"/>
  <c r="AC101239" i="1"/>
  <c r="AC101240" i="1"/>
  <c r="AC101241" i="1"/>
  <c r="AC101242" i="1"/>
  <c r="AC101243" i="1"/>
  <c r="AC101244" i="1"/>
  <c r="AC101245" i="1"/>
  <c r="AC101246" i="1"/>
  <c r="AC101247" i="1"/>
  <c r="AC101248" i="1"/>
  <c r="AC101249" i="1"/>
  <c r="AC101250" i="1"/>
  <c r="AC101251" i="1"/>
  <c r="AC101252" i="1"/>
  <c r="AC101253" i="1"/>
  <c r="AC101254" i="1"/>
  <c r="AC101255" i="1"/>
  <c r="AC101256" i="1"/>
  <c r="AC101257" i="1"/>
  <c r="AC101258" i="1"/>
  <c r="AC101259" i="1"/>
  <c r="AC101260" i="1"/>
  <c r="AC101261" i="1"/>
  <c r="AC101262" i="1"/>
  <c r="AC101263" i="1"/>
  <c r="AC101264" i="1"/>
  <c r="AC101265" i="1"/>
  <c r="AC101266" i="1"/>
  <c r="AC101267" i="1"/>
  <c r="AC101268" i="1"/>
  <c r="AC101269" i="1"/>
  <c r="AC101270" i="1"/>
  <c r="AC101271" i="1"/>
  <c r="AC101272" i="1"/>
  <c r="AC101273" i="1"/>
  <c r="AC101274" i="1"/>
  <c r="AC101275" i="1"/>
  <c r="AC101276" i="1"/>
  <c r="AC101277" i="1"/>
  <c r="AC101278" i="1"/>
  <c r="AC101279" i="1"/>
  <c r="AC101280" i="1"/>
  <c r="AC101281" i="1"/>
  <c r="AC101282" i="1"/>
  <c r="AC101283" i="1"/>
  <c r="AC101284" i="1"/>
  <c r="AC101285" i="1"/>
  <c r="AC101286" i="1"/>
  <c r="AC101287" i="1"/>
  <c r="AC101288" i="1"/>
  <c r="AC101289" i="1"/>
  <c r="AC101290" i="1"/>
  <c r="AC101291" i="1"/>
  <c r="AC101292" i="1"/>
  <c r="AC101293" i="1"/>
  <c r="AC101294" i="1"/>
  <c r="AC101295" i="1"/>
  <c r="AC101296" i="1"/>
  <c r="AC101297" i="1"/>
  <c r="AC101298" i="1"/>
  <c r="AC101299" i="1"/>
  <c r="AC101300" i="1"/>
  <c r="AC101301" i="1"/>
  <c r="AC101302" i="1"/>
  <c r="AC101303" i="1"/>
  <c r="AC101304" i="1"/>
  <c r="AC101305" i="1"/>
  <c r="AC101306" i="1"/>
  <c r="AC101307" i="1"/>
  <c r="AC101308" i="1"/>
  <c r="AC101309" i="1"/>
  <c r="AC101310" i="1"/>
  <c r="AC101311" i="1"/>
  <c r="AC101312" i="1"/>
  <c r="AC101313" i="1"/>
  <c r="AC101314" i="1"/>
  <c r="AC101315" i="1"/>
  <c r="AC101316" i="1"/>
  <c r="AC101317" i="1"/>
  <c r="AC101318" i="1"/>
  <c r="AC101319" i="1"/>
  <c r="AC101320" i="1"/>
  <c r="AC101321" i="1"/>
  <c r="AC101322" i="1"/>
  <c r="AC101323" i="1"/>
  <c r="AC101324" i="1"/>
  <c r="AC101325" i="1"/>
  <c r="AC101326" i="1"/>
  <c r="AC101327" i="1"/>
  <c r="AC101328" i="1"/>
  <c r="AC101329" i="1"/>
  <c r="AC101330" i="1"/>
  <c r="AC101331" i="1"/>
  <c r="AC101332" i="1"/>
  <c r="AC101333" i="1"/>
  <c r="AC101334" i="1"/>
  <c r="AC101335" i="1"/>
  <c r="AC101336" i="1"/>
  <c r="AC101337" i="1"/>
  <c r="AC101338" i="1"/>
  <c r="AC101339" i="1"/>
  <c r="AC101340" i="1"/>
  <c r="AC101341" i="1"/>
  <c r="AC101342" i="1"/>
  <c r="AC101343" i="1"/>
  <c r="AC101344" i="1"/>
  <c r="AC101345" i="1"/>
  <c r="AC101346" i="1"/>
  <c r="AC101347" i="1"/>
  <c r="AC101348" i="1"/>
  <c r="AC101349" i="1"/>
  <c r="AC101350" i="1"/>
  <c r="AC101351" i="1"/>
  <c r="AC101352" i="1"/>
  <c r="AC101353" i="1"/>
  <c r="AC101354" i="1"/>
  <c r="AC101355" i="1"/>
  <c r="AC101356" i="1"/>
  <c r="AC101357" i="1"/>
  <c r="AC101358" i="1"/>
  <c r="AC101359" i="1"/>
  <c r="AC101360" i="1"/>
  <c r="AC101361" i="1"/>
  <c r="AC101362" i="1"/>
  <c r="AC101363" i="1"/>
  <c r="AC101364" i="1"/>
  <c r="AC101365" i="1"/>
  <c r="AC101366" i="1"/>
  <c r="AC101367" i="1"/>
  <c r="AC101368" i="1"/>
  <c r="AC101369" i="1"/>
  <c r="AC101370" i="1"/>
  <c r="AC101371" i="1"/>
  <c r="AC101372" i="1"/>
  <c r="AC101373" i="1"/>
  <c r="AC101374" i="1"/>
  <c r="AC101375" i="1"/>
  <c r="AC101376" i="1"/>
  <c r="AC101377" i="1"/>
  <c r="AC101378" i="1"/>
  <c r="AC101379" i="1"/>
  <c r="AC101380" i="1"/>
  <c r="AC101381" i="1"/>
  <c r="AC101382" i="1"/>
  <c r="AC101383" i="1"/>
  <c r="AC101384" i="1"/>
  <c r="AC101385" i="1"/>
  <c r="AC101386" i="1"/>
  <c r="AC101387" i="1"/>
  <c r="AC101388" i="1"/>
  <c r="AC101389" i="1"/>
  <c r="AC101390" i="1"/>
  <c r="AC101391" i="1"/>
  <c r="AC101392" i="1"/>
  <c r="AC101393" i="1"/>
  <c r="AC101394" i="1"/>
  <c r="AC101395" i="1"/>
  <c r="AC101396" i="1"/>
  <c r="AC101397" i="1"/>
  <c r="AC101398" i="1"/>
  <c r="AC101399" i="1"/>
  <c r="AC101400" i="1"/>
  <c r="AC101401" i="1"/>
  <c r="AC101402" i="1"/>
  <c r="AC101403" i="1"/>
  <c r="AC101404" i="1"/>
  <c r="AC101405" i="1"/>
  <c r="AC101406" i="1"/>
  <c r="AC101407" i="1"/>
  <c r="AC101408" i="1"/>
  <c r="AC101409" i="1"/>
  <c r="AC101410" i="1"/>
  <c r="AC101411" i="1"/>
  <c r="AC101412" i="1"/>
  <c r="AC101413" i="1"/>
  <c r="AC101414" i="1"/>
  <c r="AC101415" i="1"/>
  <c r="AC101416" i="1"/>
  <c r="AC101417" i="1"/>
  <c r="AC101418" i="1"/>
  <c r="AC101419" i="1"/>
  <c r="AC101420" i="1"/>
  <c r="AC101421" i="1"/>
  <c r="AC101422" i="1"/>
  <c r="AC101423" i="1"/>
  <c r="AC101424" i="1"/>
  <c r="AC101425" i="1"/>
  <c r="AC101426" i="1"/>
  <c r="AC101427" i="1"/>
  <c r="AC101428" i="1"/>
  <c r="AC101429" i="1"/>
  <c r="AC101430" i="1"/>
  <c r="AC101431" i="1"/>
  <c r="AC101432" i="1"/>
  <c r="AC101433" i="1"/>
  <c r="AC101434" i="1"/>
  <c r="AC101435" i="1"/>
  <c r="AC101436" i="1"/>
  <c r="AC101437" i="1"/>
  <c r="AC101438" i="1"/>
  <c r="AC101439" i="1"/>
  <c r="AC101440" i="1"/>
  <c r="AC101441" i="1"/>
  <c r="AC101442" i="1"/>
  <c r="AC101443" i="1"/>
  <c r="AC101444" i="1"/>
  <c r="AC101445" i="1"/>
  <c r="AC101446" i="1"/>
  <c r="AC101447" i="1"/>
  <c r="AC101448" i="1"/>
  <c r="AC101449" i="1"/>
  <c r="AC101450" i="1"/>
  <c r="AC101451" i="1"/>
  <c r="AC101452" i="1"/>
  <c r="AC101453" i="1"/>
  <c r="AC101454" i="1"/>
  <c r="AC101455" i="1"/>
  <c r="AC101456" i="1"/>
  <c r="AC101457" i="1"/>
  <c r="AC101458" i="1"/>
  <c r="AC101459" i="1"/>
  <c r="AC101460" i="1"/>
  <c r="AC101461" i="1"/>
  <c r="AC101462" i="1"/>
  <c r="AC101463" i="1"/>
  <c r="AC101464" i="1"/>
  <c r="AC101465" i="1"/>
  <c r="AC101466" i="1"/>
  <c r="AC101467" i="1"/>
  <c r="AC101468" i="1"/>
  <c r="AC101469" i="1"/>
  <c r="AC101470" i="1"/>
  <c r="AC101471" i="1"/>
  <c r="AC101472" i="1"/>
  <c r="AC101473" i="1"/>
  <c r="AC101474" i="1"/>
  <c r="AC101475" i="1"/>
  <c r="AC101476" i="1"/>
  <c r="AC101477" i="1"/>
  <c r="AC101478" i="1"/>
  <c r="AC101479" i="1"/>
  <c r="AC101480" i="1"/>
  <c r="AC101481" i="1"/>
  <c r="AC101482" i="1"/>
  <c r="AC101483" i="1"/>
  <c r="AC101484" i="1"/>
  <c r="AC101485" i="1"/>
  <c r="AC101486" i="1"/>
  <c r="AC101487" i="1"/>
  <c r="AC101488" i="1"/>
  <c r="AC101489" i="1"/>
  <c r="AC101490" i="1"/>
  <c r="AC101491" i="1"/>
  <c r="AC101492" i="1"/>
  <c r="AC101493" i="1"/>
  <c r="AC101494" i="1"/>
  <c r="AC101495" i="1"/>
  <c r="AC101496" i="1"/>
  <c r="AC101497" i="1"/>
  <c r="AC101498" i="1"/>
  <c r="AC101499" i="1"/>
  <c r="AC101500" i="1"/>
  <c r="AC101501" i="1"/>
  <c r="AC101502" i="1"/>
  <c r="AC101503" i="1"/>
  <c r="AC101504" i="1"/>
  <c r="AC101505" i="1"/>
  <c r="AC101506" i="1"/>
  <c r="AC101507" i="1"/>
  <c r="AC101508" i="1"/>
  <c r="AC101509" i="1"/>
  <c r="AC101510" i="1"/>
  <c r="AC101511" i="1"/>
  <c r="AC101512" i="1"/>
  <c r="AC101513" i="1"/>
  <c r="AC101514" i="1"/>
  <c r="AC101515" i="1"/>
  <c r="AC101516" i="1"/>
  <c r="AC101517" i="1"/>
  <c r="AC101518" i="1"/>
  <c r="AC101519" i="1"/>
  <c r="AC101520" i="1"/>
  <c r="AC101521" i="1"/>
  <c r="AC101522" i="1"/>
  <c r="AC101523" i="1"/>
  <c r="AC101524" i="1"/>
  <c r="AC101525" i="1"/>
  <c r="AC101526" i="1"/>
  <c r="AC101527" i="1"/>
  <c r="AC101528" i="1"/>
  <c r="AC101529" i="1"/>
  <c r="AC101530" i="1"/>
  <c r="AC101531" i="1"/>
  <c r="AC101532" i="1"/>
  <c r="AC101533" i="1"/>
  <c r="AC101534" i="1"/>
  <c r="AC101535" i="1"/>
  <c r="AC101536" i="1"/>
  <c r="AC101537" i="1"/>
  <c r="AC101538" i="1"/>
  <c r="AC101539" i="1"/>
  <c r="AC101540" i="1"/>
  <c r="AC101541" i="1"/>
  <c r="AC101542" i="1"/>
  <c r="AC101543" i="1"/>
  <c r="AC101544" i="1"/>
  <c r="AC101545" i="1"/>
  <c r="AC101546" i="1"/>
  <c r="AC101547" i="1"/>
  <c r="AC101548" i="1"/>
  <c r="AC101549" i="1"/>
  <c r="AC101550" i="1"/>
  <c r="AC101551" i="1"/>
  <c r="AC101552" i="1"/>
  <c r="AC101553" i="1"/>
  <c r="AC101554" i="1"/>
  <c r="AC101555" i="1"/>
  <c r="AC101556" i="1"/>
  <c r="AC101557" i="1"/>
  <c r="AC101558" i="1"/>
  <c r="AC101559" i="1"/>
  <c r="AC101560" i="1"/>
  <c r="AC101561" i="1"/>
  <c r="AC101562" i="1"/>
  <c r="AC101563" i="1"/>
  <c r="AC101564" i="1"/>
  <c r="AC101565" i="1"/>
  <c r="AC101566" i="1"/>
  <c r="AC101567" i="1"/>
  <c r="AC101568" i="1"/>
  <c r="AC101569" i="1"/>
  <c r="AC101570" i="1"/>
  <c r="AC101571" i="1"/>
  <c r="AC101572" i="1"/>
  <c r="AC101573" i="1"/>
  <c r="AC101574" i="1"/>
  <c r="AC101575" i="1"/>
  <c r="AC101576" i="1"/>
  <c r="AC101577" i="1"/>
  <c r="AC101578" i="1"/>
  <c r="AC101579" i="1"/>
  <c r="AC101580" i="1"/>
  <c r="AC101581" i="1"/>
  <c r="AC101582" i="1"/>
  <c r="AC101583" i="1"/>
  <c r="AC101584" i="1"/>
  <c r="AC101585" i="1"/>
  <c r="AC101586" i="1"/>
  <c r="AC101587" i="1"/>
  <c r="AC101588" i="1"/>
  <c r="AC101589" i="1"/>
  <c r="AC101590" i="1"/>
  <c r="AC101591" i="1"/>
  <c r="AC101592" i="1"/>
  <c r="AC101593" i="1"/>
  <c r="AC101594" i="1"/>
  <c r="AC101595" i="1"/>
  <c r="AC101596" i="1"/>
  <c r="AC101597" i="1"/>
  <c r="AC101598" i="1"/>
  <c r="AC101599" i="1"/>
  <c r="AC101600" i="1"/>
  <c r="AC101601" i="1"/>
  <c r="AC101602" i="1"/>
  <c r="AC101603" i="1"/>
  <c r="AC101604" i="1"/>
  <c r="AC101605" i="1"/>
  <c r="AC101606" i="1"/>
  <c r="AC101607" i="1"/>
  <c r="AC101608" i="1"/>
  <c r="AC101609" i="1"/>
  <c r="AC101610" i="1"/>
  <c r="AC101611" i="1"/>
  <c r="AC101612" i="1"/>
  <c r="AC101613" i="1"/>
  <c r="AC101614" i="1"/>
  <c r="AC101615" i="1"/>
  <c r="AC101616" i="1"/>
  <c r="AC101617" i="1"/>
  <c r="AC101618" i="1"/>
  <c r="AC101619" i="1"/>
  <c r="AC101620" i="1"/>
  <c r="AC101621" i="1"/>
  <c r="AC101622" i="1"/>
  <c r="AC101623" i="1"/>
  <c r="AC101624" i="1"/>
  <c r="AC101625" i="1"/>
  <c r="AC101626" i="1"/>
  <c r="AC101627" i="1"/>
  <c r="AC101628" i="1"/>
  <c r="AC101629" i="1"/>
  <c r="AC101630" i="1"/>
  <c r="AC101631" i="1"/>
  <c r="AC101632" i="1"/>
  <c r="AC101633" i="1"/>
  <c r="AC101634" i="1"/>
  <c r="AC101635" i="1"/>
  <c r="AC101636" i="1"/>
  <c r="AC101637" i="1"/>
  <c r="AC101638" i="1"/>
  <c r="AC101639" i="1"/>
  <c r="AC101640" i="1"/>
  <c r="AC101641" i="1"/>
  <c r="AC101642" i="1"/>
  <c r="AC101643" i="1"/>
  <c r="AC101644" i="1"/>
  <c r="AC101645" i="1"/>
  <c r="AC101646" i="1"/>
  <c r="AC101647" i="1"/>
  <c r="AC101648" i="1"/>
  <c r="AC101649" i="1"/>
  <c r="AC101650" i="1"/>
  <c r="AC101651" i="1"/>
  <c r="AC101652" i="1"/>
  <c r="AC101653" i="1"/>
  <c r="AC101654" i="1"/>
  <c r="AC101655" i="1"/>
  <c r="AC101656" i="1"/>
  <c r="AC101657" i="1"/>
  <c r="AC101658" i="1"/>
  <c r="AC101659" i="1"/>
  <c r="AC101660" i="1"/>
  <c r="AC101661" i="1"/>
  <c r="AC101662" i="1"/>
  <c r="AC101663" i="1"/>
  <c r="AC101664" i="1"/>
  <c r="AC101665" i="1"/>
  <c r="AC101666" i="1"/>
  <c r="AC101667" i="1"/>
  <c r="AC101668" i="1"/>
  <c r="AC101669" i="1"/>
  <c r="AC101670" i="1"/>
  <c r="AC101671" i="1"/>
  <c r="AC101672" i="1"/>
  <c r="AC101673" i="1"/>
  <c r="AC101674" i="1"/>
  <c r="AC101675" i="1"/>
  <c r="AC101676" i="1"/>
  <c r="AC101677" i="1"/>
  <c r="AC101678" i="1"/>
  <c r="AC101679" i="1"/>
  <c r="AC101680" i="1"/>
  <c r="AC101681" i="1"/>
  <c r="AC101682" i="1"/>
  <c r="AC101683" i="1"/>
  <c r="AC101684" i="1"/>
  <c r="AC101685" i="1"/>
  <c r="AC101686" i="1"/>
  <c r="AC101687" i="1"/>
  <c r="AC101688" i="1"/>
  <c r="AC101689" i="1"/>
  <c r="AC101690" i="1"/>
  <c r="AC101691" i="1"/>
  <c r="AC101692" i="1"/>
  <c r="AC101693" i="1"/>
  <c r="AC101694" i="1"/>
  <c r="AC101695" i="1"/>
  <c r="AC101696" i="1"/>
  <c r="AC101697" i="1"/>
  <c r="AC101698" i="1"/>
  <c r="AC101699" i="1"/>
  <c r="AC101700" i="1"/>
  <c r="AC101701" i="1"/>
  <c r="AC101702" i="1"/>
  <c r="AC101703" i="1"/>
  <c r="AC101704" i="1"/>
  <c r="AC101705" i="1"/>
  <c r="AC101706" i="1"/>
  <c r="AC101707" i="1"/>
  <c r="AC101708" i="1"/>
  <c r="AC101709" i="1"/>
  <c r="AC101710" i="1"/>
  <c r="AC101711" i="1"/>
  <c r="AC101712" i="1"/>
  <c r="AC101713" i="1"/>
  <c r="AC101714" i="1"/>
  <c r="AC101715" i="1"/>
  <c r="AC101716" i="1"/>
  <c r="AC101717" i="1"/>
  <c r="AC101718" i="1"/>
  <c r="AC101719" i="1"/>
  <c r="AC101720" i="1"/>
  <c r="AC101721" i="1"/>
  <c r="AC101722" i="1"/>
  <c r="AC101723" i="1"/>
  <c r="AC101724" i="1"/>
  <c r="AC101725" i="1"/>
  <c r="AC101726" i="1"/>
  <c r="AC101727" i="1"/>
  <c r="AC101728" i="1"/>
  <c r="AC101729" i="1"/>
  <c r="AC101730" i="1"/>
  <c r="AC101731" i="1"/>
  <c r="AC101732" i="1"/>
  <c r="AC101733" i="1"/>
  <c r="AC101734" i="1"/>
  <c r="AC101735" i="1"/>
  <c r="AC101736" i="1"/>
  <c r="AC101737" i="1"/>
  <c r="AC101738" i="1"/>
  <c r="AC101739" i="1"/>
  <c r="AC101740" i="1"/>
  <c r="AC101741" i="1"/>
  <c r="AC101742" i="1"/>
  <c r="AC101743" i="1"/>
  <c r="AC101744" i="1"/>
  <c r="AC101745" i="1"/>
  <c r="AC101746" i="1"/>
  <c r="AC101747" i="1"/>
  <c r="AC101748" i="1"/>
  <c r="AC101749" i="1"/>
  <c r="AC101750" i="1"/>
  <c r="AC101751" i="1"/>
  <c r="AC101752" i="1"/>
  <c r="AC101753" i="1"/>
  <c r="AC101754" i="1"/>
  <c r="AC101755" i="1"/>
  <c r="AC101756" i="1"/>
  <c r="AC101757" i="1"/>
  <c r="AC101758" i="1"/>
  <c r="AC101759" i="1"/>
  <c r="AC101760" i="1"/>
  <c r="AC101761" i="1"/>
  <c r="AC101762" i="1"/>
  <c r="AC101763" i="1"/>
  <c r="AC101764" i="1"/>
  <c r="AC101765" i="1"/>
  <c r="AC101766" i="1"/>
  <c r="AC101767" i="1"/>
  <c r="AC101768" i="1"/>
  <c r="AC101769" i="1"/>
  <c r="AC101770" i="1"/>
  <c r="AC101771" i="1"/>
  <c r="AC101772" i="1"/>
  <c r="AC101773" i="1"/>
  <c r="AC101774" i="1"/>
  <c r="AC101775" i="1"/>
  <c r="AC101776" i="1"/>
  <c r="AC101777" i="1"/>
  <c r="AC101778" i="1"/>
  <c r="AC101779" i="1"/>
  <c r="AC101780" i="1"/>
  <c r="AC101781" i="1"/>
  <c r="AC101782" i="1"/>
  <c r="AC101783" i="1"/>
  <c r="AC101784" i="1"/>
  <c r="AC101785" i="1"/>
  <c r="AC101786" i="1"/>
  <c r="AC101787" i="1"/>
  <c r="AC101788" i="1"/>
  <c r="AC101789" i="1"/>
  <c r="AC101790" i="1"/>
  <c r="AC101791" i="1"/>
  <c r="AC101792" i="1"/>
  <c r="AC101793" i="1"/>
  <c r="AC101794" i="1"/>
  <c r="AC101795" i="1"/>
  <c r="AC101796" i="1"/>
  <c r="AC101797" i="1"/>
  <c r="AC101798" i="1"/>
  <c r="AC101799" i="1"/>
  <c r="AC101800" i="1"/>
  <c r="AC101801" i="1"/>
  <c r="AC101802" i="1"/>
  <c r="AC101803" i="1"/>
  <c r="AC101804" i="1"/>
  <c r="AC101805" i="1"/>
  <c r="AC101806" i="1"/>
  <c r="AC101807" i="1"/>
  <c r="AC101808" i="1"/>
  <c r="AC101809" i="1"/>
  <c r="AC101810" i="1"/>
  <c r="AC101811" i="1"/>
  <c r="AC101812" i="1"/>
  <c r="AC101813" i="1"/>
  <c r="AC101814" i="1"/>
  <c r="AC101815" i="1"/>
  <c r="AC101816" i="1"/>
  <c r="AC101817" i="1"/>
  <c r="AC101818" i="1"/>
  <c r="AC101819" i="1"/>
  <c r="AC101820" i="1"/>
  <c r="AC101821" i="1"/>
  <c r="AC101822" i="1"/>
  <c r="AC101823" i="1"/>
  <c r="AC101824" i="1"/>
  <c r="AC101825" i="1"/>
  <c r="AC101826" i="1"/>
  <c r="AC101827" i="1"/>
  <c r="AC101828" i="1"/>
  <c r="AC101829" i="1"/>
  <c r="AC101830" i="1"/>
  <c r="AC101831" i="1"/>
  <c r="AC101832" i="1"/>
  <c r="AC101833" i="1"/>
  <c r="AC101834" i="1"/>
  <c r="AC101835" i="1"/>
  <c r="AC101836" i="1"/>
  <c r="AC101837" i="1"/>
  <c r="AC101838" i="1"/>
  <c r="AC101839" i="1"/>
  <c r="AC101840" i="1"/>
  <c r="AC101841" i="1"/>
  <c r="AC101842" i="1"/>
  <c r="AC101843" i="1"/>
  <c r="AC101844" i="1"/>
  <c r="AC101845" i="1"/>
  <c r="AC101846" i="1"/>
  <c r="AC101847" i="1"/>
  <c r="AC101848" i="1"/>
  <c r="AC101849" i="1"/>
  <c r="AC101850" i="1"/>
  <c r="AC101851" i="1"/>
  <c r="AC101852" i="1"/>
  <c r="AC101853" i="1"/>
  <c r="AC101854" i="1"/>
  <c r="AC101855" i="1"/>
  <c r="AC101856" i="1"/>
  <c r="AC101857" i="1"/>
  <c r="AC101858" i="1"/>
  <c r="AC101859" i="1"/>
  <c r="AC101860" i="1"/>
  <c r="AC101861" i="1"/>
  <c r="AC101862" i="1"/>
  <c r="AC101863" i="1"/>
  <c r="AC101864" i="1"/>
  <c r="AC101865" i="1"/>
  <c r="AC101866" i="1"/>
  <c r="AC101867" i="1"/>
  <c r="AC101868" i="1"/>
  <c r="AC101869" i="1"/>
  <c r="AC101870" i="1"/>
  <c r="AC101871" i="1"/>
  <c r="AC101872" i="1"/>
  <c r="AC101873" i="1"/>
  <c r="AC101874" i="1"/>
  <c r="AC101875" i="1"/>
  <c r="AC101876" i="1"/>
  <c r="AC101877" i="1"/>
  <c r="AC101878" i="1"/>
  <c r="AC101879" i="1"/>
  <c r="AC101880" i="1"/>
  <c r="AC101881" i="1"/>
  <c r="AC101882" i="1"/>
  <c r="AC101883" i="1"/>
  <c r="AC101884" i="1"/>
  <c r="AC101885" i="1"/>
  <c r="AC101886" i="1"/>
  <c r="AC101887" i="1"/>
  <c r="AC101888" i="1"/>
  <c r="AC101889" i="1"/>
  <c r="AC101890" i="1"/>
  <c r="AC101891" i="1"/>
  <c r="AC101892" i="1"/>
  <c r="AC101893" i="1"/>
  <c r="AC101894" i="1"/>
  <c r="AC101895" i="1"/>
  <c r="AC101896" i="1"/>
  <c r="AC101897" i="1"/>
  <c r="AC101898" i="1"/>
  <c r="AC101899" i="1"/>
  <c r="AC101900" i="1"/>
  <c r="AC101901" i="1"/>
  <c r="AC101902" i="1"/>
  <c r="AC101903" i="1"/>
  <c r="AC101904" i="1"/>
  <c r="AC101905" i="1"/>
  <c r="AC101906" i="1"/>
  <c r="AC101907" i="1"/>
  <c r="AC101908" i="1"/>
  <c r="AC101909" i="1"/>
  <c r="AC101910" i="1"/>
  <c r="AC101911" i="1"/>
  <c r="AC101912" i="1"/>
  <c r="AC101913" i="1"/>
  <c r="AC101914" i="1"/>
  <c r="AC101915" i="1"/>
  <c r="AC101916" i="1"/>
  <c r="AC101917" i="1"/>
  <c r="AC101918" i="1"/>
  <c r="AC101919" i="1"/>
  <c r="AC101920" i="1"/>
  <c r="AC101921" i="1"/>
  <c r="AC101922" i="1"/>
  <c r="AC101923" i="1"/>
  <c r="AC101924" i="1"/>
  <c r="AC101925" i="1"/>
  <c r="AC101926" i="1"/>
  <c r="AC101927" i="1"/>
  <c r="AC101928" i="1"/>
  <c r="AC101929" i="1"/>
  <c r="AC101930" i="1"/>
  <c r="AC101931" i="1"/>
  <c r="AC101932" i="1"/>
  <c r="AC101933" i="1"/>
  <c r="AC101934" i="1"/>
  <c r="AC101935" i="1"/>
  <c r="AC101936" i="1"/>
  <c r="AC101937" i="1"/>
  <c r="AC101938" i="1"/>
  <c r="AC101939" i="1"/>
  <c r="AC101940" i="1"/>
  <c r="AC101941" i="1"/>
  <c r="AC101942" i="1"/>
  <c r="AC101943" i="1"/>
  <c r="AC101944" i="1"/>
  <c r="AC101945" i="1"/>
  <c r="AC101946" i="1"/>
  <c r="AC101947" i="1"/>
  <c r="AC101948" i="1"/>
  <c r="AC101949" i="1"/>
  <c r="AC101950" i="1"/>
  <c r="AC101951" i="1"/>
  <c r="AC101952" i="1"/>
  <c r="AC101953" i="1"/>
  <c r="AC101954" i="1"/>
  <c r="AC101955" i="1"/>
  <c r="AC101956" i="1"/>
  <c r="AC101957" i="1"/>
  <c r="AC101958" i="1"/>
  <c r="AC101959" i="1"/>
  <c r="AC101960" i="1"/>
  <c r="AC101961" i="1"/>
  <c r="AC101962" i="1"/>
  <c r="AC101963" i="1"/>
  <c r="AC101964" i="1"/>
  <c r="AC101965" i="1"/>
  <c r="AC101966" i="1"/>
  <c r="AC101967" i="1"/>
  <c r="AC101968" i="1"/>
  <c r="AC101969" i="1"/>
  <c r="AC101970" i="1"/>
  <c r="AC101971" i="1"/>
  <c r="AC101972" i="1"/>
  <c r="AC101973" i="1"/>
  <c r="AC101974" i="1"/>
  <c r="AC101975" i="1"/>
  <c r="AC101976" i="1"/>
  <c r="AC101977" i="1"/>
  <c r="AC101978" i="1"/>
  <c r="AC101979" i="1"/>
  <c r="AC101980" i="1"/>
  <c r="AC101981" i="1"/>
  <c r="AC101982" i="1"/>
  <c r="AC101983" i="1"/>
  <c r="AC101984" i="1"/>
  <c r="AC101985" i="1"/>
  <c r="AC101986" i="1"/>
  <c r="AC101987" i="1"/>
  <c r="AC101988" i="1"/>
  <c r="AC101989" i="1"/>
  <c r="AC101990" i="1"/>
  <c r="AC101991" i="1"/>
  <c r="AC101992" i="1"/>
  <c r="AC101993" i="1"/>
  <c r="AC101994" i="1"/>
  <c r="AC101995" i="1"/>
  <c r="AC101996" i="1"/>
  <c r="AC101997" i="1"/>
  <c r="AC101998" i="1"/>
  <c r="AC101999" i="1"/>
  <c r="AC102000" i="1"/>
  <c r="AC102001" i="1"/>
  <c r="AC102002" i="1"/>
  <c r="AC102003" i="1"/>
  <c r="AC102004" i="1"/>
  <c r="AC102005" i="1"/>
  <c r="AC102006" i="1"/>
  <c r="AC102007" i="1"/>
  <c r="AC102008" i="1"/>
  <c r="AC102009" i="1"/>
  <c r="AC102010" i="1"/>
  <c r="AC102011" i="1"/>
  <c r="AC102012" i="1"/>
  <c r="AC102013" i="1"/>
  <c r="AC102014" i="1"/>
  <c r="AC102015" i="1"/>
  <c r="AC102016" i="1"/>
  <c r="AC102017" i="1"/>
  <c r="AC102018" i="1"/>
  <c r="AC102019" i="1"/>
  <c r="AC102020" i="1"/>
  <c r="AC102021" i="1"/>
  <c r="AC102022" i="1"/>
  <c r="AC102023" i="1"/>
  <c r="AC102024" i="1"/>
  <c r="AC102025" i="1"/>
  <c r="AC102026" i="1"/>
  <c r="AC102027" i="1"/>
  <c r="AC102028" i="1"/>
  <c r="AC102029" i="1"/>
  <c r="AC102030" i="1"/>
  <c r="AC102031" i="1"/>
  <c r="AC102032" i="1"/>
  <c r="AC102033" i="1"/>
  <c r="AC102034" i="1"/>
  <c r="AC102035" i="1"/>
  <c r="AC102036" i="1"/>
  <c r="AC102037" i="1"/>
  <c r="AC102038" i="1"/>
  <c r="AC102039" i="1"/>
  <c r="AC102040" i="1"/>
  <c r="AC102041" i="1"/>
  <c r="AC102042" i="1"/>
  <c r="AC102043" i="1"/>
  <c r="AC102044" i="1"/>
  <c r="AC102045" i="1"/>
  <c r="AC102046" i="1"/>
  <c r="AC102047" i="1"/>
  <c r="AC102048" i="1"/>
  <c r="AC102049" i="1"/>
  <c r="AC102050" i="1"/>
  <c r="AC102051" i="1"/>
  <c r="AC102052" i="1"/>
  <c r="AC102053" i="1"/>
  <c r="AC102054" i="1"/>
  <c r="AC102055" i="1"/>
  <c r="AC102056" i="1"/>
  <c r="AC102057" i="1"/>
  <c r="AC102058" i="1"/>
  <c r="AC102059" i="1"/>
  <c r="AC102060" i="1"/>
  <c r="AC102061" i="1"/>
  <c r="AC102062" i="1"/>
  <c r="AC102063" i="1"/>
  <c r="AC102064" i="1"/>
  <c r="AC102065" i="1"/>
  <c r="AC102066" i="1"/>
  <c r="AC102067" i="1"/>
  <c r="AC102068" i="1"/>
  <c r="AC102069" i="1"/>
  <c r="AC102070" i="1"/>
  <c r="AC102071" i="1"/>
  <c r="AC102072" i="1"/>
  <c r="AC102073" i="1"/>
  <c r="AC102074" i="1"/>
  <c r="AC102075" i="1"/>
  <c r="AC102076" i="1"/>
  <c r="AC102077" i="1"/>
  <c r="AC102078" i="1"/>
  <c r="AC102079" i="1"/>
  <c r="AC102080" i="1"/>
  <c r="AC102081" i="1"/>
  <c r="AC102082" i="1"/>
  <c r="AC102083" i="1"/>
  <c r="AC102084" i="1"/>
  <c r="AC102085" i="1"/>
  <c r="AC102086" i="1"/>
  <c r="AC102087" i="1"/>
  <c r="AC102088" i="1"/>
  <c r="AC102089" i="1"/>
  <c r="AC102090" i="1"/>
  <c r="AC102091" i="1"/>
  <c r="AC102092" i="1"/>
  <c r="AC102093" i="1"/>
  <c r="AC102094" i="1"/>
  <c r="AC102095" i="1"/>
  <c r="AC102096" i="1"/>
  <c r="AC102097" i="1"/>
  <c r="AC102098" i="1"/>
  <c r="AC102099" i="1"/>
  <c r="AC102100" i="1"/>
  <c r="AC102101" i="1"/>
  <c r="AC102102" i="1"/>
  <c r="AC102103" i="1"/>
  <c r="AC102104" i="1"/>
  <c r="AC102105" i="1"/>
  <c r="AC102106" i="1"/>
  <c r="AC102107" i="1"/>
  <c r="AC102108" i="1"/>
  <c r="AC102109" i="1"/>
  <c r="AC102110" i="1"/>
  <c r="AC102111" i="1"/>
  <c r="AC102112" i="1"/>
  <c r="AC102113" i="1"/>
  <c r="AC102114" i="1"/>
  <c r="AC102115" i="1"/>
  <c r="AC102116" i="1"/>
  <c r="AC102117" i="1"/>
  <c r="AC102118" i="1"/>
  <c r="AC102119" i="1"/>
  <c r="AC102120" i="1"/>
  <c r="AC102121" i="1"/>
  <c r="AC102122" i="1"/>
  <c r="AC102123" i="1"/>
  <c r="AC102124" i="1"/>
  <c r="AC102125" i="1"/>
  <c r="AC102126" i="1"/>
  <c r="AC102127" i="1"/>
  <c r="AC102128" i="1"/>
  <c r="AC102129" i="1"/>
  <c r="AC102130" i="1"/>
  <c r="AC102131" i="1"/>
  <c r="AC102132" i="1"/>
  <c r="AC102133" i="1"/>
  <c r="AC102134" i="1"/>
  <c r="AC102135" i="1"/>
  <c r="AC102136" i="1"/>
  <c r="AC102137" i="1"/>
  <c r="AC102138" i="1"/>
  <c r="AC102139" i="1"/>
  <c r="AC102140" i="1"/>
  <c r="AC102141" i="1"/>
  <c r="AC102142" i="1"/>
  <c r="AC102143" i="1"/>
  <c r="AC102144" i="1"/>
  <c r="AC102145" i="1"/>
  <c r="AC102146" i="1"/>
  <c r="AC102147" i="1"/>
  <c r="AC102148" i="1"/>
  <c r="AC102149" i="1"/>
  <c r="AC102150" i="1"/>
  <c r="AC102151" i="1"/>
  <c r="AC102152" i="1"/>
  <c r="AC102153" i="1"/>
  <c r="AC102154" i="1"/>
  <c r="AC102155" i="1"/>
  <c r="AC102156" i="1"/>
  <c r="AC102157" i="1"/>
  <c r="AC102158" i="1"/>
  <c r="AC102159" i="1"/>
  <c r="AC102160" i="1"/>
  <c r="AC102161" i="1"/>
  <c r="AC102162" i="1"/>
  <c r="AC102163" i="1"/>
  <c r="AC102164" i="1"/>
  <c r="AC102165" i="1"/>
  <c r="AC102166" i="1"/>
  <c r="AC102167" i="1"/>
  <c r="AC102168" i="1"/>
  <c r="AC102169" i="1"/>
  <c r="AC102170" i="1"/>
  <c r="AC102171" i="1"/>
  <c r="AC102172" i="1"/>
  <c r="AC102173" i="1"/>
  <c r="AC102174" i="1"/>
  <c r="AC102175" i="1"/>
  <c r="AC102176" i="1"/>
  <c r="AC102177" i="1"/>
  <c r="AC102178" i="1"/>
  <c r="AC102179" i="1"/>
  <c r="AC102180" i="1"/>
  <c r="AC102181" i="1"/>
  <c r="AC102182" i="1"/>
  <c r="AC102183" i="1"/>
  <c r="AC102184" i="1"/>
  <c r="AC102185" i="1"/>
  <c r="AC102186" i="1"/>
  <c r="AC102187" i="1"/>
  <c r="AC102188" i="1"/>
  <c r="AC102189" i="1"/>
  <c r="AC102190" i="1"/>
  <c r="AC102191" i="1"/>
  <c r="AC102192" i="1"/>
  <c r="AC102193" i="1"/>
  <c r="AC102194" i="1"/>
  <c r="AC102195" i="1"/>
  <c r="AC102196" i="1"/>
  <c r="AC102197" i="1"/>
  <c r="AC102198" i="1"/>
  <c r="AC102199" i="1"/>
  <c r="AC102200" i="1"/>
  <c r="AC102201" i="1"/>
  <c r="AC102202" i="1"/>
  <c r="AC102203" i="1"/>
  <c r="AC102204" i="1"/>
  <c r="AC102205" i="1"/>
  <c r="AC102206" i="1"/>
  <c r="AC102207" i="1"/>
  <c r="AC102208" i="1"/>
  <c r="AC102209" i="1"/>
  <c r="AC102210" i="1"/>
  <c r="AC102211" i="1"/>
  <c r="AC102212" i="1"/>
  <c r="AC102213" i="1"/>
  <c r="AC102214" i="1"/>
  <c r="AC102215" i="1"/>
  <c r="AC102216" i="1"/>
  <c r="AC102217" i="1"/>
  <c r="AC102218" i="1"/>
  <c r="AC102219" i="1"/>
  <c r="AC102220" i="1"/>
  <c r="AC102221" i="1"/>
  <c r="AC102222" i="1"/>
  <c r="AC102223" i="1"/>
  <c r="AC102224" i="1"/>
  <c r="AC102225" i="1"/>
  <c r="AC102226" i="1"/>
  <c r="AC102227" i="1"/>
  <c r="AC102228" i="1"/>
  <c r="AC102229" i="1"/>
  <c r="AC102230" i="1"/>
  <c r="AC102231" i="1"/>
  <c r="AC102232" i="1"/>
  <c r="AC102233" i="1"/>
  <c r="AC102234" i="1"/>
  <c r="AC102235" i="1"/>
  <c r="AC102236" i="1"/>
  <c r="AC102237" i="1"/>
  <c r="AC102238" i="1"/>
  <c r="AC102239" i="1"/>
  <c r="AC102240" i="1"/>
  <c r="AC102241" i="1"/>
  <c r="AC102242" i="1"/>
  <c r="AC102243" i="1"/>
  <c r="AC102244" i="1"/>
  <c r="AC102245" i="1"/>
  <c r="AC102246" i="1"/>
  <c r="AC102247" i="1"/>
  <c r="AC102248" i="1"/>
  <c r="AC102249" i="1"/>
  <c r="AC102250" i="1"/>
  <c r="AC102251" i="1"/>
  <c r="AC102252" i="1"/>
  <c r="AC102253" i="1"/>
  <c r="AC102254" i="1"/>
  <c r="AC102255" i="1"/>
  <c r="AC102256" i="1"/>
  <c r="AC102257" i="1"/>
  <c r="AC102258" i="1"/>
  <c r="AC102259" i="1"/>
  <c r="AC102260" i="1"/>
  <c r="AC102261" i="1"/>
  <c r="AC102262" i="1"/>
  <c r="AC102263" i="1"/>
  <c r="AC102264" i="1"/>
  <c r="AC102265" i="1"/>
  <c r="AC102266" i="1"/>
  <c r="AC102267" i="1"/>
  <c r="AC102268" i="1"/>
  <c r="AC102269" i="1"/>
  <c r="AC102270" i="1"/>
  <c r="AC102271" i="1"/>
  <c r="AC102272" i="1"/>
  <c r="AC102273" i="1"/>
  <c r="AC102274" i="1"/>
  <c r="AC102275" i="1"/>
  <c r="AC102276" i="1"/>
  <c r="AC102277" i="1"/>
  <c r="AC102278" i="1"/>
  <c r="AC102279" i="1"/>
  <c r="AC102280" i="1"/>
  <c r="AC102281" i="1"/>
  <c r="AC102282" i="1"/>
  <c r="AC102283" i="1"/>
  <c r="AC102284" i="1"/>
  <c r="AC102285" i="1"/>
  <c r="AC102286" i="1"/>
  <c r="AC102287" i="1"/>
  <c r="AC102288" i="1"/>
  <c r="AC102289" i="1"/>
  <c r="AC102290" i="1"/>
  <c r="AC102291" i="1"/>
  <c r="AC102292" i="1"/>
  <c r="AC102293" i="1"/>
  <c r="AC102294" i="1"/>
  <c r="AC102295" i="1"/>
  <c r="AC102296" i="1"/>
  <c r="AC102297" i="1"/>
  <c r="AC102298" i="1"/>
  <c r="AC102299" i="1"/>
  <c r="AC102300" i="1"/>
  <c r="AC102301" i="1"/>
  <c r="AC102302" i="1"/>
  <c r="AC102303" i="1"/>
  <c r="AC102304" i="1"/>
  <c r="AC102305" i="1"/>
  <c r="AC102306" i="1"/>
  <c r="AC102307" i="1"/>
  <c r="AC102308" i="1"/>
  <c r="AC102309" i="1"/>
  <c r="AC102310" i="1"/>
  <c r="AC102311" i="1"/>
  <c r="AC102312" i="1"/>
  <c r="AC102313" i="1"/>
  <c r="AC102314" i="1"/>
  <c r="AC102315" i="1"/>
  <c r="AC102316" i="1"/>
  <c r="AC102317" i="1"/>
  <c r="AC102318" i="1"/>
  <c r="AC102319" i="1"/>
  <c r="AC102320" i="1"/>
  <c r="AC102321" i="1"/>
  <c r="AC102322" i="1"/>
  <c r="AC102323" i="1"/>
  <c r="AC102324" i="1"/>
  <c r="AC102325" i="1"/>
  <c r="AC102326" i="1"/>
  <c r="AC102327" i="1"/>
  <c r="AC102328" i="1"/>
  <c r="AC102329" i="1"/>
  <c r="AC102330" i="1"/>
  <c r="AC102331" i="1"/>
  <c r="AC102332" i="1"/>
  <c r="AC102333" i="1"/>
  <c r="AC102334" i="1"/>
  <c r="AC102335" i="1"/>
  <c r="AC102336" i="1"/>
  <c r="AC102337" i="1"/>
  <c r="AC102338" i="1"/>
  <c r="AC102339" i="1"/>
  <c r="AC102340" i="1"/>
  <c r="AC102341" i="1"/>
  <c r="AC102342" i="1"/>
  <c r="AC102343" i="1"/>
  <c r="AC102344" i="1"/>
  <c r="AC102345" i="1"/>
  <c r="AC102346" i="1"/>
  <c r="AC102347" i="1"/>
  <c r="AC102348" i="1"/>
  <c r="AC102349" i="1"/>
  <c r="AC102350" i="1"/>
  <c r="AC102351" i="1"/>
  <c r="AC102352" i="1"/>
  <c r="AC102353" i="1"/>
  <c r="AC102354" i="1"/>
  <c r="AC102355" i="1"/>
  <c r="AC102356" i="1"/>
  <c r="AC102357" i="1"/>
  <c r="AC102358" i="1"/>
  <c r="AC102359" i="1"/>
  <c r="AC102360" i="1"/>
  <c r="AC102361" i="1"/>
  <c r="AC102362" i="1"/>
  <c r="AC102363" i="1"/>
  <c r="AC102364" i="1"/>
  <c r="AC102365" i="1"/>
  <c r="AC102366" i="1"/>
  <c r="AC102367" i="1"/>
  <c r="AC102368" i="1"/>
  <c r="AC102369" i="1"/>
  <c r="AC102370" i="1"/>
  <c r="AC102371" i="1"/>
  <c r="AC102372" i="1"/>
  <c r="AC102373" i="1"/>
  <c r="AC102374" i="1"/>
  <c r="AC102375" i="1"/>
  <c r="AC102376" i="1"/>
  <c r="AC102377" i="1"/>
  <c r="AC102378" i="1"/>
  <c r="AC102379" i="1"/>
  <c r="AC102380" i="1"/>
  <c r="AC102381" i="1"/>
  <c r="AC102382" i="1"/>
  <c r="AC102383" i="1"/>
  <c r="AC102384" i="1"/>
  <c r="AC102385" i="1"/>
  <c r="AC102386" i="1"/>
  <c r="AC102387" i="1"/>
  <c r="AC102388" i="1"/>
  <c r="AC102389" i="1"/>
  <c r="AC102390" i="1"/>
  <c r="AC102391" i="1"/>
  <c r="AC102392" i="1"/>
  <c r="AC102393" i="1"/>
  <c r="AC102394" i="1"/>
  <c r="AC102395" i="1"/>
  <c r="AC102396" i="1"/>
  <c r="AC102397" i="1"/>
  <c r="AC102398" i="1"/>
  <c r="AC102399" i="1"/>
  <c r="AC102400" i="1"/>
  <c r="AC102401" i="1"/>
  <c r="AC102402" i="1"/>
  <c r="AC102403" i="1"/>
  <c r="AC102404" i="1"/>
  <c r="AC102405" i="1"/>
  <c r="AC102406" i="1"/>
  <c r="AC102407" i="1"/>
  <c r="AC102408" i="1"/>
  <c r="AC102409" i="1"/>
  <c r="AC102410" i="1"/>
  <c r="AC102411" i="1"/>
  <c r="AC102412" i="1"/>
  <c r="AC102413" i="1"/>
  <c r="AC102414" i="1"/>
  <c r="AC102415" i="1"/>
  <c r="AC102416" i="1"/>
  <c r="AC102417" i="1"/>
  <c r="AC102418" i="1"/>
  <c r="AC102419" i="1"/>
  <c r="AC102420" i="1"/>
  <c r="AC102421" i="1"/>
  <c r="AC102422" i="1"/>
  <c r="AC102423" i="1"/>
  <c r="AC102424" i="1"/>
  <c r="AC102425" i="1"/>
  <c r="AC102426" i="1"/>
  <c r="AC102427" i="1"/>
  <c r="AC102428" i="1"/>
  <c r="AC102429" i="1"/>
  <c r="AC102430" i="1"/>
  <c r="AC102431" i="1"/>
  <c r="AC102432" i="1"/>
  <c r="AC102433" i="1"/>
  <c r="AC102434" i="1"/>
  <c r="AC102435" i="1"/>
  <c r="AC102436" i="1"/>
  <c r="AC102437" i="1"/>
  <c r="AC102438" i="1"/>
  <c r="AC102439" i="1"/>
  <c r="AC102440" i="1"/>
  <c r="AC102441" i="1"/>
  <c r="AC102442" i="1"/>
  <c r="AC102443" i="1"/>
  <c r="AC102444" i="1"/>
  <c r="AC102445" i="1"/>
  <c r="AC102446" i="1"/>
  <c r="AC102447" i="1"/>
  <c r="AC102448" i="1"/>
  <c r="AC102449" i="1"/>
  <c r="AC102450" i="1"/>
  <c r="AC102451" i="1"/>
  <c r="AC102452" i="1"/>
  <c r="AC102453" i="1"/>
  <c r="AC102454" i="1"/>
  <c r="AC102455" i="1"/>
  <c r="AC102456" i="1"/>
  <c r="AC102457" i="1"/>
  <c r="AC102458" i="1"/>
  <c r="AC102459" i="1"/>
  <c r="AC102460" i="1"/>
  <c r="AC102461" i="1"/>
  <c r="AC102462" i="1"/>
  <c r="AC102463" i="1"/>
  <c r="AC102464" i="1"/>
  <c r="AC102465" i="1"/>
  <c r="AC102466" i="1"/>
  <c r="AC102467" i="1"/>
  <c r="AC102468" i="1"/>
  <c r="AC102469" i="1"/>
  <c r="AC102470" i="1"/>
  <c r="AC102471" i="1"/>
  <c r="AC102472" i="1"/>
  <c r="AC102473" i="1"/>
  <c r="AC102474" i="1"/>
  <c r="AC102475" i="1"/>
  <c r="AC102476" i="1"/>
  <c r="AC102477" i="1"/>
  <c r="AC102478" i="1"/>
  <c r="AC102479" i="1"/>
  <c r="AC102480" i="1"/>
  <c r="AC102481" i="1"/>
  <c r="AC102482" i="1"/>
  <c r="AC102483" i="1"/>
  <c r="AC102484" i="1"/>
  <c r="AC102485" i="1"/>
  <c r="AC102486" i="1"/>
  <c r="AC102487" i="1"/>
  <c r="AC102488" i="1"/>
  <c r="AC102489" i="1"/>
  <c r="AC102490" i="1"/>
  <c r="AC102491" i="1"/>
  <c r="AC102492" i="1"/>
  <c r="AC102493" i="1"/>
  <c r="AC102494" i="1"/>
  <c r="AC102495" i="1"/>
  <c r="AC102496" i="1"/>
  <c r="AC102497" i="1"/>
  <c r="AC102498" i="1"/>
  <c r="AC102499" i="1"/>
  <c r="AC102500" i="1"/>
  <c r="AC102501" i="1"/>
  <c r="AC102502" i="1"/>
  <c r="AC102503" i="1"/>
  <c r="AC102504" i="1"/>
  <c r="AC102505" i="1"/>
  <c r="AC102506" i="1"/>
  <c r="AC102507" i="1"/>
  <c r="AC102508" i="1"/>
  <c r="AC102509" i="1"/>
  <c r="AC102510" i="1"/>
  <c r="AC102511" i="1"/>
  <c r="AC102512" i="1"/>
  <c r="AC102513" i="1"/>
  <c r="AC102514" i="1"/>
  <c r="AC102515" i="1"/>
  <c r="AC102516" i="1"/>
  <c r="AC102517" i="1"/>
  <c r="AC102518" i="1"/>
  <c r="AC102519" i="1"/>
  <c r="AC102520" i="1"/>
  <c r="AC102521" i="1"/>
  <c r="AC102522" i="1"/>
  <c r="AC102523" i="1"/>
  <c r="AC102524" i="1"/>
  <c r="AC102525" i="1"/>
  <c r="AC102526" i="1"/>
  <c r="AC102527" i="1"/>
  <c r="AC102528" i="1"/>
  <c r="AC102529" i="1"/>
  <c r="AC102530" i="1"/>
  <c r="AC102531" i="1"/>
  <c r="AC102532" i="1"/>
  <c r="AC102533" i="1"/>
  <c r="AC102534" i="1"/>
  <c r="AC102535" i="1"/>
  <c r="AC102536" i="1"/>
  <c r="AC102537" i="1"/>
  <c r="AC102538" i="1"/>
  <c r="AC102539" i="1"/>
  <c r="AC102540" i="1"/>
  <c r="AC102541" i="1"/>
  <c r="AC102542" i="1"/>
  <c r="AC102543" i="1"/>
  <c r="AC102544" i="1"/>
  <c r="AC102545" i="1"/>
  <c r="AC102546" i="1"/>
  <c r="AC102547" i="1"/>
  <c r="AC102548" i="1"/>
  <c r="AC102549" i="1"/>
  <c r="AC102550" i="1"/>
  <c r="AC102551" i="1"/>
  <c r="AC102552" i="1"/>
  <c r="AC102553" i="1"/>
  <c r="AC102554" i="1"/>
  <c r="AC102555" i="1"/>
  <c r="AC102556" i="1"/>
  <c r="AC102557" i="1"/>
  <c r="AC102558" i="1"/>
  <c r="AC102559" i="1"/>
  <c r="AC102560" i="1"/>
  <c r="AC102561" i="1"/>
  <c r="AC102562" i="1"/>
  <c r="AC102563" i="1"/>
  <c r="AC102564" i="1"/>
  <c r="AC102565" i="1"/>
  <c r="AC102566" i="1"/>
  <c r="AC102567" i="1"/>
  <c r="AC102568" i="1"/>
  <c r="AC102569" i="1"/>
  <c r="AC102570" i="1"/>
  <c r="AC102571" i="1"/>
  <c r="AC102572" i="1"/>
  <c r="AC102573" i="1"/>
  <c r="AC102574" i="1"/>
  <c r="AC102575" i="1"/>
  <c r="AC102576" i="1"/>
  <c r="AC102577" i="1"/>
  <c r="AC102578" i="1"/>
  <c r="AC102579" i="1"/>
  <c r="AC102580" i="1"/>
  <c r="AC102581" i="1"/>
  <c r="AC102582" i="1"/>
  <c r="AC102583" i="1"/>
  <c r="AC102584" i="1"/>
  <c r="AC102585" i="1"/>
  <c r="AC102586" i="1"/>
  <c r="AC102587" i="1"/>
  <c r="AC102588" i="1"/>
  <c r="AC102589" i="1"/>
  <c r="AC102590" i="1"/>
  <c r="AC102591" i="1"/>
  <c r="AC102592" i="1"/>
  <c r="AC102593" i="1"/>
  <c r="AC102594" i="1"/>
  <c r="AC102595" i="1"/>
  <c r="AC102596" i="1"/>
  <c r="AC102597" i="1"/>
  <c r="AC102598" i="1"/>
  <c r="AC102599" i="1"/>
  <c r="AC102600" i="1"/>
  <c r="AC102601" i="1"/>
  <c r="AC102602" i="1"/>
  <c r="AC102603" i="1"/>
  <c r="AC102604" i="1"/>
  <c r="AC102605" i="1"/>
  <c r="AC102606" i="1"/>
  <c r="AC102607" i="1"/>
  <c r="AC102608" i="1"/>
  <c r="AC102609" i="1"/>
  <c r="AC102610" i="1"/>
  <c r="AC102611" i="1"/>
  <c r="AC102612" i="1"/>
  <c r="AC102613" i="1"/>
  <c r="AC102614" i="1"/>
  <c r="AC102615" i="1"/>
  <c r="AC102616" i="1"/>
  <c r="AC102617" i="1"/>
  <c r="AC102618" i="1"/>
  <c r="AC102619" i="1"/>
  <c r="AC102620" i="1"/>
  <c r="AC102621" i="1"/>
  <c r="AC102622" i="1"/>
  <c r="AC102623" i="1"/>
  <c r="AC102624" i="1"/>
  <c r="AC102625" i="1"/>
  <c r="AC102626" i="1"/>
  <c r="AC102627" i="1"/>
  <c r="AC102628" i="1"/>
  <c r="AC102629" i="1"/>
  <c r="AC102630" i="1"/>
  <c r="AC102631" i="1"/>
  <c r="AC102632" i="1"/>
  <c r="AC102633" i="1"/>
  <c r="AC102634" i="1"/>
  <c r="AC102635" i="1"/>
  <c r="AC102636" i="1"/>
  <c r="AC102637" i="1"/>
  <c r="AC102638" i="1"/>
  <c r="AC102639" i="1"/>
  <c r="AC102640" i="1"/>
  <c r="AC102641" i="1"/>
  <c r="AC102642" i="1"/>
  <c r="AC102643" i="1"/>
  <c r="AC102644" i="1"/>
  <c r="AC102645" i="1"/>
  <c r="AC102646" i="1"/>
  <c r="AC102647" i="1"/>
  <c r="AC102648" i="1"/>
  <c r="AC102649" i="1"/>
  <c r="AC102650" i="1"/>
  <c r="AC102651" i="1"/>
  <c r="AC102652" i="1"/>
  <c r="AC102653" i="1"/>
  <c r="AC102654" i="1"/>
  <c r="AC102655" i="1"/>
  <c r="AC102656" i="1"/>
  <c r="AC102657" i="1"/>
  <c r="AC102658" i="1"/>
  <c r="AC102659" i="1"/>
  <c r="AC102660" i="1"/>
  <c r="AC102661" i="1"/>
  <c r="AC102662" i="1"/>
  <c r="AC102663" i="1"/>
  <c r="AC102664" i="1"/>
  <c r="AC102665" i="1"/>
  <c r="AC102666" i="1"/>
  <c r="AC102667" i="1"/>
  <c r="AC102668" i="1"/>
  <c r="AC102669" i="1"/>
  <c r="AC102670" i="1"/>
  <c r="AC102671" i="1"/>
  <c r="AC102672" i="1"/>
  <c r="AC102673" i="1"/>
  <c r="AC102674" i="1"/>
  <c r="AC102675" i="1"/>
  <c r="AC102676" i="1"/>
  <c r="AC102677" i="1"/>
  <c r="AC102678" i="1"/>
  <c r="AC102679" i="1"/>
  <c r="AC102680" i="1"/>
  <c r="AC102681" i="1"/>
  <c r="AC102682" i="1"/>
  <c r="AC102683" i="1"/>
  <c r="AC102684" i="1"/>
  <c r="AC102685" i="1"/>
  <c r="AC102686" i="1"/>
  <c r="AC102687" i="1"/>
  <c r="AC102688" i="1"/>
  <c r="AC102689" i="1"/>
  <c r="AC102690" i="1"/>
  <c r="AC102691" i="1"/>
  <c r="AC102692" i="1"/>
  <c r="AC102693" i="1"/>
  <c r="AC102694" i="1"/>
  <c r="AC102695" i="1"/>
  <c r="AC102696" i="1"/>
  <c r="AC102697" i="1"/>
  <c r="AC102698" i="1"/>
  <c r="AC102699" i="1"/>
  <c r="AC102700" i="1"/>
  <c r="AC102701" i="1"/>
  <c r="AC102702" i="1"/>
  <c r="AC102703" i="1"/>
  <c r="AC102704" i="1"/>
  <c r="AC102705" i="1"/>
  <c r="AC102706" i="1"/>
  <c r="AC102707" i="1"/>
  <c r="AC102708" i="1"/>
  <c r="AC102709" i="1"/>
  <c r="AC102710" i="1"/>
  <c r="AC102711" i="1"/>
  <c r="AC102712" i="1"/>
  <c r="AC102713" i="1"/>
  <c r="AC102714" i="1"/>
  <c r="AC102715" i="1"/>
  <c r="AC102716" i="1"/>
  <c r="AC102717" i="1"/>
  <c r="AC102718" i="1"/>
  <c r="AC102719" i="1"/>
  <c r="AC102720" i="1"/>
  <c r="AC102721" i="1"/>
  <c r="AC102722" i="1"/>
  <c r="AC102723" i="1"/>
  <c r="AC102724" i="1"/>
  <c r="AC102725" i="1"/>
  <c r="AC102726" i="1"/>
  <c r="AC102727" i="1"/>
  <c r="AC102728" i="1"/>
  <c r="AC102729" i="1"/>
  <c r="AC102730" i="1"/>
  <c r="AC102731" i="1"/>
  <c r="AC102732" i="1"/>
  <c r="AC102733" i="1"/>
  <c r="AC102734" i="1"/>
  <c r="AC102735" i="1"/>
  <c r="AC102736" i="1"/>
  <c r="AC102737" i="1"/>
  <c r="AC102738" i="1"/>
  <c r="AC102739" i="1"/>
  <c r="AC102740" i="1"/>
  <c r="AC102741" i="1"/>
  <c r="AC102742" i="1"/>
  <c r="AC102743" i="1"/>
  <c r="AC102744" i="1"/>
  <c r="AC102745" i="1"/>
  <c r="AC102746" i="1"/>
  <c r="AC102747" i="1"/>
  <c r="AC102748" i="1"/>
  <c r="AC102749" i="1"/>
  <c r="AC102750" i="1"/>
  <c r="AC102751" i="1"/>
  <c r="AC102752" i="1"/>
  <c r="AC102753" i="1"/>
  <c r="AC102754" i="1"/>
  <c r="AC102755" i="1"/>
  <c r="AC102756" i="1"/>
  <c r="AC102757" i="1"/>
  <c r="AC102758" i="1"/>
  <c r="AC102759" i="1"/>
  <c r="AC102760" i="1"/>
  <c r="AC102761" i="1"/>
  <c r="AC102762" i="1"/>
  <c r="AC102763" i="1"/>
  <c r="AC102764" i="1"/>
  <c r="AC102765" i="1"/>
  <c r="AC102766" i="1"/>
  <c r="AC102767" i="1"/>
  <c r="AC102768" i="1"/>
  <c r="AC102769" i="1"/>
  <c r="AC102770" i="1"/>
  <c r="AC102771" i="1"/>
  <c r="AC102772" i="1"/>
  <c r="AC102773" i="1"/>
  <c r="AC102774" i="1"/>
  <c r="AC102775" i="1"/>
  <c r="AC102776" i="1"/>
  <c r="AC102777" i="1"/>
  <c r="AC102778" i="1"/>
  <c r="AC102779" i="1"/>
  <c r="AC102780" i="1"/>
  <c r="AC102781" i="1"/>
  <c r="AC102782" i="1"/>
  <c r="AC102783" i="1"/>
  <c r="AC102784" i="1"/>
  <c r="AC102785" i="1"/>
  <c r="AC102786" i="1"/>
  <c r="AC102787" i="1"/>
  <c r="AC102788" i="1"/>
  <c r="AC102789" i="1"/>
  <c r="AC102790" i="1"/>
  <c r="AC102791" i="1"/>
  <c r="AC102792" i="1"/>
  <c r="AC102793" i="1"/>
  <c r="AC102794" i="1"/>
  <c r="AC102795" i="1"/>
  <c r="AC102796" i="1"/>
  <c r="AC102797" i="1"/>
  <c r="AC102798" i="1"/>
  <c r="AC102799" i="1"/>
  <c r="AC102800" i="1"/>
  <c r="AC102801" i="1"/>
  <c r="AC102802" i="1"/>
  <c r="AC102803" i="1"/>
  <c r="AC102804" i="1"/>
  <c r="AC102805" i="1"/>
  <c r="AC102806" i="1"/>
  <c r="AC102807" i="1"/>
  <c r="AC102808" i="1"/>
  <c r="AC102809" i="1"/>
  <c r="AC102810" i="1"/>
  <c r="AC102811" i="1"/>
  <c r="AC102812" i="1"/>
  <c r="AC102813" i="1"/>
  <c r="AC102814" i="1"/>
  <c r="AC102815" i="1"/>
  <c r="AC102816" i="1"/>
  <c r="AC102817" i="1"/>
  <c r="AC102818" i="1"/>
  <c r="AC102819" i="1"/>
  <c r="AC102820" i="1"/>
  <c r="AC102821" i="1"/>
  <c r="AC102822" i="1"/>
  <c r="AC102823" i="1"/>
  <c r="AC102824" i="1"/>
  <c r="AC102825" i="1"/>
  <c r="AC102826" i="1"/>
  <c r="AC102827" i="1"/>
  <c r="AC102828" i="1"/>
  <c r="AC102829" i="1"/>
  <c r="AC102830" i="1"/>
  <c r="AC102831" i="1"/>
  <c r="AC102832" i="1"/>
  <c r="AC102833" i="1"/>
  <c r="AC102834" i="1"/>
  <c r="AC102835" i="1"/>
  <c r="AC102836" i="1"/>
  <c r="AC102837" i="1"/>
  <c r="AC102838" i="1"/>
  <c r="AC102839" i="1"/>
  <c r="AC102840" i="1"/>
  <c r="AC102841" i="1"/>
  <c r="AC102842" i="1"/>
  <c r="AC102843" i="1"/>
  <c r="AC102844" i="1"/>
  <c r="AC102845" i="1"/>
  <c r="AC102846" i="1"/>
  <c r="AC102847" i="1"/>
  <c r="AC102848" i="1"/>
  <c r="AC102849" i="1"/>
  <c r="AC102850" i="1"/>
  <c r="AC102851" i="1"/>
  <c r="AC102852" i="1"/>
  <c r="AC102853" i="1"/>
  <c r="AC102854" i="1"/>
  <c r="AC102855" i="1"/>
  <c r="AC102856" i="1"/>
  <c r="AC102857" i="1"/>
  <c r="AC102858" i="1"/>
  <c r="AC102859" i="1"/>
  <c r="AC102860" i="1"/>
  <c r="AC102861" i="1"/>
  <c r="AC102862" i="1"/>
  <c r="AC102863" i="1"/>
  <c r="AC102864" i="1"/>
  <c r="AC102865" i="1"/>
  <c r="AC102866" i="1"/>
  <c r="AC102867" i="1"/>
  <c r="AC102868" i="1"/>
  <c r="AC102869" i="1"/>
  <c r="AC102870" i="1"/>
  <c r="AC102871" i="1"/>
  <c r="AC102872" i="1"/>
  <c r="AC102873" i="1"/>
  <c r="AC102874" i="1"/>
  <c r="AC102875" i="1"/>
  <c r="AC102876" i="1"/>
  <c r="AC102877" i="1"/>
  <c r="AC102878" i="1"/>
  <c r="AC102879" i="1"/>
  <c r="AC102880" i="1"/>
  <c r="AC102881" i="1"/>
  <c r="AC102882" i="1"/>
  <c r="AC102883" i="1"/>
  <c r="AC102884" i="1"/>
  <c r="AC102885" i="1"/>
  <c r="AC102886" i="1"/>
  <c r="AC102887" i="1"/>
  <c r="AC102888" i="1"/>
  <c r="AC102889" i="1"/>
  <c r="AC102890" i="1"/>
  <c r="AC102891" i="1"/>
  <c r="AC102892" i="1"/>
  <c r="AC102893" i="1"/>
  <c r="AC102894" i="1"/>
  <c r="AC102895" i="1"/>
  <c r="AC102896" i="1"/>
  <c r="AC102897" i="1"/>
  <c r="AC102898" i="1"/>
  <c r="AC102899" i="1"/>
  <c r="AC102900" i="1"/>
  <c r="AC102901" i="1"/>
  <c r="AC102902" i="1"/>
  <c r="AC102903" i="1"/>
  <c r="AC102904" i="1"/>
  <c r="AC102905" i="1"/>
  <c r="AC102906" i="1"/>
  <c r="AC102907" i="1"/>
  <c r="AC102908" i="1"/>
  <c r="AC102909" i="1"/>
  <c r="AC102910" i="1"/>
  <c r="AC102911" i="1"/>
  <c r="AC102912" i="1"/>
  <c r="AC102913" i="1"/>
  <c r="AC102914" i="1"/>
  <c r="AC102915" i="1"/>
  <c r="AC102916" i="1"/>
  <c r="AC102917" i="1"/>
  <c r="AC102918" i="1"/>
  <c r="AC102919" i="1"/>
  <c r="AC102920" i="1"/>
  <c r="AC102921" i="1"/>
  <c r="AC102922" i="1"/>
  <c r="AC102923" i="1"/>
  <c r="AC102924" i="1"/>
  <c r="AC102925" i="1"/>
  <c r="AC102926" i="1"/>
  <c r="AC102927" i="1"/>
  <c r="AC102928" i="1"/>
  <c r="AC102929" i="1"/>
  <c r="AC102930" i="1"/>
  <c r="AC102931" i="1"/>
  <c r="AC102932" i="1"/>
  <c r="AC102933" i="1"/>
  <c r="AC102934" i="1"/>
  <c r="AC102935" i="1"/>
  <c r="AC102936" i="1"/>
  <c r="AC102937" i="1"/>
  <c r="AC102938" i="1"/>
  <c r="AC102939" i="1"/>
  <c r="AC102940" i="1"/>
  <c r="AC102941" i="1"/>
  <c r="AC102942" i="1"/>
  <c r="AC102943" i="1"/>
  <c r="AC102944" i="1"/>
  <c r="AC102945" i="1"/>
  <c r="AC102946" i="1"/>
  <c r="AC102947" i="1"/>
  <c r="AC102948" i="1"/>
  <c r="AC102949" i="1"/>
  <c r="AC102950" i="1"/>
  <c r="AC102951" i="1"/>
  <c r="AC102952" i="1"/>
  <c r="AC102953" i="1"/>
  <c r="AC102954" i="1"/>
  <c r="AC102955" i="1"/>
  <c r="AC102956" i="1"/>
  <c r="AC102957" i="1"/>
  <c r="AC102958" i="1"/>
  <c r="AC102959" i="1"/>
  <c r="AC102960" i="1"/>
  <c r="AC102961" i="1"/>
  <c r="AC102962" i="1"/>
  <c r="AC102963" i="1"/>
  <c r="AC102964" i="1"/>
  <c r="AC102965" i="1"/>
  <c r="AC102966" i="1"/>
  <c r="AC102967" i="1"/>
  <c r="AC102968" i="1"/>
  <c r="AC102969" i="1"/>
  <c r="AC102970" i="1"/>
  <c r="AC102971" i="1"/>
  <c r="AC102972" i="1"/>
  <c r="AC102973" i="1"/>
  <c r="AC102974" i="1"/>
  <c r="AC102975" i="1"/>
  <c r="AC102976" i="1"/>
  <c r="AC102977" i="1"/>
  <c r="AC102978" i="1"/>
  <c r="AC102979" i="1"/>
  <c r="AC102980" i="1"/>
  <c r="AC102981" i="1"/>
  <c r="AC102982" i="1"/>
  <c r="AC102983" i="1"/>
  <c r="AC102984" i="1"/>
  <c r="AC102985" i="1"/>
  <c r="AC102986" i="1"/>
  <c r="AC102987" i="1"/>
  <c r="AC102988" i="1"/>
  <c r="AC102989" i="1"/>
  <c r="AC102990" i="1"/>
  <c r="AC102991" i="1"/>
  <c r="AC102992" i="1"/>
  <c r="AC102993" i="1"/>
  <c r="AC102994" i="1"/>
  <c r="AC102995" i="1"/>
  <c r="AC102996" i="1"/>
  <c r="AC102997" i="1"/>
  <c r="AC102998" i="1"/>
  <c r="AC102999" i="1"/>
  <c r="AC103000" i="1"/>
  <c r="AC103001" i="1"/>
  <c r="AC103002" i="1"/>
  <c r="AC103003" i="1"/>
  <c r="AC103004" i="1"/>
  <c r="AC103005" i="1"/>
  <c r="AC103006" i="1"/>
  <c r="AC103007" i="1"/>
  <c r="AC103008" i="1"/>
  <c r="AC103009" i="1"/>
  <c r="AC103010" i="1"/>
  <c r="AC103011" i="1"/>
  <c r="AC103012" i="1"/>
  <c r="AC103013" i="1"/>
  <c r="AC103014" i="1"/>
  <c r="AC103015" i="1"/>
  <c r="AC103016" i="1"/>
  <c r="AC103017" i="1"/>
  <c r="AC103018" i="1"/>
  <c r="AC103019" i="1"/>
  <c r="AC103020" i="1"/>
  <c r="AC103021" i="1"/>
  <c r="AC103022" i="1"/>
  <c r="AC103023" i="1"/>
  <c r="AC103024" i="1"/>
  <c r="AC103025" i="1"/>
  <c r="AC103026" i="1"/>
  <c r="AC103027" i="1"/>
  <c r="AC103028" i="1"/>
  <c r="AC103029" i="1"/>
  <c r="AC103030" i="1"/>
  <c r="AC103031" i="1"/>
  <c r="AC103032" i="1"/>
  <c r="AC103033" i="1"/>
  <c r="AC103034" i="1"/>
  <c r="AC103035" i="1"/>
  <c r="AC103036" i="1"/>
  <c r="AC103037" i="1"/>
  <c r="AC103038" i="1"/>
  <c r="AC103039" i="1"/>
  <c r="AC103040" i="1"/>
  <c r="AC103041" i="1"/>
  <c r="AC103042" i="1"/>
  <c r="AC103043" i="1"/>
  <c r="AC103044" i="1"/>
  <c r="AC103045" i="1"/>
  <c r="AC103046" i="1"/>
  <c r="AC103047" i="1"/>
  <c r="AC103048" i="1"/>
  <c r="AC103049" i="1"/>
  <c r="AC103050" i="1"/>
  <c r="AC103051" i="1"/>
  <c r="AC103052" i="1"/>
  <c r="AC103053" i="1"/>
  <c r="AC103054" i="1"/>
  <c r="AC103055" i="1"/>
  <c r="AC103056" i="1"/>
  <c r="AC103057" i="1"/>
  <c r="AC103058" i="1"/>
  <c r="AC103059" i="1"/>
  <c r="AC103060" i="1"/>
  <c r="AC103061" i="1"/>
  <c r="AC103062" i="1"/>
  <c r="AC103063" i="1"/>
  <c r="AC103064" i="1"/>
  <c r="AC103065" i="1"/>
  <c r="AC103066" i="1"/>
  <c r="AC103067" i="1"/>
  <c r="AC103068" i="1"/>
  <c r="AC103069" i="1"/>
  <c r="AC103070" i="1"/>
  <c r="AC103071" i="1"/>
  <c r="AC103072" i="1"/>
  <c r="AC103073" i="1"/>
  <c r="AC103074" i="1"/>
  <c r="AC103075" i="1"/>
  <c r="AC103076" i="1"/>
  <c r="AC103077" i="1"/>
  <c r="AC103078" i="1"/>
  <c r="AC103079" i="1"/>
  <c r="AC103080" i="1"/>
  <c r="AC103081" i="1"/>
  <c r="AC103082" i="1"/>
  <c r="AC103083" i="1"/>
  <c r="AC103084" i="1"/>
  <c r="AC103085" i="1"/>
  <c r="AC103086" i="1"/>
  <c r="AC103087" i="1"/>
  <c r="AC103088" i="1"/>
  <c r="AC103089" i="1"/>
  <c r="AC103090" i="1"/>
  <c r="AC103091" i="1"/>
  <c r="AC103092" i="1"/>
  <c r="AC103093" i="1"/>
  <c r="AC103094" i="1"/>
  <c r="AC103095" i="1"/>
  <c r="AC103096" i="1"/>
  <c r="AC103097" i="1"/>
  <c r="AC103098" i="1"/>
  <c r="AC103099" i="1"/>
  <c r="AC103100" i="1"/>
  <c r="AC103101" i="1"/>
  <c r="AC103102" i="1"/>
  <c r="AC103103" i="1"/>
  <c r="AC103104" i="1"/>
  <c r="AC103105" i="1"/>
  <c r="AC103106" i="1"/>
  <c r="AC103107" i="1"/>
  <c r="AC103108" i="1"/>
  <c r="AC103109" i="1"/>
  <c r="AC103110" i="1"/>
  <c r="AC103111" i="1"/>
  <c r="AC103112" i="1"/>
  <c r="AC103113" i="1"/>
  <c r="AC103114" i="1"/>
  <c r="AC103115" i="1"/>
  <c r="AC103116" i="1"/>
  <c r="AC103117" i="1"/>
  <c r="AC103118" i="1"/>
  <c r="AC103119" i="1"/>
  <c r="AC103120" i="1"/>
  <c r="AC103121" i="1"/>
  <c r="AC103122" i="1"/>
  <c r="AC103123" i="1"/>
  <c r="AC103124" i="1"/>
  <c r="AC103125" i="1"/>
  <c r="AC103126" i="1"/>
  <c r="AC103127" i="1"/>
  <c r="AC103128" i="1"/>
  <c r="AC103129" i="1"/>
  <c r="AC103130" i="1"/>
  <c r="AC103131" i="1"/>
  <c r="AC103132" i="1"/>
  <c r="AC103133" i="1"/>
  <c r="AC103134" i="1"/>
  <c r="AC103135" i="1"/>
  <c r="AC103136" i="1"/>
  <c r="AC103137" i="1"/>
  <c r="AC103138" i="1"/>
  <c r="AC103139" i="1"/>
  <c r="AC103140" i="1"/>
  <c r="AC103141" i="1"/>
  <c r="AC103142" i="1"/>
  <c r="AC103143" i="1"/>
  <c r="AC103144" i="1"/>
  <c r="AC103145" i="1"/>
  <c r="AC103146" i="1"/>
  <c r="AC103147" i="1"/>
  <c r="AC103148" i="1"/>
  <c r="AC103149" i="1"/>
  <c r="AC103150" i="1"/>
  <c r="AC103151" i="1"/>
  <c r="AC103152" i="1"/>
  <c r="AC103153" i="1"/>
  <c r="AC103154" i="1"/>
  <c r="AC103155" i="1"/>
  <c r="AC103156" i="1"/>
  <c r="AC103157" i="1"/>
  <c r="AC103158" i="1"/>
  <c r="AC103159" i="1"/>
  <c r="AC103160" i="1"/>
  <c r="AC103161" i="1"/>
  <c r="AC103162" i="1"/>
  <c r="AC103163" i="1"/>
  <c r="AC103164" i="1"/>
  <c r="AC103165" i="1"/>
  <c r="AC103166" i="1"/>
  <c r="AC103167" i="1"/>
  <c r="AC103168" i="1"/>
  <c r="AC103169" i="1"/>
  <c r="AC103170" i="1"/>
  <c r="AC103171" i="1"/>
  <c r="AC103172" i="1"/>
  <c r="AC103173" i="1"/>
  <c r="AC103174" i="1"/>
  <c r="AC103175" i="1"/>
  <c r="AC103176" i="1"/>
  <c r="AC103177" i="1"/>
  <c r="AC103178" i="1"/>
  <c r="AC103179" i="1"/>
  <c r="AC103180" i="1"/>
  <c r="AC103181" i="1"/>
  <c r="AC103182" i="1"/>
  <c r="AC103183" i="1"/>
  <c r="AC103184" i="1"/>
  <c r="AC103185" i="1"/>
  <c r="AC103186" i="1"/>
  <c r="AC103187" i="1"/>
  <c r="AC103188" i="1"/>
  <c r="AC103189" i="1"/>
  <c r="AC103190" i="1"/>
  <c r="AC103191" i="1"/>
  <c r="AC103192" i="1"/>
  <c r="AC103193" i="1"/>
  <c r="AC103194" i="1"/>
  <c r="AC103195" i="1"/>
  <c r="AC103196" i="1"/>
  <c r="AC103197" i="1"/>
  <c r="AC103198" i="1"/>
  <c r="AC103199" i="1"/>
  <c r="AC103200" i="1"/>
  <c r="AC103201" i="1"/>
  <c r="AC103202" i="1"/>
  <c r="AC103203" i="1"/>
  <c r="AC103204" i="1"/>
  <c r="AC103205" i="1"/>
  <c r="AC103206" i="1"/>
  <c r="AC103207" i="1"/>
  <c r="AC103208" i="1"/>
  <c r="AC103209" i="1"/>
  <c r="AC103210" i="1"/>
  <c r="AC103211" i="1"/>
  <c r="AC103212" i="1"/>
  <c r="AC103213" i="1"/>
  <c r="AC103214" i="1"/>
  <c r="AC103215" i="1"/>
  <c r="AC103216" i="1"/>
  <c r="AC103217" i="1"/>
  <c r="AC103218" i="1"/>
  <c r="AC103219" i="1"/>
  <c r="AC103220" i="1"/>
  <c r="AC103221" i="1"/>
  <c r="AC103222" i="1"/>
  <c r="AC103223" i="1"/>
  <c r="AC103224" i="1"/>
  <c r="AC103225" i="1"/>
  <c r="AC103226" i="1"/>
  <c r="AC103227" i="1"/>
  <c r="AC103228" i="1"/>
  <c r="AC103229" i="1"/>
  <c r="AC103230" i="1"/>
  <c r="AC103231" i="1"/>
  <c r="AC103232" i="1"/>
  <c r="AC103233" i="1"/>
  <c r="AC103234" i="1"/>
  <c r="AC103235" i="1"/>
  <c r="AC103236" i="1"/>
  <c r="AC103237" i="1"/>
  <c r="AC103238" i="1"/>
  <c r="AC103239" i="1"/>
  <c r="AC103240" i="1"/>
  <c r="AC103241" i="1"/>
  <c r="AC103242" i="1"/>
  <c r="AC103243" i="1"/>
  <c r="AC103244" i="1"/>
  <c r="AC103245" i="1"/>
  <c r="AC103246" i="1"/>
  <c r="AC103247" i="1"/>
  <c r="AC103248" i="1"/>
  <c r="AC103249" i="1"/>
  <c r="AC103250" i="1"/>
  <c r="AC103251" i="1"/>
  <c r="AC103252" i="1"/>
  <c r="AC103253" i="1"/>
  <c r="AC103254" i="1"/>
  <c r="AC103255" i="1"/>
  <c r="AC103256" i="1"/>
  <c r="AC103257" i="1"/>
  <c r="AC103258" i="1"/>
  <c r="AC103259" i="1"/>
  <c r="AC103260" i="1"/>
  <c r="AC103261" i="1"/>
  <c r="AC103262" i="1"/>
  <c r="AC103263" i="1"/>
  <c r="AC103264" i="1"/>
  <c r="AC103265" i="1"/>
  <c r="AC103266" i="1"/>
  <c r="AC103267" i="1"/>
  <c r="AC103268" i="1"/>
  <c r="AC103269" i="1"/>
  <c r="AC103270" i="1"/>
  <c r="AC103271" i="1"/>
  <c r="AC103272" i="1"/>
  <c r="AC103273" i="1"/>
  <c r="AC103274" i="1"/>
  <c r="AC103275" i="1"/>
  <c r="AC103276" i="1"/>
  <c r="AC103277" i="1"/>
  <c r="AC103278" i="1"/>
  <c r="AC103279" i="1"/>
  <c r="AC103280" i="1"/>
  <c r="AC103281" i="1"/>
  <c r="AC103282" i="1"/>
  <c r="AC103283" i="1"/>
  <c r="AC103284" i="1"/>
  <c r="AC103285" i="1"/>
  <c r="AC103286" i="1"/>
  <c r="AC103287" i="1"/>
  <c r="AC103288" i="1"/>
  <c r="AC103289" i="1"/>
  <c r="AC103290" i="1"/>
  <c r="AC103291" i="1"/>
  <c r="AC103292" i="1"/>
  <c r="AC103293" i="1"/>
  <c r="AC103294" i="1"/>
  <c r="AC103295" i="1"/>
  <c r="AC103296" i="1"/>
  <c r="AC103297" i="1"/>
  <c r="AC103298" i="1"/>
  <c r="AC103299" i="1"/>
  <c r="AC103300" i="1"/>
  <c r="AC103301" i="1"/>
  <c r="AC103302" i="1"/>
  <c r="AC103303" i="1"/>
  <c r="AC103304" i="1"/>
  <c r="AC103305" i="1"/>
  <c r="AC103306" i="1"/>
  <c r="AC103307" i="1"/>
  <c r="AC103308" i="1"/>
  <c r="AC103309" i="1"/>
  <c r="AC103310" i="1"/>
  <c r="AC103311" i="1"/>
  <c r="AC103312" i="1"/>
  <c r="AC103313" i="1"/>
  <c r="AC103314" i="1"/>
  <c r="AC103315" i="1"/>
  <c r="AC103316" i="1"/>
  <c r="AC103317" i="1"/>
  <c r="AC103318" i="1"/>
  <c r="AC103319" i="1"/>
  <c r="AC103320" i="1"/>
  <c r="AC103321" i="1"/>
  <c r="AC103322" i="1"/>
  <c r="AC103323" i="1"/>
  <c r="AC103324" i="1"/>
  <c r="AC103325" i="1"/>
  <c r="AC103326" i="1"/>
  <c r="AC103327" i="1"/>
  <c r="AC103328" i="1"/>
  <c r="AC103329" i="1"/>
  <c r="AC103330" i="1"/>
  <c r="AC103331" i="1"/>
  <c r="AC103332" i="1"/>
  <c r="AC103333" i="1"/>
  <c r="AC103334" i="1"/>
  <c r="AC103335" i="1"/>
  <c r="AC103336" i="1"/>
  <c r="AC103337" i="1"/>
  <c r="AC103338" i="1"/>
  <c r="AC103339" i="1"/>
  <c r="AC103340" i="1"/>
  <c r="AC103341" i="1"/>
  <c r="AC103342" i="1"/>
  <c r="AC103343" i="1"/>
  <c r="AC103344" i="1"/>
  <c r="AC103345" i="1"/>
  <c r="AC103346" i="1"/>
  <c r="AC103347" i="1"/>
  <c r="AC103348" i="1"/>
  <c r="AC103349" i="1"/>
  <c r="AC103350" i="1"/>
  <c r="AC103351" i="1"/>
  <c r="AC103352" i="1"/>
  <c r="AC103353" i="1"/>
  <c r="AC103354" i="1"/>
  <c r="AC103355" i="1"/>
  <c r="AC103356" i="1"/>
  <c r="AC103357" i="1"/>
  <c r="AC103358" i="1"/>
  <c r="AC103359" i="1"/>
  <c r="AC103360" i="1"/>
  <c r="AC103361" i="1"/>
  <c r="AC103362" i="1"/>
  <c r="AC103363" i="1"/>
  <c r="AC103364" i="1"/>
  <c r="AC103365" i="1"/>
  <c r="AC103366" i="1"/>
  <c r="AC103367" i="1"/>
  <c r="AC103368" i="1"/>
  <c r="AC103369" i="1"/>
  <c r="AC103370" i="1"/>
  <c r="AC103371" i="1"/>
  <c r="AC103372" i="1"/>
  <c r="AC103373" i="1"/>
  <c r="AC103374" i="1"/>
  <c r="AC103375" i="1"/>
  <c r="AC103376" i="1"/>
  <c r="AC103377" i="1"/>
  <c r="AC103378" i="1"/>
  <c r="AC103379" i="1"/>
  <c r="AC103380" i="1"/>
  <c r="AC103381" i="1"/>
  <c r="AC103382" i="1"/>
  <c r="AC103383" i="1"/>
  <c r="AC103384" i="1"/>
  <c r="AC103385" i="1"/>
  <c r="AC103386" i="1"/>
  <c r="AC103387" i="1"/>
  <c r="AC103388" i="1"/>
  <c r="AC103389" i="1"/>
  <c r="AC103390" i="1"/>
  <c r="AC103391" i="1"/>
  <c r="AC103392" i="1"/>
  <c r="AC103393" i="1"/>
  <c r="AC103394" i="1"/>
  <c r="AC103395" i="1"/>
  <c r="AC103396" i="1"/>
  <c r="AC103397" i="1"/>
  <c r="AC103398" i="1"/>
  <c r="AC103399" i="1"/>
  <c r="AC103400" i="1"/>
  <c r="AC103401" i="1"/>
  <c r="AC103402" i="1"/>
  <c r="AC103403" i="1"/>
  <c r="AC103404" i="1"/>
  <c r="AC103405" i="1"/>
  <c r="AC103406" i="1"/>
  <c r="AC103407" i="1"/>
  <c r="AC103408" i="1"/>
  <c r="AC103409" i="1"/>
  <c r="AC103410" i="1"/>
  <c r="AC103411" i="1"/>
  <c r="AC103412" i="1"/>
  <c r="AC103413" i="1"/>
  <c r="AC103414" i="1"/>
  <c r="AC103415" i="1"/>
  <c r="AC103416" i="1"/>
  <c r="AC103417" i="1"/>
  <c r="AC103418" i="1"/>
  <c r="AC103419" i="1"/>
  <c r="AC103420" i="1"/>
  <c r="AC103421" i="1"/>
  <c r="AC103422" i="1"/>
  <c r="AC103423" i="1"/>
  <c r="AC103424" i="1"/>
  <c r="AC103425" i="1"/>
  <c r="AC103426" i="1"/>
  <c r="AC103427" i="1"/>
  <c r="AC103428" i="1"/>
  <c r="AC103429" i="1"/>
  <c r="AC103430" i="1"/>
  <c r="AC103431" i="1"/>
  <c r="AC103432" i="1"/>
  <c r="AC103433" i="1"/>
  <c r="AC103434" i="1"/>
  <c r="AC103435" i="1"/>
  <c r="AC103436" i="1"/>
  <c r="AC103437" i="1"/>
  <c r="AC103438" i="1"/>
  <c r="AC103439" i="1"/>
  <c r="AC103440" i="1"/>
  <c r="AC103441" i="1"/>
  <c r="AC103442" i="1"/>
  <c r="AC103443" i="1"/>
  <c r="AC103444" i="1"/>
  <c r="AC103445" i="1"/>
  <c r="AC103446" i="1"/>
  <c r="AC103447" i="1"/>
  <c r="AC103448" i="1"/>
  <c r="AC103449" i="1"/>
  <c r="AC103450" i="1"/>
  <c r="AC103451" i="1"/>
  <c r="AC103452" i="1"/>
  <c r="AC103453" i="1"/>
  <c r="AC103454" i="1"/>
  <c r="AC103455" i="1"/>
  <c r="AC103456" i="1"/>
  <c r="AC103457" i="1"/>
  <c r="AC103458" i="1"/>
  <c r="AC103459" i="1"/>
  <c r="AC103460" i="1"/>
  <c r="AC103461" i="1"/>
  <c r="AC103462" i="1"/>
  <c r="AC103463" i="1"/>
  <c r="AC103464" i="1"/>
  <c r="AC103465" i="1"/>
  <c r="AC103466" i="1"/>
  <c r="AC103467" i="1"/>
  <c r="AC103468" i="1"/>
  <c r="AC103469" i="1"/>
  <c r="AC103470" i="1"/>
  <c r="AC103471" i="1"/>
  <c r="AC103472" i="1"/>
  <c r="AC103473" i="1"/>
  <c r="AC103474" i="1"/>
  <c r="AC103475" i="1"/>
  <c r="AC103476" i="1"/>
  <c r="AC103477" i="1"/>
  <c r="AC103478" i="1"/>
  <c r="AC103479" i="1"/>
  <c r="AC103480" i="1"/>
  <c r="AC103481" i="1"/>
  <c r="AC103482" i="1"/>
  <c r="AC103483" i="1"/>
  <c r="AC103484" i="1"/>
  <c r="AC103485" i="1"/>
  <c r="AC103486" i="1"/>
  <c r="AC103487" i="1"/>
  <c r="AC103488" i="1"/>
  <c r="AC103489" i="1"/>
  <c r="AC103490" i="1"/>
  <c r="AC103491" i="1"/>
  <c r="AC103492" i="1"/>
  <c r="AC103493" i="1"/>
  <c r="AC103494" i="1"/>
  <c r="AC103495" i="1"/>
  <c r="AC103496" i="1"/>
  <c r="AC103497" i="1"/>
  <c r="AC103498" i="1"/>
  <c r="AC103499" i="1"/>
  <c r="AC103500" i="1"/>
  <c r="AC103501" i="1"/>
  <c r="AC103502" i="1"/>
  <c r="AC103503" i="1"/>
  <c r="AC103504" i="1"/>
  <c r="AC103505" i="1"/>
  <c r="AC103506" i="1"/>
  <c r="AC103507" i="1"/>
  <c r="AC103508" i="1"/>
  <c r="AC103509" i="1"/>
  <c r="AC103510" i="1"/>
  <c r="AC103511" i="1"/>
  <c r="AC103512" i="1"/>
  <c r="AC103513" i="1"/>
  <c r="AC103514" i="1"/>
  <c r="AC103515" i="1"/>
  <c r="AC103516" i="1"/>
  <c r="AC103517" i="1"/>
  <c r="AC103518" i="1"/>
  <c r="AC103519" i="1"/>
  <c r="AC103520" i="1"/>
  <c r="AC103521" i="1"/>
  <c r="AC103522" i="1"/>
  <c r="AC103523" i="1"/>
  <c r="AC103524" i="1"/>
  <c r="AC103525" i="1"/>
  <c r="AC103526" i="1"/>
  <c r="AC103527" i="1"/>
  <c r="AC103528" i="1"/>
  <c r="AC103529" i="1"/>
  <c r="AC103530" i="1"/>
  <c r="AC103531" i="1"/>
  <c r="AC103532" i="1"/>
  <c r="AC103533" i="1"/>
  <c r="AC103534" i="1"/>
  <c r="AC103535" i="1"/>
  <c r="AC103536" i="1"/>
  <c r="AC103537" i="1"/>
  <c r="AC103538" i="1"/>
  <c r="AC103539" i="1"/>
  <c r="AC103540" i="1"/>
  <c r="AC103541" i="1"/>
  <c r="AC103542" i="1"/>
  <c r="AC103543" i="1"/>
  <c r="AC103544" i="1"/>
  <c r="AC103545" i="1"/>
  <c r="AC103546" i="1"/>
  <c r="AC103547" i="1"/>
  <c r="AC103548" i="1"/>
  <c r="AC103549" i="1"/>
  <c r="AC103550" i="1"/>
  <c r="AC103551" i="1"/>
  <c r="AC103552" i="1"/>
  <c r="AC103553" i="1"/>
  <c r="AC103554" i="1"/>
  <c r="AC103555" i="1"/>
  <c r="AC103556" i="1"/>
  <c r="AC103557" i="1"/>
  <c r="AC103558" i="1"/>
  <c r="AC103559" i="1"/>
  <c r="AC103560" i="1"/>
  <c r="AC103561" i="1"/>
  <c r="AC103562" i="1"/>
  <c r="AC103563" i="1"/>
  <c r="AC103564" i="1"/>
  <c r="AC103565" i="1"/>
  <c r="AC103566" i="1"/>
  <c r="AC103567" i="1"/>
  <c r="AC103568" i="1"/>
  <c r="AC103569" i="1"/>
  <c r="AC103570" i="1"/>
  <c r="AC103571" i="1"/>
  <c r="AC103572" i="1"/>
  <c r="AC103573" i="1"/>
  <c r="AC103574" i="1"/>
  <c r="AC103575" i="1"/>
  <c r="AC103576" i="1"/>
  <c r="AC103577" i="1"/>
  <c r="AC103578" i="1"/>
  <c r="AC103579" i="1"/>
  <c r="AC103580" i="1"/>
  <c r="AC103581" i="1"/>
  <c r="AC103582" i="1"/>
  <c r="AC103583" i="1"/>
  <c r="AC103584" i="1"/>
  <c r="AC103585" i="1"/>
  <c r="AC103586" i="1"/>
  <c r="AC103587" i="1"/>
  <c r="AC103588" i="1"/>
  <c r="AC103589" i="1"/>
  <c r="AC103590" i="1"/>
  <c r="AC103591" i="1"/>
  <c r="AC103592" i="1"/>
  <c r="AC103593" i="1"/>
  <c r="AC103594" i="1"/>
  <c r="AC103595" i="1"/>
  <c r="AC103596" i="1"/>
  <c r="AC103597" i="1"/>
  <c r="AC103598" i="1"/>
  <c r="AC103599" i="1"/>
  <c r="AC103600" i="1"/>
  <c r="AC103601" i="1"/>
  <c r="AC103602" i="1"/>
  <c r="AC103603" i="1"/>
  <c r="AC103604" i="1"/>
  <c r="AC103605" i="1"/>
  <c r="AC103606" i="1"/>
  <c r="AC103607" i="1"/>
  <c r="AC103608" i="1"/>
  <c r="AC103609" i="1"/>
  <c r="AC103610" i="1"/>
  <c r="AC103611" i="1"/>
  <c r="AC103612" i="1"/>
  <c r="AC103613" i="1"/>
  <c r="AC103614" i="1"/>
  <c r="AC103615" i="1"/>
  <c r="AC103616" i="1"/>
  <c r="AC103617" i="1"/>
  <c r="AC103618" i="1"/>
  <c r="AC103619" i="1"/>
  <c r="AC103620" i="1"/>
  <c r="AC103621" i="1"/>
  <c r="AC103622" i="1"/>
  <c r="AC103623" i="1"/>
  <c r="AC103624" i="1"/>
  <c r="AC103625" i="1"/>
  <c r="AC103626" i="1"/>
  <c r="AC103627" i="1"/>
  <c r="AC103628" i="1"/>
  <c r="AC103629" i="1"/>
  <c r="AC103630" i="1"/>
  <c r="AC103631" i="1"/>
  <c r="AC103632" i="1"/>
  <c r="AC103633" i="1"/>
  <c r="AC103634" i="1"/>
  <c r="AC103635" i="1"/>
  <c r="AC103636" i="1"/>
  <c r="AC103637" i="1"/>
  <c r="AC103638" i="1"/>
  <c r="AC103639" i="1"/>
  <c r="AC103640" i="1"/>
  <c r="AC103641" i="1"/>
  <c r="AC103642" i="1"/>
  <c r="AC103643" i="1"/>
  <c r="AC103644" i="1"/>
  <c r="AC103645" i="1"/>
  <c r="AC103646" i="1"/>
  <c r="AC103647" i="1"/>
  <c r="AC103648" i="1"/>
  <c r="AC103649" i="1"/>
  <c r="AC103650" i="1"/>
  <c r="AC103651" i="1"/>
  <c r="AC103652" i="1"/>
  <c r="AC103653" i="1"/>
  <c r="AC103654" i="1"/>
  <c r="AC103655" i="1"/>
  <c r="AC103656" i="1"/>
  <c r="AC103657" i="1"/>
  <c r="AC103658" i="1"/>
  <c r="AC103659" i="1"/>
  <c r="AC103660" i="1"/>
  <c r="AC103661" i="1"/>
  <c r="AC103662" i="1"/>
  <c r="AC103663" i="1"/>
  <c r="AC103664" i="1"/>
  <c r="AC103665" i="1"/>
  <c r="AC103666" i="1"/>
  <c r="AC103667" i="1"/>
  <c r="AC103668" i="1"/>
  <c r="AC103669" i="1"/>
  <c r="AC103670" i="1"/>
  <c r="AC103671" i="1"/>
  <c r="AC103672" i="1"/>
  <c r="AC103673" i="1"/>
  <c r="AC103674" i="1"/>
  <c r="AC103675" i="1"/>
  <c r="AC103676" i="1"/>
  <c r="AC103677" i="1"/>
  <c r="AC103678" i="1"/>
  <c r="AC103679" i="1"/>
  <c r="AC103680" i="1"/>
  <c r="AC103681" i="1"/>
  <c r="AC103682" i="1"/>
  <c r="AC103683" i="1"/>
  <c r="AC103684" i="1"/>
  <c r="AC103685" i="1"/>
  <c r="AC103686" i="1"/>
  <c r="AC103687" i="1"/>
  <c r="AC103688" i="1"/>
  <c r="AC103689" i="1"/>
  <c r="AC103690" i="1"/>
  <c r="AC103691" i="1"/>
  <c r="AC103692" i="1"/>
  <c r="AC103693" i="1"/>
  <c r="AC103694" i="1"/>
  <c r="AC103695" i="1"/>
  <c r="AC103696" i="1"/>
  <c r="AC103697" i="1"/>
  <c r="AC103698" i="1"/>
  <c r="AC103699" i="1"/>
  <c r="AC103700" i="1"/>
  <c r="AC103701" i="1"/>
  <c r="AC103702" i="1"/>
  <c r="AC103703" i="1"/>
  <c r="AC103704" i="1"/>
  <c r="AC103705" i="1"/>
  <c r="AC103706" i="1"/>
  <c r="AC103707" i="1"/>
  <c r="AC103708" i="1"/>
  <c r="AC103709" i="1"/>
  <c r="AC103710" i="1"/>
  <c r="AC103711" i="1"/>
  <c r="AC103712" i="1"/>
  <c r="AC103713" i="1"/>
  <c r="AC103714" i="1"/>
  <c r="AC103715" i="1"/>
  <c r="AC103716" i="1"/>
  <c r="AC103717" i="1"/>
  <c r="AC103718" i="1"/>
  <c r="AC103719" i="1"/>
  <c r="AC103720" i="1"/>
  <c r="AC103721" i="1"/>
  <c r="AC103722" i="1"/>
  <c r="AC103723" i="1"/>
  <c r="AC103724" i="1"/>
  <c r="AC103725" i="1"/>
  <c r="AC103726" i="1"/>
  <c r="AC103727" i="1"/>
  <c r="AC103728" i="1"/>
  <c r="AC103729" i="1"/>
  <c r="AC103730" i="1"/>
  <c r="AC103731" i="1"/>
  <c r="AC103732" i="1"/>
  <c r="AC103733" i="1"/>
  <c r="AC103734" i="1"/>
  <c r="AC103735" i="1"/>
  <c r="AC103736" i="1"/>
  <c r="AC103737" i="1"/>
  <c r="AC103738" i="1"/>
  <c r="AC103739" i="1"/>
  <c r="AC103740" i="1"/>
  <c r="AC103741" i="1"/>
  <c r="AC103742" i="1"/>
  <c r="AC103743" i="1"/>
  <c r="AC103744" i="1"/>
  <c r="AC103745" i="1"/>
  <c r="AC103746" i="1"/>
  <c r="AC103747" i="1"/>
  <c r="AC103748" i="1"/>
  <c r="AC103749" i="1"/>
  <c r="AC103750" i="1"/>
  <c r="AC103751" i="1"/>
  <c r="AC103752" i="1"/>
  <c r="AC103753" i="1"/>
  <c r="AC103754" i="1"/>
  <c r="AC103755" i="1"/>
  <c r="AC103756" i="1"/>
  <c r="AC103757" i="1"/>
  <c r="AC103758" i="1"/>
  <c r="AC103759" i="1"/>
  <c r="AC103760" i="1"/>
  <c r="AC103761" i="1"/>
  <c r="AC103762" i="1"/>
  <c r="AC103763" i="1"/>
  <c r="AC103764" i="1"/>
  <c r="AC103765" i="1"/>
  <c r="AC103766" i="1"/>
  <c r="AC103767" i="1"/>
  <c r="AC103768" i="1"/>
  <c r="AC103769" i="1"/>
  <c r="AC103770" i="1"/>
  <c r="AC103771" i="1"/>
  <c r="AC103772" i="1"/>
  <c r="AC103773" i="1"/>
  <c r="AC103774" i="1"/>
  <c r="AC103775" i="1"/>
  <c r="AC103776" i="1"/>
  <c r="AC103777" i="1"/>
  <c r="AC103778" i="1"/>
  <c r="AC103779" i="1"/>
  <c r="AC103780" i="1"/>
  <c r="AC103781" i="1"/>
  <c r="AC103782" i="1"/>
  <c r="AC103783" i="1"/>
  <c r="AC103784" i="1"/>
  <c r="AC103785" i="1"/>
  <c r="AC103786" i="1"/>
  <c r="AC103787" i="1"/>
  <c r="AC103788" i="1"/>
  <c r="AC103789" i="1"/>
  <c r="AC103790" i="1"/>
  <c r="AC103791" i="1"/>
  <c r="AC103792" i="1"/>
  <c r="AC103793" i="1"/>
  <c r="AC103794" i="1"/>
  <c r="AC103795" i="1"/>
  <c r="AC103796" i="1"/>
  <c r="AC103797" i="1"/>
  <c r="AC103798" i="1"/>
  <c r="AC103799" i="1"/>
  <c r="AC103800" i="1"/>
  <c r="AC103801" i="1"/>
  <c r="AC103802" i="1"/>
  <c r="AC103803" i="1"/>
  <c r="AC103804" i="1"/>
  <c r="AC103805" i="1"/>
  <c r="AC103806" i="1"/>
  <c r="AC103807" i="1"/>
  <c r="AC103808" i="1"/>
  <c r="AC103809" i="1"/>
  <c r="AC103810" i="1"/>
  <c r="AC103811" i="1"/>
  <c r="AC103812" i="1"/>
  <c r="AC103813" i="1"/>
  <c r="AC103814" i="1"/>
  <c r="AC103815" i="1"/>
  <c r="AC103816" i="1"/>
  <c r="AC103817" i="1"/>
  <c r="AC103818" i="1"/>
  <c r="AC103819" i="1"/>
  <c r="AC103820" i="1"/>
  <c r="AC103821" i="1"/>
  <c r="AC103822" i="1"/>
  <c r="AC103823" i="1"/>
  <c r="AC103824" i="1"/>
  <c r="AC103825" i="1"/>
  <c r="AC103826" i="1"/>
  <c r="AC103827" i="1"/>
  <c r="AC103828" i="1"/>
  <c r="AC103829" i="1"/>
  <c r="AC103830" i="1"/>
  <c r="AC103831" i="1"/>
  <c r="AC103832" i="1"/>
  <c r="AC103833" i="1"/>
  <c r="AC103834" i="1"/>
  <c r="AC103835" i="1"/>
  <c r="AC103836" i="1"/>
  <c r="AC103837" i="1"/>
  <c r="AC103838" i="1"/>
  <c r="AC103839" i="1"/>
  <c r="AC103840" i="1"/>
  <c r="AC103841" i="1"/>
  <c r="AC103842" i="1"/>
  <c r="AC103843" i="1"/>
  <c r="AC103844" i="1"/>
  <c r="AC103845" i="1"/>
  <c r="AC103846" i="1"/>
  <c r="AC103847" i="1"/>
  <c r="AC103848" i="1"/>
  <c r="AC103849" i="1"/>
  <c r="AC103850" i="1"/>
  <c r="AC103851" i="1"/>
  <c r="AC103852" i="1"/>
  <c r="AC103853" i="1"/>
  <c r="AC103854" i="1"/>
  <c r="AC103855" i="1"/>
  <c r="AC103856" i="1"/>
  <c r="AC103857" i="1"/>
  <c r="AC103858" i="1"/>
  <c r="AC103859" i="1"/>
  <c r="AC103860" i="1"/>
  <c r="AC103861" i="1"/>
  <c r="AC103862" i="1"/>
  <c r="AC103863" i="1"/>
  <c r="AC103864" i="1"/>
  <c r="AC103865" i="1"/>
  <c r="AC103866" i="1"/>
  <c r="AC103867" i="1"/>
  <c r="AC103868" i="1"/>
  <c r="AC103869" i="1"/>
  <c r="AC103870" i="1"/>
  <c r="AC103871" i="1"/>
  <c r="AC103872" i="1"/>
  <c r="AC103873" i="1"/>
  <c r="AC103874" i="1"/>
  <c r="AC103875" i="1"/>
  <c r="AC103876" i="1"/>
  <c r="AC103877" i="1"/>
  <c r="AC103878" i="1"/>
  <c r="AC103879" i="1"/>
  <c r="AC103880" i="1"/>
  <c r="AC103881" i="1"/>
  <c r="AC103882" i="1"/>
  <c r="AC103883" i="1"/>
  <c r="AC103884" i="1"/>
  <c r="AC103885" i="1"/>
  <c r="AC103886" i="1"/>
  <c r="AC103887" i="1"/>
  <c r="AC103888" i="1"/>
  <c r="AC103889" i="1"/>
  <c r="AC103890" i="1"/>
  <c r="AC103891" i="1"/>
  <c r="AC103892" i="1"/>
  <c r="AC103893" i="1"/>
  <c r="AC103894" i="1"/>
  <c r="AC103895" i="1"/>
  <c r="AC103896" i="1"/>
  <c r="AC103897" i="1"/>
  <c r="AC103898" i="1"/>
  <c r="AC103899" i="1"/>
  <c r="AC103900" i="1"/>
  <c r="AC103901" i="1"/>
  <c r="AC103902" i="1"/>
  <c r="AC103903" i="1"/>
  <c r="AC103904" i="1"/>
  <c r="AC103905" i="1"/>
  <c r="AC103906" i="1"/>
  <c r="AC103907" i="1"/>
  <c r="AC103908" i="1"/>
  <c r="AC103909" i="1"/>
  <c r="AC103910" i="1"/>
  <c r="AC103911" i="1"/>
  <c r="AC103912" i="1"/>
  <c r="AC103913" i="1"/>
  <c r="AC103914" i="1"/>
  <c r="AC103915" i="1"/>
  <c r="AC103916" i="1"/>
  <c r="AC103917" i="1"/>
  <c r="AC103918" i="1"/>
  <c r="AC103919" i="1"/>
  <c r="AC103920" i="1"/>
  <c r="AC103921" i="1"/>
  <c r="AC103922" i="1"/>
  <c r="AC103923" i="1"/>
  <c r="AC103924" i="1"/>
  <c r="AC103925" i="1"/>
  <c r="AC103926" i="1"/>
  <c r="AC103927" i="1"/>
  <c r="AC103928" i="1"/>
  <c r="AC103929" i="1"/>
  <c r="AC103930" i="1"/>
  <c r="AC103931" i="1"/>
  <c r="AC103932" i="1"/>
  <c r="AC103933" i="1"/>
  <c r="AC103934" i="1"/>
  <c r="AC103935" i="1"/>
  <c r="AC103936" i="1"/>
  <c r="AC103937" i="1"/>
  <c r="AC103938" i="1"/>
  <c r="AC103939" i="1"/>
  <c r="AC103940" i="1"/>
  <c r="AC103941" i="1"/>
  <c r="AC103942" i="1"/>
  <c r="AC103943" i="1"/>
  <c r="AC103944" i="1"/>
  <c r="AC103945" i="1"/>
  <c r="AC103946" i="1"/>
  <c r="AC103947" i="1"/>
  <c r="AC103948" i="1"/>
  <c r="AC103949" i="1"/>
  <c r="AC103950" i="1"/>
  <c r="AC103951" i="1"/>
  <c r="AC103952" i="1"/>
  <c r="AC103953" i="1"/>
  <c r="AC103954" i="1"/>
  <c r="AC103955" i="1"/>
  <c r="AC103956" i="1"/>
  <c r="AC103957" i="1"/>
  <c r="AC103958" i="1"/>
  <c r="AC103959" i="1"/>
  <c r="AC103960" i="1"/>
  <c r="AC103961" i="1"/>
  <c r="AC103962" i="1"/>
  <c r="AC103963" i="1"/>
  <c r="AC103964" i="1"/>
  <c r="AC103965" i="1"/>
  <c r="AC103966" i="1"/>
  <c r="AC103967" i="1"/>
  <c r="AC103968" i="1"/>
  <c r="AC103969" i="1"/>
  <c r="AC103970" i="1"/>
  <c r="AC103971" i="1"/>
  <c r="AC103972" i="1"/>
  <c r="AC103973" i="1"/>
  <c r="AC103974" i="1"/>
  <c r="AC103975" i="1"/>
  <c r="AC103976" i="1"/>
  <c r="AC103977" i="1"/>
  <c r="AC103978" i="1"/>
  <c r="AC103979" i="1"/>
  <c r="AC103980" i="1"/>
  <c r="AC103981" i="1"/>
  <c r="AC103982" i="1"/>
  <c r="AC103983" i="1"/>
  <c r="AC103984" i="1"/>
  <c r="AC103985" i="1"/>
  <c r="AC103986" i="1"/>
  <c r="AC103987" i="1"/>
  <c r="AC103988" i="1"/>
  <c r="AC103989" i="1"/>
  <c r="AC103990" i="1"/>
  <c r="AC103991" i="1"/>
  <c r="AC103992" i="1"/>
  <c r="AC103993" i="1"/>
  <c r="AC103994" i="1"/>
  <c r="AC103995" i="1"/>
  <c r="AC103996" i="1"/>
  <c r="AC103997" i="1"/>
  <c r="AC103998" i="1"/>
  <c r="AC103999" i="1"/>
  <c r="AC104000" i="1"/>
  <c r="AC104001" i="1"/>
  <c r="AC104002" i="1"/>
  <c r="AC104003" i="1"/>
  <c r="AC104004" i="1"/>
  <c r="AC104005" i="1"/>
  <c r="AC104006" i="1"/>
  <c r="AC104007" i="1"/>
  <c r="AC104008" i="1"/>
  <c r="AC104009" i="1"/>
  <c r="AC104010" i="1"/>
  <c r="AC104011" i="1"/>
  <c r="AC104012" i="1"/>
  <c r="AC104013" i="1"/>
  <c r="AC104014" i="1"/>
  <c r="AC104015" i="1"/>
  <c r="AC104016" i="1"/>
  <c r="AC104017" i="1"/>
  <c r="AC104018" i="1"/>
  <c r="AC104019" i="1"/>
  <c r="AC104020" i="1"/>
  <c r="AC104021" i="1"/>
  <c r="AC104022" i="1"/>
  <c r="AC104023" i="1"/>
  <c r="AC104024" i="1"/>
  <c r="AC104025" i="1"/>
  <c r="AC104026" i="1"/>
  <c r="AC104027" i="1"/>
  <c r="AC104028" i="1"/>
  <c r="AC104029" i="1"/>
  <c r="AC104030" i="1"/>
  <c r="AC104031" i="1"/>
  <c r="AC104032" i="1"/>
  <c r="AC104033" i="1"/>
  <c r="AC104034" i="1"/>
  <c r="AC104035" i="1"/>
  <c r="AC104036" i="1"/>
  <c r="AC104037" i="1"/>
  <c r="AC104038" i="1"/>
  <c r="AC104039" i="1"/>
  <c r="AC104040" i="1"/>
  <c r="AC104041" i="1"/>
  <c r="AC104042" i="1"/>
  <c r="AC104043" i="1"/>
  <c r="AC104044" i="1"/>
  <c r="AC104045" i="1"/>
  <c r="AC104046" i="1"/>
  <c r="AC104047" i="1"/>
  <c r="AC104048" i="1"/>
  <c r="AC104049" i="1"/>
  <c r="AC104050" i="1"/>
  <c r="AC104051" i="1"/>
  <c r="AC104052" i="1"/>
  <c r="AC104053" i="1"/>
  <c r="AC104054" i="1"/>
  <c r="AC104055" i="1"/>
  <c r="AC104056" i="1"/>
  <c r="AC104057" i="1"/>
  <c r="AC104058" i="1"/>
  <c r="AC104059" i="1"/>
  <c r="AC104060" i="1"/>
  <c r="AC104061" i="1"/>
  <c r="AC104062" i="1"/>
  <c r="AC104063" i="1"/>
  <c r="AC104064" i="1"/>
  <c r="AC104065" i="1"/>
  <c r="AC104066" i="1"/>
  <c r="AC104067" i="1"/>
  <c r="AC104068" i="1"/>
  <c r="AC104069" i="1"/>
  <c r="AC104070" i="1"/>
  <c r="AC104071" i="1"/>
  <c r="AC104072" i="1"/>
  <c r="AC104073" i="1"/>
  <c r="AC104074" i="1"/>
  <c r="AC104075" i="1"/>
  <c r="AC104076" i="1"/>
  <c r="AC104077" i="1"/>
  <c r="AC104078" i="1"/>
  <c r="AC104079" i="1"/>
  <c r="AC104080" i="1"/>
  <c r="AC104081" i="1"/>
  <c r="AC104082" i="1"/>
  <c r="AC104083" i="1"/>
  <c r="AC104084" i="1"/>
  <c r="AC104085" i="1"/>
  <c r="AC104086" i="1"/>
  <c r="AC104087" i="1"/>
  <c r="AC104088" i="1"/>
  <c r="AC104089" i="1"/>
  <c r="AC104090" i="1"/>
  <c r="AC104091" i="1"/>
  <c r="AC104092" i="1"/>
  <c r="AC104093" i="1"/>
  <c r="AC104094" i="1"/>
  <c r="AC104095" i="1"/>
  <c r="AC104096" i="1"/>
  <c r="AC104097" i="1"/>
  <c r="AC104098" i="1"/>
  <c r="AC104099" i="1"/>
  <c r="AC104100" i="1"/>
  <c r="AC104101" i="1"/>
  <c r="AC104102" i="1"/>
  <c r="AC104103" i="1"/>
  <c r="AC104104" i="1"/>
  <c r="AC104105" i="1"/>
  <c r="AC104106" i="1"/>
  <c r="AC104107" i="1"/>
  <c r="AC104108" i="1"/>
  <c r="AC104109" i="1"/>
  <c r="AC104110" i="1"/>
  <c r="AC104111" i="1"/>
  <c r="AC104112" i="1"/>
  <c r="AC104113" i="1"/>
  <c r="AC104114" i="1"/>
  <c r="AC104115" i="1"/>
  <c r="AC104116" i="1"/>
  <c r="AC104117" i="1"/>
  <c r="AC104118" i="1"/>
  <c r="AC104119" i="1"/>
  <c r="AC104120" i="1"/>
  <c r="AC104121" i="1"/>
  <c r="AC104122" i="1"/>
  <c r="AC104123" i="1"/>
  <c r="AC104124" i="1"/>
  <c r="AC104125" i="1"/>
  <c r="AC104126" i="1"/>
  <c r="AC104127" i="1"/>
  <c r="AC104128" i="1"/>
  <c r="AC104129" i="1"/>
  <c r="AC104130" i="1"/>
  <c r="AC104131" i="1"/>
  <c r="AC104132" i="1"/>
  <c r="AC104133" i="1"/>
  <c r="AC104134" i="1"/>
  <c r="AC104135" i="1"/>
  <c r="AC104136" i="1"/>
  <c r="AC104137" i="1"/>
  <c r="AC104138" i="1"/>
  <c r="AC104139" i="1"/>
  <c r="AC104140" i="1"/>
  <c r="AC104141" i="1"/>
  <c r="AC104142" i="1"/>
  <c r="AC104143" i="1"/>
  <c r="AC104144" i="1"/>
  <c r="AC104145" i="1"/>
  <c r="AC104146" i="1"/>
  <c r="AC104147" i="1"/>
  <c r="AC104148" i="1"/>
  <c r="AC104149" i="1"/>
  <c r="AC104150" i="1"/>
  <c r="AC104151" i="1"/>
  <c r="AC104152" i="1"/>
  <c r="AC104153" i="1"/>
  <c r="AC104154" i="1"/>
  <c r="AC104155" i="1"/>
  <c r="AC104156" i="1"/>
  <c r="AC104157" i="1"/>
  <c r="AC104158" i="1"/>
  <c r="AC104159" i="1"/>
  <c r="AC104160" i="1"/>
  <c r="AC104161" i="1"/>
  <c r="AC104162" i="1"/>
  <c r="AC104163" i="1"/>
  <c r="AC104164" i="1"/>
  <c r="AC104165" i="1"/>
  <c r="AC104166" i="1"/>
  <c r="AC104167" i="1"/>
  <c r="AC104168" i="1"/>
  <c r="AC104169" i="1"/>
  <c r="AC104170" i="1"/>
  <c r="AC104171" i="1"/>
  <c r="AC104172" i="1"/>
  <c r="AC104173" i="1"/>
  <c r="AC104174" i="1"/>
  <c r="AC104175" i="1"/>
  <c r="AC104176" i="1"/>
  <c r="AC104177" i="1"/>
  <c r="AC104178" i="1"/>
  <c r="AC104179" i="1"/>
  <c r="AC104180" i="1"/>
  <c r="AC104181" i="1"/>
  <c r="AC104182" i="1"/>
  <c r="AC104183" i="1"/>
  <c r="AC104184" i="1"/>
  <c r="AC104185" i="1"/>
  <c r="AC104186" i="1"/>
  <c r="AC104187" i="1"/>
  <c r="AC104188" i="1"/>
  <c r="AC104189" i="1"/>
  <c r="AC104190" i="1"/>
  <c r="AC104191" i="1"/>
  <c r="AC104192" i="1"/>
  <c r="AC104193" i="1"/>
  <c r="AC104194" i="1"/>
  <c r="AC104195" i="1"/>
  <c r="AC104196" i="1"/>
  <c r="AC104197" i="1"/>
  <c r="AC104198" i="1"/>
  <c r="AC104199" i="1"/>
  <c r="AC104200" i="1"/>
  <c r="AC104201" i="1"/>
  <c r="AC104202" i="1"/>
  <c r="AC104203" i="1"/>
  <c r="AC104204" i="1"/>
  <c r="AC104205" i="1"/>
  <c r="AC104206" i="1"/>
  <c r="AC104207" i="1"/>
  <c r="AC104208" i="1"/>
  <c r="AC104209" i="1"/>
  <c r="AC104210" i="1"/>
  <c r="AC104211" i="1"/>
  <c r="AC104212" i="1"/>
  <c r="AC104213" i="1"/>
  <c r="AC104214" i="1"/>
  <c r="AC104215" i="1"/>
  <c r="AC104216" i="1"/>
  <c r="AC104217" i="1"/>
  <c r="AC104218" i="1"/>
  <c r="AC104219" i="1"/>
  <c r="AC104220" i="1"/>
  <c r="AC104221" i="1"/>
  <c r="AC104222" i="1"/>
  <c r="AC104223" i="1"/>
  <c r="AC104224" i="1"/>
  <c r="AC104225" i="1"/>
  <c r="AC104226" i="1"/>
  <c r="AC104227" i="1"/>
  <c r="AC104228" i="1"/>
  <c r="AC104229" i="1"/>
  <c r="AC104230" i="1"/>
  <c r="AC104231" i="1"/>
  <c r="AC104232" i="1"/>
  <c r="AC104233" i="1"/>
  <c r="AC104234" i="1"/>
  <c r="AC104235" i="1"/>
  <c r="AC104236" i="1"/>
  <c r="AC104237" i="1"/>
  <c r="AC104238" i="1"/>
  <c r="AC104239" i="1"/>
  <c r="AC104240" i="1"/>
  <c r="AC104241" i="1"/>
  <c r="AC104242" i="1"/>
  <c r="AC104243" i="1"/>
  <c r="AC104244" i="1"/>
  <c r="AC104245" i="1"/>
  <c r="AC104246" i="1"/>
  <c r="AC104247" i="1"/>
  <c r="AC104248" i="1"/>
  <c r="AC104249" i="1"/>
  <c r="AC104250" i="1"/>
  <c r="AC104251" i="1"/>
  <c r="AC104252" i="1"/>
  <c r="AC104253" i="1"/>
  <c r="AC104254" i="1"/>
  <c r="AC104255" i="1"/>
  <c r="AC104256" i="1"/>
  <c r="AC104257" i="1"/>
  <c r="AC104258" i="1"/>
  <c r="AC104259" i="1"/>
  <c r="AC104260" i="1"/>
  <c r="AC104261" i="1"/>
  <c r="AC104262" i="1"/>
  <c r="AC104263" i="1"/>
  <c r="AC104264" i="1"/>
  <c r="AC104265" i="1"/>
  <c r="AC104266" i="1"/>
  <c r="AC104267" i="1"/>
  <c r="AC104268" i="1"/>
  <c r="AC104269" i="1"/>
  <c r="AC104270" i="1"/>
  <c r="AC104271" i="1"/>
  <c r="AC104272" i="1"/>
  <c r="AC104273" i="1"/>
  <c r="AC104274" i="1"/>
  <c r="AC104275" i="1"/>
  <c r="AC104276" i="1"/>
  <c r="AC104277" i="1"/>
  <c r="AC104278" i="1"/>
  <c r="AC104279" i="1"/>
  <c r="AC104280" i="1"/>
  <c r="AC104281" i="1"/>
  <c r="AC104282" i="1"/>
  <c r="AC104283" i="1"/>
  <c r="AC104284" i="1"/>
  <c r="AC104285" i="1"/>
  <c r="AC104286" i="1"/>
  <c r="AC104287" i="1"/>
  <c r="AC104288" i="1"/>
  <c r="AC104289" i="1"/>
  <c r="AC104290" i="1"/>
  <c r="AC104291" i="1"/>
  <c r="AC104292" i="1"/>
  <c r="AC104293" i="1"/>
  <c r="AC104294" i="1"/>
  <c r="AC104295" i="1"/>
  <c r="AC104296" i="1"/>
  <c r="AC104297" i="1"/>
  <c r="AC104298" i="1"/>
  <c r="AC104299" i="1"/>
  <c r="AC104300" i="1"/>
  <c r="AC104301" i="1"/>
  <c r="AC104302" i="1"/>
  <c r="AC104303" i="1"/>
  <c r="AC104304" i="1"/>
  <c r="AC104305" i="1"/>
  <c r="AC104306" i="1"/>
  <c r="AC104307" i="1"/>
  <c r="AC104308" i="1"/>
  <c r="AC104309" i="1"/>
  <c r="AC104310" i="1"/>
  <c r="AC104311" i="1"/>
  <c r="AC104312" i="1"/>
  <c r="AC104313" i="1"/>
  <c r="AC104314" i="1"/>
  <c r="AC104315" i="1"/>
  <c r="AC104316" i="1"/>
  <c r="AC104317" i="1"/>
  <c r="AC104318" i="1"/>
  <c r="AC104319" i="1"/>
  <c r="AC104320" i="1"/>
  <c r="AC104321" i="1"/>
  <c r="AC104322" i="1"/>
  <c r="AC104323" i="1"/>
  <c r="AC104324" i="1"/>
  <c r="AC104325" i="1"/>
  <c r="AC104326" i="1"/>
  <c r="AC104327" i="1"/>
  <c r="AC104328" i="1"/>
  <c r="AC104329" i="1"/>
  <c r="AC104330" i="1"/>
  <c r="AC104331" i="1"/>
  <c r="AC104332" i="1"/>
  <c r="AC104333" i="1"/>
  <c r="AC104334" i="1"/>
  <c r="AC104335" i="1"/>
  <c r="AC104336" i="1"/>
  <c r="AC104337" i="1"/>
  <c r="AC104338" i="1"/>
  <c r="AC104339" i="1"/>
  <c r="AC104340" i="1"/>
  <c r="AC104341" i="1"/>
  <c r="AC104342" i="1"/>
  <c r="AC104343" i="1"/>
  <c r="AC104344" i="1"/>
  <c r="AC104345" i="1"/>
  <c r="AC104346" i="1"/>
  <c r="AC104347" i="1"/>
  <c r="AC104348" i="1"/>
  <c r="AC104349" i="1"/>
  <c r="AC104350" i="1"/>
  <c r="AC104351" i="1"/>
  <c r="AC104352" i="1"/>
  <c r="AC104353" i="1"/>
  <c r="AC104354" i="1"/>
  <c r="AC104355" i="1"/>
  <c r="AC104356" i="1"/>
  <c r="AC104357" i="1"/>
  <c r="AC104358" i="1"/>
  <c r="AC104359" i="1"/>
  <c r="AC104360" i="1"/>
  <c r="AC104361" i="1"/>
  <c r="AC104362" i="1"/>
  <c r="AC104363" i="1"/>
  <c r="AC104364" i="1"/>
  <c r="AC104365" i="1"/>
  <c r="AC104366" i="1"/>
  <c r="AC104367" i="1"/>
  <c r="AC104368" i="1"/>
  <c r="AC104369" i="1"/>
  <c r="AC104370" i="1"/>
  <c r="AC104371" i="1"/>
  <c r="AC104372" i="1"/>
  <c r="AC104373" i="1"/>
  <c r="AC104374" i="1"/>
  <c r="AC104375" i="1"/>
  <c r="AC104376" i="1"/>
  <c r="AC104377" i="1"/>
  <c r="AC104378" i="1"/>
  <c r="AC104379" i="1"/>
  <c r="AC104380" i="1"/>
  <c r="AC104381" i="1"/>
  <c r="AC104382" i="1"/>
  <c r="AC104383" i="1"/>
  <c r="AC104384" i="1"/>
  <c r="AC104385" i="1"/>
  <c r="AC104386" i="1"/>
  <c r="AC104387" i="1"/>
  <c r="AC104388" i="1"/>
  <c r="AC104389" i="1"/>
  <c r="AC104390" i="1"/>
  <c r="AC104391" i="1"/>
  <c r="AC104392" i="1"/>
  <c r="AC104393" i="1"/>
  <c r="AC104394" i="1"/>
  <c r="AC104395" i="1"/>
  <c r="AC104396" i="1"/>
  <c r="AC104397" i="1"/>
  <c r="AC104398" i="1"/>
  <c r="AC104399" i="1"/>
  <c r="AC104400" i="1"/>
  <c r="AC104401" i="1"/>
  <c r="AC104402" i="1"/>
  <c r="AC104403" i="1"/>
  <c r="AC104404" i="1"/>
  <c r="AC104405" i="1"/>
  <c r="AC104406" i="1"/>
  <c r="AC104407" i="1"/>
  <c r="AC104408" i="1"/>
  <c r="AC104409" i="1"/>
  <c r="AC104410" i="1"/>
  <c r="AC104411" i="1"/>
  <c r="AC104412" i="1"/>
  <c r="AC104413" i="1"/>
  <c r="AC104414" i="1"/>
  <c r="AC104415" i="1"/>
  <c r="AC104416" i="1"/>
  <c r="AC104417" i="1"/>
  <c r="AC104418" i="1"/>
  <c r="AC104419" i="1"/>
  <c r="AC104420" i="1"/>
  <c r="AC104421" i="1"/>
  <c r="AC104422" i="1"/>
  <c r="AC104423" i="1"/>
  <c r="AC104424" i="1"/>
  <c r="AC104425" i="1"/>
  <c r="AC104426" i="1"/>
  <c r="AC104427" i="1"/>
  <c r="AC104428" i="1"/>
  <c r="AC104429" i="1"/>
  <c r="AC104430" i="1"/>
  <c r="AC104431" i="1"/>
  <c r="AC104432" i="1"/>
  <c r="AC104433" i="1"/>
  <c r="AC104434" i="1"/>
  <c r="AC104435" i="1"/>
  <c r="AC104436" i="1"/>
  <c r="AC104437" i="1"/>
  <c r="AC104438" i="1"/>
  <c r="AC104439" i="1"/>
  <c r="AC104440" i="1"/>
  <c r="AC104441" i="1"/>
  <c r="AC104442" i="1"/>
  <c r="AC104443" i="1"/>
  <c r="AC104444" i="1"/>
  <c r="AC104445" i="1"/>
  <c r="AC104446" i="1"/>
  <c r="AC104447" i="1"/>
  <c r="AC104448" i="1"/>
  <c r="AC104449" i="1"/>
  <c r="AC104450" i="1"/>
  <c r="AC104451" i="1"/>
  <c r="AC104452" i="1"/>
  <c r="AC104453" i="1"/>
  <c r="AC104454" i="1"/>
  <c r="AC104455" i="1"/>
  <c r="AC104456" i="1"/>
  <c r="AC104457" i="1"/>
  <c r="AC104458" i="1"/>
  <c r="AC104459" i="1"/>
  <c r="AC104460" i="1"/>
  <c r="AC104461" i="1"/>
  <c r="AC104462" i="1"/>
  <c r="AC104463" i="1"/>
  <c r="AC104464" i="1"/>
  <c r="AC104465" i="1"/>
  <c r="AC104466" i="1"/>
  <c r="AC104467" i="1"/>
  <c r="AC104468" i="1"/>
  <c r="AC104469" i="1"/>
  <c r="AC104470" i="1"/>
  <c r="AC104471" i="1"/>
  <c r="AC104472" i="1"/>
  <c r="AC104473" i="1"/>
  <c r="AC104474" i="1"/>
  <c r="AC104475" i="1"/>
  <c r="AC104476" i="1"/>
  <c r="AC104477" i="1"/>
  <c r="AC104478" i="1"/>
  <c r="AC104479" i="1"/>
  <c r="AC104480" i="1"/>
  <c r="AC104481" i="1"/>
  <c r="AC104482" i="1"/>
  <c r="AC104483" i="1"/>
  <c r="AC104484" i="1"/>
  <c r="AC104485" i="1"/>
  <c r="AC104486" i="1"/>
  <c r="AC104487" i="1"/>
  <c r="AC104488" i="1"/>
  <c r="AC104489" i="1"/>
  <c r="AC104490" i="1"/>
  <c r="AC104491" i="1"/>
  <c r="AC104492" i="1"/>
  <c r="AC104493" i="1"/>
  <c r="AC104494" i="1"/>
  <c r="AC104495" i="1"/>
  <c r="AC104496" i="1"/>
  <c r="AC104497" i="1"/>
  <c r="AC104498" i="1"/>
  <c r="AC104499" i="1"/>
  <c r="AC104500" i="1"/>
  <c r="AC104501" i="1"/>
  <c r="AC104502" i="1"/>
  <c r="AC104503" i="1"/>
  <c r="AC104504" i="1"/>
  <c r="AC104505" i="1"/>
  <c r="AC104506" i="1"/>
  <c r="AC104507" i="1"/>
  <c r="AC104508" i="1"/>
  <c r="AC104509" i="1"/>
  <c r="AC104510" i="1"/>
  <c r="AC104511" i="1"/>
  <c r="AC104512" i="1"/>
  <c r="AC104513" i="1"/>
  <c r="AC104514" i="1"/>
  <c r="AC104515" i="1"/>
  <c r="AC104516" i="1"/>
  <c r="AC104517" i="1"/>
  <c r="AC104518" i="1"/>
  <c r="AC104519" i="1"/>
  <c r="AC104520" i="1"/>
  <c r="AC104521" i="1"/>
  <c r="AC104522" i="1"/>
  <c r="AC104523" i="1"/>
  <c r="AC104524" i="1"/>
  <c r="AC104525" i="1"/>
  <c r="AC104526" i="1"/>
  <c r="AC104527" i="1"/>
  <c r="AC104528" i="1"/>
  <c r="AC104529" i="1"/>
  <c r="AC104530" i="1"/>
  <c r="AC104531" i="1"/>
  <c r="AC104532" i="1"/>
  <c r="AC104533" i="1"/>
  <c r="AC104534" i="1"/>
  <c r="AC104535" i="1"/>
  <c r="AC104536" i="1"/>
  <c r="AC104537" i="1"/>
  <c r="AC104538" i="1"/>
  <c r="AC104539" i="1"/>
  <c r="AC104540" i="1"/>
  <c r="AC104541" i="1"/>
  <c r="AC104542" i="1"/>
  <c r="AC104543" i="1"/>
  <c r="AC104544" i="1"/>
  <c r="AC104545" i="1"/>
  <c r="AC104546" i="1"/>
  <c r="AC104547" i="1"/>
  <c r="AC104548" i="1"/>
  <c r="AC104549" i="1"/>
  <c r="AC104550" i="1"/>
  <c r="AC104551" i="1"/>
  <c r="AC104552" i="1"/>
  <c r="AC104553" i="1"/>
  <c r="AC104554" i="1"/>
  <c r="AC104555" i="1"/>
  <c r="AC104556" i="1"/>
  <c r="AC104557" i="1"/>
  <c r="AC104558" i="1"/>
  <c r="AC104559" i="1"/>
  <c r="AC104560" i="1"/>
  <c r="AC104561" i="1"/>
  <c r="AC104562" i="1"/>
  <c r="AC104563" i="1"/>
  <c r="AC104564" i="1"/>
  <c r="AC104565" i="1"/>
  <c r="AC104566" i="1"/>
  <c r="AC104567" i="1"/>
  <c r="AC104568" i="1"/>
  <c r="AC104569" i="1"/>
  <c r="AC104570" i="1"/>
  <c r="AC104571" i="1"/>
  <c r="AC104572" i="1"/>
  <c r="AC104573" i="1"/>
  <c r="AC104574" i="1"/>
  <c r="AC104575" i="1"/>
  <c r="AC104576" i="1"/>
  <c r="AC104577" i="1"/>
  <c r="AC104578" i="1"/>
  <c r="AC104579" i="1"/>
  <c r="AC104580" i="1"/>
  <c r="AC104581" i="1"/>
  <c r="AC104582" i="1"/>
  <c r="AC104583" i="1"/>
  <c r="AC104584" i="1"/>
  <c r="AC104585" i="1"/>
  <c r="AC104586" i="1"/>
  <c r="AC104587" i="1"/>
  <c r="AC104588" i="1"/>
  <c r="AC104589" i="1"/>
  <c r="AC104590" i="1"/>
  <c r="AC104591" i="1"/>
  <c r="AC104592" i="1"/>
  <c r="AC104593" i="1"/>
  <c r="AC104594" i="1"/>
  <c r="AC104595" i="1"/>
  <c r="AC104596" i="1"/>
  <c r="AC104597" i="1"/>
  <c r="AC104598" i="1"/>
  <c r="AC104599" i="1"/>
  <c r="AC104600" i="1"/>
  <c r="AC104601" i="1"/>
  <c r="AC104602" i="1"/>
  <c r="AC104603" i="1"/>
  <c r="AC104604" i="1"/>
  <c r="AC104605" i="1"/>
  <c r="AC104606" i="1"/>
  <c r="AC104607" i="1"/>
  <c r="AC104608" i="1"/>
  <c r="AC104609" i="1"/>
  <c r="AC104610" i="1"/>
  <c r="AC104611" i="1"/>
  <c r="AC104612" i="1"/>
  <c r="AC104613" i="1"/>
  <c r="AC104614" i="1"/>
  <c r="AC104615" i="1"/>
  <c r="AC104616" i="1"/>
  <c r="AC104617" i="1"/>
  <c r="AC104618" i="1"/>
  <c r="AC104619" i="1"/>
  <c r="AC104620" i="1"/>
  <c r="AC104621" i="1"/>
  <c r="AC104622" i="1"/>
  <c r="AC104623" i="1"/>
  <c r="AC104624" i="1"/>
  <c r="AC104625" i="1"/>
  <c r="AC104626" i="1"/>
  <c r="AC104627" i="1"/>
  <c r="AC104628" i="1"/>
  <c r="AC104629" i="1"/>
  <c r="AC104630" i="1"/>
  <c r="AC104631" i="1"/>
  <c r="AC104632" i="1"/>
  <c r="AC104633" i="1"/>
  <c r="AC104634" i="1"/>
  <c r="AC104635" i="1"/>
  <c r="AC104636" i="1"/>
  <c r="AC104637" i="1"/>
  <c r="AC104638" i="1"/>
  <c r="AC104639" i="1"/>
  <c r="AC104640" i="1"/>
  <c r="AC104641" i="1"/>
  <c r="AC104642" i="1"/>
  <c r="AC104643" i="1"/>
  <c r="AC104644" i="1"/>
  <c r="AC104645" i="1"/>
  <c r="AC104646" i="1"/>
  <c r="AC104647" i="1"/>
  <c r="AC104648" i="1"/>
  <c r="AC104649" i="1"/>
  <c r="AC104650" i="1"/>
  <c r="AC104651" i="1"/>
  <c r="AC104652" i="1"/>
  <c r="AC104653" i="1"/>
  <c r="AC104654" i="1"/>
  <c r="AC104655" i="1"/>
  <c r="AC104656" i="1"/>
  <c r="AC104657" i="1"/>
  <c r="AC104658" i="1"/>
  <c r="AC104659" i="1"/>
  <c r="AC104660" i="1"/>
  <c r="AC104661" i="1"/>
  <c r="AC104662" i="1"/>
  <c r="AC104663" i="1"/>
  <c r="AC104664" i="1"/>
  <c r="AC104665" i="1"/>
  <c r="AC104666" i="1"/>
  <c r="AC104667" i="1"/>
  <c r="AC104668" i="1"/>
  <c r="AC104669" i="1"/>
  <c r="AC104670" i="1"/>
  <c r="AC104671" i="1"/>
  <c r="AC104672" i="1"/>
  <c r="AC104673" i="1"/>
  <c r="AC104674" i="1"/>
  <c r="AC104675" i="1"/>
  <c r="AC104676" i="1"/>
  <c r="AC104677" i="1"/>
  <c r="AC104678" i="1"/>
  <c r="AC104679" i="1"/>
  <c r="AC104680" i="1"/>
  <c r="AC104681" i="1"/>
  <c r="AC104682" i="1"/>
  <c r="AC104683" i="1"/>
  <c r="AC104684" i="1"/>
  <c r="AC104685" i="1"/>
  <c r="AC104686" i="1"/>
  <c r="AC104687" i="1"/>
  <c r="AC104688" i="1"/>
  <c r="AC104689" i="1"/>
  <c r="AC104690" i="1"/>
  <c r="AC104691" i="1"/>
  <c r="AC104692" i="1"/>
  <c r="AC104693" i="1"/>
  <c r="AC104694" i="1"/>
  <c r="AC104695" i="1"/>
  <c r="AC104696" i="1"/>
  <c r="AC104697" i="1"/>
  <c r="AC104698" i="1"/>
  <c r="AC104699" i="1"/>
  <c r="AC104700" i="1"/>
  <c r="AC104701" i="1"/>
  <c r="AC104702" i="1"/>
  <c r="AC104703" i="1"/>
  <c r="AC104704" i="1"/>
  <c r="AC104705" i="1"/>
  <c r="AC104706" i="1"/>
  <c r="AC104707" i="1"/>
  <c r="AC104708" i="1"/>
  <c r="AC104709" i="1"/>
  <c r="AC104710" i="1"/>
  <c r="AC104711" i="1"/>
  <c r="AC104712" i="1"/>
  <c r="AC104713" i="1"/>
  <c r="AC104714" i="1"/>
  <c r="AC104715" i="1"/>
  <c r="AC104716" i="1"/>
  <c r="AC104717" i="1"/>
  <c r="AC104718" i="1"/>
  <c r="AC104719" i="1"/>
  <c r="AC104720" i="1"/>
  <c r="AC104721" i="1"/>
  <c r="AC104722" i="1"/>
  <c r="AC104723" i="1"/>
  <c r="AC104724" i="1"/>
  <c r="AC104725" i="1"/>
  <c r="AC104726" i="1"/>
  <c r="AC104727" i="1"/>
  <c r="AC104728" i="1"/>
  <c r="AC104729" i="1"/>
  <c r="AC104730" i="1"/>
  <c r="AC104731" i="1"/>
  <c r="AC104732" i="1"/>
  <c r="AC104733" i="1"/>
  <c r="AC104734" i="1"/>
  <c r="AC104735" i="1"/>
  <c r="AC104736" i="1"/>
  <c r="AC104737" i="1"/>
  <c r="AC104738" i="1"/>
  <c r="AC104739" i="1"/>
  <c r="AC104740" i="1"/>
  <c r="AC104741" i="1"/>
  <c r="AC104742" i="1"/>
  <c r="AC104743" i="1"/>
  <c r="AC104744" i="1"/>
  <c r="AC104745" i="1"/>
  <c r="AC104746" i="1"/>
  <c r="AC104747" i="1"/>
  <c r="AC104748" i="1"/>
  <c r="AC104749" i="1"/>
  <c r="AC104750" i="1"/>
  <c r="AC104751" i="1"/>
  <c r="AC104752" i="1"/>
  <c r="AC104753" i="1"/>
  <c r="AC104754" i="1"/>
  <c r="AC104755" i="1"/>
  <c r="AC104756" i="1"/>
  <c r="AC104757" i="1"/>
  <c r="AC104758" i="1"/>
  <c r="AC104759" i="1"/>
  <c r="AC104760" i="1"/>
  <c r="AC104761" i="1"/>
  <c r="AC104762" i="1"/>
  <c r="AC104763" i="1"/>
  <c r="AC104764" i="1"/>
  <c r="AC104765" i="1"/>
  <c r="AC104766" i="1"/>
  <c r="AC104767" i="1"/>
  <c r="AC104768" i="1"/>
  <c r="AC104769" i="1"/>
  <c r="AC104770" i="1"/>
  <c r="AC104771" i="1"/>
  <c r="AC104772" i="1"/>
  <c r="AC104773" i="1"/>
  <c r="AC104774" i="1"/>
  <c r="AC104775" i="1"/>
  <c r="AC104776" i="1"/>
  <c r="AC104777" i="1"/>
  <c r="AC104778" i="1"/>
  <c r="AC104779" i="1"/>
  <c r="AC104780" i="1"/>
  <c r="AC104781" i="1"/>
  <c r="AC104782" i="1"/>
  <c r="AC104783" i="1"/>
  <c r="AC104784" i="1"/>
  <c r="AC104785" i="1"/>
  <c r="AC104786" i="1"/>
  <c r="AC104787" i="1"/>
  <c r="AC104788" i="1"/>
  <c r="AC104789" i="1"/>
  <c r="AC104790" i="1"/>
  <c r="AC104791" i="1"/>
  <c r="AC104792" i="1"/>
  <c r="AC104793" i="1"/>
  <c r="AC104794" i="1"/>
  <c r="AC104795" i="1"/>
  <c r="AC104796" i="1"/>
  <c r="AC104797" i="1"/>
  <c r="AC104798" i="1"/>
  <c r="AC104799" i="1"/>
  <c r="AC104800" i="1"/>
  <c r="AC104801" i="1"/>
  <c r="AC104802" i="1"/>
  <c r="AC104803" i="1"/>
  <c r="AC104804" i="1"/>
  <c r="AC104805" i="1"/>
  <c r="AC104806" i="1"/>
  <c r="AC104807" i="1"/>
  <c r="AC104808" i="1"/>
  <c r="AC104809" i="1"/>
  <c r="AC104810" i="1"/>
  <c r="AC104811" i="1"/>
  <c r="AC104812" i="1"/>
  <c r="AC104813" i="1"/>
  <c r="AC104814" i="1"/>
  <c r="AC104815" i="1"/>
  <c r="AC104816" i="1"/>
  <c r="AC104817" i="1"/>
  <c r="AC104818" i="1"/>
  <c r="AC104819" i="1"/>
  <c r="AC104820" i="1"/>
  <c r="AC104821" i="1"/>
  <c r="AC104822" i="1"/>
  <c r="AC104823" i="1"/>
  <c r="AC104824" i="1"/>
  <c r="AC104825" i="1"/>
  <c r="AC104826" i="1"/>
  <c r="AC104827" i="1"/>
  <c r="AC104828" i="1"/>
  <c r="AC104829" i="1"/>
  <c r="AC104830" i="1"/>
  <c r="AC104831" i="1"/>
  <c r="AC104832" i="1"/>
  <c r="AC104833" i="1"/>
  <c r="AC104834" i="1"/>
  <c r="AC104835" i="1"/>
  <c r="AC104836" i="1"/>
  <c r="AC104837" i="1"/>
  <c r="AC104838" i="1"/>
  <c r="AC104839" i="1"/>
  <c r="AC104840" i="1"/>
  <c r="AC104841" i="1"/>
  <c r="AC104842" i="1"/>
  <c r="AC104843" i="1"/>
  <c r="AC104844" i="1"/>
  <c r="AC104845" i="1"/>
  <c r="AC104846" i="1"/>
  <c r="AC104847" i="1"/>
  <c r="AC104848" i="1"/>
  <c r="AC104849" i="1"/>
  <c r="AC104850" i="1"/>
  <c r="AC104851" i="1"/>
  <c r="AC104852" i="1"/>
  <c r="AC104853" i="1"/>
  <c r="AC104854" i="1"/>
  <c r="AC104855" i="1"/>
  <c r="AC104856" i="1"/>
  <c r="AC104857" i="1"/>
  <c r="AC104858" i="1"/>
  <c r="AC104859" i="1"/>
  <c r="AC104860" i="1"/>
  <c r="AC104861" i="1"/>
  <c r="AC104862" i="1"/>
  <c r="AC104863" i="1"/>
  <c r="AC104864" i="1"/>
  <c r="AC104865" i="1"/>
  <c r="AC104866" i="1"/>
  <c r="AC104867" i="1"/>
  <c r="AC104868" i="1"/>
  <c r="AC104869" i="1"/>
  <c r="AC104870" i="1"/>
  <c r="AC104871" i="1"/>
  <c r="AC104872" i="1"/>
  <c r="AC104873" i="1"/>
  <c r="AC104874" i="1"/>
  <c r="AC104875" i="1"/>
  <c r="AC104876" i="1"/>
  <c r="AC104877" i="1"/>
  <c r="AC104878" i="1"/>
  <c r="AC104879" i="1"/>
  <c r="AC104880" i="1"/>
  <c r="AC104881" i="1"/>
  <c r="AC104882" i="1"/>
  <c r="AC104883" i="1"/>
  <c r="AC104884" i="1"/>
  <c r="AC104885" i="1"/>
  <c r="AC104886" i="1"/>
  <c r="AC104887" i="1"/>
  <c r="AC104888" i="1"/>
  <c r="AC104889" i="1"/>
  <c r="AC104890" i="1"/>
  <c r="AC104891" i="1"/>
  <c r="AC104892" i="1"/>
  <c r="AC104893" i="1"/>
  <c r="AC104894" i="1"/>
  <c r="AC104895" i="1"/>
  <c r="AC104896" i="1"/>
  <c r="AC104897" i="1"/>
  <c r="AC104898" i="1"/>
  <c r="AC104899" i="1"/>
  <c r="AC104900" i="1"/>
  <c r="AC104901" i="1"/>
  <c r="AC104902" i="1"/>
  <c r="AC104903" i="1"/>
  <c r="AC104904" i="1"/>
  <c r="AC104905" i="1"/>
  <c r="AC104906" i="1"/>
  <c r="AC104907" i="1"/>
  <c r="AC104908" i="1"/>
  <c r="AC104909" i="1"/>
  <c r="AC104910" i="1"/>
  <c r="AC104911" i="1"/>
  <c r="AC104912" i="1"/>
  <c r="AC104913" i="1"/>
  <c r="AC104914" i="1"/>
  <c r="AC104915" i="1"/>
  <c r="AC104916" i="1"/>
  <c r="AC104917" i="1"/>
  <c r="AC104918" i="1"/>
  <c r="AC104919" i="1"/>
  <c r="AC104920" i="1"/>
  <c r="AC104921" i="1"/>
  <c r="AC104922" i="1"/>
  <c r="AC104923" i="1"/>
  <c r="AC104924" i="1"/>
  <c r="AC104925" i="1"/>
  <c r="AC104926" i="1"/>
  <c r="AC104927" i="1"/>
  <c r="AC104928" i="1"/>
  <c r="AC104929" i="1"/>
  <c r="AC104930" i="1"/>
  <c r="AC104931" i="1"/>
  <c r="AC104932" i="1"/>
  <c r="AC104933" i="1"/>
  <c r="AC104934" i="1"/>
  <c r="AC104935" i="1"/>
  <c r="AC104936" i="1"/>
  <c r="AC104937" i="1"/>
  <c r="AC104938" i="1"/>
  <c r="AC104939" i="1"/>
  <c r="AC104940" i="1"/>
  <c r="AC104941" i="1"/>
  <c r="AC104942" i="1"/>
  <c r="AC104943" i="1"/>
  <c r="AC104944" i="1"/>
  <c r="AC104945" i="1"/>
  <c r="AC104946" i="1"/>
  <c r="AC104947" i="1"/>
  <c r="AC104948" i="1"/>
  <c r="AC104949" i="1"/>
  <c r="AC104950" i="1"/>
  <c r="AC104951" i="1"/>
  <c r="AC104952" i="1"/>
  <c r="AC104953" i="1"/>
  <c r="AC104954" i="1"/>
  <c r="AC104955" i="1"/>
  <c r="AC104956" i="1"/>
  <c r="AC104957" i="1"/>
  <c r="AC104958" i="1"/>
  <c r="AC104959" i="1"/>
  <c r="AC104960" i="1"/>
  <c r="AC104961" i="1"/>
  <c r="AC104962" i="1"/>
  <c r="AC104963" i="1"/>
  <c r="AC104964" i="1"/>
  <c r="AC104965" i="1"/>
  <c r="AC104966" i="1"/>
  <c r="AC104967" i="1"/>
  <c r="AC104968" i="1"/>
  <c r="AC104969" i="1"/>
  <c r="AC104970" i="1"/>
  <c r="AC104971" i="1"/>
  <c r="AC104972" i="1"/>
  <c r="AC104973" i="1"/>
  <c r="AC104974" i="1"/>
  <c r="AC104975" i="1"/>
  <c r="AC104976" i="1"/>
  <c r="AC104977" i="1"/>
  <c r="AC104978" i="1"/>
  <c r="AC104979" i="1"/>
  <c r="AC104980" i="1"/>
  <c r="AC104981" i="1"/>
  <c r="AC104982" i="1"/>
  <c r="AC104983" i="1"/>
  <c r="AC104984" i="1"/>
  <c r="AC104985" i="1"/>
  <c r="AC104986" i="1"/>
  <c r="AC104987" i="1"/>
  <c r="AC104988" i="1"/>
  <c r="AC104989" i="1"/>
  <c r="AC104990" i="1"/>
  <c r="AC104991" i="1"/>
  <c r="AC104992" i="1"/>
  <c r="AC104993" i="1"/>
  <c r="AC104994" i="1"/>
  <c r="AC104995" i="1"/>
  <c r="AC104996" i="1"/>
  <c r="AC104997" i="1"/>
  <c r="AC104998" i="1"/>
  <c r="AC104999" i="1"/>
  <c r="AC105000" i="1"/>
  <c r="AC105001" i="1"/>
  <c r="AC105002" i="1"/>
  <c r="AC105003" i="1"/>
  <c r="AC105004" i="1"/>
  <c r="AC105005" i="1"/>
  <c r="AC105006" i="1"/>
  <c r="AC105007" i="1"/>
  <c r="AC105008" i="1"/>
  <c r="AC105009" i="1"/>
  <c r="AC105010" i="1"/>
  <c r="AC105011" i="1"/>
  <c r="AC105012" i="1"/>
  <c r="AC105013" i="1"/>
  <c r="AC105014" i="1"/>
  <c r="AC105015" i="1"/>
  <c r="AC105016" i="1"/>
  <c r="AC105017" i="1"/>
  <c r="AC105018" i="1"/>
  <c r="AC105019" i="1"/>
  <c r="AC105020" i="1"/>
  <c r="AC105021" i="1"/>
  <c r="AC105022" i="1"/>
  <c r="AC105023" i="1"/>
  <c r="AC105024" i="1"/>
  <c r="AC105025" i="1"/>
  <c r="AC105026" i="1"/>
  <c r="AC105027" i="1"/>
  <c r="AC105028" i="1"/>
  <c r="AC105029" i="1"/>
  <c r="AC105030" i="1"/>
  <c r="AC105031" i="1"/>
  <c r="AC105032" i="1"/>
  <c r="AC105033" i="1"/>
  <c r="AC105034" i="1"/>
  <c r="AC105035" i="1"/>
  <c r="AC105036" i="1"/>
  <c r="AC105037" i="1"/>
  <c r="AC105038" i="1"/>
  <c r="AC105039" i="1"/>
  <c r="AC105040" i="1"/>
  <c r="AC105041" i="1"/>
  <c r="AC105042" i="1"/>
  <c r="AC105043" i="1"/>
  <c r="AC105044" i="1"/>
  <c r="AC105045" i="1"/>
  <c r="AC105046" i="1"/>
  <c r="AC105047" i="1"/>
  <c r="AC105048" i="1"/>
  <c r="AC105049" i="1"/>
  <c r="AC105050" i="1"/>
  <c r="AC105051" i="1"/>
  <c r="AC105052" i="1"/>
  <c r="AC105053" i="1"/>
  <c r="AC105054" i="1"/>
  <c r="AC105055" i="1"/>
  <c r="AC105056" i="1"/>
  <c r="AC105057" i="1"/>
  <c r="AC105058" i="1"/>
  <c r="AC105059" i="1"/>
  <c r="AC105060" i="1"/>
  <c r="AC105061" i="1"/>
  <c r="AC105062" i="1"/>
  <c r="AC105063" i="1"/>
  <c r="AC105064" i="1"/>
  <c r="AC105065" i="1"/>
  <c r="AC105066" i="1"/>
  <c r="AC105067" i="1"/>
  <c r="AC105068" i="1"/>
  <c r="AC105069" i="1"/>
  <c r="AC105070" i="1"/>
  <c r="AC105071" i="1"/>
  <c r="AC105072" i="1"/>
  <c r="AC105073" i="1"/>
  <c r="AC105074" i="1"/>
  <c r="AC105075" i="1"/>
  <c r="AC105076" i="1"/>
  <c r="AC105077" i="1"/>
  <c r="AC105078" i="1"/>
  <c r="AC105079" i="1"/>
  <c r="AC105080" i="1"/>
  <c r="AC105081" i="1"/>
  <c r="AC105082" i="1"/>
  <c r="AC105083" i="1"/>
  <c r="AC105084" i="1"/>
  <c r="AC105085" i="1"/>
  <c r="AC105086" i="1"/>
  <c r="AC105087" i="1"/>
  <c r="AC105088" i="1"/>
  <c r="AC105089" i="1"/>
  <c r="AC105090" i="1"/>
  <c r="AC105091" i="1"/>
  <c r="AC105092" i="1"/>
  <c r="AC105093" i="1"/>
  <c r="AC105094" i="1"/>
  <c r="AC105095" i="1"/>
  <c r="AC105096" i="1"/>
  <c r="AC105097" i="1"/>
  <c r="AC105098" i="1"/>
  <c r="AC105099" i="1"/>
  <c r="AC105100" i="1"/>
  <c r="AC105101" i="1"/>
  <c r="AC105102" i="1"/>
  <c r="AC105103" i="1"/>
  <c r="AC105104" i="1"/>
  <c r="AC105105" i="1"/>
  <c r="AC105106" i="1"/>
  <c r="AC105107" i="1"/>
  <c r="AC105108" i="1"/>
  <c r="AC105109" i="1"/>
  <c r="AC105110" i="1"/>
  <c r="AC105111" i="1"/>
  <c r="AC105112" i="1"/>
  <c r="AC105113" i="1"/>
  <c r="AC105114" i="1"/>
  <c r="AC105115" i="1"/>
  <c r="AC105116" i="1"/>
  <c r="AC105117" i="1"/>
  <c r="AC105118" i="1"/>
  <c r="AC105119" i="1"/>
  <c r="AC105120" i="1"/>
  <c r="AC105121" i="1"/>
  <c r="AC105122" i="1"/>
  <c r="AC105123" i="1"/>
  <c r="AC105124" i="1"/>
  <c r="AC105125" i="1"/>
  <c r="AC105126" i="1"/>
  <c r="AC105127" i="1"/>
  <c r="AC105128" i="1"/>
  <c r="AC105129" i="1"/>
  <c r="AC105130" i="1"/>
  <c r="AC105131" i="1"/>
  <c r="AC105132" i="1"/>
  <c r="AC105133" i="1"/>
  <c r="AC105134" i="1"/>
  <c r="AC105135" i="1"/>
  <c r="AC105136" i="1"/>
  <c r="AC105137" i="1"/>
  <c r="AC105138" i="1"/>
  <c r="AC105139" i="1"/>
  <c r="AC105140" i="1"/>
  <c r="AC105141" i="1"/>
  <c r="AC105142" i="1"/>
  <c r="AC105143" i="1"/>
  <c r="AC105144" i="1"/>
  <c r="AC105145" i="1"/>
  <c r="AC105146" i="1"/>
  <c r="AC105147" i="1"/>
  <c r="AC105148" i="1"/>
  <c r="AC105149" i="1"/>
  <c r="AC105150" i="1"/>
  <c r="AC105151" i="1"/>
  <c r="AC105152" i="1"/>
  <c r="AC105153" i="1"/>
  <c r="AC105154" i="1"/>
  <c r="AC105155" i="1"/>
  <c r="AC105156" i="1"/>
  <c r="AC105157" i="1"/>
  <c r="AC105158" i="1"/>
  <c r="AC105159" i="1"/>
  <c r="AC105160" i="1"/>
  <c r="AC105161" i="1"/>
  <c r="AC105162" i="1"/>
  <c r="AC105163" i="1"/>
  <c r="AC105164" i="1"/>
  <c r="AC105165" i="1"/>
  <c r="AC105166" i="1"/>
  <c r="AC105167" i="1"/>
  <c r="AC105168" i="1"/>
  <c r="AC105169" i="1"/>
  <c r="AC105170" i="1"/>
  <c r="AC105171" i="1"/>
  <c r="AC105172" i="1"/>
  <c r="AC105173" i="1"/>
  <c r="AC105174" i="1"/>
  <c r="AC105175" i="1"/>
  <c r="AC105176" i="1"/>
  <c r="AC105177" i="1"/>
  <c r="AC105178" i="1"/>
  <c r="AC105179" i="1"/>
  <c r="AC105180" i="1"/>
  <c r="AC105181" i="1"/>
  <c r="AC105182" i="1"/>
  <c r="AC105183" i="1"/>
  <c r="AC105184" i="1"/>
  <c r="AC105185" i="1"/>
  <c r="AC105186" i="1"/>
  <c r="AC105187" i="1"/>
  <c r="AC105188" i="1"/>
  <c r="AC105189" i="1"/>
  <c r="AC105190" i="1"/>
  <c r="AC105191" i="1"/>
  <c r="AC105192" i="1"/>
  <c r="AC105193" i="1"/>
  <c r="AC105194" i="1"/>
  <c r="AC105195" i="1"/>
  <c r="AC105196" i="1"/>
  <c r="AC105197" i="1"/>
  <c r="AC105198" i="1"/>
  <c r="AC105199" i="1"/>
  <c r="AC105200" i="1"/>
  <c r="AC105201" i="1"/>
  <c r="AC105202" i="1"/>
  <c r="AC105203" i="1"/>
  <c r="AC105204" i="1"/>
  <c r="AC105205" i="1"/>
  <c r="AC105206" i="1"/>
  <c r="AC105207" i="1"/>
  <c r="AC105208" i="1"/>
  <c r="AC105209" i="1"/>
  <c r="AC105210" i="1"/>
  <c r="AC105211" i="1"/>
  <c r="AC105212" i="1"/>
  <c r="AC105213" i="1"/>
  <c r="AC105214" i="1"/>
  <c r="AC105215" i="1"/>
  <c r="AC105216" i="1"/>
  <c r="AC105217" i="1"/>
  <c r="AC105218" i="1"/>
  <c r="AC105219" i="1"/>
  <c r="AC105220" i="1"/>
  <c r="AC105221" i="1"/>
  <c r="AC105222" i="1"/>
  <c r="AC105223" i="1"/>
  <c r="AC105224" i="1"/>
  <c r="AC105225" i="1"/>
  <c r="AC105226" i="1"/>
  <c r="AC105227" i="1"/>
  <c r="AC105228" i="1"/>
  <c r="AC105229" i="1"/>
  <c r="AC105230" i="1"/>
  <c r="AC105231" i="1"/>
  <c r="AC105232" i="1"/>
  <c r="AC105233" i="1"/>
  <c r="AC105234" i="1"/>
  <c r="AC105235" i="1"/>
  <c r="AC105236" i="1"/>
  <c r="AC105237" i="1"/>
  <c r="AC105238" i="1"/>
  <c r="AC105239" i="1"/>
  <c r="AC105240" i="1"/>
  <c r="AC105241" i="1"/>
  <c r="AC105242" i="1"/>
  <c r="AC105243" i="1"/>
  <c r="AC105244" i="1"/>
  <c r="AC105245" i="1"/>
  <c r="AC105246" i="1"/>
  <c r="AC105247" i="1"/>
  <c r="AC105248" i="1"/>
  <c r="AC105249" i="1"/>
  <c r="AC105250" i="1"/>
  <c r="AC105251" i="1"/>
  <c r="AC105252" i="1"/>
  <c r="AC105253" i="1"/>
  <c r="AC105254" i="1"/>
  <c r="AC105255" i="1"/>
  <c r="AC105256" i="1"/>
  <c r="AC105257" i="1"/>
  <c r="AC105258" i="1"/>
  <c r="AC105259" i="1"/>
  <c r="AC105260" i="1"/>
  <c r="AC105261" i="1"/>
  <c r="AC105262" i="1"/>
  <c r="AC105263" i="1"/>
  <c r="AC105264" i="1"/>
  <c r="AC105265" i="1"/>
  <c r="AC105266" i="1"/>
  <c r="AC105267" i="1"/>
  <c r="AC105268" i="1"/>
  <c r="AC105269" i="1"/>
  <c r="AC105270" i="1"/>
  <c r="AC105271" i="1"/>
  <c r="AC105272" i="1"/>
  <c r="AC105273" i="1"/>
  <c r="AC105274" i="1"/>
  <c r="AC105275" i="1"/>
  <c r="AC105276" i="1"/>
  <c r="AC105277" i="1"/>
  <c r="AC105278" i="1"/>
  <c r="AC105279" i="1"/>
  <c r="AC105280" i="1"/>
  <c r="AC105281" i="1"/>
  <c r="AC105282" i="1"/>
  <c r="AC105283" i="1"/>
  <c r="AC105284" i="1"/>
  <c r="AC105285" i="1"/>
  <c r="AC105286" i="1"/>
  <c r="AC105287" i="1"/>
  <c r="AC105288" i="1"/>
  <c r="AC105289" i="1"/>
  <c r="AC105290" i="1"/>
  <c r="AC105291" i="1"/>
  <c r="AC105292" i="1"/>
  <c r="AC105293" i="1"/>
  <c r="AC105294" i="1"/>
  <c r="AC105295" i="1"/>
  <c r="AC105296" i="1"/>
  <c r="AC105297" i="1"/>
  <c r="AC105298" i="1"/>
  <c r="AC105299" i="1"/>
  <c r="AC105300" i="1"/>
  <c r="AC105301" i="1"/>
  <c r="AC105302" i="1"/>
  <c r="AC105303" i="1"/>
  <c r="AC105304" i="1"/>
  <c r="AC105305" i="1"/>
  <c r="AC105306" i="1"/>
  <c r="AC105307" i="1"/>
  <c r="AC105308" i="1"/>
  <c r="AC105309" i="1"/>
  <c r="AC105310" i="1"/>
  <c r="AC105311" i="1"/>
  <c r="AC105312" i="1"/>
  <c r="AC105313" i="1"/>
  <c r="AC105314" i="1"/>
  <c r="AC105315" i="1"/>
  <c r="AC105316" i="1"/>
  <c r="AC105317" i="1"/>
  <c r="AC105318" i="1"/>
  <c r="AC105319" i="1"/>
  <c r="AC105320" i="1"/>
  <c r="AC105321" i="1"/>
  <c r="AC105322" i="1"/>
  <c r="AC105323" i="1"/>
  <c r="AC105324" i="1"/>
  <c r="AC105325" i="1"/>
  <c r="AC105326" i="1"/>
  <c r="AC105327" i="1"/>
  <c r="AC105328" i="1"/>
  <c r="AC105329" i="1"/>
  <c r="AC105330" i="1"/>
  <c r="AC105331" i="1"/>
  <c r="AC105332" i="1"/>
  <c r="AC105333" i="1"/>
  <c r="AC105334" i="1"/>
  <c r="AC105335" i="1"/>
  <c r="AC105336" i="1"/>
  <c r="AC105337" i="1"/>
  <c r="AC105338" i="1"/>
  <c r="AC105339" i="1"/>
  <c r="AC105340" i="1"/>
  <c r="AC105341" i="1"/>
  <c r="AC105342" i="1"/>
  <c r="AC105343" i="1"/>
  <c r="AC105344" i="1"/>
  <c r="AC105345" i="1"/>
  <c r="AC105346" i="1"/>
  <c r="AC105347" i="1"/>
  <c r="AC105348" i="1"/>
  <c r="AC105349" i="1"/>
  <c r="AC105350" i="1"/>
  <c r="AC105351" i="1"/>
  <c r="AC105352" i="1"/>
  <c r="AC105353" i="1"/>
  <c r="AC105354" i="1"/>
  <c r="AC105355" i="1"/>
  <c r="AC105356" i="1"/>
  <c r="AC105357" i="1"/>
  <c r="AC105358" i="1"/>
  <c r="AC105359" i="1"/>
  <c r="AC105360" i="1"/>
  <c r="AC105361" i="1"/>
  <c r="AC105362" i="1"/>
  <c r="AC105363" i="1"/>
  <c r="AC105364" i="1"/>
  <c r="AC105365" i="1"/>
  <c r="AC105366" i="1"/>
  <c r="AC105367" i="1"/>
  <c r="AC105368" i="1"/>
  <c r="AC105369" i="1"/>
  <c r="AC105370" i="1"/>
  <c r="AC105371" i="1"/>
  <c r="AC105372" i="1"/>
  <c r="AC105373" i="1"/>
  <c r="AC105374" i="1"/>
  <c r="AC105375" i="1"/>
  <c r="AC105376" i="1"/>
  <c r="AC105377" i="1"/>
  <c r="AC105378" i="1"/>
  <c r="AC105379" i="1"/>
  <c r="AC105380" i="1"/>
  <c r="AC105381" i="1"/>
  <c r="AC105382" i="1"/>
  <c r="AC105383" i="1"/>
  <c r="AC105384" i="1"/>
  <c r="AC105385" i="1"/>
  <c r="AC105386" i="1"/>
  <c r="AC105387" i="1"/>
  <c r="AC105388" i="1"/>
  <c r="AC105389" i="1"/>
  <c r="AC105390" i="1"/>
  <c r="AC105391" i="1"/>
  <c r="AC105392" i="1"/>
  <c r="AC105393" i="1"/>
  <c r="AC105394" i="1"/>
  <c r="AC105395" i="1"/>
  <c r="AC105396" i="1"/>
  <c r="AC105397" i="1"/>
  <c r="AC105398" i="1"/>
  <c r="AC105399" i="1"/>
  <c r="AC105400" i="1"/>
  <c r="AC105401" i="1"/>
  <c r="AC105402" i="1"/>
  <c r="AC105403" i="1"/>
  <c r="AC105404" i="1"/>
  <c r="AC105405" i="1"/>
  <c r="AC105406" i="1"/>
  <c r="AC105407" i="1"/>
  <c r="AC105408" i="1"/>
  <c r="AC105409" i="1"/>
  <c r="AC105410" i="1"/>
  <c r="AC105411" i="1"/>
  <c r="AC105412" i="1"/>
  <c r="AC105413" i="1"/>
  <c r="AC105414" i="1"/>
  <c r="AC105415" i="1"/>
  <c r="AC105416" i="1"/>
  <c r="AC105417" i="1"/>
  <c r="AC105418" i="1"/>
  <c r="AC105419" i="1"/>
  <c r="AC105420" i="1"/>
  <c r="AC105421" i="1"/>
  <c r="AC105422" i="1"/>
  <c r="AC105423" i="1"/>
  <c r="AC105424" i="1"/>
  <c r="AC105425" i="1"/>
  <c r="AC105426" i="1"/>
  <c r="AC105427" i="1"/>
  <c r="AC105428" i="1"/>
  <c r="AC105429" i="1"/>
  <c r="AC105430" i="1"/>
  <c r="AC105431" i="1"/>
  <c r="AC105432" i="1"/>
  <c r="AC105433" i="1"/>
  <c r="AC105434" i="1"/>
  <c r="AC105435" i="1"/>
  <c r="AC105436" i="1"/>
  <c r="AC105437" i="1"/>
  <c r="AC105438" i="1"/>
  <c r="AC105439" i="1"/>
  <c r="AC105440" i="1"/>
  <c r="AC105441" i="1"/>
  <c r="AC105442" i="1"/>
  <c r="AC105443" i="1"/>
  <c r="AC105444" i="1"/>
  <c r="AC105445" i="1"/>
  <c r="AC105446" i="1"/>
  <c r="AC105447" i="1"/>
  <c r="AC105448" i="1"/>
  <c r="AC105449" i="1"/>
  <c r="AC105450" i="1"/>
  <c r="AC105451" i="1"/>
  <c r="AC105452" i="1"/>
  <c r="AC105453" i="1"/>
  <c r="AC105454" i="1"/>
  <c r="AC105455" i="1"/>
  <c r="AC105456" i="1"/>
  <c r="AC105457" i="1"/>
  <c r="AC105458" i="1"/>
  <c r="AC105459" i="1"/>
  <c r="AC105460" i="1"/>
  <c r="AC105461" i="1"/>
  <c r="AC105462" i="1"/>
  <c r="AC105463" i="1"/>
  <c r="AC105464" i="1"/>
  <c r="AC105465" i="1"/>
  <c r="AC105466" i="1"/>
  <c r="AC105467" i="1"/>
  <c r="AC105468" i="1"/>
  <c r="AC105469" i="1"/>
  <c r="AC105470" i="1"/>
  <c r="AC105471" i="1"/>
  <c r="AC105472" i="1"/>
  <c r="AC105473" i="1"/>
  <c r="AC105474" i="1"/>
  <c r="AC105475" i="1"/>
  <c r="AC105476" i="1"/>
  <c r="AC105477" i="1"/>
  <c r="AC105478" i="1"/>
  <c r="AC105479" i="1"/>
  <c r="AC105480" i="1"/>
  <c r="AC105481" i="1"/>
  <c r="AC105482" i="1"/>
  <c r="AC105483" i="1"/>
  <c r="AC105484" i="1"/>
  <c r="AC105485" i="1"/>
  <c r="AC105486" i="1"/>
  <c r="AC105487" i="1"/>
  <c r="AC105488" i="1"/>
  <c r="AC105489" i="1"/>
  <c r="AC105490" i="1"/>
  <c r="AC105491" i="1"/>
  <c r="AC105492" i="1"/>
  <c r="AC105493" i="1"/>
  <c r="AC105494" i="1"/>
  <c r="AC105495" i="1"/>
  <c r="AC105496" i="1"/>
  <c r="AC105497" i="1"/>
  <c r="AC105498" i="1"/>
  <c r="AC105499" i="1"/>
  <c r="AC105500" i="1"/>
  <c r="AC105501" i="1"/>
  <c r="AC105502" i="1"/>
  <c r="AC105503" i="1"/>
  <c r="AC105504" i="1"/>
  <c r="AC105505" i="1"/>
  <c r="AC105506" i="1"/>
  <c r="AC105507" i="1"/>
  <c r="AC105508" i="1"/>
  <c r="AC105509" i="1"/>
  <c r="AC105510" i="1"/>
  <c r="AC105511" i="1"/>
  <c r="AC105512" i="1"/>
  <c r="AC105513" i="1"/>
  <c r="AC105514" i="1"/>
  <c r="AC105515" i="1"/>
  <c r="AC105516" i="1"/>
  <c r="AC105517" i="1"/>
  <c r="AC105518" i="1"/>
  <c r="AC105519" i="1"/>
  <c r="AC105520" i="1"/>
  <c r="AC105521" i="1"/>
  <c r="AC105522" i="1"/>
  <c r="AC105523" i="1"/>
  <c r="AC105524" i="1"/>
  <c r="AC105525" i="1"/>
  <c r="AC105526" i="1"/>
  <c r="AC105527" i="1"/>
  <c r="AC105528" i="1"/>
  <c r="AC105529" i="1"/>
  <c r="AC105530" i="1"/>
  <c r="AC105531" i="1"/>
  <c r="AC105532" i="1"/>
  <c r="AC105533" i="1"/>
  <c r="AC105534" i="1"/>
  <c r="AC105535" i="1"/>
  <c r="AC105536" i="1"/>
  <c r="AC105537" i="1"/>
  <c r="AC105538" i="1"/>
  <c r="AC105539" i="1"/>
  <c r="AC105540" i="1"/>
  <c r="AC105541" i="1"/>
  <c r="AC105542" i="1"/>
  <c r="AC105543" i="1"/>
  <c r="AC105544" i="1"/>
  <c r="AC105545" i="1"/>
  <c r="AC105546" i="1"/>
  <c r="AC105547" i="1"/>
  <c r="AC105548" i="1"/>
  <c r="AC105549" i="1"/>
  <c r="AC105550" i="1"/>
  <c r="AC105551" i="1"/>
  <c r="AC105552" i="1"/>
  <c r="AC105553" i="1"/>
  <c r="AC105554" i="1"/>
  <c r="AC105555" i="1"/>
  <c r="AC105556" i="1"/>
  <c r="AC105557" i="1"/>
  <c r="AC105558" i="1"/>
  <c r="AC105559" i="1"/>
  <c r="AC105560" i="1"/>
  <c r="AC105561" i="1"/>
  <c r="AC105562" i="1"/>
  <c r="AC105563" i="1"/>
  <c r="AC105564" i="1"/>
  <c r="AC105565" i="1"/>
  <c r="AC105566" i="1"/>
  <c r="AC105567" i="1"/>
  <c r="AC105568" i="1"/>
  <c r="AC105569" i="1"/>
  <c r="AC105570" i="1"/>
  <c r="AC105571" i="1"/>
  <c r="AC105572" i="1"/>
  <c r="AC105573" i="1"/>
  <c r="AC105574" i="1"/>
  <c r="AC105575" i="1"/>
  <c r="AC105576" i="1"/>
  <c r="AC105577" i="1"/>
  <c r="AC105578" i="1"/>
  <c r="AC105579" i="1"/>
  <c r="AC105580" i="1"/>
  <c r="AC105581" i="1"/>
  <c r="AC105582" i="1"/>
  <c r="AC105583" i="1"/>
  <c r="AC105584" i="1"/>
  <c r="AC105585" i="1"/>
  <c r="AC105586" i="1"/>
  <c r="AC105587" i="1"/>
  <c r="AC105588" i="1"/>
  <c r="AC105589" i="1"/>
  <c r="AC105590" i="1"/>
  <c r="AC105591" i="1"/>
  <c r="AC105592" i="1"/>
  <c r="AC105593" i="1"/>
  <c r="AC105594" i="1"/>
  <c r="AC105595" i="1"/>
  <c r="AC105596" i="1"/>
  <c r="AC105597" i="1"/>
  <c r="AC105598" i="1"/>
  <c r="AC105599" i="1"/>
  <c r="AC105600" i="1"/>
  <c r="AC105601" i="1"/>
  <c r="AC105602" i="1"/>
  <c r="AC105603" i="1"/>
  <c r="AC105604" i="1"/>
  <c r="AC105605" i="1"/>
  <c r="AC105606" i="1"/>
  <c r="AC105607" i="1"/>
  <c r="AC105608" i="1"/>
  <c r="AC105609" i="1"/>
  <c r="AC105610" i="1"/>
  <c r="AC105611" i="1"/>
  <c r="AC105612" i="1"/>
  <c r="AC105613" i="1"/>
  <c r="AC105614" i="1"/>
  <c r="AC105615" i="1"/>
  <c r="AC105616" i="1"/>
  <c r="AC105617" i="1"/>
  <c r="AC105618" i="1"/>
  <c r="AC105619" i="1"/>
  <c r="AC105620" i="1"/>
  <c r="AC105621" i="1"/>
  <c r="AC105622" i="1"/>
  <c r="AC105623" i="1"/>
  <c r="AC105624" i="1"/>
  <c r="AC105625" i="1"/>
  <c r="AC105626" i="1"/>
  <c r="AC105627" i="1"/>
  <c r="AC105628" i="1"/>
  <c r="AC105629" i="1"/>
  <c r="AC105630" i="1"/>
  <c r="AC105631" i="1"/>
  <c r="AC105632" i="1"/>
  <c r="AC105633" i="1"/>
  <c r="AC105634" i="1"/>
  <c r="AC105635" i="1"/>
  <c r="AC105636" i="1"/>
  <c r="AC105637" i="1"/>
  <c r="AC105638" i="1"/>
  <c r="AC105639" i="1"/>
  <c r="AC105640" i="1"/>
  <c r="AC105641" i="1"/>
  <c r="AC105642" i="1"/>
  <c r="AC105643" i="1"/>
  <c r="AC105644" i="1"/>
  <c r="AC105645" i="1"/>
  <c r="AC105646" i="1"/>
  <c r="AC105647" i="1"/>
  <c r="AC105648" i="1"/>
  <c r="AC105649" i="1"/>
  <c r="AC105650" i="1"/>
  <c r="AC105651" i="1"/>
  <c r="AC105652" i="1"/>
  <c r="AC105653" i="1"/>
  <c r="AC105654" i="1"/>
  <c r="AC105655" i="1"/>
  <c r="AC105656" i="1"/>
  <c r="AC105657" i="1"/>
  <c r="AC105658" i="1"/>
  <c r="AC105659" i="1"/>
  <c r="AC105660" i="1"/>
  <c r="AC105661" i="1"/>
  <c r="AC105662" i="1"/>
  <c r="AC105663" i="1"/>
  <c r="AC105664" i="1"/>
  <c r="AC105665" i="1"/>
  <c r="AC105666" i="1"/>
  <c r="AC105667" i="1"/>
  <c r="AC105668" i="1"/>
  <c r="AC105669" i="1"/>
  <c r="AC105670" i="1"/>
  <c r="AC105671" i="1"/>
  <c r="AC105672" i="1"/>
  <c r="AC105673" i="1"/>
  <c r="AC105674" i="1"/>
  <c r="AC105675" i="1"/>
  <c r="AC105676" i="1"/>
  <c r="AC105677" i="1"/>
  <c r="AC105678" i="1"/>
  <c r="AC105679" i="1"/>
  <c r="AC105680" i="1"/>
  <c r="AC105681" i="1"/>
  <c r="AC105682" i="1"/>
  <c r="AC105683" i="1"/>
  <c r="AC105684" i="1"/>
  <c r="AC105685" i="1"/>
  <c r="AC105686" i="1"/>
  <c r="AC105687" i="1"/>
  <c r="AC105688" i="1"/>
  <c r="AC105689" i="1"/>
  <c r="AC105690" i="1"/>
  <c r="AC105691" i="1"/>
  <c r="AC105692" i="1"/>
  <c r="AC105693" i="1"/>
  <c r="AC105694" i="1"/>
  <c r="AC105695" i="1"/>
  <c r="AC105696" i="1"/>
  <c r="AC105697" i="1"/>
  <c r="AC105698" i="1"/>
  <c r="AC105699" i="1"/>
  <c r="AC105700" i="1"/>
  <c r="AC105701" i="1"/>
  <c r="AC105702" i="1"/>
  <c r="AC105703" i="1"/>
  <c r="AC105704" i="1"/>
  <c r="AC105705" i="1"/>
  <c r="AC105706" i="1"/>
  <c r="AC105707" i="1"/>
  <c r="AC105708" i="1"/>
  <c r="AC105709" i="1"/>
  <c r="AC105710" i="1"/>
  <c r="AC105711" i="1"/>
  <c r="AC105712" i="1"/>
  <c r="AC105713" i="1"/>
  <c r="AC105714" i="1"/>
  <c r="AC105715" i="1"/>
  <c r="AC105716" i="1"/>
  <c r="AC105717" i="1"/>
  <c r="AC105718" i="1"/>
  <c r="AC105719" i="1"/>
  <c r="AC105720" i="1"/>
  <c r="AC105721" i="1"/>
  <c r="AC105722" i="1"/>
  <c r="AC105723" i="1"/>
  <c r="AC105724" i="1"/>
  <c r="AC105725" i="1"/>
  <c r="AC105726" i="1"/>
  <c r="AC105727" i="1"/>
  <c r="AC105728" i="1"/>
  <c r="AC105729" i="1"/>
  <c r="AC105730" i="1"/>
  <c r="AC105731" i="1"/>
  <c r="AC105732" i="1"/>
  <c r="AC105733" i="1"/>
  <c r="AC105734" i="1"/>
  <c r="AC105735" i="1"/>
  <c r="AC105736" i="1"/>
  <c r="AC105737" i="1"/>
  <c r="AC105738" i="1"/>
  <c r="AC105739" i="1"/>
  <c r="AC105740" i="1"/>
  <c r="AC105741" i="1"/>
  <c r="AC105742" i="1"/>
  <c r="AC105743" i="1"/>
  <c r="AC105744" i="1"/>
  <c r="AC105745" i="1"/>
  <c r="AC105746" i="1"/>
  <c r="AC105747" i="1"/>
  <c r="AC105748" i="1"/>
  <c r="AC105749" i="1"/>
  <c r="AC105750" i="1"/>
  <c r="AC105751" i="1"/>
  <c r="AC105752" i="1"/>
  <c r="AC105753" i="1"/>
  <c r="AC105754" i="1"/>
  <c r="AC105755" i="1"/>
  <c r="AC105756" i="1"/>
  <c r="AC105757" i="1"/>
  <c r="AC105758" i="1"/>
  <c r="AC105759" i="1"/>
  <c r="AC105760" i="1"/>
  <c r="AC105761" i="1"/>
  <c r="AC105762" i="1"/>
  <c r="AC105763" i="1"/>
  <c r="AC105764" i="1"/>
  <c r="AC105765" i="1"/>
  <c r="AC105766" i="1"/>
  <c r="AC105767" i="1"/>
  <c r="AC105768" i="1"/>
  <c r="AC105769" i="1"/>
  <c r="AC105770" i="1"/>
  <c r="AC105771" i="1"/>
  <c r="AC105772" i="1"/>
  <c r="AC105773" i="1"/>
  <c r="AC105774" i="1"/>
  <c r="AC105775" i="1"/>
  <c r="AC105776" i="1"/>
  <c r="AC105777" i="1"/>
  <c r="AC105778" i="1"/>
  <c r="AC105779" i="1"/>
  <c r="AC105780" i="1"/>
  <c r="AC105781" i="1"/>
  <c r="AC105782" i="1"/>
  <c r="AC105783" i="1"/>
  <c r="AC105784" i="1"/>
  <c r="AC105785" i="1"/>
  <c r="AC105786" i="1"/>
  <c r="AC105787" i="1"/>
  <c r="AC105788" i="1"/>
  <c r="AC105789" i="1"/>
  <c r="AC105790" i="1"/>
  <c r="AC105791" i="1"/>
  <c r="AC105792" i="1"/>
  <c r="AC105793" i="1"/>
  <c r="AC105794" i="1"/>
  <c r="AC105795" i="1"/>
  <c r="AC105796" i="1"/>
  <c r="AC105797" i="1"/>
  <c r="AC105798" i="1"/>
  <c r="AC105799" i="1"/>
  <c r="AC105800" i="1"/>
  <c r="AC105801" i="1"/>
  <c r="AC105802" i="1"/>
  <c r="AC105803" i="1"/>
  <c r="AC105804" i="1"/>
  <c r="AC105805" i="1"/>
  <c r="AC105806" i="1"/>
  <c r="AC105807" i="1"/>
  <c r="AC105808" i="1"/>
  <c r="AC105809" i="1"/>
  <c r="AC105810" i="1"/>
  <c r="AC105811" i="1"/>
  <c r="AC105812" i="1"/>
  <c r="AC105813" i="1"/>
  <c r="AC105814" i="1"/>
  <c r="AC105815" i="1"/>
  <c r="AC105816" i="1"/>
  <c r="AC105817" i="1"/>
  <c r="AC105818" i="1"/>
  <c r="AC105819" i="1"/>
  <c r="AC105820" i="1"/>
  <c r="AC105821" i="1"/>
  <c r="AC105822" i="1"/>
  <c r="AC105823" i="1"/>
  <c r="AC105824" i="1"/>
  <c r="AC105825" i="1"/>
  <c r="AC105826" i="1"/>
  <c r="AC105827" i="1"/>
  <c r="AC105828" i="1"/>
  <c r="AC105829" i="1"/>
  <c r="AC105830" i="1"/>
  <c r="AC105831" i="1"/>
  <c r="AC105832" i="1"/>
  <c r="AC105833" i="1"/>
  <c r="AC105834" i="1"/>
  <c r="AC105835" i="1"/>
  <c r="AC105836" i="1"/>
  <c r="AC105837" i="1"/>
  <c r="AC105838" i="1"/>
  <c r="AC105839" i="1"/>
  <c r="AC105840" i="1"/>
  <c r="AC105841" i="1"/>
  <c r="AC105842" i="1"/>
  <c r="AC105843" i="1"/>
  <c r="AC105844" i="1"/>
  <c r="AC105845" i="1"/>
  <c r="AC105846" i="1"/>
  <c r="AC105847" i="1"/>
  <c r="AC105848" i="1"/>
  <c r="AC105849" i="1"/>
  <c r="AC105850" i="1"/>
  <c r="AC105851" i="1"/>
  <c r="AC105852" i="1"/>
  <c r="AC105853" i="1"/>
  <c r="AC105854" i="1"/>
  <c r="AC105855" i="1"/>
  <c r="AC105856" i="1"/>
  <c r="AC105857" i="1"/>
  <c r="AC105858" i="1"/>
  <c r="AC105859" i="1"/>
  <c r="AC105860" i="1"/>
  <c r="AC105861" i="1"/>
  <c r="AC105862" i="1"/>
  <c r="AC105863" i="1"/>
  <c r="AC105864" i="1"/>
  <c r="AC105865" i="1"/>
  <c r="AC105866" i="1"/>
  <c r="AC105867" i="1"/>
  <c r="AC105868" i="1"/>
  <c r="AC105869" i="1"/>
  <c r="AC105870" i="1"/>
  <c r="AC105871" i="1"/>
  <c r="AC105872" i="1"/>
  <c r="AC105873" i="1"/>
  <c r="AC105874" i="1"/>
  <c r="AC105875" i="1"/>
  <c r="AC105876" i="1"/>
  <c r="AC105877" i="1"/>
  <c r="AC105878" i="1"/>
  <c r="AC105879" i="1"/>
  <c r="AC105880" i="1"/>
  <c r="AC105881" i="1"/>
  <c r="AC105882" i="1"/>
  <c r="AC105883" i="1"/>
  <c r="AC105884" i="1"/>
  <c r="AC105885" i="1"/>
  <c r="AC105886" i="1"/>
  <c r="AC105887" i="1"/>
  <c r="AC105888" i="1"/>
  <c r="AC105889" i="1"/>
  <c r="AC105890" i="1"/>
  <c r="AC105891" i="1"/>
  <c r="AC105892" i="1"/>
  <c r="AC105893" i="1"/>
  <c r="AC105894" i="1"/>
  <c r="AC105895" i="1"/>
  <c r="AC105896" i="1"/>
  <c r="AC105897" i="1"/>
  <c r="AC105898" i="1"/>
  <c r="AC105899" i="1"/>
  <c r="AC105900" i="1"/>
  <c r="AC105901" i="1"/>
  <c r="AC105902" i="1"/>
  <c r="AC105903" i="1"/>
  <c r="AC105904" i="1"/>
  <c r="AC105905" i="1"/>
  <c r="AC105906" i="1"/>
  <c r="AC105907" i="1"/>
  <c r="AC105908" i="1"/>
  <c r="AC105909" i="1"/>
  <c r="AC105910" i="1"/>
  <c r="AC105911" i="1"/>
  <c r="AC105912" i="1"/>
  <c r="AC105913" i="1"/>
  <c r="AC105914" i="1"/>
  <c r="AC105915" i="1"/>
  <c r="AC105916" i="1"/>
  <c r="AC105917" i="1"/>
  <c r="AC105918" i="1"/>
  <c r="AC105919" i="1"/>
  <c r="AC105920" i="1"/>
  <c r="AC105921" i="1"/>
  <c r="AC105922" i="1"/>
  <c r="AC105923" i="1"/>
  <c r="AC105924" i="1"/>
  <c r="AC105925" i="1"/>
  <c r="AC105926" i="1"/>
  <c r="AC105927" i="1"/>
  <c r="AC105928" i="1"/>
  <c r="AC105929" i="1"/>
  <c r="AC105930" i="1"/>
  <c r="AC105931" i="1"/>
  <c r="AC105932" i="1"/>
  <c r="AC105933" i="1"/>
  <c r="AC105934" i="1"/>
  <c r="AC105935" i="1"/>
  <c r="AC105936" i="1"/>
  <c r="AC105937" i="1"/>
  <c r="AC105938" i="1"/>
  <c r="AC105939" i="1"/>
  <c r="AC105940" i="1"/>
  <c r="AC105941" i="1"/>
  <c r="AC105942" i="1"/>
  <c r="AC105943" i="1"/>
  <c r="AC105944" i="1"/>
  <c r="AC105945" i="1"/>
  <c r="AC105946" i="1"/>
  <c r="AC105947" i="1"/>
  <c r="AC105948" i="1"/>
  <c r="AC105949" i="1"/>
  <c r="AC105950" i="1"/>
  <c r="AC105951" i="1"/>
  <c r="AC105952" i="1"/>
  <c r="AC105953" i="1"/>
  <c r="AC105954" i="1"/>
  <c r="AC105955" i="1"/>
  <c r="AC105956" i="1"/>
  <c r="AC105957" i="1"/>
  <c r="AC105958" i="1"/>
  <c r="AC105959" i="1"/>
  <c r="AC105960" i="1"/>
  <c r="AC105961" i="1"/>
  <c r="AC105962" i="1"/>
  <c r="AC105963" i="1"/>
  <c r="AC105964" i="1"/>
  <c r="AC105965" i="1"/>
  <c r="AC105966" i="1"/>
  <c r="AC105967" i="1"/>
  <c r="AC105968" i="1"/>
  <c r="AC105969" i="1"/>
  <c r="AC105970" i="1"/>
  <c r="AC105971" i="1"/>
  <c r="AC105972" i="1"/>
  <c r="AC105973" i="1"/>
  <c r="AC105974" i="1"/>
  <c r="AC105975" i="1"/>
  <c r="AC105976" i="1"/>
  <c r="AC105977" i="1"/>
  <c r="AC105978" i="1"/>
  <c r="AC105979" i="1"/>
  <c r="AC105980" i="1"/>
  <c r="AC105981" i="1"/>
  <c r="AC105982" i="1"/>
  <c r="AC105983" i="1"/>
  <c r="AC105984" i="1"/>
  <c r="AC105985" i="1"/>
  <c r="AC105986" i="1"/>
  <c r="AC105987" i="1"/>
  <c r="AC105988" i="1"/>
  <c r="AC105989" i="1"/>
  <c r="AC105990" i="1"/>
  <c r="AC105991" i="1"/>
  <c r="AC105992" i="1"/>
  <c r="AC105993" i="1"/>
  <c r="AC105994" i="1"/>
  <c r="AC105995" i="1"/>
  <c r="AC105996" i="1"/>
  <c r="AC105997" i="1"/>
  <c r="AC105998" i="1"/>
  <c r="AC105999" i="1"/>
  <c r="AC106000" i="1"/>
  <c r="AC106001" i="1"/>
  <c r="AC106002" i="1"/>
  <c r="AC106003" i="1"/>
  <c r="AC106004" i="1"/>
  <c r="AC106005" i="1"/>
  <c r="AC106006" i="1"/>
  <c r="AC106007" i="1"/>
  <c r="AC106008" i="1"/>
  <c r="AC106009" i="1"/>
  <c r="AC106010" i="1"/>
  <c r="AC106011" i="1"/>
  <c r="AC106012" i="1"/>
  <c r="AC106013" i="1"/>
  <c r="AC106014" i="1"/>
  <c r="AC106015" i="1"/>
  <c r="AC106016" i="1"/>
  <c r="AC106017" i="1"/>
  <c r="AC106018" i="1"/>
  <c r="AC106019" i="1"/>
  <c r="AC106020" i="1"/>
  <c r="AC106021" i="1"/>
  <c r="AC106022" i="1"/>
  <c r="AC106023" i="1"/>
  <c r="AC106024" i="1"/>
  <c r="AC106025" i="1"/>
  <c r="AC106026" i="1"/>
  <c r="AC106027" i="1"/>
  <c r="AC106028" i="1"/>
  <c r="AC106029" i="1"/>
  <c r="AC106030" i="1"/>
  <c r="AC106031" i="1"/>
  <c r="AC106032" i="1"/>
  <c r="AC106033" i="1"/>
  <c r="AC106034" i="1"/>
  <c r="AC106035" i="1"/>
  <c r="AC106036" i="1"/>
  <c r="AC106037" i="1"/>
  <c r="AC106038" i="1"/>
  <c r="AC106039" i="1"/>
  <c r="AC106040" i="1"/>
  <c r="AC106041" i="1"/>
  <c r="AC106042" i="1"/>
  <c r="AC106043" i="1"/>
  <c r="AC106044" i="1"/>
  <c r="AC106045" i="1"/>
  <c r="AC106046" i="1"/>
  <c r="AC106047" i="1"/>
  <c r="AC106048" i="1"/>
  <c r="AC106049" i="1"/>
  <c r="AC106050" i="1"/>
  <c r="AC106051" i="1"/>
  <c r="AC106052" i="1"/>
  <c r="AC106053" i="1"/>
  <c r="AC106054" i="1"/>
  <c r="AC106055" i="1"/>
  <c r="AC106056" i="1"/>
  <c r="AC106057" i="1"/>
  <c r="AC106058" i="1"/>
  <c r="AC106059" i="1"/>
  <c r="AC106060" i="1"/>
  <c r="AC106061" i="1"/>
  <c r="AC106062" i="1"/>
  <c r="AC106063" i="1"/>
  <c r="AC106064" i="1"/>
  <c r="AC106065" i="1"/>
  <c r="AC106066" i="1"/>
  <c r="AC106067" i="1"/>
  <c r="AC106068" i="1"/>
  <c r="AC106069" i="1"/>
  <c r="AC106070" i="1"/>
  <c r="AC106071" i="1"/>
  <c r="AC106072" i="1"/>
  <c r="AC106073" i="1"/>
  <c r="AC106074" i="1"/>
  <c r="AC106075" i="1"/>
  <c r="AC106076" i="1"/>
  <c r="AC106077" i="1"/>
  <c r="AC106078" i="1"/>
  <c r="AC106079" i="1"/>
  <c r="AC106080" i="1"/>
  <c r="AC106081" i="1"/>
  <c r="AC106082" i="1"/>
  <c r="AC106083" i="1"/>
  <c r="AC106084" i="1"/>
  <c r="AC106085" i="1"/>
  <c r="AC106086" i="1"/>
  <c r="AC106087" i="1"/>
  <c r="AC106088" i="1"/>
  <c r="AC106089" i="1"/>
  <c r="AC106090" i="1"/>
  <c r="AC106091" i="1"/>
  <c r="AC106092" i="1"/>
  <c r="AC106093" i="1"/>
  <c r="AC106094" i="1"/>
  <c r="AC106095" i="1"/>
  <c r="AC106096" i="1"/>
  <c r="AC106097" i="1"/>
  <c r="AC106098" i="1"/>
  <c r="AC106099" i="1"/>
  <c r="AC106100" i="1"/>
  <c r="AC106101" i="1"/>
  <c r="AC106102" i="1"/>
  <c r="AC106103" i="1"/>
  <c r="AC106104" i="1"/>
  <c r="AC106105" i="1"/>
  <c r="AC106106" i="1"/>
  <c r="AC106107" i="1"/>
  <c r="AC106108" i="1"/>
  <c r="AC106109" i="1"/>
  <c r="AC106110" i="1"/>
  <c r="AC106111" i="1"/>
  <c r="AC106112" i="1"/>
  <c r="AC106113" i="1"/>
  <c r="AC106114" i="1"/>
  <c r="AC106115" i="1"/>
  <c r="AC106116" i="1"/>
  <c r="AC106117" i="1"/>
  <c r="AC106118" i="1"/>
  <c r="AC106119" i="1"/>
  <c r="AC106120" i="1"/>
  <c r="AC106121" i="1"/>
  <c r="AC106122" i="1"/>
  <c r="AC106123" i="1"/>
  <c r="AC106124" i="1"/>
  <c r="AC106125" i="1"/>
  <c r="AC106126" i="1"/>
  <c r="AC106127" i="1"/>
  <c r="AC106128" i="1"/>
  <c r="AC106129" i="1"/>
  <c r="AC106130" i="1"/>
  <c r="AC106131" i="1"/>
  <c r="AC106132" i="1"/>
  <c r="AC106133" i="1"/>
  <c r="AC106134" i="1"/>
  <c r="AC106135" i="1"/>
  <c r="AC106136" i="1"/>
  <c r="AC106137" i="1"/>
  <c r="AC106138" i="1"/>
  <c r="AC106139" i="1"/>
  <c r="AC106140" i="1"/>
  <c r="AC106141" i="1"/>
  <c r="AC106142" i="1"/>
  <c r="AC106143" i="1"/>
  <c r="AC106144" i="1"/>
  <c r="AC106145" i="1"/>
  <c r="AC106146" i="1"/>
  <c r="AC106147" i="1"/>
  <c r="AC106148" i="1"/>
  <c r="AC106149" i="1"/>
  <c r="AC106150" i="1"/>
  <c r="AC106151" i="1"/>
  <c r="AC106152" i="1"/>
  <c r="AC106153" i="1"/>
  <c r="AC106154" i="1"/>
  <c r="AC106155" i="1"/>
  <c r="AC106156" i="1"/>
  <c r="AC106157" i="1"/>
  <c r="AC106158" i="1"/>
  <c r="AC106159" i="1"/>
  <c r="AC106160" i="1"/>
  <c r="AC106161" i="1"/>
  <c r="AC106162" i="1"/>
  <c r="AC106163" i="1"/>
  <c r="AC106164" i="1"/>
  <c r="AC106165" i="1"/>
  <c r="AC106166" i="1"/>
  <c r="AC106167" i="1"/>
  <c r="AC106168" i="1"/>
  <c r="AC106169" i="1"/>
  <c r="AC106170" i="1"/>
  <c r="AC106171" i="1"/>
  <c r="AC106172" i="1"/>
  <c r="AC106173" i="1"/>
  <c r="AC106174" i="1"/>
  <c r="AC106175" i="1"/>
  <c r="AC106176" i="1"/>
  <c r="AC106177" i="1"/>
  <c r="AC106178" i="1"/>
  <c r="AC106179" i="1"/>
  <c r="AC106180" i="1"/>
  <c r="AC106181" i="1"/>
  <c r="AC106182" i="1"/>
  <c r="AC106183" i="1"/>
  <c r="AC106184" i="1"/>
  <c r="AC106185" i="1"/>
  <c r="AC106186" i="1"/>
  <c r="AC106187" i="1"/>
  <c r="AC106188" i="1"/>
  <c r="AC106189" i="1"/>
  <c r="AC106190" i="1"/>
  <c r="AC106191" i="1"/>
  <c r="AC106192" i="1"/>
  <c r="AC106193" i="1"/>
  <c r="AC106194" i="1"/>
  <c r="AC106195" i="1"/>
  <c r="AC106196" i="1"/>
  <c r="AC106197" i="1"/>
  <c r="AC106198" i="1"/>
  <c r="AC106199" i="1"/>
  <c r="AC106200" i="1"/>
  <c r="AC106201" i="1"/>
  <c r="AC106202" i="1"/>
  <c r="AC106203" i="1"/>
  <c r="AC106204" i="1"/>
  <c r="AC106205" i="1"/>
  <c r="AC106206" i="1"/>
  <c r="AC106207" i="1"/>
  <c r="AC106208" i="1"/>
  <c r="AC106209" i="1"/>
  <c r="AC106210" i="1"/>
  <c r="AC106211" i="1"/>
  <c r="AC106212" i="1"/>
  <c r="AC106213" i="1"/>
  <c r="AC106214" i="1"/>
  <c r="AC106215" i="1"/>
  <c r="AC106216" i="1"/>
  <c r="AC106217" i="1"/>
  <c r="AC106218" i="1"/>
  <c r="AC106219" i="1"/>
  <c r="AC106220" i="1"/>
  <c r="AC106221" i="1"/>
  <c r="AC106222" i="1"/>
  <c r="AC106223" i="1"/>
  <c r="AC106224" i="1"/>
  <c r="AC106225" i="1"/>
  <c r="AC106226" i="1"/>
  <c r="AC106227" i="1"/>
  <c r="AC106228" i="1"/>
  <c r="AC106229" i="1"/>
  <c r="AC106230" i="1"/>
  <c r="AC106231" i="1"/>
  <c r="AC106232" i="1"/>
  <c r="AC106233" i="1"/>
  <c r="AC106234" i="1"/>
  <c r="AC106235" i="1"/>
  <c r="AC106236" i="1"/>
  <c r="AC106237" i="1"/>
  <c r="AC106238" i="1"/>
  <c r="AC106239" i="1"/>
  <c r="AC106240" i="1"/>
  <c r="AC106241" i="1"/>
  <c r="AC106242" i="1"/>
  <c r="AC106243" i="1"/>
  <c r="AC106244" i="1"/>
  <c r="AC106245" i="1"/>
  <c r="AC106246" i="1"/>
  <c r="AC106247" i="1"/>
  <c r="AC106248" i="1"/>
  <c r="AC106249" i="1"/>
  <c r="AC106250" i="1"/>
  <c r="AC106251" i="1"/>
  <c r="AC106252" i="1"/>
  <c r="AC106253" i="1"/>
  <c r="AC106254" i="1"/>
  <c r="AC106255" i="1"/>
  <c r="AC106256" i="1"/>
  <c r="AC106257" i="1"/>
  <c r="AC106258" i="1"/>
  <c r="AC106259" i="1"/>
  <c r="AC106260" i="1"/>
  <c r="AC106261" i="1"/>
  <c r="AC106262" i="1"/>
  <c r="AC106263" i="1"/>
  <c r="AC106264" i="1"/>
  <c r="AC106265" i="1"/>
  <c r="AC106266" i="1"/>
  <c r="AC106267" i="1"/>
  <c r="AC106268" i="1"/>
  <c r="AC106269" i="1"/>
  <c r="AC106270" i="1"/>
  <c r="AC106271" i="1"/>
  <c r="AC106272" i="1"/>
  <c r="AC106273" i="1"/>
  <c r="AC106274" i="1"/>
  <c r="AC106275" i="1"/>
  <c r="AC106276" i="1"/>
  <c r="AC106277" i="1"/>
  <c r="AC106278" i="1"/>
  <c r="AC106279" i="1"/>
  <c r="AC106280" i="1"/>
  <c r="AC106281" i="1"/>
  <c r="AC106282" i="1"/>
  <c r="AC106283" i="1"/>
  <c r="AC106284" i="1"/>
  <c r="AC106285" i="1"/>
  <c r="AC106286" i="1"/>
  <c r="AC106287" i="1"/>
  <c r="AC106288" i="1"/>
  <c r="AC106289" i="1"/>
  <c r="AC106290" i="1"/>
  <c r="AC106291" i="1"/>
  <c r="AC106292" i="1"/>
  <c r="AC106293" i="1"/>
  <c r="AC106294" i="1"/>
  <c r="AC106295" i="1"/>
  <c r="AC106296" i="1"/>
  <c r="AC106297" i="1"/>
  <c r="AC106298" i="1"/>
  <c r="AC106299" i="1"/>
  <c r="AC106300" i="1"/>
  <c r="AC106301" i="1"/>
  <c r="AC106302" i="1"/>
  <c r="AC106303" i="1"/>
  <c r="AC106304" i="1"/>
  <c r="AC106305" i="1"/>
  <c r="AC106306" i="1"/>
  <c r="AC106307" i="1"/>
  <c r="AC106308" i="1"/>
  <c r="AC106309" i="1"/>
  <c r="AC106310" i="1"/>
  <c r="AC106311" i="1"/>
  <c r="AC106312" i="1"/>
  <c r="AC106313" i="1"/>
  <c r="AC106314" i="1"/>
  <c r="AC106315" i="1"/>
  <c r="AC106316" i="1"/>
  <c r="AC106317" i="1"/>
  <c r="AC106318" i="1"/>
  <c r="AC106319" i="1"/>
  <c r="AC106320" i="1"/>
  <c r="AC106321" i="1"/>
  <c r="AC106322" i="1"/>
  <c r="AC106323" i="1"/>
  <c r="AC106324" i="1"/>
  <c r="AC106325" i="1"/>
  <c r="AC106326" i="1"/>
  <c r="AC106327" i="1"/>
  <c r="AC106328" i="1"/>
  <c r="AC106329" i="1"/>
  <c r="AC106330" i="1"/>
  <c r="AC106331" i="1"/>
  <c r="AC106332" i="1"/>
  <c r="AC106333" i="1"/>
  <c r="AC106334" i="1"/>
  <c r="AC106335" i="1"/>
  <c r="AC106336" i="1"/>
  <c r="AC106337" i="1"/>
  <c r="AC106338" i="1"/>
  <c r="AC106339" i="1"/>
  <c r="AC106340" i="1"/>
  <c r="AC106341" i="1"/>
  <c r="AC106342" i="1"/>
  <c r="AC106343" i="1"/>
  <c r="AC106344" i="1"/>
  <c r="AC106345" i="1"/>
  <c r="AC106346" i="1"/>
  <c r="AC106347" i="1"/>
  <c r="AC106348" i="1"/>
  <c r="AC106349" i="1"/>
  <c r="AC106350" i="1"/>
  <c r="AC106351" i="1"/>
  <c r="AC106352" i="1"/>
  <c r="AC106353" i="1"/>
  <c r="AC106354" i="1"/>
  <c r="AC106355" i="1"/>
  <c r="AC106356" i="1"/>
  <c r="AC106357" i="1"/>
  <c r="AC106358" i="1"/>
  <c r="AC106359" i="1"/>
  <c r="AC106360" i="1"/>
  <c r="AC106361" i="1"/>
  <c r="AC106362" i="1"/>
  <c r="AC106363" i="1"/>
  <c r="AC106364" i="1"/>
  <c r="AC106365" i="1"/>
  <c r="AC106366" i="1"/>
  <c r="AC106367" i="1"/>
  <c r="AC106368" i="1"/>
  <c r="AC106369" i="1"/>
  <c r="AC106370" i="1"/>
  <c r="AC106371" i="1"/>
  <c r="AC106372" i="1"/>
  <c r="AC106373" i="1"/>
  <c r="AC106374" i="1"/>
  <c r="AC106375" i="1"/>
  <c r="AC106376" i="1"/>
  <c r="AC106377" i="1"/>
  <c r="AC106378" i="1"/>
  <c r="AC106379" i="1"/>
  <c r="AC106380" i="1"/>
  <c r="AC106381" i="1"/>
  <c r="AC106382" i="1"/>
  <c r="AC106383" i="1"/>
  <c r="AC106384" i="1"/>
  <c r="AC106385" i="1"/>
  <c r="AC106386" i="1"/>
  <c r="AC106387" i="1"/>
  <c r="AC106388" i="1"/>
  <c r="AC106389" i="1"/>
  <c r="AC106390" i="1"/>
  <c r="AC106391" i="1"/>
  <c r="AC106392" i="1"/>
  <c r="AC106393" i="1"/>
  <c r="AC106394" i="1"/>
  <c r="AC106395" i="1"/>
  <c r="AC106396" i="1"/>
  <c r="AC106397" i="1"/>
  <c r="AC106398" i="1"/>
  <c r="AC106399" i="1"/>
  <c r="AC106400" i="1"/>
  <c r="AC106401" i="1"/>
  <c r="AC106402" i="1"/>
  <c r="AC106403" i="1"/>
  <c r="AC106404" i="1"/>
  <c r="AC106405" i="1"/>
  <c r="AC106406" i="1"/>
  <c r="AC106407" i="1"/>
  <c r="AC106408" i="1"/>
  <c r="AC106409" i="1"/>
  <c r="AC106410" i="1"/>
  <c r="AC106411" i="1"/>
  <c r="AC106412" i="1"/>
  <c r="AC106413" i="1"/>
  <c r="AC106414" i="1"/>
  <c r="AC106415" i="1"/>
  <c r="AC106416" i="1"/>
  <c r="AC106417" i="1"/>
  <c r="AC106418" i="1"/>
  <c r="AC106419" i="1"/>
  <c r="AC106420" i="1"/>
  <c r="AC106421" i="1"/>
  <c r="AC106422" i="1"/>
  <c r="AC106423" i="1"/>
  <c r="AC106424" i="1"/>
  <c r="AC106425" i="1"/>
  <c r="AC106426" i="1"/>
  <c r="AC106427" i="1"/>
  <c r="AC106428" i="1"/>
  <c r="AC106429" i="1"/>
  <c r="AC106430" i="1"/>
  <c r="AC106431" i="1"/>
  <c r="AC106432" i="1"/>
  <c r="AC106433" i="1"/>
  <c r="AC106434" i="1"/>
  <c r="AC106435" i="1"/>
  <c r="AC106436" i="1"/>
  <c r="AC106437" i="1"/>
  <c r="AC106438" i="1"/>
  <c r="AC106439" i="1"/>
  <c r="AC106440" i="1"/>
  <c r="AC106441" i="1"/>
  <c r="AC106442" i="1"/>
  <c r="AC106443" i="1"/>
  <c r="AC106444" i="1"/>
  <c r="AC106445" i="1"/>
  <c r="AC106446" i="1"/>
  <c r="AC106447" i="1"/>
  <c r="AC106448" i="1"/>
  <c r="AC106449" i="1"/>
  <c r="AC106450" i="1"/>
  <c r="AC106451" i="1"/>
  <c r="AC106452" i="1"/>
  <c r="AC106453" i="1"/>
  <c r="AC106454" i="1"/>
  <c r="AC106455" i="1"/>
  <c r="AC106456" i="1"/>
  <c r="AC106457" i="1"/>
  <c r="AC106458" i="1"/>
  <c r="AC106459" i="1"/>
  <c r="AC106460" i="1"/>
  <c r="AC106461" i="1"/>
  <c r="AC106462" i="1"/>
  <c r="AC106463" i="1"/>
  <c r="AC106464" i="1"/>
  <c r="AC106465" i="1"/>
  <c r="AC106466" i="1"/>
  <c r="AC106467" i="1"/>
  <c r="AC106468" i="1"/>
  <c r="AC106469" i="1"/>
  <c r="AC106470" i="1"/>
  <c r="AC106471" i="1"/>
  <c r="AC106472" i="1"/>
  <c r="AC106473" i="1"/>
  <c r="AC106474" i="1"/>
  <c r="AC106475" i="1"/>
  <c r="AC106476" i="1"/>
  <c r="AC106477" i="1"/>
  <c r="AC106478" i="1"/>
  <c r="AC106479" i="1"/>
  <c r="AC106480" i="1"/>
  <c r="AC106481" i="1"/>
  <c r="AC106482" i="1"/>
  <c r="AC106483" i="1"/>
  <c r="AC106484" i="1"/>
  <c r="AC106485" i="1"/>
  <c r="AC106486" i="1"/>
  <c r="AC106487" i="1"/>
  <c r="AC106488" i="1"/>
  <c r="AC106489" i="1"/>
  <c r="AC106490" i="1"/>
  <c r="AC106491" i="1"/>
  <c r="AC106492" i="1"/>
  <c r="AC106493" i="1"/>
  <c r="AC106494" i="1"/>
  <c r="AC106495" i="1"/>
  <c r="AC106496" i="1"/>
  <c r="AC106497" i="1"/>
  <c r="AC106498" i="1"/>
  <c r="AC106499" i="1"/>
  <c r="AC106500" i="1"/>
  <c r="AC106501" i="1"/>
  <c r="AC106502" i="1"/>
  <c r="AC106503" i="1"/>
  <c r="AC106504" i="1"/>
  <c r="AC106505" i="1"/>
  <c r="AC106506" i="1"/>
  <c r="AC106507" i="1"/>
  <c r="AC106508" i="1"/>
  <c r="AC106509" i="1"/>
  <c r="AC106510" i="1"/>
  <c r="AC106511" i="1"/>
  <c r="AC106512" i="1"/>
  <c r="AC106513" i="1"/>
  <c r="AC106514" i="1"/>
  <c r="AC106515" i="1"/>
  <c r="AC106516" i="1"/>
  <c r="AC106517" i="1"/>
  <c r="AC106518" i="1"/>
  <c r="AC106519" i="1"/>
  <c r="AC106520" i="1"/>
  <c r="AC106521" i="1"/>
  <c r="AC106522" i="1"/>
  <c r="AC106523" i="1"/>
  <c r="AC106524" i="1"/>
  <c r="AC106525" i="1"/>
  <c r="AC106526" i="1"/>
  <c r="AC106527" i="1"/>
  <c r="AC106528" i="1"/>
  <c r="AC106529" i="1"/>
  <c r="AC106530" i="1"/>
  <c r="AC106531" i="1"/>
  <c r="AC106532" i="1"/>
  <c r="AC106533" i="1"/>
  <c r="AC106534" i="1"/>
  <c r="AC106535" i="1"/>
  <c r="AC106536" i="1"/>
  <c r="AC106537" i="1"/>
  <c r="AC106538" i="1"/>
  <c r="AC106539" i="1"/>
  <c r="AC106540" i="1"/>
  <c r="AC106541" i="1"/>
  <c r="AC106542" i="1"/>
  <c r="AC106543" i="1"/>
  <c r="AC106544" i="1"/>
  <c r="AC106545" i="1"/>
  <c r="AC106546" i="1"/>
  <c r="AC106547" i="1"/>
  <c r="AC106548" i="1"/>
  <c r="AC106549" i="1"/>
  <c r="AC106550" i="1"/>
  <c r="AC106551" i="1"/>
  <c r="AC106552" i="1"/>
  <c r="AC106553" i="1"/>
  <c r="AC106554" i="1"/>
  <c r="AC106555" i="1"/>
  <c r="AC106556" i="1"/>
  <c r="AC106557" i="1"/>
  <c r="AC106558" i="1"/>
  <c r="AC106559" i="1"/>
  <c r="AC106560" i="1"/>
  <c r="AC106561" i="1"/>
  <c r="AC106562" i="1"/>
  <c r="AC106563" i="1"/>
  <c r="AC106564" i="1"/>
  <c r="AC106565" i="1"/>
  <c r="AC106566" i="1"/>
  <c r="AC106567" i="1"/>
  <c r="AC106568" i="1"/>
  <c r="AC106569" i="1"/>
  <c r="AC106570" i="1"/>
  <c r="AC106571" i="1"/>
  <c r="AC106572" i="1"/>
  <c r="AC106573" i="1"/>
  <c r="AC106574" i="1"/>
  <c r="AC106575" i="1"/>
  <c r="AC106576" i="1"/>
  <c r="AC106577" i="1"/>
  <c r="AC106578" i="1"/>
  <c r="AC106579" i="1"/>
  <c r="AC106580" i="1"/>
  <c r="AC106581" i="1"/>
  <c r="AC106582" i="1"/>
  <c r="AC106583" i="1"/>
  <c r="AC106584" i="1"/>
  <c r="AC106585" i="1"/>
  <c r="AC106586" i="1"/>
  <c r="AC106587" i="1"/>
  <c r="AC106588" i="1"/>
  <c r="AC106589" i="1"/>
  <c r="AC106590" i="1"/>
  <c r="AC106591" i="1"/>
  <c r="AC106592" i="1"/>
  <c r="AC106593" i="1"/>
  <c r="AC106594" i="1"/>
  <c r="AC106595" i="1"/>
  <c r="AC106596" i="1"/>
  <c r="AC106597" i="1"/>
  <c r="AC106598" i="1"/>
  <c r="AC106599" i="1"/>
  <c r="AC106600" i="1"/>
  <c r="AC106601" i="1"/>
  <c r="AC106602" i="1"/>
  <c r="AC106603" i="1"/>
  <c r="AC106604" i="1"/>
  <c r="AC106605" i="1"/>
  <c r="AC106606" i="1"/>
  <c r="AC106607" i="1"/>
  <c r="AC106608" i="1"/>
  <c r="AC106609" i="1"/>
  <c r="AC106610" i="1"/>
  <c r="AC106611" i="1"/>
  <c r="AC106612" i="1"/>
  <c r="AC106613" i="1"/>
  <c r="AC106614" i="1"/>
  <c r="AC106615" i="1"/>
  <c r="AC106616" i="1"/>
  <c r="AC106617" i="1"/>
  <c r="AC106618" i="1"/>
  <c r="AC106619" i="1"/>
  <c r="AC106620" i="1"/>
  <c r="AC106621" i="1"/>
  <c r="AC106622" i="1"/>
  <c r="AC106623" i="1"/>
  <c r="AC106624" i="1"/>
  <c r="AC106625" i="1"/>
  <c r="AC106626" i="1"/>
  <c r="AC106627" i="1"/>
  <c r="AC106628" i="1"/>
  <c r="AC106629" i="1"/>
  <c r="AC106630" i="1"/>
  <c r="AC106631" i="1"/>
  <c r="AC106632" i="1"/>
  <c r="AC106633" i="1"/>
  <c r="AC106634" i="1"/>
  <c r="AC106635" i="1"/>
  <c r="AC106636" i="1"/>
  <c r="AC106637" i="1"/>
  <c r="AC106638" i="1"/>
  <c r="AC106639" i="1"/>
  <c r="AC106640" i="1"/>
  <c r="AC106641" i="1"/>
  <c r="AC106642" i="1"/>
  <c r="AC106643" i="1"/>
  <c r="AC106644" i="1"/>
  <c r="AC106645" i="1"/>
  <c r="AC106646" i="1"/>
  <c r="AC106647" i="1"/>
  <c r="AC106648" i="1"/>
  <c r="AC106649" i="1"/>
  <c r="AC106650" i="1"/>
  <c r="AC106651" i="1"/>
  <c r="AC106652" i="1"/>
  <c r="AC106653" i="1"/>
  <c r="AC106654" i="1"/>
  <c r="AC106655" i="1"/>
  <c r="AC106656" i="1"/>
  <c r="AC106657" i="1"/>
  <c r="AC106658" i="1"/>
  <c r="AC106659" i="1"/>
  <c r="AC106660" i="1"/>
  <c r="AC106661" i="1"/>
  <c r="AC106662" i="1"/>
  <c r="AC106663" i="1"/>
  <c r="AC106664" i="1"/>
  <c r="AC106665" i="1"/>
  <c r="AC106666" i="1"/>
  <c r="AC106667" i="1"/>
  <c r="AC106668" i="1"/>
  <c r="AC106669" i="1"/>
  <c r="AC106670" i="1"/>
  <c r="AC106671" i="1"/>
  <c r="AC106672" i="1"/>
  <c r="AC106673" i="1"/>
  <c r="AC106674" i="1"/>
  <c r="AC106675" i="1"/>
  <c r="AC106676" i="1"/>
  <c r="AC106677" i="1"/>
  <c r="AC106678" i="1"/>
  <c r="AC106679" i="1"/>
  <c r="AC106680" i="1"/>
  <c r="AC106681" i="1"/>
  <c r="AC106682" i="1"/>
  <c r="AC106683" i="1"/>
  <c r="AC106684" i="1"/>
  <c r="AC106685" i="1"/>
  <c r="AC106686" i="1"/>
  <c r="AC106687" i="1"/>
  <c r="AC106688" i="1"/>
  <c r="AC106689" i="1"/>
  <c r="AC106690" i="1"/>
  <c r="AC106691" i="1"/>
  <c r="AC106692" i="1"/>
  <c r="AC106693" i="1"/>
  <c r="AC106694" i="1"/>
  <c r="AC106695" i="1"/>
  <c r="AC106696" i="1"/>
  <c r="AC106697" i="1"/>
  <c r="AC106698" i="1"/>
  <c r="AC106699" i="1"/>
  <c r="AC106700" i="1"/>
  <c r="AC106701" i="1"/>
  <c r="AC106702" i="1"/>
  <c r="AC106703" i="1"/>
  <c r="AC106704" i="1"/>
  <c r="AC106705" i="1"/>
  <c r="AC106706" i="1"/>
  <c r="AC106707" i="1"/>
  <c r="AC106708" i="1"/>
  <c r="AC106709" i="1"/>
  <c r="AC106710" i="1"/>
  <c r="AC106711" i="1"/>
  <c r="AC106712" i="1"/>
  <c r="AC106713" i="1"/>
  <c r="AC106714" i="1"/>
  <c r="AC106715" i="1"/>
  <c r="AC106716" i="1"/>
  <c r="AC106717" i="1"/>
  <c r="AC106718" i="1"/>
  <c r="AC106719" i="1"/>
  <c r="AC106720" i="1"/>
  <c r="AC106721" i="1"/>
  <c r="AC106722" i="1"/>
  <c r="AC106723" i="1"/>
  <c r="AC106724" i="1"/>
  <c r="AC106725" i="1"/>
  <c r="AC106726" i="1"/>
  <c r="AC106727" i="1"/>
  <c r="AC106728" i="1"/>
  <c r="AC106729" i="1"/>
  <c r="AC106730" i="1"/>
  <c r="AC106731" i="1"/>
  <c r="AC106732" i="1"/>
  <c r="AC106733" i="1"/>
  <c r="AC106734" i="1"/>
  <c r="AC106735" i="1"/>
  <c r="AC106736" i="1"/>
  <c r="AC106737" i="1"/>
  <c r="AC106738" i="1"/>
  <c r="AC106739" i="1"/>
  <c r="AC106740" i="1"/>
  <c r="AC106741" i="1"/>
  <c r="AC106742" i="1"/>
  <c r="AC106743" i="1"/>
  <c r="AC106744" i="1"/>
  <c r="AC106745" i="1"/>
  <c r="AC106746" i="1"/>
  <c r="AC106747" i="1"/>
  <c r="AC106748" i="1"/>
  <c r="AC106749" i="1"/>
  <c r="AC106750" i="1"/>
  <c r="AC106751" i="1"/>
  <c r="AC106752" i="1"/>
  <c r="AC106753" i="1"/>
  <c r="AC106754" i="1"/>
  <c r="AC106755" i="1"/>
  <c r="AC106756" i="1"/>
  <c r="AC106757" i="1"/>
  <c r="AC106758" i="1"/>
  <c r="AC106759" i="1"/>
  <c r="AC106760" i="1"/>
  <c r="AC106761" i="1"/>
  <c r="AC106762" i="1"/>
  <c r="AC106763" i="1"/>
  <c r="AC106764" i="1"/>
  <c r="AC106765" i="1"/>
  <c r="AC106766" i="1"/>
  <c r="AC106767" i="1"/>
  <c r="AC106768" i="1"/>
  <c r="AC106769" i="1"/>
  <c r="AC106770" i="1"/>
  <c r="AC106771" i="1"/>
  <c r="AC106772" i="1"/>
  <c r="AC106773" i="1"/>
  <c r="AC106774" i="1"/>
  <c r="AC106775" i="1"/>
  <c r="AC106776" i="1"/>
  <c r="AC106777" i="1"/>
  <c r="AC106778" i="1"/>
  <c r="AC106779" i="1"/>
  <c r="AC106780" i="1"/>
  <c r="AC106781" i="1"/>
  <c r="AC106782" i="1"/>
  <c r="AC106783" i="1"/>
  <c r="AC106784" i="1"/>
  <c r="AC106785" i="1"/>
  <c r="AC106786" i="1"/>
  <c r="AC106787" i="1"/>
  <c r="AC106788" i="1"/>
  <c r="AC106789" i="1"/>
  <c r="AC106790" i="1"/>
  <c r="AC106791" i="1"/>
  <c r="AC106792" i="1"/>
  <c r="AC106793" i="1"/>
  <c r="AC106794" i="1"/>
  <c r="AC106795" i="1"/>
  <c r="AC106796" i="1"/>
  <c r="AC106797" i="1"/>
  <c r="AC106798" i="1"/>
  <c r="AC106799" i="1"/>
  <c r="AC106800" i="1"/>
  <c r="AC106801" i="1"/>
  <c r="AC106802" i="1"/>
  <c r="AC106803" i="1"/>
  <c r="AC106804" i="1"/>
  <c r="AC106805" i="1"/>
  <c r="AC106806" i="1"/>
  <c r="AC106807" i="1"/>
  <c r="AC106808" i="1"/>
  <c r="AC106809" i="1"/>
  <c r="AC106810" i="1"/>
  <c r="AC106811" i="1"/>
  <c r="AC106812" i="1"/>
  <c r="AC106813" i="1"/>
  <c r="AC106814" i="1"/>
  <c r="AC106815" i="1"/>
  <c r="AC106816" i="1"/>
  <c r="AC106817" i="1"/>
  <c r="AC106818" i="1"/>
  <c r="AC106819" i="1"/>
  <c r="AC106820" i="1"/>
  <c r="AC106821" i="1"/>
  <c r="AC106822" i="1"/>
  <c r="AC106823" i="1"/>
  <c r="AC106824" i="1"/>
  <c r="AC106825" i="1"/>
  <c r="AC106826" i="1"/>
  <c r="AC106827" i="1"/>
  <c r="AC106828" i="1"/>
  <c r="AC106829" i="1"/>
  <c r="AC106830" i="1"/>
  <c r="AC106831" i="1"/>
  <c r="AC106832" i="1"/>
  <c r="AC106833" i="1"/>
  <c r="AC106834" i="1"/>
  <c r="AC106835" i="1"/>
  <c r="AC106836" i="1"/>
  <c r="AC106837" i="1"/>
  <c r="AC106838" i="1"/>
  <c r="AC106839" i="1"/>
  <c r="AC106840" i="1"/>
  <c r="AC106841" i="1"/>
  <c r="AC106842" i="1"/>
  <c r="AC106843" i="1"/>
  <c r="AC106844" i="1"/>
  <c r="AC106845" i="1"/>
  <c r="AC106846" i="1"/>
  <c r="AC106847" i="1"/>
  <c r="AC106848" i="1"/>
  <c r="AC106849" i="1"/>
  <c r="AC106850" i="1"/>
  <c r="AC106851" i="1"/>
  <c r="AC106852" i="1"/>
  <c r="AC106853" i="1"/>
  <c r="AC106854" i="1"/>
  <c r="AC106855" i="1"/>
  <c r="AC106856" i="1"/>
  <c r="AC106857" i="1"/>
  <c r="AC106858" i="1"/>
  <c r="AC106859" i="1"/>
  <c r="AC106860" i="1"/>
  <c r="AC106861" i="1"/>
  <c r="AC106862" i="1"/>
  <c r="AC106863" i="1"/>
  <c r="AC106864" i="1"/>
  <c r="AC106865" i="1"/>
  <c r="AC106866" i="1"/>
  <c r="AC106867" i="1"/>
  <c r="AC106868" i="1"/>
  <c r="AC106869" i="1"/>
  <c r="AC106870" i="1"/>
  <c r="AC106871" i="1"/>
  <c r="AC106872" i="1"/>
  <c r="AC106873" i="1"/>
  <c r="AC106874" i="1"/>
  <c r="AC106875" i="1"/>
  <c r="AC106876" i="1"/>
  <c r="AC106877" i="1"/>
  <c r="AC106878" i="1"/>
  <c r="AC106879" i="1"/>
  <c r="AC106880" i="1"/>
  <c r="AC106881" i="1"/>
  <c r="AC106882" i="1"/>
  <c r="AC106883" i="1"/>
  <c r="AC106884" i="1"/>
  <c r="AC106885" i="1"/>
  <c r="AC106886" i="1"/>
  <c r="AC106887" i="1"/>
  <c r="AC106888" i="1"/>
  <c r="AC106889" i="1"/>
  <c r="AC106890" i="1"/>
  <c r="AC106891" i="1"/>
  <c r="AC106892" i="1"/>
  <c r="AC106893" i="1"/>
  <c r="AC106894" i="1"/>
  <c r="AC106895" i="1"/>
  <c r="AC106896" i="1"/>
  <c r="AC106897" i="1"/>
  <c r="AC106898" i="1"/>
  <c r="AC106899" i="1"/>
  <c r="AC106900" i="1"/>
  <c r="AC106901" i="1"/>
  <c r="AC106902" i="1"/>
  <c r="AC106903" i="1"/>
  <c r="AC106904" i="1"/>
  <c r="AC106905" i="1"/>
  <c r="AC106906" i="1"/>
  <c r="AC106907" i="1"/>
  <c r="AC106908" i="1"/>
  <c r="AC106909" i="1"/>
  <c r="AC106910" i="1"/>
  <c r="AC106911" i="1"/>
  <c r="AC106912" i="1"/>
  <c r="AC106913" i="1"/>
  <c r="AC106914" i="1"/>
  <c r="AC106915" i="1"/>
  <c r="AC106916" i="1"/>
  <c r="AC106917" i="1"/>
  <c r="AC106918" i="1"/>
  <c r="AC106919" i="1"/>
  <c r="AC106920" i="1"/>
  <c r="AC106921" i="1"/>
  <c r="AC106922" i="1"/>
  <c r="AC106923" i="1"/>
  <c r="AC106924" i="1"/>
  <c r="AC106925" i="1"/>
  <c r="AC106926" i="1"/>
  <c r="AC106927" i="1"/>
  <c r="AC106928" i="1"/>
  <c r="AC106929" i="1"/>
  <c r="AC106930" i="1"/>
  <c r="AC106931" i="1"/>
  <c r="AC106932" i="1"/>
  <c r="AC106933" i="1"/>
  <c r="AC106934" i="1"/>
  <c r="AC106935" i="1"/>
  <c r="AC106936" i="1"/>
  <c r="AC106937" i="1"/>
  <c r="AC106938" i="1"/>
  <c r="AC106939" i="1"/>
  <c r="AC106940" i="1"/>
  <c r="AC106941" i="1"/>
  <c r="AC106942" i="1"/>
  <c r="AC106943" i="1"/>
  <c r="AC106944" i="1"/>
  <c r="AC106945" i="1"/>
  <c r="AC106946" i="1"/>
  <c r="AC106947" i="1"/>
  <c r="AC106948" i="1"/>
  <c r="AC106949" i="1"/>
  <c r="AC106950" i="1"/>
  <c r="AC106951" i="1"/>
  <c r="AC106952" i="1"/>
  <c r="AC106953" i="1"/>
  <c r="AC106954" i="1"/>
  <c r="AC106955" i="1"/>
  <c r="AC106956" i="1"/>
  <c r="AC106957" i="1"/>
  <c r="AC106958" i="1"/>
  <c r="AC106959" i="1"/>
  <c r="AC106960" i="1"/>
  <c r="AC106961" i="1"/>
  <c r="AC106962" i="1"/>
  <c r="AC106963" i="1"/>
  <c r="AC106964" i="1"/>
  <c r="AC106965" i="1"/>
  <c r="AC106966" i="1"/>
  <c r="AC106967" i="1"/>
  <c r="AC106968" i="1"/>
  <c r="AC106969" i="1"/>
  <c r="AC106970" i="1"/>
  <c r="AC106971" i="1"/>
  <c r="AC106972" i="1"/>
  <c r="AC106973" i="1"/>
  <c r="AC106974" i="1"/>
  <c r="AC106975" i="1"/>
  <c r="AC106976" i="1"/>
  <c r="AC106977" i="1"/>
  <c r="AC106978" i="1"/>
  <c r="AC106979" i="1"/>
  <c r="AC106980" i="1"/>
  <c r="AC106981" i="1"/>
  <c r="AC106982" i="1"/>
  <c r="AC106983" i="1"/>
  <c r="AC106984" i="1"/>
  <c r="AC106985" i="1"/>
  <c r="AC106986" i="1"/>
  <c r="AC106987" i="1"/>
  <c r="AC106988" i="1"/>
  <c r="AC106989" i="1"/>
  <c r="AC106990" i="1"/>
  <c r="AC106991" i="1"/>
  <c r="AC106992" i="1"/>
  <c r="AC106993" i="1"/>
  <c r="AC106994" i="1"/>
  <c r="AC106995" i="1"/>
  <c r="AC106996" i="1"/>
  <c r="AC106997" i="1"/>
  <c r="AC106998" i="1"/>
  <c r="AC106999" i="1"/>
  <c r="AC107000" i="1"/>
  <c r="AC107001" i="1"/>
  <c r="AC107002" i="1"/>
  <c r="AC107003" i="1"/>
  <c r="AC107004" i="1"/>
  <c r="AC107005" i="1"/>
  <c r="AC107006" i="1"/>
  <c r="AC107007" i="1"/>
  <c r="AC107008" i="1"/>
  <c r="AC107009" i="1"/>
  <c r="AC107010" i="1"/>
  <c r="AC107011" i="1"/>
  <c r="AC107012" i="1"/>
  <c r="AC107013" i="1"/>
  <c r="AC107014" i="1"/>
  <c r="AC107015" i="1"/>
  <c r="AC107016" i="1"/>
  <c r="AC107017" i="1"/>
  <c r="AC107018" i="1"/>
  <c r="AC107019" i="1"/>
  <c r="AC107020" i="1"/>
  <c r="AC107021" i="1"/>
  <c r="AC107022" i="1"/>
  <c r="AC107023" i="1"/>
  <c r="AC107024" i="1"/>
  <c r="AC107025" i="1"/>
  <c r="AC107026" i="1"/>
  <c r="AC107027" i="1"/>
  <c r="AC107028" i="1"/>
  <c r="AC107029" i="1"/>
  <c r="AC107030" i="1"/>
  <c r="AC107031" i="1"/>
  <c r="AC107032" i="1"/>
  <c r="AC107033" i="1"/>
  <c r="AC107034" i="1"/>
  <c r="AC107035" i="1"/>
  <c r="AC107036" i="1"/>
  <c r="AC107037" i="1"/>
  <c r="AC107038" i="1"/>
  <c r="AC107039" i="1"/>
  <c r="AC107040" i="1"/>
  <c r="AC107041" i="1"/>
  <c r="AC107042" i="1"/>
  <c r="AC107043" i="1"/>
  <c r="AC107044" i="1"/>
  <c r="AC107045" i="1"/>
  <c r="AC107046" i="1"/>
  <c r="AC107047" i="1"/>
  <c r="AC107048" i="1"/>
  <c r="AC107049" i="1"/>
  <c r="AC107050" i="1"/>
  <c r="AC107051" i="1"/>
  <c r="AC107052" i="1"/>
  <c r="AC107053" i="1"/>
  <c r="AC107054" i="1"/>
  <c r="AC107055" i="1"/>
  <c r="AC107056" i="1"/>
  <c r="AC107057" i="1"/>
  <c r="AC107058" i="1"/>
  <c r="AC107059" i="1"/>
  <c r="AC107060" i="1"/>
  <c r="AC107061" i="1"/>
  <c r="AC107062" i="1"/>
  <c r="AC107063" i="1"/>
  <c r="AC107064" i="1"/>
  <c r="AC107065" i="1"/>
  <c r="AC107066" i="1"/>
  <c r="AC107067" i="1"/>
  <c r="AC107068" i="1"/>
  <c r="AC107069" i="1"/>
  <c r="AC107070" i="1"/>
  <c r="AC107071" i="1"/>
  <c r="AC107072" i="1"/>
  <c r="AC107073" i="1"/>
  <c r="AC107074" i="1"/>
  <c r="AC107075" i="1"/>
  <c r="AC107076" i="1"/>
  <c r="AC107077" i="1"/>
  <c r="AC107078" i="1"/>
  <c r="AC107079" i="1"/>
  <c r="AC107080" i="1"/>
  <c r="AC107081" i="1"/>
  <c r="AC107082" i="1"/>
  <c r="AC107083" i="1"/>
  <c r="AC107084" i="1"/>
  <c r="AC107085" i="1"/>
  <c r="AC107086" i="1"/>
  <c r="AC107087" i="1"/>
  <c r="AC107088" i="1"/>
  <c r="AC107089" i="1"/>
  <c r="AC107090" i="1"/>
  <c r="AC107091" i="1"/>
  <c r="AC107092" i="1"/>
  <c r="AC107093" i="1"/>
  <c r="AC107094" i="1"/>
  <c r="AC107095" i="1"/>
  <c r="AC107096" i="1"/>
  <c r="AC107097" i="1"/>
  <c r="AC107098" i="1"/>
  <c r="AC107099" i="1"/>
  <c r="AC107100" i="1"/>
  <c r="AC107101" i="1"/>
  <c r="AC107102" i="1"/>
  <c r="AC107103" i="1"/>
  <c r="AC107104" i="1"/>
  <c r="AC107105" i="1"/>
  <c r="AC107106" i="1"/>
  <c r="AC107107" i="1"/>
  <c r="AC107108" i="1"/>
  <c r="AC107109" i="1"/>
  <c r="AC107110" i="1"/>
  <c r="AC107111" i="1"/>
  <c r="AC107112" i="1"/>
  <c r="AC107113" i="1"/>
  <c r="AC107114" i="1"/>
  <c r="AC107115" i="1"/>
  <c r="AC107116" i="1"/>
  <c r="AC107117" i="1"/>
  <c r="AC107118" i="1"/>
  <c r="AC107119" i="1"/>
  <c r="AC107120" i="1"/>
  <c r="AC107121" i="1"/>
  <c r="AC107122" i="1"/>
  <c r="AC107123" i="1"/>
  <c r="AC107124" i="1"/>
  <c r="AC107125" i="1"/>
  <c r="AC107126" i="1"/>
  <c r="AC107127" i="1"/>
  <c r="AC107128" i="1"/>
  <c r="AC107129" i="1"/>
  <c r="AC107130" i="1"/>
  <c r="AC107131" i="1"/>
  <c r="AC107132" i="1"/>
  <c r="AC107133" i="1"/>
  <c r="AC107134" i="1"/>
  <c r="AC107135" i="1"/>
  <c r="AC107136" i="1"/>
  <c r="AC107137" i="1"/>
  <c r="AC107138" i="1"/>
  <c r="AC107139" i="1"/>
  <c r="AC107140" i="1"/>
  <c r="AC107141" i="1"/>
  <c r="AC107142" i="1"/>
  <c r="AC107143" i="1"/>
  <c r="AC107144" i="1"/>
  <c r="AC107145" i="1"/>
  <c r="AC107146" i="1"/>
  <c r="AC107147" i="1"/>
  <c r="AC107148" i="1"/>
  <c r="AC107149" i="1"/>
  <c r="AC107150" i="1"/>
  <c r="AC107151" i="1"/>
  <c r="AC107152" i="1"/>
  <c r="AC107153" i="1"/>
  <c r="AC107154" i="1"/>
  <c r="AC107155" i="1"/>
  <c r="AC107156" i="1"/>
  <c r="AC107157" i="1"/>
  <c r="AC107158" i="1"/>
  <c r="AC107159" i="1"/>
  <c r="AC107160" i="1"/>
  <c r="AC107161" i="1"/>
  <c r="AC107162" i="1"/>
  <c r="AC107163" i="1"/>
  <c r="AC107164" i="1"/>
  <c r="AC107165" i="1"/>
  <c r="AC107166" i="1"/>
  <c r="AC107167" i="1"/>
  <c r="AC107168" i="1"/>
  <c r="AC107169" i="1"/>
  <c r="AC107170" i="1"/>
  <c r="AC107171" i="1"/>
  <c r="AC107172" i="1"/>
  <c r="AC107173" i="1"/>
  <c r="AC107174" i="1"/>
  <c r="AC107175" i="1"/>
  <c r="AC107176" i="1"/>
  <c r="AC107177" i="1"/>
  <c r="AC107178" i="1"/>
  <c r="AC107179" i="1"/>
  <c r="AC107180" i="1"/>
  <c r="AC107181" i="1"/>
  <c r="AC107182" i="1"/>
  <c r="AC107183" i="1"/>
  <c r="AC107184" i="1"/>
  <c r="AC107185" i="1"/>
  <c r="AC107186" i="1"/>
  <c r="AC107187" i="1"/>
  <c r="AC107188" i="1"/>
  <c r="AC107189" i="1"/>
  <c r="AC107190" i="1"/>
  <c r="AC107191" i="1"/>
  <c r="AC107192" i="1"/>
  <c r="AC107193" i="1"/>
  <c r="AC107194" i="1"/>
  <c r="AC107195" i="1"/>
  <c r="AC107196" i="1"/>
  <c r="AC107197" i="1"/>
  <c r="AC107198" i="1"/>
  <c r="AC107199" i="1"/>
  <c r="AC107200" i="1"/>
  <c r="AC107201" i="1"/>
  <c r="AC107202" i="1"/>
  <c r="AC107203" i="1"/>
  <c r="AC107204" i="1"/>
  <c r="AC107205" i="1"/>
  <c r="AC107206" i="1"/>
  <c r="AC107207" i="1"/>
  <c r="AC107208" i="1"/>
  <c r="AC107209" i="1"/>
  <c r="AC107210" i="1"/>
  <c r="AC107211" i="1"/>
  <c r="AC107212" i="1"/>
  <c r="AC107213" i="1"/>
  <c r="AC107214" i="1"/>
  <c r="AC107215" i="1"/>
  <c r="AC107216" i="1"/>
  <c r="AC107217" i="1"/>
  <c r="AC107218" i="1"/>
  <c r="AC107219" i="1"/>
  <c r="AC107220" i="1"/>
  <c r="AC107221" i="1"/>
  <c r="AC107222" i="1"/>
  <c r="AC107223" i="1"/>
  <c r="AC107224" i="1"/>
  <c r="AC107225" i="1"/>
  <c r="AC107226" i="1"/>
  <c r="AC107227" i="1"/>
  <c r="AC107228" i="1"/>
  <c r="AC107229" i="1"/>
  <c r="AC107230" i="1"/>
  <c r="AC107231" i="1"/>
  <c r="AC107232" i="1"/>
  <c r="AC107233" i="1"/>
  <c r="AC107234" i="1"/>
  <c r="AC107235" i="1"/>
  <c r="AC107236" i="1"/>
  <c r="AC107237" i="1"/>
  <c r="AC107238" i="1"/>
  <c r="AC107239" i="1"/>
  <c r="AC107240" i="1"/>
  <c r="AC107241" i="1"/>
  <c r="AC107242" i="1"/>
  <c r="AC107243" i="1"/>
  <c r="AC107244" i="1"/>
  <c r="AC107245" i="1"/>
  <c r="AC107246" i="1"/>
  <c r="AC107247" i="1"/>
  <c r="AC107248" i="1"/>
  <c r="AC107249" i="1"/>
  <c r="AC107250" i="1"/>
  <c r="AC107251" i="1"/>
  <c r="AC107252" i="1"/>
  <c r="AC107253" i="1"/>
  <c r="AC107254" i="1"/>
  <c r="AC107255" i="1"/>
  <c r="AC107256" i="1"/>
  <c r="AC107257" i="1"/>
  <c r="AC107258" i="1"/>
  <c r="AC107259" i="1"/>
  <c r="AC107260" i="1"/>
  <c r="AC107261" i="1"/>
  <c r="AC107262" i="1"/>
  <c r="AC107263" i="1"/>
  <c r="AC107264" i="1"/>
  <c r="AC107265" i="1"/>
  <c r="AC107266" i="1"/>
  <c r="AC107267" i="1"/>
  <c r="AC107268" i="1"/>
  <c r="AC107269" i="1"/>
  <c r="AC107270" i="1"/>
  <c r="AC107271" i="1"/>
  <c r="AC107272" i="1"/>
  <c r="AC107273" i="1"/>
  <c r="AC107274" i="1"/>
  <c r="AC107275" i="1"/>
  <c r="AC107276" i="1"/>
  <c r="AC107277" i="1"/>
  <c r="AC107278" i="1"/>
  <c r="AC107279" i="1"/>
  <c r="AC107280" i="1"/>
  <c r="AC107281" i="1"/>
  <c r="AC107282" i="1"/>
  <c r="AC107283" i="1"/>
  <c r="AC107284" i="1"/>
  <c r="AC107285" i="1"/>
  <c r="AC107286" i="1"/>
  <c r="AC107287" i="1"/>
  <c r="AC107288" i="1"/>
  <c r="AC107289" i="1"/>
  <c r="AC107290" i="1"/>
  <c r="AC107291" i="1"/>
  <c r="AC107292" i="1"/>
  <c r="AC107293" i="1"/>
  <c r="AC107294" i="1"/>
  <c r="AC107295" i="1"/>
  <c r="AC107296" i="1"/>
  <c r="AC107297" i="1"/>
  <c r="AC107298" i="1"/>
  <c r="AC107299" i="1"/>
  <c r="AC107300" i="1"/>
  <c r="AC107301" i="1"/>
  <c r="AC107302" i="1"/>
  <c r="AC107303" i="1"/>
  <c r="AC107304" i="1"/>
  <c r="AC107305" i="1"/>
  <c r="AC107306" i="1"/>
  <c r="AC107307" i="1"/>
  <c r="AC107308" i="1"/>
  <c r="AC107309" i="1"/>
  <c r="AC107310" i="1"/>
  <c r="AC107311" i="1"/>
  <c r="AC107312" i="1"/>
  <c r="AC107313" i="1"/>
  <c r="AC107314" i="1"/>
  <c r="AC107315" i="1"/>
  <c r="AC107316" i="1"/>
  <c r="AC107317" i="1"/>
  <c r="AC107318" i="1"/>
  <c r="AC107319" i="1"/>
  <c r="AC107320" i="1"/>
  <c r="AC107321" i="1"/>
  <c r="AC107322" i="1"/>
  <c r="AC107323" i="1"/>
  <c r="AC107324" i="1"/>
  <c r="AC107325" i="1"/>
  <c r="AC107326" i="1"/>
  <c r="AC107327" i="1"/>
  <c r="AC107328" i="1"/>
  <c r="AC107329" i="1"/>
  <c r="AC107330" i="1"/>
  <c r="AC107331" i="1"/>
  <c r="AC107332" i="1"/>
  <c r="AC107333" i="1"/>
  <c r="AC107334" i="1"/>
  <c r="AC107335" i="1"/>
  <c r="AC107336" i="1"/>
  <c r="AC107337" i="1"/>
  <c r="AC107338" i="1"/>
  <c r="AC107339" i="1"/>
  <c r="AC107340" i="1"/>
  <c r="AC107341" i="1"/>
  <c r="AC107342" i="1"/>
  <c r="AC107343" i="1"/>
  <c r="AC107344" i="1"/>
  <c r="AC107345" i="1"/>
  <c r="AC107346" i="1"/>
  <c r="AC107347" i="1"/>
  <c r="AC107348" i="1"/>
  <c r="AC107349" i="1"/>
  <c r="AC107350" i="1"/>
  <c r="AC107351" i="1"/>
  <c r="AC107352" i="1"/>
  <c r="AC107353" i="1"/>
  <c r="AC107354" i="1"/>
  <c r="AC107355" i="1"/>
  <c r="AC107356" i="1"/>
  <c r="AC107357" i="1"/>
  <c r="AC107358" i="1"/>
  <c r="AC107359" i="1"/>
  <c r="AC107360" i="1"/>
  <c r="AC107361" i="1"/>
  <c r="AC107362" i="1"/>
  <c r="AC107363" i="1"/>
  <c r="AC107364" i="1"/>
  <c r="AC107365" i="1"/>
  <c r="AC107366" i="1"/>
  <c r="AC107367" i="1"/>
  <c r="AC107368" i="1"/>
  <c r="AC107369" i="1"/>
  <c r="AC107370" i="1"/>
  <c r="AC107371" i="1"/>
  <c r="AC107372" i="1"/>
  <c r="AC107373" i="1"/>
  <c r="AC107374" i="1"/>
  <c r="AC107375" i="1"/>
  <c r="AC107376" i="1"/>
  <c r="AC107377" i="1"/>
  <c r="AC107378" i="1"/>
  <c r="AC107379" i="1"/>
  <c r="AC107380" i="1"/>
  <c r="AC107381" i="1"/>
  <c r="AC107382" i="1"/>
  <c r="AC107383" i="1"/>
  <c r="AC107384" i="1"/>
  <c r="AC107385" i="1"/>
  <c r="AC107386" i="1"/>
  <c r="AC107387" i="1"/>
  <c r="AC107388" i="1"/>
  <c r="AC107389" i="1"/>
  <c r="AC107390" i="1"/>
  <c r="AC107391" i="1"/>
  <c r="AC107392" i="1"/>
  <c r="AC107393" i="1"/>
  <c r="AC107394" i="1"/>
  <c r="AC107395" i="1"/>
  <c r="AC107396" i="1"/>
  <c r="AC107397" i="1"/>
  <c r="AC107398" i="1"/>
  <c r="AC107399" i="1"/>
  <c r="AC107400" i="1"/>
  <c r="AC107401" i="1"/>
  <c r="AC107402" i="1"/>
  <c r="AC107403" i="1"/>
  <c r="AC107404" i="1"/>
  <c r="AC107405" i="1"/>
  <c r="AC107406" i="1"/>
  <c r="AC107407" i="1"/>
  <c r="AC107408" i="1"/>
  <c r="AC107409" i="1"/>
  <c r="AC107410" i="1"/>
  <c r="AC107411" i="1"/>
  <c r="AC107412" i="1"/>
  <c r="AC107413" i="1"/>
  <c r="AC107414" i="1"/>
  <c r="AC107415" i="1"/>
  <c r="AC107416" i="1"/>
  <c r="AC107417" i="1"/>
  <c r="AC107418" i="1"/>
  <c r="AC107419" i="1"/>
  <c r="AC107420" i="1"/>
  <c r="AC107421" i="1"/>
  <c r="AC107422" i="1"/>
  <c r="AC107423" i="1"/>
  <c r="AC107424" i="1"/>
  <c r="AC107425" i="1"/>
  <c r="AC107426" i="1"/>
  <c r="AC107427" i="1"/>
  <c r="AC107428" i="1"/>
  <c r="AC107429" i="1"/>
  <c r="AC107430" i="1"/>
  <c r="AC107431" i="1"/>
  <c r="AC107432" i="1"/>
  <c r="AC107433" i="1"/>
  <c r="AC107434" i="1"/>
  <c r="AC107435" i="1"/>
  <c r="AC107436" i="1"/>
  <c r="AC107437" i="1"/>
  <c r="AC107438" i="1"/>
  <c r="AC107439" i="1"/>
  <c r="AC107440" i="1"/>
  <c r="AC107441" i="1"/>
  <c r="AC107442" i="1"/>
  <c r="AC107443" i="1"/>
  <c r="AC107444" i="1"/>
  <c r="AC107445" i="1"/>
  <c r="AC107446" i="1"/>
  <c r="AC107447" i="1"/>
  <c r="AC107448" i="1"/>
  <c r="AC107449" i="1"/>
  <c r="AC107450" i="1"/>
  <c r="AC107451" i="1"/>
  <c r="AC107452" i="1"/>
  <c r="AC107453" i="1"/>
  <c r="AC107454" i="1"/>
  <c r="AC107455" i="1"/>
  <c r="AC107456" i="1"/>
  <c r="AC107457" i="1"/>
  <c r="AC107458" i="1"/>
  <c r="AC107459" i="1"/>
  <c r="AC107460" i="1"/>
  <c r="AC107461" i="1"/>
  <c r="AC107462" i="1"/>
  <c r="AC107463" i="1"/>
  <c r="AC107464" i="1"/>
  <c r="AC107465" i="1"/>
  <c r="AC107466" i="1"/>
  <c r="AC107467" i="1"/>
  <c r="AC107468" i="1"/>
  <c r="AC107469" i="1"/>
  <c r="AC107470" i="1"/>
  <c r="AC107471" i="1"/>
  <c r="AC107472" i="1"/>
  <c r="AC107473" i="1"/>
  <c r="AC107474" i="1"/>
  <c r="AC107475" i="1"/>
  <c r="AC107476" i="1"/>
  <c r="AC107477" i="1"/>
  <c r="AC107478" i="1"/>
  <c r="AC107479" i="1"/>
  <c r="AC107480" i="1"/>
  <c r="AC107481" i="1"/>
  <c r="AC107482" i="1"/>
  <c r="AC107483" i="1"/>
  <c r="AC107484" i="1"/>
  <c r="AC107485" i="1"/>
  <c r="AC107486" i="1"/>
  <c r="AC107487" i="1"/>
  <c r="AC107488" i="1"/>
  <c r="AC107489" i="1"/>
  <c r="AC107490" i="1"/>
  <c r="AC107491" i="1"/>
  <c r="AC107492" i="1"/>
  <c r="AC107493" i="1"/>
  <c r="AC107494" i="1"/>
  <c r="AC107495" i="1"/>
  <c r="AC107496" i="1"/>
  <c r="AC107497" i="1"/>
  <c r="AC107498" i="1"/>
  <c r="AC107499" i="1"/>
  <c r="AC107500" i="1"/>
  <c r="AC107501" i="1"/>
  <c r="AC107502" i="1"/>
  <c r="AC107503" i="1"/>
  <c r="AC107504" i="1"/>
  <c r="AC107505" i="1"/>
  <c r="AC107506" i="1"/>
  <c r="AC107507" i="1"/>
  <c r="AC107508" i="1"/>
  <c r="AC107509" i="1"/>
  <c r="AC107510" i="1"/>
  <c r="AC107511" i="1"/>
  <c r="AC107512" i="1"/>
  <c r="AC107513" i="1"/>
  <c r="AC107514" i="1"/>
  <c r="AC107515" i="1"/>
  <c r="AC107516" i="1"/>
  <c r="AC107517" i="1"/>
  <c r="AC107518" i="1"/>
  <c r="AC107519" i="1"/>
  <c r="AC107520" i="1"/>
  <c r="AC107521" i="1"/>
  <c r="AC107522" i="1"/>
  <c r="AC107523" i="1"/>
  <c r="AC107524" i="1"/>
  <c r="AC107525" i="1"/>
  <c r="AC107526" i="1"/>
  <c r="AC107527" i="1"/>
  <c r="AC107528" i="1"/>
  <c r="AC107529" i="1"/>
  <c r="AC107530" i="1"/>
  <c r="AC107531" i="1"/>
  <c r="AC107532" i="1"/>
  <c r="AC107533" i="1"/>
  <c r="AC107534" i="1"/>
  <c r="AC107535" i="1"/>
  <c r="AC107536" i="1"/>
  <c r="AC107537" i="1"/>
  <c r="AC107538" i="1"/>
  <c r="AC107539" i="1"/>
  <c r="AC107540" i="1"/>
  <c r="AC107541" i="1"/>
  <c r="AC107542" i="1"/>
  <c r="AC107543" i="1"/>
  <c r="AC107544" i="1"/>
  <c r="AC107545" i="1"/>
  <c r="AC107546" i="1"/>
  <c r="AC107547" i="1"/>
  <c r="AC107548" i="1"/>
  <c r="AC107549" i="1"/>
  <c r="AC107550" i="1"/>
  <c r="AC107551" i="1"/>
  <c r="AC107552" i="1"/>
  <c r="AC107553" i="1"/>
  <c r="AC107554" i="1"/>
  <c r="AC107555" i="1"/>
  <c r="AC107556" i="1"/>
  <c r="AC107557" i="1"/>
  <c r="AC107558" i="1"/>
  <c r="AC107559" i="1"/>
  <c r="AC107560" i="1"/>
  <c r="AC107561" i="1"/>
  <c r="AC107562" i="1"/>
  <c r="AC107563" i="1"/>
  <c r="AC107564" i="1"/>
  <c r="AC107565" i="1"/>
  <c r="AC107566" i="1"/>
  <c r="AC107567" i="1"/>
  <c r="AC107568" i="1"/>
  <c r="AC107569" i="1"/>
  <c r="AC107570" i="1"/>
  <c r="AC107571" i="1"/>
  <c r="AC107572" i="1"/>
  <c r="AC107573" i="1"/>
  <c r="AC107574" i="1"/>
  <c r="AC107575" i="1"/>
  <c r="AC107576" i="1"/>
  <c r="AC107577" i="1"/>
  <c r="AC107578" i="1"/>
  <c r="AC107579" i="1"/>
  <c r="AC107580" i="1"/>
  <c r="AC107581" i="1"/>
  <c r="AC107582" i="1"/>
  <c r="AC107583" i="1"/>
  <c r="AC107584" i="1"/>
  <c r="AC107585" i="1"/>
  <c r="AC107586" i="1"/>
  <c r="AC107587" i="1"/>
  <c r="AC107588" i="1"/>
  <c r="AC107589" i="1"/>
  <c r="AC107590" i="1"/>
  <c r="AC107591" i="1"/>
  <c r="AC107592" i="1"/>
  <c r="AC107593" i="1"/>
  <c r="AC107594" i="1"/>
  <c r="AC107595" i="1"/>
  <c r="AC107596" i="1"/>
  <c r="AC107597" i="1"/>
  <c r="AC107598" i="1"/>
  <c r="AC107599" i="1"/>
  <c r="AC107600" i="1"/>
  <c r="AC107601" i="1"/>
  <c r="AC107602" i="1"/>
  <c r="AC107603" i="1"/>
  <c r="AC107604" i="1"/>
  <c r="AC107605" i="1"/>
  <c r="AC107606" i="1"/>
  <c r="AC107607" i="1"/>
  <c r="AC107608" i="1"/>
  <c r="AC107609" i="1"/>
  <c r="AC107610" i="1"/>
  <c r="AC107611" i="1"/>
  <c r="AC107612" i="1"/>
  <c r="AC107613" i="1"/>
  <c r="AC107614" i="1"/>
  <c r="AC107615" i="1"/>
  <c r="AC107616" i="1"/>
  <c r="AC107617" i="1"/>
  <c r="AC107618" i="1"/>
  <c r="AC107619" i="1"/>
  <c r="AC107620" i="1"/>
  <c r="AC107621" i="1"/>
  <c r="AC107622" i="1"/>
  <c r="AC107623" i="1"/>
  <c r="AC107624" i="1"/>
  <c r="AC107625" i="1"/>
  <c r="AC107626" i="1"/>
  <c r="AC107627" i="1"/>
  <c r="AC107628" i="1"/>
  <c r="AC107629" i="1"/>
  <c r="AC107630" i="1"/>
  <c r="AC107631" i="1"/>
  <c r="AC107632" i="1"/>
  <c r="AC107633" i="1"/>
  <c r="AC107634" i="1"/>
  <c r="AC107635" i="1"/>
  <c r="AC107636" i="1"/>
  <c r="AC107637" i="1"/>
  <c r="AC107638" i="1"/>
  <c r="AC107639" i="1"/>
  <c r="AC107640" i="1"/>
  <c r="AC107641" i="1"/>
  <c r="AC107642" i="1"/>
  <c r="AC107643" i="1"/>
  <c r="AC107644" i="1"/>
  <c r="AC107645" i="1"/>
  <c r="AC107646" i="1"/>
  <c r="AC107647" i="1"/>
  <c r="AC107648" i="1"/>
  <c r="AC107649" i="1"/>
  <c r="AC107650" i="1"/>
  <c r="AC107651" i="1"/>
  <c r="AC107652" i="1"/>
  <c r="AC107653" i="1"/>
  <c r="AC107654" i="1"/>
  <c r="AC107655" i="1"/>
  <c r="AC107656" i="1"/>
  <c r="AC107657" i="1"/>
  <c r="AC107658" i="1"/>
  <c r="AC107659" i="1"/>
  <c r="AC107660" i="1"/>
  <c r="AC107661" i="1"/>
  <c r="AC107662" i="1"/>
  <c r="AC107663" i="1"/>
  <c r="AC107664" i="1"/>
  <c r="AC107665" i="1"/>
  <c r="AC107666" i="1"/>
  <c r="AC107667" i="1"/>
  <c r="AC107668" i="1"/>
  <c r="AC107669" i="1"/>
  <c r="AC107670" i="1"/>
  <c r="AC107671" i="1"/>
  <c r="AC107672" i="1"/>
  <c r="AC107673" i="1"/>
  <c r="AC107674" i="1"/>
  <c r="AC107675" i="1"/>
  <c r="AC107676" i="1"/>
  <c r="AC107677" i="1"/>
  <c r="AC107678" i="1"/>
  <c r="AC107679" i="1"/>
  <c r="AC107680" i="1"/>
  <c r="AC107681" i="1"/>
  <c r="AC107682" i="1"/>
  <c r="AC107683" i="1"/>
  <c r="AC107684" i="1"/>
  <c r="AC107685" i="1"/>
  <c r="AC107686" i="1"/>
  <c r="AC107687" i="1"/>
  <c r="AC107688" i="1"/>
  <c r="AC107689" i="1"/>
  <c r="AC107690" i="1"/>
  <c r="AC107691" i="1"/>
  <c r="AC107692" i="1"/>
  <c r="AC107693" i="1"/>
  <c r="AC107694" i="1"/>
  <c r="AC107695" i="1"/>
  <c r="AC107696" i="1"/>
  <c r="AC107697" i="1"/>
  <c r="AC107698" i="1"/>
  <c r="AC107699" i="1"/>
  <c r="AC107700" i="1"/>
  <c r="AC107701" i="1"/>
  <c r="AC107702" i="1"/>
  <c r="AC107703" i="1"/>
  <c r="AC107704" i="1"/>
  <c r="AC107705" i="1"/>
  <c r="AC107706" i="1"/>
  <c r="AC107707" i="1"/>
  <c r="AC107708" i="1"/>
  <c r="AC107709" i="1"/>
  <c r="AC107710" i="1"/>
  <c r="AC107711" i="1"/>
  <c r="AC107712" i="1"/>
  <c r="AC107713" i="1"/>
  <c r="AC107714" i="1"/>
  <c r="AC107715" i="1"/>
  <c r="AC107716" i="1"/>
  <c r="AC107717" i="1"/>
  <c r="AC107718" i="1"/>
  <c r="AC107719" i="1"/>
  <c r="AC107720" i="1"/>
  <c r="AC107721" i="1"/>
  <c r="AC107722" i="1"/>
  <c r="AC107723" i="1"/>
  <c r="AC107724" i="1"/>
  <c r="AC107725" i="1"/>
  <c r="AC107726" i="1"/>
  <c r="AC107727" i="1"/>
  <c r="AC107728" i="1"/>
  <c r="AC107729" i="1"/>
  <c r="AC107730" i="1"/>
  <c r="AC107731" i="1"/>
  <c r="AC107732" i="1"/>
  <c r="AC107733" i="1"/>
  <c r="AC107734" i="1"/>
  <c r="AC107735" i="1"/>
  <c r="AC107736" i="1"/>
  <c r="AC107737" i="1"/>
  <c r="AC107738" i="1"/>
  <c r="AC107739" i="1"/>
  <c r="AC107740" i="1"/>
  <c r="AC107741" i="1"/>
  <c r="AC107742" i="1"/>
  <c r="AC107743" i="1"/>
  <c r="AC107744" i="1"/>
  <c r="AC107745" i="1"/>
  <c r="AC107746" i="1"/>
  <c r="AC107747" i="1"/>
  <c r="AC107748" i="1"/>
  <c r="AC107749" i="1"/>
  <c r="AC107750" i="1"/>
  <c r="AC107751" i="1"/>
  <c r="AC107752" i="1"/>
  <c r="AC107753" i="1"/>
  <c r="AC107754" i="1"/>
  <c r="AC107755" i="1"/>
  <c r="AC107756" i="1"/>
  <c r="AC107757" i="1"/>
  <c r="AC107758" i="1"/>
  <c r="AC107759" i="1"/>
  <c r="AC107760" i="1"/>
  <c r="AC107761" i="1"/>
  <c r="AC107762" i="1"/>
  <c r="AC107763" i="1"/>
  <c r="AC107764" i="1"/>
  <c r="AC107765" i="1"/>
  <c r="AC107766" i="1"/>
  <c r="AC107767" i="1"/>
  <c r="AC107768" i="1"/>
  <c r="AC107769" i="1"/>
  <c r="AC107770" i="1"/>
  <c r="AC107771" i="1"/>
  <c r="AC107772" i="1"/>
  <c r="AC107773" i="1"/>
  <c r="AC107774" i="1"/>
  <c r="AC107775" i="1"/>
  <c r="AC107776" i="1"/>
  <c r="AC107777" i="1"/>
  <c r="AC107778" i="1"/>
  <c r="AC107779" i="1"/>
  <c r="AC107780" i="1"/>
  <c r="AC107781" i="1"/>
  <c r="AC107782" i="1"/>
  <c r="AC107783" i="1"/>
  <c r="AC107784" i="1"/>
  <c r="AC107785" i="1"/>
  <c r="AC107786" i="1"/>
  <c r="AC107787" i="1"/>
  <c r="AC107788" i="1"/>
  <c r="AC107789" i="1"/>
  <c r="AC107790" i="1"/>
  <c r="AC107791" i="1"/>
  <c r="AC107792" i="1"/>
  <c r="AC107793" i="1"/>
  <c r="AC107794" i="1"/>
  <c r="AC107795" i="1"/>
  <c r="AC107796" i="1"/>
  <c r="AC107797" i="1"/>
  <c r="AC107798" i="1"/>
  <c r="AC107799" i="1"/>
  <c r="AC107800" i="1"/>
  <c r="AC107801" i="1"/>
  <c r="AC107802" i="1"/>
  <c r="AC107803" i="1"/>
  <c r="AC107804" i="1"/>
  <c r="AC107805" i="1"/>
  <c r="AC107806" i="1"/>
  <c r="AC107807" i="1"/>
  <c r="AC107808" i="1"/>
  <c r="AC107809" i="1"/>
  <c r="AC107810" i="1"/>
  <c r="AC107811" i="1"/>
  <c r="AC107812" i="1"/>
  <c r="AC107813" i="1"/>
  <c r="AC107814" i="1"/>
  <c r="AC107815" i="1"/>
  <c r="AC107816" i="1"/>
  <c r="AC107817" i="1"/>
  <c r="AC107818" i="1"/>
  <c r="AC107819" i="1"/>
  <c r="AC107820" i="1"/>
  <c r="AC107821" i="1"/>
  <c r="AC107822" i="1"/>
  <c r="AC107823" i="1"/>
  <c r="AC107824" i="1"/>
  <c r="AC107825" i="1"/>
  <c r="AC107826" i="1"/>
  <c r="AC107827" i="1"/>
  <c r="AC107828" i="1"/>
  <c r="AC107829" i="1"/>
  <c r="AC107830" i="1"/>
  <c r="AC107831" i="1"/>
  <c r="AC107832" i="1"/>
  <c r="AC107833" i="1"/>
  <c r="AC107834" i="1"/>
  <c r="AC107835" i="1"/>
  <c r="AC107836" i="1"/>
  <c r="AC107837" i="1"/>
  <c r="AC107838" i="1"/>
  <c r="AC107839" i="1"/>
  <c r="AC107840" i="1"/>
  <c r="AC107841" i="1"/>
  <c r="AC107842" i="1"/>
  <c r="AC107843" i="1"/>
  <c r="AC107844" i="1"/>
  <c r="AC107845" i="1"/>
  <c r="AC107846" i="1"/>
  <c r="AC107847" i="1"/>
  <c r="AC107848" i="1"/>
  <c r="AC107849" i="1"/>
  <c r="AC107850" i="1"/>
  <c r="AC107851" i="1"/>
  <c r="AC107852" i="1"/>
  <c r="AC107853" i="1"/>
  <c r="AC107854" i="1"/>
  <c r="AC107855" i="1"/>
  <c r="AC107856" i="1"/>
  <c r="AC107857" i="1"/>
  <c r="AC107858" i="1"/>
  <c r="AC107859" i="1"/>
  <c r="AC107860" i="1"/>
  <c r="AC107861" i="1"/>
  <c r="AC107862" i="1"/>
  <c r="AC107863" i="1"/>
  <c r="AC107864" i="1"/>
  <c r="AC107865" i="1"/>
  <c r="AC107866" i="1"/>
  <c r="AC107867" i="1"/>
  <c r="AC107868" i="1"/>
  <c r="AC107869" i="1"/>
  <c r="AC107870" i="1"/>
  <c r="AC107871" i="1"/>
  <c r="AC107872" i="1"/>
  <c r="AC107873" i="1"/>
  <c r="AC107874" i="1"/>
  <c r="AC107875" i="1"/>
  <c r="AC107876" i="1"/>
  <c r="AC107877" i="1"/>
  <c r="AC107878" i="1"/>
  <c r="AC107879" i="1"/>
  <c r="AC107880" i="1"/>
  <c r="AC107881" i="1"/>
  <c r="AC107882" i="1"/>
  <c r="AC107883" i="1"/>
  <c r="AC107884" i="1"/>
  <c r="AC107885" i="1"/>
  <c r="AC107886" i="1"/>
  <c r="AC107887" i="1"/>
  <c r="AC107888" i="1"/>
  <c r="AC107889" i="1"/>
  <c r="AC107890" i="1"/>
  <c r="AC107891" i="1"/>
  <c r="AC107892" i="1"/>
  <c r="AC107893" i="1"/>
  <c r="AC107894" i="1"/>
  <c r="AC107895" i="1"/>
  <c r="AC107896" i="1"/>
  <c r="AC107897" i="1"/>
  <c r="AC107898" i="1"/>
  <c r="AC107899" i="1"/>
  <c r="AC107900" i="1"/>
  <c r="AC107901" i="1"/>
  <c r="AC107902" i="1"/>
  <c r="AC107903" i="1"/>
  <c r="AC107904" i="1"/>
  <c r="AC107905" i="1"/>
  <c r="AC107906" i="1"/>
  <c r="AC107907" i="1"/>
  <c r="AC107908" i="1"/>
  <c r="AC107909" i="1"/>
  <c r="AC107910" i="1"/>
  <c r="AC107911" i="1"/>
  <c r="AC107912" i="1"/>
  <c r="AC107913" i="1"/>
  <c r="AC107914" i="1"/>
  <c r="AC107915" i="1"/>
  <c r="AC107916" i="1"/>
  <c r="AC107917" i="1"/>
  <c r="AC107918" i="1"/>
  <c r="AC107919" i="1"/>
  <c r="AC107920" i="1"/>
  <c r="AC107921" i="1"/>
  <c r="AC107922" i="1"/>
  <c r="AC107923" i="1"/>
  <c r="AC107924" i="1"/>
  <c r="AC107925" i="1"/>
  <c r="AC107926" i="1"/>
  <c r="AC107927" i="1"/>
  <c r="AC107928" i="1"/>
  <c r="AC107929" i="1"/>
  <c r="AC107930" i="1"/>
  <c r="AC107931" i="1"/>
  <c r="AC107932" i="1"/>
  <c r="AC107933" i="1"/>
  <c r="AC107934" i="1"/>
  <c r="AC107935" i="1"/>
  <c r="AC107936" i="1"/>
  <c r="AC107937" i="1"/>
  <c r="AC107938" i="1"/>
  <c r="AC107939" i="1"/>
  <c r="AC107940" i="1"/>
  <c r="AC107941" i="1"/>
  <c r="AC107942" i="1"/>
  <c r="AC107943" i="1"/>
  <c r="AC107944" i="1"/>
  <c r="AC107945" i="1"/>
  <c r="AC107946" i="1"/>
  <c r="AC107947" i="1"/>
  <c r="AC107948" i="1"/>
  <c r="AC107949" i="1"/>
  <c r="AC107950" i="1"/>
  <c r="AC107951" i="1"/>
  <c r="AC107952" i="1"/>
  <c r="AC107953" i="1"/>
  <c r="AC107954" i="1"/>
  <c r="AC107955" i="1"/>
  <c r="AC107956" i="1"/>
  <c r="AC107957" i="1"/>
  <c r="AC107958" i="1"/>
  <c r="AC107959" i="1"/>
  <c r="AC107960" i="1"/>
  <c r="AC107961" i="1"/>
  <c r="AC107962" i="1"/>
  <c r="AC107963" i="1"/>
  <c r="AC107964" i="1"/>
  <c r="AC107965" i="1"/>
  <c r="AC107966" i="1"/>
  <c r="AC107967" i="1"/>
  <c r="AC107968" i="1"/>
  <c r="AC107969" i="1"/>
  <c r="AC107970" i="1"/>
  <c r="AC107971" i="1"/>
  <c r="AC107972" i="1"/>
  <c r="AC107973" i="1"/>
  <c r="AC107974" i="1"/>
  <c r="AC107975" i="1"/>
  <c r="AC107976" i="1"/>
  <c r="AC107977" i="1"/>
  <c r="AC107978" i="1"/>
  <c r="AC107979" i="1"/>
  <c r="AC107980" i="1"/>
  <c r="AC107981" i="1"/>
  <c r="AC107982" i="1"/>
  <c r="AC107983" i="1"/>
  <c r="AC107984" i="1"/>
  <c r="AC107985" i="1"/>
  <c r="AC107986" i="1"/>
  <c r="AC107987" i="1"/>
  <c r="AC107988" i="1"/>
  <c r="AC107989" i="1"/>
  <c r="AC107990" i="1"/>
  <c r="AC107991" i="1"/>
  <c r="AC107992" i="1"/>
  <c r="AC107993" i="1"/>
  <c r="AC107994" i="1"/>
  <c r="AC107995" i="1"/>
  <c r="AC107996" i="1"/>
  <c r="AC107997" i="1"/>
  <c r="AC107998" i="1"/>
  <c r="AC107999" i="1"/>
  <c r="AC108000" i="1"/>
  <c r="AC108001" i="1"/>
  <c r="AC108002" i="1"/>
  <c r="AC108003" i="1"/>
  <c r="AC108004" i="1"/>
  <c r="AC108005" i="1"/>
  <c r="AC108006" i="1"/>
  <c r="AC108007" i="1"/>
  <c r="AC108008" i="1"/>
  <c r="AC108009" i="1"/>
  <c r="AC108010" i="1"/>
  <c r="AC108011" i="1"/>
  <c r="AC108012" i="1"/>
  <c r="AC108013" i="1"/>
  <c r="AC108014" i="1"/>
  <c r="AC108015" i="1"/>
  <c r="AC108016" i="1"/>
  <c r="AC108017" i="1"/>
  <c r="AC108018" i="1"/>
  <c r="AC108019" i="1"/>
  <c r="AC108020" i="1"/>
  <c r="AC108021" i="1"/>
  <c r="AC108022" i="1"/>
  <c r="AC108023" i="1"/>
  <c r="AC108024" i="1"/>
  <c r="AC108025" i="1"/>
  <c r="AC108026" i="1"/>
  <c r="AC108027" i="1"/>
  <c r="AC108028" i="1"/>
  <c r="AC108029" i="1"/>
  <c r="AC108030" i="1"/>
  <c r="AC108031" i="1"/>
  <c r="AC108032" i="1"/>
  <c r="AC108033" i="1"/>
  <c r="AC108034" i="1"/>
  <c r="AC108035" i="1"/>
  <c r="AC108036" i="1"/>
  <c r="AC108037" i="1"/>
  <c r="AC108038" i="1"/>
  <c r="AC108039" i="1"/>
  <c r="AC108040" i="1"/>
  <c r="AC108041" i="1"/>
  <c r="AC108042" i="1"/>
  <c r="AC108043" i="1"/>
  <c r="AC108044" i="1"/>
  <c r="AC108045" i="1"/>
  <c r="AC108046" i="1"/>
  <c r="AC108047" i="1"/>
  <c r="AC108048" i="1"/>
  <c r="AC108049" i="1"/>
  <c r="AC108050" i="1"/>
  <c r="AC108051" i="1"/>
  <c r="AC108052" i="1"/>
  <c r="AC108053" i="1"/>
  <c r="AC108054" i="1"/>
  <c r="AC108055" i="1"/>
  <c r="AC108056" i="1"/>
  <c r="AC108057" i="1"/>
  <c r="AC108058" i="1"/>
  <c r="AC108059" i="1"/>
  <c r="AC108060" i="1"/>
  <c r="AC108061" i="1"/>
  <c r="AC108062" i="1"/>
  <c r="AC108063" i="1"/>
  <c r="AC108064" i="1"/>
  <c r="AC108065" i="1"/>
  <c r="AC108066" i="1"/>
  <c r="AC108067" i="1"/>
  <c r="AC108068" i="1"/>
  <c r="AC108069" i="1"/>
  <c r="AC108070" i="1"/>
  <c r="AC108071" i="1"/>
  <c r="AC108072" i="1"/>
  <c r="AC108073" i="1"/>
  <c r="AC108074" i="1"/>
  <c r="AC108075" i="1"/>
  <c r="AC108076" i="1"/>
  <c r="AC108077" i="1"/>
  <c r="AC108078" i="1"/>
  <c r="AC108079" i="1"/>
  <c r="AC108080" i="1"/>
  <c r="AC108081" i="1"/>
  <c r="AC108082" i="1"/>
  <c r="AC108083" i="1"/>
  <c r="AC108084" i="1"/>
  <c r="AC108085" i="1"/>
  <c r="AC108086" i="1"/>
  <c r="AC108087" i="1"/>
  <c r="AC108088" i="1"/>
  <c r="AC108089" i="1"/>
  <c r="AC108090" i="1"/>
  <c r="AC108091" i="1"/>
  <c r="AC108092" i="1"/>
  <c r="AC108093" i="1"/>
  <c r="AC108094" i="1"/>
  <c r="AC108095" i="1"/>
  <c r="AC108096" i="1"/>
  <c r="AC108097" i="1"/>
  <c r="AC108098" i="1"/>
  <c r="AC108099" i="1"/>
  <c r="AC108100" i="1"/>
  <c r="AC108101" i="1"/>
  <c r="AC108102" i="1"/>
  <c r="AC108103" i="1"/>
  <c r="AC108104" i="1"/>
  <c r="AC108105" i="1"/>
  <c r="AC108106" i="1"/>
  <c r="AC108107" i="1"/>
  <c r="AC108108" i="1"/>
  <c r="AC108109" i="1"/>
  <c r="AC108110" i="1"/>
  <c r="AC108111" i="1"/>
  <c r="AC108112" i="1"/>
  <c r="AC108113" i="1"/>
  <c r="AC108114" i="1"/>
  <c r="AC108115" i="1"/>
  <c r="AC108116" i="1"/>
  <c r="AC108117" i="1"/>
  <c r="AC108118" i="1"/>
  <c r="AC108119" i="1"/>
  <c r="AC108120" i="1"/>
  <c r="AC108121" i="1"/>
  <c r="AC108122" i="1"/>
  <c r="AC108123" i="1"/>
  <c r="AC108124" i="1"/>
  <c r="AC108125" i="1"/>
  <c r="AC108126" i="1"/>
  <c r="AC108127" i="1"/>
  <c r="AC108128" i="1"/>
  <c r="AC108129" i="1"/>
  <c r="AC108130" i="1"/>
  <c r="AC108131" i="1"/>
  <c r="AC108132" i="1"/>
  <c r="AC108133" i="1"/>
  <c r="AC108134" i="1"/>
  <c r="AC108135" i="1"/>
  <c r="AC108136" i="1"/>
  <c r="AC108137" i="1"/>
  <c r="AC108138" i="1"/>
  <c r="AC108139" i="1"/>
  <c r="AC108140" i="1"/>
  <c r="AC108141" i="1"/>
  <c r="AC108142" i="1"/>
  <c r="AC108143" i="1"/>
  <c r="AC108144" i="1"/>
  <c r="AC108145" i="1"/>
  <c r="AC108146" i="1"/>
  <c r="AC108147" i="1"/>
  <c r="AC108148" i="1"/>
  <c r="AC108149" i="1"/>
  <c r="AC108150" i="1"/>
  <c r="AC108151" i="1"/>
  <c r="AC108152" i="1"/>
  <c r="AC108153" i="1"/>
  <c r="AC108154" i="1"/>
  <c r="AC108155" i="1"/>
  <c r="AC108156" i="1"/>
  <c r="AC108157" i="1"/>
  <c r="AC108158" i="1"/>
  <c r="AC108159" i="1"/>
  <c r="AC108160" i="1"/>
  <c r="AC108161" i="1"/>
  <c r="AC108162" i="1"/>
  <c r="AC108163" i="1"/>
  <c r="AC108164" i="1"/>
  <c r="AC108165" i="1"/>
  <c r="AC108166" i="1"/>
  <c r="AC108167" i="1"/>
  <c r="AC108168" i="1"/>
  <c r="AC108169" i="1"/>
  <c r="AC108170" i="1"/>
  <c r="AC108171" i="1"/>
  <c r="AC108172" i="1"/>
  <c r="AC108173" i="1"/>
  <c r="AC108174" i="1"/>
  <c r="AC108175" i="1"/>
  <c r="AC108176" i="1"/>
  <c r="AC108177" i="1"/>
  <c r="AC108178" i="1"/>
  <c r="AC108179" i="1"/>
  <c r="AC108180" i="1"/>
  <c r="AC108181" i="1"/>
  <c r="AC108182" i="1"/>
  <c r="AC108183" i="1"/>
  <c r="AC108184" i="1"/>
  <c r="AC108185" i="1"/>
  <c r="AC108186" i="1"/>
  <c r="AC108187" i="1"/>
  <c r="AC108188" i="1"/>
  <c r="AC108189" i="1"/>
  <c r="AC108190" i="1"/>
  <c r="AC108191" i="1"/>
  <c r="AC108192" i="1"/>
  <c r="AC108193" i="1"/>
  <c r="AC108194" i="1"/>
  <c r="AC108195" i="1"/>
  <c r="AC108196" i="1"/>
  <c r="AC108197" i="1"/>
  <c r="AC108198" i="1"/>
  <c r="AC108199" i="1"/>
  <c r="AC108200" i="1"/>
  <c r="AC108201" i="1"/>
  <c r="AC108202" i="1"/>
  <c r="AC108203" i="1"/>
  <c r="AC108204" i="1"/>
  <c r="AC108205" i="1"/>
  <c r="AC108206" i="1"/>
  <c r="AC108207" i="1"/>
  <c r="AC108208" i="1"/>
  <c r="AC108209" i="1"/>
  <c r="AC108210" i="1"/>
  <c r="AC108211" i="1"/>
  <c r="AC108212" i="1"/>
  <c r="AC108213" i="1"/>
  <c r="AC108214" i="1"/>
  <c r="AC108215" i="1"/>
  <c r="AC108216" i="1"/>
  <c r="AC108217" i="1"/>
  <c r="AC108218" i="1"/>
  <c r="AC108219" i="1"/>
  <c r="AC108220" i="1"/>
  <c r="AC108221" i="1"/>
  <c r="AC108222" i="1"/>
  <c r="AC108223" i="1"/>
  <c r="AC108224" i="1"/>
  <c r="AC108225" i="1"/>
  <c r="AC108226" i="1"/>
  <c r="AC108227" i="1"/>
  <c r="AC108228" i="1"/>
  <c r="AC108229" i="1"/>
  <c r="AC108230" i="1"/>
  <c r="AC108231" i="1"/>
  <c r="AC108232" i="1"/>
  <c r="AC108233" i="1"/>
  <c r="AC108234" i="1"/>
  <c r="AC108235" i="1"/>
  <c r="AC108236" i="1"/>
  <c r="AC108237" i="1"/>
  <c r="AC108238" i="1"/>
  <c r="AC108239" i="1"/>
  <c r="AC108240" i="1"/>
  <c r="AC108241" i="1"/>
  <c r="AC108242" i="1"/>
  <c r="AC108243" i="1"/>
  <c r="AC108244" i="1"/>
  <c r="AC108245" i="1"/>
  <c r="AC108246" i="1"/>
  <c r="AC108247" i="1"/>
  <c r="AC108248" i="1"/>
  <c r="AC108249" i="1"/>
  <c r="AC108250" i="1"/>
  <c r="AC108251" i="1"/>
  <c r="AC108252" i="1"/>
  <c r="AC108253" i="1"/>
  <c r="AC108254" i="1"/>
  <c r="AC108255" i="1"/>
  <c r="AC108256" i="1"/>
  <c r="AC108257" i="1"/>
  <c r="AC108258" i="1"/>
  <c r="AC108259" i="1"/>
  <c r="AC108260" i="1"/>
  <c r="AC108261" i="1"/>
  <c r="AC108262" i="1"/>
  <c r="AC108263" i="1"/>
  <c r="AC108264" i="1"/>
  <c r="AC108265" i="1"/>
  <c r="AC108266" i="1"/>
  <c r="AC108267" i="1"/>
  <c r="AC108268" i="1"/>
  <c r="AC108269" i="1"/>
  <c r="AC108270" i="1"/>
  <c r="AC108271" i="1"/>
  <c r="AC108272" i="1"/>
  <c r="AC108273" i="1"/>
  <c r="AC108274" i="1"/>
  <c r="AC108275" i="1"/>
  <c r="AC108276" i="1"/>
  <c r="AC108277" i="1"/>
  <c r="AC108278" i="1"/>
  <c r="AC108279" i="1"/>
  <c r="AC108280" i="1"/>
  <c r="AC108281" i="1"/>
  <c r="AC108282" i="1"/>
  <c r="AC108283" i="1"/>
  <c r="AC108284" i="1"/>
  <c r="AC108285" i="1"/>
  <c r="AC108286" i="1"/>
  <c r="AC108287" i="1"/>
  <c r="AC108288" i="1"/>
  <c r="AC108289" i="1"/>
  <c r="AC108290" i="1"/>
  <c r="AC108291" i="1"/>
  <c r="AC108292" i="1"/>
  <c r="AC108293" i="1"/>
  <c r="AC108294" i="1"/>
  <c r="AC108295" i="1"/>
  <c r="AC108296" i="1"/>
  <c r="AC108297" i="1"/>
  <c r="AC108298" i="1"/>
  <c r="AC108299" i="1"/>
  <c r="AC108300" i="1"/>
  <c r="AC108301" i="1"/>
  <c r="AC108302" i="1"/>
  <c r="AC108303" i="1"/>
  <c r="AC108304" i="1"/>
  <c r="AC108305" i="1"/>
  <c r="AC108306" i="1"/>
  <c r="AC108307" i="1"/>
  <c r="AC108308" i="1"/>
  <c r="AC108309" i="1"/>
  <c r="AC108310" i="1"/>
  <c r="AC108311" i="1"/>
  <c r="AC108312" i="1"/>
  <c r="AC108313" i="1"/>
  <c r="AC108314" i="1"/>
  <c r="AC108315" i="1"/>
  <c r="AC108316" i="1"/>
  <c r="AC108317" i="1"/>
  <c r="AC108318" i="1"/>
  <c r="AC108319" i="1"/>
  <c r="AC108320" i="1"/>
  <c r="AC108321" i="1"/>
  <c r="AC108322" i="1"/>
  <c r="AC108323" i="1"/>
  <c r="AC108324" i="1"/>
  <c r="AC108325" i="1"/>
  <c r="AC108326" i="1"/>
  <c r="AC108327" i="1"/>
  <c r="AC108328" i="1"/>
  <c r="AC108329" i="1"/>
  <c r="AC108330" i="1"/>
  <c r="AC108331" i="1"/>
  <c r="AC108332" i="1"/>
  <c r="AC108333" i="1"/>
  <c r="AC108334" i="1"/>
  <c r="AC108335" i="1"/>
  <c r="AC108336" i="1"/>
  <c r="AC108337" i="1"/>
  <c r="AC108338" i="1"/>
  <c r="AC108339" i="1"/>
  <c r="AC108340" i="1"/>
  <c r="AC108341" i="1"/>
  <c r="AC108342" i="1"/>
  <c r="AC108343" i="1"/>
  <c r="AC108344" i="1"/>
  <c r="AC108345" i="1"/>
  <c r="AC108346" i="1"/>
  <c r="AC108347" i="1"/>
  <c r="AC108348" i="1"/>
  <c r="AC108349" i="1"/>
  <c r="AC108350" i="1"/>
  <c r="AC108351" i="1"/>
  <c r="AC108352" i="1"/>
  <c r="AC108353" i="1"/>
  <c r="AC108354" i="1"/>
  <c r="AC108355" i="1"/>
  <c r="AC108356" i="1"/>
  <c r="AC108357" i="1"/>
  <c r="AC108358" i="1"/>
  <c r="AC108359" i="1"/>
  <c r="AC108360" i="1"/>
  <c r="AC108361" i="1"/>
  <c r="AC108362" i="1"/>
  <c r="AC108363" i="1"/>
  <c r="AC108364" i="1"/>
  <c r="AC108365" i="1"/>
  <c r="AC108366" i="1"/>
  <c r="AC108367" i="1"/>
  <c r="AC108368" i="1"/>
  <c r="AC108369" i="1"/>
  <c r="AC108370" i="1"/>
  <c r="AC108371" i="1"/>
  <c r="AC108372" i="1"/>
  <c r="AC108373" i="1"/>
  <c r="AC108374" i="1"/>
  <c r="AC108375" i="1"/>
  <c r="AC108376" i="1"/>
  <c r="AC108377" i="1"/>
  <c r="AC108378" i="1"/>
  <c r="AC108379" i="1"/>
  <c r="AC108380" i="1"/>
  <c r="AC108381" i="1"/>
  <c r="AC108382" i="1"/>
  <c r="AC108383" i="1"/>
  <c r="AC108384" i="1"/>
  <c r="AC108385" i="1"/>
  <c r="AC108386" i="1"/>
  <c r="AC108387" i="1"/>
  <c r="AC108388" i="1"/>
  <c r="AC108389" i="1"/>
  <c r="AC108390" i="1"/>
  <c r="AC108391" i="1"/>
  <c r="AC108392" i="1"/>
  <c r="AC108393" i="1"/>
  <c r="AC108394" i="1"/>
  <c r="AC108395" i="1"/>
  <c r="AC108396" i="1"/>
  <c r="AC108397" i="1"/>
  <c r="AC108398" i="1"/>
  <c r="AC108399" i="1"/>
  <c r="AC108400" i="1"/>
  <c r="AC108401" i="1"/>
  <c r="AC108402" i="1"/>
  <c r="AC108403" i="1"/>
  <c r="AC108404" i="1"/>
  <c r="AC108405" i="1"/>
  <c r="AC108406" i="1"/>
  <c r="AC108407" i="1"/>
  <c r="AC108408" i="1"/>
  <c r="AC108409" i="1"/>
  <c r="AC108410" i="1"/>
  <c r="AC108411" i="1"/>
  <c r="AC108412" i="1"/>
  <c r="AC108413" i="1"/>
  <c r="AC108414" i="1"/>
  <c r="AC108415" i="1"/>
  <c r="AC108416" i="1"/>
  <c r="AC108417" i="1"/>
  <c r="AC108418" i="1"/>
  <c r="AC108419" i="1"/>
  <c r="AC108420" i="1"/>
  <c r="AC108421" i="1"/>
  <c r="AC108422" i="1"/>
  <c r="AC108423" i="1"/>
  <c r="AC108424" i="1"/>
  <c r="AC108425" i="1"/>
  <c r="AC108426" i="1"/>
  <c r="AC108427" i="1"/>
  <c r="AC108428" i="1"/>
  <c r="AC108429" i="1"/>
  <c r="AC108430" i="1"/>
  <c r="AC108431" i="1"/>
  <c r="AC108432" i="1"/>
  <c r="AC108433" i="1"/>
  <c r="AC108434" i="1"/>
  <c r="AC108435" i="1"/>
  <c r="AC108436" i="1"/>
  <c r="AC108437" i="1"/>
  <c r="AC108438" i="1"/>
  <c r="AC108439" i="1"/>
  <c r="AC108440" i="1"/>
  <c r="AC108441" i="1"/>
  <c r="AC108442" i="1"/>
  <c r="AC108443" i="1"/>
  <c r="AC108444" i="1"/>
  <c r="AC108445" i="1"/>
  <c r="AC108446" i="1"/>
  <c r="AC108447" i="1"/>
  <c r="AC108448" i="1"/>
  <c r="AC108449" i="1"/>
  <c r="AC108450" i="1"/>
  <c r="AC108451" i="1"/>
  <c r="AC108452" i="1"/>
  <c r="AC108453" i="1"/>
  <c r="AC108454" i="1"/>
  <c r="AC108455" i="1"/>
  <c r="AC108456" i="1"/>
  <c r="AC108457" i="1"/>
  <c r="AC108458" i="1"/>
  <c r="AC108459" i="1"/>
  <c r="AC108460" i="1"/>
  <c r="AC108461" i="1"/>
  <c r="AC108462" i="1"/>
  <c r="AC108463" i="1"/>
  <c r="AC108464" i="1"/>
  <c r="AC108465" i="1"/>
  <c r="AC108466" i="1"/>
  <c r="AC108467" i="1"/>
  <c r="AC108468" i="1"/>
  <c r="AC108469" i="1"/>
  <c r="AC108470" i="1"/>
  <c r="AC108471" i="1"/>
  <c r="AC108472" i="1"/>
  <c r="AC108473" i="1"/>
  <c r="AC108474" i="1"/>
  <c r="AC108475" i="1"/>
  <c r="AC108476" i="1"/>
  <c r="AC108477" i="1"/>
  <c r="AC108478" i="1"/>
  <c r="AC108479" i="1"/>
  <c r="AC108480" i="1"/>
  <c r="AC108481" i="1"/>
  <c r="AC108482" i="1"/>
  <c r="AC108483" i="1"/>
  <c r="AC108484" i="1"/>
  <c r="AC108485" i="1"/>
  <c r="AC108486" i="1"/>
  <c r="AC108487" i="1"/>
  <c r="AC108488" i="1"/>
  <c r="AC108489" i="1"/>
  <c r="AC108490" i="1"/>
  <c r="AC108491" i="1"/>
  <c r="AC108492" i="1"/>
  <c r="AC108493" i="1"/>
  <c r="AC108494" i="1"/>
  <c r="AC108495" i="1"/>
  <c r="AC108496" i="1"/>
  <c r="AC108497" i="1"/>
  <c r="AC108498" i="1"/>
  <c r="AC108499" i="1"/>
  <c r="AC108500" i="1"/>
  <c r="AC108501" i="1"/>
  <c r="AC108502" i="1"/>
  <c r="AC108503" i="1"/>
  <c r="AC108504" i="1"/>
  <c r="AC108505" i="1"/>
  <c r="AC108506" i="1"/>
  <c r="AC108507" i="1"/>
  <c r="AC108508" i="1"/>
  <c r="AC108509" i="1"/>
  <c r="AC108510" i="1"/>
  <c r="AC108511" i="1"/>
  <c r="AC108512" i="1"/>
  <c r="AC108513" i="1"/>
  <c r="AC108514" i="1"/>
  <c r="AC108515" i="1"/>
  <c r="AC108516" i="1"/>
  <c r="AC108517" i="1"/>
  <c r="AC108518" i="1"/>
  <c r="AC108519" i="1"/>
  <c r="AC108520" i="1"/>
  <c r="AC108521" i="1"/>
  <c r="AC108522" i="1"/>
  <c r="AC108523" i="1"/>
  <c r="AC108524" i="1"/>
  <c r="AC108525" i="1"/>
  <c r="AC108526" i="1"/>
  <c r="AC108527" i="1"/>
  <c r="AC108528" i="1"/>
  <c r="AC108529" i="1"/>
  <c r="AC108530" i="1"/>
  <c r="AC108531" i="1"/>
  <c r="AC108532" i="1"/>
  <c r="AC108533" i="1"/>
  <c r="AC108534" i="1"/>
  <c r="AC108535" i="1"/>
  <c r="AC108536" i="1"/>
  <c r="AC108537" i="1"/>
  <c r="AC108538" i="1"/>
  <c r="AC108539" i="1"/>
  <c r="AC108540" i="1"/>
  <c r="AC108541" i="1"/>
  <c r="AC108542" i="1"/>
  <c r="AC108543" i="1"/>
  <c r="AC108544" i="1"/>
  <c r="AC108545" i="1"/>
  <c r="AC108546" i="1"/>
  <c r="AC108547" i="1"/>
  <c r="AC108548" i="1"/>
  <c r="AC108549" i="1"/>
  <c r="AC108550" i="1"/>
  <c r="AC108551" i="1"/>
  <c r="AC108552" i="1"/>
  <c r="AC108553" i="1"/>
  <c r="AC108554" i="1"/>
  <c r="AC108555" i="1"/>
  <c r="AC108556" i="1"/>
  <c r="AC108557" i="1"/>
  <c r="AC108558" i="1"/>
  <c r="AC108559" i="1"/>
  <c r="AC108560" i="1"/>
  <c r="AC108561" i="1"/>
  <c r="AC108562" i="1"/>
  <c r="AC108563" i="1"/>
  <c r="AC108564" i="1"/>
  <c r="AC108565" i="1"/>
  <c r="AC108566" i="1"/>
  <c r="AC108567" i="1"/>
  <c r="AC108568" i="1"/>
  <c r="AC108569" i="1"/>
  <c r="AC108570" i="1"/>
  <c r="AC108571" i="1"/>
  <c r="AC108572" i="1"/>
  <c r="AC108573" i="1"/>
  <c r="AC108574" i="1"/>
  <c r="AC108575" i="1"/>
  <c r="AC108576" i="1"/>
  <c r="AC108577" i="1"/>
  <c r="AC108578" i="1"/>
  <c r="AC108579" i="1"/>
  <c r="AC108580" i="1"/>
  <c r="AC108581" i="1"/>
  <c r="AC108582" i="1"/>
  <c r="AC108583" i="1"/>
  <c r="AC108584" i="1"/>
  <c r="AC108585" i="1"/>
  <c r="AC108586" i="1"/>
  <c r="AC108587" i="1"/>
  <c r="AC108588" i="1"/>
  <c r="AC108589" i="1"/>
  <c r="AC108590" i="1"/>
  <c r="AC108591" i="1"/>
  <c r="AC108592" i="1"/>
  <c r="AC108593" i="1"/>
  <c r="AC108594" i="1"/>
  <c r="AC108595" i="1"/>
  <c r="AC108596" i="1"/>
  <c r="AC108597" i="1"/>
  <c r="AC108598" i="1"/>
  <c r="AC108599" i="1"/>
  <c r="AC108600" i="1"/>
  <c r="AC108601" i="1"/>
  <c r="AC108602" i="1"/>
  <c r="AC108603" i="1"/>
  <c r="AC108604" i="1"/>
  <c r="AC108605" i="1"/>
  <c r="AC108606" i="1"/>
  <c r="AC108607" i="1"/>
  <c r="AC108608" i="1"/>
  <c r="AC108609" i="1"/>
  <c r="AC108610" i="1"/>
  <c r="AC108611" i="1"/>
  <c r="AC108612" i="1"/>
  <c r="AC108613" i="1"/>
  <c r="AC108614" i="1"/>
  <c r="AC108615" i="1"/>
  <c r="AC108616" i="1"/>
  <c r="AC108617" i="1"/>
  <c r="AC108618" i="1"/>
  <c r="AC108619" i="1"/>
  <c r="AC108620" i="1"/>
  <c r="AC108621" i="1"/>
  <c r="AC108622" i="1"/>
  <c r="AC108623" i="1"/>
  <c r="AC108624" i="1"/>
  <c r="AC108625" i="1"/>
  <c r="AC108626" i="1"/>
  <c r="AC108627" i="1"/>
  <c r="AC108628" i="1"/>
  <c r="AC108629" i="1"/>
  <c r="AC108630" i="1"/>
  <c r="AC108631" i="1"/>
  <c r="AC108632" i="1"/>
  <c r="AC108633" i="1"/>
  <c r="AC108634" i="1"/>
  <c r="AC108635" i="1"/>
  <c r="AC108636" i="1"/>
  <c r="AC108637" i="1"/>
  <c r="AC108638" i="1"/>
  <c r="AC108639" i="1"/>
  <c r="AC108640" i="1"/>
  <c r="AC108641" i="1"/>
  <c r="AC108642" i="1"/>
  <c r="AC108643" i="1"/>
  <c r="AC108644" i="1"/>
  <c r="AC108645" i="1"/>
  <c r="AC108646" i="1"/>
  <c r="AC108647" i="1"/>
  <c r="AC108648" i="1"/>
  <c r="AC108649" i="1"/>
  <c r="AC108650" i="1"/>
  <c r="AC108651" i="1"/>
  <c r="AC108652" i="1"/>
  <c r="AC108653" i="1"/>
  <c r="AC108654" i="1"/>
  <c r="AC108655" i="1"/>
  <c r="AC108656" i="1"/>
  <c r="AC108657" i="1"/>
  <c r="AC108658" i="1"/>
  <c r="AC108659" i="1"/>
  <c r="AC108660" i="1"/>
  <c r="AC108661" i="1"/>
  <c r="AC108662" i="1"/>
  <c r="AC108663" i="1"/>
  <c r="AC108664" i="1"/>
  <c r="AC108665" i="1"/>
  <c r="AC108666" i="1"/>
  <c r="AC108667" i="1"/>
  <c r="AC108668" i="1"/>
  <c r="AC108669" i="1"/>
  <c r="AC108670" i="1"/>
  <c r="AC108671" i="1"/>
  <c r="AC108672" i="1"/>
  <c r="AC108673" i="1"/>
  <c r="AC108674" i="1"/>
  <c r="AC108675" i="1"/>
  <c r="AC108676" i="1"/>
  <c r="AC108677" i="1"/>
  <c r="AC108678" i="1"/>
  <c r="AC108679" i="1"/>
  <c r="AC108680" i="1"/>
  <c r="AC108681" i="1"/>
  <c r="AC108682" i="1"/>
  <c r="AC108683" i="1"/>
  <c r="AC108684" i="1"/>
  <c r="AC108685" i="1"/>
  <c r="AC108686" i="1"/>
  <c r="AC108687" i="1"/>
  <c r="AC108688" i="1"/>
  <c r="AC108689" i="1"/>
  <c r="AC108690" i="1"/>
  <c r="AC108691" i="1"/>
  <c r="AC108692" i="1"/>
  <c r="AC108693" i="1"/>
  <c r="AC108694" i="1"/>
  <c r="AC108695" i="1"/>
  <c r="AC108696" i="1"/>
  <c r="AC108697" i="1"/>
  <c r="AC108698" i="1"/>
  <c r="AC108699" i="1"/>
  <c r="AC108700" i="1"/>
  <c r="AC108701" i="1"/>
  <c r="AC108702" i="1"/>
  <c r="AC108703" i="1"/>
  <c r="AC108704" i="1"/>
  <c r="AC108705" i="1"/>
  <c r="AC108706" i="1"/>
  <c r="AC108707" i="1"/>
  <c r="AC108708" i="1"/>
  <c r="AC108709" i="1"/>
  <c r="AC108710" i="1"/>
  <c r="AC108711" i="1"/>
  <c r="AC108712" i="1"/>
  <c r="AC108713" i="1"/>
  <c r="AC108714" i="1"/>
  <c r="AC108715" i="1"/>
  <c r="AC108716" i="1"/>
  <c r="AC108717" i="1"/>
  <c r="AC108718" i="1"/>
  <c r="AC108719" i="1"/>
  <c r="AC108720" i="1"/>
  <c r="AC108721" i="1"/>
  <c r="AC108722" i="1"/>
  <c r="AC108723" i="1"/>
  <c r="AC108724" i="1"/>
  <c r="AC108725" i="1"/>
  <c r="AC108726" i="1"/>
  <c r="AC108727" i="1"/>
  <c r="AC108728" i="1"/>
  <c r="AC108729" i="1"/>
  <c r="AC108730" i="1"/>
  <c r="AC108731" i="1"/>
  <c r="AC108732" i="1"/>
  <c r="AC108733" i="1"/>
  <c r="AC108734" i="1"/>
  <c r="AC108735" i="1"/>
  <c r="AC108736" i="1"/>
  <c r="AC108737" i="1"/>
  <c r="AC108738" i="1"/>
  <c r="AC108739" i="1"/>
  <c r="AC108740" i="1"/>
  <c r="AC108741" i="1"/>
  <c r="AC108742" i="1"/>
  <c r="AC108743" i="1"/>
  <c r="AC108744" i="1"/>
  <c r="AC108745" i="1"/>
  <c r="AC108746" i="1"/>
  <c r="AC108747" i="1"/>
  <c r="AC108748" i="1"/>
  <c r="AC108749" i="1"/>
  <c r="AC108750" i="1"/>
  <c r="AC108751" i="1"/>
  <c r="AC108752" i="1"/>
  <c r="AC108753" i="1"/>
  <c r="AC108754" i="1"/>
  <c r="AC108755" i="1"/>
  <c r="AC108756" i="1"/>
  <c r="AC108757" i="1"/>
  <c r="AC108758" i="1"/>
  <c r="AC108759" i="1"/>
  <c r="AC108760" i="1"/>
  <c r="AC108761" i="1"/>
  <c r="AC108762" i="1"/>
  <c r="AC108763" i="1"/>
  <c r="AC108764" i="1"/>
  <c r="AC108765" i="1"/>
  <c r="AC108766" i="1"/>
  <c r="AC108767" i="1"/>
  <c r="AC108768" i="1"/>
  <c r="AC108769" i="1"/>
  <c r="AC108770" i="1"/>
  <c r="AC108771" i="1"/>
  <c r="AC108772" i="1"/>
  <c r="AC108773" i="1"/>
  <c r="AC108774" i="1"/>
  <c r="AC108775" i="1"/>
  <c r="AC108776" i="1"/>
  <c r="AC108777" i="1"/>
  <c r="AC108778" i="1"/>
  <c r="AC108779" i="1"/>
  <c r="AC108780" i="1"/>
  <c r="AC108781" i="1"/>
  <c r="AC108782" i="1"/>
  <c r="AC108783" i="1"/>
  <c r="AC108784" i="1"/>
  <c r="AC108785" i="1"/>
  <c r="AC108786" i="1"/>
  <c r="AC108787" i="1"/>
  <c r="AC108788" i="1"/>
  <c r="AC108789" i="1"/>
  <c r="AC108790" i="1"/>
  <c r="AC108791" i="1"/>
  <c r="AC108792" i="1"/>
  <c r="AC108793" i="1"/>
  <c r="AC108794" i="1"/>
  <c r="AC108795" i="1"/>
  <c r="AC108796" i="1"/>
  <c r="AC108797" i="1"/>
  <c r="AC108798" i="1"/>
  <c r="AC108799" i="1"/>
  <c r="AC108800" i="1"/>
  <c r="AC108801" i="1"/>
  <c r="AC108802" i="1"/>
  <c r="AC108803" i="1"/>
  <c r="AC108804" i="1"/>
  <c r="AC108805" i="1"/>
  <c r="AC108806" i="1"/>
  <c r="AC108807" i="1"/>
  <c r="AC108808" i="1"/>
  <c r="AC108809" i="1"/>
  <c r="AC108810" i="1"/>
  <c r="AC108811" i="1"/>
  <c r="AC108812" i="1"/>
  <c r="AC108813" i="1"/>
  <c r="AC108814" i="1"/>
  <c r="AC108815" i="1"/>
  <c r="AC108816" i="1"/>
  <c r="AC108817" i="1"/>
  <c r="AC108818" i="1"/>
  <c r="AC108819" i="1"/>
  <c r="AC108820" i="1"/>
  <c r="AC108821" i="1"/>
  <c r="AC108822" i="1"/>
  <c r="AC108823" i="1"/>
  <c r="AC108824" i="1"/>
  <c r="AC108825" i="1"/>
  <c r="AC108826" i="1"/>
  <c r="AC108827" i="1"/>
  <c r="AC108828" i="1"/>
  <c r="AC108829" i="1"/>
  <c r="AC108830" i="1"/>
  <c r="AC108831" i="1"/>
  <c r="AC108832" i="1"/>
  <c r="AC108833" i="1"/>
  <c r="AC108834" i="1"/>
  <c r="AC108835" i="1"/>
  <c r="AC108836" i="1"/>
  <c r="AC108837" i="1"/>
  <c r="AC108838" i="1"/>
  <c r="AC108839" i="1"/>
  <c r="AC108840" i="1"/>
  <c r="AC108841" i="1"/>
  <c r="AC108842" i="1"/>
  <c r="AC108843" i="1"/>
  <c r="AC108844" i="1"/>
  <c r="AC108845" i="1"/>
  <c r="AC108846" i="1"/>
  <c r="AC108847" i="1"/>
  <c r="AC108848" i="1"/>
  <c r="AC108849" i="1"/>
  <c r="AC108850" i="1"/>
  <c r="AC108851" i="1"/>
  <c r="AC108852" i="1"/>
  <c r="AC108853" i="1"/>
  <c r="AC108854" i="1"/>
  <c r="AC108855" i="1"/>
  <c r="AC108856" i="1"/>
  <c r="AC108857" i="1"/>
  <c r="AC108858" i="1"/>
  <c r="AC108859" i="1"/>
  <c r="AC108860" i="1"/>
  <c r="AC108861" i="1"/>
  <c r="AC108862" i="1"/>
  <c r="AC108863" i="1"/>
  <c r="AC108864" i="1"/>
  <c r="AC108865" i="1"/>
  <c r="AC108866" i="1"/>
  <c r="AC108867" i="1"/>
  <c r="AC108868" i="1"/>
  <c r="AC108869" i="1"/>
  <c r="AC108870" i="1"/>
  <c r="AC108871" i="1"/>
  <c r="AC108872" i="1"/>
  <c r="AC108873" i="1"/>
  <c r="AC108874" i="1"/>
  <c r="AC108875" i="1"/>
  <c r="AC108876" i="1"/>
  <c r="AC108877" i="1"/>
  <c r="AC108878" i="1"/>
  <c r="AC108879" i="1"/>
  <c r="AC108880" i="1"/>
  <c r="AC108881" i="1"/>
  <c r="AC108882" i="1"/>
  <c r="AC108883" i="1"/>
  <c r="AC108884" i="1"/>
  <c r="AC108885" i="1"/>
  <c r="AC108886" i="1"/>
  <c r="AC108887" i="1"/>
  <c r="AC108888" i="1"/>
  <c r="AC108889" i="1"/>
  <c r="AC108890" i="1"/>
  <c r="AC108891" i="1"/>
  <c r="AC108892" i="1"/>
  <c r="AC108893" i="1"/>
  <c r="AC108894" i="1"/>
  <c r="AC108895" i="1"/>
  <c r="AC108896" i="1"/>
  <c r="AC108897" i="1"/>
  <c r="AC108898" i="1"/>
  <c r="AC108899" i="1"/>
  <c r="AC108900" i="1"/>
  <c r="AC108901" i="1"/>
  <c r="AC108902" i="1"/>
  <c r="AC108903" i="1"/>
  <c r="AC108904" i="1"/>
  <c r="AC108905" i="1"/>
  <c r="AC108906" i="1"/>
  <c r="AC108907" i="1"/>
  <c r="AC108908" i="1"/>
  <c r="AC108909" i="1"/>
  <c r="AC108910" i="1"/>
  <c r="AC108911" i="1"/>
  <c r="AC108912" i="1"/>
  <c r="AC108913" i="1"/>
  <c r="AC108914" i="1"/>
  <c r="AC108915" i="1"/>
  <c r="AC108916" i="1"/>
  <c r="AC108917" i="1"/>
  <c r="AC108918" i="1"/>
  <c r="AC108919" i="1"/>
  <c r="AC108920" i="1"/>
  <c r="AC108921" i="1"/>
  <c r="AC108922" i="1"/>
  <c r="AC108923" i="1"/>
  <c r="AC108924" i="1"/>
  <c r="AC108925" i="1"/>
  <c r="AC108926" i="1"/>
  <c r="AC108927" i="1"/>
  <c r="AC108928" i="1"/>
  <c r="AC108929" i="1"/>
  <c r="AC108930" i="1"/>
  <c r="AC108931" i="1"/>
  <c r="AC108932" i="1"/>
  <c r="AC108933" i="1"/>
  <c r="AC108934" i="1"/>
  <c r="AC108935" i="1"/>
  <c r="AC108936" i="1"/>
  <c r="AC108937" i="1"/>
  <c r="AC108938" i="1"/>
  <c r="AC108939" i="1"/>
  <c r="AC108940" i="1"/>
  <c r="AC108941" i="1"/>
  <c r="AC108942" i="1"/>
  <c r="AC108943" i="1"/>
  <c r="AC108944" i="1"/>
  <c r="AC108945" i="1"/>
  <c r="AC108946" i="1"/>
  <c r="AC108947" i="1"/>
  <c r="AC108948" i="1"/>
  <c r="AC108949" i="1"/>
  <c r="AC108950" i="1"/>
  <c r="AC108951" i="1"/>
  <c r="AC108952" i="1"/>
  <c r="AC108953" i="1"/>
  <c r="AC108954" i="1"/>
  <c r="AC108955" i="1"/>
  <c r="AC108956" i="1"/>
  <c r="AC108957" i="1"/>
  <c r="AC108958" i="1"/>
  <c r="AC108959" i="1"/>
  <c r="AC108960" i="1"/>
  <c r="AC108961" i="1"/>
  <c r="AC108962" i="1"/>
  <c r="AC108963" i="1"/>
  <c r="AC108964" i="1"/>
  <c r="AC108965" i="1"/>
  <c r="AC108966" i="1"/>
  <c r="AC108967" i="1"/>
  <c r="AC108968" i="1"/>
  <c r="AC108969" i="1"/>
  <c r="AC108970" i="1"/>
  <c r="AC108971" i="1"/>
  <c r="AC108972" i="1"/>
  <c r="AC108973" i="1"/>
  <c r="AC108974" i="1"/>
  <c r="AC108975" i="1"/>
  <c r="AC108976" i="1"/>
  <c r="AC108977" i="1"/>
  <c r="AC108978" i="1"/>
  <c r="AC108979" i="1"/>
  <c r="AC108980" i="1"/>
  <c r="AC108981" i="1"/>
  <c r="AC108982" i="1"/>
  <c r="AC108983" i="1"/>
  <c r="AC108984" i="1"/>
  <c r="AC108985" i="1"/>
  <c r="AC108986" i="1"/>
  <c r="AC108987" i="1"/>
  <c r="AC108988" i="1"/>
  <c r="AC108989" i="1"/>
  <c r="AC108990" i="1"/>
  <c r="AC108991" i="1"/>
  <c r="AC108992" i="1"/>
  <c r="AC108993" i="1"/>
  <c r="AC108994" i="1"/>
  <c r="AC108995" i="1"/>
  <c r="AC108996" i="1"/>
  <c r="AC108997" i="1"/>
  <c r="AC108998" i="1"/>
  <c r="AC108999" i="1"/>
  <c r="AC109000" i="1"/>
  <c r="AC109001" i="1"/>
  <c r="AC109002" i="1"/>
  <c r="AC109003" i="1"/>
  <c r="AC109004" i="1"/>
  <c r="AC109005" i="1"/>
  <c r="AC109006" i="1"/>
  <c r="AC109007" i="1"/>
  <c r="AC109008" i="1"/>
  <c r="AC109009" i="1"/>
  <c r="AC109010" i="1"/>
  <c r="AC109011" i="1"/>
  <c r="AC109012" i="1"/>
  <c r="AC109013" i="1"/>
  <c r="AC109014" i="1"/>
  <c r="AC109015" i="1"/>
  <c r="AC109016" i="1"/>
  <c r="AC109017" i="1"/>
  <c r="AC109018" i="1"/>
  <c r="AC109019" i="1"/>
  <c r="AC109020" i="1"/>
  <c r="AC109021" i="1"/>
  <c r="AC109022" i="1"/>
  <c r="AC109023" i="1"/>
  <c r="AC109024" i="1"/>
  <c r="AC109025" i="1"/>
  <c r="AC109026" i="1"/>
  <c r="AC109027" i="1"/>
  <c r="AC109028" i="1"/>
  <c r="AC109029" i="1"/>
  <c r="AC109030" i="1"/>
  <c r="AC109031" i="1"/>
  <c r="AC109032" i="1"/>
  <c r="AC109033" i="1"/>
  <c r="AC109034" i="1"/>
  <c r="AC109035" i="1"/>
  <c r="AC109036" i="1"/>
  <c r="AC109037" i="1"/>
  <c r="AC109038" i="1"/>
  <c r="AC109039" i="1"/>
  <c r="AC109040" i="1"/>
  <c r="AC109041" i="1"/>
  <c r="AC109042" i="1"/>
  <c r="AC109043" i="1"/>
  <c r="AC109044" i="1"/>
  <c r="AC109045" i="1"/>
  <c r="AC109046" i="1"/>
  <c r="AC109047" i="1"/>
  <c r="AC109048" i="1"/>
  <c r="AC109049" i="1"/>
  <c r="AC109050" i="1"/>
  <c r="AC109051" i="1"/>
  <c r="AC109052" i="1"/>
  <c r="AC109053" i="1"/>
  <c r="AC109054" i="1"/>
  <c r="AC109055" i="1"/>
  <c r="AC109056" i="1"/>
  <c r="AC109057" i="1"/>
  <c r="AC109058" i="1"/>
  <c r="AC109059" i="1"/>
  <c r="AC109060" i="1"/>
  <c r="AC109061" i="1"/>
  <c r="AC109062" i="1"/>
  <c r="AC109063" i="1"/>
  <c r="AC109064" i="1"/>
  <c r="AC109065" i="1"/>
  <c r="AC109066" i="1"/>
  <c r="AC109067" i="1"/>
  <c r="AC109068" i="1"/>
  <c r="AC109069" i="1"/>
  <c r="AC109070" i="1"/>
  <c r="AC109071" i="1"/>
  <c r="AC109072" i="1"/>
  <c r="AC109073" i="1"/>
  <c r="AC109074" i="1"/>
  <c r="AC109075" i="1"/>
  <c r="AC109076" i="1"/>
  <c r="AC109077" i="1"/>
  <c r="AC109078" i="1"/>
  <c r="AC109079" i="1"/>
  <c r="AC109080" i="1"/>
  <c r="AC109081" i="1"/>
  <c r="AC109082" i="1"/>
  <c r="AC109083" i="1"/>
  <c r="AC109084" i="1"/>
  <c r="AC109085" i="1"/>
  <c r="AC109086" i="1"/>
  <c r="AC109087" i="1"/>
  <c r="AC109088" i="1"/>
  <c r="AC109089" i="1"/>
  <c r="AC109090" i="1"/>
  <c r="AC109091" i="1"/>
  <c r="AC109092" i="1"/>
  <c r="AC109093" i="1"/>
  <c r="AC109094" i="1"/>
  <c r="AC109095" i="1"/>
  <c r="AC109096" i="1"/>
  <c r="AC109097" i="1"/>
  <c r="AC109098" i="1"/>
  <c r="AC109099" i="1"/>
  <c r="AC109100" i="1"/>
  <c r="AC109101" i="1"/>
  <c r="AC109102" i="1"/>
  <c r="AC109103" i="1"/>
  <c r="AC109104" i="1"/>
  <c r="AC109105" i="1"/>
  <c r="AC109106" i="1"/>
  <c r="AC109107" i="1"/>
  <c r="AC109108" i="1"/>
  <c r="AC109109" i="1"/>
  <c r="AC109110" i="1"/>
  <c r="AC109111" i="1"/>
  <c r="AC109112" i="1"/>
  <c r="AC109113" i="1"/>
  <c r="AC109114" i="1"/>
  <c r="AC109115" i="1"/>
  <c r="AC109116" i="1"/>
  <c r="AC109117" i="1"/>
  <c r="AC109118" i="1"/>
  <c r="AC109119" i="1"/>
  <c r="AC109120" i="1"/>
  <c r="AC109121" i="1"/>
  <c r="AC109122" i="1"/>
  <c r="AC109123" i="1"/>
  <c r="AC109124" i="1"/>
  <c r="AC109125" i="1"/>
  <c r="AC109126" i="1"/>
  <c r="AC109127" i="1"/>
  <c r="AC109128" i="1"/>
  <c r="AC109129" i="1"/>
  <c r="AC109130" i="1"/>
  <c r="AC109131" i="1"/>
  <c r="AC109132" i="1"/>
  <c r="AC109133" i="1"/>
  <c r="AC109134" i="1"/>
  <c r="AC109135" i="1"/>
  <c r="AC109136" i="1"/>
  <c r="AC109137" i="1"/>
  <c r="AC109138" i="1"/>
  <c r="AC109139" i="1"/>
  <c r="AC109140" i="1"/>
  <c r="AC109141" i="1"/>
  <c r="AC109142" i="1"/>
  <c r="AC109143" i="1"/>
  <c r="AC109144" i="1"/>
  <c r="AC109145" i="1"/>
  <c r="AC109146" i="1"/>
  <c r="AC109147" i="1"/>
  <c r="AC109148" i="1"/>
  <c r="AC109149" i="1"/>
  <c r="AC109150" i="1"/>
  <c r="AC109151" i="1"/>
  <c r="AC109152" i="1"/>
  <c r="AC109153" i="1"/>
  <c r="AC109154" i="1"/>
  <c r="AC109155" i="1"/>
  <c r="AC109156" i="1"/>
  <c r="AC109157" i="1"/>
  <c r="AC109158" i="1"/>
  <c r="AC109159" i="1"/>
  <c r="AC109160" i="1"/>
  <c r="AC109161" i="1"/>
  <c r="AC109162" i="1"/>
  <c r="AC109163" i="1"/>
  <c r="AC109164" i="1"/>
  <c r="AC109165" i="1"/>
  <c r="AC109166" i="1"/>
  <c r="AC109167" i="1"/>
  <c r="AC109168" i="1"/>
  <c r="AC109169" i="1"/>
  <c r="AC109170" i="1"/>
  <c r="AC109171" i="1"/>
  <c r="AC109172" i="1"/>
  <c r="AC109173" i="1"/>
  <c r="AC109174" i="1"/>
  <c r="AC109175" i="1"/>
  <c r="AC109176" i="1"/>
  <c r="AC109177" i="1"/>
  <c r="AC109178" i="1"/>
  <c r="AC109179" i="1"/>
  <c r="AC109180" i="1"/>
  <c r="AC109181" i="1"/>
  <c r="AC109182" i="1"/>
  <c r="AC109183" i="1"/>
  <c r="AC109184" i="1"/>
  <c r="AC109185" i="1"/>
  <c r="AC109186" i="1"/>
  <c r="AC109187" i="1"/>
  <c r="AC109188" i="1"/>
  <c r="AC109189" i="1"/>
  <c r="AC109190" i="1"/>
  <c r="AC109191" i="1"/>
  <c r="AC109192" i="1"/>
  <c r="AC109193" i="1"/>
  <c r="AC109194" i="1"/>
  <c r="AC109195" i="1"/>
  <c r="AC109196" i="1"/>
  <c r="AC109197" i="1"/>
  <c r="AC109198" i="1"/>
  <c r="AC109199" i="1"/>
  <c r="AC109200" i="1"/>
  <c r="AC109201" i="1"/>
  <c r="AC109202" i="1"/>
  <c r="AC109203" i="1"/>
  <c r="AC109204" i="1"/>
  <c r="AC109205" i="1"/>
  <c r="AC109206" i="1"/>
  <c r="AC109207" i="1"/>
  <c r="AC109208" i="1"/>
  <c r="AC109209" i="1"/>
  <c r="AC109210" i="1"/>
  <c r="AC109211" i="1"/>
  <c r="AC109212" i="1"/>
  <c r="AC109213" i="1"/>
  <c r="AC109214" i="1"/>
  <c r="AC109215" i="1"/>
  <c r="AC109216" i="1"/>
  <c r="AC109217" i="1"/>
  <c r="AC109218" i="1"/>
  <c r="AC109219" i="1"/>
  <c r="AC109220" i="1"/>
  <c r="AC109221" i="1"/>
  <c r="AC109222" i="1"/>
  <c r="AC109223" i="1"/>
  <c r="AC109224" i="1"/>
  <c r="AC109225" i="1"/>
  <c r="AC109226" i="1"/>
  <c r="AC109227" i="1"/>
  <c r="AC109228" i="1"/>
  <c r="AC109229" i="1"/>
  <c r="AC109230" i="1"/>
  <c r="AC109231" i="1"/>
  <c r="AC109232" i="1"/>
  <c r="AC109233" i="1"/>
  <c r="AC109234" i="1"/>
  <c r="AC109235" i="1"/>
  <c r="AC109236" i="1"/>
  <c r="AC109237" i="1"/>
  <c r="AC109238" i="1"/>
  <c r="AC109239" i="1"/>
  <c r="AC109240" i="1"/>
  <c r="AC109241" i="1"/>
  <c r="AC109242" i="1"/>
  <c r="AC109243" i="1"/>
  <c r="AC109244" i="1"/>
  <c r="AC109245" i="1"/>
  <c r="AC109246" i="1"/>
  <c r="AC109247" i="1"/>
  <c r="AC109248" i="1"/>
  <c r="AC109249" i="1"/>
  <c r="AC109250" i="1"/>
  <c r="AC109251" i="1"/>
  <c r="AC109252" i="1"/>
  <c r="AC109253" i="1"/>
  <c r="AC109254" i="1"/>
  <c r="AC109255" i="1"/>
  <c r="AC109256" i="1"/>
  <c r="AC109257" i="1"/>
  <c r="AC109258" i="1"/>
  <c r="AC109259" i="1"/>
  <c r="AC109260" i="1"/>
  <c r="AC109261" i="1"/>
  <c r="AC109262" i="1"/>
  <c r="AC109263" i="1"/>
  <c r="AC109264" i="1"/>
  <c r="AC109265" i="1"/>
  <c r="AC109266" i="1"/>
  <c r="AC109267" i="1"/>
  <c r="AC109268" i="1"/>
  <c r="AC109269" i="1"/>
  <c r="AC109270" i="1"/>
  <c r="AC109271" i="1"/>
  <c r="AC109272" i="1"/>
  <c r="AC109273" i="1"/>
  <c r="AC109274" i="1"/>
  <c r="AC109275" i="1"/>
  <c r="AC109276" i="1"/>
  <c r="AC109277" i="1"/>
  <c r="AC109278" i="1"/>
  <c r="AC109279" i="1"/>
  <c r="AC109280" i="1"/>
  <c r="AC109281" i="1"/>
  <c r="AC109282" i="1"/>
  <c r="AC109283" i="1"/>
  <c r="AC109284" i="1"/>
  <c r="AC109285" i="1"/>
  <c r="AC109286" i="1"/>
  <c r="AC109287" i="1"/>
  <c r="AC109288" i="1"/>
  <c r="AC109289" i="1"/>
  <c r="AC109290" i="1"/>
  <c r="AC109291" i="1"/>
  <c r="AC109292" i="1"/>
  <c r="AC109293" i="1"/>
  <c r="AC109294" i="1"/>
  <c r="AC109295" i="1"/>
  <c r="AC109296" i="1"/>
  <c r="AC109297" i="1"/>
  <c r="AC109298" i="1"/>
  <c r="AC109299" i="1"/>
  <c r="AC109300" i="1"/>
  <c r="AC109301" i="1"/>
  <c r="AC109302" i="1"/>
  <c r="AC109303" i="1"/>
  <c r="AC109304" i="1"/>
  <c r="AC109305" i="1"/>
  <c r="AC109306" i="1"/>
  <c r="AC109307" i="1"/>
  <c r="AC109308" i="1"/>
  <c r="AC109309" i="1"/>
  <c r="AC109310" i="1"/>
  <c r="AC109311" i="1"/>
  <c r="AC109312" i="1"/>
  <c r="AC109313" i="1"/>
  <c r="AC109314" i="1"/>
  <c r="AC109315" i="1"/>
  <c r="AC109316" i="1"/>
  <c r="AC109317" i="1"/>
  <c r="AC109318" i="1"/>
  <c r="AC109319" i="1"/>
  <c r="AC109320" i="1"/>
  <c r="AC109321" i="1"/>
  <c r="AC109322" i="1"/>
  <c r="AC109323" i="1"/>
  <c r="AC109324" i="1"/>
  <c r="AC109325" i="1"/>
  <c r="AC109326" i="1"/>
  <c r="AC109327" i="1"/>
  <c r="AC109328" i="1"/>
  <c r="AC109329" i="1"/>
  <c r="AC109330" i="1"/>
  <c r="AC109331" i="1"/>
  <c r="AC109332" i="1"/>
  <c r="AC109333" i="1"/>
  <c r="AC109334" i="1"/>
  <c r="AC109335" i="1"/>
  <c r="AC109336" i="1"/>
  <c r="AC109337" i="1"/>
  <c r="AC109338" i="1"/>
  <c r="AC109339" i="1"/>
  <c r="AC109340" i="1"/>
  <c r="AC109341" i="1"/>
  <c r="AC109342" i="1"/>
  <c r="AC109343" i="1"/>
  <c r="AC109344" i="1"/>
  <c r="AC109345" i="1"/>
  <c r="AC109346" i="1"/>
  <c r="AC109347" i="1"/>
  <c r="AC109348" i="1"/>
  <c r="AC109349" i="1"/>
  <c r="AC109350" i="1"/>
  <c r="AC109351" i="1"/>
  <c r="AC109352" i="1"/>
  <c r="AC109353" i="1"/>
  <c r="AC109354" i="1"/>
  <c r="AC109355" i="1"/>
  <c r="AC109356" i="1"/>
  <c r="AC109357" i="1"/>
  <c r="AC109358" i="1"/>
  <c r="AC109359" i="1"/>
  <c r="AC109360" i="1"/>
  <c r="AC109361" i="1"/>
  <c r="AC109362" i="1"/>
  <c r="AC109363" i="1"/>
  <c r="AC109364" i="1"/>
  <c r="AC109365" i="1"/>
  <c r="AC109366" i="1"/>
  <c r="AC109367" i="1"/>
  <c r="AC109368" i="1"/>
  <c r="AC109369" i="1"/>
  <c r="AC109370" i="1"/>
  <c r="AC109371" i="1"/>
  <c r="AC109372" i="1"/>
  <c r="AC109373" i="1"/>
  <c r="AC109374" i="1"/>
  <c r="AC109375" i="1"/>
  <c r="AC109376" i="1"/>
  <c r="AC109377" i="1"/>
  <c r="AC109378" i="1"/>
  <c r="AC109379" i="1"/>
  <c r="AC109380" i="1"/>
  <c r="AC109381" i="1"/>
  <c r="AC109382" i="1"/>
  <c r="AC109383" i="1"/>
  <c r="AC109384" i="1"/>
  <c r="AC109385" i="1"/>
  <c r="AC109386" i="1"/>
  <c r="AC109387" i="1"/>
  <c r="AC109388" i="1"/>
  <c r="AC109389" i="1"/>
  <c r="AC109390" i="1"/>
  <c r="AC109391" i="1"/>
  <c r="AC109392" i="1"/>
  <c r="AC109393" i="1"/>
  <c r="AC109394" i="1"/>
  <c r="AC109395" i="1"/>
  <c r="AC109396" i="1"/>
  <c r="AC109397" i="1"/>
  <c r="AC109398" i="1"/>
  <c r="AC109399" i="1"/>
  <c r="AC109400" i="1"/>
  <c r="AC109401" i="1"/>
  <c r="AC109402" i="1"/>
  <c r="AC109403" i="1"/>
  <c r="AC109404" i="1"/>
  <c r="AC109405" i="1"/>
  <c r="AC109406" i="1"/>
  <c r="AC109407" i="1"/>
  <c r="AC109408" i="1"/>
  <c r="AC109409" i="1"/>
  <c r="AC109410" i="1"/>
  <c r="AC109411" i="1"/>
  <c r="AC109412" i="1"/>
  <c r="AC109413" i="1"/>
  <c r="AC109414" i="1"/>
  <c r="AC109415" i="1"/>
  <c r="AC109416" i="1"/>
  <c r="AC109417" i="1"/>
  <c r="AC109418" i="1"/>
  <c r="AC109419" i="1"/>
  <c r="AC109420" i="1"/>
  <c r="AC109421" i="1"/>
  <c r="AC109422" i="1"/>
  <c r="AC109423" i="1"/>
  <c r="AC109424" i="1"/>
  <c r="AC109425" i="1"/>
  <c r="AC109426" i="1"/>
  <c r="AC109427" i="1"/>
  <c r="AC109428" i="1"/>
  <c r="AC109429" i="1"/>
  <c r="AC109430" i="1"/>
  <c r="AC109431" i="1"/>
  <c r="AC109432" i="1"/>
  <c r="AC109433" i="1"/>
  <c r="AC109434" i="1"/>
  <c r="AC109435" i="1"/>
  <c r="AC109436" i="1"/>
  <c r="AC109437" i="1"/>
  <c r="AC109438" i="1"/>
  <c r="AC109439" i="1"/>
  <c r="AC109440" i="1"/>
  <c r="AC109441" i="1"/>
  <c r="AC109442" i="1"/>
  <c r="AC109443" i="1"/>
  <c r="AC109444" i="1"/>
  <c r="AC109445" i="1"/>
  <c r="AC109446" i="1"/>
  <c r="AC109447" i="1"/>
  <c r="AC109448" i="1"/>
  <c r="AC109449" i="1"/>
  <c r="AC109450" i="1"/>
  <c r="AC109451" i="1"/>
  <c r="AC109452" i="1"/>
  <c r="AC109453" i="1"/>
  <c r="AC109454" i="1"/>
  <c r="AC109455" i="1"/>
  <c r="AC109456" i="1"/>
  <c r="AC109457" i="1"/>
  <c r="AC109458" i="1"/>
  <c r="AC109459" i="1"/>
  <c r="AC109460" i="1"/>
  <c r="AC109461" i="1"/>
  <c r="AC109462" i="1"/>
  <c r="AC109463" i="1"/>
  <c r="AC109464" i="1"/>
  <c r="AC109465" i="1"/>
  <c r="AC109466" i="1"/>
  <c r="AC109467" i="1"/>
  <c r="AC109468" i="1"/>
  <c r="AC109469" i="1"/>
  <c r="AC109470" i="1"/>
  <c r="AC109471" i="1"/>
  <c r="AC109472" i="1"/>
  <c r="AC109473" i="1"/>
  <c r="AC109474" i="1"/>
  <c r="AC109475" i="1"/>
  <c r="AC109476" i="1"/>
  <c r="AC109477" i="1"/>
  <c r="AC109478" i="1"/>
  <c r="AC109479" i="1"/>
  <c r="AC109480" i="1"/>
  <c r="AC109481" i="1"/>
  <c r="AC109482" i="1"/>
  <c r="AC109483" i="1"/>
  <c r="AC109484" i="1"/>
  <c r="AC109485" i="1"/>
  <c r="AC109486" i="1"/>
  <c r="AC109487" i="1"/>
  <c r="AC109488" i="1"/>
  <c r="AC109489" i="1"/>
  <c r="AC109490" i="1"/>
  <c r="AC109491" i="1"/>
  <c r="AC109492" i="1"/>
  <c r="AC109493" i="1"/>
  <c r="AC109494" i="1"/>
  <c r="AC109495" i="1"/>
  <c r="AC109496" i="1"/>
  <c r="AC109497" i="1"/>
  <c r="AC109498" i="1"/>
  <c r="AC109499" i="1"/>
  <c r="AC109500" i="1"/>
  <c r="AC109501" i="1"/>
  <c r="AC109502" i="1"/>
  <c r="AC109503" i="1"/>
  <c r="AC109504" i="1"/>
  <c r="AC109505" i="1"/>
  <c r="AC109506" i="1"/>
  <c r="AC109507" i="1"/>
  <c r="AC109508" i="1"/>
  <c r="AC109509" i="1"/>
  <c r="AC109510" i="1"/>
  <c r="AC109511" i="1"/>
  <c r="AC109512" i="1"/>
  <c r="AC109513" i="1"/>
  <c r="AC109514" i="1"/>
  <c r="AC109515" i="1"/>
  <c r="AC109516" i="1"/>
  <c r="AC109517" i="1"/>
  <c r="AC109518" i="1"/>
  <c r="AC109519" i="1"/>
  <c r="AC109520" i="1"/>
  <c r="AC109521" i="1"/>
  <c r="AC109522" i="1"/>
  <c r="AC109523" i="1"/>
  <c r="AC109524" i="1"/>
  <c r="AC109525" i="1"/>
  <c r="AC109526" i="1"/>
  <c r="AC109527" i="1"/>
  <c r="AC109528" i="1"/>
  <c r="AC109529" i="1"/>
  <c r="AC109530" i="1"/>
  <c r="AC109531" i="1"/>
  <c r="AC109532" i="1"/>
  <c r="AC109533" i="1"/>
  <c r="AC109534" i="1"/>
  <c r="AC109535" i="1"/>
  <c r="AC109536" i="1"/>
  <c r="AC109537" i="1"/>
  <c r="AC109538" i="1"/>
  <c r="AC109539" i="1"/>
  <c r="AC109540" i="1"/>
  <c r="AC109541" i="1"/>
  <c r="AC109542" i="1"/>
  <c r="AC109543" i="1"/>
  <c r="AC109544" i="1"/>
  <c r="AC109545" i="1"/>
  <c r="AC109546" i="1"/>
  <c r="AC109547" i="1"/>
  <c r="AC109548" i="1"/>
  <c r="AC109549" i="1"/>
  <c r="AC109550" i="1"/>
  <c r="AC109551" i="1"/>
  <c r="AC109552" i="1"/>
  <c r="AC109553" i="1"/>
  <c r="AC109554" i="1"/>
  <c r="AC109555" i="1"/>
  <c r="AC109556" i="1"/>
  <c r="AC109557" i="1"/>
  <c r="AC109558" i="1"/>
  <c r="AC109559" i="1"/>
  <c r="AC109560" i="1"/>
  <c r="AC109561" i="1"/>
  <c r="AC109562" i="1"/>
  <c r="AC109563" i="1"/>
  <c r="AC109564" i="1"/>
  <c r="AC109565" i="1"/>
  <c r="AC109566" i="1"/>
  <c r="AC109567" i="1"/>
  <c r="AC109568" i="1"/>
  <c r="AC109569" i="1"/>
  <c r="AC109570" i="1"/>
  <c r="AC109571" i="1"/>
  <c r="AC109572" i="1"/>
  <c r="AC109573" i="1"/>
  <c r="AC109574" i="1"/>
  <c r="AC109575" i="1"/>
  <c r="AC109576" i="1"/>
  <c r="AC109577" i="1"/>
  <c r="AC109578" i="1"/>
  <c r="AC109579" i="1"/>
  <c r="AC109580" i="1"/>
  <c r="AC109581" i="1"/>
  <c r="AC109582" i="1"/>
  <c r="AC109583" i="1"/>
  <c r="AC109584" i="1"/>
  <c r="AC109585" i="1"/>
  <c r="AC109586" i="1"/>
  <c r="AC109587" i="1"/>
  <c r="AC109588" i="1"/>
  <c r="AC109589" i="1"/>
  <c r="AC109590" i="1"/>
  <c r="AC109591" i="1"/>
  <c r="AC109592" i="1"/>
  <c r="AC109593" i="1"/>
  <c r="AC109594" i="1"/>
  <c r="AC109595" i="1"/>
  <c r="AC109596" i="1"/>
  <c r="AC109597" i="1"/>
  <c r="AC109598" i="1"/>
  <c r="AC109599" i="1"/>
  <c r="AC109600" i="1"/>
  <c r="AC109601" i="1"/>
  <c r="AC109602" i="1"/>
  <c r="AC109603" i="1"/>
  <c r="AC109604" i="1"/>
  <c r="AC109605" i="1"/>
  <c r="AC109606" i="1"/>
  <c r="AC109607" i="1"/>
  <c r="AC109608" i="1"/>
  <c r="AC109609" i="1"/>
  <c r="AC109610" i="1"/>
  <c r="AC109611" i="1"/>
  <c r="AC109612" i="1"/>
  <c r="AC109613" i="1"/>
  <c r="AC109614" i="1"/>
  <c r="AC109615" i="1"/>
  <c r="AC109616" i="1"/>
  <c r="AC109617" i="1"/>
  <c r="AC109618" i="1"/>
  <c r="AC109619" i="1"/>
  <c r="AC109620" i="1"/>
  <c r="AC109621" i="1"/>
  <c r="AC109622" i="1"/>
  <c r="AC109623" i="1"/>
  <c r="AC109624" i="1"/>
  <c r="AC109625" i="1"/>
  <c r="AC109626" i="1"/>
  <c r="AC109627" i="1"/>
  <c r="AC109628" i="1"/>
  <c r="AC109629" i="1"/>
  <c r="AC109630" i="1"/>
  <c r="AC109631" i="1"/>
  <c r="AC109632" i="1"/>
  <c r="AC109633" i="1"/>
  <c r="AC109634" i="1"/>
  <c r="AC109635" i="1"/>
  <c r="AC109636" i="1"/>
  <c r="AC109637" i="1"/>
  <c r="AC109638" i="1"/>
  <c r="AC109639" i="1"/>
  <c r="AC109640" i="1"/>
  <c r="AC109641" i="1"/>
  <c r="AC109642" i="1"/>
  <c r="AC109643" i="1"/>
  <c r="AC109644" i="1"/>
  <c r="AC109645" i="1"/>
  <c r="AC109646" i="1"/>
  <c r="AC109647" i="1"/>
  <c r="AC109648" i="1"/>
  <c r="AC109649" i="1"/>
  <c r="AC109650" i="1"/>
  <c r="AC109651" i="1"/>
  <c r="AC109652" i="1"/>
  <c r="AC109653" i="1"/>
  <c r="AC109654" i="1"/>
  <c r="AC109655" i="1"/>
  <c r="AC109656" i="1"/>
  <c r="AC109657" i="1"/>
  <c r="AC109658" i="1"/>
  <c r="AC109659" i="1"/>
  <c r="AC109660" i="1"/>
  <c r="AC109661" i="1"/>
  <c r="AC109662" i="1"/>
  <c r="AC109663" i="1"/>
  <c r="AC109664" i="1"/>
  <c r="AC109665" i="1"/>
  <c r="AC109666" i="1"/>
  <c r="AC109667" i="1"/>
  <c r="AC109668" i="1"/>
  <c r="AC109669" i="1"/>
  <c r="AC109670" i="1"/>
  <c r="AC109671" i="1"/>
  <c r="AC109672" i="1"/>
  <c r="AC109673" i="1"/>
  <c r="AC109674" i="1"/>
  <c r="AC109675" i="1"/>
  <c r="AC109676" i="1"/>
  <c r="AC109677" i="1"/>
  <c r="AC109678" i="1"/>
  <c r="AC109679" i="1"/>
  <c r="AC109680" i="1"/>
  <c r="AC109681" i="1"/>
  <c r="AC109682" i="1"/>
  <c r="AC109683" i="1"/>
  <c r="AC109684" i="1"/>
  <c r="AC109685" i="1"/>
  <c r="AC109686" i="1"/>
  <c r="AC109687" i="1"/>
  <c r="AC109688" i="1"/>
  <c r="AC109689" i="1"/>
  <c r="AC109690" i="1"/>
  <c r="AC109691" i="1"/>
  <c r="AC109692" i="1"/>
  <c r="AC109693" i="1"/>
  <c r="AC109694" i="1"/>
  <c r="AC109695" i="1"/>
  <c r="AC109696" i="1"/>
  <c r="AC109697" i="1"/>
  <c r="AC109698" i="1"/>
  <c r="AC109699" i="1"/>
  <c r="AC109700" i="1"/>
  <c r="AC109701" i="1"/>
  <c r="AC109702" i="1"/>
  <c r="AC109703" i="1"/>
  <c r="AC109704" i="1"/>
  <c r="AC109705" i="1"/>
  <c r="AC109706" i="1"/>
  <c r="AC109707" i="1"/>
  <c r="AC109708" i="1"/>
  <c r="AC109709" i="1"/>
  <c r="AC109710" i="1"/>
  <c r="AC109711" i="1"/>
  <c r="AC109712" i="1"/>
  <c r="AC109713" i="1"/>
  <c r="AC109714" i="1"/>
  <c r="AC109715" i="1"/>
  <c r="AC109716" i="1"/>
  <c r="AC109717" i="1"/>
  <c r="AC109718" i="1"/>
  <c r="AC109719" i="1"/>
  <c r="AC109720" i="1"/>
  <c r="AC109721" i="1"/>
  <c r="AC109722" i="1"/>
  <c r="AC109723" i="1"/>
  <c r="AC109724" i="1"/>
  <c r="AC109725" i="1"/>
  <c r="AC109726" i="1"/>
  <c r="AC109727" i="1"/>
  <c r="AC109728" i="1"/>
  <c r="AC109729" i="1"/>
  <c r="AC109730" i="1"/>
  <c r="AC109731" i="1"/>
  <c r="AC109732" i="1"/>
  <c r="AC109733" i="1"/>
  <c r="AC109734" i="1"/>
  <c r="AC109735" i="1"/>
  <c r="AC109736" i="1"/>
  <c r="AC109737" i="1"/>
  <c r="AC109738" i="1"/>
  <c r="AC109739" i="1"/>
  <c r="AC109740" i="1"/>
  <c r="AC109741" i="1"/>
  <c r="AC109742" i="1"/>
  <c r="AC109743" i="1"/>
  <c r="AC109744" i="1"/>
  <c r="AC109745" i="1"/>
  <c r="AC109746" i="1"/>
  <c r="AC109747" i="1"/>
  <c r="AC109748" i="1"/>
  <c r="AC109749" i="1"/>
  <c r="AC109750" i="1"/>
  <c r="AC109751" i="1"/>
  <c r="AC109752" i="1"/>
  <c r="AC109753" i="1"/>
  <c r="AC109754" i="1"/>
  <c r="AC109755" i="1"/>
  <c r="AC109756" i="1"/>
  <c r="AC109757" i="1"/>
  <c r="AC109758" i="1"/>
  <c r="AC109759" i="1"/>
  <c r="AC109760" i="1"/>
  <c r="AC109761" i="1"/>
  <c r="AC109762" i="1"/>
  <c r="AC109763" i="1"/>
  <c r="AC109764" i="1"/>
  <c r="AC109765" i="1"/>
  <c r="AC109766" i="1"/>
  <c r="AC109767" i="1"/>
  <c r="AC109768" i="1"/>
  <c r="AC109769" i="1"/>
  <c r="AC109770" i="1"/>
  <c r="AC109771" i="1"/>
  <c r="AC109772" i="1"/>
  <c r="AC109773" i="1"/>
  <c r="AC109774" i="1"/>
  <c r="AC109775" i="1"/>
  <c r="AC109776" i="1"/>
  <c r="AC109777" i="1"/>
  <c r="AC109778" i="1"/>
  <c r="AC109779" i="1"/>
  <c r="AC109780" i="1"/>
  <c r="AC109781" i="1"/>
  <c r="AC109782" i="1"/>
  <c r="AC109783" i="1"/>
  <c r="AC109784" i="1"/>
  <c r="AC109785" i="1"/>
  <c r="AC109786" i="1"/>
  <c r="AC109787" i="1"/>
  <c r="AC109788" i="1"/>
  <c r="AC109789" i="1"/>
  <c r="AC109790" i="1"/>
  <c r="AC109791" i="1"/>
  <c r="AC109792" i="1"/>
  <c r="AC109793" i="1"/>
  <c r="AC109794" i="1"/>
  <c r="AC109795" i="1"/>
  <c r="AC109796" i="1"/>
  <c r="AC109797" i="1"/>
  <c r="AC109798" i="1"/>
  <c r="AC109799" i="1"/>
  <c r="AC109800" i="1"/>
  <c r="AC109801" i="1"/>
  <c r="AC109802" i="1"/>
  <c r="AC109803" i="1"/>
  <c r="AC109804" i="1"/>
  <c r="AC109805" i="1"/>
  <c r="AC109806" i="1"/>
  <c r="AC109807" i="1"/>
  <c r="AC109808" i="1"/>
  <c r="AC109809" i="1"/>
  <c r="AC109810" i="1"/>
  <c r="AC109811" i="1"/>
  <c r="AC109812" i="1"/>
  <c r="AC109813" i="1"/>
  <c r="AC109814" i="1"/>
  <c r="AC109815" i="1"/>
  <c r="AC109816" i="1"/>
  <c r="AC109817" i="1"/>
  <c r="AC109818" i="1"/>
  <c r="AC109819" i="1"/>
  <c r="AC109820" i="1"/>
  <c r="AC109821" i="1"/>
  <c r="AC109822" i="1"/>
  <c r="AC109823" i="1"/>
  <c r="AC109824" i="1"/>
  <c r="AC109825" i="1"/>
  <c r="AC109826" i="1"/>
  <c r="AC109827" i="1"/>
  <c r="AC109828" i="1"/>
  <c r="AC109829" i="1"/>
  <c r="AC109830" i="1"/>
  <c r="AC109831" i="1"/>
  <c r="AC109832" i="1"/>
  <c r="AC109833" i="1"/>
  <c r="AC109834" i="1"/>
  <c r="AC109835" i="1"/>
  <c r="AC109836" i="1"/>
  <c r="AC109837" i="1"/>
  <c r="AC109838" i="1"/>
  <c r="AC109839" i="1"/>
  <c r="AC109840" i="1"/>
  <c r="AC109841" i="1"/>
  <c r="AC109842" i="1"/>
  <c r="AC109843" i="1"/>
  <c r="AC109844" i="1"/>
  <c r="AC109845" i="1"/>
  <c r="AC109846" i="1"/>
  <c r="AC109847" i="1"/>
  <c r="AC109848" i="1"/>
  <c r="AC109849" i="1"/>
  <c r="AC109850" i="1"/>
  <c r="AC109851" i="1"/>
  <c r="AC109852" i="1"/>
  <c r="AC109853" i="1"/>
  <c r="AC109854" i="1"/>
  <c r="AC109855" i="1"/>
  <c r="AC109856" i="1"/>
  <c r="AC109857" i="1"/>
  <c r="AC109858" i="1"/>
  <c r="AC109859" i="1"/>
  <c r="AC109860" i="1"/>
  <c r="AC109861" i="1"/>
  <c r="AC109862" i="1"/>
  <c r="AC109863" i="1"/>
  <c r="AC109864" i="1"/>
  <c r="AC109865" i="1"/>
  <c r="AC109866" i="1"/>
  <c r="AC109867" i="1"/>
  <c r="AC109868" i="1"/>
  <c r="AC109869" i="1"/>
  <c r="AC109870" i="1"/>
  <c r="AC109871" i="1"/>
  <c r="AC109872" i="1"/>
  <c r="AC109873" i="1"/>
  <c r="AC109874" i="1"/>
  <c r="AC109875" i="1"/>
  <c r="AC109876" i="1"/>
  <c r="AC109877" i="1"/>
  <c r="AC109878" i="1"/>
  <c r="AC109879" i="1"/>
  <c r="AC109880" i="1"/>
  <c r="AC109881" i="1"/>
  <c r="AC109882" i="1"/>
  <c r="AC109883" i="1"/>
  <c r="AC109884" i="1"/>
  <c r="AC109885" i="1"/>
  <c r="AC109886" i="1"/>
  <c r="AC109887" i="1"/>
  <c r="AC109888" i="1"/>
  <c r="AC109889" i="1"/>
  <c r="AC109890" i="1"/>
  <c r="AC109891" i="1"/>
  <c r="AC109892" i="1"/>
  <c r="AC109893" i="1"/>
  <c r="AC109894" i="1"/>
  <c r="AC109895" i="1"/>
  <c r="AC109896" i="1"/>
  <c r="AC109897" i="1"/>
  <c r="AC109898" i="1"/>
  <c r="AC109899" i="1"/>
  <c r="AC109900" i="1"/>
  <c r="AC109901" i="1"/>
  <c r="AC109902" i="1"/>
  <c r="AC109903" i="1"/>
  <c r="AC109904" i="1"/>
  <c r="AC109905" i="1"/>
  <c r="AC109906" i="1"/>
  <c r="AC109907" i="1"/>
  <c r="AC109908" i="1"/>
  <c r="AC109909" i="1"/>
  <c r="AC109910" i="1"/>
  <c r="AC109911" i="1"/>
  <c r="AC109912" i="1"/>
  <c r="AC109913" i="1"/>
  <c r="AC109914" i="1"/>
  <c r="AC109915" i="1"/>
  <c r="AC109916" i="1"/>
  <c r="AC109917" i="1"/>
  <c r="AC109918" i="1"/>
  <c r="AC109919" i="1"/>
  <c r="AC109920" i="1"/>
  <c r="AC109921" i="1"/>
  <c r="AC109922" i="1"/>
  <c r="AC109923" i="1"/>
  <c r="AC109924" i="1"/>
  <c r="AC109925" i="1"/>
  <c r="AC109926" i="1"/>
  <c r="AC109927" i="1"/>
  <c r="AC109928" i="1"/>
  <c r="AC109929" i="1"/>
  <c r="AC109930" i="1"/>
  <c r="AC109931" i="1"/>
  <c r="AC109932" i="1"/>
  <c r="AC109933" i="1"/>
  <c r="AC109934" i="1"/>
  <c r="AC109935" i="1"/>
  <c r="AC109936" i="1"/>
  <c r="AC109937" i="1"/>
  <c r="AC109938" i="1"/>
  <c r="AC109939" i="1"/>
  <c r="AC109940" i="1"/>
  <c r="AC109941" i="1"/>
  <c r="AC109942" i="1"/>
  <c r="AC109943" i="1"/>
  <c r="AC109944" i="1"/>
  <c r="AC109945" i="1"/>
  <c r="AC109946" i="1"/>
  <c r="AC109947" i="1"/>
  <c r="AC109948" i="1"/>
  <c r="AC109949" i="1"/>
  <c r="AC109950" i="1"/>
  <c r="AC109951" i="1"/>
  <c r="AC109952" i="1"/>
  <c r="AC109953" i="1"/>
  <c r="AC109954" i="1"/>
  <c r="AC109955" i="1"/>
  <c r="AC109956" i="1"/>
  <c r="AC109957" i="1"/>
  <c r="AC109958" i="1"/>
  <c r="AC109959" i="1"/>
  <c r="AC109960" i="1"/>
  <c r="AC109961" i="1"/>
  <c r="AC109962" i="1"/>
  <c r="AC109963" i="1"/>
  <c r="AC109964" i="1"/>
  <c r="AC109965" i="1"/>
  <c r="AC109966" i="1"/>
  <c r="AC109967" i="1"/>
  <c r="AC109968" i="1"/>
  <c r="AC109969" i="1"/>
  <c r="AC109970" i="1"/>
  <c r="AC109971" i="1"/>
  <c r="AC109972" i="1"/>
  <c r="AC109973" i="1"/>
  <c r="AC109974" i="1"/>
  <c r="AC109975" i="1"/>
  <c r="AC109976" i="1"/>
  <c r="AC109977" i="1"/>
  <c r="AC109978" i="1"/>
  <c r="AC109979" i="1"/>
  <c r="AC109980" i="1"/>
  <c r="AC109981" i="1"/>
  <c r="AC109982" i="1"/>
  <c r="AC109983" i="1"/>
  <c r="AC109984" i="1"/>
  <c r="AC109985" i="1"/>
  <c r="AC109986" i="1"/>
  <c r="AC109987" i="1"/>
  <c r="AC109988" i="1"/>
  <c r="AC109989" i="1"/>
  <c r="AC109990" i="1"/>
  <c r="AC109991" i="1"/>
  <c r="AC109992" i="1"/>
  <c r="AC109993" i="1"/>
  <c r="AC109994" i="1"/>
  <c r="AC109995" i="1"/>
  <c r="AC109996" i="1"/>
  <c r="AC109997" i="1"/>
  <c r="AC109998" i="1"/>
  <c r="AC109999" i="1"/>
  <c r="AC110000" i="1"/>
  <c r="AC110001" i="1"/>
  <c r="AC110002" i="1"/>
  <c r="AC110003" i="1"/>
  <c r="AC110004" i="1"/>
  <c r="AC110005" i="1"/>
  <c r="AC110006" i="1"/>
  <c r="AC110007" i="1"/>
  <c r="AC110008" i="1"/>
  <c r="AC110009" i="1"/>
  <c r="AC110010" i="1"/>
  <c r="AC110011" i="1"/>
  <c r="AC110012" i="1"/>
  <c r="AC110013" i="1"/>
  <c r="AC110014" i="1"/>
  <c r="AC110015" i="1"/>
  <c r="AC110016" i="1"/>
  <c r="AC110017" i="1"/>
  <c r="AC110018" i="1"/>
  <c r="AC110019" i="1"/>
  <c r="AC110020" i="1"/>
  <c r="AC110021" i="1"/>
  <c r="AC110022" i="1"/>
  <c r="AC110023" i="1"/>
  <c r="AC110024" i="1"/>
  <c r="AC110025" i="1"/>
  <c r="AC110026" i="1"/>
  <c r="AC110027" i="1"/>
  <c r="AC110028" i="1"/>
  <c r="AC110029" i="1"/>
  <c r="AC110030" i="1"/>
  <c r="AC110031" i="1"/>
  <c r="AC110032" i="1"/>
  <c r="AC110033" i="1"/>
  <c r="AC110034" i="1"/>
  <c r="AC110035" i="1"/>
  <c r="AC110036" i="1"/>
  <c r="AC110037" i="1"/>
  <c r="AC110038" i="1"/>
  <c r="AC110039" i="1"/>
  <c r="AC110040" i="1"/>
  <c r="AC110041" i="1"/>
  <c r="AC110042" i="1"/>
  <c r="AC110043" i="1"/>
  <c r="AC110044" i="1"/>
  <c r="AC110045" i="1"/>
  <c r="AC110046" i="1"/>
  <c r="AC110047" i="1"/>
  <c r="AC110048" i="1"/>
  <c r="AC110049" i="1"/>
  <c r="AC110050" i="1"/>
  <c r="AC110051" i="1"/>
  <c r="AC110052" i="1"/>
  <c r="AC110053" i="1"/>
  <c r="AC110054" i="1"/>
  <c r="AC110055" i="1"/>
  <c r="AC110056" i="1"/>
  <c r="AC110057" i="1"/>
  <c r="AC110058" i="1"/>
  <c r="AC110059" i="1"/>
  <c r="AC110060" i="1"/>
  <c r="AC110061" i="1"/>
  <c r="AC110062" i="1"/>
  <c r="AC110063" i="1"/>
  <c r="AC110064" i="1"/>
  <c r="AC110065" i="1"/>
  <c r="AC110066" i="1"/>
  <c r="AC110067" i="1"/>
  <c r="AC110068" i="1"/>
  <c r="AC110069" i="1"/>
  <c r="AC110070" i="1"/>
  <c r="AC110071" i="1"/>
  <c r="AC110072" i="1"/>
  <c r="AC110073" i="1"/>
  <c r="AC110074" i="1"/>
  <c r="AC110075" i="1"/>
  <c r="AC110076" i="1"/>
  <c r="AC110077" i="1"/>
  <c r="AC110078" i="1"/>
  <c r="AC110079" i="1"/>
  <c r="AC110080" i="1"/>
  <c r="AC110081" i="1"/>
  <c r="AC110082" i="1"/>
  <c r="AC110083" i="1"/>
  <c r="AC110084" i="1"/>
  <c r="AC110085" i="1"/>
  <c r="AC110086" i="1"/>
  <c r="AC110087" i="1"/>
  <c r="AC110088" i="1"/>
  <c r="AC110089" i="1"/>
  <c r="AC110090" i="1"/>
  <c r="AC110091" i="1"/>
  <c r="AC110092" i="1"/>
  <c r="AC110093" i="1"/>
  <c r="AC110094" i="1"/>
  <c r="AC110095" i="1"/>
  <c r="AC110096" i="1"/>
  <c r="AC110097" i="1"/>
  <c r="AC110098" i="1"/>
  <c r="AC110099" i="1"/>
  <c r="AC110100" i="1"/>
  <c r="AC110101" i="1"/>
  <c r="AC110102" i="1"/>
  <c r="AC110103" i="1"/>
  <c r="AC110104" i="1"/>
  <c r="AC110105" i="1"/>
  <c r="AC110106" i="1"/>
  <c r="AC110107" i="1"/>
  <c r="AC110108" i="1"/>
  <c r="AC110109" i="1"/>
  <c r="AC110110" i="1"/>
  <c r="AC110111" i="1"/>
  <c r="AC110112" i="1"/>
  <c r="AC110113" i="1"/>
  <c r="AC110114" i="1"/>
  <c r="AC110115" i="1"/>
  <c r="AC110116" i="1"/>
  <c r="AC110117" i="1"/>
  <c r="AC110118" i="1"/>
  <c r="AC110119" i="1"/>
  <c r="AC110120" i="1"/>
  <c r="AC110121" i="1"/>
  <c r="AC110122" i="1"/>
  <c r="AC110123" i="1"/>
  <c r="AC110124" i="1"/>
  <c r="AC110125" i="1"/>
  <c r="AC110126" i="1"/>
  <c r="AC110127" i="1"/>
  <c r="AC110128" i="1"/>
  <c r="AC110129" i="1"/>
  <c r="AC110130" i="1"/>
  <c r="AC110131" i="1"/>
  <c r="AC110132" i="1"/>
  <c r="AC110133" i="1"/>
  <c r="AC110134" i="1"/>
  <c r="AC110135" i="1"/>
  <c r="AC110136" i="1"/>
  <c r="AC110137" i="1"/>
  <c r="AC110138" i="1"/>
  <c r="AC110139" i="1"/>
  <c r="AC110140" i="1"/>
  <c r="AC110141" i="1"/>
  <c r="AC110142" i="1"/>
  <c r="AC110143" i="1"/>
  <c r="AC110144" i="1"/>
  <c r="AC110145" i="1"/>
  <c r="AC110146" i="1"/>
  <c r="AC110147" i="1"/>
  <c r="AC110148" i="1"/>
  <c r="AC110149" i="1"/>
  <c r="AC110150" i="1"/>
  <c r="AC110151" i="1"/>
  <c r="AC110152" i="1"/>
  <c r="AC110153" i="1"/>
  <c r="AC110154" i="1"/>
  <c r="AC110155" i="1"/>
  <c r="AC110156" i="1"/>
  <c r="AC110157" i="1"/>
  <c r="AC110158" i="1"/>
  <c r="AC110159" i="1"/>
  <c r="AC110160" i="1"/>
  <c r="AC110161" i="1"/>
  <c r="AC110162" i="1"/>
  <c r="AC110163" i="1"/>
  <c r="AC110164" i="1"/>
  <c r="AC110165" i="1"/>
  <c r="AC110166" i="1"/>
  <c r="AC110167" i="1"/>
  <c r="AC110168" i="1"/>
  <c r="AC110169" i="1"/>
  <c r="AC110170" i="1"/>
  <c r="AC110171" i="1"/>
  <c r="AC110172" i="1"/>
  <c r="AC110173" i="1"/>
  <c r="AC110174" i="1"/>
  <c r="AC110175" i="1"/>
  <c r="AC110176" i="1"/>
  <c r="AC110177" i="1"/>
  <c r="AC110178" i="1"/>
  <c r="AC110179" i="1"/>
  <c r="AC110180" i="1"/>
  <c r="AC110181" i="1"/>
  <c r="AC110182" i="1"/>
  <c r="AC110183" i="1"/>
  <c r="AC110184" i="1"/>
  <c r="AC110185" i="1"/>
  <c r="AC110186" i="1"/>
  <c r="AC110187" i="1"/>
  <c r="AC110188" i="1"/>
  <c r="AC110189" i="1"/>
  <c r="AC110190" i="1"/>
  <c r="AC110191" i="1"/>
  <c r="AC110192" i="1"/>
  <c r="AC110193" i="1"/>
  <c r="AC110194" i="1"/>
  <c r="AC110195" i="1"/>
  <c r="AC110196" i="1"/>
  <c r="AC110197" i="1"/>
  <c r="AC110198" i="1"/>
  <c r="AC110199" i="1"/>
  <c r="AC110200" i="1"/>
  <c r="AC110201" i="1"/>
  <c r="AC110202" i="1"/>
  <c r="AC110203" i="1"/>
  <c r="AC110204" i="1"/>
  <c r="AC110205" i="1"/>
  <c r="AC110206" i="1"/>
  <c r="AC110207" i="1"/>
  <c r="AC110208" i="1"/>
  <c r="AC110209" i="1"/>
  <c r="AC110210" i="1"/>
  <c r="AC110211" i="1"/>
  <c r="AC110212" i="1"/>
  <c r="AC110213" i="1"/>
  <c r="AC110214" i="1"/>
  <c r="AC110215" i="1"/>
  <c r="AC110216" i="1"/>
  <c r="AC110217" i="1"/>
  <c r="AC110218" i="1"/>
  <c r="AC110219" i="1"/>
  <c r="AC110220" i="1"/>
  <c r="AC110221" i="1"/>
  <c r="AC110222" i="1"/>
  <c r="AC110223" i="1"/>
  <c r="AC110224" i="1"/>
  <c r="AC110225" i="1"/>
  <c r="AC110226" i="1"/>
  <c r="AC110227" i="1"/>
  <c r="AC110228" i="1"/>
  <c r="AC110229" i="1"/>
  <c r="AC110230" i="1"/>
  <c r="AC110231" i="1"/>
  <c r="AC110232" i="1"/>
  <c r="AC110233" i="1"/>
  <c r="AC110234" i="1"/>
  <c r="AC110235" i="1"/>
  <c r="AC110236" i="1"/>
  <c r="AC110237" i="1"/>
  <c r="AC110238" i="1"/>
  <c r="AC110239" i="1"/>
  <c r="AC110240" i="1"/>
  <c r="AC110241" i="1"/>
  <c r="AC110242" i="1"/>
  <c r="AC110243" i="1"/>
  <c r="AC110244" i="1"/>
  <c r="AC110245" i="1"/>
  <c r="AC110246" i="1"/>
  <c r="AC110247" i="1"/>
  <c r="AC110248" i="1"/>
  <c r="AC110249" i="1"/>
  <c r="AC110250" i="1"/>
  <c r="AC110251" i="1"/>
  <c r="AC110252" i="1"/>
  <c r="AC110253" i="1"/>
  <c r="AC110254" i="1"/>
  <c r="AC110255" i="1"/>
  <c r="AC110256" i="1"/>
  <c r="AC110257" i="1"/>
  <c r="AC110258" i="1"/>
  <c r="AC110259" i="1"/>
  <c r="AC110260" i="1"/>
  <c r="AC110261" i="1"/>
  <c r="AC110262" i="1"/>
  <c r="AC110263" i="1"/>
  <c r="AC110264" i="1"/>
  <c r="AC110265" i="1"/>
  <c r="AC110266" i="1"/>
  <c r="AC110267" i="1"/>
  <c r="AC110268" i="1"/>
  <c r="AC110269" i="1"/>
  <c r="AC110270" i="1"/>
  <c r="AC110271" i="1"/>
  <c r="AC110272" i="1"/>
  <c r="AC110273" i="1"/>
  <c r="AC110274" i="1"/>
  <c r="AC110275" i="1"/>
  <c r="AC110276" i="1"/>
  <c r="AC110277" i="1"/>
  <c r="AC110278" i="1"/>
  <c r="AC110279" i="1"/>
  <c r="AC110280" i="1"/>
  <c r="AC110281" i="1"/>
  <c r="AC110282" i="1"/>
  <c r="AC110283" i="1"/>
  <c r="AC110284" i="1"/>
  <c r="AC110285" i="1"/>
  <c r="AC110286" i="1"/>
  <c r="AC110287" i="1"/>
  <c r="AC110288" i="1"/>
  <c r="AC110289" i="1"/>
  <c r="AC110290" i="1"/>
  <c r="AC110291" i="1"/>
  <c r="AC110292" i="1"/>
  <c r="AC110293" i="1"/>
  <c r="AC110294" i="1"/>
  <c r="AC110295" i="1"/>
  <c r="AC110296" i="1"/>
  <c r="AC110297" i="1"/>
  <c r="AC110298" i="1"/>
  <c r="AC110299" i="1"/>
  <c r="AC110300" i="1"/>
  <c r="AC110301" i="1"/>
  <c r="AC110302" i="1"/>
  <c r="AC110303" i="1"/>
  <c r="AC110304" i="1"/>
  <c r="AC110305" i="1"/>
  <c r="AC110306" i="1"/>
  <c r="AC110307" i="1"/>
  <c r="AC110308" i="1"/>
  <c r="AC110309" i="1"/>
  <c r="AC110310" i="1"/>
  <c r="AC110311" i="1"/>
  <c r="AC110312" i="1"/>
  <c r="AC110313" i="1"/>
  <c r="AC110314" i="1"/>
  <c r="AC110315" i="1"/>
  <c r="AC110316" i="1"/>
  <c r="AC110317" i="1"/>
  <c r="AC110318" i="1"/>
  <c r="AC110319" i="1"/>
  <c r="AC110320" i="1"/>
  <c r="AC110321" i="1"/>
  <c r="AC110322" i="1"/>
  <c r="AC110323" i="1"/>
  <c r="AC110324" i="1"/>
  <c r="AC110325" i="1"/>
  <c r="AC110326" i="1"/>
  <c r="AC110327" i="1"/>
  <c r="AC110328" i="1"/>
  <c r="AC110329" i="1"/>
  <c r="AC110330" i="1"/>
  <c r="AC110331" i="1"/>
  <c r="AC110332" i="1"/>
  <c r="AC110333" i="1"/>
  <c r="AC110334" i="1"/>
  <c r="AC110335" i="1"/>
  <c r="AC110336" i="1"/>
  <c r="AC110337" i="1"/>
  <c r="AC110338" i="1"/>
  <c r="AC110339" i="1"/>
  <c r="AC110340" i="1"/>
  <c r="AC110341" i="1"/>
  <c r="AC110342" i="1"/>
  <c r="AC110343" i="1"/>
  <c r="AC110344" i="1"/>
  <c r="AC110345" i="1"/>
  <c r="AC110346" i="1"/>
  <c r="AC110347" i="1"/>
  <c r="AC110348" i="1"/>
  <c r="AC110349" i="1"/>
  <c r="AC110350" i="1"/>
  <c r="AC110351" i="1"/>
  <c r="AC110352" i="1"/>
  <c r="AC110353" i="1"/>
  <c r="AC110354" i="1"/>
  <c r="AC110355" i="1"/>
  <c r="AC110356" i="1"/>
  <c r="AC110357" i="1"/>
  <c r="AC110358" i="1"/>
  <c r="AC110359" i="1"/>
  <c r="AC110360" i="1"/>
  <c r="AC110361" i="1"/>
  <c r="AC110362" i="1"/>
  <c r="AC110363" i="1"/>
  <c r="AC110364" i="1"/>
  <c r="AC110365" i="1"/>
  <c r="AC110366" i="1"/>
  <c r="AC110367" i="1"/>
  <c r="AC110368" i="1"/>
  <c r="AC110369" i="1"/>
  <c r="AC110370" i="1"/>
  <c r="AC110371" i="1"/>
  <c r="AC110372" i="1"/>
  <c r="AC110373" i="1"/>
  <c r="AC110374" i="1"/>
  <c r="AC110375" i="1"/>
  <c r="AC110376" i="1"/>
  <c r="AC110377" i="1"/>
  <c r="AC110378" i="1"/>
  <c r="AC110379" i="1"/>
  <c r="AC110380" i="1"/>
  <c r="AC110381" i="1"/>
  <c r="AC110382" i="1"/>
  <c r="AC110383" i="1"/>
  <c r="AC110384" i="1"/>
  <c r="AC110385" i="1"/>
  <c r="AC110386" i="1"/>
  <c r="AC110387" i="1"/>
  <c r="AC110388" i="1"/>
  <c r="AC110389" i="1"/>
  <c r="AC110390" i="1"/>
  <c r="AC110391" i="1"/>
  <c r="AC110392" i="1"/>
  <c r="AC110393" i="1"/>
  <c r="AC110394" i="1"/>
  <c r="AC110395" i="1"/>
  <c r="AC110396" i="1"/>
  <c r="AC110397" i="1"/>
  <c r="AC110398" i="1"/>
  <c r="AC110399" i="1"/>
  <c r="AC110400" i="1"/>
  <c r="AC110401" i="1"/>
  <c r="AC110402" i="1"/>
  <c r="AC110403" i="1"/>
  <c r="AC110404" i="1"/>
  <c r="AC110405" i="1"/>
  <c r="AC110406" i="1"/>
  <c r="AC110407" i="1"/>
  <c r="AC110408" i="1"/>
  <c r="AC110409" i="1"/>
  <c r="AC110410" i="1"/>
  <c r="AC110411" i="1"/>
  <c r="AC110412" i="1"/>
  <c r="AC110413" i="1"/>
  <c r="AC110414" i="1"/>
  <c r="AC110415" i="1"/>
  <c r="AC110416" i="1"/>
  <c r="AC110417" i="1"/>
  <c r="AC110418" i="1"/>
  <c r="AC110419" i="1"/>
  <c r="AC110420" i="1"/>
  <c r="AC110421" i="1"/>
  <c r="AC110422" i="1"/>
  <c r="AC110423" i="1"/>
  <c r="AC110424" i="1"/>
  <c r="AC110425" i="1"/>
  <c r="AC110426" i="1"/>
  <c r="AC110427" i="1"/>
  <c r="AC110428" i="1"/>
  <c r="AC110429" i="1"/>
  <c r="AC110430" i="1"/>
  <c r="AC110431" i="1"/>
  <c r="AC110432" i="1"/>
  <c r="AC110433" i="1"/>
  <c r="AC110434" i="1"/>
  <c r="AC110435" i="1"/>
  <c r="AC110436" i="1"/>
  <c r="AC110437" i="1"/>
  <c r="AC110438" i="1"/>
  <c r="AC110439" i="1"/>
  <c r="AC110440" i="1"/>
  <c r="AC110441" i="1"/>
  <c r="AC110442" i="1"/>
  <c r="AC110443" i="1"/>
  <c r="AC110444" i="1"/>
  <c r="AC110445" i="1"/>
  <c r="AC110446" i="1"/>
  <c r="AC110447" i="1"/>
  <c r="AC110448" i="1"/>
  <c r="AC110449" i="1"/>
  <c r="AC110450" i="1"/>
  <c r="AC110451" i="1"/>
  <c r="AC110452" i="1"/>
  <c r="AC110453" i="1"/>
  <c r="AC110454" i="1"/>
  <c r="AC110455" i="1"/>
  <c r="AC110456" i="1"/>
  <c r="AC110457" i="1"/>
  <c r="AC110458" i="1"/>
  <c r="AC110459" i="1"/>
  <c r="AC110460" i="1"/>
  <c r="AC110461" i="1"/>
  <c r="AC110462" i="1"/>
  <c r="AC110463" i="1"/>
  <c r="AC110464" i="1"/>
  <c r="AC110465" i="1"/>
  <c r="AC110466" i="1"/>
  <c r="AC110467" i="1"/>
  <c r="AC110468" i="1"/>
  <c r="AC110469" i="1"/>
  <c r="AC110470" i="1"/>
  <c r="AC110471" i="1"/>
  <c r="AC110472" i="1"/>
  <c r="AC110473" i="1"/>
  <c r="AC110474" i="1"/>
  <c r="AC110475" i="1"/>
  <c r="AC110476" i="1"/>
  <c r="AC110477" i="1"/>
  <c r="AC110478" i="1"/>
  <c r="AC110479" i="1"/>
  <c r="AC110480" i="1"/>
  <c r="AC110481" i="1"/>
  <c r="AC110482" i="1"/>
  <c r="AC110483" i="1"/>
  <c r="AC110484" i="1"/>
  <c r="AC110485" i="1"/>
  <c r="AC110486" i="1"/>
  <c r="AC110487" i="1"/>
  <c r="AC110488" i="1"/>
  <c r="AC110489" i="1"/>
  <c r="AC110490" i="1"/>
  <c r="AC110491" i="1"/>
  <c r="AC110492" i="1"/>
  <c r="AC110493" i="1"/>
  <c r="AC110494" i="1"/>
  <c r="AC110495" i="1"/>
  <c r="AC110496" i="1"/>
  <c r="AC110497" i="1"/>
  <c r="AC110498" i="1"/>
  <c r="AC110499" i="1"/>
  <c r="AC110500" i="1"/>
  <c r="AC110501" i="1"/>
  <c r="AC110502" i="1"/>
  <c r="AC110503" i="1"/>
  <c r="AC110504" i="1"/>
  <c r="AC110505" i="1"/>
  <c r="AC110506" i="1"/>
  <c r="AC110507" i="1"/>
  <c r="AC110508" i="1"/>
  <c r="AC110509" i="1"/>
  <c r="AC110510" i="1"/>
  <c r="AC110511" i="1"/>
  <c r="AC110512" i="1"/>
  <c r="AC110513" i="1"/>
  <c r="AC110514" i="1"/>
  <c r="AC110515" i="1"/>
  <c r="AC110516" i="1"/>
  <c r="AC110517" i="1"/>
  <c r="AC110518" i="1"/>
  <c r="AC110519" i="1"/>
  <c r="AC110520" i="1"/>
  <c r="AC110521" i="1"/>
  <c r="AC110522" i="1"/>
  <c r="AC110523" i="1"/>
  <c r="AC110524" i="1"/>
  <c r="AC110525" i="1"/>
  <c r="AC110526" i="1"/>
  <c r="AC110527" i="1"/>
  <c r="AC110528" i="1"/>
  <c r="AC110529" i="1"/>
  <c r="AC110530" i="1"/>
  <c r="AC110531" i="1"/>
  <c r="AC110532" i="1"/>
  <c r="AC110533" i="1"/>
  <c r="AC110534" i="1"/>
  <c r="AC110535" i="1"/>
  <c r="AC110536" i="1"/>
  <c r="AC110537" i="1"/>
  <c r="AC110538" i="1"/>
  <c r="AC110539" i="1"/>
  <c r="AC110540" i="1"/>
  <c r="AC110541" i="1"/>
  <c r="AC110542" i="1"/>
  <c r="AC110543" i="1"/>
  <c r="AC110544" i="1"/>
  <c r="AC110545" i="1"/>
  <c r="AC110546" i="1"/>
  <c r="AC110547" i="1"/>
  <c r="AC110548" i="1"/>
  <c r="AC110549" i="1"/>
  <c r="AC110550" i="1"/>
  <c r="AC110551" i="1"/>
  <c r="AC110552" i="1"/>
  <c r="AC110553" i="1"/>
  <c r="AC110554" i="1"/>
  <c r="AC110555" i="1"/>
  <c r="AC110556" i="1"/>
  <c r="AC110557" i="1"/>
  <c r="AC110558" i="1"/>
  <c r="AC110559" i="1"/>
  <c r="AC110560" i="1"/>
  <c r="AC110561" i="1"/>
  <c r="AC110562" i="1"/>
  <c r="AC110563" i="1"/>
  <c r="AC110564" i="1"/>
  <c r="AC110565" i="1"/>
  <c r="AC110566" i="1"/>
  <c r="AC110567" i="1"/>
  <c r="AC110568" i="1"/>
  <c r="AC110569" i="1"/>
  <c r="AC110570" i="1"/>
  <c r="AC110571" i="1"/>
  <c r="AC110572" i="1"/>
  <c r="AC110573" i="1"/>
  <c r="AC110574" i="1"/>
  <c r="AC110575" i="1"/>
  <c r="AC110576" i="1"/>
  <c r="AC110577" i="1"/>
  <c r="AC110578" i="1"/>
  <c r="AC110579" i="1"/>
  <c r="AC110580" i="1"/>
  <c r="AC110581" i="1"/>
  <c r="AC110582" i="1"/>
  <c r="AC110583" i="1"/>
  <c r="AC110584" i="1"/>
  <c r="AC110585" i="1"/>
  <c r="AC110586" i="1"/>
  <c r="AC110587" i="1"/>
  <c r="AC110588" i="1"/>
  <c r="AC110589" i="1"/>
  <c r="AC110590" i="1"/>
  <c r="AC110591" i="1"/>
  <c r="AC110592" i="1"/>
  <c r="AC110593" i="1"/>
  <c r="AC110594" i="1"/>
  <c r="AC110595" i="1"/>
  <c r="AC110596" i="1"/>
  <c r="AC110597" i="1"/>
  <c r="AC110598" i="1"/>
  <c r="AC110599" i="1"/>
  <c r="AC110600" i="1"/>
  <c r="AC110601" i="1"/>
  <c r="AC110602" i="1"/>
  <c r="AC110603" i="1"/>
  <c r="AC110604" i="1"/>
  <c r="AC110605" i="1"/>
  <c r="AC110606" i="1"/>
  <c r="AC110607" i="1"/>
  <c r="AC110608" i="1"/>
  <c r="AC110609" i="1"/>
  <c r="AC110610" i="1"/>
  <c r="AC110611" i="1"/>
  <c r="AC110612" i="1"/>
  <c r="AC110613" i="1"/>
  <c r="AC110614" i="1"/>
  <c r="AC110615" i="1"/>
  <c r="AC110616" i="1"/>
  <c r="AC110617" i="1"/>
  <c r="AC110618" i="1"/>
  <c r="AC110619" i="1"/>
  <c r="AC110620" i="1"/>
  <c r="AC110621" i="1"/>
  <c r="AC110622" i="1"/>
  <c r="AC110623" i="1"/>
  <c r="AC110624" i="1"/>
  <c r="AC110625" i="1"/>
  <c r="AC110626" i="1"/>
  <c r="AC110627" i="1"/>
  <c r="AC110628" i="1"/>
  <c r="AC110629" i="1"/>
  <c r="AC110630" i="1"/>
  <c r="AC110631" i="1"/>
  <c r="AC110632" i="1"/>
  <c r="AC110633" i="1"/>
  <c r="AC110634" i="1"/>
  <c r="AC110635" i="1"/>
  <c r="AC110636" i="1"/>
  <c r="AC110637" i="1"/>
  <c r="AC110638" i="1"/>
  <c r="AC110639" i="1"/>
  <c r="AC110640" i="1"/>
  <c r="AC110641" i="1"/>
  <c r="AC110642" i="1"/>
  <c r="AC110643" i="1"/>
  <c r="AC110644" i="1"/>
  <c r="AC110645" i="1"/>
  <c r="AC110646" i="1"/>
  <c r="AC110647" i="1"/>
  <c r="AC110648" i="1"/>
  <c r="AC110649" i="1"/>
  <c r="AC110650" i="1"/>
  <c r="AC110651" i="1"/>
  <c r="AC110652" i="1"/>
  <c r="AC110653" i="1"/>
  <c r="AC110654" i="1"/>
  <c r="AC110655" i="1"/>
  <c r="AC110656" i="1"/>
  <c r="AC110657" i="1"/>
  <c r="AC110658" i="1"/>
  <c r="AC110659" i="1"/>
  <c r="AC110660" i="1"/>
  <c r="AC110661" i="1"/>
  <c r="AC110662" i="1"/>
  <c r="AC110663" i="1"/>
  <c r="AC110664" i="1"/>
  <c r="AC110665" i="1"/>
  <c r="AC110666" i="1"/>
  <c r="AC110667" i="1"/>
  <c r="AC110668" i="1"/>
  <c r="AC110669" i="1"/>
  <c r="AC110670" i="1"/>
  <c r="AC110671" i="1"/>
  <c r="AC110672" i="1"/>
  <c r="AC110673" i="1"/>
  <c r="AC110674" i="1"/>
  <c r="AC110675" i="1"/>
  <c r="AC110676" i="1"/>
  <c r="AC110677" i="1"/>
  <c r="AC110678" i="1"/>
  <c r="AC110679" i="1"/>
  <c r="AC110680" i="1"/>
  <c r="AC110681" i="1"/>
  <c r="AC110682" i="1"/>
  <c r="AC110683" i="1"/>
  <c r="AC110684" i="1"/>
  <c r="AC110685" i="1"/>
  <c r="AC110686" i="1"/>
  <c r="AC110687" i="1"/>
  <c r="AC110688" i="1"/>
  <c r="AC110689" i="1"/>
  <c r="AC110690" i="1"/>
  <c r="AC110691" i="1"/>
  <c r="AC110692" i="1"/>
  <c r="AC110693" i="1"/>
  <c r="AC110694" i="1"/>
  <c r="AC110695" i="1"/>
  <c r="AC110696" i="1"/>
  <c r="AC110697" i="1"/>
  <c r="AC110698" i="1"/>
  <c r="AC110699" i="1"/>
  <c r="AC110700" i="1"/>
  <c r="AC110701" i="1"/>
  <c r="AC110702" i="1"/>
  <c r="AC110703" i="1"/>
  <c r="AC110704" i="1"/>
  <c r="AC110705" i="1"/>
  <c r="AC110706" i="1"/>
  <c r="AC110707" i="1"/>
  <c r="AC110708" i="1"/>
  <c r="AC110709" i="1"/>
  <c r="AC110710" i="1"/>
  <c r="AC110711" i="1"/>
  <c r="AC110712" i="1"/>
  <c r="AC110713" i="1"/>
  <c r="AC110714" i="1"/>
  <c r="AC110715" i="1"/>
  <c r="AC110716" i="1"/>
  <c r="AC110717" i="1"/>
  <c r="AC110718" i="1"/>
  <c r="AC110719" i="1"/>
  <c r="AC110720" i="1"/>
  <c r="AC110721" i="1"/>
  <c r="AC110722" i="1"/>
  <c r="AC110723" i="1"/>
  <c r="AC110724" i="1"/>
  <c r="AC110725" i="1"/>
  <c r="AC110726" i="1"/>
  <c r="AC110727" i="1"/>
  <c r="AC110728" i="1"/>
  <c r="AC110729" i="1"/>
  <c r="AC110730" i="1"/>
  <c r="AC110731" i="1"/>
  <c r="AC110732" i="1"/>
  <c r="AC110733" i="1"/>
  <c r="AC110734" i="1"/>
  <c r="AC110735" i="1"/>
  <c r="AC110736" i="1"/>
  <c r="AC110737" i="1"/>
  <c r="AC110738" i="1"/>
  <c r="AC110739" i="1"/>
  <c r="AC110740" i="1"/>
  <c r="AC110741" i="1"/>
  <c r="AC110742" i="1"/>
  <c r="AC110743" i="1"/>
  <c r="AC110744" i="1"/>
  <c r="AC110745" i="1"/>
  <c r="AC110746" i="1"/>
  <c r="AC110747" i="1"/>
  <c r="AC110748" i="1"/>
  <c r="AC110749" i="1"/>
  <c r="AC110750" i="1"/>
  <c r="AC110751" i="1"/>
  <c r="AC110752" i="1"/>
  <c r="AC110753" i="1"/>
  <c r="AC110754" i="1"/>
  <c r="AC110755" i="1"/>
  <c r="AC110756" i="1"/>
  <c r="AC110757" i="1"/>
  <c r="AC110758" i="1"/>
  <c r="AC110759" i="1"/>
  <c r="AC110760" i="1"/>
  <c r="AC110761" i="1"/>
  <c r="AC110762" i="1"/>
  <c r="AC110763" i="1"/>
  <c r="AC110764" i="1"/>
  <c r="AC110765" i="1"/>
  <c r="AC110766" i="1"/>
  <c r="AC110767" i="1"/>
  <c r="AC110768" i="1"/>
  <c r="AC110769" i="1"/>
  <c r="AC110770" i="1"/>
  <c r="AC110771" i="1"/>
  <c r="AC110772" i="1"/>
  <c r="AC110773" i="1"/>
  <c r="AC110774" i="1"/>
  <c r="AC110775" i="1"/>
  <c r="AC110776" i="1"/>
  <c r="AC110777" i="1"/>
  <c r="AC110778" i="1"/>
  <c r="AC110779" i="1"/>
  <c r="AC110780" i="1"/>
  <c r="AC110781" i="1"/>
  <c r="AC110782" i="1"/>
  <c r="AC110783" i="1"/>
  <c r="AC110784" i="1"/>
  <c r="AC110785" i="1"/>
  <c r="AC110786" i="1"/>
  <c r="AC110787" i="1"/>
  <c r="AC110788" i="1"/>
  <c r="AC110789" i="1"/>
  <c r="AC110790" i="1"/>
  <c r="AC110791" i="1"/>
  <c r="AC110792" i="1"/>
  <c r="AC110793" i="1"/>
  <c r="AC110794" i="1"/>
  <c r="AC110795" i="1"/>
  <c r="AC110796" i="1"/>
  <c r="AC110797" i="1"/>
  <c r="AC110798" i="1"/>
  <c r="AC110799" i="1"/>
  <c r="AC110800" i="1"/>
  <c r="AC110801" i="1"/>
  <c r="AC110802" i="1"/>
  <c r="AC110803" i="1"/>
  <c r="AC110804" i="1"/>
  <c r="AC110805" i="1"/>
  <c r="AC110806" i="1"/>
  <c r="AC110807" i="1"/>
  <c r="AC110808" i="1"/>
  <c r="AC110809" i="1"/>
  <c r="AC110810" i="1"/>
  <c r="AC110811" i="1"/>
  <c r="AC110812" i="1"/>
  <c r="AC110813" i="1"/>
  <c r="AC110814" i="1"/>
  <c r="AC110815" i="1"/>
  <c r="AC110816" i="1"/>
  <c r="AC110817" i="1"/>
  <c r="AC110818" i="1"/>
  <c r="AC110819" i="1"/>
  <c r="AC110820" i="1"/>
  <c r="AC110821" i="1"/>
  <c r="AC110822" i="1"/>
  <c r="AC110823" i="1"/>
  <c r="AC110824" i="1"/>
  <c r="AC110825" i="1"/>
  <c r="AC110826" i="1"/>
  <c r="AC110827" i="1"/>
  <c r="AC110828" i="1"/>
  <c r="AC110829" i="1"/>
  <c r="AC110830" i="1"/>
  <c r="AC110831" i="1"/>
  <c r="AC110832" i="1"/>
  <c r="AC110833" i="1"/>
  <c r="AC110834" i="1"/>
  <c r="AC110835" i="1"/>
  <c r="AC110836" i="1"/>
  <c r="AC110837" i="1"/>
  <c r="AC110838" i="1"/>
  <c r="AC110839" i="1"/>
  <c r="AC110840" i="1"/>
  <c r="AC110841" i="1"/>
  <c r="AC110842" i="1"/>
  <c r="AC110843" i="1"/>
  <c r="AC110844" i="1"/>
  <c r="AC110845" i="1"/>
  <c r="AC110846" i="1"/>
  <c r="AC110847" i="1"/>
  <c r="AC110848" i="1"/>
  <c r="AC110849" i="1"/>
  <c r="AC110850" i="1"/>
  <c r="AC110851" i="1"/>
  <c r="AC110852" i="1"/>
  <c r="AC110853" i="1"/>
  <c r="AC110854" i="1"/>
  <c r="AC110855" i="1"/>
  <c r="AC110856" i="1"/>
  <c r="AC110857" i="1"/>
  <c r="AC110858" i="1"/>
  <c r="AC110859" i="1"/>
  <c r="AC110860" i="1"/>
  <c r="AC110861" i="1"/>
  <c r="AC110862" i="1"/>
  <c r="AC110863" i="1"/>
  <c r="AC110864" i="1"/>
  <c r="AC110865" i="1"/>
  <c r="AC110866" i="1"/>
  <c r="AC110867" i="1"/>
  <c r="AC110868" i="1"/>
  <c r="AC110869" i="1"/>
  <c r="AC110870" i="1"/>
  <c r="AC110871" i="1"/>
  <c r="AC110872" i="1"/>
  <c r="AC110873" i="1"/>
  <c r="AC110874" i="1"/>
  <c r="AC110875" i="1"/>
  <c r="AC110876" i="1"/>
  <c r="AC110877" i="1"/>
  <c r="AC110878" i="1"/>
  <c r="AC110879" i="1"/>
  <c r="AC110880" i="1"/>
  <c r="AC110881" i="1"/>
  <c r="AC110882" i="1"/>
  <c r="AC110883" i="1"/>
  <c r="AC110884" i="1"/>
  <c r="AC110885" i="1"/>
  <c r="AC110886" i="1"/>
  <c r="AC110887" i="1"/>
  <c r="AC110888" i="1"/>
  <c r="AC110889" i="1"/>
  <c r="AC110890" i="1"/>
  <c r="AC110891" i="1"/>
  <c r="AC110892" i="1"/>
  <c r="AC110893" i="1"/>
  <c r="AC110894" i="1"/>
  <c r="AC110895" i="1"/>
  <c r="AC110896" i="1"/>
  <c r="AC110897" i="1"/>
  <c r="AC110898" i="1"/>
  <c r="AC110899" i="1"/>
  <c r="AC110900" i="1"/>
  <c r="AC110901" i="1"/>
  <c r="AC110902" i="1"/>
  <c r="AC110903" i="1"/>
  <c r="AC110904" i="1"/>
  <c r="AC110905" i="1"/>
  <c r="AC110906" i="1"/>
  <c r="AC110907" i="1"/>
  <c r="AC110908" i="1"/>
  <c r="AC110909" i="1"/>
  <c r="AC110910" i="1"/>
  <c r="AC110911" i="1"/>
  <c r="AC110912" i="1"/>
  <c r="AC110913" i="1"/>
  <c r="AC110914" i="1"/>
  <c r="AC110915" i="1"/>
  <c r="AC110916" i="1"/>
  <c r="AC110917" i="1"/>
  <c r="AC110918" i="1"/>
  <c r="AC110919" i="1"/>
  <c r="AC110920" i="1"/>
  <c r="AC110921" i="1"/>
  <c r="AC110922" i="1"/>
  <c r="AC110923" i="1"/>
  <c r="AC110924" i="1"/>
  <c r="AC110925" i="1"/>
  <c r="AC110926" i="1"/>
  <c r="AC110927" i="1"/>
  <c r="AC110928" i="1"/>
  <c r="AC110929" i="1"/>
  <c r="AC110930" i="1"/>
  <c r="AC110931" i="1"/>
  <c r="AC110932" i="1"/>
  <c r="AC110933" i="1"/>
  <c r="AC110934" i="1"/>
  <c r="AC110935" i="1"/>
  <c r="AC110936" i="1"/>
  <c r="AC110937" i="1"/>
  <c r="AC110938" i="1"/>
  <c r="AC110939" i="1"/>
  <c r="AC110940" i="1"/>
  <c r="AC110941" i="1"/>
  <c r="AC110942" i="1"/>
  <c r="AC110943" i="1"/>
  <c r="AC110944" i="1"/>
  <c r="AC110945" i="1"/>
  <c r="AC110946" i="1"/>
  <c r="AC110947" i="1"/>
  <c r="AC110948" i="1"/>
  <c r="AC110949" i="1"/>
  <c r="AC110950" i="1"/>
  <c r="AC110951" i="1"/>
  <c r="AC110952" i="1"/>
  <c r="AC110953" i="1"/>
  <c r="AC110954" i="1"/>
  <c r="AC110955" i="1"/>
  <c r="AC110956" i="1"/>
  <c r="AC110957" i="1"/>
  <c r="AC110958" i="1"/>
  <c r="AC110959" i="1"/>
  <c r="AC110960" i="1"/>
  <c r="AC110961" i="1"/>
  <c r="AC110962" i="1"/>
  <c r="AC110963" i="1"/>
  <c r="AC110964" i="1"/>
  <c r="AC110965" i="1"/>
  <c r="AC110966" i="1"/>
  <c r="AC110967" i="1"/>
  <c r="AC110968" i="1"/>
  <c r="AC110969" i="1"/>
  <c r="AC110970" i="1"/>
  <c r="AC110971" i="1"/>
  <c r="AC110972" i="1"/>
  <c r="AC110973" i="1"/>
  <c r="AC110974" i="1"/>
  <c r="AC110975" i="1"/>
  <c r="AC110976" i="1"/>
  <c r="AC110977" i="1"/>
  <c r="AC110978" i="1"/>
  <c r="AC110979" i="1"/>
  <c r="AC110980" i="1"/>
  <c r="AC110981" i="1"/>
  <c r="AC110982" i="1"/>
  <c r="AC110983" i="1"/>
  <c r="AC110984" i="1"/>
  <c r="AC110985" i="1"/>
  <c r="AC110986" i="1"/>
  <c r="AC110987" i="1"/>
  <c r="AC110988" i="1"/>
  <c r="AC110989" i="1"/>
  <c r="AC110990" i="1"/>
  <c r="AC110991" i="1"/>
  <c r="AC110992" i="1"/>
  <c r="AC110993" i="1"/>
  <c r="AC110994" i="1"/>
  <c r="AC110995" i="1"/>
  <c r="AC110996" i="1"/>
  <c r="AC110997" i="1"/>
  <c r="AC110998" i="1"/>
  <c r="AC110999" i="1"/>
  <c r="AC111000" i="1"/>
  <c r="AC111001" i="1"/>
  <c r="AC111002" i="1"/>
  <c r="AC111003" i="1"/>
  <c r="AC111004" i="1"/>
  <c r="AC111005" i="1"/>
  <c r="AC111006" i="1"/>
  <c r="AC111007" i="1"/>
  <c r="AC111008" i="1"/>
  <c r="AC111009" i="1"/>
  <c r="AC111010" i="1"/>
  <c r="AC111011" i="1"/>
  <c r="AC111012" i="1"/>
  <c r="AC111013" i="1"/>
  <c r="AC111014" i="1"/>
  <c r="AC111015" i="1"/>
  <c r="AC111016" i="1"/>
  <c r="AC111017" i="1"/>
  <c r="AC111018" i="1"/>
  <c r="AC111019" i="1"/>
  <c r="AC111020" i="1"/>
  <c r="AC111021" i="1"/>
  <c r="AC111022" i="1"/>
  <c r="AC111023" i="1"/>
  <c r="AC111024" i="1"/>
  <c r="AC111025" i="1"/>
  <c r="AC111026" i="1"/>
  <c r="AC111027" i="1"/>
  <c r="AC111028" i="1"/>
  <c r="AC111029" i="1"/>
  <c r="AC111030" i="1"/>
  <c r="AC111031" i="1"/>
  <c r="AC111032" i="1"/>
  <c r="AC111033" i="1"/>
  <c r="AC111034" i="1"/>
  <c r="AC111035" i="1"/>
  <c r="AC111036" i="1"/>
  <c r="AC111037" i="1"/>
  <c r="AC111038" i="1"/>
  <c r="AC111039" i="1"/>
  <c r="AC111040" i="1"/>
  <c r="AC111041" i="1"/>
  <c r="AC111042" i="1"/>
  <c r="AC111043" i="1"/>
  <c r="AC111044" i="1"/>
  <c r="AC111045" i="1"/>
  <c r="AC111046" i="1"/>
  <c r="AC111047" i="1"/>
  <c r="AC111048" i="1"/>
  <c r="AC111049" i="1"/>
  <c r="AC111050" i="1"/>
  <c r="AC111051" i="1"/>
  <c r="AC111052" i="1"/>
  <c r="AC111053" i="1"/>
  <c r="AC111054" i="1"/>
  <c r="AC111055" i="1"/>
  <c r="AC111056" i="1"/>
  <c r="AC111057" i="1"/>
  <c r="AC111058" i="1"/>
  <c r="AC111059" i="1"/>
  <c r="AC111060" i="1"/>
  <c r="AC111061" i="1"/>
  <c r="AC111062" i="1"/>
  <c r="AC111063" i="1"/>
  <c r="AC111064" i="1"/>
  <c r="AC111065" i="1"/>
  <c r="AC111066" i="1"/>
  <c r="AC111067" i="1"/>
  <c r="AC111068" i="1"/>
  <c r="AC111069" i="1"/>
  <c r="AC111070" i="1"/>
  <c r="AC111071" i="1"/>
  <c r="AC111072" i="1"/>
  <c r="AC111073" i="1"/>
  <c r="AC111074" i="1"/>
  <c r="AC111075" i="1"/>
  <c r="AC111076" i="1"/>
  <c r="AC111077" i="1"/>
  <c r="AC111078" i="1"/>
  <c r="AC111079" i="1"/>
  <c r="AC111080" i="1"/>
  <c r="AC111081" i="1"/>
  <c r="AC111082" i="1"/>
  <c r="AC111083" i="1"/>
  <c r="AC111084" i="1"/>
  <c r="AC111085" i="1"/>
  <c r="AC111086" i="1"/>
  <c r="AC111087" i="1"/>
  <c r="AC111088" i="1"/>
  <c r="AC111089" i="1"/>
  <c r="AC111090" i="1"/>
  <c r="AC111091" i="1"/>
  <c r="AC111092" i="1"/>
  <c r="AC111093" i="1"/>
  <c r="AC111094" i="1"/>
  <c r="AC111095" i="1"/>
  <c r="AC111096" i="1"/>
  <c r="AC111097" i="1"/>
  <c r="AC111098" i="1"/>
  <c r="AC111099" i="1"/>
  <c r="AC111100" i="1"/>
  <c r="AC111101" i="1"/>
  <c r="AC111102" i="1"/>
  <c r="AC111103" i="1"/>
  <c r="AC111104" i="1"/>
  <c r="AC111105" i="1"/>
  <c r="AC111106" i="1"/>
  <c r="AC111107" i="1"/>
  <c r="AC111108" i="1"/>
  <c r="AC111109" i="1"/>
  <c r="AC111110" i="1"/>
  <c r="AC111111" i="1"/>
  <c r="AC111112" i="1"/>
  <c r="AC111113" i="1"/>
  <c r="AC111114" i="1"/>
  <c r="AC111115" i="1"/>
  <c r="AC111116" i="1"/>
  <c r="AC111117" i="1"/>
  <c r="AC111118" i="1"/>
  <c r="AC111119" i="1"/>
  <c r="AC111120" i="1"/>
  <c r="AC111121" i="1"/>
  <c r="AC111122" i="1"/>
  <c r="AC111123" i="1"/>
  <c r="AC111124" i="1"/>
  <c r="AC111125" i="1"/>
  <c r="AC111126" i="1"/>
  <c r="AC111127" i="1"/>
  <c r="AC111128" i="1"/>
  <c r="AC111129" i="1"/>
  <c r="AC111130" i="1"/>
  <c r="AC111131" i="1"/>
  <c r="AC111132" i="1"/>
  <c r="AC111133" i="1"/>
  <c r="AC111134" i="1"/>
  <c r="AC111135" i="1"/>
  <c r="AC111136" i="1"/>
  <c r="AC111137" i="1"/>
  <c r="AC111138" i="1"/>
  <c r="AC111139" i="1"/>
  <c r="AC111140" i="1"/>
  <c r="AC111141" i="1"/>
  <c r="AC111142" i="1"/>
  <c r="AC111143" i="1"/>
  <c r="AC111144" i="1"/>
  <c r="AC111145" i="1"/>
  <c r="AC111146" i="1"/>
  <c r="AC111147" i="1"/>
  <c r="AC111148" i="1"/>
  <c r="AC111149" i="1"/>
  <c r="AC111150" i="1"/>
  <c r="AC111151" i="1"/>
  <c r="AC111152" i="1"/>
  <c r="AC111153" i="1"/>
  <c r="AC111154" i="1"/>
  <c r="AC111155" i="1"/>
  <c r="AC111156" i="1"/>
  <c r="AC111157" i="1"/>
  <c r="AC111158" i="1"/>
  <c r="AC111159" i="1"/>
  <c r="AC111160" i="1"/>
  <c r="AC111161" i="1"/>
  <c r="AC111162" i="1"/>
  <c r="AC111163" i="1"/>
  <c r="AC111164" i="1"/>
  <c r="AC111165" i="1"/>
  <c r="AC111166" i="1"/>
  <c r="AC111167" i="1"/>
  <c r="AC111168" i="1"/>
  <c r="AC111169" i="1"/>
  <c r="AC111170" i="1"/>
  <c r="AC111171" i="1"/>
  <c r="AC111172" i="1"/>
  <c r="AC111173" i="1"/>
  <c r="AC111174" i="1"/>
  <c r="AC111175" i="1"/>
  <c r="AC111176" i="1"/>
  <c r="AC111177" i="1"/>
  <c r="AC111178" i="1"/>
  <c r="AC111179" i="1"/>
  <c r="AC111180" i="1"/>
  <c r="AC111181" i="1"/>
  <c r="AC111182" i="1"/>
  <c r="AC111183" i="1"/>
  <c r="AC111184" i="1"/>
  <c r="AC111185" i="1"/>
  <c r="AC111186" i="1"/>
  <c r="AC111187" i="1"/>
  <c r="AC111188" i="1"/>
  <c r="AC111189" i="1"/>
  <c r="AC111190" i="1"/>
  <c r="AC111191" i="1"/>
  <c r="AC111192" i="1"/>
  <c r="AC111193" i="1"/>
  <c r="AC111194" i="1"/>
  <c r="AC111195" i="1"/>
  <c r="AC111196" i="1"/>
  <c r="AC111197" i="1"/>
  <c r="AC111198" i="1"/>
  <c r="AC111199" i="1"/>
  <c r="AC111200" i="1"/>
  <c r="AC111201" i="1"/>
  <c r="AC111202" i="1"/>
  <c r="AC111203" i="1"/>
  <c r="AC111204" i="1"/>
  <c r="AC111205" i="1"/>
  <c r="AC111206" i="1"/>
  <c r="AC111207" i="1"/>
  <c r="AC111208" i="1"/>
  <c r="AC111209" i="1"/>
  <c r="AC111210" i="1"/>
  <c r="AC111211" i="1"/>
  <c r="AC111212" i="1"/>
  <c r="AC111213" i="1"/>
  <c r="AC111214" i="1"/>
  <c r="AC111215" i="1"/>
  <c r="AC111216" i="1"/>
  <c r="AC111217" i="1"/>
  <c r="AC111218" i="1"/>
  <c r="AC111219" i="1"/>
  <c r="AC111220" i="1"/>
  <c r="AC111221" i="1"/>
  <c r="AC111222" i="1"/>
  <c r="AC111223" i="1"/>
  <c r="AC111224" i="1"/>
  <c r="AC111225" i="1"/>
  <c r="AC111226" i="1"/>
  <c r="AC111227" i="1"/>
  <c r="AC111228" i="1"/>
  <c r="AC111229" i="1"/>
  <c r="AC111230" i="1"/>
  <c r="AC111231" i="1"/>
  <c r="AC111232" i="1"/>
  <c r="AC111233" i="1"/>
  <c r="AC111234" i="1"/>
  <c r="AC111235" i="1"/>
  <c r="AC111236" i="1"/>
  <c r="AC111237" i="1"/>
  <c r="AC111238" i="1"/>
  <c r="AC111239" i="1"/>
  <c r="AC111240" i="1"/>
  <c r="AC111241" i="1"/>
  <c r="AC111242" i="1"/>
  <c r="AC111243" i="1"/>
  <c r="AC111244" i="1"/>
  <c r="AC111245" i="1"/>
  <c r="AC111246" i="1"/>
  <c r="AC111247" i="1"/>
  <c r="AC111248" i="1"/>
  <c r="AC111249" i="1"/>
  <c r="AC111250" i="1"/>
  <c r="AC111251" i="1"/>
  <c r="AC111252" i="1"/>
  <c r="AC111253" i="1"/>
  <c r="AC111254" i="1"/>
  <c r="AC111255" i="1"/>
  <c r="AC111256" i="1"/>
  <c r="AC111257" i="1"/>
  <c r="AC111258" i="1"/>
  <c r="AC111259" i="1"/>
  <c r="AC111260" i="1"/>
  <c r="AC111261" i="1"/>
  <c r="AC111262" i="1"/>
  <c r="AC111263" i="1"/>
  <c r="AC111264" i="1"/>
  <c r="AC111265" i="1"/>
  <c r="AC111266" i="1"/>
  <c r="AC111267" i="1"/>
  <c r="AC111268" i="1"/>
  <c r="AC111269" i="1"/>
  <c r="AC111270" i="1"/>
  <c r="AC111271" i="1"/>
  <c r="AC111272" i="1"/>
  <c r="AC111273" i="1"/>
  <c r="AC111274" i="1"/>
  <c r="AC111275" i="1"/>
  <c r="AC111276" i="1"/>
  <c r="AC111277" i="1"/>
  <c r="AC111278" i="1"/>
  <c r="AC111279" i="1"/>
  <c r="AC111280" i="1"/>
  <c r="AC111281" i="1"/>
  <c r="AC111282" i="1"/>
  <c r="AC111283" i="1"/>
  <c r="AC111284" i="1"/>
  <c r="AC111285" i="1"/>
  <c r="AC111286" i="1"/>
  <c r="AC111287" i="1"/>
  <c r="AC111288" i="1"/>
  <c r="AC111289" i="1"/>
  <c r="AC111290" i="1"/>
  <c r="AC111291" i="1"/>
  <c r="AC111292" i="1"/>
  <c r="AC111293" i="1"/>
  <c r="AC111294" i="1"/>
  <c r="AC111295" i="1"/>
  <c r="AC111296" i="1"/>
  <c r="AC111297" i="1"/>
  <c r="AC111298" i="1"/>
  <c r="AC111299" i="1"/>
  <c r="AC111300" i="1"/>
  <c r="AC111301" i="1"/>
  <c r="AC111302" i="1"/>
  <c r="AC111303" i="1"/>
  <c r="AC111304" i="1"/>
  <c r="AC111305" i="1"/>
  <c r="AC111306" i="1"/>
  <c r="AC111307" i="1"/>
  <c r="AC111308" i="1"/>
  <c r="AC111309" i="1"/>
  <c r="AC111310" i="1"/>
  <c r="AC111311" i="1"/>
  <c r="AC111312" i="1"/>
  <c r="AC111313" i="1"/>
  <c r="AC111314" i="1"/>
  <c r="AC111315" i="1"/>
  <c r="AC111316" i="1"/>
  <c r="AC111317" i="1"/>
  <c r="AC111318" i="1"/>
  <c r="AC111319" i="1"/>
  <c r="AC111320" i="1"/>
  <c r="AC111321" i="1"/>
  <c r="AC111322" i="1"/>
  <c r="AC111323" i="1"/>
  <c r="AC111324" i="1"/>
  <c r="AC111325" i="1"/>
  <c r="AC111326" i="1"/>
  <c r="AC111327" i="1"/>
  <c r="AC111328" i="1"/>
  <c r="AC111329" i="1"/>
  <c r="AC111330" i="1"/>
  <c r="AC111331" i="1"/>
  <c r="AC111332" i="1"/>
  <c r="AC111333" i="1"/>
  <c r="AC111334" i="1"/>
  <c r="AC111335" i="1"/>
  <c r="AC111336" i="1"/>
  <c r="AC111337" i="1"/>
  <c r="AC111338" i="1"/>
  <c r="AC111339" i="1"/>
  <c r="AC111340" i="1"/>
  <c r="AC111341" i="1"/>
  <c r="AC111342" i="1"/>
  <c r="AC111343" i="1"/>
  <c r="AC111344" i="1"/>
  <c r="AC111345" i="1"/>
  <c r="AC111346" i="1"/>
  <c r="AC111347" i="1"/>
  <c r="AC111348" i="1"/>
  <c r="AC111349" i="1"/>
  <c r="AC111350" i="1"/>
  <c r="AC111351" i="1"/>
  <c r="AC111352" i="1"/>
  <c r="AC111353" i="1"/>
  <c r="AC111354" i="1"/>
  <c r="AC111355" i="1"/>
  <c r="AC111356" i="1"/>
  <c r="AC111357" i="1"/>
  <c r="AC111358" i="1"/>
  <c r="AC111359" i="1"/>
  <c r="AC111360" i="1"/>
  <c r="AC111361" i="1"/>
  <c r="AC111362" i="1"/>
  <c r="AC111363" i="1"/>
  <c r="AC111364" i="1"/>
  <c r="AC111365" i="1"/>
  <c r="AC111366" i="1"/>
  <c r="AC111367" i="1"/>
  <c r="AC111368" i="1"/>
  <c r="AC111369" i="1"/>
  <c r="AC111370" i="1"/>
  <c r="AC111371" i="1"/>
  <c r="AC111372" i="1"/>
  <c r="AC111373" i="1"/>
  <c r="AC111374" i="1"/>
  <c r="AC111375" i="1"/>
  <c r="AC111376" i="1"/>
  <c r="AC111377" i="1"/>
  <c r="AC111378" i="1"/>
  <c r="AC111379" i="1"/>
  <c r="AC111380" i="1"/>
  <c r="AC111381" i="1"/>
  <c r="AC111382" i="1"/>
  <c r="AC111383" i="1"/>
  <c r="AC111384" i="1"/>
  <c r="AC111385" i="1"/>
  <c r="AC111386" i="1"/>
  <c r="AC111387" i="1"/>
  <c r="AC111388" i="1"/>
  <c r="AC111389" i="1"/>
  <c r="AC111390" i="1"/>
  <c r="AC111391" i="1"/>
  <c r="AC111392" i="1"/>
  <c r="AC111393" i="1"/>
  <c r="AC111394" i="1"/>
  <c r="AC111395" i="1"/>
  <c r="AC111396" i="1"/>
  <c r="AC111397" i="1"/>
  <c r="AC111398" i="1"/>
  <c r="AC111399" i="1"/>
  <c r="AC111400" i="1"/>
  <c r="AC111401" i="1"/>
  <c r="AC111402" i="1"/>
  <c r="AC111403" i="1"/>
  <c r="AC111404" i="1"/>
  <c r="AC111405" i="1"/>
  <c r="AC111406" i="1"/>
  <c r="AC111407" i="1"/>
  <c r="AC111408" i="1"/>
  <c r="AC111409" i="1"/>
  <c r="AC111410" i="1"/>
  <c r="AC111411" i="1"/>
  <c r="AC111412" i="1"/>
  <c r="AC111413" i="1"/>
  <c r="AC111414" i="1"/>
  <c r="AC111415" i="1"/>
  <c r="AC111416" i="1"/>
  <c r="AC111417" i="1"/>
  <c r="AC111418" i="1"/>
  <c r="AC111419" i="1"/>
  <c r="AC111420" i="1"/>
  <c r="AC111421" i="1"/>
  <c r="AC111422" i="1"/>
  <c r="AC111423" i="1"/>
  <c r="AC111424" i="1"/>
  <c r="AC111425" i="1"/>
  <c r="AC111426" i="1"/>
  <c r="AC111427" i="1"/>
  <c r="AC111428" i="1"/>
  <c r="AC111429" i="1"/>
  <c r="AC111430" i="1"/>
  <c r="AC111431" i="1"/>
  <c r="AC111432" i="1"/>
  <c r="AC111433" i="1"/>
  <c r="AC111434" i="1"/>
  <c r="AC111435" i="1"/>
  <c r="AC111436" i="1"/>
  <c r="AC111437" i="1"/>
  <c r="AC111438" i="1"/>
  <c r="AC111439" i="1"/>
  <c r="AC111440" i="1"/>
  <c r="AC111441" i="1"/>
  <c r="AC111442" i="1"/>
  <c r="AC111443" i="1"/>
  <c r="AC111444" i="1"/>
  <c r="AC111445" i="1"/>
  <c r="AC111446" i="1"/>
  <c r="AC111447" i="1"/>
  <c r="AC111448" i="1"/>
  <c r="AC111449" i="1"/>
  <c r="AC111450" i="1"/>
  <c r="AC111451" i="1"/>
  <c r="AC111452" i="1"/>
  <c r="AC111453" i="1"/>
  <c r="AC111454" i="1"/>
  <c r="AC111455" i="1"/>
  <c r="AC111456" i="1"/>
  <c r="AC111457" i="1"/>
  <c r="AC111458" i="1"/>
  <c r="AC111459" i="1"/>
  <c r="AC111460" i="1"/>
  <c r="AC111461" i="1"/>
  <c r="AC111462" i="1"/>
  <c r="AC111463" i="1"/>
  <c r="AC111464" i="1"/>
  <c r="AC111465" i="1"/>
  <c r="AC111466" i="1"/>
  <c r="AC111467" i="1"/>
  <c r="AC111468" i="1"/>
  <c r="AC111469" i="1"/>
  <c r="AC111470" i="1"/>
  <c r="AC111471" i="1"/>
  <c r="AC111472" i="1"/>
  <c r="AC111473" i="1"/>
  <c r="AC111474" i="1"/>
  <c r="AC111475" i="1"/>
  <c r="AC111476" i="1"/>
  <c r="AC111477" i="1"/>
  <c r="AC111478" i="1"/>
  <c r="AC111479" i="1"/>
  <c r="AC111480" i="1"/>
  <c r="AC111481" i="1"/>
  <c r="AC111482" i="1"/>
  <c r="AC111483" i="1"/>
  <c r="AC111484" i="1"/>
  <c r="AC111485" i="1"/>
  <c r="AC111486" i="1"/>
  <c r="AC111487" i="1"/>
  <c r="AC111488" i="1"/>
  <c r="AC111489" i="1"/>
  <c r="AC111490" i="1"/>
  <c r="AC111491" i="1"/>
  <c r="AC111492" i="1"/>
  <c r="AC111493" i="1"/>
  <c r="AC111494" i="1"/>
  <c r="AC111495" i="1"/>
  <c r="AC111496" i="1"/>
  <c r="AC111497" i="1"/>
  <c r="AC111498" i="1"/>
  <c r="AC111499" i="1"/>
  <c r="AC111500" i="1"/>
  <c r="AC111501" i="1"/>
  <c r="AC111502" i="1"/>
  <c r="AC111503" i="1"/>
  <c r="AC111504" i="1"/>
  <c r="AC111505" i="1"/>
  <c r="AC111506" i="1"/>
  <c r="AC111507" i="1"/>
  <c r="AC111508" i="1"/>
  <c r="AC111509" i="1"/>
  <c r="AC111510" i="1"/>
  <c r="AC111511" i="1"/>
  <c r="AC111512" i="1"/>
  <c r="AC111513" i="1"/>
  <c r="AC111514" i="1"/>
  <c r="AC111515" i="1"/>
  <c r="AC111516" i="1"/>
  <c r="AC111517" i="1"/>
  <c r="AC111518" i="1"/>
  <c r="AC111519" i="1"/>
  <c r="AC111520" i="1"/>
  <c r="AC111521" i="1"/>
  <c r="AC111522" i="1"/>
  <c r="AC111523" i="1"/>
  <c r="AC111524" i="1"/>
  <c r="AC111525" i="1"/>
  <c r="AC111526" i="1"/>
  <c r="AC111527" i="1"/>
  <c r="AC111528" i="1"/>
  <c r="AC111529" i="1"/>
  <c r="AC111530" i="1"/>
  <c r="AC111531" i="1"/>
  <c r="AC111532" i="1"/>
  <c r="AC111533" i="1"/>
  <c r="AC111534" i="1"/>
  <c r="AC111535" i="1"/>
  <c r="AC111536" i="1"/>
  <c r="AC111537" i="1"/>
  <c r="AC111538" i="1"/>
  <c r="AC111539" i="1"/>
  <c r="AC111540" i="1"/>
  <c r="AC111541" i="1"/>
  <c r="AC111542" i="1"/>
  <c r="AC111543" i="1"/>
  <c r="AC111544" i="1"/>
  <c r="AC111545" i="1"/>
  <c r="AC111546" i="1"/>
  <c r="AC111547" i="1"/>
  <c r="AC111548" i="1"/>
  <c r="AC111549" i="1"/>
  <c r="AC111550" i="1"/>
  <c r="AC111551" i="1"/>
  <c r="AC111552" i="1"/>
  <c r="AC111553" i="1"/>
  <c r="AC111554" i="1"/>
  <c r="AC111555" i="1"/>
  <c r="AC111556" i="1"/>
  <c r="AC111557" i="1"/>
  <c r="AC111558" i="1"/>
  <c r="AC111559" i="1"/>
  <c r="AC111560" i="1"/>
  <c r="AC111561" i="1"/>
  <c r="AC111562" i="1"/>
  <c r="AC111563" i="1"/>
  <c r="AC111564" i="1"/>
  <c r="AC111565" i="1"/>
  <c r="AC111566" i="1"/>
  <c r="AC111567" i="1"/>
  <c r="AC111568" i="1"/>
  <c r="AC111569" i="1"/>
  <c r="AC111570" i="1"/>
  <c r="AC111571" i="1"/>
  <c r="AC111572" i="1"/>
  <c r="AC111573" i="1"/>
  <c r="AC111574" i="1"/>
  <c r="AC111575" i="1"/>
  <c r="AC111576" i="1"/>
  <c r="AC111577" i="1"/>
  <c r="AC111578" i="1"/>
  <c r="AC111579" i="1"/>
  <c r="AC111580" i="1"/>
  <c r="AC111581" i="1"/>
  <c r="AC111582" i="1"/>
  <c r="AC111583" i="1"/>
  <c r="AC111584" i="1"/>
  <c r="AC111585" i="1"/>
  <c r="AC111586" i="1"/>
  <c r="AC111587" i="1"/>
  <c r="AC111588" i="1"/>
  <c r="AC111589" i="1"/>
  <c r="AC111590" i="1"/>
  <c r="AC111591" i="1"/>
  <c r="AC111592" i="1"/>
  <c r="AC111593" i="1"/>
  <c r="AC111594" i="1"/>
  <c r="AC111595" i="1"/>
  <c r="AC111596" i="1"/>
  <c r="AC111597" i="1"/>
  <c r="AC111598" i="1"/>
  <c r="AC111599" i="1"/>
  <c r="AC111600" i="1"/>
  <c r="AC111601" i="1"/>
  <c r="AC111602" i="1"/>
  <c r="AC111603" i="1"/>
  <c r="AC111604" i="1"/>
  <c r="AC111605" i="1"/>
  <c r="AC111606" i="1"/>
  <c r="AC111607" i="1"/>
  <c r="AC111608" i="1"/>
  <c r="AC111609" i="1"/>
  <c r="AC111610" i="1"/>
  <c r="AC111611" i="1"/>
  <c r="AC111612" i="1"/>
  <c r="AC111613" i="1"/>
  <c r="AC111614" i="1"/>
  <c r="AC111615" i="1"/>
  <c r="AC111616" i="1"/>
  <c r="AC111617" i="1"/>
  <c r="AC111618" i="1"/>
  <c r="AC111619" i="1"/>
  <c r="AC111620" i="1"/>
  <c r="AC111621" i="1"/>
  <c r="AC111622" i="1"/>
  <c r="AC111623" i="1"/>
  <c r="AC111624" i="1"/>
  <c r="AC111625" i="1"/>
  <c r="AC111626" i="1"/>
  <c r="AC111627" i="1"/>
  <c r="AC111628" i="1"/>
  <c r="AC111629" i="1"/>
  <c r="AC111630" i="1"/>
  <c r="AC111631" i="1"/>
  <c r="AC111632" i="1"/>
  <c r="AC111633" i="1"/>
  <c r="AC111634" i="1"/>
  <c r="AC111635" i="1"/>
  <c r="AC111636" i="1"/>
  <c r="AC111637" i="1"/>
  <c r="AC111638" i="1"/>
  <c r="AC111639" i="1"/>
  <c r="AC111640" i="1"/>
  <c r="AC111641" i="1"/>
  <c r="AC111642" i="1"/>
  <c r="AC111643" i="1"/>
  <c r="AC111644" i="1"/>
  <c r="AC111645" i="1"/>
  <c r="AC111646" i="1"/>
  <c r="AC111647" i="1"/>
  <c r="AC111648" i="1"/>
  <c r="AC111649" i="1"/>
  <c r="AC111650" i="1"/>
  <c r="AC111651" i="1"/>
  <c r="AC111652" i="1"/>
  <c r="AC111653" i="1"/>
  <c r="AC111654" i="1"/>
  <c r="AC111655" i="1"/>
  <c r="AC111656" i="1"/>
  <c r="AC111657" i="1"/>
  <c r="AC111658" i="1"/>
  <c r="AC111659" i="1"/>
  <c r="AC111660" i="1"/>
  <c r="AC111661" i="1"/>
  <c r="AC111662" i="1"/>
  <c r="AC111663" i="1"/>
  <c r="AC111664" i="1"/>
  <c r="AC111665" i="1"/>
  <c r="AC111666" i="1"/>
  <c r="AC111667" i="1"/>
  <c r="AC111668" i="1"/>
  <c r="AC111669" i="1"/>
  <c r="AC111670" i="1"/>
  <c r="AC111671" i="1"/>
  <c r="AC111672" i="1"/>
  <c r="AC111673" i="1"/>
  <c r="AC111674" i="1"/>
  <c r="AC111675" i="1"/>
  <c r="AC111676" i="1"/>
  <c r="AC111677" i="1"/>
  <c r="AC111678" i="1"/>
  <c r="AC111679" i="1"/>
  <c r="AC111680" i="1"/>
  <c r="AC111681" i="1"/>
  <c r="AC111682" i="1"/>
  <c r="AC111683" i="1"/>
  <c r="AC111684" i="1"/>
  <c r="AC111685" i="1"/>
  <c r="AC111686" i="1"/>
  <c r="AC111687" i="1"/>
  <c r="AC111688" i="1"/>
  <c r="AC111689" i="1"/>
  <c r="AC111690" i="1"/>
  <c r="AC111691" i="1"/>
  <c r="AC111692" i="1"/>
  <c r="AC111693" i="1"/>
  <c r="AC111694" i="1"/>
  <c r="AC111695" i="1"/>
  <c r="AC111696" i="1"/>
  <c r="AC111697" i="1"/>
  <c r="AC111698" i="1"/>
  <c r="AC111699" i="1"/>
  <c r="AC111700" i="1"/>
  <c r="AC111701" i="1"/>
  <c r="AC111702" i="1"/>
  <c r="AC111703" i="1"/>
  <c r="AC111704" i="1"/>
  <c r="AC111705" i="1"/>
  <c r="AC111706" i="1"/>
  <c r="AC111707" i="1"/>
  <c r="AC111708" i="1"/>
  <c r="AC111709" i="1"/>
  <c r="AC111710" i="1"/>
  <c r="AC111711" i="1"/>
  <c r="AC111712" i="1"/>
  <c r="AC111713" i="1"/>
  <c r="AC111714" i="1"/>
  <c r="AC111715" i="1"/>
  <c r="AC111716" i="1"/>
  <c r="AC111717" i="1"/>
  <c r="AC111718" i="1"/>
  <c r="AC111719" i="1"/>
  <c r="AC111720" i="1"/>
  <c r="AC111721" i="1"/>
  <c r="AC111722" i="1"/>
  <c r="AC111723" i="1"/>
  <c r="AC111724" i="1"/>
  <c r="AC111725" i="1"/>
  <c r="AC111726" i="1"/>
  <c r="AC111727" i="1"/>
  <c r="AC111728" i="1"/>
  <c r="AC111729" i="1"/>
  <c r="AC111730" i="1"/>
  <c r="AC111731" i="1"/>
  <c r="AC111732" i="1"/>
  <c r="AC111733" i="1"/>
  <c r="AC111734" i="1"/>
  <c r="AC111735" i="1"/>
  <c r="AC111736" i="1"/>
  <c r="AC111737" i="1"/>
  <c r="AC111738" i="1"/>
  <c r="AC111739" i="1"/>
  <c r="AC111740" i="1"/>
  <c r="AC111741" i="1"/>
  <c r="AC111742" i="1"/>
  <c r="AC111743" i="1"/>
  <c r="AC111744" i="1"/>
  <c r="AC111745" i="1"/>
  <c r="AC111746" i="1"/>
  <c r="AC111747" i="1"/>
  <c r="AC111748" i="1"/>
  <c r="AC111749" i="1"/>
  <c r="AC111750" i="1"/>
  <c r="AC111751" i="1"/>
  <c r="AC111752" i="1"/>
  <c r="AC111753" i="1"/>
  <c r="AC111754" i="1"/>
  <c r="AC111755" i="1"/>
  <c r="AC111756" i="1"/>
  <c r="AC111757" i="1"/>
  <c r="AC111758" i="1"/>
  <c r="AC111759" i="1"/>
  <c r="AC111760" i="1"/>
  <c r="AC111761" i="1"/>
  <c r="AC111762" i="1"/>
  <c r="AC111763" i="1"/>
  <c r="AC111764" i="1"/>
  <c r="AC111765" i="1"/>
  <c r="AC111766" i="1"/>
  <c r="AC111767" i="1"/>
  <c r="AC111768" i="1"/>
  <c r="AC111769" i="1"/>
  <c r="AC111770" i="1"/>
  <c r="AC111771" i="1"/>
  <c r="AC111772" i="1"/>
  <c r="AC111773" i="1"/>
  <c r="AC111774" i="1"/>
  <c r="AC111775" i="1"/>
  <c r="AC111776" i="1"/>
  <c r="AC111777" i="1"/>
  <c r="AC111778" i="1"/>
  <c r="AC111779" i="1"/>
  <c r="AC111780" i="1"/>
  <c r="AC111781" i="1"/>
  <c r="AC111782" i="1"/>
  <c r="AC111783" i="1"/>
  <c r="AC111784" i="1"/>
  <c r="AC111785" i="1"/>
  <c r="AC111786" i="1"/>
  <c r="AC111787" i="1"/>
  <c r="AC111788" i="1"/>
  <c r="AC111789" i="1"/>
  <c r="AC111790" i="1"/>
  <c r="AC111791" i="1"/>
  <c r="AC111792" i="1"/>
  <c r="AC111793" i="1"/>
  <c r="AC111794" i="1"/>
  <c r="AC111795" i="1"/>
  <c r="AC111796" i="1"/>
  <c r="AC111797" i="1"/>
  <c r="AC111798" i="1"/>
  <c r="AC111799" i="1"/>
  <c r="AC111800" i="1"/>
  <c r="AC111801" i="1"/>
  <c r="AC111802" i="1"/>
  <c r="AC111803" i="1"/>
  <c r="AC111804" i="1"/>
  <c r="AC111805" i="1"/>
  <c r="AC111806" i="1"/>
  <c r="AC111807" i="1"/>
  <c r="AC111808" i="1"/>
  <c r="AC111809" i="1"/>
  <c r="AC111810" i="1"/>
  <c r="AC111811" i="1"/>
  <c r="AC111812" i="1"/>
  <c r="AC111813" i="1"/>
  <c r="AC111814" i="1"/>
  <c r="AC111815" i="1"/>
  <c r="AC111816" i="1"/>
  <c r="AC111817" i="1"/>
  <c r="AC111818" i="1"/>
  <c r="AC111819" i="1"/>
  <c r="AC111820" i="1"/>
  <c r="AC111821" i="1"/>
  <c r="AC111822" i="1"/>
  <c r="AC111823" i="1"/>
  <c r="AC111824" i="1"/>
  <c r="AC111825" i="1"/>
  <c r="AC111826" i="1"/>
  <c r="AC111827" i="1"/>
  <c r="AC111828" i="1"/>
  <c r="AC111829" i="1"/>
  <c r="AC111830" i="1"/>
  <c r="AC111831" i="1"/>
  <c r="AC111832" i="1"/>
  <c r="AC111833" i="1"/>
  <c r="AC111834" i="1"/>
  <c r="AC111835" i="1"/>
  <c r="AC111836" i="1"/>
  <c r="AC111837" i="1"/>
  <c r="AC111838" i="1"/>
  <c r="AC111839" i="1"/>
  <c r="AC111840" i="1"/>
  <c r="AC111841" i="1"/>
  <c r="AC111842" i="1"/>
  <c r="AC111843" i="1"/>
  <c r="AC111844" i="1"/>
  <c r="AC111845" i="1"/>
  <c r="AC111846" i="1"/>
  <c r="AC111847" i="1"/>
  <c r="AC111848" i="1"/>
  <c r="AC111849" i="1"/>
  <c r="AC111850" i="1"/>
  <c r="AC111851" i="1"/>
  <c r="AC111852" i="1"/>
  <c r="AC111853" i="1"/>
  <c r="AC111854" i="1"/>
  <c r="AC111855" i="1"/>
  <c r="AC111856" i="1"/>
  <c r="AC111857" i="1"/>
  <c r="AC111858" i="1"/>
  <c r="AC111859" i="1"/>
  <c r="AC111860" i="1"/>
  <c r="AC111861" i="1"/>
  <c r="AC111862" i="1"/>
  <c r="AC111863" i="1"/>
  <c r="AC111864" i="1"/>
  <c r="AC111865" i="1"/>
  <c r="AC111866" i="1"/>
  <c r="AC111867" i="1"/>
  <c r="AC111868" i="1"/>
  <c r="AC111869" i="1"/>
  <c r="AC111870" i="1"/>
  <c r="AC111871" i="1"/>
  <c r="AC111872" i="1"/>
  <c r="AC111873" i="1"/>
  <c r="AC111874" i="1"/>
  <c r="AC111875" i="1"/>
  <c r="AC111876" i="1"/>
  <c r="AC111877" i="1"/>
  <c r="AC111878" i="1"/>
  <c r="AC111879" i="1"/>
  <c r="AC111880" i="1"/>
  <c r="AC111881" i="1"/>
  <c r="AC111882" i="1"/>
  <c r="AC111883" i="1"/>
  <c r="AC111884" i="1"/>
  <c r="AC111885" i="1"/>
  <c r="AC111886" i="1"/>
  <c r="AC111887" i="1"/>
  <c r="AC111888" i="1"/>
  <c r="AC111889" i="1"/>
  <c r="AC111890" i="1"/>
  <c r="AC111891" i="1"/>
  <c r="AC111892" i="1"/>
  <c r="AC111893" i="1"/>
  <c r="AC111894" i="1"/>
  <c r="AC111895" i="1"/>
  <c r="AC111896" i="1"/>
  <c r="AC111897" i="1"/>
  <c r="AC111898" i="1"/>
  <c r="AC111899" i="1"/>
  <c r="AC111900" i="1"/>
  <c r="AC111901" i="1"/>
  <c r="AC111902" i="1"/>
  <c r="AC111903" i="1"/>
  <c r="AC111904" i="1"/>
  <c r="AC111905" i="1"/>
  <c r="AC111906" i="1"/>
  <c r="AC111907" i="1"/>
  <c r="AC111908" i="1"/>
  <c r="AC111909" i="1"/>
  <c r="AC111910" i="1"/>
  <c r="AC111911" i="1"/>
  <c r="AC111912" i="1"/>
  <c r="AC111913" i="1"/>
  <c r="AC111914" i="1"/>
  <c r="AC111915" i="1"/>
  <c r="AC111916" i="1"/>
  <c r="AC111917" i="1"/>
  <c r="AC111918" i="1"/>
  <c r="AC111919" i="1"/>
  <c r="AC111920" i="1"/>
  <c r="AC111921" i="1"/>
  <c r="AC111922" i="1"/>
  <c r="AC111923" i="1"/>
  <c r="AC111924" i="1"/>
  <c r="AC111925" i="1"/>
  <c r="AC111926" i="1"/>
  <c r="AC111927" i="1"/>
  <c r="AC111928" i="1"/>
  <c r="AC111929" i="1"/>
  <c r="AC111930" i="1"/>
  <c r="AC111931" i="1"/>
  <c r="AC111932" i="1"/>
  <c r="AC111933" i="1"/>
  <c r="AC111934" i="1"/>
  <c r="AC111935" i="1"/>
  <c r="AC111936" i="1"/>
  <c r="AC111937" i="1"/>
  <c r="AC111938" i="1"/>
  <c r="AC111939" i="1"/>
  <c r="AC111940" i="1"/>
  <c r="AC111941" i="1"/>
  <c r="AC111942" i="1"/>
  <c r="AC111943" i="1"/>
  <c r="AC111944" i="1"/>
  <c r="AC111945" i="1"/>
  <c r="AC111946" i="1"/>
  <c r="AC111947" i="1"/>
  <c r="AC111948" i="1"/>
  <c r="AC111949" i="1"/>
  <c r="AC111950" i="1"/>
  <c r="AC111951" i="1"/>
  <c r="AC111952" i="1"/>
  <c r="AC111953" i="1"/>
  <c r="AC111954" i="1"/>
  <c r="AC111955" i="1"/>
  <c r="AC111956" i="1"/>
  <c r="AC111957" i="1"/>
  <c r="AC111958" i="1"/>
  <c r="AC111959" i="1"/>
  <c r="AC111960" i="1"/>
  <c r="AC111961" i="1"/>
  <c r="AC111962" i="1"/>
  <c r="AC111963" i="1"/>
  <c r="AC111964" i="1"/>
  <c r="AC111965" i="1"/>
  <c r="AC111966" i="1"/>
  <c r="AC111967" i="1"/>
  <c r="AC111968" i="1"/>
  <c r="AC111969" i="1"/>
  <c r="AC111970" i="1"/>
  <c r="AC111971" i="1"/>
  <c r="AC111972" i="1"/>
  <c r="AC111973" i="1"/>
  <c r="AC111974" i="1"/>
  <c r="AC111975" i="1"/>
  <c r="AC111976" i="1"/>
  <c r="AC111977" i="1"/>
  <c r="AC111978" i="1"/>
  <c r="AC111979" i="1"/>
  <c r="AC111980" i="1"/>
  <c r="AC111981" i="1"/>
  <c r="AC111982" i="1"/>
  <c r="AC111983" i="1"/>
  <c r="AC111984" i="1"/>
  <c r="AC111985" i="1"/>
  <c r="AC111986" i="1"/>
  <c r="AC111987" i="1"/>
  <c r="AC111988" i="1"/>
  <c r="AC111989" i="1"/>
  <c r="AC111990" i="1"/>
  <c r="AC111991" i="1"/>
  <c r="AC111992" i="1"/>
  <c r="AC111993" i="1"/>
  <c r="AC111994" i="1"/>
  <c r="AC111995" i="1"/>
  <c r="AC111996" i="1"/>
  <c r="AC111997" i="1"/>
  <c r="AC111998" i="1"/>
  <c r="AC111999" i="1"/>
  <c r="AC112000" i="1"/>
  <c r="AC112001" i="1"/>
  <c r="AC112002" i="1"/>
  <c r="AC112003" i="1"/>
  <c r="AC112004" i="1"/>
  <c r="AC112005" i="1"/>
  <c r="AC112006" i="1"/>
  <c r="AC112007" i="1"/>
  <c r="AC112008" i="1"/>
  <c r="AC112009" i="1"/>
  <c r="AC112010" i="1"/>
  <c r="AC112011" i="1"/>
  <c r="AC112012" i="1"/>
  <c r="AC112013" i="1"/>
  <c r="AC112014" i="1"/>
  <c r="AC112015" i="1"/>
  <c r="AC112016" i="1"/>
  <c r="AC112017" i="1"/>
  <c r="AC112018" i="1"/>
  <c r="AC112019" i="1"/>
  <c r="AC112020" i="1"/>
  <c r="AC112021" i="1"/>
  <c r="AC112022" i="1"/>
  <c r="AC112023" i="1"/>
  <c r="AC112024" i="1"/>
  <c r="AC112025" i="1"/>
  <c r="AC112026" i="1"/>
  <c r="AC112027" i="1"/>
  <c r="AC112028" i="1"/>
  <c r="AC112029" i="1"/>
  <c r="AC112030" i="1"/>
  <c r="AC112031" i="1"/>
  <c r="AC112032" i="1"/>
  <c r="AC112033" i="1"/>
  <c r="AC112034" i="1"/>
  <c r="AC112035" i="1"/>
  <c r="AC112036" i="1"/>
  <c r="AC112037" i="1"/>
  <c r="AC112038" i="1"/>
  <c r="AC112039" i="1"/>
  <c r="AC112040" i="1"/>
  <c r="AC112041" i="1"/>
  <c r="AC112042" i="1"/>
  <c r="AC112043" i="1"/>
  <c r="AC112044" i="1"/>
  <c r="AC112045" i="1"/>
  <c r="AC112046" i="1"/>
  <c r="AC112047" i="1"/>
  <c r="AC112048" i="1"/>
  <c r="AC112049" i="1"/>
  <c r="AC112050" i="1"/>
  <c r="AC112051" i="1"/>
  <c r="AC112052" i="1"/>
  <c r="AC112053" i="1"/>
  <c r="AC112054" i="1"/>
  <c r="AC112055" i="1"/>
  <c r="AC112056" i="1"/>
  <c r="AC112057" i="1"/>
  <c r="AC112058" i="1"/>
  <c r="AC112059" i="1"/>
  <c r="AC112060" i="1"/>
  <c r="AC112061" i="1"/>
  <c r="AC112062" i="1"/>
  <c r="AC112063" i="1"/>
  <c r="AC112064" i="1"/>
  <c r="AC112065" i="1"/>
  <c r="AC112066" i="1"/>
  <c r="AC112067" i="1"/>
  <c r="AC112068" i="1"/>
  <c r="AC112069" i="1"/>
  <c r="AC112070" i="1"/>
  <c r="AC112071" i="1"/>
  <c r="AC112072" i="1"/>
  <c r="AC112073" i="1"/>
  <c r="AC112074" i="1"/>
  <c r="AC112075" i="1"/>
  <c r="AC112076" i="1"/>
  <c r="AC112077" i="1"/>
  <c r="AC112078" i="1"/>
  <c r="AC112079" i="1"/>
  <c r="AC112080" i="1"/>
  <c r="AC112081" i="1"/>
  <c r="AC112082" i="1"/>
  <c r="AC112083" i="1"/>
  <c r="AC112084" i="1"/>
  <c r="AC112085" i="1"/>
  <c r="AC112086" i="1"/>
  <c r="AC112087" i="1"/>
  <c r="AC112088" i="1"/>
  <c r="AC112089" i="1"/>
  <c r="AC112090" i="1"/>
  <c r="AC112091" i="1"/>
  <c r="AC112092" i="1"/>
  <c r="AC112093" i="1"/>
  <c r="AC112094" i="1"/>
  <c r="AC112095" i="1"/>
  <c r="AC112096" i="1"/>
  <c r="AC112097" i="1"/>
  <c r="AC112098" i="1"/>
  <c r="AC112099" i="1"/>
  <c r="AC112100" i="1"/>
  <c r="AC112101" i="1"/>
  <c r="AC112102" i="1"/>
  <c r="AC112103" i="1"/>
  <c r="AC112104" i="1"/>
  <c r="AC112105" i="1"/>
  <c r="AC112106" i="1"/>
  <c r="AC112107" i="1"/>
  <c r="AC112108" i="1"/>
  <c r="AC112109" i="1"/>
  <c r="AC112110" i="1"/>
  <c r="AC112111" i="1"/>
  <c r="AC112112" i="1"/>
  <c r="AC112113" i="1"/>
  <c r="AC112114" i="1"/>
  <c r="AC112115" i="1"/>
  <c r="AC112116" i="1"/>
  <c r="AC112117" i="1"/>
  <c r="AC112118" i="1"/>
  <c r="AC112119" i="1"/>
  <c r="AC112120" i="1"/>
  <c r="AC112121" i="1"/>
  <c r="AC112122" i="1"/>
  <c r="AC112123" i="1"/>
  <c r="AC112124" i="1"/>
  <c r="AC112125" i="1"/>
  <c r="AC112126" i="1"/>
  <c r="AC112127" i="1"/>
  <c r="AC112128" i="1"/>
  <c r="AC112129" i="1"/>
  <c r="AC112130" i="1"/>
  <c r="AC112131" i="1"/>
  <c r="AC112132" i="1"/>
  <c r="AC112133" i="1"/>
  <c r="AC112134" i="1"/>
  <c r="AC112135" i="1"/>
  <c r="AC112136" i="1"/>
  <c r="AC112137" i="1"/>
  <c r="AC112138" i="1"/>
  <c r="AC112139" i="1"/>
  <c r="AC112140" i="1"/>
  <c r="AC112141" i="1"/>
  <c r="AC112142" i="1"/>
  <c r="AC112143" i="1"/>
  <c r="AC112144" i="1"/>
  <c r="AC112145" i="1"/>
  <c r="AC112146" i="1"/>
  <c r="AC112147" i="1"/>
  <c r="AC112148" i="1"/>
  <c r="AC112149" i="1"/>
  <c r="AC112150" i="1"/>
  <c r="AC112151" i="1"/>
  <c r="AC112152" i="1"/>
  <c r="AC112153" i="1"/>
  <c r="AC112154" i="1"/>
  <c r="AC112155" i="1"/>
  <c r="AC112156" i="1"/>
  <c r="AC112157" i="1"/>
  <c r="AC112158" i="1"/>
  <c r="AC112159" i="1"/>
  <c r="AC112160" i="1"/>
  <c r="AC112161" i="1"/>
  <c r="AC112162" i="1"/>
  <c r="AC112163" i="1"/>
  <c r="AC112164" i="1"/>
  <c r="AC112165" i="1"/>
  <c r="AC112166" i="1"/>
  <c r="AC112167" i="1"/>
  <c r="AC112168" i="1"/>
  <c r="AC112169" i="1"/>
  <c r="AC112170" i="1"/>
  <c r="AC112171" i="1"/>
  <c r="AC112172" i="1"/>
  <c r="AC112173" i="1"/>
  <c r="AC112174" i="1"/>
  <c r="AC112175" i="1"/>
  <c r="AC112176" i="1"/>
  <c r="AC112177" i="1"/>
  <c r="AC112178" i="1"/>
  <c r="AC112179" i="1"/>
  <c r="AC112180" i="1"/>
  <c r="AC112181" i="1"/>
  <c r="AC112182" i="1"/>
  <c r="AC112183" i="1"/>
  <c r="AC112184" i="1"/>
  <c r="AC112185" i="1"/>
  <c r="AC112186" i="1"/>
  <c r="AC112187" i="1"/>
  <c r="AC112188" i="1"/>
  <c r="AC112189" i="1"/>
  <c r="AC112190" i="1"/>
  <c r="AC112191" i="1"/>
  <c r="AC112192" i="1"/>
  <c r="AC112193" i="1"/>
  <c r="AC112194" i="1"/>
  <c r="AC112195" i="1"/>
  <c r="AC112196" i="1"/>
  <c r="AC112197" i="1"/>
  <c r="AC112198" i="1"/>
  <c r="AC112199" i="1"/>
  <c r="AC112200" i="1"/>
  <c r="AC112201" i="1"/>
  <c r="AC112202" i="1"/>
  <c r="AC112203" i="1"/>
  <c r="AC112204" i="1"/>
  <c r="AC112205" i="1"/>
  <c r="AC112206" i="1"/>
  <c r="AC112207" i="1"/>
  <c r="AC112208" i="1"/>
  <c r="AC112209" i="1"/>
  <c r="AC112210" i="1"/>
  <c r="AC112211" i="1"/>
  <c r="AC112212" i="1"/>
  <c r="AC112213" i="1"/>
  <c r="AC112214" i="1"/>
  <c r="AC112215" i="1"/>
  <c r="AC112216" i="1"/>
  <c r="AC112217" i="1"/>
  <c r="AC112218" i="1"/>
  <c r="AC112219" i="1"/>
  <c r="AC112220" i="1"/>
  <c r="AC112221" i="1"/>
  <c r="AC112222" i="1"/>
  <c r="AC112223" i="1"/>
  <c r="AC112224" i="1"/>
  <c r="AC112225" i="1"/>
  <c r="AC112226" i="1"/>
  <c r="AC112227" i="1"/>
  <c r="AC112228" i="1"/>
  <c r="AC112229" i="1"/>
  <c r="AC112230" i="1"/>
  <c r="AC112231" i="1"/>
  <c r="AC112232" i="1"/>
  <c r="AC112233" i="1"/>
  <c r="AC112234" i="1"/>
  <c r="AC112235" i="1"/>
  <c r="AC112236" i="1"/>
  <c r="AC112237" i="1"/>
  <c r="AC112238" i="1"/>
  <c r="AC112239" i="1"/>
  <c r="AC112240" i="1"/>
  <c r="AC112241" i="1"/>
  <c r="AC112242" i="1"/>
  <c r="AC112243" i="1"/>
  <c r="AC112244" i="1"/>
  <c r="AC112245" i="1"/>
  <c r="AC112246" i="1"/>
  <c r="AC112247" i="1"/>
  <c r="AC112248" i="1"/>
  <c r="AC112249" i="1"/>
  <c r="AC112250" i="1"/>
  <c r="AC112251" i="1"/>
  <c r="AC112252" i="1"/>
  <c r="AC112253" i="1"/>
  <c r="AC112254" i="1"/>
  <c r="AC112255" i="1"/>
  <c r="AC112256" i="1"/>
  <c r="AC112257" i="1"/>
  <c r="AC112258" i="1"/>
  <c r="AC112259" i="1"/>
  <c r="AC112260" i="1"/>
  <c r="AC112261" i="1"/>
  <c r="AC112262" i="1"/>
  <c r="AC112263" i="1"/>
  <c r="AC112264" i="1"/>
  <c r="AC112265" i="1"/>
  <c r="AC112266" i="1"/>
  <c r="AC112267" i="1"/>
  <c r="AC112268" i="1"/>
  <c r="AC112269" i="1"/>
  <c r="AC112270" i="1"/>
  <c r="AC112271" i="1"/>
  <c r="AC112272" i="1"/>
  <c r="AC112273" i="1"/>
  <c r="AC112274" i="1"/>
  <c r="AC112275" i="1"/>
  <c r="AC112276" i="1"/>
  <c r="AC112277" i="1"/>
  <c r="AC112278" i="1"/>
  <c r="AC112279" i="1"/>
  <c r="AC112280" i="1"/>
  <c r="AC112281" i="1"/>
  <c r="AC112282" i="1"/>
  <c r="AC112283" i="1"/>
  <c r="AC112284" i="1"/>
  <c r="AC112285" i="1"/>
  <c r="AC112286" i="1"/>
  <c r="AC112287" i="1"/>
  <c r="AC112288" i="1"/>
  <c r="AC112289" i="1"/>
  <c r="AC112290" i="1"/>
  <c r="AC112291" i="1"/>
  <c r="AC112292" i="1"/>
  <c r="AC112293" i="1"/>
  <c r="AC112294" i="1"/>
  <c r="AC112295" i="1"/>
  <c r="AC112296" i="1"/>
  <c r="AC112297" i="1"/>
  <c r="AC112298" i="1"/>
  <c r="AC112299" i="1"/>
  <c r="AC112300" i="1"/>
  <c r="AC112301" i="1"/>
  <c r="AC112302" i="1"/>
  <c r="AC112303" i="1"/>
  <c r="AC112304" i="1"/>
  <c r="AC112305" i="1"/>
  <c r="AC112306" i="1"/>
  <c r="AC112307" i="1"/>
  <c r="AC112308" i="1"/>
  <c r="AC112309" i="1"/>
  <c r="AC112310" i="1"/>
  <c r="AC112311" i="1"/>
  <c r="AC112312" i="1"/>
  <c r="AC112313" i="1"/>
  <c r="AC112314" i="1"/>
  <c r="AC112315" i="1"/>
  <c r="AC112316" i="1"/>
  <c r="AC112317" i="1"/>
  <c r="AC112318" i="1"/>
  <c r="AC112319" i="1"/>
  <c r="AC112320" i="1"/>
  <c r="AC112321" i="1"/>
  <c r="AC112322" i="1"/>
  <c r="AC112323" i="1"/>
  <c r="AC112324" i="1"/>
  <c r="AC112325" i="1"/>
  <c r="AC112326" i="1"/>
  <c r="AC112327" i="1"/>
  <c r="AC112328" i="1"/>
  <c r="AC112329" i="1"/>
  <c r="AC112330" i="1"/>
  <c r="AC112331" i="1"/>
  <c r="AC112332" i="1"/>
  <c r="AC112333" i="1"/>
  <c r="AC112334" i="1"/>
  <c r="AC112335" i="1"/>
  <c r="AC112336" i="1"/>
  <c r="AC112337" i="1"/>
  <c r="AC112338" i="1"/>
  <c r="AC112339" i="1"/>
  <c r="AC112340" i="1"/>
  <c r="AC112341" i="1"/>
  <c r="AC112342" i="1"/>
  <c r="AC112343" i="1"/>
  <c r="AC112344" i="1"/>
  <c r="AC112345" i="1"/>
  <c r="AC112346" i="1"/>
  <c r="AC112347" i="1"/>
  <c r="AC112348" i="1"/>
  <c r="AC112349" i="1"/>
  <c r="AC112350" i="1"/>
  <c r="AC112351" i="1"/>
  <c r="AC112352" i="1"/>
  <c r="AC112353" i="1"/>
  <c r="AC112354" i="1"/>
  <c r="AC112355" i="1"/>
  <c r="AC112356" i="1"/>
  <c r="AC112357" i="1"/>
  <c r="AC112358" i="1"/>
  <c r="AC112359" i="1"/>
  <c r="AC112360" i="1"/>
  <c r="AC112361" i="1"/>
  <c r="AC112362" i="1"/>
  <c r="AC112363" i="1"/>
  <c r="AC112364" i="1"/>
  <c r="AC112365" i="1"/>
  <c r="AC112366" i="1"/>
  <c r="AC112367" i="1"/>
  <c r="AC112368" i="1"/>
  <c r="AC112369" i="1"/>
  <c r="AC112370" i="1"/>
  <c r="AC112371" i="1"/>
  <c r="AC112372" i="1"/>
  <c r="AC112373" i="1"/>
  <c r="AC112374" i="1"/>
  <c r="AC112375" i="1"/>
  <c r="AC112376" i="1"/>
  <c r="AC112377" i="1"/>
  <c r="AC112378" i="1"/>
  <c r="AC112379" i="1"/>
  <c r="AC112380" i="1"/>
  <c r="AC112381" i="1"/>
  <c r="AC112382" i="1"/>
  <c r="AC112383" i="1"/>
  <c r="AC112384" i="1"/>
  <c r="AC112385" i="1"/>
  <c r="AC112386" i="1"/>
  <c r="AC112387" i="1"/>
  <c r="AC112388" i="1"/>
  <c r="AC112389" i="1"/>
  <c r="AC112390" i="1"/>
  <c r="AC112391" i="1"/>
  <c r="AC112392" i="1"/>
  <c r="AC112393" i="1"/>
  <c r="AC112394" i="1"/>
  <c r="AC112395" i="1"/>
  <c r="AC112396" i="1"/>
  <c r="AC112397" i="1"/>
  <c r="AC112398" i="1"/>
  <c r="AC112399" i="1"/>
  <c r="AC112400" i="1"/>
  <c r="AC112401" i="1"/>
  <c r="AC112402" i="1"/>
  <c r="AC112403" i="1"/>
  <c r="AC112404" i="1"/>
  <c r="AC112405" i="1"/>
  <c r="AC112406" i="1"/>
  <c r="AC112407" i="1"/>
  <c r="AC112408" i="1"/>
  <c r="AC112409" i="1"/>
  <c r="AC112410" i="1"/>
  <c r="AC112411" i="1"/>
  <c r="AC112412" i="1"/>
  <c r="AC112413" i="1"/>
  <c r="AC112414" i="1"/>
  <c r="AC112415" i="1"/>
  <c r="AC112416" i="1"/>
  <c r="AC112417" i="1"/>
  <c r="AC112418" i="1"/>
  <c r="AC112419" i="1"/>
  <c r="AC112420" i="1"/>
  <c r="AC112421" i="1"/>
  <c r="AC112422" i="1"/>
  <c r="AC112423" i="1"/>
  <c r="AC112424" i="1"/>
  <c r="AC112425" i="1"/>
  <c r="AC112426" i="1"/>
  <c r="AC112427" i="1"/>
  <c r="AC112428" i="1"/>
  <c r="AC112429" i="1"/>
  <c r="AC112430" i="1"/>
  <c r="AC112431" i="1"/>
  <c r="AC112432" i="1"/>
  <c r="AC112433" i="1"/>
  <c r="AC112434" i="1"/>
  <c r="AC112435" i="1"/>
  <c r="AC112436" i="1"/>
  <c r="AC112437" i="1"/>
  <c r="AC112438" i="1"/>
  <c r="AC112439" i="1"/>
  <c r="AC112440" i="1"/>
  <c r="AC112441" i="1"/>
  <c r="AC112442" i="1"/>
  <c r="AC112443" i="1"/>
  <c r="AC112444" i="1"/>
  <c r="AC112445" i="1"/>
  <c r="AC112446" i="1"/>
  <c r="AC112447" i="1"/>
  <c r="AC112448" i="1"/>
  <c r="AC112449" i="1"/>
  <c r="AC112450" i="1"/>
  <c r="AC112451" i="1"/>
  <c r="AC112452" i="1"/>
  <c r="AC112453" i="1"/>
  <c r="AC112454" i="1"/>
  <c r="AC112455" i="1"/>
  <c r="AC112456" i="1"/>
  <c r="AC112457" i="1"/>
  <c r="AC112458" i="1"/>
  <c r="AC112459" i="1"/>
  <c r="AC112460" i="1"/>
  <c r="AC112461" i="1"/>
  <c r="AC112462" i="1"/>
  <c r="AC112463" i="1"/>
  <c r="AC112464" i="1"/>
  <c r="AC112465" i="1"/>
  <c r="AC112466" i="1"/>
  <c r="AC112467" i="1"/>
  <c r="AC112468" i="1"/>
  <c r="AC112469" i="1"/>
  <c r="AC112470" i="1"/>
  <c r="AC112471" i="1"/>
  <c r="AC112472" i="1"/>
  <c r="AC112473" i="1"/>
  <c r="AC112474" i="1"/>
  <c r="AC112475" i="1"/>
  <c r="AC112476" i="1"/>
  <c r="AC112477" i="1"/>
  <c r="AC112478" i="1"/>
  <c r="AC112479" i="1"/>
  <c r="AC112480" i="1"/>
  <c r="AC112481" i="1"/>
  <c r="AC112482" i="1"/>
  <c r="AC112483" i="1"/>
  <c r="AC112484" i="1"/>
  <c r="AC112485" i="1"/>
  <c r="AC112486" i="1"/>
  <c r="AC112487" i="1"/>
  <c r="AC112488" i="1"/>
  <c r="AC112489" i="1"/>
  <c r="AC112490" i="1"/>
  <c r="AC112491" i="1"/>
  <c r="AC112492" i="1"/>
  <c r="AC112493" i="1"/>
  <c r="AC112494" i="1"/>
  <c r="AC112495" i="1"/>
  <c r="AC112496" i="1"/>
  <c r="AC112497" i="1"/>
  <c r="AC112498" i="1"/>
  <c r="AC112499" i="1"/>
  <c r="AC112500" i="1"/>
  <c r="AC112501" i="1"/>
  <c r="AC112502" i="1"/>
  <c r="AC112503" i="1"/>
  <c r="AC112504" i="1"/>
  <c r="AC112505" i="1"/>
  <c r="AC112506" i="1"/>
  <c r="AC112507" i="1"/>
  <c r="AC112508" i="1"/>
  <c r="AC112509" i="1"/>
  <c r="AC112510" i="1"/>
  <c r="AC112511" i="1"/>
  <c r="AC112512" i="1"/>
  <c r="AC112513" i="1"/>
  <c r="AC112514" i="1"/>
  <c r="AC112515" i="1"/>
  <c r="AC112516" i="1"/>
  <c r="AC112517" i="1"/>
  <c r="AC112518" i="1"/>
  <c r="AC112519" i="1"/>
  <c r="AC112520" i="1"/>
  <c r="AC112521" i="1"/>
  <c r="AC112522" i="1"/>
  <c r="AC112523" i="1"/>
  <c r="AC112524" i="1"/>
  <c r="AC112525" i="1"/>
  <c r="AC112526" i="1"/>
  <c r="AC112527" i="1"/>
  <c r="AC112528" i="1"/>
  <c r="AC112529" i="1"/>
  <c r="AC112530" i="1"/>
  <c r="AC112531" i="1"/>
  <c r="AC112532" i="1"/>
  <c r="AC112533" i="1"/>
  <c r="AC112534" i="1"/>
  <c r="AC112535" i="1"/>
  <c r="AC112536" i="1"/>
  <c r="AC112537" i="1"/>
  <c r="AC112538" i="1"/>
  <c r="AC112539" i="1"/>
  <c r="AC112540" i="1"/>
  <c r="AC112541" i="1"/>
  <c r="AC112542" i="1"/>
  <c r="AC112543" i="1"/>
  <c r="AC112544" i="1"/>
  <c r="AC112545" i="1"/>
  <c r="AC112546" i="1"/>
  <c r="AC112547" i="1"/>
  <c r="AC112548" i="1"/>
  <c r="AC112549" i="1"/>
  <c r="AC112550" i="1"/>
  <c r="AC112551" i="1"/>
  <c r="AC112552" i="1"/>
  <c r="AC112553" i="1"/>
  <c r="AC112554" i="1"/>
  <c r="AC112555" i="1"/>
  <c r="AC112556" i="1"/>
  <c r="AC112557" i="1"/>
  <c r="AC112558" i="1"/>
  <c r="AC112559" i="1"/>
  <c r="AC112560" i="1"/>
  <c r="AC112561" i="1"/>
  <c r="AC112562" i="1"/>
  <c r="AC112563" i="1"/>
  <c r="AC112564" i="1"/>
  <c r="AC112565" i="1"/>
  <c r="AC112566" i="1"/>
  <c r="AC112567" i="1"/>
  <c r="AC112568" i="1"/>
  <c r="AC112569" i="1"/>
  <c r="AC112570" i="1"/>
  <c r="AC112571" i="1"/>
  <c r="AC112572" i="1"/>
  <c r="AC112573" i="1"/>
  <c r="AC112574" i="1"/>
  <c r="AC112575" i="1"/>
  <c r="AC112576" i="1"/>
  <c r="AC112577" i="1"/>
  <c r="AC112578" i="1"/>
  <c r="AC112579" i="1"/>
  <c r="AC112580" i="1"/>
  <c r="AC112581" i="1"/>
  <c r="AC112582" i="1"/>
  <c r="AC112583" i="1"/>
  <c r="AC112584" i="1"/>
  <c r="AC112585" i="1"/>
  <c r="AC112586" i="1"/>
  <c r="AC112587" i="1"/>
  <c r="AC112588" i="1"/>
  <c r="AC112589" i="1"/>
  <c r="AC112590" i="1"/>
  <c r="AC112591" i="1"/>
  <c r="AC112592" i="1"/>
  <c r="AC112593" i="1"/>
  <c r="AC112594" i="1"/>
  <c r="AC112595" i="1"/>
  <c r="AC112596" i="1"/>
  <c r="AC112597" i="1"/>
  <c r="AC112598" i="1"/>
  <c r="AC112599" i="1"/>
  <c r="AC112600" i="1"/>
  <c r="AC112601" i="1"/>
  <c r="AC112602" i="1"/>
  <c r="AC112603" i="1"/>
  <c r="AC112604" i="1"/>
  <c r="AC112605" i="1"/>
  <c r="AC112606" i="1"/>
  <c r="AC112607" i="1"/>
  <c r="AC112608" i="1"/>
  <c r="AC112609" i="1"/>
  <c r="AC112610" i="1"/>
  <c r="AC112611" i="1"/>
  <c r="AC112612" i="1"/>
  <c r="AC112613" i="1"/>
  <c r="AC112614" i="1"/>
  <c r="AC112615" i="1"/>
  <c r="AC112616" i="1"/>
  <c r="AC112617" i="1"/>
  <c r="AC112618" i="1"/>
  <c r="AC112619" i="1"/>
  <c r="AC112620" i="1"/>
  <c r="AC112621" i="1"/>
  <c r="AC112622" i="1"/>
  <c r="AC112623" i="1"/>
  <c r="AC112624" i="1"/>
  <c r="AC112625" i="1"/>
  <c r="AC112626" i="1"/>
  <c r="AC112627" i="1"/>
  <c r="AC112628" i="1"/>
  <c r="AC112629" i="1"/>
  <c r="AC112630" i="1"/>
  <c r="AC112631" i="1"/>
  <c r="AC112632" i="1"/>
  <c r="AC112633" i="1"/>
  <c r="AC112634" i="1"/>
  <c r="AC112635" i="1"/>
  <c r="AC112636" i="1"/>
  <c r="AC112637" i="1"/>
  <c r="AC112638" i="1"/>
  <c r="AC112639" i="1"/>
  <c r="AC112640" i="1"/>
  <c r="AC112641" i="1"/>
  <c r="AC112642" i="1"/>
  <c r="AC112643" i="1"/>
  <c r="AC112644" i="1"/>
  <c r="AC112645" i="1"/>
  <c r="AC112646" i="1"/>
  <c r="AC112647" i="1"/>
  <c r="AC112648" i="1"/>
  <c r="AC112649" i="1"/>
  <c r="AC112650" i="1"/>
  <c r="AC112651" i="1"/>
  <c r="AC112652" i="1"/>
  <c r="AC112653" i="1"/>
  <c r="AC112654" i="1"/>
  <c r="AC112655" i="1"/>
  <c r="AC112656" i="1"/>
  <c r="AC112657" i="1"/>
  <c r="AC112658" i="1"/>
  <c r="AC112659" i="1"/>
  <c r="AC112660" i="1"/>
  <c r="AC112661" i="1"/>
  <c r="AC112662" i="1"/>
  <c r="AC112663" i="1"/>
  <c r="AC112664" i="1"/>
  <c r="AC112665" i="1"/>
  <c r="AC112666" i="1"/>
  <c r="AC112667" i="1"/>
  <c r="AC112668" i="1"/>
  <c r="AC112669" i="1"/>
  <c r="AC112670" i="1"/>
  <c r="AC112671" i="1"/>
  <c r="AC112672" i="1"/>
  <c r="AC112673" i="1"/>
  <c r="AC112674" i="1"/>
  <c r="AC112675" i="1"/>
  <c r="AC112676" i="1"/>
  <c r="AC112677" i="1"/>
  <c r="AC112678" i="1"/>
  <c r="AC112679" i="1"/>
  <c r="AC112680" i="1"/>
  <c r="AC112681" i="1"/>
  <c r="AC112682" i="1"/>
  <c r="AC112683" i="1"/>
  <c r="AC112684" i="1"/>
  <c r="AC112685" i="1"/>
  <c r="AC112686" i="1"/>
  <c r="AC112687" i="1"/>
  <c r="AC112688" i="1"/>
  <c r="AC112689" i="1"/>
  <c r="AC112690" i="1"/>
  <c r="AC112691" i="1"/>
  <c r="AC112692" i="1"/>
  <c r="AC112693" i="1"/>
  <c r="AC112694" i="1"/>
  <c r="AC112695" i="1"/>
  <c r="AC112696" i="1"/>
  <c r="AC112697" i="1"/>
  <c r="AC112698" i="1"/>
  <c r="AC112699" i="1"/>
  <c r="AC112700" i="1"/>
  <c r="AC112701" i="1"/>
  <c r="AC112702" i="1"/>
  <c r="AC112703" i="1"/>
  <c r="AC112704" i="1"/>
  <c r="AC112705" i="1"/>
  <c r="AC112706" i="1"/>
  <c r="AC112707" i="1"/>
  <c r="AC112708" i="1"/>
  <c r="AC112709" i="1"/>
  <c r="AC112710" i="1"/>
  <c r="AC112711" i="1"/>
  <c r="AC112712" i="1"/>
  <c r="AC112713" i="1"/>
  <c r="AC112714" i="1"/>
  <c r="AC112715" i="1"/>
  <c r="AC112716" i="1"/>
  <c r="AC112717" i="1"/>
  <c r="AC112718" i="1"/>
  <c r="AC112719" i="1"/>
  <c r="AC112720" i="1"/>
  <c r="AC112721" i="1"/>
  <c r="AC112722" i="1"/>
  <c r="AC112723" i="1"/>
  <c r="AC112724" i="1"/>
  <c r="AC112725" i="1"/>
  <c r="AC112726" i="1"/>
  <c r="AC112727" i="1"/>
  <c r="AC112728" i="1"/>
  <c r="AC112729" i="1"/>
  <c r="AC112730" i="1"/>
  <c r="AC112731" i="1"/>
  <c r="AC112732" i="1"/>
  <c r="AC112733" i="1"/>
  <c r="AC112734" i="1"/>
  <c r="AC112735" i="1"/>
  <c r="AC112736" i="1"/>
  <c r="AC112737" i="1"/>
  <c r="AC112738" i="1"/>
  <c r="AC112739" i="1"/>
  <c r="AC112740" i="1"/>
  <c r="AC112741" i="1"/>
  <c r="AC112742" i="1"/>
  <c r="AC112743" i="1"/>
  <c r="AC112744" i="1"/>
  <c r="AC112745" i="1"/>
  <c r="AC112746" i="1"/>
  <c r="AC112747" i="1"/>
  <c r="AC112748" i="1"/>
  <c r="AC112749" i="1"/>
  <c r="AC112750" i="1"/>
  <c r="AC112751" i="1"/>
  <c r="AC112752" i="1"/>
  <c r="AC112753" i="1"/>
  <c r="AC112754" i="1"/>
  <c r="AC112755" i="1"/>
  <c r="AC112756" i="1"/>
  <c r="AC112757" i="1"/>
  <c r="AC112758" i="1"/>
  <c r="AC112759" i="1"/>
  <c r="AC112760" i="1"/>
  <c r="AC112761" i="1"/>
  <c r="AC112762" i="1"/>
  <c r="AC112763" i="1"/>
  <c r="AC112764" i="1"/>
  <c r="AC112765" i="1"/>
  <c r="AC112766" i="1"/>
  <c r="AC112767" i="1"/>
  <c r="AC112768" i="1"/>
  <c r="AC112769" i="1"/>
  <c r="AC112770" i="1"/>
  <c r="AC112771" i="1"/>
  <c r="AC112772" i="1"/>
  <c r="AC112773" i="1"/>
  <c r="AC112774" i="1"/>
  <c r="AC112775" i="1"/>
  <c r="AC112776" i="1"/>
  <c r="AC112777" i="1"/>
  <c r="AC112778" i="1"/>
  <c r="AC112779" i="1"/>
  <c r="AC112780" i="1"/>
  <c r="AC112781" i="1"/>
  <c r="AC112782" i="1"/>
  <c r="AC112783" i="1"/>
  <c r="AC112784" i="1"/>
  <c r="AC112785" i="1"/>
  <c r="AC112786" i="1"/>
  <c r="AC112787" i="1"/>
  <c r="AC112788" i="1"/>
  <c r="AC112789" i="1"/>
  <c r="AC112790" i="1"/>
  <c r="AC112791" i="1"/>
  <c r="AC112792" i="1"/>
  <c r="AC112793" i="1"/>
  <c r="AC112794" i="1"/>
  <c r="AC112795" i="1"/>
  <c r="AC112796" i="1"/>
  <c r="AC112797" i="1"/>
  <c r="AC112798" i="1"/>
  <c r="AC112799" i="1"/>
  <c r="AC112800" i="1"/>
  <c r="AC112801" i="1"/>
  <c r="AC112802" i="1"/>
  <c r="AC112803" i="1"/>
  <c r="AC112804" i="1"/>
  <c r="AC112805" i="1"/>
  <c r="AC112806" i="1"/>
  <c r="AC112807" i="1"/>
  <c r="AC112808" i="1"/>
  <c r="AC112809" i="1"/>
  <c r="AC112810" i="1"/>
  <c r="AC112811" i="1"/>
  <c r="AC112812" i="1"/>
  <c r="AC112813" i="1"/>
  <c r="AC112814" i="1"/>
  <c r="AC112815" i="1"/>
  <c r="AC112816" i="1"/>
  <c r="AC112817" i="1"/>
  <c r="AC112818" i="1"/>
  <c r="AC112819" i="1"/>
  <c r="AC112820" i="1"/>
  <c r="AC112821" i="1"/>
  <c r="AC112822" i="1"/>
  <c r="AC112823" i="1"/>
  <c r="AC112824" i="1"/>
  <c r="AC112825" i="1"/>
  <c r="AC112826" i="1"/>
  <c r="AC112827" i="1"/>
  <c r="AC112828" i="1"/>
  <c r="AC112829" i="1"/>
  <c r="AC112830" i="1"/>
  <c r="AC112831" i="1"/>
  <c r="AC112832" i="1"/>
  <c r="AC112833" i="1"/>
  <c r="AC112834" i="1"/>
  <c r="AC112835" i="1"/>
  <c r="AC112836" i="1"/>
  <c r="AC112837" i="1"/>
  <c r="AC112838" i="1"/>
  <c r="AC112839" i="1"/>
  <c r="AC112840" i="1"/>
  <c r="AC112841" i="1"/>
  <c r="AC112842" i="1"/>
  <c r="AC112843" i="1"/>
  <c r="AC112844" i="1"/>
  <c r="AC112845" i="1"/>
  <c r="AC112846" i="1"/>
  <c r="AC112847" i="1"/>
  <c r="AC112848" i="1"/>
  <c r="AC112849" i="1"/>
  <c r="AC112850" i="1"/>
  <c r="AC112851" i="1"/>
  <c r="AC112852" i="1"/>
  <c r="AC112853" i="1"/>
  <c r="AC112854" i="1"/>
  <c r="AC112855" i="1"/>
  <c r="AC112856" i="1"/>
  <c r="AC112857" i="1"/>
  <c r="AC112858" i="1"/>
  <c r="AC112859" i="1"/>
  <c r="AC112860" i="1"/>
  <c r="AC112861" i="1"/>
  <c r="AC112862" i="1"/>
  <c r="AC112863" i="1"/>
  <c r="AC112864" i="1"/>
  <c r="AC112865" i="1"/>
  <c r="AC112866" i="1"/>
  <c r="AC112867" i="1"/>
  <c r="AC112868" i="1"/>
  <c r="AC112869" i="1"/>
  <c r="AC112870" i="1"/>
  <c r="AC112871" i="1"/>
  <c r="AC112872" i="1"/>
  <c r="AC112873" i="1"/>
  <c r="AC112874" i="1"/>
  <c r="AC112875" i="1"/>
  <c r="AC112876" i="1"/>
  <c r="AC112877" i="1"/>
  <c r="AC112878" i="1"/>
  <c r="AC112879" i="1"/>
  <c r="AC112880" i="1"/>
  <c r="AC112881" i="1"/>
  <c r="AC112882" i="1"/>
  <c r="AC112883" i="1"/>
  <c r="AC112884" i="1"/>
  <c r="AC112885" i="1"/>
  <c r="AC112886" i="1"/>
  <c r="AC112887" i="1"/>
  <c r="AC112888" i="1"/>
  <c r="AC112889" i="1"/>
  <c r="AC112890" i="1"/>
  <c r="AC112891" i="1"/>
  <c r="AC112892" i="1"/>
  <c r="AC112893" i="1"/>
  <c r="AC112894" i="1"/>
  <c r="AC112895" i="1"/>
  <c r="AC112896" i="1"/>
  <c r="AC112897" i="1"/>
  <c r="AC112898" i="1"/>
  <c r="AC112899" i="1"/>
  <c r="AC112900" i="1"/>
  <c r="AC112901" i="1"/>
  <c r="AC112902" i="1"/>
  <c r="AC112903" i="1"/>
  <c r="AC112904" i="1"/>
  <c r="AC112905" i="1"/>
  <c r="AC112906" i="1"/>
  <c r="AC112907" i="1"/>
  <c r="AC112908" i="1"/>
  <c r="AC112909" i="1"/>
  <c r="AC112910" i="1"/>
  <c r="AC112911" i="1"/>
  <c r="AC112912" i="1"/>
  <c r="AC112913" i="1"/>
  <c r="AC112914" i="1"/>
  <c r="AC112915" i="1"/>
  <c r="AC112916" i="1"/>
  <c r="AC112917" i="1"/>
  <c r="AC112918" i="1"/>
  <c r="AC112919" i="1"/>
  <c r="AC112920" i="1"/>
  <c r="AC112921" i="1"/>
  <c r="AC112922" i="1"/>
  <c r="AC112923" i="1"/>
  <c r="AC112924" i="1"/>
  <c r="AC112925" i="1"/>
  <c r="AC112926" i="1"/>
  <c r="AC112927" i="1"/>
  <c r="AC112928" i="1"/>
  <c r="AC112929" i="1"/>
  <c r="AC112930" i="1"/>
  <c r="AC112931" i="1"/>
  <c r="AC112932" i="1"/>
  <c r="AC112933" i="1"/>
  <c r="AC112934" i="1"/>
  <c r="AC112935" i="1"/>
  <c r="AC112936" i="1"/>
  <c r="AC112937" i="1"/>
  <c r="AC112938" i="1"/>
  <c r="AC112939" i="1"/>
  <c r="AC112940" i="1"/>
  <c r="AC112941" i="1"/>
  <c r="AC112942" i="1"/>
  <c r="AC112943" i="1"/>
  <c r="AC112944" i="1"/>
  <c r="AC112945" i="1"/>
  <c r="AC112946" i="1"/>
  <c r="AC112947" i="1"/>
  <c r="AC112948" i="1"/>
  <c r="AC112949" i="1"/>
  <c r="AC112950" i="1"/>
  <c r="AC112951" i="1"/>
  <c r="AC112952" i="1"/>
  <c r="AC112953" i="1"/>
  <c r="AC112954" i="1"/>
  <c r="AC112955" i="1"/>
  <c r="AC112956" i="1"/>
  <c r="AC112957" i="1"/>
  <c r="AC112958" i="1"/>
  <c r="AC112959" i="1"/>
  <c r="AC112960" i="1"/>
  <c r="AC112961" i="1"/>
  <c r="AC112962" i="1"/>
  <c r="AC112963" i="1"/>
  <c r="AC112964" i="1"/>
  <c r="AC112965" i="1"/>
  <c r="AC112966" i="1"/>
  <c r="AC112967" i="1"/>
  <c r="AC112968" i="1"/>
  <c r="AC112969" i="1"/>
  <c r="AC112970" i="1"/>
  <c r="AC112971" i="1"/>
  <c r="AC112972" i="1"/>
  <c r="AC112973" i="1"/>
  <c r="AC112974" i="1"/>
  <c r="AC112975" i="1"/>
  <c r="AC112976" i="1"/>
  <c r="AC112977" i="1"/>
  <c r="AC112978" i="1"/>
  <c r="AC112979" i="1"/>
  <c r="AC112980" i="1"/>
  <c r="AC112981" i="1"/>
  <c r="AC112982" i="1"/>
  <c r="AC112983" i="1"/>
  <c r="AC112984" i="1"/>
  <c r="AC112985" i="1"/>
  <c r="AC112986" i="1"/>
  <c r="AC112987" i="1"/>
  <c r="AC112988" i="1"/>
  <c r="AC112989" i="1"/>
  <c r="AC112990" i="1"/>
  <c r="AC112991" i="1"/>
  <c r="AC112992" i="1"/>
  <c r="AC112993" i="1"/>
  <c r="AC112994" i="1"/>
  <c r="AC112995" i="1"/>
  <c r="AC112996" i="1"/>
  <c r="AC112997" i="1"/>
  <c r="AC112998" i="1"/>
  <c r="AC112999" i="1"/>
  <c r="AC113000" i="1"/>
  <c r="AC113001" i="1"/>
  <c r="AC113002" i="1"/>
  <c r="AC113003" i="1"/>
  <c r="AC113004" i="1"/>
  <c r="AC113005" i="1"/>
  <c r="AC113006" i="1"/>
  <c r="AC113007" i="1"/>
  <c r="AC113008" i="1"/>
  <c r="AC113009" i="1"/>
  <c r="AC113010" i="1"/>
  <c r="AC113011" i="1"/>
  <c r="AC113012" i="1"/>
  <c r="AC113013" i="1"/>
  <c r="AC113014" i="1"/>
  <c r="AC113015" i="1"/>
  <c r="AC113016" i="1"/>
  <c r="AC113017" i="1"/>
  <c r="AC113018" i="1"/>
  <c r="AC113019" i="1"/>
  <c r="AC113020" i="1"/>
  <c r="AC113021" i="1"/>
  <c r="AC113022" i="1"/>
  <c r="AC113023" i="1"/>
  <c r="AC113024" i="1"/>
  <c r="AC113025" i="1"/>
  <c r="AC113026" i="1"/>
  <c r="AC113027" i="1"/>
  <c r="AC113028" i="1"/>
  <c r="AC113029" i="1"/>
  <c r="AC113030" i="1"/>
  <c r="AC113031" i="1"/>
  <c r="AC113032" i="1"/>
  <c r="AC113033" i="1"/>
  <c r="AC113034" i="1"/>
  <c r="AC113035" i="1"/>
  <c r="AC113036" i="1"/>
  <c r="AC113037" i="1"/>
  <c r="AC113038" i="1"/>
  <c r="AC113039" i="1"/>
  <c r="AC113040" i="1"/>
  <c r="AC113041" i="1"/>
  <c r="AC113042" i="1"/>
  <c r="AC113043" i="1"/>
  <c r="AC113044" i="1"/>
  <c r="AC113045" i="1"/>
  <c r="AC113046" i="1"/>
  <c r="AC113047" i="1"/>
  <c r="AC113048" i="1"/>
  <c r="AC113049" i="1"/>
  <c r="AC113050" i="1"/>
  <c r="AC113051" i="1"/>
  <c r="AC113052" i="1"/>
  <c r="AC113053" i="1"/>
  <c r="AC113054" i="1"/>
  <c r="AC113055" i="1"/>
  <c r="AC113056" i="1"/>
  <c r="AC113057" i="1"/>
  <c r="AC113058" i="1"/>
  <c r="AC113059" i="1"/>
  <c r="AC113060" i="1"/>
  <c r="AC113061" i="1"/>
  <c r="AC113062" i="1"/>
  <c r="AC113063" i="1"/>
  <c r="AC113064" i="1"/>
  <c r="AC113065" i="1"/>
  <c r="AC113066" i="1"/>
  <c r="AC113067" i="1"/>
  <c r="AC113068" i="1"/>
  <c r="AC113069" i="1"/>
  <c r="AC113070" i="1"/>
  <c r="AC113071" i="1"/>
  <c r="AC113072" i="1"/>
  <c r="AC113073" i="1"/>
  <c r="AC113074" i="1"/>
  <c r="AC113075" i="1"/>
  <c r="AC113076" i="1"/>
  <c r="AC113077" i="1"/>
  <c r="AC113078" i="1"/>
  <c r="AC113079" i="1"/>
  <c r="AC113080" i="1"/>
  <c r="AC113081" i="1"/>
  <c r="AC113082" i="1"/>
  <c r="AC113083" i="1"/>
  <c r="AC113084" i="1"/>
  <c r="AC113085" i="1"/>
  <c r="AC113086" i="1"/>
  <c r="AC113087" i="1"/>
  <c r="AC113088" i="1"/>
  <c r="AC113089" i="1"/>
  <c r="AC113090" i="1"/>
  <c r="AC113091" i="1"/>
  <c r="AC113092" i="1"/>
  <c r="AC113093" i="1"/>
  <c r="AC113094" i="1"/>
  <c r="AC113095" i="1"/>
  <c r="AC113096" i="1"/>
  <c r="AC113097" i="1"/>
  <c r="AC113098" i="1"/>
  <c r="AC113099" i="1"/>
  <c r="AC113100" i="1"/>
  <c r="AC113101" i="1"/>
  <c r="AC113102" i="1"/>
  <c r="AC113103" i="1"/>
  <c r="AC113104" i="1"/>
  <c r="AC113105" i="1"/>
  <c r="AC113106" i="1"/>
  <c r="AC113107" i="1"/>
  <c r="AC113108" i="1"/>
  <c r="AC113109" i="1"/>
  <c r="AC113110" i="1"/>
  <c r="AC113111" i="1"/>
  <c r="AC113112" i="1"/>
  <c r="AC113113" i="1"/>
  <c r="AC113114" i="1"/>
  <c r="AC113115" i="1"/>
  <c r="AC113116" i="1"/>
  <c r="AC113117" i="1"/>
  <c r="AC113118" i="1"/>
  <c r="AC113119" i="1"/>
  <c r="AC113120" i="1"/>
  <c r="AC113121" i="1"/>
  <c r="AC113122" i="1"/>
  <c r="AC113123" i="1"/>
  <c r="AC113124" i="1"/>
  <c r="AC113125" i="1"/>
  <c r="AC113126" i="1"/>
  <c r="AC113127" i="1"/>
  <c r="AC113128" i="1"/>
  <c r="AC113129" i="1"/>
  <c r="AC113130" i="1"/>
  <c r="AC113131" i="1"/>
  <c r="AC113132" i="1"/>
  <c r="AC113133" i="1"/>
  <c r="AC113134" i="1"/>
  <c r="AC113135" i="1"/>
  <c r="AC113136" i="1"/>
  <c r="AC113137" i="1"/>
  <c r="AC113138" i="1"/>
  <c r="AC113139" i="1"/>
  <c r="AC113140" i="1"/>
  <c r="AC113141" i="1"/>
  <c r="AC113142" i="1"/>
  <c r="AC113143" i="1"/>
  <c r="AC113144" i="1"/>
  <c r="AC113145" i="1"/>
  <c r="AC113146" i="1"/>
  <c r="AC113147" i="1"/>
  <c r="AC113148" i="1"/>
  <c r="AC113149" i="1"/>
  <c r="AC113150" i="1"/>
  <c r="AC113151" i="1"/>
  <c r="AC113152" i="1"/>
  <c r="AC113153" i="1"/>
  <c r="AC113154" i="1"/>
  <c r="AC113155" i="1"/>
  <c r="AC113156" i="1"/>
  <c r="AC113157" i="1"/>
  <c r="AC113158" i="1"/>
  <c r="AC113159" i="1"/>
  <c r="AC113160" i="1"/>
  <c r="AC113161" i="1"/>
  <c r="AC113162" i="1"/>
  <c r="AC113163" i="1"/>
  <c r="AC113164" i="1"/>
  <c r="AC113165" i="1"/>
  <c r="AC113166" i="1"/>
  <c r="AC113167" i="1"/>
  <c r="AC113168" i="1"/>
  <c r="AC113169" i="1"/>
  <c r="AC113170" i="1"/>
  <c r="AC113171" i="1"/>
  <c r="AC113172" i="1"/>
  <c r="AC113173" i="1"/>
  <c r="AC113174" i="1"/>
  <c r="AC113175" i="1"/>
  <c r="AC113176" i="1"/>
  <c r="AC113177" i="1"/>
  <c r="AC113178" i="1"/>
  <c r="AC113179" i="1"/>
  <c r="AC113180" i="1"/>
  <c r="AC113181" i="1"/>
  <c r="AC113182" i="1"/>
  <c r="AC113183" i="1"/>
  <c r="AC113184" i="1"/>
  <c r="AC113185" i="1"/>
  <c r="AC113186" i="1"/>
  <c r="AC113187" i="1"/>
  <c r="AC113188" i="1"/>
  <c r="AC113189" i="1"/>
  <c r="AC113190" i="1"/>
  <c r="AC113191" i="1"/>
  <c r="AC113192" i="1"/>
  <c r="AC113193" i="1"/>
  <c r="AC113194" i="1"/>
  <c r="AC113195" i="1"/>
  <c r="AC113196" i="1"/>
  <c r="AC113197" i="1"/>
  <c r="AC113198" i="1"/>
  <c r="AC113199" i="1"/>
  <c r="AC113200" i="1"/>
  <c r="AC113201" i="1"/>
  <c r="AC113202" i="1"/>
  <c r="AC113203" i="1"/>
  <c r="AC113204" i="1"/>
  <c r="AC113205" i="1"/>
  <c r="AC113206" i="1"/>
  <c r="AC113207" i="1"/>
  <c r="AC113208" i="1"/>
  <c r="AC113209" i="1"/>
  <c r="AC113210" i="1"/>
  <c r="AC113211" i="1"/>
  <c r="AC113212" i="1"/>
  <c r="AC113213" i="1"/>
  <c r="AC113214" i="1"/>
  <c r="AC113215" i="1"/>
  <c r="AC113216" i="1"/>
  <c r="AC113217" i="1"/>
  <c r="AC113218" i="1"/>
  <c r="AC113219" i="1"/>
  <c r="AC113220" i="1"/>
  <c r="AC113221" i="1"/>
  <c r="AC113222" i="1"/>
  <c r="AC113223" i="1"/>
  <c r="AC113224" i="1"/>
  <c r="AC113225" i="1"/>
  <c r="AC113226" i="1"/>
  <c r="AC113227" i="1"/>
  <c r="AC113228" i="1"/>
  <c r="AC113229" i="1"/>
  <c r="AC113230" i="1"/>
  <c r="AC113231" i="1"/>
  <c r="AC113232" i="1"/>
  <c r="AC113233" i="1"/>
  <c r="AC113234" i="1"/>
  <c r="AC113235" i="1"/>
  <c r="AC113236" i="1"/>
  <c r="AC113237" i="1"/>
  <c r="AC113238" i="1"/>
  <c r="AC113239" i="1"/>
  <c r="AC113240" i="1"/>
  <c r="AC113241" i="1"/>
  <c r="AC113242" i="1"/>
  <c r="AC113243" i="1"/>
  <c r="AC113244" i="1"/>
  <c r="AC113245" i="1"/>
  <c r="AC113246" i="1"/>
  <c r="AC113247" i="1"/>
  <c r="AC113248" i="1"/>
  <c r="AC113249" i="1"/>
  <c r="AC113250" i="1"/>
  <c r="AC113251" i="1"/>
  <c r="AC113252" i="1"/>
  <c r="AC113253" i="1"/>
  <c r="AC113254" i="1"/>
  <c r="AC113255" i="1"/>
  <c r="AC113256" i="1"/>
  <c r="AC113257" i="1"/>
  <c r="AC113258" i="1"/>
  <c r="AC113259" i="1"/>
  <c r="AC113260" i="1"/>
  <c r="AC113261" i="1"/>
  <c r="AC113262" i="1"/>
  <c r="AC113263" i="1"/>
  <c r="AC113264" i="1"/>
  <c r="AC113265" i="1"/>
  <c r="AC113266" i="1"/>
  <c r="AC113267" i="1"/>
  <c r="AC113268" i="1"/>
  <c r="AC113269" i="1"/>
  <c r="AC113270" i="1"/>
  <c r="AC113271" i="1"/>
  <c r="AC113272" i="1"/>
  <c r="AC113273" i="1"/>
  <c r="AC113274" i="1"/>
  <c r="AC113275" i="1"/>
  <c r="AC113276" i="1"/>
  <c r="AC113277" i="1"/>
  <c r="AC113278" i="1"/>
  <c r="AC113279" i="1"/>
  <c r="AC113280" i="1"/>
  <c r="AC113281" i="1"/>
  <c r="AC113282" i="1"/>
  <c r="AC113283" i="1"/>
  <c r="AC113284" i="1"/>
  <c r="AC113285" i="1"/>
  <c r="AC113286" i="1"/>
  <c r="AC113287" i="1"/>
  <c r="AC113288" i="1"/>
  <c r="AC113289" i="1"/>
  <c r="AC113290" i="1"/>
  <c r="AC113291" i="1"/>
  <c r="AC113292" i="1"/>
  <c r="AC113293" i="1"/>
  <c r="AC113294" i="1"/>
  <c r="AC113295" i="1"/>
  <c r="AC113296" i="1"/>
  <c r="AC113297" i="1"/>
  <c r="AC113298" i="1"/>
  <c r="AC113299" i="1"/>
  <c r="AC113300" i="1"/>
  <c r="AC113301" i="1"/>
  <c r="AC113302" i="1"/>
  <c r="AC113303" i="1"/>
  <c r="AC113304" i="1"/>
  <c r="AC113305" i="1"/>
  <c r="AC113306" i="1"/>
  <c r="AC113307" i="1"/>
  <c r="AC113308" i="1"/>
  <c r="AC113309" i="1"/>
  <c r="AC113310" i="1"/>
  <c r="AC113311" i="1"/>
  <c r="AC113312" i="1"/>
  <c r="AC113313" i="1"/>
  <c r="AC113314" i="1"/>
  <c r="AC113315" i="1"/>
  <c r="AC113316" i="1"/>
  <c r="AC113317" i="1"/>
  <c r="AC113318" i="1"/>
  <c r="AC113319" i="1"/>
  <c r="AC113320" i="1"/>
  <c r="AC113321" i="1"/>
  <c r="AC113322" i="1"/>
  <c r="AC113323" i="1"/>
  <c r="AC113324" i="1"/>
  <c r="AC113325" i="1"/>
  <c r="AC113326" i="1"/>
  <c r="AC113327" i="1"/>
  <c r="AC113328" i="1"/>
  <c r="AC113329" i="1"/>
  <c r="AC113330" i="1"/>
  <c r="AC113331" i="1"/>
  <c r="AC113332" i="1"/>
  <c r="AC113333" i="1"/>
  <c r="AC113334" i="1"/>
  <c r="AC113335" i="1"/>
  <c r="AC113336" i="1"/>
  <c r="AC113337" i="1"/>
  <c r="AC113338" i="1"/>
  <c r="AC113339" i="1"/>
  <c r="AC113340" i="1"/>
  <c r="AC113341" i="1"/>
  <c r="AC113342" i="1"/>
  <c r="AC113343" i="1"/>
  <c r="AC113344" i="1"/>
  <c r="AC113345" i="1"/>
  <c r="AC113346" i="1"/>
  <c r="AC113347" i="1"/>
  <c r="AC113348" i="1"/>
  <c r="AC113349" i="1"/>
  <c r="AC113350" i="1"/>
  <c r="AC113351" i="1"/>
  <c r="AC113352" i="1"/>
  <c r="AC113353" i="1"/>
  <c r="AC113354" i="1"/>
  <c r="AC113355" i="1"/>
  <c r="AC113356" i="1"/>
  <c r="AC113357" i="1"/>
  <c r="AC113358" i="1"/>
  <c r="AC113359" i="1"/>
  <c r="AC113360" i="1"/>
  <c r="AC113361" i="1"/>
  <c r="AC113362" i="1"/>
  <c r="AC113363" i="1"/>
  <c r="AC113364" i="1"/>
  <c r="AC113365" i="1"/>
  <c r="AC113366" i="1"/>
  <c r="AC113367" i="1"/>
  <c r="AC113368" i="1"/>
  <c r="AC113369" i="1"/>
  <c r="AC113370" i="1"/>
  <c r="AC113371" i="1"/>
  <c r="AC113372" i="1"/>
  <c r="AC113373" i="1"/>
  <c r="AC113374" i="1"/>
  <c r="AC113375" i="1"/>
  <c r="AC113376" i="1"/>
  <c r="AC113377" i="1"/>
  <c r="AC113378" i="1"/>
  <c r="AC113379" i="1"/>
  <c r="AC113380" i="1"/>
  <c r="AC113381" i="1"/>
  <c r="AC113382" i="1"/>
  <c r="AC113383" i="1"/>
  <c r="AC113384" i="1"/>
  <c r="AC113385" i="1"/>
  <c r="AC113386" i="1"/>
  <c r="AC113387" i="1"/>
  <c r="AC113388" i="1"/>
  <c r="AC113389" i="1"/>
  <c r="AC113390" i="1"/>
  <c r="AC113391" i="1"/>
  <c r="AC113392" i="1"/>
  <c r="AC113393" i="1"/>
  <c r="AC113394" i="1"/>
  <c r="AC113395" i="1"/>
  <c r="AC113396" i="1"/>
  <c r="AC113397" i="1"/>
  <c r="AC113398" i="1"/>
  <c r="AC113399" i="1"/>
  <c r="AC113400" i="1"/>
  <c r="AC113401" i="1"/>
  <c r="AC113402" i="1"/>
  <c r="AC113403" i="1"/>
  <c r="AC113404" i="1"/>
  <c r="AC113405" i="1"/>
  <c r="AC113406" i="1"/>
  <c r="AC113407" i="1"/>
  <c r="AC113408" i="1"/>
  <c r="AC113409" i="1"/>
  <c r="AC113410" i="1"/>
  <c r="AC113411" i="1"/>
  <c r="AC113412" i="1"/>
  <c r="AC113413" i="1"/>
  <c r="AC113414" i="1"/>
  <c r="AC113415" i="1"/>
  <c r="AC113416" i="1"/>
  <c r="AC113417" i="1"/>
  <c r="AC113418" i="1"/>
  <c r="AC113419" i="1"/>
  <c r="AC113420" i="1"/>
  <c r="AC113421" i="1"/>
  <c r="AC113422" i="1"/>
  <c r="AC113423" i="1"/>
  <c r="AC113424" i="1"/>
  <c r="AC113425" i="1"/>
  <c r="AC113426" i="1"/>
  <c r="AC113427" i="1"/>
  <c r="AC113428" i="1"/>
  <c r="AC113429" i="1"/>
  <c r="AC113430" i="1"/>
  <c r="AC113431" i="1"/>
  <c r="AC113432" i="1"/>
  <c r="AC113433" i="1"/>
  <c r="AC113434" i="1"/>
  <c r="AC113435" i="1"/>
  <c r="AC113436" i="1"/>
  <c r="AC113437" i="1"/>
  <c r="AC113438" i="1"/>
  <c r="AC113439" i="1"/>
  <c r="AC113440" i="1"/>
  <c r="AC113441" i="1"/>
  <c r="AC113442" i="1"/>
  <c r="AC113443" i="1"/>
  <c r="AC113444" i="1"/>
  <c r="AC113445" i="1"/>
  <c r="AC113446" i="1"/>
  <c r="AC113447" i="1"/>
  <c r="AC113448" i="1"/>
  <c r="AC113449" i="1"/>
  <c r="AC113450" i="1"/>
  <c r="AC113451" i="1"/>
  <c r="AC113452" i="1"/>
  <c r="AC113453" i="1"/>
  <c r="AC113454" i="1"/>
  <c r="AC113455" i="1"/>
  <c r="AC113456" i="1"/>
  <c r="AC113457" i="1"/>
  <c r="AC113458" i="1"/>
  <c r="AC113459" i="1"/>
  <c r="AC113460" i="1"/>
  <c r="AC113461" i="1"/>
  <c r="AC113462" i="1"/>
  <c r="AC113463" i="1"/>
  <c r="AC113464" i="1"/>
  <c r="AC113465" i="1"/>
  <c r="AC113466" i="1"/>
  <c r="AC113467" i="1"/>
  <c r="AC113468" i="1"/>
  <c r="AC113469" i="1"/>
  <c r="AC113470" i="1"/>
  <c r="AC113471" i="1"/>
  <c r="AC113472" i="1"/>
  <c r="AC113473" i="1"/>
  <c r="AC113474" i="1"/>
  <c r="AC113475" i="1"/>
  <c r="AC113476" i="1"/>
  <c r="AC113477" i="1"/>
  <c r="AC113478" i="1"/>
  <c r="AC113479" i="1"/>
  <c r="AC113480" i="1"/>
  <c r="AC113481" i="1"/>
  <c r="AC113482" i="1"/>
  <c r="AC113483" i="1"/>
  <c r="AC113484" i="1"/>
  <c r="AC113485" i="1"/>
  <c r="AC113486" i="1"/>
  <c r="AC113487" i="1"/>
  <c r="AC113488" i="1"/>
  <c r="AC113489" i="1"/>
  <c r="AC113490" i="1"/>
  <c r="AC113491" i="1"/>
  <c r="AC113492" i="1"/>
  <c r="AC113493" i="1"/>
  <c r="AC113494" i="1"/>
  <c r="AC113495" i="1"/>
  <c r="AC113496" i="1"/>
  <c r="AC113497" i="1"/>
  <c r="AC113498" i="1"/>
  <c r="AC113499" i="1"/>
  <c r="AC113500" i="1"/>
  <c r="AC113501" i="1"/>
  <c r="AC113502" i="1"/>
  <c r="AC113503" i="1"/>
  <c r="AC113504" i="1"/>
  <c r="AC113505" i="1"/>
  <c r="AC113506" i="1"/>
  <c r="AC113507" i="1"/>
  <c r="AC113508" i="1"/>
  <c r="AC113509" i="1"/>
  <c r="AC113510" i="1"/>
  <c r="AC113511" i="1"/>
  <c r="AC113512" i="1"/>
  <c r="AC113513" i="1"/>
  <c r="AC113514" i="1"/>
  <c r="AC113515" i="1"/>
  <c r="AC113516" i="1"/>
  <c r="AC113517" i="1"/>
  <c r="AC113518" i="1"/>
  <c r="AC113519" i="1"/>
  <c r="AC113520" i="1"/>
  <c r="AC113521" i="1"/>
  <c r="AC113522" i="1"/>
  <c r="AC113523" i="1"/>
  <c r="AC113524" i="1"/>
  <c r="AC113525" i="1"/>
  <c r="AC113526" i="1"/>
  <c r="AC113527" i="1"/>
  <c r="AC113528" i="1"/>
  <c r="AC113529" i="1"/>
  <c r="AC113530" i="1"/>
  <c r="AC113531" i="1"/>
  <c r="AC113532" i="1"/>
  <c r="AC113533" i="1"/>
  <c r="AC113534" i="1"/>
  <c r="AC113535" i="1"/>
  <c r="AC113536" i="1"/>
  <c r="AC113537" i="1"/>
  <c r="AC113538" i="1"/>
  <c r="AC113539" i="1"/>
  <c r="AC113540" i="1"/>
  <c r="AC113541" i="1"/>
  <c r="AC113542" i="1"/>
  <c r="AC113543" i="1"/>
  <c r="AC113544" i="1"/>
  <c r="AC113545" i="1"/>
  <c r="AC113546" i="1"/>
  <c r="AC113547" i="1"/>
  <c r="AC113548" i="1"/>
  <c r="AC113549" i="1"/>
  <c r="AC113550" i="1"/>
  <c r="AC113551" i="1"/>
  <c r="AC113552" i="1"/>
  <c r="AC113553" i="1"/>
  <c r="AC113554" i="1"/>
  <c r="AC113555" i="1"/>
  <c r="AC113556" i="1"/>
  <c r="AC113557" i="1"/>
  <c r="AC113558" i="1"/>
  <c r="AC113559" i="1"/>
  <c r="AC113560" i="1"/>
  <c r="AC113561" i="1"/>
  <c r="AC113562" i="1"/>
  <c r="AC113563" i="1"/>
  <c r="AC113564" i="1"/>
  <c r="AC113565" i="1"/>
  <c r="AC113566" i="1"/>
  <c r="AC113567" i="1"/>
  <c r="AC113568" i="1"/>
  <c r="AC113569" i="1"/>
  <c r="AC113570" i="1"/>
  <c r="AC113571" i="1"/>
  <c r="AC113572" i="1"/>
  <c r="AC113573" i="1"/>
  <c r="AC113574" i="1"/>
  <c r="AC113575" i="1"/>
  <c r="AC113576" i="1"/>
  <c r="AC113577" i="1"/>
  <c r="AC113578" i="1"/>
  <c r="AC113579" i="1"/>
  <c r="AC113580" i="1"/>
  <c r="AC113581" i="1"/>
  <c r="AC113582" i="1"/>
  <c r="AC113583" i="1"/>
  <c r="AC113584" i="1"/>
  <c r="AC113585" i="1"/>
  <c r="AC113586" i="1"/>
  <c r="AC113587" i="1"/>
  <c r="AC113588" i="1"/>
  <c r="AC113589" i="1"/>
  <c r="AC113590" i="1"/>
  <c r="AC113591" i="1"/>
  <c r="AC113592" i="1"/>
  <c r="AC113593" i="1"/>
  <c r="AC113594" i="1"/>
  <c r="AC113595" i="1"/>
  <c r="AC113596" i="1"/>
  <c r="AC113597" i="1"/>
  <c r="AC113598" i="1"/>
  <c r="AC113599" i="1"/>
  <c r="AC113600" i="1"/>
  <c r="AC113601" i="1"/>
  <c r="AC113602" i="1"/>
  <c r="AC113603" i="1"/>
  <c r="AC113604" i="1"/>
  <c r="AC113605" i="1"/>
  <c r="AC113606" i="1"/>
  <c r="AC113607" i="1"/>
  <c r="AC113608" i="1"/>
  <c r="AC113609" i="1"/>
  <c r="AC113610" i="1"/>
  <c r="AC113611" i="1"/>
  <c r="AC113612" i="1"/>
  <c r="AC113613" i="1"/>
  <c r="AC113614" i="1"/>
  <c r="AC113615" i="1"/>
  <c r="AC113616" i="1"/>
  <c r="AC113617" i="1"/>
  <c r="AC113618" i="1"/>
  <c r="AC113619" i="1"/>
  <c r="AC113620" i="1"/>
  <c r="AC113621" i="1"/>
  <c r="AC113622" i="1"/>
  <c r="AC113623" i="1"/>
  <c r="AC113624" i="1"/>
  <c r="AC113625" i="1"/>
  <c r="AC113626" i="1"/>
  <c r="AC113627" i="1"/>
  <c r="AC113628" i="1"/>
  <c r="AC113629" i="1"/>
  <c r="AC113630" i="1"/>
  <c r="AC113631" i="1"/>
  <c r="AC113632" i="1"/>
  <c r="AC113633" i="1"/>
  <c r="AC113634" i="1"/>
  <c r="AC113635" i="1"/>
  <c r="AC113636" i="1"/>
  <c r="AC113637" i="1"/>
  <c r="AC113638" i="1"/>
  <c r="AC113639" i="1"/>
  <c r="AC113640" i="1"/>
  <c r="AC113641" i="1"/>
  <c r="AC113642" i="1"/>
  <c r="AC113643" i="1"/>
  <c r="AC113644" i="1"/>
  <c r="AC113645" i="1"/>
  <c r="AC113646" i="1"/>
  <c r="AC113647" i="1"/>
  <c r="AC113648" i="1"/>
  <c r="AC113649" i="1"/>
  <c r="AC113650" i="1"/>
  <c r="AC113651" i="1"/>
  <c r="AC113652" i="1"/>
  <c r="AC113653" i="1"/>
  <c r="AC113654" i="1"/>
  <c r="AC113655" i="1"/>
  <c r="AC113656" i="1"/>
  <c r="AC113657" i="1"/>
  <c r="AC113658" i="1"/>
  <c r="AC113659" i="1"/>
  <c r="AC113660" i="1"/>
  <c r="AC113661" i="1"/>
  <c r="AC113662" i="1"/>
  <c r="AC113663" i="1"/>
  <c r="AC113664" i="1"/>
  <c r="AC113665" i="1"/>
  <c r="AC113666" i="1"/>
  <c r="AC113667" i="1"/>
  <c r="AC113668" i="1"/>
  <c r="AC113669" i="1"/>
  <c r="AC113670" i="1"/>
  <c r="AC113671" i="1"/>
  <c r="AC113672" i="1"/>
  <c r="AC113673" i="1"/>
  <c r="AC113674" i="1"/>
  <c r="AC113675" i="1"/>
  <c r="AC113676" i="1"/>
  <c r="AC113677" i="1"/>
  <c r="AC113678" i="1"/>
  <c r="AC113679" i="1"/>
  <c r="AC113680" i="1"/>
  <c r="AC113681" i="1"/>
  <c r="AC113682" i="1"/>
  <c r="AC113683" i="1"/>
  <c r="AC113684" i="1"/>
  <c r="AC113685" i="1"/>
  <c r="AC113686" i="1"/>
  <c r="AC113687" i="1"/>
  <c r="AC113688" i="1"/>
  <c r="AC113689" i="1"/>
  <c r="AC113690" i="1"/>
  <c r="AC113691" i="1"/>
  <c r="AC113692" i="1"/>
  <c r="AC113693" i="1"/>
  <c r="AC113694" i="1"/>
  <c r="AC113695" i="1"/>
  <c r="AC113696" i="1"/>
  <c r="AC113697" i="1"/>
  <c r="AC113698" i="1"/>
  <c r="AC113699" i="1"/>
  <c r="AC113700" i="1"/>
  <c r="AC113701" i="1"/>
  <c r="AC113702" i="1"/>
  <c r="AC113703" i="1"/>
  <c r="AC113704" i="1"/>
  <c r="AC113705" i="1"/>
  <c r="AC113706" i="1"/>
  <c r="AC113707" i="1"/>
  <c r="AC113708" i="1"/>
  <c r="AC113709" i="1"/>
  <c r="AC113710" i="1"/>
  <c r="AC113711" i="1"/>
  <c r="AC113712" i="1"/>
  <c r="AC113713" i="1"/>
  <c r="AC113714" i="1"/>
  <c r="AC113715" i="1"/>
  <c r="AC113716" i="1"/>
  <c r="AC113717" i="1"/>
  <c r="AC113718" i="1"/>
  <c r="AC113719" i="1"/>
  <c r="AC113720" i="1"/>
  <c r="AC113721" i="1"/>
  <c r="AC113722" i="1"/>
  <c r="AC113723" i="1"/>
  <c r="AC113724" i="1"/>
  <c r="AC113725" i="1"/>
  <c r="AC113726" i="1"/>
  <c r="AC113727" i="1"/>
  <c r="AC113728" i="1"/>
  <c r="AC113729" i="1"/>
  <c r="AC113730" i="1"/>
  <c r="AC113731" i="1"/>
  <c r="AC113732" i="1"/>
  <c r="AC113733" i="1"/>
  <c r="AC113734" i="1"/>
  <c r="AC113735" i="1"/>
  <c r="AC113736" i="1"/>
  <c r="AC113737" i="1"/>
  <c r="AC113738" i="1"/>
  <c r="AC113739" i="1"/>
  <c r="AC113740" i="1"/>
  <c r="AC113741" i="1"/>
  <c r="AC113742" i="1"/>
  <c r="AC113743" i="1"/>
  <c r="AC113744" i="1"/>
  <c r="AC113745" i="1"/>
  <c r="AC113746" i="1"/>
  <c r="AC113747" i="1"/>
  <c r="AC113748" i="1"/>
  <c r="AC113749" i="1"/>
  <c r="AC113750" i="1"/>
  <c r="AC113751" i="1"/>
  <c r="AC113752" i="1"/>
  <c r="AC113753" i="1"/>
  <c r="AC113754" i="1"/>
  <c r="AC113755" i="1"/>
  <c r="AC113756" i="1"/>
  <c r="AC113757" i="1"/>
  <c r="AC113758" i="1"/>
  <c r="AC113759" i="1"/>
  <c r="AC113760" i="1"/>
  <c r="AC113761" i="1"/>
  <c r="AC113762" i="1"/>
  <c r="AC113763" i="1"/>
  <c r="AC113764" i="1"/>
  <c r="AC113765" i="1"/>
  <c r="AC113766" i="1"/>
  <c r="AC113767" i="1"/>
  <c r="AC113768" i="1"/>
  <c r="AC113769" i="1"/>
  <c r="AC113770" i="1"/>
  <c r="AC113771" i="1"/>
  <c r="AC113772" i="1"/>
  <c r="AC113773" i="1"/>
  <c r="AC113774" i="1"/>
  <c r="AC113775" i="1"/>
  <c r="AC113776" i="1"/>
  <c r="AC113777" i="1"/>
  <c r="AC113778" i="1"/>
  <c r="AC113779" i="1"/>
  <c r="AC113780" i="1"/>
  <c r="AC113781" i="1"/>
  <c r="AC113782" i="1"/>
  <c r="AC113783" i="1"/>
  <c r="AC113784" i="1"/>
  <c r="AC113785" i="1"/>
  <c r="AC113786" i="1"/>
  <c r="AC113787" i="1"/>
  <c r="AC113788" i="1"/>
  <c r="AC113789" i="1"/>
  <c r="AC113790" i="1"/>
  <c r="AC113791" i="1"/>
  <c r="AC113792" i="1"/>
  <c r="AC113793" i="1"/>
  <c r="AC113794" i="1"/>
  <c r="AC113795" i="1"/>
  <c r="AC113796" i="1"/>
  <c r="AC113797" i="1"/>
  <c r="AC113798" i="1"/>
  <c r="AC113799" i="1"/>
  <c r="AC113800" i="1"/>
  <c r="AC113801" i="1"/>
  <c r="AC113802" i="1"/>
  <c r="AC113803" i="1"/>
  <c r="AC113804" i="1"/>
  <c r="AC113805" i="1"/>
  <c r="AC113806" i="1"/>
  <c r="AC113807" i="1"/>
  <c r="AC113808" i="1"/>
  <c r="AC113809" i="1"/>
  <c r="AC113810" i="1"/>
  <c r="AC113811" i="1"/>
  <c r="AC113812" i="1"/>
  <c r="AC113813" i="1"/>
  <c r="AC113814" i="1"/>
  <c r="AC113815" i="1"/>
  <c r="AC113816" i="1"/>
  <c r="AC113817" i="1"/>
  <c r="AC113818" i="1"/>
  <c r="AC113819" i="1"/>
  <c r="AC113820" i="1"/>
  <c r="AC113821" i="1"/>
  <c r="AC113822" i="1"/>
  <c r="AC113823" i="1"/>
  <c r="AC113824" i="1"/>
  <c r="AC113825" i="1"/>
  <c r="AC113826" i="1"/>
  <c r="AC113827" i="1"/>
  <c r="AC113828" i="1"/>
  <c r="AC113829" i="1"/>
  <c r="AC113830" i="1"/>
  <c r="AC113831" i="1"/>
  <c r="AC113832" i="1"/>
  <c r="AC113833" i="1"/>
  <c r="AC113834" i="1"/>
  <c r="AC113835" i="1"/>
  <c r="AC113836" i="1"/>
  <c r="AC113837" i="1"/>
  <c r="AC113838" i="1"/>
  <c r="AC113839" i="1"/>
  <c r="AC113840" i="1"/>
  <c r="AC113841" i="1"/>
  <c r="AC113842" i="1"/>
  <c r="AC113843" i="1"/>
  <c r="AC113844" i="1"/>
  <c r="AC113845" i="1"/>
  <c r="AC113846" i="1"/>
  <c r="AC113847" i="1"/>
  <c r="AC113848" i="1"/>
  <c r="AC113849" i="1"/>
  <c r="AC113850" i="1"/>
  <c r="AC113851" i="1"/>
  <c r="AC113852" i="1"/>
  <c r="AC113853" i="1"/>
  <c r="AC113854" i="1"/>
  <c r="AC113855" i="1"/>
  <c r="AC113856" i="1"/>
  <c r="AC113857" i="1"/>
  <c r="AC113858" i="1"/>
  <c r="AC113859" i="1"/>
  <c r="AC113860" i="1"/>
  <c r="AC113861" i="1"/>
  <c r="AC113862" i="1"/>
  <c r="AC113863" i="1"/>
  <c r="AC113864" i="1"/>
  <c r="AC113865" i="1"/>
  <c r="AC113866" i="1"/>
  <c r="AC113867" i="1"/>
  <c r="AC113868" i="1"/>
  <c r="AC113869" i="1"/>
  <c r="AC113870" i="1"/>
  <c r="AC113871" i="1"/>
  <c r="AC113872" i="1"/>
  <c r="AC113873" i="1"/>
  <c r="AC113874" i="1"/>
  <c r="AC113875" i="1"/>
  <c r="AC113876" i="1"/>
  <c r="AC113877" i="1"/>
  <c r="AC113878" i="1"/>
  <c r="AC113879" i="1"/>
  <c r="AC113880" i="1"/>
  <c r="AC113881" i="1"/>
  <c r="AC113882" i="1"/>
  <c r="AC113883" i="1"/>
  <c r="AC113884" i="1"/>
  <c r="AC113885" i="1"/>
  <c r="AC113886" i="1"/>
  <c r="AC113887" i="1"/>
  <c r="AC113888" i="1"/>
  <c r="AC113889" i="1"/>
  <c r="AC113890" i="1"/>
  <c r="AC113891" i="1"/>
  <c r="AC113892" i="1"/>
  <c r="AC113893" i="1"/>
  <c r="AC113894" i="1"/>
  <c r="AC113895" i="1"/>
  <c r="AC113896" i="1"/>
  <c r="AC113897" i="1"/>
  <c r="AC113898" i="1"/>
  <c r="AC113899" i="1"/>
  <c r="AC113900" i="1"/>
  <c r="AC113901" i="1"/>
  <c r="AC113902" i="1"/>
  <c r="AC113903" i="1"/>
  <c r="AC113904" i="1"/>
  <c r="AC113905" i="1"/>
  <c r="AC113906" i="1"/>
  <c r="AC113907" i="1"/>
  <c r="AC113908" i="1"/>
  <c r="AC113909" i="1"/>
  <c r="AC113910" i="1"/>
  <c r="AC113911" i="1"/>
  <c r="AC113912" i="1"/>
  <c r="AC113913" i="1"/>
  <c r="AC113914" i="1"/>
  <c r="AC113915" i="1"/>
  <c r="AC113916" i="1"/>
  <c r="AC113917" i="1"/>
  <c r="AC113918" i="1"/>
  <c r="AC113919" i="1"/>
  <c r="AC113920" i="1"/>
  <c r="AC113921" i="1"/>
  <c r="AC113922" i="1"/>
  <c r="AC113923" i="1"/>
  <c r="AC113924" i="1"/>
  <c r="AC113925" i="1"/>
  <c r="AC113926" i="1"/>
  <c r="AC113927" i="1"/>
  <c r="AC113928" i="1"/>
  <c r="AC113929" i="1"/>
  <c r="AC113930" i="1"/>
  <c r="AC113931" i="1"/>
  <c r="AC113932" i="1"/>
  <c r="AC113933" i="1"/>
  <c r="AC113934" i="1"/>
  <c r="AC113935" i="1"/>
  <c r="AC113936" i="1"/>
  <c r="AC113937" i="1"/>
  <c r="AC113938" i="1"/>
  <c r="AC113939" i="1"/>
  <c r="AC113940" i="1"/>
  <c r="AC113941" i="1"/>
  <c r="AC113942" i="1"/>
  <c r="AC113943" i="1"/>
  <c r="AC113944" i="1"/>
  <c r="AC113945" i="1"/>
  <c r="AC113946" i="1"/>
  <c r="AC113947" i="1"/>
  <c r="AC113948" i="1"/>
  <c r="AC113949" i="1"/>
  <c r="AC113950" i="1"/>
  <c r="AC113951" i="1"/>
  <c r="AC113952" i="1"/>
  <c r="AC113953" i="1"/>
  <c r="AC113954" i="1"/>
  <c r="AC113955" i="1"/>
  <c r="AC113956" i="1"/>
  <c r="AC113957" i="1"/>
  <c r="AC113958" i="1"/>
  <c r="AC113959" i="1"/>
  <c r="AC113960" i="1"/>
  <c r="AC113961" i="1"/>
  <c r="AC113962" i="1"/>
  <c r="AC113963" i="1"/>
  <c r="AC113964" i="1"/>
  <c r="AC113965" i="1"/>
  <c r="AC113966" i="1"/>
  <c r="AC113967" i="1"/>
  <c r="AC113968" i="1"/>
  <c r="AC113969" i="1"/>
  <c r="AC113970" i="1"/>
  <c r="AC113971" i="1"/>
  <c r="AC113972" i="1"/>
  <c r="AC113973" i="1"/>
  <c r="AC113974" i="1"/>
  <c r="AC113975" i="1"/>
  <c r="AC113976" i="1"/>
  <c r="AC113977" i="1"/>
  <c r="AC113978" i="1"/>
  <c r="AC113979" i="1"/>
  <c r="AC113980" i="1"/>
  <c r="AC113981" i="1"/>
  <c r="AC113982" i="1"/>
  <c r="AC113983" i="1"/>
  <c r="AC113984" i="1"/>
  <c r="AC113985" i="1"/>
  <c r="AC113986" i="1"/>
  <c r="AC113987" i="1"/>
  <c r="AC113988" i="1"/>
  <c r="AC113989" i="1"/>
  <c r="AC113990" i="1"/>
  <c r="AC113991" i="1"/>
  <c r="AC113992" i="1"/>
  <c r="AC113993" i="1"/>
  <c r="AC113994" i="1"/>
  <c r="AC113995" i="1"/>
  <c r="AC113996" i="1"/>
  <c r="AC113997" i="1"/>
  <c r="AC113998" i="1"/>
  <c r="AC113999" i="1"/>
  <c r="AC114000" i="1"/>
  <c r="AC114001" i="1"/>
  <c r="AC114002" i="1"/>
  <c r="AC114003" i="1"/>
  <c r="AC114004" i="1"/>
  <c r="AC114005" i="1"/>
  <c r="AC114006" i="1"/>
  <c r="AC114007" i="1"/>
  <c r="AC114008" i="1"/>
  <c r="AC114009" i="1"/>
  <c r="AC114010" i="1"/>
  <c r="AC114011" i="1"/>
  <c r="AC114012" i="1"/>
  <c r="AC114013" i="1"/>
  <c r="AC114014" i="1"/>
  <c r="AC114015" i="1"/>
  <c r="AC114016" i="1"/>
  <c r="AC114017" i="1"/>
  <c r="AC114018" i="1"/>
  <c r="AC114019" i="1"/>
  <c r="AC114020" i="1"/>
  <c r="AC114021" i="1"/>
  <c r="AC114022" i="1"/>
  <c r="AC114023" i="1"/>
  <c r="AC114024" i="1"/>
  <c r="AC114025" i="1"/>
  <c r="AC114026" i="1"/>
  <c r="AC114027" i="1"/>
  <c r="AC114028" i="1"/>
  <c r="AC114029" i="1"/>
  <c r="AC114030" i="1"/>
  <c r="AC114031" i="1"/>
  <c r="AC114032" i="1"/>
  <c r="AC114033" i="1"/>
  <c r="AC114034" i="1"/>
  <c r="AC114035" i="1"/>
  <c r="AC114036" i="1"/>
  <c r="AC114037" i="1"/>
  <c r="AC114038" i="1"/>
  <c r="AC114039" i="1"/>
  <c r="AC114040" i="1"/>
  <c r="AC114041" i="1"/>
  <c r="AC114042" i="1"/>
  <c r="AC114043" i="1"/>
  <c r="AC114044" i="1"/>
  <c r="AC114045" i="1"/>
  <c r="AC114046" i="1"/>
  <c r="AC114047" i="1"/>
  <c r="AC114048" i="1"/>
  <c r="AC114049" i="1"/>
  <c r="AC114050" i="1"/>
  <c r="AC114051" i="1"/>
  <c r="AC114052" i="1"/>
  <c r="AC114053" i="1"/>
  <c r="AC114054" i="1"/>
  <c r="AC114055" i="1"/>
  <c r="AC114056" i="1"/>
  <c r="AC114057" i="1"/>
  <c r="AC114058" i="1"/>
  <c r="AC114059" i="1"/>
  <c r="AC114060" i="1"/>
  <c r="AC114061" i="1"/>
  <c r="AC114062" i="1"/>
  <c r="AC114063" i="1"/>
  <c r="AC114064" i="1"/>
  <c r="AC114065" i="1"/>
  <c r="AC114066" i="1"/>
  <c r="AC114067" i="1"/>
  <c r="AC114068" i="1"/>
  <c r="AC114069" i="1"/>
  <c r="AC114070" i="1"/>
  <c r="AC114071" i="1"/>
  <c r="AC114072" i="1"/>
  <c r="AC114073" i="1"/>
  <c r="AC114074" i="1"/>
  <c r="AC114075" i="1"/>
  <c r="AC114076" i="1"/>
  <c r="AC114077" i="1"/>
  <c r="AC114078" i="1"/>
  <c r="AC114079" i="1"/>
  <c r="AC114080" i="1"/>
  <c r="AC114081" i="1"/>
  <c r="AC114082" i="1"/>
  <c r="AC114083" i="1"/>
  <c r="AC114084" i="1"/>
  <c r="AC114085" i="1"/>
  <c r="AC114086" i="1"/>
  <c r="AC114087" i="1"/>
  <c r="AC114088" i="1"/>
  <c r="AC114089" i="1"/>
  <c r="AC114090" i="1"/>
  <c r="AC114091" i="1"/>
  <c r="AC114092" i="1"/>
  <c r="AC114093" i="1"/>
  <c r="AC114094" i="1"/>
  <c r="AC114095" i="1"/>
  <c r="AC114096" i="1"/>
  <c r="AC114097" i="1"/>
  <c r="AC114098" i="1"/>
  <c r="AC114099" i="1"/>
  <c r="AC114100" i="1"/>
  <c r="AC114101" i="1"/>
  <c r="AC114102" i="1"/>
  <c r="AC114103" i="1"/>
  <c r="AC114104" i="1"/>
  <c r="AC114105" i="1"/>
  <c r="AC114106" i="1"/>
  <c r="AC114107" i="1"/>
  <c r="AC114108" i="1"/>
  <c r="AC114109" i="1"/>
  <c r="AC114110" i="1"/>
  <c r="AC114111" i="1"/>
  <c r="AC114112" i="1"/>
  <c r="AC114113" i="1"/>
  <c r="AC114114" i="1"/>
  <c r="AC114115" i="1"/>
  <c r="AC114116" i="1"/>
  <c r="AC114117" i="1"/>
  <c r="AC114118" i="1"/>
  <c r="AC114119" i="1"/>
  <c r="AC114120" i="1"/>
  <c r="AC114121" i="1"/>
  <c r="AC114122" i="1"/>
  <c r="AC114123" i="1"/>
  <c r="AC114124" i="1"/>
  <c r="AC114125" i="1"/>
  <c r="AC114126" i="1"/>
  <c r="AC114127" i="1"/>
  <c r="AC114128" i="1"/>
  <c r="AC114129" i="1"/>
  <c r="AC114130" i="1"/>
  <c r="AC114131" i="1"/>
  <c r="AC114132" i="1"/>
  <c r="AC114133" i="1"/>
  <c r="AC114134" i="1"/>
  <c r="AC114135" i="1"/>
  <c r="AC114136" i="1"/>
  <c r="AC114137" i="1"/>
  <c r="AC114138" i="1"/>
  <c r="AC114139" i="1"/>
  <c r="AC114140" i="1"/>
  <c r="AC114141" i="1"/>
  <c r="AC114142" i="1"/>
  <c r="AC114143" i="1"/>
  <c r="AC114144" i="1"/>
  <c r="AC114145" i="1"/>
  <c r="AC114146" i="1"/>
  <c r="AC114147" i="1"/>
  <c r="AC114148" i="1"/>
  <c r="AC114149" i="1"/>
  <c r="AC114150" i="1"/>
  <c r="AC114151" i="1"/>
  <c r="AC114152" i="1"/>
  <c r="AC114153" i="1"/>
  <c r="AC114154" i="1"/>
  <c r="AC114155" i="1"/>
  <c r="AC114156" i="1"/>
  <c r="AC114157" i="1"/>
  <c r="AC114158" i="1"/>
  <c r="AC114159" i="1"/>
  <c r="AC114160" i="1"/>
  <c r="AC114161" i="1"/>
  <c r="AC114162" i="1"/>
  <c r="AC114163" i="1"/>
  <c r="AC114164" i="1"/>
  <c r="AC114165" i="1"/>
  <c r="AC114166" i="1"/>
  <c r="AC114167" i="1"/>
  <c r="AC114168" i="1"/>
  <c r="AC114169" i="1"/>
  <c r="AC114170" i="1"/>
  <c r="AC114171" i="1"/>
  <c r="AC114172" i="1"/>
  <c r="AC114173" i="1"/>
  <c r="AC114174" i="1"/>
  <c r="AC114175" i="1"/>
  <c r="AC114176" i="1"/>
  <c r="AC114177" i="1"/>
  <c r="AC114178" i="1"/>
  <c r="AC114179" i="1"/>
  <c r="AC114180" i="1"/>
  <c r="AC114181" i="1"/>
  <c r="AC114182" i="1"/>
  <c r="AC114183" i="1"/>
  <c r="AC114184" i="1"/>
  <c r="AC114185" i="1"/>
  <c r="AC114186" i="1"/>
  <c r="AC114187" i="1"/>
  <c r="AC114188" i="1"/>
  <c r="AC114189" i="1"/>
  <c r="AC114190" i="1"/>
  <c r="AC114191" i="1"/>
  <c r="AC114192" i="1"/>
  <c r="AC114193" i="1"/>
  <c r="AC114194" i="1"/>
  <c r="AC114195" i="1"/>
  <c r="AC114196" i="1"/>
  <c r="AC114197" i="1"/>
  <c r="AC114198" i="1"/>
  <c r="AC114199" i="1"/>
  <c r="AC114200" i="1"/>
  <c r="AC114201" i="1"/>
  <c r="AC114202" i="1"/>
  <c r="AC114203" i="1"/>
  <c r="AC114204" i="1"/>
  <c r="AC114205" i="1"/>
  <c r="AC114206" i="1"/>
  <c r="AC114207" i="1"/>
  <c r="AC114208" i="1"/>
  <c r="AC114209" i="1"/>
  <c r="AC114210" i="1"/>
  <c r="AC114211" i="1"/>
  <c r="AC114212" i="1"/>
  <c r="AC114213" i="1"/>
  <c r="AC114214" i="1"/>
  <c r="AC114215" i="1"/>
  <c r="AC114216" i="1"/>
  <c r="AC114217" i="1"/>
  <c r="AC114218" i="1"/>
  <c r="AC114219" i="1"/>
  <c r="AC114220" i="1"/>
  <c r="AC114221" i="1"/>
  <c r="AC114222" i="1"/>
  <c r="AC114223" i="1"/>
  <c r="AC114224" i="1"/>
  <c r="AC114225" i="1"/>
  <c r="AC114226" i="1"/>
  <c r="AC114227" i="1"/>
  <c r="AC114228" i="1"/>
  <c r="AC114229" i="1"/>
  <c r="AC114230" i="1"/>
  <c r="AC114231" i="1"/>
  <c r="AC114232" i="1"/>
  <c r="AC114233" i="1"/>
  <c r="AC114234" i="1"/>
  <c r="AC114235" i="1"/>
  <c r="AC114236" i="1"/>
  <c r="AC114237" i="1"/>
  <c r="AC114238" i="1"/>
  <c r="AC114239" i="1"/>
  <c r="AC114240" i="1"/>
  <c r="AC114241" i="1"/>
  <c r="AC114242" i="1"/>
  <c r="AC114243" i="1"/>
  <c r="AC114244" i="1"/>
  <c r="AC114245" i="1"/>
  <c r="AC114246" i="1"/>
  <c r="AC114247" i="1"/>
  <c r="AC114248" i="1"/>
  <c r="AC114249" i="1"/>
  <c r="AC114250" i="1"/>
  <c r="AC114251" i="1"/>
  <c r="AC114252" i="1"/>
  <c r="AC114253" i="1"/>
  <c r="AC114254" i="1"/>
  <c r="AC114255" i="1"/>
  <c r="AC114256" i="1"/>
  <c r="AC114257" i="1"/>
  <c r="AC114258" i="1"/>
  <c r="AC114259" i="1"/>
  <c r="AC114260" i="1"/>
  <c r="AC114261" i="1"/>
  <c r="AC114262" i="1"/>
  <c r="AC114263" i="1"/>
  <c r="AC114264" i="1"/>
  <c r="AC114265" i="1"/>
  <c r="AC114266" i="1"/>
  <c r="AC114267" i="1"/>
  <c r="AC114268" i="1"/>
  <c r="AC114269" i="1"/>
  <c r="AC114270" i="1"/>
  <c r="AC114271" i="1"/>
  <c r="AC114272" i="1"/>
  <c r="AC114273" i="1"/>
  <c r="AC114274" i="1"/>
  <c r="AC114275" i="1"/>
  <c r="AC114276" i="1"/>
  <c r="AC114277" i="1"/>
  <c r="AC114278" i="1"/>
  <c r="AC114279" i="1"/>
  <c r="AC114280" i="1"/>
  <c r="AC114281" i="1"/>
  <c r="AC114282" i="1"/>
  <c r="AC114283" i="1"/>
  <c r="AC114284" i="1"/>
  <c r="AC114285" i="1"/>
  <c r="AC114286" i="1"/>
  <c r="AC114287" i="1"/>
  <c r="AC114288" i="1"/>
  <c r="AC114289" i="1"/>
  <c r="AC114290" i="1"/>
  <c r="AC114291" i="1"/>
  <c r="AC114292" i="1"/>
  <c r="AC114293" i="1"/>
  <c r="AC114294" i="1"/>
  <c r="AC114295" i="1"/>
  <c r="AC114296" i="1"/>
  <c r="AC114297" i="1"/>
  <c r="AC114298" i="1"/>
  <c r="AC114299" i="1"/>
  <c r="AC114300" i="1"/>
  <c r="AC114301" i="1"/>
  <c r="AC114302" i="1"/>
  <c r="AC114303" i="1"/>
  <c r="AC114304" i="1"/>
  <c r="AC114305" i="1"/>
  <c r="AC114306" i="1"/>
  <c r="AC114307" i="1"/>
  <c r="AC114308" i="1"/>
  <c r="AC114309" i="1"/>
  <c r="AC114310" i="1"/>
  <c r="AC114311" i="1"/>
  <c r="AC114312" i="1"/>
  <c r="AC114313" i="1"/>
  <c r="AC114314" i="1"/>
  <c r="AC114315" i="1"/>
  <c r="AC114316" i="1"/>
  <c r="AC114317" i="1"/>
  <c r="AC114318" i="1"/>
  <c r="AC114319" i="1"/>
  <c r="AC114320" i="1"/>
  <c r="AC114321" i="1"/>
  <c r="AC114322" i="1"/>
  <c r="AC114323" i="1"/>
  <c r="AC114324" i="1"/>
  <c r="AC114325" i="1"/>
  <c r="AC114326" i="1"/>
  <c r="AC114327" i="1"/>
  <c r="AC114328" i="1"/>
  <c r="AC114329" i="1"/>
  <c r="AC114330" i="1"/>
  <c r="AC114331" i="1"/>
  <c r="AC114332" i="1"/>
  <c r="AC114333" i="1"/>
  <c r="AC114334" i="1"/>
  <c r="AC114335" i="1"/>
  <c r="AC114336" i="1"/>
  <c r="AC114337" i="1"/>
  <c r="AC114338" i="1"/>
  <c r="AC114339" i="1"/>
  <c r="AC114340" i="1"/>
  <c r="AC114341" i="1"/>
  <c r="AC114342" i="1"/>
  <c r="AC114343" i="1"/>
  <c r="AC114344" i="1"/>
  <c r="AC114345" i="1"/>
  <c r="AC114346" i="1"/>
  <c r="AC114347" i="1"/>
  <c r="AC114348" i="1"/>
  <c r="AC114349" i="1"/>
  <c r="AC114350" i="1"/>
  <c r="AC114351" i="1"/>
  <c r="AC114352" i="1"/>
  <c r="AC114353" i="1"/>
  <c r="AC114354" i="1"/>
  <c r="AC114355" i="1"/>
  <c r="AC114356" i="1"/>
  <c r="AC114357" i="1"/>
  <c r="AC114358" i="1"/>
  <c r="AC114359" i="1"/>
  <c r="AC114360" i="1"/>
  <c r="AC114361" i="1"/>
  <c r="AC114362" i="1"/>
  <c r="AC114363" i="1"/>
  <c r="AC114364" i="1"/>
  <c r="AC114365" i="1"/>
  <c r="AC114366" i="1"/>
  <c r="AC114367" i="1"/>
  <c r="AC114368" i="1"/>
  <c r="AC114369" i="1"/>
  <c r="AC114370" i="1"/>
  <c r="AC114371" i="1"/>
  <c r="AC114372" i="1"/>
  <c r="AC114373" i="1"/>
  <c r="AC114374" i="1"/>
  <c r="AC114375" i="1"/>
  <c r="AC114376" i="1"/>
  <c r="AC114377" i="1"/>
  <c r="AC114378" i="1"/>
  <c r="AC114379" i="1"/>
  <c r="AC114380" i="1"/>
  <c r="AC114381" i="1"/>
  <c r="AC114382" i="1"/>
  <c r="AC114383" i="1"/>
  <c r="AC114384" i="1"/>
  <c r="AC114385" i="1"/>
  <c r="AC114386" i="1"/>
  <c r="AC114387" i="1"/>
  <c r="AC114388" i="1"/>
  <c r="AC114389" i="1"/>
  <c r="AC114390" i="1"/>
  <c r="AC114391" i="1"/>
  <c r="AC114392" i="1"/>
  <c r="AC114393" i="1"/>
  <c r="AC114394" i="1"/>
  <c r="AC114395" i="1"/>
  <c r="AC114396" i="1"/>
  <c r="AC114397" i="1"/>
  <c r="AC114398" i="1"/>
  <c r="AC114399" i="1"/>
  <c r="AC114400" i="1"/>
  <c r="AC114401" i="1"/>
  <c r="AC114402" i="1"/>
  <c r="AC114403" i="1"/>
  <c r="AC114404" i="1"/>
  <c r="AC114405" i="1"/>
  <c r="AC114406" i="1"/>
  <c r="AC114407" i="1"/>
  <c r="AC114408" i="1"/>
  <c r="AC114409" i="1"/>
  <c r="AC114410" i="1"/>
  <c r="AC114411" i="1"/>
  <c r="AC114412" i="1"/>
  <c r="AC114413" i="1"/>
  <c r="AC114414" i="1"/>
  <c r="AC114415" i="1"/>
  <c r="AC114416" i="1"/>
  <c r="AC114417" i="1"/>
  <c r="AC114418" i="1"/>
  <c r="AC114419" i="1"/>
  <c r="AC114420" i="1"/>
  <c r="AC114421" i="1"/>
  <c r="AC114422" i="1"/>
  <c r="AC114423" i="1"/>
  <c r="AC114424" i="1"/>
  <c r="AC114425" i="1"/>
  <c r="AC114426" i="1"/>
  <c r="AC114427" i="1"/>
  <c r="AC114428" i="1"/>
  <c r="AC114429" i="1"/>
  <c r="AC114430" i="1"/>
  <c r="AC114431" i="1"/>
  <c r="AC114432" i="1"/>
  <c r="AC114433" i="1"/>
  <c r="AC114434" i="1"/>
  <c r="AC114435" i="1"/>
  <c r="AC114436" i="1"/>
  <c r="AC114437" i="1"/>
  <c r="AC114438" i="1"/>
  <c r="AC114439" i="1"/>
  <c r="AC114440" i="1"/>
  <c r="AC114441" i="1"/>
  <c r="AC114442" i="1"/>
  <c r="AC114443" i="1"/>
  <c r="AC114444" i="1"/>
  <c r="AC114445" i="1"/>
  <c r="AC114446" i="1"/>
  <c r="AC114447" i="1"/>
  <c r="AC114448" i="1"/>
  <c r="AC114449" i="1"/>
  <c r="AC114450" i="1"/>
  <c r="AC114451" i="1"/>
  <c r="AC114452" i="1"/>
  <c r="AC114453" i="1"/>
  <c r="AC114454" i="1"/>
  <c r="AC114455" i="1"/>
  <c r="AC114456" i="1"/>
  <c r="AC114457" i="1"/>
  <c r="AC114458" i="1"/>
  <c r="AC114459" i="1"/>
  <c r="AC114460" i="1"/>
  <c r="AC114461" i="1"/>
  <c r="AC114462" i="1"/>
  <c r="AC114463" i="1"/>
  <c r="AC114464" i="1"/>
  <c r="AC114465" i="1"/>
  <c r="AC114466" i="1"/>
  <c r="AC114467" i="1"/>
  <c r="AC114468" i="1"/>
  <c r="AC114469" i="1"/>
  <c r="AC114470" i="1"/>
  <c r="AC114471" i="1"/>
  <c r="AC114472" i="1"/>
  <c r="AC114473" i="1"/>
  <c r="AC114474" i="1"/>
  <c r="AC114475" i="1"/>
  <c r="AC114476" i="1"/>
  <c r="AC114477" i="1"/>
  <c r="AC114478" i="1"/>
  <c r="AC114479" i="1"/>
  <c r="AC114480" i="1"/>
  <c r="AC114481" i="1"/>
  <c r="AC114482" i="1"/>
  <c r="AC114483" i="1"/>
  <c r="AC114484" i="1"/>
  <c r="AC114485" i="1"/>
  <c r="AC114486" i="1"/>
  <c r="AC114487" i="1"/>
  <c r="AC114488" i="1"/>
  <c r="AC114489" i="1"/>
  <c r="AC114490" i="1"/>
  <c r="AC114491" i="1"/>
  <c r="AC114492" i="1"/>
  <c r="AC114493" i="1"/>
  <c r="AC114494" i="1"/>
  <c r="AC114495" i="1"/>
  <c r="AC114496" i="1"/>
  <c r="AC114497" i="1"/>
  <c r="AC114498" i="1"/>
  <c r="AC114499" i="1"/>
  <c r="AC114500" i="1"/>
  <c r="AC114501" i="1"/>
  <c r="AC114502" i="1"/>
  <c r="AC114503" i="1"/>
  <c r="AC114504" i="1"/>
  <c r="AC114505" i="1"/>
  <c r="AC114506" i="1"/>
  <c r="AC114507" i="1"/>
  <c r="AC114508" i="1"/>
  <c r="AC114509" i="1"/>
  <c r="AC114510" i="1"/>
  <c r="AC114511" i="1"/>
  <c r="AC114512" i="1"/>
  <c r="AC114513" i="1"/>
  <c r="AC114514" i="1"/>
  <c r="AC114515" i="1"/>
  <c r="AC114516" i="1"/>
  <c r="AC114517" i="1"/>
  <c r="AC114518" i="1"/>
  <c r="AC114519" i="1"/>
  <c r="AC114520" i="1"/>
  <c r="AC114521" i="1"/>
  <c r="AC114522" i="1"/>
  <c r="AC114523" i="1"/>
  <c r="AC114524" i="1"/>
  <c r="AC114525" i="1"/>
  <c r="AC114526" i="1"/>
  <c r="AC114527" i="1"/>
  <c r="AC114528" i="1"/>
  <c r="AC114529" i="1"/>
  <c r="AC114530" i="1"/>
  <c r="AC114531" i="1"/>
  <c r="AC114532" i="1"/>
  <c r="AC114533" i="1"/>
  <c r="AC114534" i="1"/>
  <c r="AC114535" i="1"/>
  <c r="AC114536" i="1"/>
  <c r="AC114537" i="1"/>
  <c r="AC114538" i="1"/>
  <c r="AC114539" i="1"/>
  <c r="AC114540" i="1"/>
  <c r="AC114541" i="1"/>
  <c r="AC114542" i="1"/>
  <c r="AC114543" i="1"/>
  <c r="AC114544" i="1"/>
  <c r="AC114545" i="1"/>
  <c r="AC114546" i="1"/>
  <c r="AC114547" i="1"/>
  <c r="AC114548" i="1"/>
  <c r="AC114549" i="1"/>
  <c r="AC114550" i="1"/>
  <c r="AC114551" i="1"/>
  <c r="AC114552" i="1"/>
  <c r="AC114553" i="1"/>
  <c r="AC114554" i="1"/>
  <c r="AC114555" i="1"/>
  <c r="AC114556" i="1"/>
  <c r="AC114557" i="1"/>
  <c r="AC114558" i="1"/>
  <c r="AC114559" i="1"/>
  <c r="AC114560" i="1"/>
  <c r="AC114561" i="1"/>
  <c r="AC114562" i="1"/>
  <c r="AC114563" i="1"/>
  <c r="AC114564" i="1"/>
  <c r="AC114565" i="1"/>
  <c r="AC114566" i="1"/>
  <c r="AC114567" i="1"/>
  <c r="AC114568" i="1"/>
  <c r="AC114569" i="1"/>
  <c r="AC114570" i="1"/>
  <c r="AC114571" i="1"/>
  <c r="AC114572" i="1"/>
  <c r="AC114573" i="1"/>
  <c r="AC114574" i="1"/>
  <c r="AC114575" i="1"/>
  <c r="AC114576" i="1"/>
  <c r="AC114577" i="1"/>
  <c r="AC114578" i="1"/>
  <c r="AC114579" i="1"/>
  <c r="AC114580" i="1"/>
  <c r="AC114581" i="1"/>
  <c r="AC114582" i="1"/>
  <c r="AC114583" i="1"/>
  <c r="AC114584" i="1"/>
  <c r="AC114585" i="1"/>
  <c r="AC114586" i="1"/>
  <c r="AC114587" i="1"/>
  <c r="AC114588" i="1"/>
  <c r="AC114589" i="1"/>
  <c r="AC114590" i="1"/>
  <c r="AC114591" i="1"/>
  <c r="AC114592" i="1"/>
  <c r="AC114593" i="1"/>
  <c r="AC114594" i="1"/>
  <c r="AC114595" i="1"/>
  <c r="AC114596" i="1"/>
  <c r="AC114597" i="1"/>
  <c r="AC114598" i="1"/>
  <c r="AC114599" i="1"/>
  <c r="AC114600" i="1"/>
  <c r="AC114601" i="1"/>
  <c r="AC114602" i="1"/>
  <c r="AC114603" i="1"/>
  <c r="AC114604" i="1"/>
  <c r="AC114605" i="1"/>
  <c r="AC114606" i="1"/>
  <c r="AC114607" i="1"/>
  <c r="AC114608" i="1"/>
  <c r="AC114609" i="1"/>
  <c r="AC114610" i="1"/>
  <c r="AC114611" i="1"/>
  <c r="AC114612" i="1"/>
  <c r="AC114613" i="1"/>
  <c r="AC114614" i="1"/>
  <c r="AC114615" i="1"/>
  <c r="AC114616" i="1"/>
  <c r="AC114617" i="1"/>
  <c r="AC114618" i="1"/>
  <c r="AC114619" i="1"/>
  <c r="AC114620" i="1"/>
  <c r="AC114621" i="1"/>
  <c r="AC114622" i="1"/>
  <c r="AC114623" i="1"/>
  <c r="AC114624" i="1"/>
  <c r="AC114625" i="1"/>
  <c r="AC114626" i="1"/>
  <c r="AC114627" i="1"/>
  <c r="AC114628" i="1"/>
  <c r="AC114629" i="1"/>
  <c r="AC114630" i="1"/>
  <c r="AC114631" i="1"/>
  <c r="AC114632" i="1"/>
  <c r="AC114633" i="1"/>
  <c r="AC114634" i="1"/>
  <c r="AC114635" i="1"/>
  <c r="AC114636" i="1"/>
  <c r="AC114637" i="1"/>
  <c r="AC114638" i="1"/>
  <c r="AC114639" i="1"/>
  <c r="AC114640" i="1"/>
  <c r="AC114641" i="1"/>
  <c r="AC114642" i="1"/>
  <c r="AC114643" i="1"/>
  <c r="AC114644" i="1"/>
  <c r="AC114645" i="1"/>
  <c r="AC114646" i="1"/>
  <c r="AC114647" i="1"/>
  <c r="AC114648" i="1"/>
  <c r="AC114649" i="1"/>
  <c r="AC114650" i="1"/>
  <c r="AC114651" i="1"/>
  <c r="AC114652" i="1"/>
  <c r="AC114653" i="1"/>
  <c r="AC114654" i="1"/>
  <c r="AC114655" i="1"/>
  <c r="AC114656" i="1"/>
  <c r="AC114657" i="1"/>
  <c r="AC114658" i="1"/>
  <c r="AC114659" i="1"/>
  <c r="AC114660" i="1"/>
  <c r="AC114661" i="1"/>
  <c r="AC114662" i="1"/>
  <c r="AC114663" i="1"/>
  <c r="AC114664" i="1"/>
  <c r="AC114665" i="1"/>
  <c r="AC114666" i="1"/>
  <c r="AC114667" i="1"/>
  <c r="AC114668" i="1"/>
  <c r="AC114669" i="1"/>
  <c r="AC114670" i="1"/>
  <c r="AC114671" i="1"/>
  <c r="AC114672" i="1"/>
  <c r="AC114673" i="1"/>
  <c r="AC114674" i="1"/>
  <c r="AC114675" i="1"/>
  <c r="AC114676" i="1"/>
  <c r="AC114677" i="1"/>
  <c r="AC114678" i="1"/>
  <c r="AC114679" i="1"/>
  <c r="AC114680" i="1"/>
  <c r="AC114681" i="1"/>
  <c r="AC114682" i="1"/>
  <c r="AC114683" i="1"/>
  <c r="AC114684" i="1"/>
  <c r="AC114685" i="1"/>
  <c r="AC114686" i="1"/>
  <c r="AC114687" i="1"/>
  <c r="AC114688" i="1"/>
  <c r="AC114689" i="1"/>
  <c r="AC114690" i="1"/>
  <c r="AC114691" i="1"/>
  <c r="AC114692" i="1"/>
  <c r="AC114693" i="1"/>
  <c r="AC114694" i="1"/>
  <c r="AC114695" i="1"/>
  <c r="AC114696" i="1"/>
  <c r="AC114697" i="1"/>
  <c r="AC114698" i="1"/>
  <c r="AC114699" i="1"/>
  <c r="AC114700" i="1"/>
  <c r="AC114701" i="1"/>
  <c r="AC114702" i="1"/>
  <c r="AC114703" i="1"/>
  <c r="AC114704" i="1"/>
  <c r="AC114705" i="1"/>
  <c r="AC114706" i="1"/>
  <c r="AC114707" i="1"/>
  <c r="AC114708" i="1"/>
  <c r="AC114709" i="1"/>
  <c r="AC114710" i="1"/>
  <c r="AC114711" i="1"/>
  <c r="AC114712" i="1"/>
  <c r="AC114713" i="1"/>
  <c r="AC114714" i="1"/>
  <c r="AC114715" i="1"/>
  <c r="AC114716" i="1"/>
  <c r="AC114717" i="1"/>
  <c r="AC114718" i="1"/>
  <c r="AC114719" i="1"/>
  <c r="AC114720" i="1"/>
  <c r="AC114721" i="1"/>
  <c r="AC114722" i="1"/>
  <c r="AC114723" i="1"/>
  <c r="AC114724" i="1"/>
  <c r="AC114725" i="1"/>
  <c r="AC114726" i="1"/>
  <c r="AC114727" i="1"/>
  <c r="AC114728" i="1"/>
  <c r="AC114729" i="1"/>
  <c r="AC114730" i="1"/>
  <c r="AC114731" i="1"/>
  <c r="AC114732" i="1"/>
  <c r="AC114733" i="1"/>
  <c r="AC114734" i="1"/>
  <c r="AC114735" i="1"/>
  <c r="AC114736" i="1"/>
  <c r="AC114737" i="1"/>
  <c r="AC114738" i="1"/>
  <c r="AC114739" i="1"/>
  <c r="AC114740" i="1"/>
  <c r="AC114741" i="1"/>
  <c r="AC114742" i="1"/>
  <c r="AC114743" i="1"/>
  <c r="AC114744" i="1"/>
  <c r="AC114745" i="1"/>
  <c r="AC114746" i="1"/>
  <c r="AC114747" i="1"/>
  <c r="AC114748" i="1"/>
  <c r="AC114749" i="1"/>
  <c r="AC114750" i="1"/>
  <c r="AC114751" i="1"/>
  <c r="AC114752" i="1"/>
  <c r="AC114753" i="1"/>
  <c r="AC114754" i="1"/>
  <c r="AC114755" i="1"/>
  <c r="AC114756" i="1"/>
  <c r="AC114757" i="1"/>
  <c r="AC114758" i="1"/>
  <c r="AC114759" i="1"/>
  <c r="AC114760" i="1"/>
  <c r="AC114761" i="1"/>
  <c r="AC114762" i="1"/>
  <c r="AC114763" i="1"/>
  <c r="AC114764" i="1"/>
  <c r="AC114765" i="1"/>
  <c r="AC114766" i="1"/>
  <c r="AC114767" i="1"/>
  <c r="AC114768" i="1"/>
  <c r="AC114769" i="1"/>
  <c r="AC114770" i="1"/>
  <c r="AC114771" i="1"/>
  <c r="AC114772" i="1"/>
  <c r="AC114773" i="1"/>
  <c r="AC114774" i="1"/>
  <c r="AC114775" i="1"/>
  <c r="AC114776" i="1"/>
  <c r="AC114777" i="1"/>
  <c r="AC114778" i="1"/>
  <c r="AC114779" i="1"/>
  <c r="AC114780" i="1"/>
  <c r="AC114781" i="1"/>
  <c r="AC114782" i="1"/>
  <c r="AC114783" i="1"/>
  <c r="AC114784" i="1"/>
  <c r="AC114785" i="1"/>
  <c r="AC114786" i="1"/>
  <c r="AC114787" i="1"/>
  <c r="AC114788" i="1"/>
  <c r="AC114789" i="1"/>
  <c r="AC114790" i="1"/>
  <c r="AC114791" i="1"/>
  <c r="AC114792" i="1"/>
  <c r="AC114793" i="1"/>
  <c r="AC114794" i="1"/>
  <c r="AC114795" i="1"/>
  <c r="AC114796" i="1"/>
  <c r="AC114797" i="1"/>
  <c r="AC114798" i="1"/>
  <c r="AC114799" i="1"/>
  <c r="AC114800" i="1"/>
  <c r="AC114801" i="1"/>
  <c r="AC114802" i="1"/>
  <c r="AC114803" i="1"/>
  <c r="AC114804" i="1"/>
  <c r="AC114805" i="1"/>
  <c r="AC114806" i="1"/>
  <c r="AC114807" i="1"/>
  <c r="AC114808" i="1"/>
  <c r="AC114809" i="1"/>
  <c r="AC114810" i="1"/>
  <c r="AC114811" i="1"/>
  <c r="AC114812" i="1"/>
  <c r="AC114813" i="1"/>
  <c r="AC114814" i="1"/>
  <c r="AC114815" i="1"/>
  <c r="AC114816" i="1"/>
  <c r="AC114817" i="1"/>
  <c r="AC114818" i="1"/>
  <c r="AC114819" i="1"/>
  <c r="AC114820" i="1"/>
  <c r="AC114821" i="1"/>
  <c r="AC114822" i="1"/>
  <c r="AC114823" i="1"/>
  <c r="AC114824" i="1"/>
  <c r="AC114825" i="1"/>
  <c r="AC114826" i="1"/>
  <c r="AC114827" i="1"/>
  <c r="AC114828" i="1"/>
  <c r="AC114829" i="1"/>
  <c r="AC114830" i="1"/>
  <c r="AC114831" i="1"/>
  <c r="AC114832" i="1"/>
  <c r="AC114833" i="1"/>
  <c r="AC114834" i="1"/>
  <c r="AC114835" i="1"/>
  <c r="AC114836" i="1"/>
  <c r="AC114837" i="1"/>
  <c r="AC114838" i="1"/>
  <c r="AC114839" i="1"/>
  <c r="AC114840" i="1"/>
  <c r="AC114841" i="1"/>
  <c r="AC114842" i="1"/>
  <c r="AC114843" i="1"/>
  <c r="AC114844" i="1"/>
  <c r="AC114845" i="1"/>
  <c r="AC114846" i="1"/>
  <c r="AC114847" i="1"/>
  <c r="AC114848" i="1"/>
  <c r="AC114849" i="1"/>
  <c r="AC114850" i="1"/>
  <c r="AC114851" i="1"/>
  <c r="AC114852" i="1"/>
  <c r="AC114853" i="1"/>
  <c r="AC114854" i="1"/>
  <c r="AC114855" i="1"/>
  <c r="AC114856" i="1"/>
  <c r="AC114857" i="1"/>
  <c r="AC114858" i="1"/>
  <c r="AC114859" i="1"/>
  <c r="AC114860" i="1"/>
  <c r="AC114861" i="1"/>
  <c r="AC114862" i="1"/>
  <c r="AC114863" i="1"/>
  <c r="AC114864" i="1"/>
  <c r="AC114865" i="1"/>
  <c r="AC114866" i="1"/>
  <c r="AC114867" i="1"/>
  <c r="AC114868" i="1"/>
  <c r="AC114869" i="1"/>
  <c r="AC114870" i="1"/>
  <c r="AC114871" i="1"/>
  <c r="AC114872" i="1"/>
  <c r="AC114873" i="1"/>
  <c r="AC114874" i="1"/>
  <c r="AC114875" i="1"/>
  <c r="AC114876" i="1"/>
  <c r="AC114877" i="1"/>
  <c r="AC114878" i="1"/>
  <c r="AC114879" i="1"/>
  <c r="AC114880" i="1"/>
  <c r="AC114881" i="1"/>
  <c r="AC114882" i="1"/>
  <c r="AC114883" i="1"/>
  <c r="AC114884" i="1"/>
  <c r="AC114885" i="1"/>
  <c r="AC114886" i="1"/>
  <c r="AC114887" i="1"/>
  <c r="AC114888" i="1"/>
  <c r="AC114889" i="1"/>
  <c r="AC114890" i="1"/>
  <c r="AC114891" i="1"/>
  <c r="AC114892" i="1"/>
  <c r="AC114893" i="1"/>
  <c r="AC114894" i="1"/>
  <c r="AC114895" i="1"/>
  <c r="AC114896" i="1"/>
  <c r="AC114897" i="1"/>
  <c r="AC114898" i="1"/>
  <c r="AC114899" i="1"/>
  <c r="AC114900" i="1"/>
  <c r="AC114901" i="1"/>
  <c r="AC114902" i="1"/>
  <c r="AC114903" i="1"/>
  <c r="AC114904" i="1"/>
  <c r="AC114905" i="1"/>
  <c r="AC114906" i="1"/>
  <c r="AC114907" i="1"/>
  <c r="AC114908" i="1"/>
  <c r="AC114909" i="1"/>
  <c r="AC114910" i="1"/>
  <c r="AC114911" i="1"/>
  <c r="AC114912" i="1"/>
  <c r="AC114913" i="1"/>
  <c r="AC114914" i="1"/>
  <c r="AC114915" i="1"/>
  <c r="AC114916" i="1"/>
  <c r="AC114917" i="1"/>
  <c r="AC114918" i="1"/>
  <c r="AC114919" i="1"/>
  <c r="AC114920" i="1"/>
  <c r="AC114921" i="1"/>
  <c r="AC114922" i="1"/>
  <c r="AC114923" i="1"/>
  <c r="AC114924" i="1"/>
  <c r="AC114925" i="1"/>
  <c r="AC114926" i="1"/>
  <c r="AC114927" i="1"/>
  <c r="AC114928" i="1"/>
  <c r="AC114929" i="1"/>
  <c r="AC114930" i="1"/>
  <c r="AC114931" i="1"/>
  <c r="AC114932" i="1"/>
  <c r="AC114933" i="1"/>
  <c r="AC114934" i="1"/>
  <c r="AC114935" i="1"/>
  <c r="AC114936" i="1"/>
  <c r="AC114937" i="1"/>
  <c r="AC114938" i="1"/>
  <c r="AC114939" i="1"/>
  <c r="AC114940" i="1"/>
  <c r="AC114941" i="1"/>
  <c r="AC114942" i="1"/>
  <c r="AC114943" i="1"/>
  <c r="AC114944" i="1"/>
  <c r="AC114945" i="1"/>
  <c r="AC114946" i="1"/>
  <c r="AC114947" i="1"/>
  <c r="AC114948" i="1"/>
  <c r="AC114949" i="1"/>
  <c r="AC114950" i="1"/>
  <c r="AC114951" i="1"/>
  <c r="AC114952" i="1"/>
  <c r="AC114953" i="1"/>
  <c r="AC114954" i="1"/>
  <c r="AC114955" i="1"/>
  <c r="AC114956" i="1"/>
  <c r="AC114957" i="1"/>
  <c r="AC114958" i="1"/>
  <c r="AC114959" i="1"/>
  <c r="AC114960" i="1"/>
  <c r="AC114961" i="1"/>
  <c r="AC114962" i="1"/>
  <c r="AC114963" i="1"/>
  <c r="AC114964" i="1"/>
  <c r="AC114965" i="1"/>
  <c r="AC114966" i="1"/>
  <c r="AC114967" i="1"/>
  <c r="AC114968" i="1"/>
  <c r="AC114969" i="1"/>
  <c r="AC114970" i="1"/>
  <c r="AC114971" i="1"/>
  <c r="AC114972" i="1"/>
  <c r="AC114973" i="1"/>
  <c r="AC114974" i="1"/>
  <c r="AC114975" i="1"/>
  <c r="AC114976" i="1"/>
  <c r="AC114977" i="1"/>
  <c r="AC114978" i="1"/>
  <c r="AC114979" i="1"/>
  <c r="AC114980" i="1"/>
  <c r="AC114981" i="1"/>
  <c r="AC114982" i="1"/>
  <c r="AC114983" i="1"/>
  <c r="AC114984" i="1"/>
  <c r="AC114985" i="1"/>
  <c r="AC114986" i="1"/>
  <c r="AC114987" i="1"/>
  <c r="AC114988" i="1"/>
  <c r="AC114989" i="1"/>
  <c r="AC114990" i="1"/>
  <c r="AC114991" i="1"/>
  <c r="AC114992" i="1"/>
  <c r="AC114993" i="1"/>
  <c r="AC114994" i="1"/>
  <c r="AC114995" i="1"/>
  <c r="AC114996" i="1"/>
  <c r="AC114997" i="1"/>
  <c r="AC114998" i="1"/>
  <c r="AC114999" i="1"/>
  <c r="AC115000" i="1"/>
  <c r="AC115001" i="1"/>
  <c r="AC115002" i="1"/>
  <c r="AC115003" i="1"/>
  <c r="AC115004" i="1"/>
  <c r="AC115005" i="1"/>
  <c r="AC115006" i="1"/>
  <c r="AC115007" i="1"/>
  <c r="AC115008" i="1"/>
  <c r="AC115009" i="1"/>
  <c r="AC115010" i="1"/>
  <c r="AC115011" i="1"/>
  <c r="AC115012" i="1"/>
  <c r="AC115013" i="1"/>
  <c r="AC115014" i="1"/>
  <c r="AC115015" i="1"/>
  <c r="AC115016" i="1"/>
  <c r="AC115017" i="1"/>
  <c r="AC115018" i="1"/>
  <c r="AC115019" i="1"/>
  <c r="AC115020" i="1"/>
  <c r="AC115021" i="1"/>
  <c r="AC115022" i="1"/>
  <c r="AC115023" i="1"/>
  <c r="AC115024" i="1"/>
  <c r="AC115025" i="1"/>
  <c r="AC115026" i="1"/>
  <c r="AC115027" i="1"/>
  <c r="AC115028" i="1"/>
  <c r="AC115029" i="1"/>
  <c r="AC115030" i="1"/>
  <c r="AC115031" i="1"/>
  <c r="AC115032" i="1"/>
  <c r="AC115033" i="1"/>
  <c r="AC115034" i="1"/>
  <c r="AC115035" i="1"/>
  <c r="AC115036" i="1"/>
  <c r="AC115037" i="1"/>
  <c r="AC115038" i="1"/>
  <c r="AC115039" i="1"/>
  <c r="AC115040" i="1"/>
  <c r="AC115041" i="1"/>
  <c r="AC115042" i="1"/>
  <c r="AC115043" i="1"/>
  <c r="AC115044" i="1"/>
  <c r="AC115045" i="1"/>
  <c r="AC115046" i="1"/>
  <c r="AC115047" i="1"/>
  <c r="AC115048" i="1"/>
  <c r="AC115049" i="1"/>
  <c r="AC115050" i="1"/>
  <c r="AC115051" i="1"/>
  <c r="AC115052" i="1"/>
  <c r="AC115053" i="1"/>
  <c r="AC115054" i="1"/>
  <c r="AC115055" i="1"/>
  <c r="AC115056" i="1"/>
  <c r="AC115057" i="1"/>
  <c r="AC115058" i="1"/>
  <c r="AC115059" i="1"/>
  <c r="AC115060" i="1"/>
  <c r="AC115061" i="1"/>
  <c r="AC115062" i="1"/>
  <c r="AC115063" i="1"/>
  <c r="AC115064" i="1"/>
  <c r="AC115065" i="1"/>
  <c r="AC115066" i="1"/>
  <c r="AC115067" i="1"/>
  <c r="AC115068" i="1"/>
  <c r="AC115069" i="1"/>
  <c r="AC115070" i="1"/>
  <c r="AC115071" i="1"/>
  <c r="AC115072" i="1"/>
  <c r="AC115073" i="1"/>
  <c r="AC115074" i="1"/>
  <c r="AC115075" i="1"/>
  <c r="AC115076" i="1"/>
  <c r="AC115077" i="1"/>
  <c r="AC115078" i="1"/>
  <c r="AC115079" i="1"/>
  <c r="AC115080" i="1"/>
  <c r="AC115081" i="1"/>
  <c r="AC115082" i="1"/>
  <c r="AC115083" i="1"/>
  <c r="AC115084" i="1"/>
  <c r="AC115085" i="1"/>
  <c r="AC115086" i="1"/>
  <c r="AC115087" i="1"/>
  <c r="AC115088" i="1"/>
  <c r="AC115089" i="1"/>
  <c r="AC115090" i="1"/>
  <c r="AC115091" i="1"/>
  <c r="AC115092" i="1"/>
  <c r="AC115093" i="1"/>
  <c r="AC115094" i="1"/>
  <c r="AC115095" i="1"/>
  <c r="AC115096" i="1"/>
  <c r="AC115097" i="1"/>
  <c r="AC115098" i="1"/>
  <c r="AC115099" i="1"/>
  <c r="AC115100" i="1"/>
  <c r="AC115101" i="1"/>
  <c r="AC115102" i="1"/>
  <c r="AC115103" i="1"/>
  <c r="AC115104" i="1"/>
  <c r="AC115105" i="1"/>
  <c r="AC115106" i="1"/>
  <c r="AC115107" i="1"/>
  <c r="AC115108" i="1"/>
  <c r="AC115109" i="1"/>
  <c r="AC115110" i="1"/>
  <c r="AC115111" i="1"/>
  <c r="AC115112" i="1"/>
  <c r="AC115113" i="1"/>
  <c r="AC115114" i="1"/>
  <c r="AC115115" i="1"/>
  <c r="AC115116" i="1"/>
  <c r="AC115117" i="1"/>
  <c r="AC115118" i="1"/>
  <c r="AC115119" i="1"/>
  <c r="AC115120" i="1"/>
  <c r="AC115121" i="1"/>
  <c r="AC115122" i="1"/>
  <c r="AC115123" i="1"/>
  <c r="AC115124" i="1"/>
  <c r="AC115125" i="1"/>
  <c r="AC115126" i="1"/>
  <c r="AC115127" i="1"/>
  <c r="AC115128" i="1"/>
  <c r="AC115129" i="1"/>
  <c r="AC115130" i="1"/>
  <c r="AC115131" i="1"/>
  <c r="AC115132" i="1"/>
  <c r="AC115133" i="1"/>
  <c r="AC115134" i="1"/>
  <c r="AC115135" i="1"/>
  <c r="AC115136" i="1"/>
  <c r="AC115137" i="1"/>
  <c r="AC115138" i="1"/>
  <c r="AC115139" i="1"/>
  <c r="AC115140" i="1"/>
  <c r="AC115141" i="1"/>
  <c r="AC115142" i="1"/>
  <c r="AC115143" i="1"/>
  <c r="AC115144" i="1"/>
  <c r="AC115145" i="1"/>
  <c r="AC115146" i="1"/>
  <c r="AC115147" i="1"/>
  <c r="AC115148" i="1"/>
  <c r="AC115149" i="1"/>
  <c r="AC115150" i="1"/>
  <c r="AC115151" i="1"/>
  <c r="AC115152" i="1"/>
  <c r="AC115153" i="1"/>
  <c r="AC115154" i="1"/>
  <c r="AC115155" i="1"/>
  <c r="AC115156" i="1"/>
  <c r="AC115157" i="1"/>
  <c r="AC115158" i="1"/>
  <c r="AC115159" i="1"/>
  <c r="AC115160" i="1"/>
  <c r="AC115161" i="1"/>
  <c r="AC115162" i="1"/>
  <c r="AC115163" i="1"/>
  <c r="AC115164" i="1"/>
  <c r="AC115165" i="1"/>
  <c r="AC115166" i="1"/>
  <c r="AC115167" i="1"/>
  <c r="AC115168" i="1"/>
  <c r="AC115169" i="1"/>
  <c r="AC115170" i="1"/>
  <c r="AC115171" i="1"/>
  <c r="AC115172" i="1"/>
  <c r="AC115173" i="1"/>
  <c r="AC115174" i="1"/>
  <c r="AC115175" i="1"/>
  <c r="AC115176" i="1"/>
  <c r="AC115177" i="1"/>
  <c r="AC115178" i="1"/>
  <c r="AC115179" i="1"/>
  <c r="AC115180" i="1"/>
  <c r="AC115181" i="1"/>
  <c r="AC115182" i="1"/>
  <c r="AC115183" i="1"/>
  <c r="AC115184" i="1"/>
  <c r="AC115185" i="1"/>
  <c r="AC115186" i="1"/>
  <c r="AC115187" i="1"/>
  <c r="AC115188" i="1"/>
  <c r="AC115189" i="1"/>
  <c r="AC115190" i="1"/>
  <c r="AC115191" i="1"/>
  <c r="AC115192" i="1"/>
  <c r="AC115193" i="1"/>
  <c r="AC115194" i="1"/>
  <c r="AC115195" i="1"/>
  <c r="AC115196" i="1"/>
  <c r="AC115197" i="1"/>
  <c r="AC115198" i="1"/>
  <c r="AC115199" i="1"/>
  <c r="AC115200" i="1"/>
  <c r="AC115201" i="1"/>
  <c r="AC115202" i="1"/>
  <c r="AC115203" i="1"/>
  <c r="AC115204" i="1"/>
  <c r="AC115205" i="1"/>
  <c r="AC115206" i="1"/>
  <c r="AC115207" i="1"/>
  <c r="AC115208" i="1"/>
  <c r="AC115209" i="1"/>
  <c r="AC115210" i="1"/>
  <c r="AC115211" i="1"/>
  <c r="AC115212" i="1"/>
  <c r="AC115213" i="1"/>
  <c r="AC115214" i="1"/>
  <c r="AC115215" i="1"/>
  <c r="AC115216" i="1"/>
  <c r="AC115217" i="1"/>
  <c r="AC115218" i="1"/>
  <c r="AC115219" i="1"/>
  <c r="AC115220" i="1"/>
  <c r="AC115221" i="1"/>
  <c r="AC115222" i="1"/>
  <c r="AC115223" i="1"/>
  <c r="AC115224" i="1"/>
  <c r="AC115225" i="1"/>
  <c r="AC115226" i="1"/>
  <c r="AC115227" i="1"/>
  <c r="AC115228" i="1"/>
  <c r="AC115229" i="1"/>
  <c r="AC115230" i="1"/>
  <c r="AC115231" i="1"/>
  <c r="AC115232" i="1"/>
  <c r="AC115233" i="1"/>
  <c r="AC115234" i="1"/>
  <c r="AC115235" i="1"/>
  <c r="AC115236" i="1"/>
  <c r="AC115237" i="1"/>
  <c r="AC115238" i="1"/>
  <c r="AC115239" i="1"/>
  <c r="AC115240" i="1"/>
  <c r="AC115241" i="1"/>
  <c r="AC115242" i="1"/>
  <c r="AC115243" i="1"/>
  <c r="AC115244" i="1"/>
  <c r="AC115245" i="1"/>
  <c r="AC115246" i="1"/>
  <c r="AC115247" i="1"/>
  <c r="AC115248" i="1"/>
  <c r="AC115249" i="1"/>
  <c r="AC115250" i="1"/>
  <c r="AC115251" i="1"/>
  <c r="AC115252" i="1"/>
  <c r="AC115253" i="1"/>
  <c r="AC115254" i="1"/>
  <c r="AC115255" i="1"/>
  <c r="AC115256" i="1"/>
  <c r="AC115257" i="1"/>
  <c r="AC115258" i="1"/>
  <c r="AC115259" i="1"/>
  <c r="AC115260" i="1"/>
  <c r="AC115261" i="1"/>
  <c r="AC115262" i="1"/>
  <c r="AC115263" i="1"/>
  <c r="AC115264" i="1"/>
  <c r="AC115265" i="1"/>
  <c r="AC115266" i="1"/>
  <c r="AC115267" i="1"/>
  <c r="AC115268" i="1"/>
  <c r="AC115269" i="1"/>
  <c r="AC115270" i="1"/>
  <c r="AC115271" i="1"/>
  <c r="AC115272" i="1"/>
  <c r="AC115273" i="1"/>
  <c r="AC115274" i="1"/>
  <c r="AC115275" i="1"/>
  <c r="AC115276" i="1"/>
  <c r="AC115277" i="1"/>
  <c r="AC115278" i="1"/>
  <c r="AC115279" i="1"/>
  <c r="AC115280" i="1"/>
  <c r="AC115281" i="1"/>
  <c r="AC115282" i="1"/>
  <c r="AC115283" i="1"/>
  <c r="AC115284" i="1"/>
  <c r="AC115285" i="1"/>
  <c r="AC115286" i="1"/>
  <c r="AC115287" i="1"/>
  <c r="AC115288" i="1"/>
  <c r="AC115289" i="1"/>
  <c r="AC115290" i="1"/>
  <c r="AC115291" i="1"/>
  <c r="AC115292" i="1"/>
  <c r="AC115293" i="1"/>
  <c r="AC115294" i="1"/>
  <c r="AC115295" i="1"/>
  <c r="AC115296" i="1"/>
  <c r="AC115297" i="1"/>
  <c r="AC115298" i="1"/>
  <c r="AC115299" i="1"/>
  <c r="AC115300" i="1"/>
  <c r="AC115301" i="1"/>
  <c r="AC115302" i="1"/>
  <c r="AC115303" i="1"/>
  <c r="AC115304" i="1"/>
  <c r="AC115305" i="1"/>
  <c r="AC115306" i="1"/>
  <c r="AC115307" i="1"/>
  <c r="AC115308" i="1"/>
  <c r="AC115309" i="1"/>
  <c r="AC115310" i="1"/>
  <c r="AC115311" i="1"/>
  <c r="AC115312" i="1"/>
  <c r="AC115313" i="1"/>
  <c r="AC115314" i="1"/>
  <c r="AC115315" i="1"/>
  <c r="AC115316" i="1"/>
  <c r="AC115317" i="1"/>
  <c r="AC115318" i="1"/>
  <c r="AC115319" i="1"/>
  <c r="AC115320" i="1"/>
  <c r="AC115321" i="1"/>
  <c r="AC115322" i="1"/>
  <c r="AC115323" i="1"/>
  <c r="AC115324" i="1"/>
  <c r="AC115325" i="1"/>
  <c r="AC115326" i="1"/>
  <c r="AC115327" i="1"/>
  <c r="AC115328" i="1"/>
  <c r="AC115329" i="1"/>
  <c r="AC115330" i="1"/>
  <c r="AC115331" i="1"/>
  <c r="AC115332" i="1"/>
  <c r="AC115333" i="1"/>
  <c r="AC115334" i="1"/>
  <c r="AC115335" i="1"/>
  <c r="AC115336" i="1"/>
  <c r="AC115337" i="1"/>
  <c r="AC115338" i="1"/>
  <c r="AC115339" i="1"/>
  <c r="AC115340" i="1"/>
  <c r="AC115341" i="1"/>
  <c r="AC115342" i="1"/>
  <c r="AC115343" i="1"/>
  <c r="AC115344" i="1"/>
  <c r="AC115345" i="1"/>
  <c r="AC115346" i="1"/>
  <c r="AC115347" i="1"/>
  <c r="AC115348" i="1"/>
  <c r="AC115349" i="1"/>
  <c r="AC115350" i="1"/>
  <c r="AC115351" i="1"/>
  <c r="AC115352" i="1"/>
  <c r="AC115353" i="1"/>
  <c r="AC115354" i="1"/>
  <c r="AC115355" i="1"/>
  <c r="AC115356" i="1"/>
  <c r="AC115357" i="1"/>
  <c r="AC115358" i="1"/>
  <c r="AC115359" i="1"/>
  <c r="AC115360" i="1"/>
  <c r="AC115361" i="1"/>
  <c r="AC115362" i="1"/>
  <c r="AC115363" i="1"/>
  <c r="AC115364" i="1"/>
  <c r="AC115365" i="1"/>
  <c r="AC115366" i="1"/>
  <c r="AC115367" i="1"/>
  <c r="AC115368" i="1"/>
  <c r="AC115369" i="1"/>
  <c r="AC115370" i="1"/>
  <c r="AC115371" i="1"/>
  <c r="AC115372" i="1"/>
  <c r="AC115373" i="1"/>
  <c r="AC115374" i="1"/>
  <c r="AC115375" i="1"/>
  <c r="AC115376" i="1"/>
  <c r="AC115377" i="1"/>
  <c r="AC115378" i="1"/>
  <c r="AC115379" i="1"/>
  <c r="AC115380" i="1"/>
  <c r="AC115381" i="1"/>
  <c r="AC115382" i="1"/>
  <c r="AC115383" i="1"/>
  <c r="AC115384" i="1"/>
  <c r="AC115385" i="1"/>
  <c r="AC115386" i="1"/>
  <c r="AC115387" i="1"/>
  <c r="AC115388" i="1"/>
  <c r="AC115389" i="1"/>
  <c r="AC115390" i="1"/>
  <c r="AC115391" i="1"/>
  <c r="AC115392" i="1"/>
  <c r="AC115393" i="1"/>
  <c r="AC115394" i="1"/>
  <c r="AC115395" i="1"/>
  <c r="AC115396" i="1"/>
  <c r="AC115397" i="1"/>
  <c r="AC115398" i="1"/>
  <c r="AC115399" i="1"/>
  <c r="AC115400" i="1"/>
  <c r="AC115401" i="1"/>
  <c r="AC115402" i="1"/>
  <c r="AC115403" i="1"/>
  <c r="AC115404" i="1"/>
  <c r="AC115405" i="1"/>
  <c r="AC115406" i="1"/>
  <c r="AC115407" i="1"/>
  <c r="AC115408" i="1"/>
  <c r="AC115409" i="1"/>
  <c r="AC115410" i="1"/>
  <c r="AC115411" i="1"/>
  <c r="AC115412" i="1"/>
  <c r="AC115413" i="1"/>
  <c r="AC115414" i="1"/>
  <c r="AC115415" i="1"/>
  <c r="AC115416" i="1"/>
  <c r="AC115417" i="1"/>
  <c r="AC115418" i="1"/>
  <c r="AC115419" i="1"/>
  <c r="AC115420" i="1"/>
  <c r="AC115421" i="1"/>
  <c r="AC115422" i="1"/>
  <c r="AC115423" i="1"/>
  <c r="AC115424" i="1"/>
  <c r="AC115425" i="1"/>
  <c r="AC115426" i="1"/>
  <c r="AC115427" i="1"/>
  <c r="AC115428" i="1"/>
  <c r="AC115429" i="1"/>
  <c r="AC115430" i="1"/>
  <c r="AC115431" i="1"/>
  <c r="AC115432" i="1"/>
  <c r="AC115433" i="1"/>
  <c r="AC115434" i="1"/>
  <c r="AC115435" i="1"/>
  <c r="AC115436" i="1"/>
  <c r="AC115437" i="1"/>
  <c r="AC115438" i="1"/>
  <c r="AC115439" i="1"/>
  <c r="AC115440" i="1"/>
  <c r="AC115441" i="1"/>
  <c r="AC115442" i="1"/>
  <c r="AC115443" i="1"/>
  <c r="AC115444" i="1"/>
  <c r="AC115445" i="1"/>
  <c r="AC115446" i="1"/>
  <c r="AC115447" i="1"/>
  <c r="AC115448" i="1"/>
  <c r="AC115449" i="1"/>
  <c r="AC115450" i="1"/>
  <c r="AC115451" i="1"/>
  <c r="AC115452" i="1"/>
  <c r="AC115453" i="1"/>
  <c r="AC115454" i="1"/>
  <c r="AC115455" i="1"/>
  <c r="AC115456" i="1"/>
  <c r="AC115457" i="1"/>
  <c r="AC115458" i="1"/>
  <c r="AC115459" i="1"/>
  <c r="AC115460" i="1"/>
  <c r="AC115461" i="1"/>
  <c r="AC115462" i="1"/>
  <c r="AC115463" i="1"/>
  <c r="AC115464" i="1"/>
  <c r="AC115465" i="1"/>
  <c r="AC115466" i="1"/>
  <c r="AC115467" i="1"/>
  <c r="AC115468" i="1"/>
  <c r="AC115469" i="1"/>
  <c r="AC115470" i="1"/>
  <c r="AC115471" i="1"/>
  <c r="AC115472" i="1"/>
  <c r="AC115473" i="1"/>
  <c r="AC115474" i="1"/>
  <c r="AC115475" i="1"/>
  <c r="AC115476" i="1"/>
  <c r="AC115477" i="1"/>
  <c r="AC115478" i="1"/>
  <c r="AC115479" i="1"/>
  <c r="AC115480" i="1"/>
  <c r="AC115481" i="1"/>
  <c r="AC115482" i="1"/>
  <c r="AC115483" i="1"/>
  <c r="AC115484" i="1"/>
  <c r="AC115485" i="1"/>
  <c r="AC115486" i="1"/>
  <c r="AC115487" i="1"/>
  <c r="AC115488" i="1"/>
  <c r="AC115489" i="1"/>
  <c r="AC115490" i="1"/>
  <c r="AC115491" i="1"/>
  <c r="AC115492" i="1"/>
  <c r="AC115493" i="1"/>
  <c r="AC115494" i="1"/>
  <c r="AC115495" i="1"/>
  <c r="AC115496" i="1"/>
  <c r="AC115497" i="1"/>
  <c r="AC115498" i="1"/>
  <c r="AC115499" i="1"/>
  <c r="AC115500" i="1"/>
  <c r="AC115501" i="1"/>
  <c r="AC115502" i="1"/>
  <c r="AC115503" i="1"/>
  <c r="AC115504" i="1"/>
  <c r="AC115505" i="1"/>
  <c r="AC115506" i="1"/>
  <c r="AC115507" i="1"/>
  <c r="AC115508" i="1"/>
  <c r="AC115509" i="1"/>
  <c r="AC115510" i="1"/>
  <c r="AC115511" i="1"/>
  <c r="AC115512" i="1"/>
  <c r="AC115513" i="1"/>
  <c r="AC115514" i="1"/>
  <c r="AC115515" i="1"/>
  <c r="AC115516" i="1"/>
  <c r="AC115517" i="1"/>
  <c r="AC115518" i="1"/>
  <c r="AC115519" i="1"/>
  <c r="AC115520" i="1"/>
  <c r="AC115521" i="1"/>
  <c r="AC115522" i="1"/>
  <c r="AC115523" i="1"/>
  <c r="AC115524" i="1"/>
  <c r="AC115525" i="1"/>
  <c r="AC115526" i="1"/>
  <c r="AC115527" i="1"/>
  <c r="AC115528" i="1"/>
  <c r="AC115529" i="1"/>
  <c r="AC115530" i="1"/>
  <c r="AC115531" i="1"/>
  <c r="AC115532" i="1"/>
  <c r="AC115533" i="1"/>
  <c r="AC115534" i="1"/>
  <c r="AC115535" i="1"/>
  <c r="AC115536" i="1"/>
  <c r="AC115537" i="1"/>
  <c r="AC115538" i="1"/>
  <c r="AC115539" i="1"/>
  <c r="AC115540" i="1"/>
  <c r="AC115541" i="1"/>
  <c r="AC115542" i="1"/>
  <c r="AC115543" i="1"/>
  <c r="AC115544" i="1"/>
  <c r="AC115545" i="1"/>
  <c r="AC115546" i="1"/>
  <c r="AC115547" i="1"/>
  <c r="AC115548" i="1"/>
  <c r="AC115549" i="1"/>
  <c r="AC115550" i="1"/>
  <c r="AC115551" i="1"/>
  <c r="AC115552" i="1"/>
  <c r="AC115553" i="1"/>
  <c r="AC115554" i="1"/>
  <c r="AC115555" i="1"/>
  <c r="AC115556" i="1"/>
  <c r="AC115557" i="1"/>
  <c r="AC115558" i="1"/>
  <c r="AC115559" i="1"/>
  <c r="AC115560" i="1"/>
  <c r="AC115561" i="1"/>
  <c r="AC115562" i="1"/>
  <c r="AC115563" i="1"/>
  <c r="AC115564" i="1"/>
  <c r="AC115565" i="1"/>
  <c r="AC115566" i="1"/>
  <c r="AC115567" i="1"/>
  <c r="AC115568" i="1"/>
  <c r="AC115569" i="1"/>
  <c r="AC115570" i="1"/>
  <c r="AC115571" i="1"/>
  <c r="AC115572" i="1"/>
  <c r="AC115573" i="1"/>
  <c r="AC115574" i="1"/>
  <c r="AC115575" i="1"/>
  <c r="AC115576" i="1"/>
  <c r="AC115577" i="1"/>
  <c r="AC115578" i="1"/>
  <c r="AC115579" i="1"/>
  <c r="AC115580" i="1"/>
  <c r="AC115581" i="1"/>
  <c r="AC115582" i="1"/>
  <c r="AC115583" i="1"/>
  <c r="AC115584" i="1"/>
  <c r="AC115585" i="1"/>
  <c r="AC115586" i="1"/>
  <c r="AC115587" i="1"/>
  <c r="AC115588" i="1"/>
  <c r="AC115589" i="1"/>
  <c r="AC115590" i="1"/>
  <c r="AC115591" i="1"/>
  <c r="AC115592" i="1"/>
  <c r="AC115593" i="1"/>
  <c r="AC115594" i="1"/>
  <c r="AC115595" i="1"/>
  <c r="AC115596" i="1"/>
  <c r="AC115597" i="1"/>
  <c r="AC115598" i="1"/>
  <c r="AC115599" i="1"/>
  <c r="AC115600" i="1"/>
  <c r="AC115601" i="1"/>
  <c r="AC115602" i="1"/>
  <c r="AC115603" i="1"/>
  <c r="AC115604" i="1"/>
  <c r="AC115605" i="1"/>
  <c r="AC115606" i="1"/>
  <c r="AC115607" i="1"/>
  <c r="AC115608" i="1"/>
  <c r="AC115609" i="1"/>
  <c r="AC115610" i="1"/>
  <c r="AC115611" i="1"/>
  <c r="AC115612" i="1"/>
  <c r="AC115613" i="1"/>
  <c r="AC115614" i="1"/>
  <c r="AC115615" i="1"/>
  <c r="AC115616" i="1"/>
  <c r="AC115617" i="1"/>
  <c r="AC115618" i="1"/>
  <c r="AC115619" i="1"/>
  <c r="AC115620" i="1"/>
  <c r="AC115621" i="1"/>
  <c r="AC115622" i="1"/>
  <c r="AC115623" i="1"/>
  <c r="AC115624" i="1"/>
  <c r="AC115625" i="1"/>
  <c r="AC115626" i="1"/>
  <c r="AC115627" i="1"/>
  <c r="AC115628" i="1"/>
  <c r="AC115629" i="1"/>
  <c r="AC115630" i="1"/>
  <c r="AC115631" i="1"/>
  <c r="AC115632" i="1"/>
  <c r="AC115633" i="1"/>
  <c r="AC115634" i="1"/>
  <c r="AC115635" i="1"/>
  <c r="AC115636" i="1"/>
  <c r="AC115637" i="1"/>
  <c r="AC115638" i="1"/>
  <c r="AC115639" i="1"/>
  <c r="AC115640" i="1"/>
  <c r="AC115641" i="1"/>
  <c r="AC115642" i="1"/>
  <c r="AC115643" i="1"/>
  <c r="AC115644" i="1"/>
  <c r="AC115645" i="1"/>
  <c r="AC115646" i="1"/>
  <c r="AC115647" i="1"/>
  <c r="AC115648" i="1"/>
  <c r="AC115649" i="1"/>
  <c r="AC115650" i="1"/>
  <c r="AC115651" i="1"/>
  <c r="AC115652" i="1"/>
  <c r="AC115653" i="1"/>
  <c r="AC115654" i="1"/>
  <c r="AC115655" i="1"/>
  <c r="AC115656" i="1"/>
  <c r="AC115657" i="1"/>
  <c r="AC115658" i="1"/>
  <c r="AC115659" i="1"/>
  <c r="AC115660" i="1"/>
  <c r="AC115661" i="1"/>
  <c r="AC115662" i="1"/>
  <c r="AC115663" i="1"/>
  <c r="AC115664" i="1"/>
  <c r="AC115665" i="1"/>
  <c r="AC115666" i="1"/>
  <c r="AC115667" i="1"/>
  <c r="AC115668" i="1"/>
  <c r="AC115669" i="1"/>
  <c r="AC115670" i="1"/>
  <c r="AC115671" i="1"/>
  <c r="AC115672" i="1"/>
  <c r="AC115673" i="1"/>
  <c r="AC115674" i="1"/>
  <c r="AC115675" i="1"/>
  <c r="AC115676" i="1"/>
  <c r="AC115677" i="1"/>
  <c r="AC115678" i="1"/>
  <c r="AC115679" i="1"/>
  <c r="AC115680" i="1"/>
  <c r="AC115681" i="1"/>
  <c r="AC115682" i="1"/>
  <c r="AC115683" i="1"/>
  <c r="AC115684" i="1"/>
  <c r="AC115685" i="1"/>
  <c r="AC115686" i="1"/>
  <c r="AC115687" i="1"/>
  <c r="AC115688" i="1"/>
  <c r="AC115689" i="1"/>
  <c r="AC115690" i="1"/>
  <c r="AC115691" i="1"/>
  <c r="AC115692" i="1"/>
  <c r="AC115693" i="1"/>
  <c r="AC115694" i="1"/>
  <c r="AC115695" i="1"/>
  <c r="AC115696" i="1"/>
  <c r="AC115697" i="1"/>
  <c r="AC115698" i="1"/>
  <c r="AC115699" i="1"/>
  <c r="AC115700" i="1"/>
  <c r="AC115701" i="1"/>
  <c r="AC115702" i="1"/>
  <c r="AC115703" i="1"/>
  <c r="AC115704" i="1"/>
  <c r="AC115705" i="1"/>
  <c r="AC115706" i="1"/>
  <c r="AC115707" i="1"/>
  <c r="AC115708" i="1"/>
  <c r="AC115709" i="1"/>
  <c r="AC115710" i="1"/>
  <c r="AC115711" i="1"/>
  <c r="AC115712" i="1"/>
  <c r="AC115713" i="1"/>
  <c r="AC115714" i="1"/>
  <c r="AC115715" i="1"/>
  <c r="AC115716" i="1"/>
  <c r="AC115717" i="1"/>
  <c r="AC115718" i="1"/>
  <c r="AC115719" i="1"/>
  <c r="AC115720" i="1"/>
  <c r="AC115721" i="1"/>
  <c r="AC115722" i="1"/>
  <c r="AC115723" i="1"/>
  <c r="AC115724" i="1"/>
  <c r="AC115725" i="1"/>
  <c r="AC115726" i="1"/>
  <c r="AC115727" i="1"/>
  <c r="AC115728" i="1"/>
  <c r="AC115729" i="1"/>
  <c r="AC115730" i="1"/>
  <c r="AC115731" i="1"/>
  <c r="AC115732" i="1"/>
  <c r="AC115733" i="1"/>
  <c r="AC115734" i="1"/>
  <c r="AC115735" i="1"/>
  <c r="AC115736" i="1"/>
  <c r="AC115737" i="1"/>
  <c r="AC115738" i="1"/>
  <c r="AC115739" i="1"/>
  <c r="AC115740" i="1"/>
  <c r="AC115741" i="1"/>
  <c r="AC115742" i="1"/>
  <c r="AC115743" i="1"/>
  <c r="AC115744" i="1"/>
  <c r="AC115745" i="1"/>
  <c r="AC115746" i="1"/>
  <c r="AC115747" i="1"/>
  <c r="AC115748" i="1"/>
  <c r="AC115749" i="1"/>
  <c r="AC115750" i="1"/>
  <c r="AC115751" i="1"/>
  <c r="AC115752" i="1"/>
  <c r="AC115753" i="1"/>
  <c r="AC115754" i="1"/>
  <c r="AC115755" i="1"/>
  <c r="AC115756" i="1"/>
  <c r="AC115757" i="1"/>
  <c r="AC115758" i="1"/>
  <c r="AC115759" i="1"/>
  <c r="AC115760" i="1"/>
  <c r="AC115761" i="1"/>
  <c r="AC115762" i="1"/>
  <c r="AC115763" i="1"/>
  <c r="AC115764" i="1"/>
  <c r="AC115765" i="1"/>
  <c r="AC115766" i="1"/>
  <c r="AC115767" i="1"/>
  <c r="AC115768" i="1"/>
  <c r="AC115769" i="1"/>
  <c r="AC115770" i="1"/>
  <c r="AC115771" i="1"/>
  <c r="AC115772" i="1"/>
  <c r="AC115773" i="1"/>
  <c r="AC115774" i="1"/>
  <c r="AC115775" i="1"/>
  <c r="AC115776" i="1"/>
  <c r="AC115777" i="1"/>
  <c r="AC115778" i="1"/>
  <c r="AC115779" i="1"/>
  <c r="AC115780" i="1"/>
  <c r="AC115781" i="1"/>
  <c r="AC115782" i="1"/>
  <c r="AC115783" i="1"/>
  <c r="AC115784" i="1"/>
  <c r="AC115785" i="1"/>
  <c r="AC115786" i="1"/>
  <c r="AC115787" i="1"/>
  <c r="AC115788" i="1"/>
  <c r="AC115789" i="1"/>
  <c r="AC115790" i="1"/>
  <c r="AC115791" i="1"/>
  <c r="AC115792" i="1"/>
  <c r="AC115793" i="1"/>
  <c r="AC115794" i="1"/>
  <c r="AC115795" i="1"/>
  <c r="AC115796" i="1"/>
  <c r="AC115797" i="1"/>
  <c r="AC115798" i="1"/>
  <c r="AC115799" i="1"/>
  <c r="AC115800" i="1"/>
  <c r="AC115801" i="1"/>
  <c r="AC115802" i="1"/>
  <c r="AC115803" i="1"/>
  <c r="AC115804" i="1"/>
  <c r="AC115805" i="1"/>
  <c r="AC115806" i="1"/>
  <c r="AC115807" i="1"/>
  <c r="AC115808" i="1"/>
  <c r="AC115809" i="1"/>
  <c r="AC115810" i="1"/>
  <c r="AC115811" i="1"/>
  <c r="AC115812" i="1"/>
  <c r="AC115813" i="1"/>
  <c r="AC115814" i="1"/>
  <c r="AC115815" i="1"/>
  <c r="AC115816" i="1"/>
  <c r="AC115817" i="1"/>
  <c r="AC115818" i="1"/>
  <c r="AC115819" i="1"/>
  <c r="AC115820" i="1"/>
  <c r="AC115821" i="1"/>
  <c r="AC115822" i="1"/>
  <c r="AC115823" i="1"/>
  <c r="AC115824" i="1"/>
  <c r="AC115825" i="1"/>
  <c r="AC115826" i="1"/>
  <c r="AC115827" i="1"/>
  <c r="AC115828" i="1"/>
  <c r="AC115829" i="1"/>
  <c r="AC115830" i="1"/>
  <c r="AC115831" i="1"/>
  <c r="AC115832" i="1"/>
  <c r="AC115833" i="1"/>
  <c r="AC115834" i="1"/>
  <c r="AC115835" i="1"/>
  <c r="AC115836" i="1"/>
  <c r="AC115837" i="1"/>
  <c r="AC115838" i="1"/>
  <c r="AC115839" i="1"/>
  <c r="AC115840" i="1"/>
  <c r="AC115841" i="1"/>
  <c r="AC115842" i="1"/>
  <c r="AC115843" i="1"/>
  <c r="AC115844" i="1"/>
  <c r="AC115845" i="1"/>
  <c r="AC115846" i="1"/>
  <c r="AC115847" i="1"/>
  <c r="AC115848" i="1"/>
  <c r="AC115849" i="1"/>
  <c r="AC115850" i="1"/>
  <c r="AC115851" i="1"/>
  <c r="AC115852" i="1"/>
  <c r="AC115853" i="1"/>
  <c r="AC115854" i="1"/>
  <c r="AC115855" i="1"/>
  <c r="AC115856" i="1"/>
  <c r="AC115857" i="1"/>
  <c r="AC115858" i="1"/>
  <c r="AC115859" i="1"/>
  <c r="AC115860" i="1"/>
  <c r="AC115861" i="1"/>
  <c r="AC115862" i="1"/>
  <c r="AC115863" i="1"/>
  <c r="AC115864" i="1"/>
  <c r="AC115865" i="1"/>
  <c r="AC115866" i="1"/>
  <c r="AC115867" i="1"/>
  <c r="AC115868" i="1"/>
  <c r="AC115869" i="1"/>
  <c r="AC115870" i="1"/>
  <c r="AC115871" i="1"/>
  <c r="AC115872" i="1"/>
  <c r="AC115873" i="1"/>
  <c r="AC115874" i="1"/>
  <c r="AC115875" i="1"/>
  <c r="AC115876" i="1"/>
  <c r="AC115877" i="1"/>
  <c r="AC115878" i="1"/>
  <c r="AC115879" i="1"/>
  <c r="AC115880" i="1"/>
  <c r="AC115881" i="1"/>
  <c r="AC115882" i="1"/>
  <c r="AC115883" i="1"/>
  <c r="AC115884" i="1"/>
  <c r="AC115885" i="1"/>
  <c r="AC115886" i="1"/>
  <c r="AC115887" i="1"/>
  <c r="AC115888" i="1"/>
  <c r="AC115889" i="1"/>
  <c r="AC115890" i="1"/>
  <c r="AC115891" i="1"/>
  <c r="AC115892" i="1"/>
  <c r="AC115893" i="1"/>
  <c r="AC115894" i="1"/>
  <c r="AC115895" i="1"/>
  <c r="AC115896" i="1"/>
  <c r="AC115897" i="1"/>
  <c r="AC115898" i="1"/>
  <c r="AC115899" i="1"/>
  <c r="AC115900" i="1"/>
  <c r="AC115901" i="1"/>
  <c r="AC115902" i="1"/>
  <c r="AC115903" i="1"/>
  <c r="AC115904" i="1"/>
  <c r="AC115905" i="1"/>
  <c r="AC115906" i="1"/>
  <c r="AC115907" i="1"/>
  <c r="AC115908" i="1"/>
  <c r="AC115909" i="1"/>
  <c r="AC115910" i="1"/>
  <c r="AC115911" i="1"/>
  <c r="AC115912" i="1"/>
  <c r="AC115913" i="1"/>
  <c r="AC115914" i="1"/>
  <c r="AC115915" i="1"/>
  <c r="AC115916" i="1"/>
  <c r="AC115917" i="1"/>
  <c r="AC115918" i="1"/>
  <c r="AC115919" i="1"/>
  <c r="AC115920" i="1"/>
  <c r="AC115921" i="1"/>
  <c r="AC115922" i="1"/>
  <c r="AC115923" i="1"/>
  <c r="AC115924" i="1"/>
  <c r="AC115925" i="1"/>
  <c r="AC115926" i="1"/>
  <c r="AC115927" i="1"/>
  <c r="AC115928" i="1"/>
  <c r="AC115929" i="1"/>
  <c r="AC115930" i="1"/>
  <c r="AC115931" i="1"/>
  <c r="AC115932" i="1"/>
  <c r="AC115933" i="1"/>
  <c r="AC115934" i="1"/>
  <c r="AC115935" i="1"/>
  <c r="AC115936" i="1"/>
  <c r="AC115937" i="1"/>
  <c r="AC115938" i="1"/>
  <c r="AC115939" i="1"/>
  <c r="AC115940" i="1"/>
  <c r="AC115941" i="1"/>
  <c r="AC115942" i="1"/>
  <c r="AC115943" i="1"/>
  <c r="AC115944" i="1"/>
  <c r="AC115945" i="1"/>
  <c r="AC115946" i="1"/>
  <c r="AC115947" i="1"/>
  <c r="AC115948" i="1"/>
  <c r="AC115949" i="1"/>
  <c r="AC115950" i="1"/>
  <c r="AC115951" i="1"/>
  <c r="AC115952" i="1"/>
  <c r="AC115953" i="1"/>
  <c r="AC115954" i="1"/>
  <c r="AC115955" i="1"/>
  <c r="AC115956" i="1"/>
  <c r="AC115957" i="1"/>
  <c r="AC115958" i="1"/>
  <c r="AC115959" i="1"/>
  <c r="AC115960" i="1"/>
  <c r="AC115961" i="1"/>
  <c r="AC115962" i="1"/>
  <c r="AC115963" i="1"/>
  <c r="AC115964" i="1"/>
  <c r="AC115965" i="1"/>
  <c r="AC115966" i="1"/>
  <c r="AC115967" i="1"/>
  <c r="AC115968" i="1"/>
  <c r="AC115969" i="1"/>
  <c r="AC115970" i="1"/>
  <c r="AC115971" i="1"/>
  <c r="AC115972" i="1"/>
  <c r="AC115973" i="1"/>
  <c r="AC115974" i="1"/>
  <c r="AC115975" i="1"/>
  <c r="AC115976" i="1"/>
  <c r="AC115977" i="1"/>
  <c r="AC115978" i="1"/>
  <c r="AC115979" i="1"/>
  <c r="AC115980" i="1"/>
  <c r="AC115981" i="1"/>
  <c r="AC115982" i="1"/>
  <c r="AC115983" i="1"/>
  <c r="AC115984" i="1"/>
  <c r="AC115985" i="1"/>
  <c r="AC115986" i="1"/>
  <c r="AC115987" i="1"/>
  <c r="AC115988" i="1"/>
  <c r="AC115989" i="1"/>
  <c r="AC115990" i="1"/>
  <c r="AC115991" i="1"/>
  <c r="AC115992" i="1"/>
  <c r="AC115993" i="1"/>
  <c r="AC115994" i="1"/>
  <c r="AC115995" i="1"/>
  <c r="AC115996" i="1"/>
  <c r="AC115997" i="1"/>
  <c r="AC115998" i="1"/>
  <c r="AC115999" i="1"/>
  <c r="AC116000" i="1"/>
  <c r="AC116001" i="1"/>
  <c r="AC116002" i="1"/>
  <c r="AC116003" i="1"/>
  <c r="AC116004" i="1"/>
  <c r="AC116005" i="1"/>
  <c r="AC116006" i="1"/>
  <c r="AC116007" i="1"/>
  <c r="AC116008" i="1"/>
  <c r="AC116009" i="1"/>
  <c r="AC116010" i="1"/>
  <c r="AC116011" i="1"/>
  <c r="AC116012" i="1"/>
  <c r="AC116013" i="1"/>
  <c r="AC116014" i="1"/>
  <c r="AC116015" i="1"/>
  <c r="AC116016" i="1"/>
  <c r="AC116017" i="1"/>
  <c r="AC116018" i="1"/>
  <c r="AC116019" i="1"/>
  <c r="AC116020" i="1"/>
  <c r="AC116021" i="1"/>
  <c r="AC116022" i="1"/>
  <c r="AC116023" i="1"/>
  <c r="AC116024" i="1"/>
  <c r="AC116025" i="1"/>
  <c r="AC116026" i="1"/>
  <c r="AC116027" i="1"/>
  <c r="AC116028" i="1"/>
  <c r="AC116029" i="1"/>
  <c r="AC116030" i="1"/>
  <c r="AC116031" i="1"/>
  <c r="AC116032" i="1"/>
  <c r="AC116033" i="1"/>
  <c r="AC116034" i="1"/>
  <c r="AC116035" i="1"/>
  <c r="AC116036" i="1"/>
  <c r="AC116037" i="1"/>
  <c r="AC116038" i="1"/>
  <c r="AC116039" i="1"/>
  <c r="AC116040" i="1"/>
  <c r="AC116041" i="1"/>
  <c r="AC116042" i="1"/>
  <c r="AC116043" i="1"/>
  <c r="AC116044" i="1"/>
  <c r="AC116045" i="1"/>
  <c r="AC116046" i="1"/>
  <c r="AC116047" i="1"/>
  <c r="AC116048" i="1"/>
  <c r="AC116049" i="1"/>
  <c r="AC116050" i="1"/>
  <c r="AC116051" i="1"/>
  <c r="AC116052" i="1"/>
  <c r="AC116053" i="1"/>
  <c r="AC116054" i="1"/>
  <c r="AC116055" i="1"/>
  <c r="AC116056" i="1"/>
  <c r="AC116057" i="1"/>
  <c r="AC116058" i="1"/>
  <c r="AC116059" i="1"/>
  <c r="AC116060" i="1"/>
  <c r="AC116061" i="1"/>
  <c r="AC116062" i="1"/>
  <c r="AC116063" i="1"/>
  <c r="AC116064" i="1"/>
  <c r="AC116065" i="1"/>
  <c r="AC116066" i="1"/>
  <c r="AC116067" i="1"/>
  <c r="AC116068" i="1"/>
  <c r="AC116069" i="1"/>
  <c r="AC116070" i="1"/>
  <c r="AC116071" i="1"/>
  <c r="AC116072" i="1"/>
  <c r="AC116073" i="1"/>
  <c r="AC116074" i="1"/>
  <c r="AC116075" i="1"/>
  <c r="AC116076" i="1"/>
  <c r="AC116077" i="1"/>
  <c r="AC116078" i="1"/>
  <c r="AC116079" i="1"/>
  <c r="AC116080" i="1"/>
  <c r="AC116081" i="1"/>
  <c r="AC116082" i="1"/>
  <c r="AC116083" i="1"/>
  <c r="AC116084" i="1"/>
  <c r="AC116085" i="1"/>
  <c r="AC116086" i="1"/>
  <c r="AC116087" i="1"/>
  <c r="AC116088" i="1"/>
  <c r="AC116089" i="1"/>
  <c r="AC116090" i="1"/>
  <c r="AC116091" i="1"/>
  <c r="AC116092" i="1"/>
  <c r="AC116093" i="1"/>
  <c r="AC116094" i="1"/>
  <c r="AC116095" i="1"/>
  <c r="AC116096" i="1"/>
  <c r="AC116097" i="1"/>
  <c r="AC116098" i="1"/>
  <c r="AC116099" i="1"/>
  <c r="AC116100" i="1"/>
  <c r="AC116101" i="1"/>
  <c r="AC116102" i="1"/>
  <c r="AC116103" i="1"/>
  <c r="AC116104" i="1"/>
  <c r="AC116105" i="1"/>
  <c r="AC116106" i="1"/>
  <c r="AC116107" i="1"/>
  <c r="AC116108" i="1"/>
  <c r="AC116109" i="1"/>
  <c r="AC116110" i="1"/>
  <c r="AC116111" i="1"/>
  <c r="AC116112" i="1"/>
  <c r="AC116113" i="1"/>
  <c r="AC116114" i="1"/>
  <c r="AC116115" i="1"/>
  <c r="AC116116" i="1"/>
  <c r="AC116117" i="1"/>
  <c r="AC116118" i="1"/>
  <c r="AC116119" i="1"/>
  <c r="AC116120" i="1"/>
  <c r="AC116121" i="1"/>
  <c r="AC116122" i="1"/>
  <c r="AC116123" i="1"/>
  <c r="AC116124" i="1"/>
  <c r="AC116125" i="1"/>
  <c r="AC116126" i="1"/>
  <c r="AC116127" i="1"/>
  <c r="AC116128" i="1"/>
  <c r="AC116129" i="1"/>
  <c r="AC116130" i="1"/>
  <c r="AC116131" i="1"/>
  <c r="AC116132" i="1"/>
  <c r="AC116133" i="1"/>
  <c r="AC116134" i="1"/>
  <c r="AC116135" i="1"/>
  <c r="AC116136" i="1"/>
  <c r="AC116137" i="1"/>
  <c r="AC116138" i="1"/>
  <c r="AC116139" i="1"/>
  <c r="AC116140" i="1"/>
  <c r="AC116141" i="1"/>
  <c r="AC116142" i="1"/>
  <c r="AC116143" i="1"/>
  <c r="AC116144" i="1"/>
  <c r="AC116145" i="1"/>
  <c r="AC116146" i="1"/>
  <c r="AC116147" i="1"/>
  <c r="AC116148" i="1"/>
  <c r="AC116149" i="1"/>
  <c r="AC116150" i="1"/>
  <c r="AC116151" i="1"/>
  <c r="AC116152" i="1"/>
  <c r="AC116153" i="1"/>
  <c r="AC116154" i="1"/>
  <c r="AC116155" i="1"/>
  <c r="AC116156" i="1"/>
  <c r="AC116157" i="1"/>
  <c r="AC116158" i="1"/>
  <c r="AC116159" i="1"/>
  <c r="AC116160" i="1"/>
  <c r="AC116161" i="1"/>
  <c r="AC116162" i="1"/>
  <c r="AC116163" i="1"/>
  <c r="AC116164" i="1"/>
  <c r="AC116165" i="1"/>
  <c r="AC116166" i="1"/>
  <c r="AC116167" i="1"/>
  <c r="AC116168" i="1"/>
  <c r="AC116169" i="1"/>
  <c r="AC116170" i="1"/>
  <c r="AC116171" i="1"/>
  <c r="AC116172" i="1"/>
  <c r="AC116173" i="1"/>
  <c r="AC116174" i="1"/>
  <c r="AC116175" i="1"/>
  <c r="AC116176" i="1"/>
  <c r="AC116177" i="1"/>
  <c r="AC116178" i="1"/>
  <c r="AC116179" i="1"/>
  <c r="AC116180" i="1"/>
  <c r="AC116181" i="1"/>
  <c r="AC116182" i="1"/>
  <c r="AC116183" i="1"/>
  <c r="AC116184" i="1"/>
  <c r="AC116185" i="1"/>
  <c r="AC116186" i="1"/>
  <c r="AC116187" i="1"/>
  <c r="AC116188" i="1"/>
  <c r="AC116189" i="1"/>
  <c r="AC116190" i="1"/>
  <c r="AC116191" i="1"/>
  <c r="AC116192" i="1"/>
  <c r="AC116193" i="1"/>
  <c r="AC116194" i="1"/>
  <c r="AC116195" i="1"/>
  <c r="AC116196" i="1"/>
  <c r="AC116197" i="1"/>
  <c r="AC116198" i="1"/>
  <c r="AC116199" i="1"/>
  <c r="AC116200" i="1"/>
  <c r="AC116201" i="1"/>
  <c r="AC116202" i="1"/>
  <c r="AC116203" i="1"/>
  <c r="AC116204" i="1"/>
  <c r="AC116205" i="1"/>
  <c r="AC116206" i="1"/>
  <c r="AC116207" i="1"/>
  <c r="AC116208" i="1"/>
  <c r="AC116209" i="1"/>
  <c r="AC116210" i="1"/>
  <c r="AC116211" i="1"/>
  <c r="AC116212" i="1"/>
  <c r="AC116213" i="1"/>
  <c r="AC116214" i="1"/>
  <c r="AC116215" i="1"/>
  <c r="AC116216" i="1"/>
  <c r="AC116217" i="1"/>
  <c r="AC116218" i="1"/>
  <c r="AC116219" i="1"/>
  <c r="AC116220" i="1"/>
  <c r="AC116221" i="1"/>
  <c r="AC116222" i="1"/>
  <c r="AC116223" i="1"/>
  <c r="AC116224" i="1"/>
  <c r="AC116225" i="1"/>
  <c r="AC116226" i="1"/>
  <c r="AC116227" i="1"/>
  <c r="AC116228" i="1"/>
  <c r="AC116229" i="1"/>
  <c r="AC116230" i="1"/>
  <c r="AC116231" i="1"/>
  <c r="AC116232" i="1"/>
  <c r="AC116233" i="1"/>
  <c r="AC116234" i="1"/>
  <c r="AC116235" i="1"/>
  <c r="AC116236" i="1"/>
  <c r="AC116237" i="1"/>
  <c r="AC116238" i="1"/>
  <c r="AC116239" i="1"/>
  <c r="AC116240" i="1"/>
  <c r="AC116241" i="1"/>
  <c r="AC116242" i="1"/>
  <c r="AC116243" i="1"/>
  <c r="AC116244" i="1"/>
  <c r="AC116245" i="1"/>
  <c r="AC116246" i="1"/>
  <c r="AC116247" i="1"/>
  <c r="AC116248" i="1"/>
  <c r="AC116249" i="1"/>
  <c r="AC116250" i="1"/>
  <c r="AC116251" i="1"/>
  <c r="AC116252" i="1"/>
  <c r="AC116253" i="1"/>
  <c r="AC116254" i="1"/>
  <c r="AC116255" i="1"/>
  <c r="AC116256" i="1"/>
  <c r="AC116257" i="1"/>
  <c r="AC116258" i="1"/>
  <c r="AC116259" i="1"/>
  <c r="AC116260" i="1"/>
  <c r="AC116261" i="1"/>
  <c r="AC116262" i="1"/>
  <c r="AC116263" i="1"/>
  <c r="AC116264" i="1"/>
  <c r="AC116265" i="1"/>
  <c r="AC116266" i="1"/>
  <c r="AC116267" i="1"/>
  <c r="AC116268" i="1"/>
  <c r="AC116269" i="1"/>
  <c r="AC116270" i="1"/>
  <c r="AC116271" i="1"/>
  <c r="AC116272" i="1"/>
  <c r="AC116273" i="1"/>
  <c r="AC116274" i="1"/>
  <c r="AC116275" i="1"/>
  <c r="AC116276" i="1"/>
  <c r="AC116277" i="1"/>
  <c r="AC116278" i="1"/>
  <c r="AC116279" i="1"/>
  <c r="AC116280" i="1"/>
  <c r="AC116281" i="1"/>
  <c r="AC116282" i="1"/>
  <c r="AC116283" i="1"/>
  <c r="AC116284" i="1"/>
  <c r="AC116285" i="1"/>
  <c r="AC116286" i="1"/>
  <c r="AC116287" i="1"/>
  <c r="AC116288" i="1"/>
  <c r="AC116289" i="1"/>
  <c r="AC116290" i="1"/>
  <c r="AC116291" i="1"/>
  <c r="AC116292" i="1"/>
  <c r="AC116293" i="1"/>
  <c r="AC116294" i="1"/>
  <c r="AC116295" i="1"/>
  <c r="AC116296" i="1"/>
  <c r="AC116297" i="1"/>
  <c r="AC116298" i="1"/>
  <c r="AC116299" i="1"/>
  <c r="AC116300" i="1"/>
  <c r="AC116301" i="1"/>
  <c r="AC116302" i="1"/>
  <c r="AC116303" i="1"/>
  <c r="AC116304" i="1"/>
  <c r="AC116305" i="1"/>
  <c r="AC116306" i="1"/>
  <c r="AC116307" i="1"/>
  <c r="AC116308" i="1"/>
  <c r="AC116309" i="1"/>
  <c r="AC116310" i="1"/>
  <c r="AC116311" i="1"/>
  <c r="AC116312" i="1"/>
  <c r="AC116313" i="1"/>
  <c r="AC116314" i="1"/>
  <c r="AC116315" i="1"/>
  <c r="AC116316" i="1"/>
  <c r="AC116317" i="1"/>
  <c r="AC116318" i="1"/>
  <c r="AC116319" i="1"/>
  <c r="AC116320" i="1"/>
  <c r="AC116321" i="1"/>
  <c r="AC116322" i="1"/>
  <c r="AC116323" i="1"/>
  <c r="AC116324" i="1"/>
  <c r="AC116325" i="1"/>
  <c r="AC116326" i="1"/>
  <c r="AC116327" i="1"/>
  <c r="AC116328" i="1"/>
  <c r="AC116329" i="1"/>
  <c r="AC116330" i="1"/>
  <c r="AC116331" i="1"/>
  <c r="AC116332" i="1"/>
  <c r="AC116333" i="1"/>
  <c r="AC116334" i="1"/>
  <c r="AC116335" i="1"/>
  <c r="AC116336" i="1"/>
  <c r="AC116337" i="1"/>
  <c r="AC116338" i="1"/>
  <c r="AC116339" i="1"/>
  <c r="AC116340" i="1"/>
  <c r="AC116341" i="1"/>
  <c r="AC116342" i="1"/>
  <c r="AC116343" i="1"/>
  <c r="AC116344" i="1"/>
  <c r="AC116345" i="1"/>
  <c r="AC116346" i="1"/>
  <c r="AC116347" i="1"/>
  <c r="AC116348" i="1"/>
  <c r="AC116349" i="1"/>
  <c r="AC116350" i="1"/>
  <c r="AC116351" i="1"/>
  <c r="AC116352" i="1"/>
  <c r="AC116353" i="1"/>
  <c r="AC116354" i="1"/>
  <c r="AC116355" i="1"/>
  <c r="AC116356" i="1"/>
  <c r="AC116357" i="1"/>
  <c r="AC116358" i="1"/>
  <c r="AC116359" i="1"/>
  <c r="AC116360" i="1"/>
  <c r="AC116361" i="1"/>
  <c r="AC116362" i="1"/>
  <c r="AC116363" i="1"/>
  <c r="AC116364" i="1"/>
  <c r="AC116365" i="1"/>
  <c r="AC116366" i="1"/>
  <c r="AC116367" i="1"/>
  <c r="AC116368" i="1"/>
  <c r="AC116369" i="1"/>
  <c r="AC116370" i="1"/>
  <c r="AC116371" i="1"/>
  <c r="AC116372" i="1"/>
  <c r="AC116373" i="1"/>
  <c r="AC116374" i="1"/>
  <c r="AC116375" i="1"/>
  <c r="AC116376" i="1"/>
  <c r="AC116377" i="1"/>
  <c r="AC116378" i="1"/>
  <c r="AC116379" i="1"/>
  <c r="AC116380" i="1"/>
  <c r="AC116381" i="1"/>
  <c r="AC116382" i="1"/>
  <c r="AC116383" i="1"/>
  <c r="AC116384" i="1"/>
  <c r="AC116385" i="1"/>
  <c r="AC116386" i="1"/>
  <c r="AC116387" i="1"/>
  <c r="AC116388" i="1"/>
  <c r="AC116389" i="1"/>
  <c r="AC116390" i="1"/>
  <c r="AC116391" i="1"/>
  <c r="AC116392" i="1"/>
  <c r="AC116393" i="1"/>
  <c r="AC116394" i="1"/>
  <c r="AC116395" i="1"/>
  <c r="AC116396" i="1"/>
  <c r="AC116397" i="1"/>
  <c r="AC116398" i="1"/>
  <c r="AC116399" i="1"/>
  <c r="AC116400" i="1"/>
  <c r="AC116401" i="1"/>
  <c r="AC116402" i="1"/>
  <c r="AC116403" i="1"/>
  <c r="AC116404" i="1"/>
  <c r="AC116405" i="1"/>
  <c r="AC116406" i="1"/>
  <c r="AC116407" i="1"/>
  <c r="AC116408" i="1"/>
  <c r="AC116409" i="1"/>
  <c r="AC116410" i="1"/>
  <c r="AC116411" i="1"/>
  <c r="AC116412" i="1"/>
  <c r="AC116413" i="1"/>
  <c r="AC116414" i="1"/>
  <c r="AC116415" i="1"/>
  <c r="AC116416" i="1"/>
  <c r="AC116417" i="1"/>
  <c r="AC116418" i="1"/>
  <c r="AC116419" i="1"/>
  <c r="AC116420" i="1"/>
  <c r="AC116421" i="1"/>
  <c r="AC116422" i="1"/>
  <c r="AC116423" i="1"/>
  <c r="AC116424" i="1"/>
  <c r="AC116425" i="1"/>
  <c r="AC116426" i="1"/>
  <c r="AC116427" i="1"/>
  <c r="AC116428" i="1"/>
  <c r="AC116429" i="1"/>
  <c r="AC116430" i="1"/>
  <c r="AC116431" i="1"/>
  <c r="AC116432" i="1"/>
  <c r="AC116433" i="1"/>
  <c r="AC116434" i="1"/>
  <c r="AC116435" i="1"/>
  <c r="AC116436" i="1"/>
  <c r="AC116437" i="1"/>
  <c r="AC116438" i="1"/>
  <c r="AC116439" i="1"/>
  <c r="AC116440" i="1"/>
  <c r="AC116441" i="1"/>
  <c r="AC116442" i="1"/>
  <c r="AC116443" i="1"/>
  <c r="AC116444" i="1"/>
  <c r="AC116445" i="1"/>
  <c r="AC116446" i="1"/>
  <c r="AC116447" i="1"/>
  <c r="AC116448" i="1"/>
  <c r="AC116449" i="1"/>
  <c r="AC116450" i="1"/>
  <c r="AC116451" i="1"/>
  <c r="AC116452" i="1"/>
  <c r="AC116453" i="1"/>
  <c r="AC116454" i="1"/>
  <c r="AC116455" i="1"/>
  <c r="AC116456" i="1"/>
  <c r="AC116457" i="1"/>
  <c r="AC116458" i="1"/>
  <c r="AC116459" i="1"/>
  <c r="AC116460" i="1"/>
  <c r="AC116461" i="1"/>
  <c r="AC116462" i="1"/>
  <c r="AC116463" i="1"/>
  <c r="AC116464" i="1"/>
  <c r="AC116465" i="1"/>
  <c r="AC116466" i="1"/>
  <c r="AC116467" i="1"/>
  <c r="AC116468" i="1"/>
  <c r="AC116469" i="1"/>
  <c r="AC116470" i="1"/>
  <c r="AC116471" i="1"/>
  <c r="AC116472" i="1"/>
  <c r="AC116473" i="1"/>
  <c r="AC116474" i="1"/>
  <c r="AC116475" i="1"/>
  <c r="AC116476" i="1"/>
  <c r="AC116477" i="1"/>
  <c r="AC116478" i="1"/>
  <c r="AC116479" i="1"/>
  <c r="AC116480" i="1"/>
  <c r="AC116481" i="1"/>
  <c r="AC116482" i="1"/>
  <c r="AC116483" i="1"/>
  <c r="AC116484" i="1"/>
  <c r="AC116485" i="1"/>
  <c r="AC116486" i="1"/>
  <c r="AC116487" i="1"/>
  <c r="AC116488" i="1"/>
  <c r="AC116489" i="1"/>
  <c r="AC116490" i="1"/>
  <c r="AC116491" i="1"/>
  <c r="AC116492" i="1"/>
  <c r="AC116493" i="1"/>
  <c r="AC116494" i="1"/>
  <c r="AC116495" i="1"/>
  <c r="AC116496" i="1"/>
  <c r="AC116497" i="1"/>
  <c r="AC116498" i="1"/>
  <c r="AC116499" i="1"/>
  <c r="AC116500" i="1"/>
  <c r="AC116501" i="1"/>
  <c r="AC116502" i="1"/>
  <c r="AC116503" i="1"/>
  <c r="AC116504" i="1"/>
  <c r="AC116505" i="1"/>
  <c r="AC116506" i="1"/>
  <c r="AC116507" i="1"/>
  <c r="AC116508" i="1"/>
  <c r="AC116509" i="1"/>
  <c r="AC116510" i="1"/>
  <c r="AC116511" i="1"/>
  <c r="AC116512" i="1"/>
  <c r="AC116513" i="1"/>
  <c r="AC116514" i="1"/>
  <c r="AC116515" i="1"/>
  <c r="AC116516" i="1"/>
  <c r="AC116517" i="1"/>
  <c r="AC116518" i="1"/>
  <c r="AC116519" i="1"/>
  <c r="AC116520" i="1"/>
  <c r="AC116521" i="1"/>
  <c r="AC116522" i="1"/>
  <c r="AC116523" i="1"/>
  <c r="AC116524" i="1"/>
  <c r="AC116525" i="1"/>
  <c r="AC116526" i="1"/>
  <c r="AC116527" i="1"/>
  <c r="AC116528" i="1"/>
  <c r="AC116529" i="1"/>
  <c r="AC116530" i="1"/>
  <c r="AC116531" i="1"/>
  <c r="AC116532" i="1"/>
  <c r="AC116533" i="1"/>
  <c r="AC116534" i="1"/>
  <c r="AC116535" i="1"/>
  <c r="AC116536" i="1"/>
  <c r="AC116537" i="1"/>
  <c r="AC116538" i="1"/>
  <c r="AC116539" i="1"/>
  <c r="AC116540" i="1"/>
  <c r="AC116541" i="1"/>
  <c r="AC116542" i="1"/>
  <c r="AC116543" i="1"/>
  <c r="AC116544" i="1"/>
  <c r="AC116545" i="1"/>
  <c r="AC116546" i="1"/>
  <c r="AC116547" i="1"/>
  <c r="AC116548" i="1"/>
  <c r="AC116549" i="1"/>
  <c r="AC116550" i="1"/>
  <c r="AC116551" i="1"/>
  <c r="AC116552" i="1"/>
  <c r="AC116553" i="1"/>
  <c r="AC116554" i="1"/>
  <c r="AC116555" i="1"/>
  <c r="AC116556" i="1"/>
  <c r="AC116557" i="1"/>
  <c r="AC116558" i="1"/>
  <c r="AC116559" i="1"/>
  <c r="AC116560" i="1"/>
  <c r="AC116561" i="1"/>
  <c r="AC116562" i="1"/>
  <c r="AC116563" i="1"/>
  <c r="AC116564" i="1"/>
  <c r="AC116565" i="1"/>
  <c r="AC116566" i="1"/>
  <c r="AC116567" i="1"/>
  <c r="AC116568" i="1"/>
  <c r="AC116569" i="1"/>
  <c r="AC116570" i="1"/>
  <c r="AC116571" i="1"/>
  <c r="AC116572" i="1"/>
  <c r="AC116573" i="1"/>
  <c r="AC116574" i="1"/>
  <c r="AC116575" i="1"/>
  <c r="AC116576" i="1"/>
  <c r="AC116577" i="1"/>
  <c r="AC116578" i="1"/>
  <c r="AC116579" i="1"/>
  <c r="AC116580" i="1"/>
  <c r="AC116581" i="1"/>
  <c r="AC116582" i="1"/>
  <c r="AC116583" i="1"/>
  <c r="AC116584" i="1"/>
  <c r="AC116585" i="1"/>
  <c r="AC116586" i="1"/>
  <c r="AC116587" i="1"/>
  <c r="AC116588" i="1"/>
  <c r="AC116589" i="1"/>
  <c r="AC116590" i="1"/>
  <c r="AC116591" i="1"/>
  <c r="AC116592" i="1"/>
  <c r="AC116593" i="1"/>
  <c r="AC116594" i="1"/>
  <c r="AC116595" i="1"/>
  <c r="AC116596" i="1"/>
  <c r="AC116597" i="1"/>
  <c r="AC116598" i="1"/>
  <c r="AC116599" i="1"/>
  <c r="AC116600" i="1"/>
  <c r="AC116601" i="1"/>
  <c r="AC116602" i="1"/>
  <c r="AC116603" i="1"/>
  <c r="AC116604" i="1"/>
  <c r="AC116605" i="1"/>
  <c r="AC116606" i="1"/>
  <c r="AC116607" i="1"/>
  <c r="AC116608" i="1"/>
  <c r="AC116609" i="1"/>
  <c r="AC116610" i="1"/>
  <c r="AC116611" i="1"/>
  <c r="AC116612" i="1"/>
  <c r="AC116613" i="1"/>
  <c r="AC116614" i="1"/>
  <c r="AC116615" i="1"/>
  <c r="AC116616" i="1"/>
  <c r="AC116617" i="1"/>
  <c r="AC116618" i="1"/>
  <c r="AC116619" i="1"/>
  <c r="AC116620" i="1"/>
  <c r="AC116621" i="1"/>
  <c r="AC116622" i="1"/>
  <c r="AC116623" i="1"/>
  <c r="AC116624" i="1"/>
  <c r="AC116625" i="1"/>
  <c r="AC116626" i="1"/>
  <c r="AC116627" i="1"/>
  <c r="AC116628" i="1"/>
  <c r="AC116629" i="1"/>
  <c r="AC116630" i="1"/>
  <c r="AC116631" i="1"/>
  <c r="AC116632" i="1"/>
  <c r="AC116633" i="1"/>
  <c r="AC116634" i="1"/>
  <c r="AC116635" i="1"/>
  <c r="AC116636" i="1"/>
  <c r="AC116637" i="1"/>
  <c r="AC116638" i="1"/>
  <c r="AC116639" i="1"/>
  <c r="AC116640" i="1"/>
  <c r="AC116641" i="1"/>
  <c r="AC116642" i="1"/>
  <c r="AC116643" i="1"/>
  <c r="AC116644" i="1"/>
  <c r="AC116645" i="1"/>
  <c r="AC116646" i="1"/>
  <c r="AC116647" i="1"/>
  <c r="AC116648" i="1"/>
  <c r="AC116649" i="1"/>
  <c r="AC116650" i="1"/>
  <c r="AC116651" i="1"/>
  <c r="AC116652" i="1"/>
  <c r="AC116653" i="1"/>
  <c r="AC116654" i="1"/>
  <c r="AC116655" i="1"/>
  <c r="AC116656" i="1"/>
  <c r="AC116657" i="1"/>
  <c r="AC116658" i="1"/>
  <c r="AC116659" i="1"/>
  <c r="AC116660" i="1"/>
  <c r="AC116661" i="1"/>
  <c r="AC116662" i="1"/>
  <c r="AC116663" i="1"/>
  <c r="AC116664" i="1"/>
  <c r="AC116665" i="1"/>
  <c r="AC116666" i="1"/>
  <c r="AC116667" i="1"/>
  <c r="AC116668" i="1"/>
  <c r="AC116669" i="1"/>
  <c r="AC116670" i="1"/>
  <c r="AC116671" i="1"/>
  <c r="AC116672" i="1"/>
  <c r="AC116673" i="1"/>
  <c r="AC116674" i="1"/>
  <c r="AC116675" i="1"/>
  <c r="AC116676" i="1"/>
  <c r="AC116677" i="1"/>
  <c r="AC116678" i="1"/>
  <c r="AC116679" i="1"/>
  <c r="AC116680" i="1"/>
  <c r="AC116681" i="1"/>
  <c r="AC116682" i="1"/>
  <c r="AC116683" i="1"/>
  <c r="AC116684" i="1"/>
  <c r="AC116685" i="1"/>
  <c r="AC116686" i="1"/>
  <c r="AC116687" i="1"/>
  <c r="AC116688" i="1"/>
  <c r="AC116689" i="1"/>
  <c r="AC116690" i="1"/>
  <c r="AC116691" i="1"/>
  <c r="AC116692" i="1"/>
  <c r="AC116693" i="1"/>
  <c r="AC116694" i="1"/>
  <c r="AC116695" i="1"/>
  <c r="AC116696" i="1"/>
  <c r="AC116697" i="1"/>
  <c r="AC116698" i="1"/>
  <c r="AC116699" i="1"/>
  <c r="AC116700" i="1"/>
  <c r="AC116701" i="1"/>
  <c r="AC116702" i="1"/>
  <c r="AC116703" i="1"/>
  <c r="AC116704" i="1"/>
  <c r="AC116705" i="1"/>
  <c r="AC116706" i="1"/>
  <c r="AC116707" i="1"/>
  <c r="AC116708" i="1"/>
  <c r="AC116709" i="1"/>
  <c r="AC116710" i="1"/>
  <c r="AC116711" i="1"/>
  <c r="AC116712" i="1"/>
  <c r="AC116713" i="1"/>
  <c r="AC116714" i="1"/>
  <c r="AC116715" i="1"/>
  <c r="AC116716" i="1"/>
  <c r="AC116717" i="1"/>
  <c r="AC116718" i="1"/>
  <c r="AC116719" i="1"/>
  <c r="AC116720" i="1"/>
  <c r="AC116721" i="1"/>
  <c r="AC116722" i="1"/>
  <c r="AC116723" i="1"/>
  <c r="AC116724" i="1"/>
  <c r="AC116725" i="1"/>
  <c r="AC116726" i="1"/>
  <c r="AC116727" i="1"/>
  <c r="AC116728" i="1"/>
  <c r="AC116729" i="1"/>
  <c r="AC116730" i="1"/>
  <c r="AC116731" i="1"/>
  <c r="AC116732" i="1"/>
  <c r="AC116733" i="1"/>
  <c r="AC116734" i="1"/>
  <c r="AC116735" i="1"/>
  <c r="AC116736" i="1"/>
  <c r="AC116737" i="1"/>
  <c r="AC116738" i="1"/>
  <c r="AC116739" i="1"/>
  <c r="AC116740" i="1"/>
  <c r="AC116741" i="1"/>
  <c r="AC116742" i="1"/>
  <c r="AC116743" i="1"/>
  <c r="AC116744" i="1"/>
  <c r="AC116745" i="1"/>
  <c r="AC116746" i="1"/>
  <c r="AC116747" i="1"/>
  <c r="AC116748" i="1"/>
  <c r="AC116749" i="1"/>
  <c r="AC116750" i="1"/>
  <c r="AC116751" i="1"/>
  <c r="AC116752" i="1"/>
  <c r="AC116753" i="1"/>
  <c r="AC116754" i="1"/>
  <c r="AC116755" i="1"/>
  <c r="AC116756" i="1"/>
  <c r="AC116757" i="1"/>
  <c r="AC116758" i="1"/>
  <c r="AC116759" i="1"/>
  <c r="AC116760" i="1"/>
  <c r="AC116761" i="1"/>
  <c r="AC116762" i="1"/>
  <c r="AC116763" i="1"/>
  <c r="AC116764" i="1"/>
  <c r="AC116765" i="1"/>
  <c r="AC116766" i="1"/>
  <c r="AC116767" i="1"/>
  <c r="AC116768" i="1"/>
  <c r="AC116769" i="1"/>
  <c r="AC116770" i="1"/>
  <c r="AC116771" i="1"/>
  <c r="AC116772" i="1"/>
  <c r="AC116773" i="1"/>
  <c r="AC116774" i="1"/>
  <c r="AC116775" i="1"/>
  <c r="AC116776" i="1"/>
  <c r="AC116777" i="1"/>
  <c r="AC116778" i="1"/>
  <c r="AC116779" i="1"/>
  <c r="AC116780" i="1"/>
  <c r="AC116781" i="1"/>
  <c r="AC116782" i="1"/>
  <c r="AC116783" i="1"/>
  <c r="AC116784" i="1"/>
  <c r="AC116785" i="1"/>
  <c r="AC116786" i="1"/>
  <c r="AC116787" i="1"/>
  <c r="AC116788" i="1"/>
  <c r="AC116789" i="1"/>
  <c r="AC116790" i="1"/>
  <c r="AC116791" i="1"/>
  <c r="AC116792" i="1"/>
  <c r="AC116793" i="1"/>
  <c r="AC116794" i="1"/>
  <c r="AC116795" i="1"/>
  <c r="AC116796" i="1"/>
  <c r="AC116797" i="1"/>
  <c r="AC116798" i="1"/>
  <c r="AC116799" i="1"/>
  <c r="AC116800" i="1"/>
  <c r="AC116801" i="1"/>
  <c r="AC116802" i="1"/>
  <c r="AC116803" i="1"/>
  <c r="AC116804" i="1"/>
  <c r="AC116805" i="1"/>
  <c r="AC116806" i="1"/>
  <c r="AC116807" i="1"/>
  <c r="AC116808" i="1"/>
  <c r="AC116809" i="1"/>
  <c r="AC116810" i="1"/>
  <c r="AC116811" i="1"/>
  <c r="AC116812" i="1"/>
  <c r="AC116813" i="1"/>
  <c r="AC116814" i="1"/>
  <c r="AC116815" i="1"/>
  <c r="AC116816" i="1"/>
  <c r="AC116817" i="1"/>
  <c r="AC116818" i="1"/>
  <c r="AC116819" i="1"/>
  <c r="AC116820" i="1"/>
  <c r="AC116821" i="1"/>
  <c r="AC116822" i="1"/>
  <c r="AC116823" i="1"/>
  <c r="AC116824" i="1"/>
  <c r="AC116825" i="1"/>
  <c r="AC116826" i="1"/>
  <c r="AC116827" i="1"/>
  <c r="AC116828" i="1"/>
  <c r="AC116829" i="1"/>
  <c r="AC116830" i="1"/>
  <c r="AC116831" i="1"/>
  <c r="AC116832" i="1"/>
  <c r="AC116833" i="1"/>
  <c r="AC116834" i="1"/>
  <c r="AC116835" i="1"/>
  <c r="AC116836" i="1"/>
  <c r="AC116837" i="1"/>
  <c r="AC116838" i="1"/>
  <c r="AC116839" i="1"/>
  <c r="AC116840" i="1"/>
  <c r="AC116841" i="1"/>
  <c r="AC116842" i="1"/>
  <c r="AC116843" i="1"/>
  <c r="AC116844" i="1"/>
  <c r="AC116845" i="1"/>
  <c r="AC116846" i="1"/>
  <c r="AC116847" i="1"/>
  <c r="AC116848" i="1"/>
  <c r="AC116849" i="1"/>
  <c r="AC116850" i="1"/>
  <c r="AC116851" i="1"/>
  <c r="AC116852" i="1"/>
  <c r="AC116853" i="1"/>
  <c r="AC116854" i="1"/>
  <c r="AC116855" i="1"/>
  <c r="AC116856" i="1"/>
  <c r="AC116857" i="1"/>
  <c r="AC116858" i="1"/>
  <c r="AC116859" i="1"/>
  <c r="AC116860" i="1"/>
  <c r="AC116861" i="1"/>
  <c r="AC116862" i="1"/>
  <c r="AC116863" i="1"/>
  <c r="AC116864" i="1"/>
  <c r="AC116865" i="1"/>
  <c r="AC116866" i="1"/>
  <c r="AC116867" i="1"/>
  <c r="AC116868" i="1"/>
  <c r="AC116869" i="1"/>
  <c r="AC116870" i="1"/>
  <c r="AC116871" i="1"/>
  <c r="AC116872" i="1"/>
  <c r="AC116873" i="1"/>
  <c r="AC116874" i="1"/>
  <c r="AC116875" i="1"/>
  <c r="AC116876" i="1"/>
  <c r="AC116877" i="1"/>
  <c r="AC116878" i="1"/>
  <c r="AC116879" i="1"/>
  <c r="AC116880" i="1"/>
  <c r="AC116881" i="1"/>
  <c r="AC116882" i="1"/>
  <c r="AC116883" i="1"/>
  <c r="AC116884" i="1"/>
  <c r="AC116885" i="1"/>
  <c r="AC116886" i="1"/>
  <c r="AC116887" i="1"/>
  <c r="AC116888" i="1"/>
  <c r="AC116889" i="1"/>
  <c r="AC116890" i="1"/>
  <c r="AC116891" i="1"/>
  <c r="AC116892" i="1"/>
  <c r="AC116893" i="1"/>
  <c r="AC116894" i="1"/>
  <c r="AC116895" i="1"/>
  <c r="AC116896" i="1"/>
  <c r="AC116897" i="1"/>
  <c r="AC116898" i="1"/>
  <c r="AC116899" i="1"/>
  <c r="AC116900" i="1"/>
  <c r="AC116901" i="1"/>
  <c r="AC116902" i="1"/>
  <c r="AC116903" i="1"/>
  <c r="AC116904" i="1"/>
  <c r="AC116905" i="1"/>
  <c r="AC116906" i="1"/>
  <c r="AC116907" i="1"/>
  <c r="AC116908" i="1"/>
  <c r="AC116909" i="1"/>
  <c r="AC116910" i="1"/>
  <c r="AC116911" i="1"/>
  <c r="AC116912" i="1"/>
  <c r="AC116913" i="1"/>
  <c r="AC116914" i="1"/>
  <c r="AC116915" i="1"/>
  <c r="AC116916" i="1"/>
  <c r="AC116917" i="1"/>
  <c r="AC116918" i="1"/>
  <c r="AC116919" i="1"/>
  <c r="AC116920" i="1"/>
  <c r="AC116921" i="1"/>
  <c r="AC116922" i="1"/>
  <c r="AC116923" i="1"/>
  <c r="AC116924" i="1"/>
  <c r="AC116925" i="1"/>
  <c r="AC116926" i="1"/>
  <c r="AC116927" i="1"/>
  <c r="AC116928" i="1"/>
  <c r="AC116929" i="1"/>
  <c r="AC116930" i="1"/>
  <c r="AC116931" i="1"/>
  <c r="AC116932" i="1"/>
  <c r="AC116933" i="1"/>
  <c r="AC116934" i="1"/>
  <c r="AC116935" i="1"/>
  <c r="AC116936" i="1"/>
  <c r="AC116937" i="1"/>
  <c r="AC116938" i="1"/>
  <c r="AC116939" i="1"/>
  <c r="AC116940" i="1"/>
  <c r="AC116941" i="1"/>
  <c r="AC116942" i="1"/>
  <c r="AC116943" i="1"/>
  <c r="AC116944" i="1"/>
  <c r="AC116945" i="1"/>
  <c r="AC116946" i="1"/>
  <c r="AC116947" i="1"/>
  <c r="AC116948" i="1"/>
  <c r="AC116949" i="1"/>
  <c r="AC116950" i="1"/>
  <c r="AC116951" i="1"/>
  <c r="AC116952" i="1"/>
  <c r="AC116953" i="1"/>
  <c r="AC116954" i="1"/>
  <c r="AC116955" i="1"/>
  <c r="AC116956" i="1"/>
  <c r="AC116957" i="1"/>
  <c r="AC116958" i="1"/>
  <c r="AC116959" i="1"/>
  <c r="AC116960" i="1"/>
  <c r="AC116961" i="1"/>
  <c r="AC116962" i="1"/>
  <c r="AC116963" i="1"/>
  <c r="AC116964" i="1"/>
  <c r="AC116965" i="1"/>
  <c r="AC116966" i="1"/>
  <c r="AC116967" i="1"/>
  <c r="AC116968" i="1"/>
  <c r="AC116969" i="1"/>
  <c r="AC116970" i="1"/>
  <c r="AC116971" i="1"/>
  <c r="AC116972" i="1"/>
  <c r="AC116973" i="1"/>
  <c r="AC116974" i="1"/>
  <c r="AC116975" i="1"/>
  <c r="AC116976" i="1"/>
  <c r="AC116977" i="1"/>
  <c r="AC116978" i="1"/>
  <c r="AC116979" i="1"/>
  <c r="AC116980" i="1"/>
  <c r="AC116981" i="1"/>
  <c r="AC116982" i="1"/>
  <c r="AC116983" i="1"/>
  <c r="AC116984" i="1"/>
  <c r="AC116985" i="1"/>
  <c r="AC116986" i="1"/>
  <c r="AC116987" i="1"/>
  <c r="AC116988" i="1"/>
  <c r="AC116989" i="1"/>
  <c r="AC116990" i="1"/>
  <c r="AC116991" i="1"/>
  <c r="AC116992" i="1"/>
  <c r="AC116993" i="1"/>
  <c r="AC116994" i="1"/>
  <c r="AC116995" i="1"/>
  <c r="AC116996" i="1"/>
  <c r="AC116997" i="1"/>
  <c r="AC116998" i="1"/>
  <c r="AC116999" i="1"/>
  <c r="AC117000" i="1"/>
  <c r="AC117001" i="1"/>
  <c r="AC117002" i="1"/>
  <c r="AC117003" i="1"/>
  <c r="AC117004" i="1"/>
  <c r="AC117005" i="1"/>
  <c r="AC117006" i="1"/>
  <c r="AC117007" i="1"/>
  <c r="AC117008" i="1"/>
  <c r="AC117009" i="1"/>
  <c r="AC117010" i="1"/>
  <c r="AC117011" i="1"/>
  <c r="AC117012" i="1"/>
  <c r="AC117013" i="1"/>
  <c r="AC117014" i="1"/>
  <c r="AC117015" i="1"/>
  <c r="AC117016" i="1"/>
  <c r="AC117017" i="1"/>
  <c r="AC117018" i="1"/>
  <c r="AC117019" i="1"/>
  <c r="AC117020" i="1"/>
  <c r="AC117021" i="1"/>
  <c r="AC117022" i="1"/>
  <c r="AC117023" i="1"/>
  <c r="AC117024" i="1"/>
  <c r="AC117025" i="1"/>
  <c r="AC117026" i="1"/>
  <c r="AC117027" i="1"/>
  <c r="AC117028" i="1"/>
  <c r="AC117029" i="1"/>
  <c r="AC117030" i="1"/>
  <c r="AC117031" i="1"/>
  <c r="AC117032" i="1"/>
  <c r="AC117033" i="1"/>
  <c r="AC117034" i="1"/>
  <c r="AC117035" i="1"/>
  <c r="AC117036" i="1"/>
  <c r="AC117037" i="1"/>
  <c r="AC117038" i="1"/>
  <c r="AC117039" i="1"/>
  <c r="AC117040" i="1"/>
  <c r="AC117041" i="1"/>
  <c r="AC117042" i="1"/>
  <c r="AC117043" i="1"/>
  <c r="AC117044" i="1"/>
  <c r="AC117045" i="1"/>
  <c r="AC117046" i="1"/>
  <c r="AC117047" i="1"/>
  <c r="AC117048" i="1"/>
  <c r="AC117049" i="1"/>
  <c r="AC117050" i="1"/>
  <c r="AC117051" i="1"/>
  <c r="AC117052" i="1"/>
  <c r="AC117053" i="1"/>
  <c r="AC117054" i="1"/>
  <c r="AC117055" i="1"/>
  <c r="AC117056" i="1"/>
  <c r="AC117057" i="1"/>
  <c r="AC117058" i="1"/>
  <c r="AC117059" i="1"/>
  <c r="AC117060" i="1"/>
  <c r="AC117061" i="1"/>
  <c r="AC117062" i="1"/>
  <c r="AC117063" i="1"/>
  <c r="AC117064" i="1"/>
  <c r="AC117065" i="1"/>
  <c r="AC117066" i="1"/>
  <c r="AC117067" i="1"/>
  <c r="AC117068" i="1"/>
  <c r="AC117069" i="1"/>
  <c r="AC117070" i="1"/>
  <c r="AC117071" i="1"/>
  <c r="AC117072" i="1"/>
  <c r="AC117073" i="1"/>
  <c r="AC117074" i="1"/>
  <c r="AC117075" i="1"/>
  <c r="AC117076" i="1"/>
  <c r="AC117077" i="1"/>
  <c r="AC117078" i="1"/>
  <c r="AC117079" i="1"/>
  <c r="AC117080" i="1"/>
  <c r="AC117081" i="1"/>
  <c r="AC117082" i="1"/>
  <c r="AC117083" i="1"/>
  <c r="AC117084" i="1"/>
  <c r="AC117085" i="1"/>
  <c r="AC117086" i="1"/>
  <c r="AC117087" i="1"/>
  <c r="AC117088" i="1"/>
  <c r="AC117089" i="1"/>
  <c r="AC117090" i="1"/>
  <c r="AC117091" i="1"/>
  <c r="AC117092" i="1"/>
  <c r="AC117093" i="1"/>
  <c r="AC117094" i="1"/>
  <c r="AC117095" i="1"/>
  <c r="AC117096" i="1"/>
  <c r="AC117097" i="1"/>
  <c r="AC117098" i="1"/>
  <c r="AC117099" i="1"/>
  <c r="AC117100" i="1"/>
  <c r="AC117101" i="1"/>
  <c r="AC117102" i="1"/>
  <c r="AC117103" i="1"/>
  <c r="AC117104" i="1"/>
  <c r="AC117105" i="1"/>
  <c r="AC117106" i="1"/>
  <c r="AC117107" i="1"/>
  <c r="AC117108" i="1"/>
  <c r="AC117109" i="1"/>
  <c r="AC117110" i="1"/>
  <c r="AC117111" i="1"/>
  <c r="AC117112" i="1"/>
  <c r="AC117113" i="1"/>
  <c r="AC117114" i="1"/>
  <c r="AC117115" i="1"/>
  <c r="AC117116" i="1"/>
  <c r="AC117117" i="1"/>
  <c r="AC117118" i="1"/>
  <c r="AC117119" i="1"/>
  <c r="AC117120" i="1"/>
  <c r="AC117121" i="1"/>
  <c r="AC117122" i="1"/>
  <c r="AC117123" i="1"/>
  <c r="AC117124" i="1"/>
  <c r="AC117125" i="1"/>
  <c r="AC117126" i="1"/>
  <c r="AC117127" i="1"/>
  <c r="AC117128" i="1"/>
  <c r="AC117129" i="1"/>
  <c r="AC117130" i="1"/>
  <c r="AC117131" i="1"/>
  <c r="AC117132" i="1"/>
  <c r="AC117133" i="1"/>
  <c r="AC117134" i="1"/>
  <c r="AC117135" i="1"/>
  <c r="AC117136" i="1"/>
  <c r="AC117137" i="1"/>
  <c r="AC117138" i="1"/>
  <c r="AC117139" i="1"/>
  <c r="AC117140" i="1"/>
  <c r="AC117141" i="1"/>
  <c r="AC117142" i="1"/>
  <c r="AC117143" i="1"/>
  <c r="AC117144" i="1"/>
  <c r="AC117145" i="1"/>
  <c r="AC117146" i="1"/>
  <c r="AC117147" i="1"/>
  <c r="AC117148" i="1"/>
  <c r="AC117149" i="1"/>
  <c r="AC117150" i="1"/>
  <c r="AC117151" i="1"/>
  <c r="AC117152" i="1"/>
  <c r="AC117153" i="1"/>
  <c r="AC117154" i="1"/>
  <c r="AC117155" i="1"/>
  <c r="AC117156" i="1"/>
  <c r="AC117157" i="1"/>
  <c r="AC117158" i="1"/>
  <c r="AC117159" i="1"/>
  <c r="AC117160" i="1"/>
  <c r="AC117161" i="1"/>
  <c r="AC117162" i="1"/>
  <c r="AC117163" i="1"/>
  <c r="AC117164" i="1"/>
  <c r="AC117165" i="1"/>
  <c r="AC117166" i="1"/>
  <c r="AC117167" i="1"/>
  <c r="AC117168" i="1"/>
  <c r="AC117169" i="1"/>
  <c r="AC117170" i="1"/>
  <c r="AC117171" i="1"/>
  <c r="AC117172" i="1"/>
  <c r="AC117173" i="1"/>
  <c r="AC117174" i="1"/>
  <c r="AC117175" i="1"/>
  <c r="AC117176" i="1"/>
  <c r="AC117177" i="1"/>
  <c r="AC117178" i="1"/>
  <c r="AC117179" i="1"/>
  <c r="AC117180" i="1"/>
  <c r="AC117181" i="1"/>
  <c r="AC117182" i="1"/>
  <c r="AC117183" i="1"/>
  <c r="AC117184" i="1"/>
  <c r="AC117185" i="1"/>
  <c r="AC117186" i="1"/>
  <c r="AC117187" i="1"/>
  <c r="AC117188" i="1"/>
  <c r="AC117189" i="1"/>
  <c r="AC117190" i="1"/>
  <c r="AC117191" i="1"/>
  <c r="AC117192" i="1"/>
  <c r="AC117193" i="1"/>
  <c r="AC117194" i="1"/>
  <c r="AC117195" i="1"/>
  <c r="AC117196" i="1"/>
  <c r="AC117197" i="1"/>
  <c r="AC117198" i="1"/>
  <c r="AC117199" i="1"/>
  <c r="AC117200" i="1"/>
  <c r="AC117201" i="1"/>
  <c r="AC117202" i="1"/>
  <c r="AC117203" i="1"/>
  <c r="AC117204" i="1"/>
  <c r="AC117205" i="1"/>
  <c r="AC117206" i="1"/>
  <c r="AC117207" i="1"/>
  <c r="AC117208" i="1"/>
  <c r="AC117209" i="1"/>
  <c r="AC117210" i="1"/>
  <c r="AC117211" i="1"/>
  <c r="AC117212" i="1"/>
  <c r="AC117213" i="1"/>
  <c r="AC117214" i="1"/>
  <c r="AC117215" i="1"/>
  <c r="AC117216" i="1"/>
  <c r="AC117217" i="1"/>
  <c r="AC117218" i="1"/>
  <c r="AC117219" i="1"/>
  <c r="AC117220" i="1"/>
  <c r="AC117221" i="1"/>
  <c r="AC117222" i="1"/>
  <c r="AC117223" i="1"/>
  <c r="AC117224" i="1"/>
  <c r="AC117225" i="1"/>
  <c r="AC117226" i="1"/>
  <c r="AC117227" i="1"/>
  <c r="AC117228" i="1"/>
  <c r="AC117229" i="1"/>
  <c r="AC117230" i="1"/>
  <c r="AC117231" i="1"/>
  <c r="AC117232" i="1"/>
  <c r="AC117233" i="1"/>
  <c r="AC117234" i="1"/>
  <c r="AC117235" i="1"/>
  <c r="AC117236" i="1"/>
  <c r="AC117237" i="1"/>
  <c r="AC117238" i="1"/>
  <c r="AC117239" i="1"/>
  <c r="AC117240" i="1"/>
  <c r="AC117241" i="1"/>
  <c r="AC117242" i="1"/>
  <c r="AC117243" i="1"/>
  <c r="AC117244" i="1"/>
  <c r="AC117245" i="1"/>
  <c r="AC117246" i="1"/>
  <c r="AC117247" i="1"/>
  <c r="AC117248" i="1"/>
  <c r="AC117249" i="1"/>
  <c r="AC117250" i="1"/>
  <c r="AC117251" i="1"/>
  <c r="AC117252" i="1"/>
  <c r="AC117253" i="1"/>
  <c r="AC117254" i="1"/>
  <c r="AC117255" i="1"/>
  <c r="AC117256" i="1"/>
  <c r="AC117257" i="1"/>
  <c r="AC117258" i="1"/>
  <c r="AC117259" i="1"/>
  <c r="AC117260" i="1"/>
  <c r="AC117261" i="1"/>
  <c r="AC117262" i="1"/>
  <c r="AC117263" i="1"/>
  <c r="AC117264" i="1"/>
  <c r="AC117265" i="1"/>
  <c r="AC117266" i="1"/>
  <c r="AC117267" i="1"/>
  <c r="AC117268" i="1"/>
  <c r="AC117269" i="1"/>
  <c r="AC117270" i="1"/>
  <c r="AC117271" i="1"/>
  <c r="AC117272" i="1"/>
  <c r="AC117273" i="1"/>
  <c r="AC117274" i="1"/>
  <c r="AC117275" i="1"/>
  <c r="AC117276" i="1"/>
  <c r="AC117277" i="1"/>
  <c r="AC117278" i="1"/>
  <c r="AC117279" i="1"/>
  <c r="AC117280" i="1"/>
  <c r="AC117281" i="1"/>
  <c r="AC117282" i="1"/>
  <c r="AC117283" i="1"/>
  <c r="AC117284" i="1"/>
  <c r="AC117285" i="1"/>
  <c r="AC117286" i="1"/>
  <c r="AC117287" i="1"/>
  <c r="AC117288" i="1"/>
  <c r="AC117289" i="1"/>
  <c r="AC117290" i="1"/>
  <c r="AC117291" i="1"/>
  <c r="AC117292" i="1"/>
  <c r="AC117293" i="1"/>
  <c r="AC117294" i="1"/>
  <c r="AC117295" i="1"/>
  <c r="AC117296" i="1"/>
  <c r="AC117297" i="1"/>
  <c r="AC117298" i="1"/>
  <c r="AC117299" i="1"/>
  <c r="AC117300" i="1"/>
  <c r="AC117301" i="1"/>
  <c r="AC117302" i="1"/>
  <c r="AC117303" i="1"/>
  <c r="AC117304" i="1"/>
  <c r="AC117305" i="1"/>
  <c r="AC117306" i="1"/>
  <c r="AC117307" i="1"/>
  <c r="AC117308" i="1"/>
  <c r="AC117309" i="1"/>
  <c r="AC117310" i="1"/>
  <c r="AC117311" i="1"/>
  <c r="AC117312" i="1"/>
  <c r="AC117313" i="1"/>
  <c r="AC117314" i="1"/>
  <c r="AC117315" i="1"/>
  <c r="AC117316" i="1"/>
  <c r="AC117317" i="1"/>
  <c r="AC117318" i="1"/>
  <c r="AC117319" i="1"/>
  <c r="AC117320" i="1"/>
  <c r="AC117321" i="1"/>
  <c r="AC117322" i="1"/>
  <c r="AC117323" i="1"/>
  <c r="AC117324" i="1"/>
  <c r="AC117325" i="1"/>
  <c r="AC117326" i="1"/>
  <c r="AC117327" i="1"/>
  <c r="AC117328" i="1"/>
  <c r="AC117329" i="1"/>
  <c r="AC117330" i="1"/>
  <c r="AC117331" i="1"/>
  <c r="AC117332" i="1"/>
  <c r="AC117333" i="1"/>
  <c r="AC117334" i="1"/>
  <c r="AC117335" i="1"/>
  <c r="AC117336" i="1"/>
  <c r="AC117337" i="1"/>
  <c r="AC117338" i="1"/>
  <c r="AC117339" i="1"/>
  <c r="AC117340" i="1"/>
  <c r="AC117341" i="1"/>
  <c r="AC117342" i="1"/>
  <c r="AC117343" i="1"/>
  <c r="AC117344" i="1"/>
  <c r="AC117345" i="1"/>
  <c r="AC117346" i="1"/>
  <c r="AC117347" i="1"/>
  <c r="AC117348" i="1"/>
  <c r="AC117349" i="1"/>
  <c r="AC117350" i="1"/>
  <c r="AC117351" i="1"/>
  <c r="AC117352" i="1"/>
  <c r="AC117353" i="1"/>
  <c r="AC117354" i="1"/>
  <c r="AC117355" i="1"/>
  <c r="AC117356" i="1"/>
  <c r="AC117357" i="1"/>
  <c r="AC117358" i="1"/>
  <c r="AC117359" i="1"/>
  <c r="AC117360" i="1"/>
  <c r="AC117361" i="1"/>
  <c r="AC117362" i="1"/>
  <c r="AC117363" i="1"/>
  <c r="AC117364" i="1"/>
  <c r="AC117365" i="1"/>
  <c r="AC117366" i="1"/>
  <c r="AC117367" i="1"/>
  <c r="AC117368" i="1"/>
  <c r="AC117369" i="1"/>
  <c r="AC117370" i="1"/>
  <c r="AC117371" i="1"/>
  <c r="AC117372" i="1"/>
  <c r="AC117373" i="1"/>
  <c r="AC117374" i="1"/>
  <c r="AC117375" i="1"/>
  <c r="AC117376" i="1"/>
  <c r="AC117377" i="1"/>
  <c r="AC117378" i="1"/>
  <c r="AC117379" i="1"/>
  <c r="AC117380" i="1"/>
  <c r="AC117381" i="1"/>
  <c r="AC117382" i="1"/>
  <c r="AC117383" i="1"/>
  <c r="AC117384" i="1"/>
  <c r="AC117385" i="1"/>
  <c r="AC117386" i="1"/>
  <c r="AC117387" i="1"/>
  <c r="AC117388" i="1"/>
  <c r="AC117389" i="1"/>
  <c r="AC117390" i="1"/>
  <c r="AC117391" i="1"/>
  <c r="AC117392" i="1"/>
  <c r="AC117393" i="1"/>
  <c r="AC117394" i="1"/>
  <c r="AC117395" i="1"/>
  <c r="AC117396" i="1"/>
  <c r="AC117397" i="1"/>
  <c r="AC117398" i="1"/>
  <c r="AC117399" i="1"/>
  <c r="AC117400" i="1"/>
  <c r="AC117401" i="1"/>
  <c r="AC117402" i="1"/>
  <c r="AC117403" i="1"/>
  <c r="AC117404" i="1"/>
  <c r="AC117405" i="1"/>
  <c r="AC117406" i="1"/>
  <c r="AC117407" i="1"/>
  <c r="AC117408" i="1"/>
  <c r="AC117409" i="1"/>
  <c r="AC117410" i="1"/>
  <c r="AC117411" i="1"/>
  <c r="AC117412" i="1"/>
  <c r="AC117413" i="1"/>
  <c r="AC117414" i="1"/>
  <c r="AC117415" i="1"/>
  <c r="AC117416" i="1"/>
  <c r="AC117417" i="1"/>
  <c r="AC117418" i="1"/>
  <c r="AC117419" i="1"/>
  <c r="AC117420" i="1"/>
  <c r="AC117421" i="1"/>
  <c r="AC117422" i="1"/>
  <c r="AC117423" i="1"/>
  <c r="AC117424" i="1"/>
  <c r="AC117425" i="1"/>
  <c r="AC117426" i="1"/>
  <c r="AC117427" i="1"/>
  <c r="AC117428" i="1"/>
  <c r="AC117429" i="1"/>
  <c r="AC117430" i="1"/>
  <c r="AC117431" i="1"/>
  <c r="AC117432" i="1"/>
  <c r="AC117433" i="1"/>
  <c r="AC117434" i="1"/>
  <c r="AC117435" i="1"/>
  <c r="AC117436" i="1"/>
  <c r="AC117437" i="1"/>
  <c r="AC117438" i="1"/>
  <c r="AC117439" i="1"/>
  <c r="AC117440" i="1"/>
  <c r="AC117441" i="1"/>
  <c r="AC117442" i="1"/>
  <c r="AC117443" i="1"/>
  <c r="AC117444" i="1"/>
  <c r="AC117445" i="1"/>
  <c r="AC117446" i="1"/>
  <c r="AC117447" i="1"/>
  <c r="AC117448" i="1"/>
  <c r="AC117449" i="1"/>
  <c r="AC117450" i="1"/>
  <c r="AC117451" i="1"/>
  <c r="AC117452" i="1"/>
  <c r="AC117453" i="1"/>
  <c r="AC117454" i="1"/>
  <c r="AC117455" i="1"/>
  <c r="AC117456" i="1"/>
  <c r="AC117457" i="1"/>
  <c r="AC117458" i="1"/>
  <c r="AC117459" i="1"/>
  <c r="AC117460" i="1"/>
  <c r="AC117461" i="1"/>
  <c r="AC117462" i="1"/>
  <c r="AC117463" i="1"/>
  <c r="AC117464" i="1"/>
  <c r="AC117465" i="1"/>
  <c r="AC117466" i="1"/>
  <c r="AC117467" i="1"/>
  <c r="AC117468" i="1"/>
  <c r="AC117469" i="1"/>
  <c r="AC117470" i="1"/>
  <c r="AC117471" i="1"/>
  <c r="AC117472" i="1"/>
  <c r="AC117473" i="1"/>
  <c r="AC117474" i="1"/>
  <c r="AC117475" i="1"/>
  <c r="AC117476" i="1"/>
  <c r="AC117477" i="1"/>
  <c r="AC117478" i="1"/>
  <c r="AC117479" i="1"/>
  <c r="AC117480" i="1"/>
  <c r="AC117481" i="1"/>
  <c r="AC117482" i="1"/>
  <c r="AC117483" i="1"/>
  <c r="AC117484" i="1"/>
  <c r="AC117485" i="1"/>
  <c r="AC117486" i="1"/>
  <c r="AC117487" i="1"/>
  <c r="AC117488" i="1"/>
  <c r="AC117489" i="1"/>
  <c r="AC117490" i="1"/>
  <c r="AC117491" i="1"/>
  <c r="AC117492" i="1"/>
  <c r="AC117493" i="1"/>
  <c r="AC117494" i="1"/>
  <c r="AC117495" i="1"/>
  <c r="AC117496" i="1"/>
  <c r="AC117497" i="1"/>
  <c r="AC117498" i="1"/>
  <c r="AC117499" i="1"/>
  <c r="AC117500" i="1"/>
  <c r="AC117501" i="1"/>
  <c r="AC117502" i="1"/>
  <c r="AC117503" i="1"/>
  <c r="AC117504" i="1"/>
  <c r="AC117505" i="1"/>
  <c r="AC117506" i="1"/>
  <c r="AC117507" i="1"/>
  <c r="AC117508" i="1"/>
  <c r="AC117509" i="1"/>
  <c r="AC117510" i="1"/>
  <c r="AC117511" i="1"/>
  <c r="AC117512" i="1"/>
  <c r="AC117513" i="1"/>
  <c r="AC117514" i="1"/>
  <c r="AC117515" i="1"/>
  <c r="AC117516" i="1"/>
  <c r="AC117517" i="1"/>
  <c r="AC117518" i="1"/>
  <c r="AC117519" i="1"/>
  <c r="AC117520" i="1"/>
  <c r="AC117521" i="1"/>
  <c r="AC117522" i="1"/>
  <c r="AC117523" i="1"/>
  <c r="AC117524" i="1"/>
  <c r="AC117525" i="1"/>
  <c r="AC117526" i="1"/>
  <c r="AC117527" i="1"/>
  <c r="AC117528" i="1"/>
  <c r="AC117529" i="1"/>
  <c r="AC117530" i="1"/>
  <c r="AC117531" i="1"/>
  <c r="AC117532" i="1"/>
  <c r="AC117533" i="1"/>
  <c r="AC117534" i="1"/>
  <c r="AC117535" i="1"/>
  <c r="AC117536" i="1"/>
  <c r="AC117537" i="1"/>
  <c r="AC117538" i="1"/>
  <c r="AC117539" i="1"/>
  <c r="AC117540" i="1"/>
  <c r="AC117541" i="1"/>
  <c r="AC117542" i="1"/>
  <c r="AC117543" i="1"/>
  <c r="AC117544" i="1"/>
  <c r="AC117545" i="1"/>
  <c r="AC117546" i="1"/>
  <c r="AC117547" i="1"/>
  <c r="AC117548" i="1"/>
  <c r="AC117549" i="1"/>
  <c r="AC117550" i="1"/>
  <c r="AC117551" i="1"/>
  <c r="AC117552" i="1"/>
  <c r="AC117553" i="1"/>
  <c r="AC117554" i="1"/>
  <c r="AC117555" i="1"/>
  <c r="AC117556" i="1"/>
  <c r="AC117557" i="1"/>
  <c r="AC117558" i="1"/>
  <c r="AC117559" i="1"/>
  <c r="AC117560" i="1"/>
  <c r="AC117561" i="1"/>
  <c r="AC117562" i="1"/>
  <c r="AC117563" i="1"/>
  <c r="AC117564" i="1"/>
  <c r="AC117565" i="1"/>
  <c r="AC117566" i="1"/>
  <c r="AC117567" i="1"/>
  <c r="AC117568" i="1"/>
  <c r="AC117569" i="1"/>
  <c r="AC117570" i="1"/>
  <c r="AC117571" i="1"/>
  <c r="AC117572" i="1"/>
  <c r="AC117573" i="1"/>
  <c r="AC117574" i="1"/>
  <c r="AC117575" i="1"/>
  <c r="AC117576" i="1"/>
  <c r="AC117577" i="1"/>
  <c r="AC117578" i="1"/>
  <c r="AC117579" i="1"/>
  <c r="AC117580" i="1"/>
  <c r="AC117581" i="1"/>
  <c r="AC117582" i="1"/>
  <c r="AC117583" i="1"/>
  <c r="AC117584" i="1"/>
  <c r="AC117585" i="1"/>
  <c r="AC117586" i="1"/>
  <c r="AC117587" i="1"/>
  <c r="AC117588" i="1"/>
  <c r="AC117589" i="1"/>
  <c r="AC117590" i="1"/>
  <c r="AC117591" i="1"/>
  <c r="AC117592" i="1"/>
  <c r="AC117593" i="1"/>
  <c r="AC117594" i="1"/>
  <c r="AC117595" i="1"/>
  <c r="AC117596" i="1"/>
  <c r="AC117597" i="1"/>
  <c r="AC117598" i="1"/>
  <c r="AC117599" i="1"/>
  <c r="AC117600" i="1"/>
  <c r="AC117601" i="1"/>
  <c r="AC117602" i="1"/>
  <c r="AC117603" i="1"/>
  <c r="AC117604" i="1"/>
  <c r="AC117605" i="1"/>
  <c r="AC117606" i="1"/>
  <c r="AC117607" i="1"/>
  <c r="AC117608" i="1"/>
  <c r="AC117609" i="1"/>
  <c r="AC117610" i="1"/>
  <c r="AC117611" i="1"/>
  <c r="AC117612" i="1"/>
  <c r="AC117613" i="1"/>
  <c r="AC117614" i="1"/>
  <c r="AC117615" i="1"/>
  <c r="AC117616" i="1"/>
  <c r="AC117617" i="1"/>
  <c r="AC117618" i="1"/>
  <c r="AC117619" i="1"/>
  <c r="AC117620" i="1"/>
  <c r="AC117621" i="1"/>
  <c r="AC117622" i="1"/>
  <c r="AC117623" i="1"/>
  <c r="AC117624" i="1"/>
  <c r="AC117625" i="1"/>
  <c r="AC117626" i="1"/>
  <c r="AC117627" i="1"/>
  <c r="AC117628" i="1"/>
  <c r="AC117629" i="1"/>
  <c r="AC117630" i="1"/>
  <c r="AC117631" i="1"/>
  <c r="AC117632" i="1"/>
  <c r="AC117633" i="1"/>
  <c r="AC117634" i="1"/>
  <c r="AC117635" i="1"/>
  <c r="AC117636" i="1"/>
  <c r="AC117637" i="1"/>
  <c r="AC117638" i="1"/>
  <c r="AC117639" i="1"/>
  <c r="AC117640" i="1"/>
  <c r="AC117641" i="1"/>
  <c r="AC117642" i="1"/>
  <c r="AC117643" i="1"/>
  <c r="AC117644" i="1"/>
  <c r="AC117645" i="1"/>
  <c r="AC117646" i="1"/>
  <c r="AC117647" i="1"/>
  <c r="AC117648" i="1"/>
  <c r="AC117649" i="1"/>
  <c r="AC117650" i="1"/>
  <c r="AC117651" i="1"/>
  <c r="AC117652" i="1"/>
  <c r="AC117653" i="1"/>
  <c r="AC117654" i="1"/>
  <c r="AC117655" i="1"/>
  <c r="AC117656" i="1"/>
  <c r="AC117657" i="1"/>
  <c r="AC117658" i="1"/>
  <c r="AC117659" i="1"/>
  <c r="AC117660" i="1"/>
  <c r="AC117661" i="1"/>
  <c r="AC117662" i="1"/>
  <c r="AC117663" i="1"/>
  <c r="AC117664" i="1"/>
  <c r="AC117665" i="1"/>
  <c r="AC117666" i="1"/>
  <c r="AC117667" i="1"/>
  <c r="AC117668" i="1"/>
  <c r="AC117669" i="1"/>
  <c r="AC117670" i="1"/>
  <c r="AC117671" i="1"/>
  <c r="AC117672" i="1"/>
  <c r="AC117673" i="1"/>
  <c r="AC117674" i="1"/>
  <c r="AC117675" i="1"/>
  <c r="AC117676" i="1"/>
  <c r="AC117677" i="1"/>
  <c r="AC117678" i="1"/>
  <c r="AC117679" i="1"/>
  <c r="AC117680" i="1"/>
  <c r="AC117681" i="1"/>
  <c r="AC117682" i="1"/>
  <c r="AC117683" i="1"/>
  <c r="AC117684" i="1"/>
  <c r="AC117685" i="1"/>
  <c r="AC117686" i="1"/>
  <c r="AC117687" i="1"/>
  <c r="AC117688" i="1"/>
  <c r="AC117689" i="1"/>
  <c r="AC117690" i="1"/>
  <c r="AC117691" i="1"/>
  <c r="AC117692" i="1"/>
  <c r="AC117693" i="1"/>
  <c r="AC117694" i="1"/>
  <c r="AC117695" i="1"/>
  <c r="AC117696" i="1"/>
  <c r="AC117697" i="1"/>
  <c r="AC117698" i="1"/>
  <c r="AC117699" i="1"/>
  <c r="AC117700" i="1"/>
  <c r="AC117701" i="1"/>
  <c r="AC117702" i="1"/>
  <c r="AC117703" i="1"/>
  <c r="AC117704" i="1"/>
  <c r="AC117705" i="1"/>
  <c r="AC117706" i="1"/>
  <c r="AC117707" i="1"/>
  <c r="AC117708" i="1"/>
  <c r="AC117709" i="1"/>
  <c r="AC117710" i="1"/>
  <c r="AC117711" i="1"/>
  <c r="AC117712" i="1"/>
  <c r="AC117713" i="1"/>
  <c r="AC117714" i="1"/>
  <c r="AC117715" i="1"/>
  <c r="AC117716" i="1"/>
  <c r="AC117717" i="1"/>
  <c r="AC117718" i="1"/>
  <c r="AC117719" i="1"/>
  <c r="AC117720" i="1"/>
  <c r="AC117721" i="1"/>
  <c r="AC117722" i="1"/>
  <c r="AC117723" i="1"/>
  <c r="AC117724" i="1"/>
  <c r="AC117725" i="1"/>
  <c r="AC117726" i="1"/>
  <c r="AC117727" i="1"/>
  <c r="AC117728" i="1"/>
  <c r="AC117729" i="1"/>
  <c r="AC117730" i="1"/>
  <c r="AC117731" i="1"/>
  <c r="AC117732" i="1"/>
  <c r="AC117733" i="1"/>
  <c r="AC117734" i="1"/>
  <c r="AC117735" i="1"/>
  <c r="AC117736" i="1"/>
  <c r="AC117737" i="1"/>
  <c r="AC117738" i="1"/>
  <c r="AC117739" i="1"/>
  <c r="AC117740" i="1"/>
  <c r="AC117741" i="1"/>
  <c r="AC117742" i="1"/>
  <c r="AC117743" i="1"/>
  <c r="AC117744" i="1"/>
  <c r="AC117745" i="1"/>
  <c r="AC117746" i="1"/>
  <c r="AC117747" i="1"/>
  <c r="AC117748" i="1"/>
  <c r="AC117749" i="1"/>
  <c r="AC117750" i="1"/>
  <c r="AC117751" i="1"/>
  <c r="AC117752" i="1"/>
  <c r="AC117753" i="1"/>
  <c r="AC117754" i="1"/>
  <c r="AC117755" i="1"/>
  <c r="AC117756" i="1"/>
  <c r="AC117757" i="1"/>
  <c r="AC117758" i="1"/>
  <c r="AC117759" i="1"/>
  <c r="AC117760" i="1"/>
  <c r="AC117761" i="1"/>
  <c r="AC117762" i="1"/>
  <c r="AC117763" i="1"/>
  <c r="AC117764" i="1"/>
  <c r="AC117765" i="1"/>
  <c r="AC117766" i="1"/>
  <c r="AC117767" i="1"/>
  <c r="AC117768" i="1"/>
  <c r="AC117769" i="1"/>
  <c r="AC117770" i="1"/>
  <c r="AC117771" i="1"/>
  <c r="AC117772" i="1"/>
  <c r="AC117773" i="1"/>
  <c r="AC117774" i="1"/>
  <c r="AC117775" i="1"/>
  <c r="AC117776" i="1"/>
  <c r="AC117777" i="1"/>
  <c r="AC117778" i="1"/>
  <c r="AC117779" i="1"/>
  <c r="AC117780" i="1"/>
  <c r="AC117781" i="1"/>
  <c r="AC117782" i="1"/>
  <c r="AC117783" i="1"/>
  <c r="AC117784" i="1"/>
  <c r="AC117785" i="1"/>
  <c r="AC117786" i="1"/>
  <c r="AC117787" i="1"/>
  <c r="AC117788" i="1"/>
  <c r="AC117789" i="1"/>
  <c r="AC117790" i="1"/>
  <c r="AC117791" i="1"/>
  <c r="AC117792" i="1"/>
  <c r="AC117793" i="1"/>
  <c r="AC117794" i="1"/>
  <c r="AC117795" i="1"/>
  <c r="AC117796" i="1"/>
  <c r="AC117797" i="1"/>
  <c r="AC117798" i="1"/>
  <c r="AC117799" i="1"/>
  <c r="AC117800" i="1"/>
  <c r="AC117801" i="1"/>
  <c r="AC117802" i="1"/>
  <c r="AC117803" i="1"/>
  <c r="AC117804" i="1"/>
  <c r="AC117805" i="1"/>
  <c r="AC117806" i="1"/>
  <c r="AC117807" i="1"/>
  <c r="AC117808" i="1"/>
  <c r="AC117809" i="1"/>
  <c r="AC117810" i="1"/>
  <c r="AC117811" i="1"/>
  <c r="AC117812" i="1"/>
  <c r="AC117813" i="1"/>
  <c r="AC117814" i="1"/>
  <c r="AC117815" i="1"/>
  <c r="AC117816" i="1"/>
  <c r="AC117817" i="1"/>
  <c r="AC117818" i="1"/>
  <c r="AC117819" i="1"/>
  <c r="AC117820" i="1"/>
  <c r="AC117821" i="1"/>
  <c r="AC117822" i="1"/>
  <c r="AC117823" i="1"/>
  <c r="AC117824" i="1"/>
  <c r="AC117825" i="1"/>
  <c r="AC117826" i="1"/>
  <c r="AC117827" i="1"/>
  <c r="AC117828" i="1"/>
  <c r="AC117829" i="1"/>
  <c r="AC117830" i="1"/>
  <c r="AC117831" i="1"/>
  <c r="AC117832" i="1"/>
  <c r="AC117833" i="1"/>
  <c r="AC117834" i="1"/>
  <c r="AC117835" i="1"/>
  <c r="AC117836" i="1"/>
  <c r="AC117837" i="1"/>
  <c r="AC117838" i="1"/>
  <c r="AC117839" i="1"/>
  <c r="AC117840" i="1"/>
  <c r="AC117841" i="1"/>
  <c r="AC117842" i="1"/>
  <c r="AC117843" i="1"/>
  <c r="AC117844" i="1"/>
  <c r="AC117845" i="1"/>
  <c r="AC117846" i="1"/>
  <c r="AC117847" i="1"/>
  <c r="AC117848" i="1"/>
  <c r="AC117849" i="1"/>
  <c r="AC117850" i="1"/>
  <c r="AC117851" i="1"/>
  <c r="AC117852" i="1"/>
  <c r="AC117853" i="1"/>
  <c r="AC117854" i="1"/>
  <c r="AC117855" i="1"/>
  <c r="AC117856" i="1"/>
  <c r="AC117857" i="1"/>
  <c r="AC117858" i="1"/>
  <c r="AC117859" i="1"/>
  <c r="AC117860" i="1"/>
  <c r="AC117861" i="1"/>
  <c r="AC117862" i="1"/>
  <c r="AC117863" i="1"/>
  <c r="AC117864" i="1"/>
  <c r="AC117865" i="1"/>
  <c r="AC117866" i="1"/>
  <c r="AC117867" i="1"/>
  <c r="AC117868" i="1"/>
  <c r="AC117869" i="1"/>
  <c r="AC117870" i="1"/>
  <c r="AC117871" i="1"/>
  <c r="AC117872" i="1"/>
  <c r="AC117873" i="1"/>
  <c r="AC117874" i="1"/>
  <c r="AC117875" i="1"/>
  <c r="AC117876" i="1"/>
  <c r="AC117877" i="1"/>
  <c r="AC117878" i="1"/>
  <c r="AC117879" i="1"/>
  <c r="AC117880" i="1"/>
  <c r="AC117881" i="1"/>
  <c r="AC117882" i="1"/>
  <c r="AC117883" i="1"/>
  <c r="AC117884" i="1"/>
  <c r="AC117885" i="1"/>
  <c r="AC117886" i="1"/>
  <c r="AC117887" i="1"/>
  <c r="AC117888" i="1"/>
  <c r="AC117889" i="1"/>
  <c r="AC117890" i="1"/>
  <c r="AC117891" i="1"/>
  <c r="AC117892" i="1"/>
  <c r="AC117893" i="1"/>
  <c r="AC117894" i="1"/>
  <c r="AC117895" i="1"/>
  <c r="AC117896" i="1"/>
  <c r="AC117897" i="1"/>
  <c r="AC117898" i="1"/>
  <c r="AC117899" i="1"/>
  <c r="AC117900" i="1"/>
  <c r="AC117901" i="1"/>
  <c r="AC117902" i="1"/>
  <c r="AC117903" i="1"/>
  <c r="AC117904" i="1"/>
  <c r="AC117905" i="1"/>
  <c r="AC117906" i="1"/>
  <c r="AC117907" i="1"/>
  <c r="AC117908" i="1"/>
  <c r="AC117909" i="1"/>
  <c r="AC117910" i="1"/>
  <c r="AC117911" i="1"/>
  <c r="AC117912" i="1"/>
  <c r="AC117913" i="1"/>
  <c r="AC117914" i="1"/>
  <c r="AC117915" i="1"/>
  <c r="AC117916" i="1"/>
  <c r="AC117917" i="1"/>
  <c r="AC117918" i="1"/>
  <c r="AC117919" i="1"/>
  <c r="AC117920" i="1"/>
  <c r="AC117921" i="1"/>
  <c r="AC117922" i="1"/>
  <c r="AC117923" i="1"/>
  <c r="AC117924" i="1"/>
  <c r="AC117925" i="1"/>
  <c r="AC117926" i="1"/>
  <c r="AC117927" i="1"/>
  <c r="AC117928" i="1"/>
  <c r="AC117929" i="1"/>
  <c r="AC117930" i="1"/>
  <c r="AC117931" i="1"/>
  <c r="AC117932" i="1"/>
  <c r="AC117933" i="1"/>
  <c r="AC117934" i="1"/>
  <c r="AC117935" i="1"/>
  <c r="AC117936" i="1"/>
  <c r="AC117937" i="1"/>
  <c r="AC117938" i="1"/>
  <c r="AC117939" i="1"/>
  <c r="AC117940" i="1"/>
  <c r="AC117941" i="1"/>
  <c r="AC117942" i="1"/>
  <c r="AC117943" i="1"/>
  <c r="AC117944" i="1"/>
  <c r="AC117945" i="1"/>
  <c r="AC117946" i="1"/>
  <c r="AC117947" i="1"/>
  <c r="AC117948" i="1"/>
  <c r="AC117949" i="1"/>
  <c r="AC117950" i="1"/>
  <c r="AC117951" i="1"/>
  <c r="AC117952" i="1"/>
  <c r="AC117953" i="1"/>
  <c r="AC117954" i="1"/>
  <c r="AC117955" i="1"/>
  <c r="AC117956" i="1"/>
  <c r="AC117957" i="1"/>
  <c r="AC117958" i="1"/>
  <c r="AC117959" i="1"/>
  <c r="AC117960" i="1"/>
  <c r="AC117961" i="1"/>
  <c r="AC117962" i="1"/>
  <c r="AC117963" i="1"/>
  <c r="AC117964" i="1"/>
  <c r="AC117965" i="1"/>
  <c r="AC117966" i="1"/>
  <c r="AC117967" i="1"/>
  <c r="AC117968" i="1"/>
  <c r="AC117969" i="1"/>
  <c r="AC117970" i="1"/>
  <c r="AC117971" i="1"/>
  <c r="AC117972" i="1"/>
  <c r="AC117973" i="1"/>
  <c r="AC117974" i="1"/>
  <c r="AC117975" i="1"/>
  <c r="AC117976" i="1"/>
  <c r="AC117977" i="1"/>
  <c r="AC117978" i="1"/>
  <c r="AC117979" i="1"/>
  <c r="AC117980" i="1"/>
  <c r="AC117981" i="1"/>
  <c r="AC117982" i="1"/>
  <c r="AC117983" i="1"/>
  <c r="AC117984" i="1"/>
  <c r="AC117985" i="1"/>
  <c r="AC117986" i="1"/>
  <c r="AC117987" i="1"/>
  <c r="AC117988" i="1"/>
  <c r="AC117989" i="1"/>
  <c r="AC117990" i="1"/>
  <c r="AC117991" i="1"/>
  <c r="AC117992" i="1"/>
  <c r="AC117993" i="1"/>
  <c r="AC117994" i="1"/>
  <c r="AC117995" i="1"/>
  <c r="AC117996" i="1"/>
  <c r="AC117997" i="1"/>
  <c r="AC117998" i="1"/>
  <c r="AC117999" i="1"/>
  <c r="AC118000" i="1"/>
  <c r="AC118001" i="1"/>
  <c r="AC118002" i="1"/>
  <c r="AC118003" i="1"/>
  <c r="AC118004" i="1"/>
  <c r="AC118005" i="1"/>
  <c r="AC118006" i="1"/>
  <c r="AC118007" i="1"/>
  <c r="AC118008" i="1"/>
  <c r="AC118009" i="1"/>
  <c r="AC118010" i="1"/>
  <c r="AC118011" i="1"/>
  <c r="AC118012" i="1"/>
  <c r="AC118013" i="1"/>
  <c r="AC118014" i="1"/>
  <c r="AC118015" i="1"/>
  <c r="AC118016" i="1"/>
  <c r="AC118017" i="1"/>
  <c r="AC118018" i="1"/>
  <c r="AC118019" i="1"/>
  <c r="AC118020" i="1"/>
  <c r="AC118021" i="1"/>
  <c r="AC118022" i="1"/>
  <c r="AC118023" i="1"/>
  <c r="AC118024" i="1"/>
  <c r="AC118025" i="1"/>
  <c r="AC118026" i="1"/>
  <c r="AC118027" i="1"/>
  <c r="AC118028" i="1"/>
  <c r="AC118029" i="1"/>
  <c r="AC118030" i="1"/>
  <c r="AC118031" i="1"/>
  <c r="AC118032" i="1"/>
  <c r="AC118033" i="1"/>
  <c r="AC118034" i="1"/>
  <c r="AC118035" i="1"/>
  <c r="AC118036" i="1"/>
  <c r="AC118037" i="1"/>
  <c r="AC118038" i="1"/>
  <c r="AC118039" i="1"/>
  <c r="AC118040" i="1"/>
  <c r="AC118041" i="1"/>
  <c r="AC118042" i="1"/>
  <c r="AC118043" i="1"/>
  <c r="AC118044" i="1"/>
  <c r="AC118045" i="1"/>
  <c r="AC118046" i="1"/>
  <c r="AC118047" i="1"/>
  <c r="AC118048" i="1"/>
  <c r="AC118049" i="1"/>
  <c r="AC118050" i="1"/>
  <c r="AC118051" i="1"/>
  <c r="AC118052" i="1"/>
  <c r="AC118053" i="1"/>
  <c r="AC118054" i="1"/>
  <c r="AC118055" i="1"/>
  <c r="AC118056" i="1"/>
  <c r="AC118057" i="1"/>
  <c r="AC118058" i="1"/>
  <c r="AC118059" i="1"/>
  <c r="AC118060" i="1"/>
  <c r="AC118061" i="1"/>
  <c r="AC118062" i="1"/>
  <c r="AC118063" i="1"/>
  <c r="AC118064" i="1"/>
  <c r="AC118065" i="1"/>
  <c r="AC118066" i="1"/>
  <c r="AC118067" i="1"/>
  <c r="AC118068" i="1"/>
  <c r="AC118069" i="1"/>
  <c r="AC118070" i="1"/>
  <c r="AC118071" i="1"/>
  <c r="AC118072" i="1"/>
  <c r="AC118073" i="1"/>
  <c r="AC118074" i="1"/>
  <c r="AC118075" i="1"/>
  <c r="AC118076" i="1"/>
  <c r="AC118077" i="1"/>
  <c r="AC118078" i="1"/>
  <c r="AC118079" i="1"/>
  <c r="AC118080" i="1"/>
  <c r="AC118081" i="1"/>
  <c r="AC118082" i="1"/>
  <c r="AC118083" i="1"/>
  <c r="AC118084" i="1"/>
  <c r="AC118085" i="1"/>
  <c r="AC118086" i="1"/>
  <c r="AC118087" i="1"/>
  <c r="AC118088" i="1"/>
  <c r="AC118089" i="1"/>
  <c r="AC118090" i="1"/>
  <c r="AC118091" i="1"/>
  <c r="AC118092" i="1"/>
  <c r="AC118093" i="1"/>
  <c r="AC118094" i="1"/>
  <c r="AC118095" i="1"/>
  <c r="AC118096" i="1"/>
  <c r="AC118097" i="1"/>
  <c r="AC118098" i="1"/>
  <c r="AC118099" i="1"/>
  <c r="AC118100" i="1"/>
  <c r="AC118101" i="1"/>
  <c r="AC118102" i="1"/>
  <c r="AC118103" i="1"/>
  <c r="AC118104" i="1"/>
  <c r="AC118105" i="1"/>
  <c r="AC118106" i="1"/>
  <c r="AC118107" i="1"/>
  <c r="AC118108" i="1"/>
  <c r="AC118109" i="1"/>
  <c r="AC118110" i="1"/>
  <c r="AC118111" i="1"/>
  <c r="AC118112" i="1"/>
  <c r="AC118113" i="1"/>
  <c r="AC118114" i="1"/>
  <c r="AC118115" i="1"/>
  <c r="AC118116" i="1"/>
  <c r="AC118117" i="1"/>
  <c r="AC118118" i="1"/>
  <c r="AC118119" i="1"/>
  <c r="AC118120" i="1"/>
  <c r="AC118121" i="1"/>
  <c r="AC118122" i="1"/>
  <c r="AC118123" i="1"/>
  <c r="AC118124" i="1"/>
  <c r="AC118125" i="1"/>
  <c r="AC118126" i="1"/>
  <c r="AC118127" i="1"/>
  <c r="AC118128" i="1"/>
  <c r="AC118129" i="1"/>
  <c r="AC118130" i="1"/>
  <c r="AC118131" i="1"/>
  <c r="AC118132" i="1"/>
  <c r="AC118133" i="1"/>
  <c r="AC118134" i="1"/>
  <c r="AC118135" i="1"/>
  <c r="AC118136" i="1"/>
  <c r="AC118137" i="1"/>
  <c r="AC118138" i="1"/>
  <c r="AC118139" i="1"/>
  <c r="AC118140" i="1"/>
  <c r="AC118141" i="1"/>
  <c r="AC118142" i="1"/>
  <c r="AC118143" i="1"/>
  <c r="AC118144" i="1"/>
  <c r="AC118145" i="1"/>
  <c r="AC118146" i="1"/>
  <c r="AC118147" i="1"/>
  <c r="AC118148" i="1"/>
  <c r="AC118149" i="1"/>
  <c r="AC118150" i="1"/>
  <c r="AC118151" i="1"/>
  <c r="AC118152" i="1"/>
  <c r="AC118153" i="1"/>
  <c r="AC118154" i="1"/>
  <c r="AC118155" i="1"/>
  <c r="AC118156" i="1"/>
  <c r="AC118157" i="1"/>
  <c r="AC118158" i="1"/>
  <c r="AC118159" i="1"/>
  <c r="AC118160" i="1"/>
  <c r="AC118161" i="1"/>
  <c r="AC118162" i="1"/>
  <c r="AC118163" i="1"/>
  <c r="AC118164" i="1"/>
  <c r="AC118165" i="1"/>
  <c r="AC118166" i="1"/>
  <c r="AC118167" i="1"/>
  <c r="AC118168" i="1"/>
  <c r="AC118169" i="1"/>
  <c r="AC118170" i="1"/>
  <c r="AC118171" i="1"/>
  <c r="AC118172" i="1"/>
  <c r="AC118173" i="1"/>
  <c r="AC118174" i="1"/>
  <c r="AC118175" i="1"/>
  <c r="AC118176" i="1"/>
  <c r="AC118177" i="1"/>
  <c r="AC118178" i="1"/>
  <c r="AC118179" i="1"/>
  <c r="AC118180" i="1"/>
  <c r="AC118181" i="1"/>
  <c r="AC118182" i="1"/>
  <c r="AC118183" i="1"/>
  <c r="AC118184" i="1"/>
  <c r="AC118185" i="1"/>
  <c r="AC118186" i="1"/>
  <c r="AC118187" i="1"/>
  <c r="AC118188" i="1"/>
  <c r="AC118189" i="1"/>
  <c r="AC118190" i="1"/>
  <c r="AC118191" i="1"/>
  <c r="AC118192" i="1"/>
  <c r="AC118193" i="1"/>
  <c r="AC118194" i="1"/>
  <c r="AC118195" i="1"/>
  <c r="AC118196" i="1"/>
  <c r="AC118197" i="1"/>
  <c r="AC118198" i="1"/>
  <c r="AC118199" i="1"/>
  <c r="AC118200" i="1"/>
  <c r="AC118201" i="1"/>
  <c r="AC118202" i="1"/>
  <c r="AC118203" i="1"/>
  <c r="AC118204" i="1"/>
  <c r="AC118205" i="1"/>
  <c r="AC118206" i="1"/>
  <c r="AC118207" i="1"/>
  <c r="AC118208" i="1"/>
  <c r="AC118209" i="1"/>
  <c r="AC118210" i="1"/>
  <c r="AC118211" i="1"/>
  <c r="AC118212" i="1"/>
  <c r="AC118213" i="1"/>
  <c r="AC118214" i="1"/>
  <c r="AC118215" i="1"/>
  <c r="AC118216" i="1"/>
  <c r="AC118217" i="1"/>
  <c r="AC118218" i="1"/>
  <c r="AC118219" i="1"/>
  <c r="AC118220" i="1"/>
  <c r="AC118221" i="1"/>
  <c r="AC118222" i="1"/>
  <c r="AC118223" i="1"/>
  <c r="AC118224" i="1"/>
  <c r="AC118225" i="1"/>
  <c r="AC118226" i="1"/>
  <c r="AC118227" i="1"/>
  <c r="AC118228" i="1"/>
  <c r="AC118229" i="1"/>
  <c r="AC118230" i="1"/>
  <c r="AC118231" i="1"/>
  <c r="AC118232" i="1"/>
  <c r="AC118233" i="1"/>
  <c r="AC118234" i="1"/>
  <c r="AC118235" i="1"/>
  <c r="AC118236" i="1"/>
  <c r="AC118237" i="1"/>
  <c r="AC118238" i="1"/>
  <c r="AC118239" i="1"/>
  <c r="AC118240" i="1"/>
  <c r="AC118241" i="1"/>
  <c r="AC118242" i="1"/>
  <c r="AC118243" i="1"/>
  <c r="AC118244" i="1"/>
  <c r="AC118245" i="1"/>
  <c r="AC118246" i="1"/>
  <c r="AC118247" i="1"/>
  <c r="AC118248" i="1"/>
  <c r="AC118249" i="1"/>
  <c r="AC118250" i="1"/>
  <c r="AC118251" i="1"/>
  <c r="AC118252" i="1"/>
  <c r="AC118253" i="1"/>
  <c r="AC118254" i="1"/>
  <c r="AC118255" i="1"/>
  <c r="AC118256" i="1"/>
  <c r="AC118257" i="1"/>
  <c r="AC118258" i="1"/>
  <c r="AC118259" i="1"/>
  <c r="AC118260" i="1"/>
  <c r="AC118261" i="1"/>
  <c r="AC118262" i="1"/>
  <c r="AC118263" i="1"/>
  <c r="AC118264" i="1"/>
  <c r="AC118265" i="1"/>
  <c r="AC118266" i="1"/>
  <c r="AC118267" i="1"/>
  <c r="AC118268" i="1"/>
  <c r="AC118269" i="1"/>
  <c r="AC118270" i="1"/>
  <c r="AC118271" i="1"/>
  <c r="AC118272" i="1"/>
  <c r="AC118273" i="1"/>
  <c r="AC118274" i="1"/>
  <c r="AC118275" i="1"/>
  <c r="AC118276" i="1"/>
  <c r="AC118277" i="1"/>
  <c r="AC118278" i="1"/>
  <c r="AC118279" i="1"/>
  <c r="AC118280" i="1"/>
  <c r="AC118281" i="1"/>
  <c r="AC118282" i="1"/>
  <c r="AC118283" i="1"/>
  <c r="AC118284" i="1"/>
  <c r="AC118285" i="1"/>
  <c r="AC118286" i="1"/>
  <c r="AC118287" i="1"/>
  <c r="AC118288" i="1"/>
  <c r="AC118289" i="1"/>
  <c r="AC118290" i="1"/>
  <c r="AC118291" i="1"/>
  <c r="AC118292" i="1"/>
  <c r="AC118293" i="1"/>
  <c r="AC118294" i="1"/>
  <c r="AC118295" i="1"/>
  <c r="AC118296" i="1"/>
  <c r="AC118297" i="1"/>
  <c r="AC118298" i="1"/>
  <c r="AC118299" i="1"/>
  <c r="AC118300" i="1"/>
  <c r="AC118301" i="1"/>
  <c r="AC118302" i="1"/>
  <c r="AC118303" i="1"/>
  <c r="AC118304" i="1"/>
  <c r="AC118305" i="1"/>
  <c r="AC118306" i="1"/>
  <c r="AC118307" i="1"/>
  <c r="AC118308" i="1"/>
  <c r="AC118309" i="1"/>
  <c r="AC118310" i="1"/>
  <c r="AC118311" i="1"/>
  <c r="AC118312" i="1"/>
  <c r="AC118313" i="1"/>
  <c r="AC118314" i="1"/>
  <c r="AC118315" i="1"/>
  <c r="AC118316" i="1"/>
  <c r="AC118317" i="1"/>
  <c r="AC118318" i="1"/>
  <c r="AC118319" i="1"/>
  <c r="AC118320" i="1"/>
  <c r="AC118321" i="1"/>
  <c r="AC118322" i="1"/>
  <c r="AC118323" i="1"/>
  <c r="AC118324" i="1"/>
  <c r="AC118325" i="1"/>
  <c r="AC118326" i="1"/>
  <c r="AC118327" i="1"/>
  <c r="AC118328" i="1"/>
  <c r="AC118329" i="1"/>
  <c r="AC118330" i="1"/>
  <c r="AC118331" i="1"/>
  <c r="AC118332" i="1"/>
  <c r="AC118333" i="1"/>
  <c r="AC118334" i="1"/>
  <c r="AC118335" i="1"/>
  <c r="AC118336" i="1"/>
  <c r="AC118337" i="1"/>
  <c r="AC118338" i="1"/>
  <c r="AC118339" i="1"/>
  <c r="AC118340" i="1"/>
  <c r="AC118341" i="1"/>
  <c r="AC118342" i="1"/>
  <c r="AC118343" i="1"/>
  <c r="AC118344" i="1"/>
  <c r="AC118345" i="1"/>
  <c r="AC118346" i="1"/>
  <c r="AC118347" i="1"/>
  <c r="AC118348" i="1"/>
  <c r="AC118349" i="1"/>
  <c r="AC118350" i="1"/>
  <c r="AC118351" i="1"/>
  <c r="AC118352" i="1"/>
  <c r="AC118353" i="1"/>
  <c r="AC118354" i="1"/>
  <c r="AC118355" i="1"/>
  <c r="AC118356" i="1"/>
  <c r="AC118357" i="1"/>
  <c r="AC118358" i="1"/>
  <c r="AC118359" i="1"/>
  <c r="AC118360" i="1"/>
  <c r="AC118361" i="1"/>
  <c r="AC118362" i="1"/>
  <c r="AC118363" i="1"/>
  <c r="AC118364" i="1"/>
  <c r="AC118365" i="1"/>
  <c r="AC118366" i="1"/>
  <c r="AC118367" i="1"/>
  <c r="AC118368" i="1"/>
  <c r="AC118369" i="1"/>
  <c r="AC118370" i="1"/>
  <c r="AC118371" i="1"/>
  <c r="AC118372" i="1"/>
  <c r="AC118373" i="1"/>
  <c r="AC118374" i="1"/>
  <c r="AC118375" i="1"/>
  <c r="AC118376" i="1"/>
  <c r="AC118377" i="1"/>
  <c r="AC118378" i="1"/>
  <c r="AC118379" i="1"/>
  <c r="AC118380" i="1"/>
  <c r="AC118381" i="1"/>
  <c r="AC118382" i="1"/>
  <c r="AC118383" i="1"/>
  <c r="AC118384" i="1"/>
  <c r="AC118385" i="1"/>
  <c r="AC118386" i="1"/>
  <c r="AC118387" i="1"/>
  <c r="AC118388" i="1"/>
  <c r="AC118389" i="1"/>
  <c r="AC118390" i="1"/>
  <c r="AC118391" i="1"/>
  <c r="AC118392" i="1"/>
  <c r="AC118393" i="1"/>
  <c r="AC118394" i="1"/>
  <c r="AC118395" i="1"/>
  <c r="AC118396" i="1"/>
  <c r="AC118397" i="1"/>
  <c r="AC118398" i="1"/>
  <c r="AC118399" i="1"/>
  <c r="AC118400" i="1"/>
  <c r="AC118401" i="1"/>
  <c r="AC118402" i="1"/>
  <c r="AC118403" i="1"/>
  <c r="AC118404" i="1"/>
  <c r="AC118405" i="1"/>
  <c r="AC118406" i="1"/>
  <c r="AC118407" i="1"/>
  <c r="AC118408" i="1"/>
  <c r="AC118409" i="1"/>
  <c r="AC118410" i="1"/>
  <c r="AC118411" i="1"/>
  <c r="AC118412" i="1"/>
  <c r="AC118413" i="1"/>
  <c r="AC118414" i="1"/>
  <c r="AC118415" i="1"/>
  <c r="AC118416" i="1"/>
  <c r="AC118417" i="1"/>
  <c r="AC118418" i="1"/>
  <c r="AC118419" i="1"/>
  <c r="AC118420" i="1"/>
  <c r="AC118421" i="1"/>
  <c r="AC118422" i="1"/>
  <c r="AC118423" i="1"/>
  <c r="AC118424" i="1"/>
  <c r="AC118425" i="1"/>
  <c r="AC118426" i="1"/>
  <c r="AC118427" i="1"/>
  <c r="AC118428" i="1"/>
  <c r="AC118429" i="1"/>
  <c r="AC118430" i="1"/>
  <c r="AC118431" i="1"/>
  <c r="AC118432" i="1"/>
  <c r="AC118433" i="1"/>
  <c r="AC118434" i="1"/>
  <c r="AC118435" i="1"/>
  <c r="AC118436" i="1"/>
  <c r="AC118437" i="1"/>
  <c r="AC118438" i="1"/>
  <c r="AC118439" i="1"/>
  <c r="AC118440" i="1"/>
  <c r="AC118441" i="1"/>
  <c r="AC118442" i="1"/>
  <c r="AC118443" i="1"/>
  <c r="AC118444" i="1"/>
  <c r="AC118445" i="1"/>
  <c r="AC118446" i="1"/>
  <c r="AC118447" i="1"/>
  <c r="AC118448" i="1"/>
  <c r="AC118449" i="1"/>
  <c r="AC118450" i="1"/>
  <c r="AC118451" i="1"/>
  <c r="AC118452" i="1"/>
  <c r="AC118453" i="1"/>
  <c r="AC118454" i="1"/>
  <c r="AC118455" i="1"/>
  <c r="AC118456" i="1"/>
  <c r="AC118457" i="1"/>
  <c r="AC118458" i="1"/>
  <c r="AC118459" i="1"/>
  <c r="AC118460" i="1"/>
  <c r="AC118461" i="1"/>
  <c r="AC118462" i="1"/>
  <c r="AC118463" i="1"/>
  <c r="AC118464" i="1"/>
  <c r="AC118465" i="1"/>
  <c r="AC118466" i="1"/>
  <c r="AC118467" i="1"/>
  <c r="AC118468" i="1"/>
  <c r="AC118469" i="1"/>
  <c r="AC118470" i="1"/>
  <c r="AC118471" i="1"/>
  <c r="AC118472" i="1"/>
  <c r="AC118473" i="1"/>
  <c r="AC118474" i="1"/>
  <c r="AC118475" i="1"/>
  <c r="AC118476" i="1"/>
  <c r="AC118477" i="1"/>
  <c r="AC118478" i="1"/>
  <c r="AC118479" i="1"/>
  <c r="AC118480" i="1"/>
  <c r="AC118481" i="1"/>
  <c r="AC118482" i="1"/>
  <c r="AC118483" i="1"/>
  <c r="AC118484" i="1"/>
  <c r="AC118485" i="1"/>
  <c r="AC118486" i="1"/>
  <c r="AC118487" i="1"/>
  <c r="AC118488" i="1"/>
  <c r="AC118489" i="1"/>
  <c r="AC118490" i="1"/>
  <c r="AC118491" i="1"/>
  <c r="AC118492" i="1"/>
  <c r="AC118493" i="1"/>
  <c r="AC118494" i="1"/>
  <c r="AC118495" i="1"/>
  <c r="AC118496" i="1"/>
  <c r="AC118497" i="1"/>
  <c r="AC118498" i="1"/>
  <c r="AC118499" i="1"/>
  <c r="AC118500" i="1"/>
  <c r="AC118501" i="1"/>
  <c r="AC118502" i="1"/>
  <c r="AC118503" i="1"/>
  <c r="AC118504" i="1"/>
  <c r="AC118505" i="1"/>
  <c r="AC118506" i="1"/>
  <c r="AC118507" i="1"/>
  <c r="AC118508" i="1"/>
  <c r="AC118509" i="1"/>
  <c r="AC118510" i="1"/>
  <c r="AC118511" i="1"/>
  <c r="AC118512" i="1"/>
  <c r="AC118513" i="1"/>
  <c r="AC118514" i="1"/>
  <c r="AC118515" i="1"/>
  <c r="AC118516" i="1"/>
  <c r="AC118517" i="1"/>
  <c r="AC118518" i="1"/>
  <c r="AC118519" i="1"/>
  <c r="AC118520" i="1"/>
  <c r="AC118521" i="1"/>
  <c r="AC118522" i="1"/>
  <c r="AC118523" i="1"/>
  <c r="AC118524" i="1"/>
  <c r="AC118525" i="1"/>
  <c r="AC118526" i="1"/>
  <c r="AC118527" i="1"/>
  <c r="AC118528" i="1"/>
  <c r="AC118529" i="1"/>
  <c r="AC118530" i="1"/>
  <c r="AC118531" i="1"/>
  <c r="AC118532" i="1"/>
  <c r="AC118533" i="1"/>
  <c r="AC118534" i="1"/>
  <c r="AC118535" i="1"/>
  <c r="AC118536" i="1"/>
  <c r="AC118537" i="1"/>
  <c r="AC118538" i="1"/>
  <c r="AC118539" i="1"/>
  <c r="AC118540" i="1"/>
  <c r="AC118541" i="1"/>
  <c r="AC118542" i="1"/>
  <c r="AC118543" i="1"/>
  <c r="AC118544" i="1"/>
  <c r="AC118545" i="1"/>
  <c r="AC118546" i="1"/>
  <c r="AC118547" i="1"/>
  <c r="AC118548" i="1"/>
  <c r="AC118549" i="1"/>
  <c r="AC118550" i="1"/>
  <c r="AC118551" i="1"/>
  <c r="AC118552" i="1"/>
  <c r="AC118553" i="1"/>
  <c r="AC118554" i="1"/>
  <c r="AC118555" i="1"/>
  <c r="AC118556" i="1"/>
  <c r="AC118557" i="1"/>
  <c r="AC118558" i="1"/>
  <c r="AC118559" i="1"/>
  <c r="AC118560" i="1"/>
  <c r="AC118561" i="1"/>
  <c r="AC118562" i="1"/>
  <c r="AC118563" i="1"/>
  <c r="AC118564" i="1"/>
  <c r="AC118565" i="1"/>
  <c r="AC118566" i="1"/>
  <c r="AC118567" i="1"/>
  <c r="AC118568" i="1"/>
  <c r="AC118569" i="1"/>
  <c r="AC118570" i="1"/>
  <c r="AC118571" i="1"/>
  <c r="AC118572" i="1"/>
  <c r="AC118573" i="1"/>
  <c r="AC118574" i="1"/>
  <c r="AC118575" i="1"/>
  <c r="AC118576" i="1"/>
  <c r="AC118577" i="1"/>
  <c r="AC118578" i="1"/>
  <c r="AC118579" i="1"/>
  <c r="AC118580" i="1"/>
  <c r="AC118581" i="1"/>
  <c r="AC118582" i="1"/>
  <c r="AC118583" i="1"/>
  <c r="AC118584" i="1"/>
  <c r="AC118585" i="1"/>
  <c r="AC118586" i="1"/>
  <c r="AC118587" i="1"/>
  <c r="AC118588" i="1"/>
  <c r="AC118589" i="1"/>
  <c r="AC118590" i="1"/>
  <c r="AC118591" i="1"/>
  <c r="AC118592" i="1"/>
  <c r="AC118593" i="1"/>
  <c r="AC118594" i="1"/>
  <c r="AC118595" i="1"/>
  <c r="AC118596" i="1"/>
  <c r="AC118597" i="1"/>
  <c r="AC118598" i="1"/>
  <c r="AC118599" i="1"/>
  <c r="AC118600" i="1"/>
  <c r="AC118601" i="1"/>
  <c r="AC118602" i="1"/>
  <c r="AC118603" i="1"/>
  <c r="AC118604" i="1"/>
  <c r="AC118605" i="1"/>
  <c r="AC118606" i="1"/>
  <c r="AC118607" i="1"/>
  <c r="AC118608" i="1"/>
  <c r="AC118609" i="1"/>
  <c r="AC118610" i="1"/>
  <c r="AC118611" i="1"/>
  <c r="AC118612" i="1"/>
  <c r="AC118613" i="1"/>
  <c r="AC118614" i="1"/>
  <c r="AC118615" i="1"/>
  <c r="AC118616" i="1"/>
  <c r="AC118617" i="1"/>
  <c r="AC118618" i="1"/>
  <c r="AC118619" i="1"/>
  <c r="AC118620" i="1"/>
  <c r="AC118621" i="1"/>
  <c r="AC118622" i="1"/>
  <c r="AC118623" i="1"/>
  <c r="AC118624" i="1"/>
  <c r="AC118625" i="1"/>
  <c r="AC118626" i="1"/>
  <c r="AC118627" i="1"/>
  <c r="AC118628" i="1"/>
  <c r="AC118629" i="1"/>
  <c r="AC118630" i="1"/>
  <c r="AC118631" i="1"/>
  <c r="AC118632" i="1"/>
  <c r="AC118633" i="1"/>
  <c r="AC118634" i="1"/>
  <c r="AC118635" i="1"/>
  <c r="AC118636" i="1"/>
  <c r="AC118637" i="1"/>
  <c r="AC118638" i="1"/>
  <c r="AC118639" i="1"/>
  <c r="AC118640" i="1"/>
  <c r="AC118641" i="1"/>
  <c r="AC118642" i="1"/>
  <c r="AC118643" i="1"/>
  <c r="AC118644" i="1"/>
  <c r="AC118645" i="1"/>
  <c r="AC118646" i="1"/>
  <c r="AC118647" i="1"/>
  <c r="AC118648" i="1"/>
  <c r="AC118649" i="1"/>
  <c r="AC118650" i="1"/>
  <c r="AC118651" i="1"/>
  <c r="AC118652" i="1"/>
  <c r="AC118653" i="1"/>
  <c r="AC118654" i="1"/>
  <c r="AC118655" i="1"/>
  <c r="AC118656" i="1"/>
  <c r="AC118657" i="1"/>
  <c r="AC118658" i="1"/>
  <c r="AC118659" i="1"/>
  <c r="AC118660" i="1"/>
  <c r="AC118661" i="1"/>
  <c r="AC118662" i="1"/>
  <c r="AC118663" i="1"/>
  <c r="AC118664" i="1"/>
  <c r="AC118665" i="1"/>
  <c r="AC118666" i="1"/>
  <c r="AC118667" i="1"/>
  <c r="AC118668" i="1"/>
  <c r="AC118669" i="1"/>
  <c r="AC118670" i="1"/>
  <c r="AC118671" i="1"/>
  <c r="AC118672" i="1"/>
  <c r="AC118673" i="1"/>
  <c r="AC118674" i="1"/>
  <c r="AC118675" i="1"/>
  <c r="AC118676" i="1"/>
  <c r="AC118677" i="1"/>
  <c r="AC118678" i="1"/>
  <c r="AC118679" i="1"/>
  <c r="AC118680" i="1"/>
  <c r="AC118681" i="1"/>
  <c r="AC118682" i="1"/>
  <c r="AC118683" i="1"/>
  <c r="AC118684" i="1"/>
  <c r="AC118685" i="1"/>
  <c r="AC118686" i="1"/>
  <c r="AC118687" i="1"/>
  <c r="AC118688" i="1"/>
  <c r="AC118689" i="1"/>
  <c r="AC118690" i="1"/>
  <c r="AC118691" i="1"/>
  <c r="AC118692" i="1"/>
  <c r="AC118693" i="1"/>
  <c r="AC118694" i="1"/>
  <c r="AC118695" i="1"/>
  <c r="AC118696" i="1"/>
  <c r="AC118697" i="1"/>
  <c r="AC118698" i="1"/>
  <c r="AC118699" i="1"/>
  <c r="AC118700" i="1"/>
  <c r="AC118701" i="1"/>
  <c r="AC118702" i="1"/>
  <c r="AC118703" i="1"/>
  <c r="AC118704" i="1"/>
  <c r="AC118705" i="1"/>
  <c r="AC118706" i="1"/>
  <c r="AC118707" i="1"/>
  <c r="AC118708" i="1"/>
  <c r="AC118709" i="1"/>
  <c r="AC118710" i="1"/>
  <c r="AC118711" i="1"/>
  <c r="AC118712" i="1"/>
  <c r="AC118713" i="1"/>
  <c r="AC118714" i="1"/>
  <c r="AC118715" i="1"/>
  <c r="AC118716" i="1"/>
  <c r="AC118717" i="1"/>
  <c r="AC118718" i="1"/>
  <c r="AC118719" i="1"/>
  <c r="AC118720" i="1"/>
  <c r="AC118721" i="1"/>
  <c r="AC118722" i="1"/>
  <c r="AC118723" i="1"/>
  <c r="AC118724" i="1"/>
  <c r="AC118725" i="1"/>
  <c r="AC118726" i="1"/>
  <c r="AC118727" i="1"/>
  <c r="AC118728" i="1"/>
  <c r="AC118729" i="1"/>
  <c r="AC118730" i="1"/>
  <c r="AC118731" i="1"/>
  <c r="AC118732" i="1"/>
  <c r="AC118733" i="1"/>
  <c r="AC118734" i="1"/>
  <c r="AC118735" i="1"/>
  <c r="AC118736" i="1"/>
  <c r="AC118737" i="1"/>
  <c r="AC118738" i="1"/>
  <c r="AC118739" i="1"/>
  <c r="AC118740" i="1"/>
  <c r="AC118741" i="1"/>
  <c r="AC118742" i="1"/>
  <c r="AC118743" i="1"/>
  <c r="AC118744" i="1"/>
  <c r="AC118745" i="1"/>
  <c r="AC118746" i="1"/>
  <c r="AC118747" i="1"/>
  <c r="AC118748" i="1"/>
  <c r="AC118749" i="1"/>
  <c r="AC118750" i="1"/>
  <c r="AC118751" i="1"/>
  <c r="AC118752" i="1"/>
  <c r="AC118753" i="1"/>
  <c r="AC118754" i="1"/>
  <c r="AC118755" i="1"/>
  <c r="AC118756" i="1"/>
  <c r="AC118757" i="1"/>
  <c r="AC118758" i="1"/>
  <c r="AC118759" i="1"/>
  <c r="AC118760" i="1"/>
  <c r="AC118761" i="1"/>
  <c r="AC118762" i="1"/>
  <c r="AC118763" i="1"/>
  <c r="AC118764" i="1"/>
  <c r="AC118765" i="1"/>
  <c r="AC118766" i="1"/>
  <c r="AC118767" i="1"/>
  <c r="AC118768" i="1"/>
  <c r="AC118769" i="1"/>
  <c r="AC118770" i="1"/>
  <c r="AC118771" i="1"/>
  <c r="AC118772" i="1"/>
  <c r="AC118773" i="1"/>
  <c r="AC118774" i="1"/>
  <c r="AC118775" i="1"/>
  <c r="AC118776" i="1"/>
  <c r="AC118777" i="1"/>
  <c r="AC118778" i="1"/>
  <c r="AC118779" i="1"/>
  <c r="AC118780" i="1"/>
  <c r="AC118781" i="1"/>
  <c r="AC118782" i="1"/>
  <c r="AC118783" i="1"/>
  <c r="AC118784" i="1"/>
  <c r="AC118785" i="1"/>
  <c r="AC118786" i="1"/>
  <c r="AC118787" i="1"/>
  <c r="AC118788" i="1"/>
  <c r="AC118789" i="1"/>
  <c r="AC118790" i="1"/>
  <c r="AC118791" i="1"/>
  <c r="AC118792" i="1"/>
  <c r="AC118793" i="1"/>
  <c r="AC118794" i="1"/>
  <c r="AC118795" i="1"/>
  <c r="AC118796" i="1"/>
  <c r="AC118797" i="1"/>
  <c r="AC118798" i="1"/>
  <c r="AC118799" i="1"/>
  <c r="AC118800" i="1"/>
  <c r="AC118801" i="1"/>
  <c r="AC118802" i="1"/>
  <c r="AC118803" i="1"/>
  <c r="AC118804" i="1"/>
  <c r="AC118805" i="1"/>
  <c r="AC118806" i="1"/>
  <c r="AC118807" i="1"/>
  <c r="AC118808" i="1"/>
  <c r="AC118809" i="1"/>
  <c r="AC118810" i="1"/>
  <c r="AC118811" i="1"/>
  <c r="AC118812" i="1"/>
  <c r="AC118813" i="1"/>
  <c r="AC118814" i="1"/>
  <c r="AC118815" i="1"/>
  <c r="AC118816" i="1"/>
  <c r="AC118817" i="1"/>
  <c r="AC118818" i="1"/>
  <c r="AC118819" i="1"/>
  <c r="AC118820" i="1"/>
  <c r="AC118821" i="1"/>
  <c r="AC118822" i="1"/>
  <c r="AC118823" i="1"/>
  <c r="AC118824" i="1"/>
  <c r="AC118825" i="1"/>
  <c r="AC118826" i="1"/>
  <c r="AC118827" i="1"/>
  <c r="AC118828" i="1"/>
  <c r="AC118829" i="1"/>
  <c r="AC118830" i="1"/>
  <c r="AC118831" i="1"/>
  <c r="AC118832" i="1"/>
  <c r="AC118833" i="1"/>
  <c r="AC118834" i="1"/>
  <c r="AC118835" i="1"/>
  <c r="AC118836" i="1"/>
  <c r="AC118837" i="1"/>
  <c r="AC118838" i="1"/>
  <c r="AC118839" i="1"/>
  <c r="AC118840" i="1"/>
  <c r="AC118841" i="1"/>
  <c r="AC118842" i="1"/>
  <c r="AC118843" i="1"/>
  <c r="AC118844" i="1"/>
  <c r="AC118845" i="1"/>
  <c r="AC118846" i="1"/>
  <c r="AC118847" i="1"/>
  <c r="AC118848" i="1"/>
  <c r="AC118849" i="1"/>
  <c r="AC118850" i="1"/>
  <c r="AC118851" i="1"/>
  <c r="AC118852" i="1"/>
  <c r="AC118853" i="1"/>
  <c r="AC118854" i="1"/>
  <c r="AC118855" i="1"/>
  <c r="AC118856" i="1"/>
  <c r="AC118857" i="1"/>
  <c r="AC118858" i="1"/>
  <c r="AC118859" i="1"/>
  <c r="AC118860" i="1"/>
  <c r="AC118861" i="1"/>
  <c r="AC118862" i="1"/>
  <c r="AC118863" i="1"/>
  <c r="AC118864" i="1"/>
  <c r="AC118865" i="1"/>
  <c r="AC118866" i="1"/>
  <c r="AC118867" i="1"/>
  <c r="AC118868" i="1"/>
  <c r="AC118869" i="1"/>
  <c r="AC118870" i="1"/>
  <c r="AC118871" i="1"/>
  <c r="AC118872" i="1"/>
  <c r="AC118873" i="1"/>
  <c r="AC118874" i="1"/>
  <c r="AC118875" i="1"/>
  <c r="AC118876" i="1"/>
  <c r="AC118877" i="1"/>
  <c r="AC118878" i="1"/>
  <c r="AC118879" i="1"/>
  <c r="AC118880" i="1"/>
  <c r="AC118881" i="1"/>
  <c r="AC118882" i="1"/>
  <c r="AC118883" i="1"/>
  <c r="AC118884" i="1"/>
  <c r="AC118885" i="1"/>
  <c r="AC118886" i="1"/>
  <c r="AC118887" i="1"/>
  <c r="AC118888" i="1"/>
  <c r="AC118889" i="1"/>
  <c r="AC118890" i="1"/>
  <c r="AC118891" i="1"/>
  <c r="AC118892" i="1"/>
  <c r="AC118893" i="1"/>
  <c r="AC118894" i="1"/>
  <c r="AC118895" i="1"/>
  <c r="AC118896" i="1"/>
  <c r="AC118897" i="1"/>
  <c r="AC118898" i="1"/>
  <c r="AC118899" i="1"/>
  <c r="AC118900" i="1"/>
  <c r="AC118901" i="1"/>
  <c r="AC118902" i="1"/>
  <c r="AC118903" i="1"/>
  <c r="AC118904" i="1"/>
  <c r="AC118905" i="1"/>
  <c r="AC118906" i="1"/>
  <c r="AC118907" i="1"/>
  <c r="AC118908" i="1"/>
  <c r="AC118909" i="1"/>
  <c r="AC118910" i="1"/>
  <c r="AC118911" i="1"/>
  <c r="AC118912" i="1"/>
  <c r="AC118913" i="1"/>
  <c r="AC118914" i="1"/>
  <c r="AC118915" i="1"/>
  <c r="AC118916" i="1"/>
  <c r="AC118917" i="1"/>
  <c r="AC118918" i="1"/>
  <c r="AC118919" i="1"/>
  <c r="AC118920" i="1"/>
  <c r="AC118921" i="1"/>
  <c r="AC118922" i="1"/>
  <c r="AC118923" i="1"/>
  <c r="AC118924" i="1"/>
  <c r="AC118925" i="1"/>
  <c r="AC118926" i="1"/>
  <c r="AC118927" i="1"/>
  <c r="AC118928" i="1"/>
  <c r="AC118929" i="1"/>
  <c r="AC118930" i="1"/>
  <c r="AC118931" i="1"/>
  <c r="AC118932" i="1"/>
  <c r="AC118933" i="1"/>
  <c r="AC118934" i="1"/>
  <c r="AC118935" i="1"/>
  <c r="AC118936" i="1"/>
  <c r="AC118937" i="1"/>
  <c r="AC118938" i="1"/>
  <c r="AC118939" i="1"/>
  <c r="AC118940" i="1"/>
  <c r="AC118941" i="1"/>
  <c r="AC118942" i="1"/>
  <c r="AC118943" i="1"/>
  <c r="AC118944" i="1"/>
  <c r="AC118945" i="1"/>
  <c r="AC118946" i="1"/>
  <c r="AC118947" i="1"/>
  <c r="AC118948" i="1"/>
  <c r="AC118949" i="1"/>
  <c r="AC118950" i="1"/>
  <c r="AC118951" i="1"/>
  <c r="AC118952" i="1"/>
  <c r="AC118953" i="1"/>
  <c r="AC118954" i="1"/>
  <c r="AC118955" i="1"/>
  <c r="AC118956" i="1"/>
  <c r="AC118957" i="1"/>
  <c r="AC118958" i="1"/>
  <c r="AC118959" i="1"/>
  <c r="AC118960" i="1"/>
  <c r="AC118961" i="1"/>
  <c r="AC118962" i="1"/>
  <c r="AC118963" i="1"/>
  <c r="AC118964" i="1"/>
  <c r="AC118965" i="1"/>
  <c r="AC118966" i="1"/>
  <c r="AC118967" i="1"/>
  <c r="AC118968" i="1"/>
  <c r="AC118969" i="1"/>
  <c r="AC118970" i="1"/>
  <c r="AC118971" i="1"/>
  <c r="AC118972" i="1"/>
  <c r="AC118973" i="1"/>
  <c r="AC118974" i="1"/>
  <c r="AC118975" i="1"/>
  <c r="AC118976" i="1"/>
  <c r="AC118977" i="1"/>
  <c r="AC118978" i="1"/>
  <c r="AC118979" i="1"/>
  <c r="AC118980" i="1"/>
  <c r="AC118981" i="1"/>
  <c r="AC118982" i="1"/>
  <c r="AC118983" i="1"/>
  <c r="AC118984" i="1"/>
  <c r="AC118985" i="1"/>
  <c r="AC118986" i="1"/>
  <c r="AC118987" i="1"/>
  <c r="AC118988" i="1"/>
  <c r="AC118989" i="1"/>
  <c r="AC118990" i="1"/>
  <c r="AC118991" i="1"/>
  <c r="AC118992" i="1"/>
  <c r="AC118993" i="1"/>
  <c r="AC118994" i="1"/>
  <c r="AC118995" i="1"/>
  <c r="AC118996" i="1"/>
  <c r="AC118997" i="1"/>
  <c r="AC118998" i="1"/>
  <c r="AC118999" i="1"/>
  <c r="AC119000" i="1"/>
  <c r="AC119001" i="1"/>
  <c r="AC119002" i="1"/>
  <c r="AC119003" i="1"/>
  <c r="AC119004" i="1"/>
  <c r="AC119005" i="1"/>
  <c r="AC119006" i="1"/>
  <c r="AC119007" i="1"/>
  <c r="AC119008" i="1"/>
  <c r="AC119009" i="1"/>
  <c r="AC119010" i="1"/>
  <c r="AC119011" i="1"/>
  <c r="AC119012" i="1"/>
  <c r="AC119013" i="1"/>
  <c r="AC119014" i="1"/>
  <c r="AC119015" i="1"/>
  <c r="AC119016" i="1"/>
  <c r="AC119017" i="1"/>
  <c r="AC119018" i="1"/>
  <c r="AC119019" i="1"/>
  <c r="AC119020" i="1"/>
  <c r="AC119021" i="1"/>
  <c r="AC119022" i="1"/>
  <c r="AC119023" i="1"/>
  <c r="AC119024" i="1"/>
  <c r="AC119025" i="1"/>
  <c r="AC119026" i="1"/>
  <c r="AC119027" i="1"/>
  <c r="AC119028" i="1"/>
  <c r="AC119029" i="1"/>
  <c r="AC119030" i="1"/>
  <c r="AC119031" i="1"/>
  <c r="AC119032" i="1"/>
  <c r="AC119033" i="1"/>
  <c r="AC119034" i="1"/>
  <c r="AC119035" i="1"/>
  <c r="AC119036" i="1"/>
  <c r="AC119037" i="1"/>
  <c r="AC119038" i="1"/>
  <c r="AC119039" i="1"/>
  <c r="AC119040" i="1"/>
  <c r="AC119041" i="1"/>
  <c r="AC119042" i="1"/>
  <c r="AC119043" i="1"/>
  <c r="AC119044" i="1"/>
  <c r="AC119045" i="1"/>
  <c r="AC119046" i="1"/>
  <c r="AC119047" i="1"/>
  <c r="AC119048" i="1"/>
  <c r="AC119049" i="1"/>
  <c r="AC119050" i="1"/>
  <c r="AC119051" i="1"/>
  <c r="AC119052" i="1"/>
  <c r="AC119053" i="1"/>
  <c r="AC119054" i="1"/>
  <c r="AC119055" i="1"/>
  <c r="AC119056" i="1"/>
  <c r="AC119057" i="1"/>
  <c r="AC119058" i="1"/>
  <c r="AC119059" i="1"/>
  <c r="AC119060" i="1"/>
  <c r="AC119061" i="1"/>
  <c r="AC119062" i="1"/>
  <c r="AC119063" i="1"/>
  <c r="AC119064" i="1"/>
  <c r="AC119065" i="1"/>
  <c r="AC119066" i="1"/>
  <c r="AC119067" i="1"/>
  <c r="AC119068" i="1"/>
  <c r="AC119069" i="1"/>
  <c r="AC119070" i="1"/>
  <c r="AC119071" i="1"/>
  <c r="AC119072" i="1"/>
  <c r="AC119073" i="1"/>
  <c r="AC119074" i="1"/>
  <c r="AC119075" i="1"/>
  <c r="AC119076" i="1"/>
  <c r="AC119077" i="1"/>
  <c r="AC119078" i="1"/>
  <c r="AC119079" i="1"/>
  <c r="AC119080" i="1"/>
  <c r="AC119081" i="1"/>
  <c r="AC119082" i="1"/>
  <c r="AC119083" i="1"/>
  <c r="AC119084" i="1"/>
  <c r="AC119085" i="1"/>
  <c r="AC119086" i="1"/>
  <c r="AC119087" i="1"/>
  <c r="AC119088" i="1"/>
  <c r="AC119089" i="1"/>
  <c r="AC119090" i="1"/>
  <c r="AC119091" i="1"/>
  <c r="AC119092" i="1"/>
  <c r="AC119093" i="1"/>
  <c r="AC119094" i="1"/>
  <c r="AC119095" i="1"/>
  <c r="AC119096" i="1"/>
  <c r="AC119097" i="1"/>
  <c r="AC119098" i="1"/>
  <c r="AC119099" i="1"/>
  <c r="AC119100" i="1"/>
  <c r="AC119101" i="1"/>
  <c r="AC119102" i="1"/>
  <c r="AC119103" i="1"/>
  <c r="AC119104" i="1"/>
  <c r="AC119105" i="1"/>
  <c r="AC119106" i="1"/>
  <c r="AC119107" i="1"/>
  <c r="AC119108" i="1"/>
  <c r="AC119109" i="1"/>
  <c r="AC119110" i="1"/>
  <c r="AC119111" i="1"/>
  <c r="AC119112" i="1"/>
  <c r="AC119113" i="1"/>
  <c r="AC119114" i="1"/>
  <c r="AC119115" i="1"/>
  <c r="AC119116" i="1"/>
  <c r="AC119117" i="1"/>
  <c r="AC119118" i="1"/>
  <c r="AC119119" i="1"/>
  <c r="AC119120" i="1"/>
  <c r="AC119121" i="1"/>
  <c r="AC119122" i="1"/>
  <c r="AC119123" i="1"/>
  <c r="AC119124" i="1"/>
  <c r="AC119125" i="1"/>
  <c r="AC119126" i="1"/>
  <c r="AC119127" i="1"/>
  <c r="AC119128" i="1"/>
  <c r="AC119129" i="1"/>
  <c r="AC119130" i="1"/>
  <c r="AC119131" i="1"/>
  <c r="AC119132" i="1"/>
  <c r="AC119133" i="1"/>
  <c r="AC119134" i="1"/>
  <c r="AC119135" i="1"/>
  <c r="AC119136" i="1"/>
  <c r="AC119137" i="1"/>
  <c r="AC119138" i="1"/>
  <c r="AC119139" i="1"/>
  <c r="AC119140" i="1"/>
  <c r="AC119141" i="1"/>
  <c r="AC119142" i="1"/>
  <c r="AC119143" i="1"/>
  <c r="AC119144" i="1"/>
  <c r="AC119145" i="1"/>
  <c r="AC119146" i="1"/>
  <c r="AC119147" i="1"/>
  <c r="AC119148" i="1"/>
  <c r="AC119149" i="1"/>
  <c r="AC119150" i="1"/>
  <c r="AC119151" i="1"/>
  <c r="AC119152" i="1"/>
  <c r="AC119153" i="1"/>
  <c r="AC119154" i="1"/>
  <c r="AC119155" i="1"/>
  <c r="AC119156" i="1"/>
  <c r="AC119157" i="1"/>
  <c r="AC119158" i="1"/>
  <c r="AC119159" i="1"/>
  <c r="AC119160" i="1"/>
  <c r="AC119161" i="1"/>
  <c r="AC119162" i="1"/>
  <c r="AC119163" i="1"/>
  <c r="AC119164" i="1"/>
  <c r="AC119165" i="1"/>
  <c r="AC119166" i="1"/>
  <c r="AC119167" i="1"/>
  <c r="AC119168" i="1"/>
  <c r="AC119169" i="1"/>
  <c r="AC119170" i="1"/>
  <c r="AC119171" i="1"/>
  <c r="AC119172" i="1"/>
  <c r="AC119173" i="1"/>
  <c r="AC119174" i="1"/>
  <c r="AC119175" i="1"/>
  <c r="AC119176" i="1"/>
  <c r="AC119177" i="1"/>
  <c r="AC119178" i="1"/>
  <c r="AC119179" i="1"/>
  <c r="AC119180" i="1"/>
  <c r="AC119181" i="1"/>
  <c r="AC119182" i="1"/>
  <c r="AC119183" i="1"/>
  <c r="AC119184" i="1"/>
  <c r="AC119185" i="1"/>
  <c r="AC119186" i="1"/>
  <c r="AC119187" i="1"/>
  <c r="AC119188" i="1"/>
  <c r="AC119189" i="1"/>
  <c r="AC119190" i="1"/>
  <c r="AC119191" i="1"/>
  <c r="AC119192" i="1"/>
  <c r="AC119193" i="1"/>
  <c r="AC119194" i="1"/>
  <c r="AC119195" i="1"/>
  <c r="AC119196" i="1"/>
  <c r="AC119197" i="1"/>
  <c r="AC119198" i="1"/>
  <c r="AC119199" i="1"/>
  <c r="AC119200" i="1"/>
  <c r="AC119201" i="1"/>
  <c r="AC119202" i="1"/>
  <c r="AC119203" i="1"/>
  <c r="AC119204" i="1"/>
  <c r="AC119205" i="1"/>
  <c r="AC119206" i="1"/>
  <c r="AC119207" i="1"/>
  <c r="AC119208" i="1"/>
  <c r="AC119209" i="1"/>
  <c r="AC119210" i="1"/>
  <c r="AC119211" i="1"/>
  <c r="AC119212" i="1"/>
  <c r="AC119213" i="1"/>
  <c r="AC119214" i="1"/>
  <c r="AC119215" i="1"/>
  <c r="AC119216" i="1"/>
  <c r="AC119217" i="1"/>
  <c r="AC119218" i="1"/>
  <c r="AC119219" i="1"/>
  <c r="AC119220" i="1"/>
  <c r="AC119221" i="1"/>
  <c r="AC119222" i="1"/>
  <c r="AC119223" i="1"/>
  <c r="AC119224" i="1"/>
  <c r="AC119225" i="1"/>
  <c r="AC119226" i="1"/>
  <c r="AC119227" i="1"/>
  <c r="AC119228" i="1"/>
  <c r="AC119229" i="1"/>
  <c r="AC119230" i="1"/>
  <c r="AC119231" i="1"/>
  <c r="AC119232" i="1"/>
  <c r="AC119233" i="1"/>
  <c r="AC119234" i="1"/>
  <c r="AC119235" i="1"/>
  <c r="AC119236" i="1"/>
  <c r="AC119237" i="1"/>
  <c r="AC119238" i="1"/>
  <c r="AC119239" i="1"/>
  <c r="AC119240" i="1"/>
  <c r="AC119241" i="1"/>
  <c r="AC119242" i="1"/>
  <c r="AC119243" i="1"/>
  <c r="AC119244" i="1"/>
  <c r="AC119245" i="1"/>
  <c r="AC119246" i="1"/>
  <c r="AC119247" i="1"/>
  <c r="AC119248" i="1"/>
  <c r="AC119249" i="1"/>
  <c r="AC119250" i="1"/>
  <c r="AC119251" i="1"/>
  <c r="AC119252" i="1"/>
  <c r="AC119253" i="1"/>
  <c r="AC119254" i="1"/>
  <c r="AC119255" i="1"/>
  <c r="AC119256" i="1"/>
  <c r="AC119257" i="1"/>
  <c r="AC119258" i="1"/>
  <c r="AC119259" i="1"/>
  <c r="AC119260" i="1"/>
  <c r="AC119261" i="1"/>
  <c r="AC119262" i="1"/>
  <c r="AC119263" i="1"/>
  <c r="AC119264" i="1"/>
  <c r="AC119265" i="1"/>
  <c r="AC119266" i="1"/>
  <c r="AC119267" i="1"/>
  <c r="AC119268" i="1"/>
  <c r="AC119269" i="1"/>
  <c r="AC119270" i="1"/>
  <c r="AC119271" i="1"/>
  <c r="AC119272" i="1"/>
  <c r="AC119273" i="1"/>
  <c r="AC119274" i="1"/>
  <c r="AC119275" i="1"/>
  <c r="AC119276" i="1"/>
  <c r="AC119277" i="1"/>
  <c r="AC119278" i="1"/>
  <c r="AC119279" i="1"/>
  <c r="AC119280" i="1"/>
  <c r="AC119281" i="1"/>
  <c r="AC119282" i="1"/>
  <c r="AC119283" i="1"/>
  <c r="AC119284" i="1"/>
  <c r="AC119285" i="1"/>
  <c r="AC119286" i="1"/>
  <c r="AC119287" i="1"/>
  <c r="AC119288" i="1"/>
  <c r="AC119289" i="1"/>
  <c r="AC119290" i="1"/>
  <c r="AC119291" i="1"/>
  <c r="AC119292" i="1"/>
  <c r="AC119293" i="1"/>
  <c r="AC119294" i="1"/>
  <c r="AC119295" i="1"/>
  <c r="AC119296" i="1"/>
  <c r="AC119297" i="1"/>
  <c r="AC119298" i="1"/>
  <c r="AC119299" i="1"/>
  <c r="AC119300" i="1"/>
  <c r="AC119301" i="1"/>
  <c r="AC119302" i="1"/>
  <c r="AC119303" i="1"/>
  <c r="AC119304" i="1"/>
  <c r="AC119305" i="1"/>
  <c r="AC119306" i="1"/>
  <c r="AC119307" i="1"/>
  <c r="AC119308" i="1"/>
  <c r="AC119309" i="1"/>
  <c r="AC119310" i="1"/>
  <c r="AC119311" i="1"/>
  <c r="AC119312" i="1"/>
  <c r="AC119313" i="1"/>
  <c r="AC119314" i="1"/>
  <c r="AC119315" i="1"/>
  <c r="AC119316" i="1"/>
  <c r="AC119317" i="1"/>
  <c r="AC119318" i="1"/>
  <c r="AC119319" i="1"/>
  <c r="AC119320" i="1"/>
  <c r="AC119321" i="1"/>
  <c r="AC119322" i="1"/>
  <c r="AC119323" i="1"/>
  <c r="AC119324" i="1"/>
  <c r="AC119325" i="1"/>
  <c r="AC119326" i="1"/>
  <c r="AC119327" i="1"/>
  <c r="AC119328" i="1"/>
  <c r="AC119329" i="1"/>
  <c r="AC119330" i="1"/>
  <c r="AC119331" i="1"/>
  <c r="AC119332" i="1"/>
  <c r="AC119333" i="1"/>
  <c r="AC119334" i="1"/>
  <c r="AC119335" i="1"/>
  <c r="AC119336" i="1"/>
  <c r="AC119337" i="1"/>
  <c r="AC119338" i="1"/>
  <c r="AC119339" i="1"/>
  <c r="AC119340" i="1"/>
  <c r="AC119341" i="1"/>
  <c r="AC119342" i="1"/>
  <c r="AC119343" i="1"/>
  <c r="AC119344" i="1"/>
  <c r="AC119345" i="1"/>
  <c r="AC119346" i="1"/>
  <c r="AC119347" i="1"/>
  <c r="AC119348" i="1"/>
  <c r="AC119349" i="1"/>
  <c r="AC119350" i="1"/>
  <c r="AC119351" i="1"/>
  <c r="AC119352" i="1"/>
  <c r="AC119353" i="1"/>
  <c r="AC119354" i="1"/>
  <c r="AC119355" i="1"/>
  <c r="AC119356" i="1"/>
  <c r="AC119357" i="1"/>
  <c r="AC119358" i="1"/>
  <c r="AC119359" i="1"/>
  <c r="AC119360" i="1"/>
  <c r="AC119361" i="1"/>
  <c r="AC119362" i="1"/>
  <c r="AC119363" i="1"/>
  <c r="AC119364" i="1"/>
  <c r="AC119365" i="1"/>
  <c r="AC119366" i="1"/>
  <c r="AC119367" i="1"/>
  <c r="AC119368" i="1"/>
  <c r="AC119369" i="1"/>
  <c r="AC119370" i="1"/>
  <c r="AC119371" i="1"/>
  <c r="AC119372" i="1"/>
  <c r="AC119373" i="1"/>
  <c r="AC119374" i="1"/>
  <c r="AC119375" i="1"/>
  <c r="AC119376" i="1"/>
  <c r="AC119377" i="1"/>
  <c r="AC119378" i="1"/>
  <c r="AC119379" i="1"/>
  <c r="AC119380" i="1"/>
  <c r="AC119381" i="1"/>
  <c r="AC119382" i="1"/>
  <c r="AC119383" i="1"/>
  <c r="AC119384" i="1"/>
  <c r="AC119385" i="1"/>
  <c r="AC119386" i="1"/>
  <c r="AC119387" i="1"/>
  <c r="AC119388" i="1"/>
  <c r="AC119389" i="1"/>
  <c r="AC119390" i="1"/>
  <c r="AC119391" i="1"/>
  <c r="AC119392" i="1"/>
  <c r="AC119393" i="1"/>
  <c r="AC119394" i="1"/>
  <c r="AC119395" i="1"/>
  <c r="AC119396" i="1"/>
  <c r="AC119397" i="1"/>
  <c r="AC119398" i="1"/>
  <c r="AC119399" i="1"/>
  <c r="AC119400" i="1"/>
  <c r="AC119401" i="1"/>
  <c r="AC119402" i="1"/>
  <c r="AC119403" i="1"/>
  <c r="AC119404" i="1"/>
  <c r="AC119405" i="1"/>
  <c r="AC119406" i="1"/>
  <c r="AC119407" i="1"/>
  <c r="AC119408" i="1"/>
  <c r="AC119409" i="1"/>
  <c r="AC119410" i="1"/>
  <c r="AC119411" i="1"/>
  <c r="AC119412" i="1"/>
  <c r="AC119413" i="1"/>
  <c r="AC119414" i="1"/>
  <c r="AC119415" i="1"/>
  <c r="AC119416" i="1"/>
  <c r="AC119417" i="1"/>
  <c r="AC119418" i="1"/>
  <c r="AC119419" i="1"/>
  <c r="AC119420" i="1"/>
  <c r="AC119421" i="1"/>
  <c r="AC119422" i="1"/>
  <c r="AC119423" i="1"/>
  <c r="AC119424" i="1"/>
  <c r="AC119425" i="1"/>
  <c r="AC119426" i="1"/>
  <c r="AC119427" i="1"/>
  <c r="AC119428" i="1"/>
  <c r="AC119429" i="1"/>
  <c r="AC119430" i="1"/>
  <c r="AC119431" i="1"/>
  <c r="AC119432" i="1"/>
  <c r="AC119433" i="1"/>
  <c r="AC119434" i="1"/>
  <c r="AC119435" i="1"/>
  <c r="AC119436" i="1"/>
  <c r="AC119437" i="1"/>
  <c r="AC119438" i="1"/>
  <c r="AC119439" i="1"/>
  <c r="AC119440" i="1"/>
  <c r="AC119441" i="1"/>
  <c r="AC119442" i="1"/>
  <c r="AC119443" i="1"/>
  <c r="AC119444" i="1"/>
  <c r="AC119445" i="1"/>
  <c r="AC119446" i="1"/>
  <c r="AC119447" i="1"/>
  <c r="AC119448" i="1"/>
  <c r="AC119449" i="1"/>
  <c r="AC119450" i="1"/>
  <c r="AC119451" i="1"/>
  <c r="AC119452" i="1"/>
  <c r="AC119453" i="1"/>
  <c r="AC119454" i="1"/>
  <c r="AC119455" i="1"/>
  <c r="AC119456" i="1"/>
  <c r="AC119457" i="1"/>
  <c r="AC119458" i="1"/>
  <c r="AC119459" i="1"/>
  <c r="AC119460" i="1"/>
  <c r="AC119461" i="1"/>
  <c r="AC119462" i="1"/>
  <c r="AC119463" i="1"/>
  <c r="AC119464" i="1"/>
  <c r="AC119465" i="1"/>
  <c r="AC119466" i="1"/>
  <c r="AC119467" i="1"/>
  <c r="AC119468" i="1"/>
  <c r="AC119469" i="1"/>
  <c r="AC119470" i="1"/>
  <c r="AC119471" i="1"/>
  <c r="AC119472" i="1"/>
  <c r="AC119473" i="1"/>
  <c r="AC119474" i="1"/>
  <c r="AC119475" i="1"/>
  <c r="AC119476" i="1"/>
  <c r="AC119477" i="1"/>
  <c r="AC119478" i="1"/>
  <c r="AC119479" i="1"/>
  <c r="AC119480" i="1"/>
  <c r="AC119481" i="1"/>
  <c r="AC119482" i="1"/>
  <c r="AC119483" i="1"/>
  <c r="AC119484" i="1"/>
  <c r="AC119485" i="1"/>
  <c r="AC119486" i="1"/>
  <c r="AC119487" i="1"/>
  <c r="AC119488" i="1"/>
  <c r="AC119489" i="1"/>
  <c r="AC119490" i="1"/>
  <c r="AC119491" i="1"/>
  <c r="AC119492" i="1"/>
  <c r="AC119493" i="1"/>
  <c r="AC119494" i="1"/>
  <c r="AC119495" i="1"/>
  <c r="AC119496" i="1"/>
  <c r="AC119497" i="1"/>
  <c r="AC119498" i="1"/>
  <c r="AC119499" i="1"/>
  <c r="AC119500" i="1"/>
  <c r="AC119501" i="1"/>
  <c r="AC119502" i="1"/>
  <c r="AC119503" i="1"/>
  <c r="AC119504" i="1"/>
  <c r="AC119505" i="1"/>
  <c r="AC119506" i="1"/>
  <c r="AC119507" i="1"/>
  <c r="AC119508" i="1"/>
  <c r="AC119509" i="1"/>
  <c r="AC119510" i="1"/>
  <c r="AC119511" i="1"/>
  <c r="AC119512" i="1"/>
  <c r="AC119513" i="1"/>
  <c r="AC119514" i="1"/>
  <c r="AC119515" i="1"/>
  <c r="AC119516" i="1"/>
  <c r="AC119517" i="1"/>
  <c r="AC119518" i="1"/>
  <c r="AC119519" i="1"/>
  <c r="AC119520" i="1"/>
  <c r="AC119521" i="1"/>
  <c r="AC119522" i="1"/>
  <c r="AC119523" i="1"/>
  <c r="AC119524" i="1"/>
  <c r="AC119525" i="1"/>
  <c r="AC119526" i="1"/>
  <c r="AC119527" i="1"/>
  <c r="AC119528" i="1"/>
  <c r="AC119529" i="1"/>
  <c r="AC119530" i="1"/>
  <c r="AC119531" i="1"/>
  <c r="AC119532" i="1"/>
  <c r="AC119533" i="1"/>
  <c r="AC119534" i="1"/>
  <c r="AC119535" i="1"/>
  <c r="AC119536" i="1"/>
  <c r="AC119537" i="1"/>
  <c r="AC119538" i="1"/>
  <c r="AC119539" i="1"/>
  <c r="AC119540" i="1"/>
  <c r="AC119541" i="1"/>
  <c r="AC119542" i="1"/>
  <c r="AC119543" i="1"/>
  <c r="AC119544" i="1"/>
  <c r="AC119545" i="1"/>
  <c r="AC119546" i="1"/>
  <c r="AC119547" i="1"/>
  <c r="AC119548" i="1"/>
  <c r="AC119549" i="1"/>
  <c r="AC119550" i="1"/>
  <c r="AC119551" i="1"/>
  <c r="AC119552" i="1"/>
  <c r="AC119553" i="1"/>
  <c r="AC119554" i="1"/>
  <c r="AC119555" i="1"/>
  <c r="AC119556" i="1"/>
  <c r="AC119557" i="1"/>
  <c r="AC119558" i="1"/>
  <c r="AC119559" i="1"/>
  <c r="AC119560" i="1"/>
  <c r="AC119561" i="1"/>
  <c r="AC119562" i="1"/>
  <c r="AC119563" i="1"/>
  <c r="AC119564" i="1"/>
  <c r="AC119565" i="1"/>
  <c r="AC119566" i="1"/>
  <c r="AC119567" i="1"/>
  <c r="AC119568" i="1"/>
  <c r="AC119569" i="1"/>
  <c r="AC119570" i="1"/>
  <c r="AC119571" i="1"/>
  <c r="AC119572" i="1"/>
  <c r="AC119573" i="1"/>
  <c r="AC119574" i="1"/>
  <c r="AC119575" i="1"/>
  <c r="AC119576" i="1"/>
  <c r="AC119577" i="1"/>
  <c r="AC119578" i="1"/>
  <c r="AC119579" i="1"/>
  <c r="AC119580" i="1"/>
  <c r="AC119581" i="1"/>
  <c r="AC119582" i="1"/>
  <c r="AC119583" i="1"/>
  <c r="AC119584" i="1"/>
  <c r="AC119585" i="1"/>
  <c r="AC119586" i="1"/>
  <c r="AC119587" i="1"/>
  <c r="AC119588" i="1"/>
  <c r="AC119589" i="1"/>
  <c r="AC119590" i="1"/>
  <c r="AC119591" i="1"/>
  <c r="AC119592" i="1"/>
  <c r="AC119593" i="1"/>
  <c r="AC119594" i="1"/>
  <c r="AC119595" i="1"/>
  <c r="AC119596" i="1"/>
  <c r="AC119597" i="1"/>
  <c r="AC119598" i="1"/>
  <c r="AC119599" i="1"/>
  <c r="AC119600" i="1"/>
  <c r="AC119601" i="1"/>
  <c r="AC119602" i="1"/>
  <c r="AC119603" i="1"/>
  <c r="AC119604" i="1"/>
  <c r="AC119605" i="1"/>
  <c r="AC119606" i="1"/>
  <c r="AC119607" i="1"/>
  <c r="AC119608" i="1"/>
  <c r="AC119609" i="1"/>
  <c r="AC119610" i="1"/>
  <c r="AC119611" i="1"/>
  <c r="AC119612" i="1"/>
  <c r="AC119613" i="1"/>
  <c r="AC119614" i="1"/>
  <c r="AC119615" i="1"/>
  <c r="AC119616" i="1"/>
  <c r="AC119617" i="1"/>
  <c r="AC119618" i="1"/>
  <c r="AC119619" i="1"/>
  <c r="AC119620" i="1"/>
  <c r="AC119621" i="1"/>
  <c r="AC119622" i="1"/>
  <c r="AC119623" i="1"/>
  <c r="AC119624" i="1"/>
  <c r="AC119625" i="1"/>
  <c r="AC119626" i="1"/>
  <c r="AC119627" i="1"/>
  <c r="AC119628" i="1"/>
  <c r="AC119629" i="1"/>
  <c r="AC119630" i="1"/>
  <c r="AC119631" i="1"/>
  <c r="AC119632" i="1"/>
  <c r="AC119633" i="1"/>
  <c r="AC119634" i="1"/>
  <c r="AC119635" i="1"/>
  <c r="AC119636" i="1"/>
  <c r="AC119637" i="1"/>
  <c r="AC119638" i="1"/>
  <c r="AC119639" i="1"/>
  <c r="AC119640" i="1"/>
  <c r="AC119641" i="1"/>
  <c r="AC119642" i="1"/>
  <c r="AC119643" i="1"/>
  <c r="AC119644" i="1"/>
  <c r="AC119645" i="1"/>
  <c r="AC119646" i="1"/>
  <c r="AC119647" i="1"/>
  <c r="AC119648" i="1"/>
  <c r="AC119649" i="1"/>
  <c r="AC119650" i="1"/>
  <c r="AC119651" i="1"/>
  <c r="AC119652" i="1"/>
  <c r="AC119653" i="1"/>
  <c r="AC119654" i="1"/>
  <c r="AC119655" i="1"/>
  <c r="AC119656" i="1"/>
  <c r="AC119657" i="1"/>
  <c r="AC119658" i="1"/>
  <c r="AC119659" i="1"/>
  <c r="AC119660" i="1"/>
  <c r="AC119661" i="1"/>
  <c r="AC119662" i="1"/>
  <c r="AC119663" i="1"/>
  <c r="AC119664" i="1"/>
  <c r="AC119665" i="1"/>
  <c r="AC119666" i="1"/>
  <c r="AC119667" i="1"/>
  <c r="AC119668" i="1"/>
  <c r="AC119669" i="1"/>
  <c r="AC119670" i="1"/>
  <c r="AC119671" i="1"/>
  <c r="AC119672" i="1"/>
  <c r="AC119673" i="1"/>
  <c r="AC119674" i="1"/>
  <c r="AC119675" i="1"/>
  <c r="AC119676" i="1"/>
  <c r="AC119677" i="1"/>
  <c r="AC119678" i="1"/>
  <c r="AC119679" i="1"/>
  <c r="AC119680" i="1"/>
  <c r="AC119681" i="1"/>
  <c r="AC119682" i="1"/>
  <c r="AC119683" i="1"/>
  <c r="AC119684" i="1"/>
  <c r="AC119685" i="1"/>
  <c r="AC119686" i="1"/>
  <c r="AC119687" i="1"/>
  <c r="AC119688" i="1"/>
  <c r="AC119689" i="1"/>
  <c r="AC119690" i="1"/>
  <c r="AC119691" i="1"/>
  <c r="AC119692" i="1"/>
  <c r="AC119693" i="1"/>
  <c r="AC119694" i="1"/>
  <c r="AC119695" i="1"/>
  <c r="AC119696" i="1"/>
  <c r="AC119697" i="1"/>
  <c r="AC119698" i="1"/>
  <c r="AC119699" i="1"/>
  <c r="AC119700" i="1"/>
  <c r="AC119701" i="1"/>
  <c r="AC119702" i="1"/>
  <c r="AC119703" i="1"/>
  <c r="AC119704" i="1"/>
  <c r="AC119705" i="1"/>
  <c r="AC119706" i="1"/>
  <c r="AC119707" i="1"/>
  <c r="AC119708" i="1"/>
  <c r="AC119709" i="1"/>
  <c r="AC119710" i="1"/>
  <c r="AC119711" i="1"/>
  <c r="AC119712" i="1"/>
  <c r="AC119713" i="1"/>
  <c r="AC119714" i="1"/>
  <c r="AC119715" i="1"/>
  <c r="AC119716" i="1"/>
  <c r="AC119717" i="1"/>
  <c r="AC119718" i="1"/>
  <c r="AC119719" i="1"/>
  <c r="AC119720" i="1"/>
  <c r="AC119721" i="1"/>
  <c r="AC119722" i="1"/>
  <c r="AC119723" i="1"/>
  <c r="AC119724" i="1"/>
  <c r="AC119725" i="1"/>
  <c r="AC119726" i="1"/>
  <c r="AC119727" i="1"/>
  <c r="AC119728" i="1"/>
  <c r="AC119729" i="1"/>
  <c r="AC119730" i="1"/>
  <c r="AC119731" i="1"/>
  <c r="AC119732" i="1"/>
  <c r="AC119733" i="1"/>
  <c r="AC119734" i="1"/>
  <c r="AC119735" i="1"/>
  <c r="AC119736" i="1"/>
  <c r="AC119737" i="1"/>
  <c r="AC119738" i="1"/>
  <c r="AC119739" i="1"/>
  <c r="AC119740" i="1"/>
  <c r="AC119741" i="1"/>
  <c r="AC119742" i="1"/>
  <c r="AC119743" i="1"/>
  <c r="AC119744" i="1"/>
  <c r="AC119745" i="1"/>
  <c r="AC119746" i="1"/>
  <c r="AC119747" i="1"/>
  <c r="AC119748" i="1"/>
  <c r="AC119749" i="1"/>
  <c r="AC119750" i="1"/>
  <c r="AC119751" i="1"/>
  <c r="AC119752" i="1"/>
  <c r="AC119753" i="1"/>
  <c r="AC119754" i="1"/>
  <c r="AC119755" i="1"/>
  <c r="AC119756" i="1"/>
  <c r="AC119757" i="1"/>
  <c r="AC119758" i="1"/>
  <c r="AC119759" i="1"/>
  <c r="AC119760" i="1"/>
  <c r="AC119761" i="1"/>
  <c r="AC119762" i="1"/>
  <c r="AC119763" i="1"/>
  <c r="AC119764" i="1"/>
  <c r="AC119765" i="1"/>
  <c r="AC119766" i="1"/>
  <c r="AC119767" i="1"/>
  <c r="AC119768" i="1"/>
  <c r="AC119769" i="1"/>
  <c r="AC119770" i="1"/>
  <c r="AC119771" i="1"/>
  <c r="AC119772" i="1"/>
  <c r="AC119773" i="1"/>
  <c r="AC119774" i="1"/>
  <c r="AC119775" i="1"/>
  <c r="AC119776" i="1"/>
  <c r="AC119777" i="1"/>
  <c r="AC119778" i="1"/>
  <c r="AC119779" i="1"/>
  <c r="AC119780" i="1"/>
  <c r="AC119781" i="1"/>
  <c r="AC119782" i="1"/>
  <c r="AC119783" i="1"/>
  <c r="AC119784" i="1"/>
  <c r="AC119785" i="1"/>
  <c r="AC119786" i="1"/>
  <c r="AC119787" i="1"/>
  <c r="AC119788" i="1"/>
  <c r="AC119789" i="1"/>
  <c r="AC119790" i="1"/>
  <c r="AC119791" i="1"/>
  <c r="AC119792" i="1"/>
  <c r="AC119793" i="1"/>
  <c r="AC119794" i="1"/>
  <c r="AC119795" i="1"/>
  <c r="AC119796" i="1"/>
  <c r="AC119797" i="1"/>
  <c r="AC119798" i="1"/>
  <c r="AC119799" i="1"/>
  <c r="AC119800" i="1"/>
  <c r="AC119801" i="1"/>
  <c r="AC119802" i="1"/>
  <c r="AC119803" i="1"/>
  <c r="AC119804" i="1"/>
  <c r="AC119805" i="1"/>
  <c r="AC119806" i="1"/>
  <c r="AC119807" i="1"/>
  <c r="AC119808" i="1"/>
  <c r="AC119809" i="1"/>
  <c r="AC119810" i="1"/>
  <c r="AC119811" i="1"/>
  <c r="AC119812" i="1"/>
  <c r="AC119813" i="1"/>
  <c r="AC119814" i="1"/>
  <c r="AC119815" i="1"/>
  <c r="AC119816" i="1"/>
  <c r="AC119817" i="1"/>
  <c r="AC119818" i="1"/>
  <c r="AC119819" i="1"/>
  <c r="AC119820" i="1"/>
  <c r="AC119821" i="1"/>
  <c r="AC119822" i="1"/>
  <c r="AC119823" i="1"/>
  <c r="AC119824" i="1"/>
  <c r="AC119825" i="1"/>
  <c r="AC119826" i="1"/>
  <c r="AC119827" i="1"/>
  <c r="AC119828" i="1"/>
  <c r="AC119829" i="1"/>
  <c r="AC119830" i="1"/>
  <c r="AC119831" i="1"/>
  <c r="AC119832" i="1"/>
  <c r="AC119833" i="1"/>
  <c r="AC119834" i="1"/>
  <c r="AC119835" i="1"/>
  <c r="AC119836" i="1"/>
  <c r="AC119837" i="1"/>
  <c r="AC119838" i="1"/>
  <c r="AC119839" i="1"/>
  <c r="AC119840" i="1"/>
  <c r="AC119841" i="1"/>
  <c r="AC119842" i="1"/>
  <c r="AC119843" i="1"/>
  <c r="AC119844" i="1"/>
  <c r="AC119845" i="1"/>
  <c r="AC119846" i="1"/>
  <c r="AC119847" i="1"/>
  <c r="AC119848" i="1"/>
  <c r="AC119849" i="1"/>
  <c r="AC119850" i="1"/>
  <c r="AC119851" i="1"/>
  <c r="AC119852" i="1"/>
  <c r="AC119853" i="1"/>
  <c r="AC119854" i="1"/>
  <c r="AC119855" i="1"/>
  <c r="AC119856" i="1"/>
  <c r="AC119857" i="1"/>
  <c r="AC119858" i="1"/>
  <c r="AC119859" i="1"/>
  <c r="AC119860" i="1"/>
  <c r="AC119861" i="1"/>
  <c r="AC119862" i="1"/>
  <c r="AC119863" i="1"/>
  <c r="AC119864" i="1"/>
  <c r="AC119865" i="1"/>
  <c r="AC119866" i="1"/>
  <c r="AC119867" i="1"/>
  <c r="AC119868" i="1"/>
  <c r="AC119869" i="1"/>
  <c r="AC119870" i="1"/>
  <c r="AC119871" i="1"/>
  <c r="AC119872" i="1"/>
  <c r="AC119873" i="1"/>
  <c r="AC119874" i="1"/>
  <c r="AC119875" i="1"/>
  <c r="AC119876" i="1"/>
  <c r="AC119877" i="1"/>
  <c r="AC119878" i="1"/>
  <c r="AC119879" i="1"/>
  <c r="AC119880" i="1"/>
  <c r="AC119881" i="1"/>
  <c r="AC119882" i="1"/>
  <c r="AC119883" i="1"/>
  <c r="AC119884" i="1"/>
  <c r="AC119885" i="1"/>
  <c r="AC119886" i="1"/>
  <c r="AC119887" i="1"/>
  <c r="AC119888" i="1"/>
  <c r="AC119889" i="1"/>
  <c r="AC119890" i="1"/>
  <c r="AC119891" i="1"/>
  <c r="AC119892" i="1"/>
  <c r="AC119893" i="1"/>
  <c r="AC119894" i="1"/>
  <c r="AC119895" i="1"/>
  <c r="AC119896" i="1"/>
  <c r="AC119897" i="1"/>
  <c r="AC119898" i="1"/>
  <c r="AC119899" i="1"/>
  <c r="AC119900" i="1"/>
  <c r="AC119901" i="1"/>
  <c r="AC119902" i="1"/>
  <c r="AC119903" i="1"/>
  <c r="AC119904" i="1"/>
  <c r="AC119905" i="1"/>
  <c r="AC119906" i="1"/>
  <c r="AC119907" i="1"/>
  <c r="AC119908" i="1"/>
  <c r="AC119909" i="1"/>
  <c r="AC119910" i="1"/>
  <c r="AC119911" i="1"/>
  <c r="AC119912" i="1"/>
  <c r="AC119913" i="1"/>
  <c r="AC119914" i="1"/>
  <c r="AC119915" i="1"/>
  <c r="AC119916" i="1"/>
  <c r="AC119917" i="1"/>
  <c r="AC119918" i="1"/>
  <c r="AC119919" i="1"/>
  <c r="AC119920" i="1"/>
  <c r="AC119921" i="1"/>
  <c r="AC119922" i="1"/>
  <c r="AC119923" i="1"/>
  <c r="AC119924" i="1"/>
  <c r="AC119925" i="1"/>
  <c r="AC119926" i="1"/>
  <c r="AC119927" i="1"/>
  <c r="AC119928" i="1"/>
  <c r="AC119929" i="1"/>
  <c r="AC119930" i="1"/>
  <c r="AC119931" i="1"/>
  <c r="AC119932" i="1"/>
  <c r="AC119933" i="1"/>
  <c r="AC119934" i="1"/>
  <c r="AC119935" i="1"/>
  <c r="AC119936" i="1"/>
  <c r="AC119937" i="1"/>
  <c r="AC119938" i="1"/>
  <c r="AC119939" i="1"/>
  <c r="AC119940" i="1"/>
  <c r="AC119941" i="1"/>
  <c r="AC119942" i="1"/>
  <c r="AC119943" i="1"/>
  <c r="AC119944" i="1"/>
  <c r="AC119945" i="1"/>
  <c r="AC119946" i="1"/>
  <c r="AC119947" i="1"/>
  <c r="AC119948" i="1"/>
  <c r="AC119949" i="1"/>
  <c r="AC119950" i="1"/>
  <c r="AC119951" i="1"/>
  <c r="AC119952" i="1"/>
  <c r="AC119953" i="1"/>
  <c r="AC119954" i="1"/>
  <c r="AC119955" i="1"/>
  <c r="AC119956" i="1"/>
  <c r="AC119957" i="1"/>
  <c r="AC119958" i="1"/>
  <c r="AC119959" i="1"/>
  <c r="AC119960" i="1"/>
  <c r="AC119961" i="1"/>
  <c r="AC119962" i="1"/>
  <c r="AC119963" i="1"/>
  <c r="AC119964" i="1"/>
  <c r="AC119965" i="1"/>
  <c r="AC119966" i="1"/>
  <c r="AC119967" i="1"/>
  <c r="AC119968" i="1"/>
  <c r="AC119969" i="1"/>
  <c r="AC119970" i="1"/>
  <c r="AC119971" i="1"/>
  <c r="AC119972" i="1"/>
  <c r="AC119973" i="1"/>
  <c r="AC119974" i="1"/>
  <c r="AC119975" i="1"/>
  <c r="AC119976" i="1"/>
  <c r="AC119977" i="1"/>
  <c r="AC119978" i="1"/>
  <c r="AC119979" i="1"/>
  <c r="AC119980" i="1"/>
  <c r="AC119981" i="1"/>
  <c r="AC119982" i="1"/>
  <c r="AC119983" i="1"/>
  <c r="AC119984" i="1"/>
  <c r="AC119985" i="1"/>
  <c r="AC119986" i="1"/>
  <c r="AC119987" i="1"/>
  <c r="AC119988" i="1"/>
  <c r="AC119989" i="1"/>
  <c r="AC119990" i="1"/>
  <c r="AC119991" i="1"/>
  <c r="AC119992" i="1"/>
  <c r="AC119993" i="1"/>
  <c r="AC119994" i="1"/>
  <c r="AC119995" i="1"/>
  <c r="AC119996" i="1"/>
  <c r="AC119997" i="1"/>
  <c r="AC119998" i="1"/>
  <c r="AC119999" i="1"/>
  <c r="AC120000" i="1"/>
  <c r="AC120001" i="1"/>
  <c r="AC120002" i="1"/>
  <c r="AC120003" i="1"/>
  <c r="AC120004" i="1"/>
  <c r="AC120005" i="1"/>
  <c r="AC120006" i="1"/>
  <c r="AC120007" i="1"/>
  <c r="AC120008" i="1"/>
  <c r="AC120009" i="1"/>
  <c r="AC120010" i="1"/>
  <c r="AC120011" i="1"/>
  <c r="AC120012" i="1"/>
  <c r="AC120013" i="1"/>
  <c r="AC120014" i="1"/>
  <c r="AC120015" i="1"/>
  <c r="AC120016" i="1"/>
  <c r="AC120017" i="1"/>
  <c r="AC120018" i="1"/>
  <c r="AC120019" i="1"/>
  <c r="AC120020" i="1"/>
  <c r="AC120021" i="1"/>
  <c r="AC120022" i="1"/>
  <c r="AC120023" i="1"/>
  <c r="AC120024" i="1"/>
  <c r="AC120025" i="1"/>
  <c r="AC120026" i="1"/>
  <c r="AC120027" i="1"/>
  <c r="AC120028" i="1"/>
  <c r="AC120029" i="1"/>
  <c r="AC120030" i="1"/>
  <c r="AC120031" i="1"/>
  <c r="AC120032" i="1"/>
  <c r="AC120033" i="1"/>
  <c r="AC120034" i="1"/>
  <c r="AC120035" i="1"/>
  <c r="AC120036" i="1"/>
  <c r="AC120037" i="1"/>
  <c r="AC120038" i="1"/>
  <c r="AC120039" i="1"/>
  <c r="AC120040" i="1"/>
  <c r="AC120041" i="1"/>
  <c r="AC120042" i="1"/>
  <c r="AC120043" i="1"/>
  <c r="AC120044" i="1"/>
  <c r="AC120045" i="1"/>
  <c r="AC120046" i="1"/>
  <c r="AC120047" i="1"/>
  <c r="AC120048" i="1"/>
  <c r="AC120049" i="1"/>
  <c r="AC120050" i="1"/>
  <c r="AC120051" i="1"/>
  <c r="AC120052" i="1"/>
  <c r="AC120053" i="1"/>
  <c r="AC120054" i="1"/>
  <c r="AC120055" i="1"/>
  <c r="AC120056" i="1"/>
  <c r="AC120057" i="1"/>
  <c r="AC120058" i="1"/>
  <c r="AC120059" i="1"/>
  <c r="AC120060" i="1"/>
  <c r="AC120061" i="1"/>
  <c r="AC120062" i="1"/>
  <c r="AC120063" i="1"/>
  <c r="AC120064" i="1"/>
  <c r="AC120065" i="1"/>
  <c r="AC120066" i="1"/>
  <c r="AC120067" i="1"/>
  <c r="AC120068" i="1"/>
  <c r="AC120069" i="1"/>
  <c r="AC120070" i="1"/>
  <c r="AC120071" i="1"/>
  <c r="AC120072" i="1"/>
  <c r="AC120073" i="1"/>
  <c r="AC120074" i="1"/>
  <c r="AC120075" i="1"/>
  <c r="AC120076" i="1"/>
  <c r="AC120077" i="1"/>
  <c r="AC120078" i="1"/>
  <c r="AC120079" i="1"/>
  <c r="AC120080" i="1"/>
  <c r="AC120081" i="1"/>
  <c r="AC120082" i="1"/>
  <c r="AC120083" i="1"/>
  <c r="AC120084" i="1"/>
  <c r="AC120085" i="1"/>
  <c r="AC120086" i="1"/>
  <c r="AC120087" i="1"/>
  <c r="AC120088" i="1"/>
  <c r="AC120089" i="1"/>
  <c r="AC120090" i="1"/>
  <c r="AC120091" i="1"/>
  <c r="AC120092" i="1"/>
  <c r="AC120093" i="1"/>
  <c r="AC120094" i="1"/>
  <c r="AC120095" i="1"/>
  <c r="AC120096" i="1"/>
  <c r="AC120097" i="1"/>
  <c r="AC120098" i="1"/>
  <c r="AC120099" i="1"/>
  <c r="AC120100" i="1"/>
  <c r="AC120101" i="1"/>
  <c r="AC120102" i="1"/>
  <c r="AC120103" i="1"/>
  <c r="AC120104" i="1"/>
  <c r="AC120105" i="1"/>
  <c r="AC120106" i="1"/>
  <c r="AC120107" i="1"/>
  <c r="AC120108" i="1"/>
  <c r="AC120109" i="1"/>
  <c r="AC120110" i="1"/>
  <c r="AC120111" i="1"/>
  <c r="AC120112" i="1"/>
  <c r="AC120113" i="1"/>
  <c r="AC120114" i="1"/>
  <c r="AC120115" i="1"/>
  <c r="AC120116" i="1"/>
  <c r="AC120117" i="1"/>
  <c r="AC120118" i="1"/>
  <c r="AC120119" i="1"/>
  <c r="AC120120" i="1"/>
  <c r="AC120121" i="1"/>
  <c r="AC120122" i="1"/>
  <c r="AC120123" i="1"/>
  <c r="AC120124" i="1"/>
  <c r="AC120125" i="1"/>
  <c r="AC120126" i="1"/>
  <c r="AC120127" i="1"/>
  <c r="AC120128" i="1"/>
  <c r="AC120129" i="1"/>
  <c r="AC120130" i="1"/>
  <c r="AC120131" i="1"/>
  <c r="AC120132" i="1"/>
  <c r="AC120133" i="1"/>
  <c r="AC120134" i="1"/>
  <c r="AC120135" i="1"/>
  <c r="AC120136" i="1"/>
  <c r="AC120137" i="1"/>
  <c r="AC120138" i="1"/>
  <c r="AC120139" i="1"/>
  <c r="AC120140" i="1"/>
  <c r="AC120141" i="1"/>
  <c r="AC120142" i="1"/>
  <c r="AC120143" i="1"/>
  <c r="AC120144" i="1"/>
  <c r="AC120145" i="1"/>
  <c r="AC120146" i="1"/>
  <c r="AC120147" i="1"/>
  <c r="AC120148" i="1"/>
  <c r="AC120149" i="1"/>
  <c r="AC120150" i="1"/>
  <c r="AC120151" i="1"/>
  <c r="AC120152" i="1"/>
  <c r="AC120153" i="1"/>
  <c r="AC120154" i="1"/>
  <c r="AC120155" i="1"/>
  <c r="AC120156" i="1"/>
  <c r="AC120157" i="1"/>
  <c r="AC120158" i="1"/>
  <c r="AC120159" i="1"/>
  <c r="AC120160" i="1"/>
  <c r="AC120161" i="1"/>
  <c r="AC120162" i="1"/>
  <c r="AC120163" i="1"/>
  <c r="AC120164" i="1"/>
  <c r="AC120165" i="1"/>
  <c r="AC120166" i="1"/>
  <c r="AC120167" i="1"/>
  <c r="AC120168" i="1"/>
  <c r="AC120169" i="1"/>
  <c r="AC120170" i="1"/>
  <c r="AC120171" i="1"/>
  <c r="AC120172" i="1"/>
  <c r="AC120173" i="1"/>
  <c r="AC120174" i="1"/>
  <c r="AC120175" i="1"/>
  <c r="AC120176" i="1"/>
  <c r="AC120177" i="1"/>
  <c r="AC120178" i="1"/>
  <c r="AC120179" i="1"/>
  <c r="AC120180" i="1"/>
  <c r="AC120181" i="1"/>
  <c r="AC120182" i="1"/>
  <c r="AC120183" i="1"/>
  <c r="AC120184" i="1"/>
  <c r="AC120185" i="1"/>
  <c r="AC120186" i="1"/>
  <c r="AC120187" i="1"/>
  <c r="AC120188" i="1"/>
  <c r="AC120189" i="1"/>
  <c r="AC120190" i="1"/>
  <c r="AC120191" i="1"/>
  <c r="AC120192" i="1"/>
  <c r="AC120193" i="1"/>
  <c r="AC120194" i="1"/>
  <c r="AC120195" i="1"/>
  <c r="AC120196" i="1"/>
  <c r="AC120197" i="1"/>
  <c r="AC120198" i="1"/>
  <c r="AC120199" i="1"/>
  <c r="AC120200" i="1"/>
  <c r="AC120201" i="1"/>
  <c r="AC120202" i="1"/>
  <c r="AC120203" i="1"/>
  <c r="AC120204" i="1"/>
  <c r="AC120205" i="1"/>
  <c r="AC120206" i="1"/>
  <c r="AC120207" i="1"/>
  <c r="AC120208" i="1"/>
  <c r="AC120209" i="1"/>
  <c r="AC120210" i="1"/>
  <c r="AC120211" i="1"/>
  <c r="AC120212" i="1"/>
  <c r="AC120213" i="1"/>
  <c r="AC120214" i="1"/>
  <c r="AC120215" i="1"/>
  <c r="AC120216" i="1"/>
  <c r="AC120217" i="1"/>
  <c r="AC120218" i="1"/>
  <c r="AC120219" i="1"/>
  <c r="AC120220" i="1"/>
  <c r="AC120221" i="1"/>
  <c r="AC120222" i="1"/>
  <c r="AC120223" i="1"/>
  <c r="AC120224" i="1"/>
  <c r="AC120225" i="1"/>
  <c r="AC120226" i="1"/>
  <c r="AC120227" i="1"/>
  <c r="AC120228" i="1"/>
  <c r="AC120229" i="1"/>
  <c r="AC120230" i="1"/>
  <c r="AC120231" i="1"/>
  <c r="AC120232" i="1"/>
  <c r="AC120233" i="1"/>
  <c r="AC120234" i="1"/>
  <c r="AC120235" i="1"/>
  <c r="AC120236" i="1"/>
  <c r="AC120237" i="1"/>
  <c r="AC120238" i="1"/>
  <c r="AC120239" i="1"/>
  <c r="AC120240" i="1"/>
  <c r="AC120241" i="1"/>
  <c r="AC120242" i="1"/>
  <c r="AC120243" i="1"/>
  <c r="AC120244" i="1"/>
  <c r="AC120245" i="1"/>
  <c r="AC120246" i="1"/>
  <c r="AC120247" i="1"/>
  <c r="AC120248" i="1"/>
  <c r="AC120249" i="1"/>
  <c r="AC120250" i="1"/>
  <c r="AC120251" i="1"/>
  <c r="AC120252" i="1"/>
  <c r="AC120253" i="1"/>
  <c r="AC120254" i="1"/>
  <c r="AC120255" i="1"/>
  <c r="AC120256" i="1"/>
  <c r="AC120257" i="1"/>
  <c r="AC120258" i="1"/>
  <c r="AC120259" i="1"/>
  <c r="AC120260" i="1"/>
  <c r="AC120261" i="1"/>
  <c r="AC120262" i="1"/>
  <c r="AC120263" i="1"/>
  <c r="AC120264" i="1"/>
  <c r="AC120265" i="1"/>
  <c r="AC120266" i="1"/>
  <c r="AC120267" i="1"/>
  <c r="AC120268" i="1"/>
  <c r="AC120269" i="1"/>
  <c r="AC120270" i="1"/>
  <c r="AC120271" i="1"/>
  <c r="AC120272" i="1"/>
  <c r="AC120273" i="1"/>
  <c r="AC120274" i="1"/>
  <c r="AC120275" i="1"/>
  <c r="AC120276" i="1"/>
  <c r="AC120277" i="1"/>
  <c r="AC120278" i="1"/>
  <c r="AC120279" i="1"/>
  <c r="AC120280" i="1"/>
  <c r="AC120281" i="1"/>
  <c r="AC120282" i="1"/>
  <c r="AC120283" i="1"/>
  <c r="AC120284" i="1"/>
  <c r="AC120285" i="1"/>
  <c r="AC120286" i="1"/>
  <c r="AC120287" i="1"/>
  <c r="AC120288" i="1"/>
  <c r="AC120289" i="1"/>
  <c r="AC120290" i="1"/>
  <c r="AC120291" i="1"/>
  <c r="AC120292" i="1"/>
  <c r="AC120293" i="1"/>
  <c r="AC120294" i="1"/>
  <c r="AC120295" i="1"/>
  <c r="AC120296" i="1"/>
  <c r="AC120297" i="1"/>
  <c r="AC120298" i="1"/>
  <c r="AC120299" i="1"/>
  <c r="AC120300" i="1"/>
  <c r="AC120301" i="1"/>
  <c r="AC120302" i="1"/>
  <c r="AC120303" i="1"/>
  <c r="AC120304" i="1"/>
  <c r="AC120305" i="1"/>
  <c r="AC120306" i="1"/>
  <c r="AC120307" i="1"/>
  <c r="AC120308" i="1"/>
  <c r="AC120309" i="1"/>
  <c r="AC120310" i="1"/>
  <c r="AC120311" i="1"/>
  <c r="AC120312" i="1"/>
  <c r="AC120313" i="1"/>
  <c r="AC120314" i="1"/>
  <c r="AC120315" i="1"/>
  <c r="AC120316" i="1"/>
  <c r="AC120317" i="1"/>
  <c r="AC120318" i="1"/>
  <c r="AC120319" i="1"/>
  <c r="AC120320" i="1"/>
  <c r="AC120321" i="1"/>
  <c r="AC120322" i="1"/>
  <c r="AC120323" i="1"/>
  <c r="AC120324" i="1"/>
  <c r="AC120325" i="1"/>
  <c r="AC120326" i="1"/>
  <c r="AC120327" i="1"/>
  <c r="AC120328" i="1"/>
  <c r="AC120329" i="1"/>
  <c r="AC120330" i="1"/>
  <c r="AC120331" i="1"/>
  <c r="AC120332" i="1"/>
  <c r="AC120333" i="1"/>
  <c r="AC120334" i="1"/>
  <c r="AC120335" i="1"/>
  <c r="AC120336" i="1"/>
  <c r="AC120337" i="1"/>
  <c r="AC120338" i="1"/>
  <c r="AC120339" i="1"/>
  <c r="AC120340" i="1"/>
  <c r="AC120341" i="1"/>
  <c r="AC120342" i="1"/>
  <c r="AC120343" i="1"/>
  <c r="AC120344" i="1"/>
  <c r="AC120345" i="1"/>
  <c r="AC120346" i="1"/>
  <c r="AC120347" i="1"/>
  <c r="AC120348" i="1"/>
  <c r="AC120349" i="1"/>
  <c r="AC120350" i="1"/>
  <c r="AC120351" i="1"/>
  <c r="AC120352" i="1"/>
  <c r="AC120353" i="1"/>
  <c r="AC120354" i="1"/>
  <c r="AC120355" i="1"/>
  <c r="AC120356" i="1"/>
  <c r="AC120357" i="1"/>
  <c r="AC120358" i="1"/>
  <c r="AC120359" i="1"/>
  <c r="AC120360" i="1"/>
  <c r="AC120361" i="1"/>
  <c r="AC120362" i="1"/>
  <c r="AC120363" i="1"/>
  <c r="AC120364" i="1"/>
  <c r="AC120365" i="1"/>
  <c r="AC120366" i="1"/>
  <c r="AC120367" i="1"/>
  <c r="AC120368" i="1"/>
  <c r="AC120369" i="1"/>
  <c r="AC120370" i="1"/>
  <c r="AC120371" i="1"/>
  <c r="AC120372" i="1"/>
  <c r="AC120373" i="1"/>
  <c r="AC120374" i="1"/>
  <c r="AC120375" i="1"/>
  <c r="AC120376" i="1"/>
  <c r="AC120377" i="1"/>
  <c r="AC120378" i="1"/>
  <c r="AC120379" i="1"/>
  <c r="AC120380" i="1"/>
  <c r="AC120381" i="1"/>
  <c r="AC120382" i="1"/>
  <c r="AC120383" i="1"/>
  <c r="AC120384" i="1"/>
  <c r="AC120385" i="1"/>
  <c r="AC120386" i="1"/>
  <c r="AC120387" i="1"/>
  <c r="AC120388" i="1"/>
  <c r="AC120389" i="1"/>
  <c r="AC120390" i="1"/>
  <c r="AC120391" i="1"/>
  <c r="AC120392" i="1"/>
  <c r="AC120393" i="1"/>
  <c r="AC120394" i="1"/>
  <c r="AC120395" i="1"/>
  <c r="AC120396" i="1"/>
  <c r="AC120397" i="1"/>
  <c r="AC120398" i="1"/>
  <c r="AC120399" i="1"/>
  <c r="AC120400" i="1"/>
  <c r="AC120401" i="1"/>
  <c r="AC120402" i="1"/>
  <c r="AC120403" i="1"/>
  <c r="AC120404" i="1"/>
  <c r="AC120405" i="1"/>
  <c r="AC120406" i="1"/>
  <c r="AC120407" i="1"/>
  <c r="AC120408" i="1"/>
  <c r="AC120409" i="1"/>
  <c r="AC120410" i="1"/>
  <c r="AC120411" i="1"/>
  <c r="AC120412" i="1"/>
  <c r="AC120413" i="1"/>
  <c r="AC120414" i="1"/>
  <c r="AC120415" i="1"/>
  <c r="AC120416" i="1"/>
  <c r="AC120417" i="1"/>
  <c r="AC120418" i="1"/>
  <c r="AC120419" i="1"/>
  <c r="AC120420" i="1"/>
  <c r="AC120421" i="1"/>
  <c r="AC120422" i="1"/>
  <c r="AC120423" i="1"/>
  <c r="AC120424" i="1"/>
  <c r="AC120425" i="1"/>
  <c r="AC120426" i="1"/>
  <c r="AC120427" i="1"/>
  <c r="AC120428" i="1"/>
  <c r="AC120429" i="1"/>
  <c r="AC120430" i="1"/>
  <c r="AC120431" i="1"/>
  <c r="AC120432" i="1"/>
  <c r="AC120433" i="1"/>
  <c r="AC120434" i="1"/>
  <c r="AC120435" i="1"/>
  <c r="AC120436" i="1"/>
  <c r="AC120437" i="1"/>
  <c r="AC120438" i="1"/>
  <c r="AC120439" i="1"/>
  <c r="AC120440" i="1"/>
  <c r="AC120441" i="1"/>
  <c r="AC120442" i="1"/>
  <c r="AC120443" i="1"/>
  <c r="AC120444" i="1"/>
  <c r="AC120445" i="1"/>
  <c r="AC120446" i="1"/>
  <c r="AC120447" i="1"/>
  <c r="AC120448" i="1"/>
  <c r="AC120449" i="1"/>
  <c r="AC120450" i="1"/>
  <c r="AC120451" i="1"/>
  <c r="AC120452" i="1"/>
  <c r="AC120453" i="1"/>
  <c r="AC120454" i="1"/>
  <c r="AC120455" i="1"/>
  <c r="AC120456" i="1"/>
  <c r="AC120457" i="1"/>
  <c r="AC120458" i="1"/>
  <c r="AC120459" i="1"/>
  <c r="AC120460" i="1"/>
  <c r="AC120461" i="1"/>
  <c r="AC120462" i="1"/>
  <c r="AC120463" i="1"/>
  <c r="AC120464" i="1"/>
  <c r="AC120465" i="1"/>
  <c r="AC120466" i="1"/>
  <c r="AC120467" i="1"/>
  <c r="AC120468" i="1"/>
  <c r="AC120469" i="1"/>
  <c r="AC120470" i="1"/>
  <c r="AC120471" i="1"/>
  <c r="AC120472" i="1"/>
  <c r="AC120473" i="1"/>
  <c r="AC120474" i="1"/>
  <c r="AC120475" i="1"/>
  <c r="AC120476" i="1"/>
  <c r="AC120477" i="1"/>
  <c r="AC120478" i="1"/>
  <c r="AC120479" i="1"/>
  <c r="AC120480" i="1"/>
  <c r="AC120481" i="1"/>
  <c r="AC120482" i="1"/>
  <c r="AC120483" i="1"/>
  <c r="AC120484" i="1"/>
  <c r="AC120485" i="1"/>
  <c r="AC120486" i="1"/>
  <c r="AC120487" i="1"/>
  <c r="AC120488" i="1"/>
  <c r="AC120489" i="1"/>
  <c r="AC120490" i="1"/>
  <c r="AC120491" i="1"/>
  <c r="AC120492" i="1"/>
  <c r="AC120493" i="1"/>
  <c r="AC120494" i="1"/>
  <c r="AC120495" i="1"/>
  <c r="AC120496" i="1"/>
  <c r="AC120497" i="1"/>
  <c r="AC120498" i="1"/>
  <c r="AC120499" i="1"/>
  <c r="AC120500" i="1"/>
  <c r="AC120501" i="1"/>
  <c r="AC120502" i="1"/>
  <c r="AC120503" i="1"/>
  <c r="AC120504" i="1"/>
  <c r="AC120505" i="1"/>
  <c r="AC120506" i="1"/>
  <c r="AC120507" i="1"/>
  <c r="AC120508" i="1"/>
  <c r="AC120509" i="1"/>
  <c r="AC120510" i="1"/>
  <c r="AC120511" i="1"/>
  <c r="AC120512" i="1"/>
  <c r="AC120513" i="1"/>
  <c r="AC120514" i="1"/>
  <c r="AC120515" i="1"/>
  <c r="AC120516" i="1"/>
  <c r="AC120517" i="1"/>
  <c r="AC120518" i="1"/>
  <c r="AC120519" i="1"/>
  <c r="AC120520" i="1"/>
  <c r="AC120521" i="1"/>
  <c r="AC120522" i="1"/>
  <c r="AC120523" i="1"/>
  <c r="AC120524" i="1"/>
  <c r="AC120525" i="1"/>
  <c r="AC120526" i="1"/>
  <c r="AC120527" i="1"/>
  <c r="AC120528" i="1"/>
  <c r="AC120529" i="1"/>
  <c r="AC120530" i="1"/>
  <c r="AC120531" i="1"/>
  <c r="AC120532" i="1"/>
  <c r="AC120533" i="1"/>
  <c r="AC120534" i="1"/>
  <c r="AC120535" i="1"/>
  <c r="AC120536" i="1"/>
  <c r="AC120537" i="1"/>
  <c r="AC120538" i="1"/>
  <c r="AC120539" i="1"/>
  <c r="AC120540" i="1"/>
  <c r="AC120541" i="1"/>
  <c r="AC120542" i="1"/>
  <c r="AC120543" i="1"/>
  <c r="AC120544" i="1"/>
  <c r="AC120545" i="1"/>
  <c r="AC120546" i="1"/>
  <c r="AC120547" i="1"/>
  <c r="AC120548" i="1"/>
  <c r="AC120549" i="1"/>
  <c r="AC120550" i="1"/>
  <c r="AC120551" i="1"/>
  <c r="AC120552" i="1"/>
  <c r="AC120553" i="1"/>
  <c r="AC120554" i="1"/>
  <c r="AC120555" i="1"/>
  <c r="AC120556" i="1"/>
  <c r="AC120557" i="1"/>
  <c r="AC120558" i="1"/>
  <c r="AC120559" i="1"/>
  <c r="AC120560" i="1"/>
  <c r="AC120561" i="1"/>
  <c r="AC120562" i="1"/>
  <c r="AC120563" i="1"/>
  <c r="AC120564" i="1"/>
  <c r="AC120565" i="1"/>
  <c r="AC120566" i="1"/>
  <c r="AC120567" i="1"/>
  <c r="AC120568" i="1"/>
  <c r="AC120569" i="1"/>
  <c r="AC120570" i="1"/>
  <c r="AC120571" i="1"/>
  <c r="AC120572" i="1"/>
  <c r="AC120573" i="1"/>
  <c r="AC120574" i="1"/>
  <c r="AC120575" i="1"/>
  <c r="AC120576" i="1"/>
  <c r="AC120577" i="1"/>
  <c r="AC120578" i="1"/>
  <c r="AC120579" i="1"/>
  <c r="AC120580" i="1"/>
  <c r="AC120581" i="1"/>
  <c r="AC120582" i="1"/>
  <c r="AC120583" i="1"/>
  <c r="AC120584" i="1"/>
  <c r="AC120585" i="1"/>
  <c r="AC120586" i="1"/>
  <c r="AC120587" i="1"/>
  <c r="AC120588" i="1"/>
  <c r="AC120589" i="1"/>
  <c r="AC120590" i="1"/>
  <c r="AC120591" i="1"/>
  <c r="AC120592" i="1"/>
  <c r="AC120593" i="1"/>
  <c r="AC120594" i="1"/>
  <c r="AC120595" i="1"/>
  <c r="AC120596" i="1"/>
  <c r="AC120597" i="1"/>
  <c r="AC120598" i="1"/>
  <c r="AC120599" i="1"/>
  <c r="AC120600" i="1"/>
  <c r="AC120601" i="1"/>
  <c r="AC120602" i="1"/>
  <c r="AC120603" i="1"/>
  <c r="AC120604" i="1"/>
  <c r="AC120605" i="1"/>
  <c r="AC120606" i="1"/>
  <c r="AC120607" i="1"/>
  <c r="AC120608" i="1"/>
  <c r="AC120609" i="1"/>
  <c r="AC120610" i="1"/>
  <c r="AC120611" i="1"/>
  <c r="AC120612" i="1"/>
  <c r="AC120613" i="1"/>
  <c r="AC120614" i="1"/>
  <c r="AC120615" i="1"/>
  <c r="AC120616" i="1"/>
  <c r="AC120617" i="1"/>
  <c r="AC120618" i="1"/>
  <c r="AC120619" i="1"/>
  <c r="AC120620" i="1"/>
  <c r="AC120621" i="1"/>
  <c r="AC120622" i="1"/>
  <c r="AC120623" i="1"/>
  <c r="AC120624" i="1"/>
  <c r="AC120625" i="1"/>
  <c r="AC120626" i="1"/>
  <c r="AC120627" i="1"/>
  <c r="AC120628" i="1"/>
  <c r="AC120629" i="1"/>
  <c r="AC120630" i="1"/>
  <c r="AC120631" i="1"/>
  <c r="AC120632" i="1"/>
  <c r="AC120633" i="1"/>
  <c r="AC120634" i="1"/>
  <c r="AC120635" i="1"/>
  <c r="AC120636" i="1"/>
  <c r="AC120637" i="1"/>
  <c r="AC120638" i="1"/>
  <c r="AC120639" i="1"/>
  <c r="AC120640" i="1"/>
  <c r="AC120641" i="1"/>
  <c r="AC120642" i="1"/>
  <c r="AC120643" i="1"/>
  <c r="AC120644" i="1"/>
  <c r="AC120645" i="1"/>
  <c r="AC120646" i="1"/>
  <c r="AC120647" i="1"/>
  <c r="AC120648" i="1"/>
  <c r="AC120649" i="1"/>
  <c r="AC120650" i="1"/>
  <c r="AC120651" i="1"/>
  <c r="AC120652" i="1"/>
  <c r="AC120653" i="1"/>
  <c r="AC120654" i="1"/>
  <c r="AC120655" i="1"/>
  <c r="AC120656" i="1"/>
  <c r="AC120657" i="1"/>
  <c r="AC120658" i="1"/>
  <c r="AC120659" i="1"/>
  <c r="AC120660" i="1"/>
  <c r="AC120661" i="1"/>
  <c r="AC120662" i="1"/>
  <c r="AC120663" i="1"/>
  <c r="AC120664" i="1"/>
  <c r="AC120665" i="1"/>
  <c r="AC120666" i="1"/>
  <c r="AC120667" i="1"/>
  <c r="AC120668" i="1"/>
  <c r="AC120669" i="1"/>
  <c r="AC120670" i="1"/>
  <c r="AC120671" i="1"/>
  <c r="AC120672" i="1"/>
  <c r="AC120673" i="1"/>
  <c r="AC120674" i="1"/>
  <c r="AC120675" i="1"/>
  <c r="AC120676" i="1"/>
  <c r="AC120677" i="1"/>
  <c r="AC120678" i="1"/>
  <c r="AC120679" i="1"/>
  <c r="AC120680" i="1"/>
  <c r="AC120681" i="1"/>
  <c r="AC120682" i="1"/>
  <c r="AC120683" i="1"/>
  <c r="AC120684" i="1"/>
  <c r="AC120685" i="1"/>
  <c r="AC120686" i="1"/>
  <c r="AC120687" i="1"/>
  <c r="AC120688" i="1"/>
  <c r="AC120689" i="1"/>
  <c r="AC120690" i="1"/>
  <c r="AC120691" i="1"/>
  <c r="AC120692" i="1"/>
  <c r="AC120693" i="1"/>
  <c r="AC120694" i="1"/>
  <c r="AC120695" i="1"/>
  <c r="AC120696" i="1"/>
  <c r="AC120697" i="1"/>
  <c r="AC120698" i="1"/>
  <c r="AC120699" i="1"/>
  <c r="AC120700" i="1"/>
  <c r="AC120701" i="1"/>
  <c r="AC120702" i="1"/>
  <c r="AC120703" i="1"/>
  <c r="AC120704" i="1"/>
  <c r="AC120705" i="1"/>
  <c r="AC120706" i="1"/>
  <c r="AC120707" i="1"/>
  <c r="AC120708" i="1"/>
  <c r="AC120709" i="1"/>
  <c r="AC120710" i="1"/>
  <c r="AC120711" i="1"/>
  <c r="AC120712" i="1"/>
  <c r="AC120713" i="1"/>
  <c r="AC120714" i="1"/>
  <c r="AC120715" i="1"/>
  <c r="AC120716" i="1"/>
  <c r="AC120717" i="1"/>
  <c r="AC120718" i="1"/>
  <c r="AC120719" i="1"/>
  <c r="AC120720" i="1"/>
  <c r="AC120721" i="1"/>
  <c r="AC120722" i="1"/>
  <c r="AC120723" i="1"/>
  <c r="AC120724" i="1"/>
  <c r="AC120725" i="1"/>
  <c r="AC120726" i="1"/>
  <c r="AC120727" i="1"/>
  <c r="AC120728" i="1"/>
  <c r="AC120729" i="1"/>
  <c r="AC120730" i="1"/>
  <c r="AC120731" i="1"/>
  <c r="AC120732" i="1"/>
  <c r="AC120733" i="1"/>
  <c r="AC120734" i="1"/>
  <c r="AC120735" i="1"/>
  <c r="AC120736" i="1"/>
  <c r="AC120737" i="1"/>
  <c r="AC120738" i="1"/>
  <c r="AC120739" i="1"/>
  <c r="AC120740" i="1"/>
  <c r="AC120741" i="1"/>
  <c r="AC120742" i="1"/>
  <c r="AC120743" i="1"/>
  <c r="AC120744" i="1"/>
  <c r="AC120745" i="1"/>
  <c r="AC120746" i="1"/>
  <c r="AC120747" i="1"/>
  <c r="AC120748" i="1"/>
  <c r="AC120749" i="1"/>
  <c r="AC120750" i="1"/>
  <c r="AC120751" i="1"/>
  <c r="AC120752" i="1"/>
  <c r="AC120753" i="1"/>
  <c r="AC120754" i="1"/>
  <c r="AC120755" i="1"/>
  <c r="AC120756" i="1"/>
  <c r="AC120757" i="1"/>
  <c r="AC120758" i="1"/>
  <c r="AC120759" i="1"/>
  <c r="AC120760" i="1"/>
  <c r="AC120761" i="1"/>
  <c r="AC120762" i="1"/>
  <c r="AC120763" i="1"/>
  <c r="AC120764" i="1"/>
  <c r="AC120765" i="1"/>
  <c r="AC120766" i="1"/>
  <c r="AC120767" i="1"/>
  <c r="AC120768" i="1"/>
  <c r="AC120769" i="1"/>
  <c r="AC120770" i="1"/>
  <c r="AC120771" i="1"/>
  <c r="AC120772" i="1"/>
  <c r="AC120773" i="1"/>
  <c r="AC120774" i="1"/>
  <c r="AC120775" i="1"/>
  <c r="AC120776" i="1"/>
  <c r="AC120777" i="1"/>
  <c r="AC120778" i="1"/>
  <c r="AC120779" i="1"/>
  <c r="AC120780" i="1"/>
  <c r="AC120781" i="1"/>
  <c r="AC120782" i="1"/>
  <c r="AC120783" i="1"/>
  <c r="AC120784" i="1"/>
  <c r="AC120785" i="1"/>
  <c r="AC120786" i="1"/>
  <c r="AC120787" i="1"/>
  <c r="AC120788" i="1"/>
  <c r="AC120789" i="1"/>
  <c r="AC120790" i="1"/>
  <c r="AC120791" i="1"/>
  <c r="AC120792" i="1"/>
  <c r="AC120793" i="1"/>
  <c r="AC120794" i="1"/>
  <c r="AC120795" i="1"/>
  <c r="AC120796" i="1"/>
  <c r="AC120797" i="1"/>
  <c r="AC120798" i="1"/>
  <c r="AC120799" i="1"/>
  <c r="AC120800" i="1"/>
  <c r="AC120801" i="1"/>
  <c r="AC120802" i="1"/>
  <c r="AC120803" i="1"/>
  <c r="AC120804" i="1"/>
  <c r="AC120805" i="1"/>
  <c r="AC120806" i="1"/>
  <c r="AC120807" i="1"/>
  <c r="AC120808" i="1"/>
  <c r="AC120809" i="1"/>
  <c r="AC120810" i="1"/>
  <c r="AC120811" i="1"/>
  <c r="AC120812" i="1"/>
  <c r="AC120813" i="1"/>
  <c r="AC120814" i="1"/>
  <c r="AC120815" i="1"/>
  <c r="AC120816" i="1"/>
  <c r="AC120817" i="1"/>
  <c r="AC120818" i="1"/>
  <c r="AC120819" i="1"/>
  <c r="AC120820" i="1"/>
  <c r="AC120821" i="1"/>
  <c r="AC120822" i="1"/>
  <c r="AC120823" i="1"/>
  <c r="AC120824" i="1"/>
  <c r="AC120825" i="1"/>
  <c r="AC120826" i="1"/>
  <c r="AC120827" i="1"/>
  <c r="AC120828" i="1"/>
  <c r="AC120829" i="1"/>
  <c r="AC120830" i="1"/>
  <c r="AC120831" i="1"/>
  <c r="AC120832" i="1"/>
  <c r="AC120833" i="1"/>
  <c r="AC120834" i="1"/>
  <c r="AC120835" i="1"/>
  <c r="AC120836" i="1"/>
  <c r="AC120837" i="1"/>
  <c r="AC120838" i="1"/>
  <c r="AC120839" i="1"/>
  <c r="AC120840" i="1"/>
  <c r="AC120841" i="1"/>
  <c r="AC120842" i="1"/>
  <c r="AC120843" i="1"/>
  <c r="AC120844" i="1"/>
  <c r="AC120845" i="1"/>
  <c r="AC120846" i="1"/>
  <c r="AC120847" i="1"/>
  <c r="AC120848" i="1"/>
  <c r="AC120849" i="1"/>
  <c r="AC120850" i="1"/>
  <c r="AC120851" i="1"/>
  <c r="AC120852" i="1"/>
  <c r="AC120853" i="1"/>
  <c r="AC120854" i="1"/>
  <c r="AC120855" i="1"/>
  <c r="AC120856" i="1"/>
  <c r="AC120857" i="1"/>
  <c r="AC120858" i="1"/>
  <c r="AC120859" i="1"/>
  <c r="AC120860" i="1"/>
  <c r="AC120861" i="1"/>
  <c r="AC120862" i="1"/>
  <c r="AC120863" i="1"/>
  <c r="AC120864" i="1"/>
  <c r="AC120865" i="1"/>
  <c r="AC120866" i="1"/>
  <c r="AC120867" i="1"/>
  <c r="AC120868" i="1"/>
  <c r="AC120869" i="1"/>
  <c r="AC120870" i="1"/>
  <c r="AC120871" i="1"/>
  <c r="AC120872" i="1"/>
  <c r="AC120873" i="1"/>
  <c r="AC120874" i="1"/>
  <c r="AC120875" i="1"/>
  <c r="AC120876" i="1"/>
  <c r="AC120877" i="1"/>
  <c r="AC120878" i="1"/>
  <c r="AC120879" i="1"/>
  <c r="AC120880" i="1"/>
  <c r="AC120881" i="1"/>
  <c r="AC120882" i="1"/>
  <c r="AC120883" i="1"/>
  <c r="AC120884" i="1"/>
  <c r="AC120885" i="1"/>
  <c r="AC120886" i="1"/>
  <c r="AC120887" i="1"/>
  <c r="AC120888" i="1"/>
  <c r="AC120889" i="1"/>
  <c r="AC120890" i="1"/>
  <c r="AC120891" i="1"/>
  <c r="AC120892" i="1"/>
  <c r="AC120893" i="1"/>
  <c r="AC120894" i="1"/>
  <c r="AC120895" i="1"/>
  <c r="AC120896" i="1"/>
  <c r="AC120897" i="1"/>
  <c r="AC120898" i="1"/>
  <c r="AC120899" i="1"/>
  <c r="AC120900" i="1"/>
  <c r="AC120901" i="1"/>
  <c r="AC120902" i="1"/>
  <c r="AC120903" i="1"/>
  <c r="AC120904" i="1"/>
  <c r="AC120905" i="1"/>
  <c r="AC120906" i="1"/>
  <c r="AC120907" i="1"/>
  <c r="AC120908" i="1"/>
  <c r="AC120909" i="1"/>
  <c r="AC120910" i="1"/>
  <c r="AC120911" i="1"/>
  <c r="AC120912" i="1"/>
  <c r="AC120913" i="1"/>
  <c r="AC120914" i="1"/>
  <c r="AC120915" i="1"/>
  <c r="AC120916" i="1"/>
  <c r="AC120917" i="1"/>
  <c r="AC120918" i="1"/>
  <c r="AC120919" i="1"/>
  <c r="AC120920" i="1"/>
  <c r="AC120921" i="1"/>
  <c r="AC120922" i="1"/>
  <c r="AC120923" i="1"/>
  <c r="AC120924" i="1"/>
  <c r="AC120925" i="1"/>
  <c r="AC120926" i="1"/>
  <c r="AC120927" i="1"/>
  <c r="AC120928" i="1"/>
  <c r="AC120929" i="1"/>
  <c r="AC120930" i="1"/>
  <c r="AC120931" i="1"/>
  <c r="AC120932" i="1"/>
  <c r="AC120933" i="1"/>
  <c r="AC120934" i="1"/>
  <c r="AC120935" i="1"/>
  <c r="AC120936" i="1"/>
  <c r="AC120937" i="1"/>
  <c r="AC120938" i="1"/>
  <c r="AC120939" i="1"/>
  <c r="AC120940" i="1"/>
  <c r="AC120941" i="1"/>
  <c r="AC120942" i="1"/>
  <c r="AC120943" i="1"/>
  <c r="AC120944" i="1"/>
  <c r="AC120945" i="1"/>
  <c r="AC120946" i="1"/>
  <c r="AC120947" i="1"/>
  <c r="AC120948" i="1"/>
  <c r="AC120949" i="1"/>
  <c r="AC120950" i="1"/>
  <c r="AC120951" i="1"/>
  <c r="AC120952" i="1"/>
  <c r="AC120953" i="1"/>
  <c r="AC120954" i="1"/>
  <c r="AC120955" i="1"/>
  <c r="AC120956" i="1"/>
  <c r="AC120957" i="1"/>
  <c r="AC120958" i="1"/>
  <c r="AC120959" i="1"/>
  <c r="AC120960" i="1"/>
  <c r="AC120961" i="1"/>
  <c r="AC120962" i="1"/>
  <c r="AC120963" i="1"/>
  <c r="AC120964" i="1"/>
  <c r="AC120965" i="1"/>
  <c r="AC120966" i="1"/>
  <c r="AC120967" i="1"/>
  <c r="AC120968" i="1"/>
  <c r="AC120969" i="1"/>
  <c r="AC120970" i="1"/>
  <c r="AC120971" i="1"/>
  <c r="AC120972" i="1"/>
  <c r="AC120973" i="1"/>
  <c r="AC120974" i="1"/>
  <c r="AC120975" i="1"/>
  <c r="AC120976" i="1"/>
  <c r="AC120977" i="1"/>
  <c r="AC120978" i="1"/>
  <c r="AC120979" i="1"/>
  <c r="AC120980" i="1"/>
  <c r="AC120981" i="1"/>
  <c r="AC120982" i="1"/>
  <c r="AC120983" i="1"/>
  <c r="AC120984" i="1"/>
  <c r="AC120985" i="1"/>
  <c r="AC120986" i="1"/>
  <c r="AC120987" i="1"/>
  <c r="AC120988" i="1"/>
  <c r="AC120989" i="1"/>
  <c r="AC120990" i="1"/>
  <c r="AC120991" i="1"/>
  <c r="AC120992" i="1"/>
  <c r="AC120993" i="1"/>
  <c r="AC120994" i="1"/>
  <c r="AC120995" i="1"/>
  <c r="AC120996" i="1"/>
  <c r="AC120997" i="1"/>
  <c r="AC120998" i="1"/>
  <c r="AC120999" i="1"/>
  <c r="AC121000" i="1"/>
  <c r="AC121001" i="1"/>
  <c r="AC121002" i="1"/>
  <c r="AC121003" i="1"/>
  <c r="AC121004" i="1"/>
  <c r="AC121005" i="1"/>
  <c r="AC121006" i="1"/>
  <c r="AC121007" i="1"/>
  <c r="AC121008" i="1"/>
  <c r="AC121009" i="1"/>
  <c r="AC121010" i="1"/>
  <c r="AC121011" i="1"/>
  <c r="AC121012" i="1"/>
  <c r="AC121013" i="1"/>
  <c r="AC121014" i="1"/>
  <c r="AC121015" i="1"/>
  <c r="AC121016" i="1"/>
  <c r="AC121017" i="1"/>
  <c r="AC121018" i="1"/>
  <c r="AC121019" i="1"/>
  <c r="AC121020" i="1"/>
  <c r="AC121021" i="1"/>
  <c r="AC121022" i="1"/>
  <c r="AC121023" i="1"/>
  <c r="AC121024" i="1"/>
  <c r="AC121025" i="1"/>
  <c r="AC121026" i="1"/>
  <c r="AC121027" i="1"/>
  <c r="AC121028" i="1"/>
  <c r="AC121029" i="1"/>
  <c r="AC121030" i="1"/>
  <c r="AC121031" i="1"/>
  <c r="AC121032" i="1"/>
  <c r="AC121033" i="1"/>
  <c r="AC121034" i="1"/>
  <c r="AC121035" i="1"/>
  <c r="AC121036" i="1"/>
  <c r="AC121037" i="1"/>
  <c r="AC121038" i="1"/>
  <c r="AC121039" i="1"/>
  <c r="AC121040" i="1"/>
  <c r="AC121041" i="1"/>
  <c r="AC121042" i="1"/>
  <c r="AC121043" i="1"/>
  <c r="AC121044" i="1"/>
  <c r="AC121045" i="1"/>
  <c r="AC121046" i="1"/>
  <c r="AC121047" i="1"/>
  <c r="AC121048" i="1"/>
  <c r="AC121049" i="1"/>
  <c r="AC121050" i="1"/>
  <c r="AC121051" i="1"/>
  <c r="AC121052" i="1"/>
  <c r="AC121053" i="1"/>
  <c r="AC121054" i="1"/>
  <c r="AC121055" i="1"/>
  <c r="AC121056" i="1"/>
  <c r="AC121057" i="1"/>
  <c r="AC121058" i="1"/>
  <c r="AC121059" i="1"/>
  <c r="AC121060" i="1"/>
  <c r="AC121061" i="1"/>
  <c r="AC121062" i="1"/>
  <c r="AC121063" i="1"/>
  <c r="AC121064" i="1"/>
  <c r="AC121065" i="1"/>
  <c r="AC121066" i="1"/>
  <c r="AC121067" i="1"/>
  <c r="AC121068" i="1"/>
  <c r="AC121069" i="1"/>
  <c r="AC121070" i="1"/>
  <c r="AC121071" i="1"/>
  <c r="AC121072" i="1"/>
  <c r="AC121073" i="1"/>
  <c r="AC121074" i="1"/>
  <c r="AC121075" i="1"/>
  <c r="AC121076" i="1"/>
  <c r="AC121077" i="1"/>
  <c r="AC121078" i="1"/>
  <c r="AC121079" i="1"/>
  <c r="AC121080" i="1"/>
  <c r="AC121081" i="1"/>
  <c r="AC121082" i="1"/>
  <c r="AC121083" i="1"/>
  <c r="AC121084" i="1"/>
  <c r="AC121085" i="1"/>
  <c r="AC121086" i="1"/>
  <c r="AC121087" i="1"/>
  <c r="AC121088" i="1"/>
  <c r="AC121089" i="1"/>
  <c r="AC121090" i="1"/>
  <c r="AC121091" i="1"/>
  <c r="AC121092" i="1"/>
  <c r="AC121093" i="1"/>
  <c r="AC121094" i="1"/>
  <c r="AC121095" i="1"/>
  <c r="AC121096" i="1"/>
  <c r="AC121097" i="1"/>
  <c r="AC121098" i="1"/>
  <c r="AC121099" i="1"/>
  <c r="AC121100" i="1"/>
  <c r="AC121101" i="1"/>
  <c r="AC121102" i="1"/>
  <c r="AC121103" i="1"/>
  <c r="AC121104" i="1"/>
  <c r="AC121105" i="1"/>
  <c r="AC121106" i="1"/>
  <c r="AC121107" i="1"/>
  <c r="AC121108" i="1"/>
  <c r="AC121109" i="1"/>
  <c r="AC121110" i="1"/>
  <c r="AC121111" i="1"/>
  <c r="AC121112" i="1"/>
  <c r="AC121113" i="1"/>
  <c r="AC121114" i="1"/>
  <c r="AC121115" i="1"/>
  <c r="AC121116" i="1"/>
  <c r="AC121117" i="1"/>
  <c r="AC121118" i="1"/>
  <c r="AC121119" i="1"/>
  <c r="AC121120" i="1"/>
  <c r="AC121121" i="1"/>
  <c r="AC121122" i="1"/>
  <c r="AC121123" i="1"/>
  <c r="AC121124" i="1"/>
  <c r="AC121125" i="1"/>
  <c r="AC121126" i="1"/>
  <c r="AC121127" i="1"/>
  <c r="AC121128" i="1"/>
  <c r="AC121129" i="1"/>
  <c r="AC121130" i="1"/>
  <c r="AC121131" i="1"/>
  <c r="AC121132" i="1"/>
  <c r="AC121133" i="1"/>
  <c r="AC121134" i="1"/>
  <c r="AC121135" i="1"/>
  <c r="AC121136" i="1"/>
  <c r="AC121137" i="1"/>
  <c r="AC121138" i="1"/>
  <c r="AC121139" i="1"/>
  <c r="AC121140" i="1"/>
  <c r="AC121141" i="1"/>
  <c r="AC121142" i="1"/>
  <c r="AC121143" i="1"/>
  <c r="AC121144" i="1"/>
  <c r="AC121145" i="1"/>
  <c r="AC121146" i="1"/>
  <c r="AC121147" i="1"/>
  <c r="AC121148" i="1"/>
  <c r="AC121149" i="1"/>
  <c r="AC121150" i="1"/>
  <c r="AC121151" i="1"/>
  <c r="AC121152" i="1"/>
  <c r="AC121153" i="1"/>
  <c r="AC121154" i="1"/>
  <c r="AC121155" i="1"/>
  <c r="AC121156" i="1"/>
  <c r="AC121157" i="1"/>
  <c r="AC121158" i="1"/>
  <c r="AC121159" i="1"/>
  <c r="AC121160" i="1"/>
  <c r="AC121161" i="1"/>
  <c r="AC121162" i="1"/>
  <c r="AC121163" i="1"/>
  <c r="AC121164" i="1"/>
  <c r="AC121165" i="1"/>
  <c r="AC121166" i="1"/>
  <c r="AC121167" i="1"/>
  <c r="AC121168" i="1"/>
  <c r="AC121169" i="1"/>
  <c r="AC121170" i="1"/>
  <c r="AC121171" i="1"/>
  <c r="AC121172" i="1"/>
  <c r="AC121173" i="1"/>
  <c r="AC121174" i="1"/>
  <c r="AC121175" i="1"/>
  <c r="AC121176" i="1"/>
  <c r="AC121177" i="1"/>
  <c r="AC121178" i="1"/>
  <c r="AC121179" i="1"/>
  <c r="AC121180" i="1"/>
  <c r="AC121181" i="1"/>
  <c r="AC121182" i="1"/>
  <c r="AC121183" i="1"/>
  <c r="AC121184" i="1"/>
  <c r="AC121185" i="1"/>
  <c r="AC121186" i="1"/>
  <c r="AC121187" i="1"/>
  <c r="AC121188" i="1"/>
  <c r="AC121189" i="1"/>
  <c r="AC121190" i="1"/>
  <c r="AC121191" i="1"/>
  <c r="AC121192" i="1"/>
  <c r="AC121193" i="1"/>
  <c r="AC121194" i="1"/>
  <c r="AC121195" i="1"/>
  <c r="AC121196" i="1"/>
  <c r="AC121197" i="1"/>
  <c r="AC121198" i="1"/>
  <c r="AC121199" i="1"/>
  <c r="AC121200" i="1"/>
  <c r="AC121201" i="1"/>
  <c r="AC121202" i="1"/>
  <c r="AC121203" i="1"/>
  <c r="AC121204" i="1"/>
  <c r="AC121205" i="1"/>
  <c r="AC121206" i="1"/>
  <c r="AC121207" i="1"/>
  <c r="AC121208" i="1"/>
  <c r="AC121209" i="1"/>
  <c r="AC121210" i="1"/>
  <c r="AC121211" i="1"/>
  <c r="AC121212" i="1"/>
  <c r="AC121213" i="1"/>
  <c r="AC121214" i="1"/>
  <c r="AC121215" i="1"/>
  <c r="AC121216" i="1"/>
  <c r="AC121217" i="1"/>
  <c r="AC121218" i="1"/>
  <c r="AC121219" i="1"/>
  <c r="AC121220" i="1"/>
  <c r="AC121221" i="1"/>
  <c r="AC121222" i="1"/>
  <c r="AC121223" i="1"/>
  <c r="AC121224" i="1"/>
  <c r="AC121225" i="1"/>
  <c r="AC121226" i="1"/>
  <c r="AC121227" i="1"/>
  <c r="AC121228" i="1"/>
  <c r="AC121229" i="1"/>
  <c r="AC121230" i="1"/>
  <c r="AC121231" i="1"/>
  <c r="AC121232" i="1"/>
  <c r="AC121233" i="1"/>
  <c r="AC121234" i="1"/>
  <c r="AC121235" i="1"/>
  <c r="AC121236" i="1"/>
  <c r="AC121237" i="1"/>
  <c r="AC121238" i="1"/>
  <c r="AC121239" i="1"/>
  <c r="AC121240" i="1"/>
  <c r="AC121241" i="1"/>
  <c r="AC121242" i="1"/>
  <c r="AC121243" i="1"/>
  <c r="AC121244" i="1"/>
  <c r="AC121245" i="1"/>
  <c r="AC121246" i="1"/>
  <c r="AC121247" i="1"/>
  <c r="AC121248" i="1"/>
  <c r="AC121249" i="1"/>
  <c r="AC121250" i="1"/>
  <c r="AC121251" i="1"/>
  <c r="AC121252" i="1"/>
  <c r="AC121253" i="1"/>
  <c r="AC121254" i="1"/>
  <c r="AC121255" i="1"/>
  <c r="AC121256" i="1"/>
  <c r="AC121257" i="1"/>
  <c r="AC121258" i="1"/>
  <c r="AC121259" i="1"/>
  <c r="AC121260" i="1"/>
  <c r="AC121261" i="1"/>
  <c r="AC121262" i="1"/>
  <c r="AC121263" i="1"/>
  <c r="AC121264" i="1"/>
  <c r="AC121265" i="1"/>
  <c r="AC121266" i="1"/>
  <c r="AC121267" i="1"/>
  <c r="AC121268" i="1"/>
  <c r="AC121269" i="1"/>
  <c r="AC121270" i="1"/>
  <c r="AC121271" i="1"/>
  <c r="AC121272" i="1"/>
  <c r="AC121273" i="1"/>
  <c r="AC121274" i="1"/>
  <c r="AC121275" i="1"/>
  <c r="AC121276" i="1"/>
  <c r="AC121277" i="1"/>
  <c r="AC121278" i="1"/>
  <c r="AC121279" i="1"/>
  <c r="AC121280" i="1"/>
  <c r="AC121281" i="1"/>
  <c r="AC121282" i="1"/>
  <c r="AC121283" i="1"/>
  <c r="AC121284" i="1"/>
  <c r="AC121285" i="1"/>
  <c r="AC121286" i="1"/>
  <c r="AC121287" i="1"/>
  <c r="AC121288" i="1"/>
  <c r="AC121289" i="1"/>
  <c r="AC121290" i="1"/>
  <c r="AC121291" i="1"/>
  <c r="AC121292" i="1"/>
  <c r="AC121293" i="1"/>
  <c r="AC121294" i="1"/>
  <c r="AC121295" i="1"/>
  <c r="AC121296" i="1"/>
  <c r="AC121297" i="1"/>
  <c r="AC121298" i="1"/>
  <c r="AC121299" i="1"/>
  <c r="AC121300" i="1"/>
  <c r="AC121301" i="1"/>
  <c r="AC121302" i="1"/>
  <c r="AC121303" i="1"/>
  <c r="AC121304" i="1"/>
  <c r="AC121305" i="1"/>
  <c r="AC121306" i="1"/>
  <c r="AC121307" i="1"/>
  <c r="AC121308" i="1"/>
  <c r="AC121309" i="1"/>
  <c r="AC121310" i="1"/>
  <c r="AC121311" i="1"/>
  <c r="AC121312" i="1"/>
  <c r="AC121313" i="1"/>
  <c r="AC121314" i="1"/>
  <c r="AC121315" i="1"/>
  <c r="AC121316" i="1"/>
  <c r="AC121317" i="1"/>
  <c r="AC121318" i="1"/>
  <c r="AC121319" i="1"/>
  <c r="AC121320" i="1"/>
  <c r="AC121321" i="1"/>
  <c r="AC121322" i="1"/>
  <c r="AC121323" i="1"/>
  <c r="AC121324" i="1"/>
  <c r="AC121325" i="1"/>
  <c r="AC121326" i="1"/>
  <c r="AC121327" i="1"/>
  <c r="AC121328" i="1"/>
  <c r="AC121329" i="1"/>
  <c r="AC121330" i="1"/>
  <c r="AC121331" i="1"/>
  <c r="AC121332" i="1"/>
  <c r="AC121333" i="1"/>
  <c r="AC121334" i="1"/>
  <c r="AC121335" i="1"/>
  <c r="AC121336" i="1"/>
  <c r="AC121337" i="1"/>
  <c r="AC121338" i="1"/>
  <c r="AC121339" i="1"/>
  <c r="AC121340" i="1"/>
  <c r="AC121341" i="1"/>
  <c r="AC121342" i="1"/>
  <c r="AC121343" i="1"/>
  <c r="AC121344" i="1"/>
  <c r="AC121345" i="1"/>
  <c r="AC121346" i="1"/>
  <c r="AC121347" i="1"/>
  <c r="AC121348" i="1"/>
  <c r="AC121349" i="1"/>
  <c r="AC121350" i="1"/>
  <c r="AC121351" i="1"/>
  <c r="AC121352" i="1"/>
  <c r="AC121353" i="1"/>
  <c r="AC121354" i="1"/>
  <c r="AC121355" i="1"/>
  <c r="AC121356" i="1"/>
  <c r="AC121357" i="1"/>
  <c r="AC121358" i="1"/>
  <c r="AC121359" i="1"/>
  <c r="AC121360" i="1"/>
  <c r="AC121361" i="1"/>
  <c r="AC121362" i="1"/>
  <c r="AC121363" i="1"/>
  <c r="AC121364" i="1"/>
  <c r="AC121365" i="1"/>
  <c r="AC121366" i="1"/>
  <c r="AC121367" i="1"/>
  <c r="AC121368" i="1"/>
  <c r="AC121369" i="1"/>
  <c r="AC121370" i="1"/>
  <c r="AC121371" i="1"/>
  <c r="AC121372" i="1"/>
  <c r="AC121373" i="1"/>
  <c r="AC121374" i="1"/>
  <c r="AC121375" i="1"/>
  <c r="AC121376" i="1"/>
  <c r="AC121377" i="1"/>
  <c r="AC121378" i="1"/>
  <c r="AC121379" i="1"/>
  <c r="AC121380" i="1"/>
  <c r="AC121381" i="1"/>
  <c r="AC121382" i="1"/>
  <c r="AC121383" i="1"/>
  <c r="AC121384" i="1"/>
  <c r="AC121385" i="1"/>
  <c r="AC121386" i="1"/>
  <c r="AC121387" i="1"/>
  <c r="AC121388" i="1"/>
  <c r="AC121389" i="1"/>
  <c r="AC121390" i="1"/>
  <c r="AC121391" i="1"/>
  <c r="AC121392" i="1"/>
  <c r="AC121393" i="1"/>
  <c r="AC121394" i="1"/>
  <c r="AC121395" i="1"/>
  <c r="AC121396" i="1"/>
  <c r="AC121397" i="1"/>
  <c r="AC121398" i="1"/>
  <c r="AC121399" i="1"/>
  <c r="AC121400" i="1"/>
  <c r="AC121401" i="1"/>
  <c r="AC121402" i="1"/>
  <c r="AC121403" i="1"/>
  <c r="AC121404" i="1"/>
  <c r="AC121405" i="1"/>
  <c r="AC121406" i="1"/>
  <c r="AC121407" i="1"/>
  <c r="AC121408" i="1"/>
  <c r="AC121409" i="1"/>
  <c r="AC121410" i="1"/>
  <c r="AC121411" i="1"/>
  <c r="AC121412" i="1"/>
  <c r="AC121413" i="1"/>
  <c r="AC121414" i="1"/>
  <c r="AC121415" i="1"/>
  <c r="AC121416" i="1"/>
  <c r="AC121417" i="1"/>
  <c r="AC121418" i="1"/>
  <c r="AC121419" i="1"/>
  <c r="AC121420" i="1"/>
  <c r="AC121421" i="1"/>
  <c r="AC121422" i="1"/>
  <c r="AC121423" i="1"/>
  <c r="AC121424" i="1"/>
  <c r="AC121425" i="1"/>
  <c r="AC121426" i="1"/>
  <c r="AC121427" i="1"/>
  <c r="AC121428" i="1"/>
  <c r="AC121429" i="1"/>
  <c r="AC121430" i="1"/>
  <c r="AC121431" i="1"/>
  <c r="AC121432" i="1"/>
  <c r="AC121433" i="1"/>
  <c r="AC121434" i="1"/>
  <c r="AC121435" i="1"/>
  <c r="AC121436" i="1"/>
  <c r="AC121437" i="1"/>
  <c r="AC121438" i="1"/>
  <c r="AC121439" i="1"/>
  <c r="AC121440" i="1"/>
  <c r="AC121441" i="1"/>
  <c r="AC121442" i="1"/>
  <c r="AC121443" i="1"/>
  <c r="AC121444" i="1"/>
  <c r="AC121445" i="1"/>
  <c r="AC121446" i="1"/>
  <c r="AC121447" i="1"/>
  <c r="AC121448" i="1"/>
  <c r="AC121449" i="1"/>
  <c r="AC121450" i="1"/>
  <c r="AC121451" i="1"/>
  <c r="AC121452" i="1"/>
  <c r="AC121453" i="1"/>
  <c r="AC121454" i="1"/>
  <c r="AC121455" i="1"/>
  <c r="AC121456" i="1"/>
  <c r="AC121457" i="1"/>
  <c r="AC121458" i="1"/>
  <c r="AC121459" i="1"/>
  <c r="AC121460" i="1"/>
  <c r="AC121461" i="1"/>
  <c r="AC121462" i="1"/>
  <c r="AC121463" i="1"/>
  <c r="AC121464" i="1"/>
  <c r="AC121465" i="1"/>
  <c r="AC121466" i="1"/>
  <c r="AC121467" i="1"/>
  <c r="AC121468" i="1"/>
  <c r="AC121469" i="1"/>
  <c r="AC121470" i="1"/>
  <c r="AC121471" i="1"/>
  <c r="AC121472" i="1"/>
  <c r="AC121473" i="1"/>
  <c r="AC121474" i="1"/>
  <c r="AC121475" i="1"/>
  <c r="AC121476" i="1"/>
  <c r="AC121477" i="1"/>
  <c r="AC121478" i="1"/>
  <c r="AC121479" i="1"/>
  <c r="AC121480" i="1"/>
  <c r="AC121481" i="1"/>
  <c r="AC121482" i="1"/>
  <c r="AC121483" i="1"/>
  <c r="AC121484" i="1"/>
  <c r="AC121485" i="1"/>
  <c r="AC121486" i="1"/>
  <c r="AC121487" i="1"/>
  <c r="AC121488" i="1"/>
  <c r="AC121489" i="1"/>
  <c r="AC121490" i="1"/>
  <c r="AC121491" i="1"/>
  <c r="AC121492" i="1"/>
  <c r="AC121493" i="1"/>
  <c r="AC121494" i="1"/>
  <c r="AC121495" i="1"/>
  <c r="AC121496" i="1"/>
  <c r="AC121497" i="1"/>
  <c r="AC121498" i="1"/>
  <c r="AC121499" i="1"/>
  <c r="AC121500" i="1"/>
  <c r="AC121501" i="1"/>
  <c r="AC121502" i="1"/>
  <c r="AC121503" i="1"/>
  <c r="AC121504" i="1"/>
  <c r="AC121505" i="1"/>
  <c r="AC121506" i="1"/>
  <c r="AC121507" i="1"/>
  <c r="AC121508" i="1"/>
  <c r="AC121509" i="1"/>
  <c r="AC121510" i="1"/>
  <c r="AC121511" i="1"/>
  <c r="AC121512" i="1"/>
  <c r="AC121513" i="1"/>
  <c r="AC121514" i="1"/>
  <c r="AC121515" i="1"/>
  <c r="AC121516" i="1"/>
  <c r="AC121517" i="1"/>
  <c r="AC121518" i="1"/>
  <c r="AC121519" i="1"/>
  <c r="AC121520" i="1"/>
  <c r="AC121521" i="1"/>
  <c r="AC121522" i="1"/>
  <c r="AC121523" i="1"/>
  <c r="AC121524" i="1"/>
  <c r="AC121525" i="1"/>
  <c r="AC121526" i="1"/>
  <c r="AC121527" i="1"/>
  <c r="AC121528" i="1"/>
  <c r="AC121529" i="1"/>
  <c r="AC121530" i="1"/>
  <c r="AC121531" i="1"/>
  <c r="AC121532" i="1"/>
  <c r="AC121533" i="1"/>
  <c r="AC121534" i="1"/>
  <c r="AC121535" i="1"/>
  <c r="AC121536" i="1"/>
  <c r="AC121537" i="1"/>
  <c r="AC121538" i="1"/>
  <c r="AC121539" i="1"/>
  <c r="AC121540" i="1"/>
  <c r="AC121541" i="1"/>
  <c r="AC121542" i="1"/>
  <c r="AC121543" i="1"/>
  <c r="AC121544" i="1"/>
  <c r="AC121545" i="1"/>
  <c r="AC121546" i="1"/>
  <c r="AC121547" i="1"/>
  <c r="AC121548" i="1"/>
  <c r="AC121549" i="1"/>
  <c r="AC121550" i="1"/>
  <c r="AC121551" i="1"/>
  <c r="AC121552" i="1"/>
  <c r="AC121553" i="1"/>
  <c r="AC121554" i="1"/>
  <c r="AC121555" i="1"/>
  <c r="AC121556" i="1"/>
  <c r="AC121557" i="1"/>
  <c r="AC121558" i="1"/>
  <c r="AC121559" i="1"/>
  <c r="AC121560" i="1"/>
  <c r="AC121561" i="1"/>
  <c r="AC121562" i="1"/>
  <c r="AC121563" i="1"/>
  <c r="AC121564" i="1"/>
  <c r="AC121565" i="1"/>
  <c r="AC121566" i="1"/>
  <c r="AC121567" i="1"/>
  <c r="AC121568" i="1"/>
  <c r="AC121569" i="1"/>
  <c r="AC121570" i="1"/>
  <c r="AC121571" i="1"/>
  <c r="AC121572" i="1"/>
  <c r="AC121573" i="1"/>
  <c r="AC121574" i="1"/>
  <c r="AC121575" i="1"/>
  <c r="AC121576" i="1"/>
  <c r="AC121577" i="1"/>
  <c r="AC121578" i="1"/>
  <c r="AC121579" i="1"/>
  <c r="AC121580" i="1"/>
  <c r="AC121581" i="1"/>
  <c r="AC121582" i="1"/>
  <c r="AC121583" i="1"/>
  <c r="AC121584" i="1"/>
  <c r="AC121585" i="1"/>
  <c r="AC121586" i="1"/>
  <c r="AC121587" i="1"/>
  <c r="AC121588" i="1"/>
  <c r="AC121589" i="1"/>
  <c r="AC121590" i="1"/>
  <c r="AC121591" i="1"/>
  <c r="AC121592" i="1"/>
  <c r="AC121593" i="1"/>
  <c r="AC121594" i="1"/>
  <c r="AC121595" i="1"/>
  <c r="AC121596" i="1"/>
  <c r="AC121597" i="1"/>
  <c r="AC121598" i="1"/>
  <c r="AC121599" i="1"/>
  <c r="AC121600" i="1"/>
  <c r="AC121601" i="1"/>
  <c r="AC121602" i="1"/>
  <c r="AC121603" i="1"/>
  <c r="AC121604" i="1"/>
  <c r="AC121605" i="1"/>
  <c r="AC121606" i="1"/>
  <c r="AC121607" i="1"/>
  <c r="AC121608" i="1"/>
  <c r="AC121609" i="1"/>
  <c r="AC121610" i="1"/>
  <c r="AC121611" i="1"/>
  <c r="AC121612" i="1"/>
  <c r="AC121613" i="1"/>
  <c r="AC121614" i="1"/>
  <c r="AC121615" i="1"/>
  <c r="AC121616" i="1"/>
  <c r="AC121617" i="1"/>
  <c r="AC121618" i="1"/>
  <c r="AC121619" i="1"/>
  <c r="AC121620" i="1"/>
  <c r="AC121621" i="1"/>
  <c r="AC121622" i="1"/>
  <c r="AC121623" i="1"/>
  <c r="AC121624" i="1"/>
  <c r="AC121625" i="1"/>
  <c r="AC121626" i="1"/>
  <c r="AC121627" i="1"/>
  <c r="AC121628" i="1"/>
  <c r="AC121629" i="1"/>
  <c r="AC121630" i="1"/>
  <c r="AC121631" i="1"/>
  <c r="AC121632" i="1"/>
  <c r="AC121633" i="1"/>
  <c r="AC121634" i="1"/>
  <c r="AC121635" i="1"/>
  <c r="AC121636" i="1"/>
  <c r="AC121637" i="1"/>
  <c r="AC121638" i="1"/>
  <c r="AC121639" i="1"/>
  <c r="AC121640" i="1"/>
  <c r="AC121641" i="1"/>
  <c r="AC121642" i="1"/>
  <c r="AC121643" i="1"/>
  <c r="AC121644" i="1"/>
  <c r="AC121645" i="1"/>
  <c r="AC121646" i="1"/>
  <c r="AC121647" i="1"/>
  <c r="AC121648" i="1"/>
  <c r="AC121649" i="1"/>
  <c r="AC121650" i="1"/>
  <c r="AC121651" i="1"/>
  <c r="AC121652" i="1"/>
  <c r="AC121653" i="1"/>
  <c r="AC121654" i="1"/>
  <c r="AC121655" i="1"/>
  <c r="AC121656" i="1"/>
  <c r="AC121657" i="1"/>
  <c r="AC121658" i="1"/>
  <c r="AC121659" i="1"/>
  <c r="AC121660" i="1"/>
  <c r="AC121661" i="1"/>
  <c r="AC121662" i="1"/>
  <c r="AC121663" i="1"/>
  <c r="AC121664" i="1"/>
  <c r="AC121665" i="1"/>
  <c r="AC121666" i="1"/>
  <c r="AC121667" i="1"/>
  <c r="AC121668" i="1"/>
  <c r="AC121669" i="1"/>
  <c r="AC121670" i="1"/>
  <c r="AC121671" i="1"/>
  <c r="AC121672" i="1"/>
  <c r="AC121673" i="1"/>
  <c r="AC121674" i="1"/>
  <c r="AC121675" i="1"/>
  <c r="AC121676" i="1"/>
  <c r="AC121677" i="1"/>
  <c r="AC121678" i="1"/>
  <c r="AC121679" i="1"/>
  <c r="AC121680" i="1"/>
  <c r="AC121681" i="1"/>
  <c r="AC121682" i="1"/>
  <c r="AC121683" i="1"/>
  <c r="AC121684" i="1"/>
  <c r="AC121685" i="1"/>
  <c r="AC121686" i="1"/>
  <c r="AC121687" i="1"/>
  <c r="AC121688" i="1"/>
  <c r="AC121689" i="1"/>
  <c r="AC121690" i="1"/>
  <c r="AC121691" i="1"/>
  <c r="AC121692" i="1"/>
  <c r="AC121693" i="1"/>
  <c r="AC121694" i="1"/>
  <c r="AC121695" i="1"/>
  <c r="AC121696" i="1"/>
  <c r="AC121697" i="1"/>
  <c r="AC121698" i="1"/>
  <c r="AC121699" i="1"/>
  <c r="AC121700" i="1"/>
  <c r="AC121701" i="1"/>
  <c r="AC121702" i="1"/>
  <c r="AC121703" i="1"/>
  <c r="AC121704" i="1"/>
  <c r="AC121705" i="1"/>
  <c r="AC121706" i="1"/>
  <c r="AC121707" i="1"/>
  <c r="AC121708" i="1"/>
  <c r="AC121709" i="1"/>
  <c r="AC121710" i="1"/>
  <c r="AC121711" i="1"/>
  <c r="AC121712" i="1"/>
  <c r="AC121713" i="1"/>
  <c r="AC121714" i="1"/>
  <c r="AC121715" i="1"/>
  <c r="AC121716" i="1"/>
  <c r="AC121717" i="1"/>
  <c r="AC121718" i="1"/>
  <c r="AC121719" i="1"/>
  <c r="AC121720" i="1"/>
  <c r="AC121721" i="1"/>
  <c r="AC121722" i="1"/>
  <c r="AC121723" i="1"/>
  <c r="AC121724" i="1"/>
  <c r="AC121725" i="1"/>
  <c r="AC121726" i="1"/>
  <c r="AC121727" i="1"/>
  <c r="AC121728" i="1"/>
  <c r="AC121729" i="1"/>
  <c r="AC121730" i="1"/>
  <c r="AC121731" i="1"/>
  <c r="AC121732" i="1"/>
  <c r="AC121733" i="1"/>
  <c r="AC121734" i="1"/>
  <c r="AC121735" i="1"/>
  <c r="AC121736" i="1"/>
  <c r="AC121737" i="1"/>
  <c r="AC121738" i="1"/>
  <c r="AC121739" i="1"/>
  <c r="AC121740" i="1"/>
  <c r="AC121741" i="1"/>
  <c r="AC121742" i="1"/>
  <c r="AC121743" i="1"/>
  <c r="AC121744" i="1"/>
  <c r="AC121745" i="1"/>
  <c r="AC121746" i="1"/>
  <c r="AC121747" i="1"/>
  <c r="AC121748" i="1"/>
  <c r="AC121749" i="1"/>
  <c r="AC121750" i="1"/>
  <c r="AC121751" i="1"/>
  <c r="AC121752" i="1"/>
  <c r="AC121753" i="1"/>
  <c r="AC121754" i="1"/>
  <c r="AC121755" i="1"/>
  <c r="AC121756" i="1"/>
  <c r="AC121757" i="1"/>
  <c r="AC121758" i="1"/>
  <c r="AC121759" i="1"/>
  <c r="AC121760" i="1"/>
  <c r="AC121761" i="1"/>
  <c r="AC121762" i="1"/>
  <c r="AC121763" i="1"/>
  <c r="AC121764" i="1"/>
  <c r="AC121765" i="1"/>
  <c r="AC121766" i="1"/>
  <c r="AC121767" i="1"/>
  <c r="AC121768" i="1"/>
  <c r="AC121769" i="1"/>
  <c r="AC121770" i="1"/>
  <c r="AC121771" i="1"/>
  <c r="AC121772" i="1"/>
  <c r="AC121773" i="1"/>
  <c r="AC121774" i="1"/>
  <c r="AC121775" i="1"/>
  <c r="AC121776" i="1"/>
  <c r="AC121777" i="1"/>
  <c r="AC121778" i="1"/>
  <c r="AC121779" i="1"/>
  <c r="AC121780" i="1"/>
  <c r="AC121781" i="1"/>
  <c r="AC121782" i="1"/>
  <c r="AC121783" i="1"/>
  <c r="AC121784" i="1"/>
  <c r="AC121785" i="1"/>
  <c r="AC121786" i="1"/>
  <c r="AC121787" i="1"/>
  <c r="AC121788" i="1"/>
  <c r="AC121789" i="1"/>
  <c r="AC121790" i="1"/>
  <c r="AC121791" i="1"/>
  <c r="AC121792" i="1"/>
  <c r="AC121793" i="1"/>
  <c r="AC121794" i="1"/>
  <c r="AC121795" i="1"/>
  <c r="AC121796" i="1"/>
  <c r="AC121797" i="1"/>
  <c r="AC121798" i="1"/>
  <c r="AC121799" i="1"/>
  <c r="AC121800" i="1"/>
  <c r="AC121801" i="1"/>
  <c r="AC121802" i="1"/>
  <c r="AC121803" i="1"/>
  <c r="AC121804" i="1"/>
  <c r="AC121805" i="1"/>
  <c r="AC121806" i="1"/>
  <c r="AC121807" i="1"/>
  <c r="AC121808" i="1"/>
  <c r="AC121809" i="1"/>
  <c r="AC121810" i="1"/>
  <c r="AC121811" i="1"/>
  <c r="AC121812" i="1"/>
  <c r="AC121813" i="1"/>
  <c r="AC121814" i="1"/>
  <c r="AC121815" i="1"/>
  <c r="AC121816" i="1"/>
  <c r="AC121817" i="1"/>
  <c r="AC121818" i="1"/>
  <c r="AC121819" i="1"/>
  <c r="AC121820" i="1"/>
  <c r="AC121821" i="1"/>
  <c r="AC121822" i="1"/>
  <c r="AC121823" i="1"/>
  <c r="AC121824" i="1"/>
  <c r="AC121825" i="1"/>
  <c r="AC121826" i="1"/>
  <c r="AC121827" i="1"/>
  <c r="AC121828" i="1"/>
  <c r="AC121829" i="1"/>
  <c r="AC121830" i="1"/>
  <c r="AC121831" i="1"/>
  <c r="AC121832" i="1"/>
  <c r="AC121833" i="1"/>
  <c r="AC121834" i="1"/>
  <c r="AC121835" i="1"/>
  <c r="AC121836" i="1"/>
  <c r="AC121837" i="1"/>
  <c r="AC121838" i="1"/>
  <c r="AC121839" i="1"/>
  <c r="AC121840" i="1"/>
  <c r="AC121841" i="1"/>
  <c r="AC121842" i="1"/>
  <c r="AC121843" i="1"/>
  <c r="AC121844" i="1"/>
  <c r="AC121845" i="1"/>
  <c r="AC121846" i="1"/>
  <c r="AC121847" i="1"/>
  <c r="AC121848" i="1"/>
  <c r="AC121849" i="1"/>
  <c r="AC121850" i="1"/>
  <c r="AC121851" i="1"/>
  <c r="AC121852" i="1"/>
  <c r="AC121853" i="1"/>
  <c r="AC121854" i="1"/>
  <c r="AC121855" i="1"/>
  <c r="AC121856" i="1"/>
  <c r="AC121857" i="1"/>
  <c r="AC121858" i="1"/>
  <c r="AC121859" i="1"/>
  <c r="AC121860" i="1"/>
  <c r="AC121861" i="1"/>
  <c r="AC121862" i="1"/>
  <c r="AC121863" i="1"/>
  <c r="AC121864" i="1"/>
  <c r="AC121865" i="1"/>
  <c r="AC121866" i="1"/>
  <c r="AC121867" i="1"/>
  <c r="AC121868" i="1"/>
  <c r="AC121869" i="1"/>
  <c r="AC121870" i="1"/>
  <c r="AC121871" i="1"/>
  <c r="AC121872" i="1"/>
  <c r="AC121873" i="1"/>
  <c r="AC121874" i="1"/>
  <c r="AC121875" i="1"/>
  <c r="AC121876" i="1"/>
  <c r="AC121877" i="1"/>
  <c r="AC121878" i="1"/>
  <c r="AC121879" i="1"/>
  <c r="AC121880" i="1"/>
  <c r="AC121881" i="1"/>
  <c r="AC121882" i="1"/>
  <c r="AC121883" i="1"/>
  <c r="AC121884" i="1"/>
  <c r="AC121885" i="1"/>
  <c r="AC121886" i="1"/>
  <c r="AC121887" i="1"/>
  <c r="AC121888" i="1"/>
  <c r="AC121889" i="1"/>
  <c r="AC121890" i="1"/>
  <c r="AC121891" i="1"/>
  <c r="AC121892" i="1"/>
  <c r="AC121893" i="1"/>
  <c r="AC121894" i="1"/>
  <c r="AC121895" i="1"/>
  <c r="AC121896" i="1"/>
  <c r="AC121897" i="1"/>
  <c r="AC121898" i="1"/>
  <c r="AC121899" i="1"/>
  <c r="AC121900" i="1"/>
  <c r="AC121901" i="1"/>
  <c r="AC121902" i="1"/>
  <c r="AC121903" i="1"/>
  <c r="AC121904" i="1"/>
  <c r="AC121905" i="1"/>
  <c r="AC121906" i="1"/>
  <c r="AC121907" i="1"/>
  <c r="AC121908" i="1"/>
  <c r="AC121909" i="1"/>
  <c r="AC121910" i="1"/>
  <c r="AC121911" i="1"/>
  <c r="AC121912" i="1"/>
  <c r="AC121913" i="1"/>
  <c r="AC121914" i="1"/>
  <c r="AC121915" i="1"/>
  <c r="AC121916" i="1"/>
  <c r="AC121917" i="1"/>
  <c r="AC121918" i="1"/>
  <c r="AC121919" i="1"/>
  <c r="AC121920" i="1"/>
  <c r="AC121921" i="1"/>
  <c r="AC121922" i="1"/>
  <c r="AC121923" i="1"/>
  <c r="AC121924" i="1"/>
  <c r="AC121925" i="1"/>
  <c r="AC121926" i="1"/>
  <c r="AC121927" i="1"/>
  <c r="AC121928" i="1"/>
  <c r="AC121929" i="1"/>
  <c r="AC121930" i="1"/>
  <c r="AC121931" i="1"/>
  <c r="AC121932" i="1"/>
  <c r="AC121933" i="1"/>
  <c r="AC121934" i="1"/>
  <c r="AC121935" i="1"/>
  <c r="AC121936" i="1"/>
  <c r="AC121937" i="1"/>
  <c r="AC121938" i="1"/>
  <c r="AC121939" i="1"/>
  <c r="AC121940" i="1"/>
  <c r="AC121941" i="1"/>
  <c r="AC121942" i="1"/>
  <c r="AC121943" i="1"/>
  <c r="AC121944" i="1"/>
  <c r="AC121945" i="1"/>
  <c r="AC121946" i="1"/>
  <c r="AC121947" i="1"/>
  <c r="AC121948" i="1"/>
  <c r="AC121949" i="1"/>
  <c r="AC121950" i="1"/>
  <c r="AC121951" i="1"/>
  <c r="AC121952" i="1"/>
  <c r="AC121953" i="1"/>
  <c r="AC121954" i="1"/>
  <c r="AC121955" i="1"/>
  <c r="AC121956" i="1"/>
  <c r="AC121957" i="1"/>
  <c r="AC121958" i="1"/>
  <c r="AC121959" i="1"/>
  <c r="AC121960" i="1"/>
  <c r="AC121961" i="1"/>
  <c r="AC121962" i="1"/>
  <c r="AC121963" i="1"/>
  <c r="AC121964" i="1"/>
  <c r="AC121965" i="1"/>
  <c r="AC121966" i="1"/>
  <c r="AC121967" i="1"/>
  <c r="AC121968" i="1"/>
  <c r="AC121969" i="1"/>
  <c r="AC121970" i="1"/>
  <c r="AC121971" i="1"/>
  <c r="AC121972" i="1"/>
  <c r="AC121973" i="1"/>
  <c r="AC121974" i="1"/>
  <c r="AC121975" i="1"/>
  <c r="AC121976" i="1"/>
  <c r="AC121977" i="1"/>
  <c r="AC121978" i="1"/>
  <c r="AC121979" i="1"/>
  <c r="AC121980" i="1"/>
  <c r="AC121981" i="1"/>
  <c r="AC121982" i="1"/>
  <c r="AC121983" i="1"/>
  <c r="AC121984" i="1"/>
  <c r="AC121985" i="1"/>
  <c r="AC121986" i="1"/>
  <c r="AC121987" i="1"/>
  <c r="AC121988" i="1"/>
  <c r="AC121989" i="1"/>
  <c r="AC121990" i="1"/>
  <c r="AC121991" i="1"/>
  <c r="AC121992" i="1"/>
  <c r="AC121993" i="1"/>
  <c r="AC121994" i="1"/>
  <c r="AC121995" i="1"/>
  <c r="AC121996" i="1"/>
  <c r="AC121997" i="1"/>
  <c r="AC121998" i="1"/>
  <c r="AC121999" i="1"/>
  <c r="AC122000" i="1"/>
  <c r="AC122001" i="1"/>
  <c r="AC122002" i="1"/>
  <c r="AC122003" i="1"/>
  <c r="AC122004" i="1"/>
  <c r="AC122005" i="1"/>
  <c r="AC122006" i="1"/>
  <c r="AC122007" i="1"/>
  <c r="AC122008" i="1"/>
  <c r="AC122009" i="1"/>
  <c r="AC122010" i="1"/>
  <c r="AC122011" i="1"/>
  <c r="AC122012" i="1"/>
  <c r="AC122013" i="1"/>
  <c r="AC122014" i="1"/>
  <c r="AC122015" i="1"/>
  <c r="AC122016" i="1"/>
  <c r="AC122017" i="1"/>
  <c r="AC122018" i="1"/>
  <c r="AC122019" i="1"/>
  <c r="AC122020" i="1"/>
  <c r="AC122021" i="1"/>
  <c r="AC122022" i="1"/>
  <c r="AC122023" i="1"/>
  <c r="AC122024" i="1"/>
  <c r="AC122025" i="1"/>
  <c r="AC122026" i="1"/>
  <c r="AC122027" i="1"/>
  <c r="AC122028" i="1"/>
  <c r="AC122029" i="1"/>
  <c r="AC122030" i="1"/>
  <c r="AC122031" i="1"/>
  <c r="AC122032" i="1"/>
  <c r="AC122033" i="1"/>
  <c r="AC122034" i="1"/>
  <c r="AC122035" i="1"/>
  <c r="AC122036" i="1"/>
  <c r="AC122037" i="1"/>
  <c r="AC122038" i="1"/>
  <c r="AC122039" i="1"/>
  <c r="AC122040" i="1"/>
  <c r="AC122041" i="1"/>
  <c r="AC122042" i="1"/>
  <c r="AC122043" i="1"/>
  <c r="AC122044" i="1"/>
  <c r="AC122045" i="1"/>
  <c r="AC122046" i="1"/>
  <c r="AC122047" i="1"/>
  <c r="AC122048" i="1"/>
  <c r="AC122049" i="1"/>
  <c r="AC122050" i="1"/>
  <c r="AC122051" i="1"/>
  <c r="AC122052" i="1"/>
  <c r="AC122053" i="1"/>
  <c r="AC122054" i="1"/>
  <c r="AC122055" i="1"/>
  <c r="AC122056" i="1"/>
  <c r="AC122057" i="1"/>
  <c r="AC122058" i="1"/>
  <c r="AC122059" i="1"/>
  <c r="AC122060" i="1"/>
  <c r="AC122061" i="1"/>
  <c r="AC122062" i="1"/>
  <c r="AC122063" i="1"/>
  <c r="AC122064" i="1"/>
  <c r="AC122065" i="1"/>
  <c r="AC122066" i="1"/>
  <c r="AC122067" i="1"/>
  <c r="AC122068" i="1"/>
  <c r="AC122069" i="1"/>
  <c r="AC122070" i="1"/>
  <c r="AC122071" i="1"/>
  <c r="AC122072" i="1"/>
  <c r="AC122073" i="1"/>
  <c r="AC122074" i="1"/>
  <c r="AC122075" i="1"/>
  <c r="AC122076" i="1"/>
  <c r="AC122077" i="1"/>
  <c r="AC122078" i="1"/>
  <c r="AC122079" i="1"/>
  <c r="AC122080" i="1"/>
  <c r="AC122081" i="1"/>
  <c r="AC122082" i="1"/>
  <c r="AC122083" i="1"/>
  <c r="AC122084" i="1"/>
  <c r="AC122085" i="1"/>
  <c r="AC122086" i="1"/>
  <c r="AC122087" i="1"/>
  <c r="AC122088" i="1"/>
  <c r="AC122089" i="1"/>
  <c r="AC122090" i="1"/>
  <c r="AC122091" i="1"/>
  <c r="AC122092" i="1"/>
  <c r="AC122093" i="1"/>
  <c r="AC122094" i="1"/>
  <c r="AC122095" i="1"/>
  <c r="AC122096" i="1"/>
  <c r="AC122097" i="1"/>
  <c r="AC122098" i="1"/>
  <c r="AC122099" i="1"/>
  <c r="AC122100" i="1"/>
  <c r="AC122101" i="1"/>
  <c r="AC122102" i="1"/>
  <c r="AC122103" i="1"/>
  <c r="AC122104" i="1"/>
  <c r="AC122105" i="1"/>
  <c r="AC122106" i="1"/>
  <c r="AC122107" i="1"/>
  <c r="AC122108" i="1"/>
  <c r="AC122109" i="1"/>
  <c r="AC122110" i="1"/>
  <c r="AC122111" i="1"/>
  <c r="AC122112" i="1"/>
  <c r="AC122113" i="1"/>
  <c r="AC122114" i="1"/>
  <c r="AC122115" i="1"/>
  <c r="AC122116" i="1"/>
  <c r="AC122117" i="1"/>
  <c r="AC122118" i="1"/>
  <c r="AC122119" i="1"/>
  <c r="AC122120" i="1"/>
  <c r="AC122121" i="1"/>
  <c r="AC122122" i="1"/>
  <c r="AC122123" i="1"/>
  <c r="AC122124" i="1"/>
  <c r="AC122125" i="1"/>
  <c r="AC122126" i="1"/>
  <c r="AC122127" i="1"/>
  <c r="AC122128" i="1"/>
  <c r="AC122129" i="1"/>
  <c r="AC122130" i="1"/>
  <c r="AC122131" i="1"/>
  <c r="AC122132" i="1"/>
  <c r="AC122133" i="1"/>
  <c r="AC122134" i="1"/>
  <c r="AC122135" i="1"/>
  <c r="AC122136" i="1"/>
  <c r="AC122137" i="1"/>
  <c r="AC122138" i="1"/>
  <c r="AC122139" i="1"/>
  <c r="AC122140" i="1"/>
  <c r="AC122141" i="1"/>
  <c r="AC122142" i="1"/>
  <c r="AC122143" i="1"/>
  <c r="AC122144" i="1"/>
  <c r="AC122145" i="1"/>
  <c r="AC122146" i="1"/>
  <c r="AC122147" i="1"/>
  <c r="AC122148" i="1"/>
  <c r="AC122149" i="1"/>
  <c r="AC122150" i="1"/>
  <c r="AC122151" i="1"/>
  <c r="AC122152" i="1"/>
  <c r="AC122153" i="1"/>
  <c r="AC122154" i="1"/>
  <c r="AC122155" i="1"/>
  <c r="AC122156" i="1"/>
  <c r="AC122157" i="1"/>
  <c r="AC122158" i="1"/>
  <c r="AC122159" i="1"/>
  <c r="AC122160" i="1"/>
  <c r="AC122161" i="1"/>
  <c r="AC122162" i="1"/>
  <c r="AC122163" i="1"/>
  <c r="AC122164" i="1"/>
  <c r="AC122165" i="1"/>
  <c r="AC122166" i="1"/>
  <c r="AC122167" i="1"/>
  <c r="AC122168" i="1"/>
  <c r="AC122169" i="1"/>
  <c r="AC122170" i="1"/>
  <c r="AC122171" i="1"/>
  <c r="AC122172" i="1"/>
  <c r="AC122173" i="1"/>
  <c r="AC122174" i="1"/>
  <c r="AC122175" i="1"/>
  <c r="AC122176" i="1"/>
  <c r="AC122177" i="1"/>
  <c r="AC122178" i="1"/>
  <c r="AC122179" i="1"/>
  <c r="AC122180" i="1"/>
  <c r="AC122181" i="1"/>
  <c r="AC122182" i="1"/>
  <c r="AC122183" i="1"/>
  <c r="AC122184" i="1"/>
  <c r="AC122185" i="1"/>
  <c r="AC122186" i="1"/>
  <c r="AC122187" i="1"/>
  <c r="AC122188" i="1"/>
  <c r="AC122189" i="1"/>
  <c r="AC122190" i="1"/>
  <c r="AC122191" i="1"/>
  <c r="AC122192" i="1"/>
  <c r="AC122193" i="1"/>
  <c r="AC122194" i="1"/>
  <c r="AC122195" i="1"/>
  <c r="AC122196" i="1"/>
  <c r="AC122197" i="1"/>
  <c r="AC122198" i="1"/>
  <c r="AC122199" i="1"/>
  <c r="AC122200" i="1"/>
  <c r="AC122201" i="1"/>
  <c r="AC122202" i="1"/>
  <c r="AC122203" i="1"/>
  <c r="AC122204" i="1"/>
  <c r="AC122205" i="1"/>
  <c r="AC122206" i="1"/>
  <c r="AC122207" i="1"/>
  <c r="AC122208" i="1"/>
  <c r="AC122209" i="1"/>
  <c r="AC122210" i="1"/>
  <c r="AC122211" i="1"/>
  <c r="AC122212" i="1"/>
  <c r="AC122213" i="1"/>
  <c r="AC122214" i="1"/>
  <c r="AC122215" i="1"/>
  <c r="AC122216" i="1"/>
  <c r="AC122217" i="1"/>
  <c r="AC122218" i="1"/>
  <c r="AC122219" i="1"/>
  <c r="AC122220" i="1"/>
  <c r="AC122221" i="1"/>
  <c r="AC122222" i="1"/>
  <c r="AC122223" i="1"/>
  <c r="AC122224" i="1"/>
  <c r="AC122225" i="1"/>
  <c r="AC122226" i="1"/>
  <c r="AC122227" i="1"/>
  <c r="AC122228" i="1"/>
  <c r="AC122229" i="1"/>
  <c r="AC122230" i="1"/>
  <c r="AC122231" i="1"/>
  <c r="AC122232" i="1"/>
  <c r="AC122233" i="1"/>
  <c r="AC122234" i="1"/>
  <c r="AC122235" i="1"/>
  <c r="AC122236" i="1"/>
  <c r="AC122237" i="1"/>
  <c r="AC122238" i="1"/>
  <c r="AC122239" i="1"/>
  <c r="AC122240" i="1"/>
  <c r="AC122241" i="1"/>
  <c r="AC122242" i="1"/>
  <c r="AC122243" i="1"/>
  <c r="AC122244" i="1"/>
  <c r="AC122245" i="1"/>
  <c r="AC122246" i="1"/>
  <c r="AC122247" i="1"/>
  <c r="AC122248" i="1"/>
  <c r="AC122249" i="1"/>
  <c r="AC122250" i="1"/>
  <c r="AC122251" i="1"/>
  <c r="AC122252" i="1"/>
  <c r="AC122253" i="1"/>
  <c r="AC122254" i="1"/>
  <c r="AC122255" i="1"/>
  <c r="AC122256" i="1"/>
  <c r="AC122257" i="1"/>
  <c r="AC122258" i="1"/>
  <c r="AC122259" i="1"/>
  <c r="AC122260" i="1"/>
  <c r="AC122261" i="1"/>
  <c r="AC122262" i="1"/>
  <c r="AC122263" i="1"/>
  <c r="AC122264" i="1"/>
  <c r="AC122265" i="1"/>
  <c r="AC122266" i="1"/>
  <c r="AC122267" i="1"/>
  <c r="AC122268" i="1"/>
  <c r="AC122269" i="1"/>
  <c r="AC122270" i="1"/>
  <c r="AC122271" i="1"/>
  <c r="AC122272" i="1"/>
  <c r="AC122273" i="1"/>
  <c r="AC122274" i="1"/>
  <c r="AC122275" i="1"/>
  <c r="AC122276" i="1"/>
  <c r="AC122277" i="1"/>
  <c r="AC122278" i="1"/>
  <c r="AC122279" i="1"/>
  <c r="AC122280" i="1"/>
  <c r="AC122281" i="1"/>
  <c r="AC122282" i="1"/>
  <c r="AC122283" i="1"/>
  <c r="AC122284" i="1"/>
  <c r="AC122285" i="1"/>
  <c r="AC122286" i="1"/>
  <c r="AC122287" i="1"/>
  <c r="AC122288" i="1"/>
  <c r="AC122289" i="1"/>
  <c r="AC122290" i="1"/>
  <c r="AC122291" i="1"/>
  <c r="AC122292" i="1"/>
  <c r="AC122293" i="1"/>
  <c r="AC122294" i="1"/>
  <c r="AC122295" i="1"/>
  <c r="AC122296" i="1"/>
  <c r="AC122297" i="1"/>
  <c r="AC122298" i="1"/>
  <c r="AC122299" i="1"/>
  <c r="AC122300" i="1"/>
  <c r="AC122301" i="1"/>
  <c r="AC122302" i="1"/>
  <c r="AC122303" i="1"/>
  <c r="AC122304" i="1"/>
  <c r="AC122305" i="1"/>
  <c r="AC122306" i="1"/>
  <c r="AC122307" i="1"/>
  <c r="AC122308" i="1"/>
  <c r="AC122309" i="1"/>
  <c r="AC122310" i="1"/>
  <c r="AC122311" i="1"/>
  <c r="AC122312" i="1"/>
  <c r="AC122313" i="1"/>
  <c r="AC122314" i="1"/>
  <c r="AC122315" i="1"/>
  <c r="AC122316" i="1"/>
  <c r="AC122317" i="1"/>
  <c r="AC122318" i="1"/>
  <c r="AC122319" i="1"/>
  <c r="AC122320" i="1"/>
  <c r="AC122321" i="1"/>
  <c r="AC122322" i="1"/>
  <c r="AC122323" i="1"/>
  <c r="AC122324" i="1"/>
  <c r="AC122325" i="1"/>
  <c r="AC122326" i="1"/>
  <c r="AC122327" i="1"/>
  <c r="AC122328" i="1"/>
  <c r="AC122329" i="1"/>
  <c r="AC122330" i="1"/>
  <c r="AC122331" i="1"/>
  <c r="AC122332" i="1"/>
  <c r="AC122333" i="1"/>
  <c r="AC122334" i="1"/>
  <c r="AC122335" i="1"/>
  <c r="AC122336" i="1"/>
  <c r="AC122337" i="1"/>
  <c r="AC122338" i="1"/>
  <c r="AC122339" i="1"/>
  <c r="AC122340" i="1"/>
  <c r="AC122341" i="1"/>
  <c r="AC122342" i="1"/>
  <c r="AC122343" i="1"/>
  <c r="AC122344" i="1"/>
  <c r="AC122345" i="1"/>
  <c r="AC122346" i="1"/>
  <c r="AC122347" i="1"/>
  <c r="AC122348" i="1"/>
  <c r="AC122349" i="1"/>
  <c r="AC122350" i="1"/>
  <c r="AC122351" i="1"/>
  <c r="AC122352" i="1"/>
  <c r="AC122353" i="1"/>
  <c r="AC122354" i="1"/>
  <c r="AC122355" i="1"/>
  <c r="AC122356" i="1"/>
  <c r="AC122357" i="1"/>
  <c r="AC122358" i="1"/>
  <c r="AC122359" i="1"/>
  <c r="AC122360" i="1"/>
  <c r="AC122361" i="1"/>
  <c r="AC122362" i="1"/>
  <c r="AC122363" i="1"/>
  <c r="AC122364" i="1"/>
  <c r="AC122365" i="1"/>
  <c r="AC122366" i="1"/>
  <c r="AC122367" i="1"/>
  <c r="AC122368" i="1"/>
  <c r="AC122369" i="1"/>
  <c r="AC122370" i="1"/>
  <c r="AC122371" i="1"/>
  <c r="AC122372" i="1"/>
  <c r="AC122373" i="1"/>
  <c r="AC122374" i="1"/>
  <c r="AC122375" i="1"/>
  <c r="AC122376" i="1"/>
  <c r="AC122377" i="1"/>
  <c r="AC122378" i="1"/>
  <c r="AC122379" i="1"/>
  <c r="AC122380" i="1"/>
  <c r="AC122381" i="1"/>
  <c r="AC122382" i="1"/>
  <c r="AC122383" i="1"/>
  <c r="AC122384" i="1"/>
  <c r="AC122385" i="1"/>
  <c r="AC122386" i="1"/>
  <c r="AC122387" i="1"/>
  <c r="AC122388" i="1"/>
  <c r="AC122389" i="1"/>
  <c r="AC122390" i="1"/>
  <c r="AC122391" i="1"/>
  <c r="AC122392" i="1"/>
  <c r="AC122393" i="1"/>
  <c r="AC122394" i="1"/>
  <c r="AC122395" i="1"/>
  <c r="AC122396" i="1"/>
  <c r="AC122397" i="1"/>
  <c r="AC122398" i="1"/>
  <c r="AC122399" i="1"/>
  <c r="AC122400" i="1"/>
  <c r="AC122401" i="1"/>
  <c r="AC122402" i="1"/>
  <c r="AC122403" i="1"/>
  <c r="AC122404" i="1"/>
  <c r="AC122405" i="1"/>
  <c r="AC122406" i="1"/>
  <c r="AC122407" i="1"/>
  <c r="AC122408" i="1"/>
  <c r="AC122409" i="1"/>
  <c r="AC122410" i="1"/>
  <c r="AC122411" i="1"/>
  <c r="AC122412" i="1"/>
  <c r="AC122413" i="1"/>
  <c r="AC122414" i="1"/>
  <c r="AC122415" i="1"/>
  <c r="AC122416" i="1"/>
  <c r="AC122417" i="1"/>
  <c r="AC122418" i="1"/>
  <c r="AC122419" i="1"/>
  <c r="AC122420" i="1"/>
  <c r="AC122421" i="1"/>
  <c r="AC122422" i="1"/>
  <c r="AC122423" i="1"/>
  <c r="AC122424" i="1"/>
  <c r="AC122425" i="1"/>
  <c r="AC122426" i="1"/>
  <c r="AC122427" i="1"/>
  <c r="AC122428" i="1"/>
  <c r="AC122429" i="1"/>
  <c r="AC122430" i="1"/>
  <c r="AC122431" i="1"/>
  <c r="AC122432" i="1"/>
  <c r="AC122433" i="1"/>
  <c r="AC122434" i="1"/>
  <c r="AC122435" i="1"/>
  <c r="AC122436" i="1"/>
  <c r="AC122437" i="1"/>
  <c r="AC122438" i="1"/>
  <c r="AC122439" i="1"/>
  <c r="AC122440" i="1"/>
  <c r="AC122441" i="1"/>
  <c r="AC122442" i="1"/>
  <c r="AC122443" i="1"/>
  <c r="AC122444" i="1"/>
  <c r="AC122445" i="1"/>
  <c r="AC122446" i="1"/>
  <c r="AC122447" i="1"/>
  <c r="AC122448" i="1"/>
  <c r="AC122449" i="1"/>
  <c r="AC122450" i="1"/>
  <c r="AC122451" i="1"/>
  <c r="AC122452" i="1"/>
  <c r="AC122453" i="1"/>
  <c r="AC122454" i="1"/>
  <c r="AC122455" i="1"/>
  <c r="AC122456" i="1"/>
  <c r="AC122457" i="1"/>
  <c r="AC122458" i="1"/>
  <c r="AC122459" i="1"/>
  <c r="AC122460" i="1"/>
  <c r="AC122461" i="1"/>
  <c r="AC122462" i="1"/>
  <c r="AC122463" i="1"/>
  <c r="AC122464" i="1"/>
  <c r="AC122465" i="1"/>
  <c r="AC122466" i="1"/>
  <c r="AC122467" i="1"/>
  <c r="AC122468" i="1"/>
  <c r="AC122469" i="1"/>
  <c r="AC122470" i="1"/>
  <c r="AC122471" i="1"/>
  <c r="AC122472" i="1"/>
  <c r="AC122473" i="1"/>
  <c r="AC122474" i="1"/>
  <c r="AC122475" i="1"/>
  <c r="AC122476" i="1"/>
  <c r="AC122477" i="1"/>
  <c r="AC122478" i="1"/>
  <c r="AC122479" i="1"/>
  <c r="AC122480" i="1"/>
  <c r="AC122481" i="1"/>
  <c r="AC122482" i="1"/>
  <c r="AC122483" i="1"/>
  <c r="AC122484" i="1"/>
  <c r="AC122485" i="1"/>
  <c r="AC122486" i="1"/>
  <c r="AC122487" i="1"/>
  <c r="AC122488" i="1"/>
  <c r="AC122489" i="1"/>
  <c r="AC122490" i="1"/>
  <c r="AC122491" i="1"/>
  <c r="AC122492" i="1"/>
  <c r="AC122493" i="1"/>
  <c r="AC122494" i="1"/>
  <c r="AC122495" i="1"/>
  <c r="AC122496" i="1"/>
  <c r="AC122497" i="1"/>
  <c r="AC122498" i="1"/>
  <c r="AC122499" i="1"/>
  <c r="AC122500" i="1"/>
  <c r="AC122501" i="1"/>
  <c r="AC122502" i="1"/>
  <c r="AC122503" i="1"/>
  <c r="AC122504" i="1"/>
  <c r="AC122505" i="1"/>
  <c r="AC122506" i="1"/>
  <c r="AC122507" i="1"/>
  <c r="AC122508" i="1"/>
  <c r="AC122509" i="1"/>
  <c r="AC122510" i="1"/>
  <c r="AC122511" i="1"/>
  <c r="AC122512" i="1"/>
  <c r="AC122513" i="1"/>
  <c r="AC122514" i="1"/>
  <c r="AC122515" i="1"/>
  <c r="AC122516" i="1"/>
  <c r="AC122517" i="1"/>
  <c r="AC122518" i="1"/>
  <c r="AC122519" i="1"/>
  <c r="AC122520" i="1"/>
  <c r="AC122521" i="1"/>
  <c r="AC122522" i="1"/>
  <c r="AC122523" i="1"/>
  <c r="AC122524" i="1"/>
  <c r="AC122525" i="1"/>
  <c r="AC122526" i="1"/>
  <c r="AC122527" i="1"/>
  <c r="AC122528" i="1"/>
  <c r="AC122529" i="1"/>
  <c r="AC122530" i="1"/>
  <c r="AC122531" i="1"/>
  <c r="AC122532" i="1"/>
  <c r="AC122533" i="1"/>
  <c r="AC122534" i="1"/>
  <c r="AC122535" i="1"/>
  <c r="AC122536" i="1"/>
  <c r="AC122537" i="1"/>
  <c r="AC122538" i="1"/>
  <c r="AC122539" i="1"/>
  <c r="AC122540" i="1"/>
  <c r="AC122541" i="1"/>
  <c r="AC122542" i="1"/>
  <c r="AC122543" i="1"/>
  <c r="AC122544" i="1"/>
  <c r="AC122545" i="1"/>
  <c r="AC122546" i="1"/>
  <c r="AC122547" i="1"/>
  <c r="AC122548" i="1"/>
  <c r="AC122549" i="1"/>
  <c r="AC122550" i="1"/>
  <c r="AC122551" i="1"/>
  <c r="AC122552" i="1"/>
  <c r="AC122553" i="1"/>
  <c r="AC122554" i="1"/>
  <c r="AC122555" i="1"/>
  <c r="AC122556" i="1"/>
  <c r="AC122557" i="1"/>
  <c r="AC122558" i="1"/>
  <c r="AC122559" i="1"/>
  <c r="AC122560" i="1"/>
  <c r="AC122561" i="1"/>
  <c r="AC122562" i="1"/>
  <c r="AC122563" i="1"/>
  <c r="AC122564" i="1"/>
  <c r="AC122565" i="1"/>
  <c r="AC122566" i="1"/>
  <c r="AC122567" i="1"/>
  <c r="AC122568" i="1"/>
  <c r="AC122569" i="1"/>
  <c r="AC122570" i="1"/>
  <c r="AC122571" i="1"/>
  <c r="AC122572" i="1"/>
  <c r="AC122573" i="1"/>
  <c r="AC122574" i="1"/>
  <c r="AC122575" i="1"/>
  <c r="AC122576" i="1"/>
  <c r="AC122577" i="1"/>
  <c r="AC122578" i="1"/>
  <c r="AC122579" i="1"/>
  <c r="AC122580" i="1"/>
  <c r="AC122581" i="1"/>
  <c r="AC122582" i="1"/>
  <c r="AC122583" i="1"/>
  <c r="AC122584" i="1"/>
  <c r="AC122585" i="1"/>
  <c r="AC122586" i="1"/>
  <c r="AC122587" i="1"/>
  <c r="AC122588" i="1"/>
  <c r="AC122589" i="1"/>
  <c r="AC122590" i="1"/>
  <c r="AC122591" i="1"/>
  <c r="AC122592" i="1"/>
  <c r="AC122593" i="1"/>
  <c r="AC122594" i="1"/>
  <c r="AC122595" i="1"/>
  <c r="AC122596" i="1"/>
  <c r="AC122597" i="1"/>
  <c r="AC122598" i="1"/>
  <c r="AC122599" i="1"/>
  <c r="AC122600" i="1"/>
  <c r="AC122601" i="1"/>
  <c r="AC122602" i="1"/>
  <c r="AC122603" i="1"/>
  <c r="AC122604" i="1"/>
  <c r="AC122605" i="1"/>
  <c r="AC122606" i="1"/>
  <c r="AC122607" i="1"/>
  <c r="AC122608" i="1"/>
  <c r="AC122609" i="1"/>
  <c r="AC122610" i="1"/>
  <c r="AC122611" i="1"/>
  <c r="AC122612" i="1"/>
  <c r="AC122613" i="1"/>
  <c r="AC122614" i="1"/>
  <c r="AC122615" i="1"/>
  <c r="AC122616" i="1"/>
  <c r="AC122617" i="1"/>
  <c r="AC122618" i="1"/>
  <c r="AC122619" i="1"/>
  <c r="AC122620" i="1"/>
  <c r="AC122621" i="1"/>
  <c r="AC122622" i="1"/>
  <c r="AC122623" i="1"/>
  <c r="AC122624" i="1"/>
  <c r="AC122625" i="1"/>
  <c r="AC122626" i="1"/>
  <c r="AC122627" i="1"/>
  <c r="AC122628" i="1"/>
  <c r="AC122629" i="1"/>
  <c r="AC122630" i="1"/>
  <c r="AC122631" i="1"/>
  <c r="AC122632" i="1"/>
  <c r="AC122633" i="1"/>
  <c r="AC122634" i="1"/>
  <c r="AC122635" i="1"/>
  <c r="AC122636" i="1"/>
  <c r="AC122637" i="1"/>
  <c r="AC122638" i="1"/>
  <c r="AC122639" i="1"/>
  <c r="AC122640" i="1"/>
  <c r="AC122641" i="1"/>
  <c r="AC122642" i="1"/>
  <c r="AC122643" i="1"/>
  <c r="AC122644" i="1"/>
  <c r="AC122645" i="1"/>
  <c r="AC122646" i="1"/>
  <c r="AC122647" i="1"/>
  <c r="AC122648" i="1"/>
  <c r="AC122649" i="1"/>
  <c r="AC122650" i="1"/>
  <c r="AC122651" i="1"/>
  <c r="AC122652" i="1"/>
  <c r="AC122653" i="1"/>
  <c r="AC122654" i="1"/>
  <c r="AC122655" i="1"/>
  <c r="AC122656" i="1"/>
  <c r="AC122657" i="1"/>
  <c r="AC122658" i="1"/>
  <c r="AC122659" i="1"/>
  <c r="AC122660" i="1"/>
  <c r="AC122661" i="1"/>
  <c r="AC122662" i="1"/>
  <c r="AC122663" i="1"/>
  <c r="AC122664" i="1"/>
  <c r="AC122665" i="1"/>
  <c r="AC122666" i="1"/>
  <c r="AC122667" i="1"/>
  <c r="AC122668" i="1"/>
  <c r="AC122669" i="1"/>
  <c r="AC122670" i="1"/>
  <c r="AC122671" i="1"/>
  <c r="AC122672" i="1"/>
  <c r="AC122673" i="1"/>
  <c r="AC122674" i="1"/>
  <c r="AC122675" i="1"/>
  <c r="AC122676" i="1"/>
  <c r="AC122677" i="1"/>
  <c r="AC122678" i="1"/>
  <c r="AC122679" i="1"/>
  <c r="AC122680" i="1"/>
  <c r="AC122681" i="1"/>
  <c r="AC122682" i="1"/>
  <c r="AC122683" i="1"/>
  <c r="AC122684" i="1"/>
  <c r="AC122685" i="1"/>
  <c r="AC122686" i="1"/>
  <c r="AC122687" i="1"/>
  <c r="AC122688" i="1"/>
  <c r="AC122689" i="1"/>
  <c r="AC122690" i="1"/>
  <c r="AC122691" i="1"/>
  <c r="AC122692" i="1"/>
  <c r="AC122693" i="1"/>
  <c r="AC122694" i="1"/>
  <c r="AC122695" i="1"/>
  <c r="AC122696" i="1"/>
  <c r="AC122697" i="1"/>
  <c r="AC122698" i="1"/>
  <c r="AC122699" i="1"/>
  <c r="AC122700" i="1"/>
  <c r="AC122701" i="1"/>
  <c r="AC122702" i="1"/>
  <c r="AC122703" i="1"/>
  <c r="AC122704" i="1"/>
  <c r="AC122705" i="1"/>
  <c r="AC122706" i="1"/>
  <c r="AC122707" i="1"/>
  <c r="AC122708" i="1"/>
  <c r="AC122709" i="1"/>
  <c r="AC122710" i="1"/>
  <c r="AC122711" i="1"/>
  <c r="AC122712" i="1"/>
  <c r="AC122713" i="1"/>
  <c r="AC122714" i="1"/>
  <c r="AC122715" i="1"/>
  <c r="AC122716" i="1"/>
  <c r="AC122717" i="1"/>
  <c r="AC122718" i="1"/>
  <c r="AC122719" i="1"/>
  <c r="AC122720" i="1"/>
  <c r="AC122721" i="1"/>
  <c r="AC122722" i="1"/>
  <c r="AC122723" i="1"/>
  <c r="AC122724" i="1"/>
  <c r="AC122725" i="1"/>
  <c r="AC122726" i="1"/>
  <c r="AC122727" i="1"/>
  <c r="AC122728" i="1"/>
  <c r="AC122729" i="1"/>
  <c r="AC122730" i="1"/>
  <c r="AC122731" i="1"/>
  <c r="AC122732" i="1"/>
  <c r="AC122733" i="1"/>
  <c r="AC122734" i="1"/>
  <c r="AC122735" i="1"/>
  <c r="AC122736" i="1"/>
  <c r="AC122737" i="1"/>
  <c r="AC122738" i="1"/>
  <c r="AC122739" i="1"/>
  <c r="AC122740" i="1"/>
  <c r="AC122741" i="1"/>
  <c r="AC122742" i="1"/>
  <c r="AC122743" i="1"/>
  <c r="AC122744" i="1"/>
  <c r="AC122745" i="1"/>
  <c r="AC122746" i="1"/>
  <c r="AC122747" i="1"/>
  <c r="AC122748" i="1"/>
  <c r="AC122749" i="1"/>
  <c r="AC122750" i="1"/>
  <c r="AC122751" i="1"/>
  <c r="AC122752" i="1"/>
  <c r="AC122753" i="1"/>
  <c r="AC122754" i="1"/>
  <c r="AC122755" i="1"/>
  <c r="AC122756" i="1"/>
  <c r="AC122757" i="1"/>
  <c r="AC122758" i="1"/>
  <c r="AC122759" i="1"/>
  <c r="AC122760" i="1"/>
  <c r="AC122761" i="1"/>
  <c r="AC122762" i="1"/>
  <c r="AC122763" i="1"/>
  <c r="AC122764" i="1"/>
  <c r="AC122765" i="1"/>
  <c r="AC122766" i="1"/>
  <c r="AC122767" i="1"/>
  <c r="AC122768" i="1"/>
  <c r="AC122769" i="1"/>
  <c r="AC122770" i="1"/>
  <c r="AC122771" i="1"/>
  <c r="AC122772" i="1"/>
  <c r="AC122773" i="1"/>
  <c r="AC122774" i="1"/>
  <c r="AC122775" i="1"/>
  <c r="AC122776" i="1"/>
  <c r="AC122777" i="1"/>
  <c r="AC122778" i="1"/>
  <c r="AC122779" i="1"/>
  <c r="AC122780" i="1"/>
  <c r="AC122781" i="1"/>
  <c r="AC122782" i="1"/>
  <c r="AC122783" i="1"/>
  <c r="AC122784" i="1"/>
  <c r="AC122785" i="1"/>
  <c r="AC122786" i="1"/>
  <c r="AC122787" i="1"/>
  <c r="AC122788" i="1"/>
  <c r="AC122789" i="1"/>
  <c r="AC122790" i="1"/>
  <c r="AC122791" i="1"/>
  <c r="AC122792" i="1"/>
  <c r="AC122793" i="1"/>
  <c r="AC122794" i="1"/>
  <c r="AC122795" i="1"/>
  <c r="AC122796" i="1"/>
  <c r="AC122797" i="1"/>
  <c r="AC122798" i="1"/>
  <c r="AC122799" i="1"/>
  <c r="AC122800" i="1"/>
  <c r="AC122801" i="1"/>
  <c r="AC122802" i="1"/>
  <c r="AC122803" i="1"/>
  <c r="AC122804" i="1"/>
  <c r="AC122805" i="1"/>
  <c r="AC122806" i="1"/>
  <c r="AC122807" i="1"/>
  <c r="AC122808" i="1"/>
  <c r="AC122809" i="1"/>
  <c r="AC122810" i="1"/>
  <c r="AC122811" i="1"/>
  <c r="AC122812" i="1"/>
  <c r="AC122813" i="1"/>
  <c r="AC122814" i="1"/>
  <c r="AC122815" i="1"/>
  <c r="AC122816" i="1"/>
  <c r="AC122817" i="1"/>
  <c r="AC122818" i="1"/>
  <c r="AC122819" i="1"/>
  <c r="AC122820" i="1"/>
  <c r="AC122821" i="1"/>
  <c r="AC122822" i="1"/>
  <c r="AC122823" i="1"/>
  <c r="AC122824" i="1"/>
  <c r="AC122825" i="1"/>
  <c r="AC122826" i="1"/>
  <c r="AC122827" i="1"/>
  <c r="AC122828" i="1"/>
  <c r="AC122829" i="1"/>
  <c r="AC122830" i="1"/>
  <c r="AC122831" i="1"/>
  <c r="AC122832" i="1"/>
  <c r="AC122833" i="1"/>
  <c r="AC122834" i="1"/>
  <c r="AC122835" i="1"/>
  <c r="AC122836" i="1"/>
  <c r="AC122837" i="1"/>
  <c r="AC122838" i="1"/>
  <c r="AC122839" i="1"/>
  <c r="AC122840" i="1"/>
  <c r="AC122841" i="1"/>
  <c r="AC122842" i="1"/>
  <c r="AC122843" i="1"/>
  <c r="AC122844" i="1"/>
  <c r="AC122845" i="1"/>
  <c r="AC122846" i="1"/>
  <c r="AC122847" i="1"/>
  <c r="AC122848" i="1"/>
  <c r="AC122849" i="1"/>
  <c r="AC122850" i="1"/>
  <c r="AC122851" i="1"/>
  <c r="AC122852" i="1"/>
  <c r="AC122853" i="1"/>
  <c r="AC122854" i="1"/>
  <c r="AC122855" i="1"/>
  <c r="AC122856" i="1"/>
  <c r="AC122857" i="1"/>
  <c r="AC122858" i="1"/>
  <c r="AC122859" i="1"/>
  <c r="AC122860" i="1"/>
  <c r="AC122861" i="1"/>
  <c r="AC122862" i="1"/>
  <c r="AC122863" i="1"/>
  <c r="AC122864" i="1"/>
  <c r="AC122865" i="1"/>
  <c r="AC122866" i="1"/>
  <c r="AC122867" i="1"/>
  <c r="AC122868" i="1"/>
  <c r="AC122869" i="1"/>
  <c r="AC122870" i="1"/>
  <c r="AC122871" i="1"/>
  <c r="AC122872" i="1"/>
  <c r="AC122873" i="1"/>
  <c r="AC122874" i="1"/>
  <c r="AC122875" i="1"/>
  <c r="AC122876" i="1"/>
  <c r="AC122877" i="1"/>
  <c r="AC122878" i="1"/>
  <c r="AC122879" i="1"/>
  <c r="AC122880" i="1"/>
  <c r="AC122881" i="1"/>
  <c r="AC122882" i="1"/>
  <c r="AC122883" i="1"/>
  <c r="AC122884" i="1"/>
  <c r="AC122885" i="1"/>
  <c r="AC122886" i="1"/>
  <c r="AC122887" i="1"/>
  <c r="AC122888" i="1"/>
  <c r="AC122889" i="1"/>
  <c r="AC122890" i="1"/>
  <c r="AC122891" i="1"/>
  <c r="AC122892" i="1"/>
  <c r="AC122893" i="1"/>
  <c r="AC122894" i="1"/>
  <c r="AC122895" i="1"/>
  <c r="AC122896" i="1"/>
  <c r="AC122897" i="1"/>
  <c r="AC122898" i="1"/>
  <c r="AC122899" i="1"/>
  <c r="AC122900" i="1"/>
  <c r="AC122901" i="1"/>
  <c r="AC122902" i="1"/>
  <c r="AC122903" i="1"/>
  <c r="AC122904" i="1"/>
  <c r="AC122905" i="1"/>
  <c r="AC122906" i="1"/>
  <c r="AC122907" i="1"/>
  <c r="AC122908" i="1"/>
  <c r="AC122909" i="1"/>
  <c r="AC122910" i="1"/>
  <c r="AC122911" i="1"/>
  <c r="AC122912" i="1"/>
  <c r="AC122913" i="1"/>
  <c r="AC122914" i="1"/>
  <c r="AC122915" i="1"/>
  <c r="AC122916" i="1"/>
  <c r="AC122917" i="1"/>
  <c r="AC122918" i="1"/>
  <c r="AC122919" i="1"/>
  <c r="AC122920" i="1"/>
  <c r="AC122921" i="1"/>
  <c r="AC122922" i="1"/>
  <c r="AC122923" i="1"/>
  <c r="AC122924" i="1"/>
  <c r="AC122925" i="1"/>
  <c r="AC122926" i="1"/>
  <c r="AC122927" i="1"/>
  <c r="AC122928" i="1"/>
  <c r="AC122929" i="1"/>
  <c r="AC122930" i="1"/>
  <c r="AC122931" i="1"/>
  <c r="AC122932" i="1"/>
  <c r="AC122933" i="1"/>
  <c r="AC122934" i="1"/>
  <c r="AC122935" i="1"/>
  <c r="AC122936" i="1"/>
  <c r="AC122937" i="1"/>
  <c r="AC122938" i="1"/>
  <c r="AC122939" i="1"/>
  <c r="AC122940" i="1"/>
  <c r="AC122941" i="1"/>
  <c r="AC122942" i="1"/>
  <c r="AC122943" i="1"/>
  <c r="AC122944" i="1"/>
  <c r="AC122945" i="1"/>
  <c r="AC122946" i="1"/>
  <c r="AC122947" i="1"/>
  <c r="AC122948" i="1"/>
  <c r="AC122949" i="1"/>
  <c r="AC122950" i="1"/>
  <c r="AC122951" i="1"/>
  <c r="AC122952" i="1"/>
  <c r="AC122953" i="1"/>
  <c r="AC122954" i="1"/>
  <c r="AC122955" i="1"/>
  <c r="AC122956" i="1"/>
  <c r="AC122957" i="1"/>
  <c r="AC122958" i="1"/>
  <c r="AC122959" i="1"/>
  <c r="AC122960" i="1"/>
  <c r="AC122961" i="1"/>
  <c r="AC122962" i="1"/>
  <c r="AC122963" i="1"/>
  <c r="AC122964" i="1"/>
  <c r="AC122965" i="1"/>
  <c r="AC122966" i="1"/>
  <c r="AC122967" i="1"/>
  <c r="AC122968" i="1"/>
  <c r="AC122969" i="1"/>
  <c r="AC122970" i="1"/>
  <c r="AC122971" i="1"/>
  <c r="AC122972" i="1"/>
  <c r="AC122973" i="1"/>
  <c r="AC122974" i="1"/>
  <c r="AC122975" i="1"/>
  <c r="AC122976" i="1"/>
  <c r="AC122977" i="1"/>
  <c r="AC122978" i="1"/>
  <c r="AC122979" i="1"/>
  <c r="AC122980" i="1"/>
  <c r="AC122981" i="1"/>
  <c r="AC122982" i="1"/>
  <c r="AC122983" i="1"/>
  <c r="AC122984" i="1"/>
  <c r="AC122985" i="1"/>
  <c r="AC122986" i="1"/>
  <c r="AC122987" i="1"/>
  <c r="AC122988" i="1"/>
  <c r="AC122989" i="1"/>
  <c r="AC122990" i="1"/>
  <c r="AC122991" i="1"/>
  <c r="AC122992" i="1"/>
  <c r="AC122993" i="1"/>
  <c r="AC122994" i="1"/>
  <c r="AC122995" i="1"/>
  <c r="AC122996" i="1"/>
  <c r="AC122997" i="1"/>
  <c r="AC122998" i="1"/>
  <c r="AC122999" i="1"/>
  <c r="AC123000" i="1"/>
  <c r="AC123001" i="1"/>
  <c r="AC123002" i="1"/>
  <c r="AC123003" i="1"/>
  <c r="AC123004" i="1"/>
  <c r="AC123005" i="1"/>
  <c r="AC123006" i="1"/>
  <c r="AC123007" i="1"/>
  <c r="AC123008" i="1"/>
  <c r="AC123009" i="1"/>
  <c r="AC123010" i="1"/>
  <c r="AC123011" i="1"/>
  <c r="AC123012" i="1"/>
  <c r="AC123013" i="1"/>
  <c r="AC123014" i="1"/>
  <c r="AC123015" i="1"/>
  <c r="AC123016" i="1"/>
  <c r="AC123017" i="1"/>
  <c r="AC123018" i="1"/>
  <c r="AC123019" i="1"/>
  <c r="AC123020" i="1"/>
  <c r="AC123021" i="1"/>
  <c r="AC123022" i="1"/>
  <c r="AC123023" i="1"/>
  <c r="AC123024" i="1"/>
  <c r="AC123025" i="1"/>
  <c r="AC123026" i="1"/>
  <c r="AC123027" i="1"/>
  <c r="AC123028" i="1"/>
  <c r="AC123029" i="1"/>
  <c r="AC123030" i="1"/>
  <c r="AC123031" i="1"/>
  <c r="AC123032" i="1"/>
  <c r="AC123033" i="1"/>
  <c r="AC123034" i="1"/>
  <c r="AC123035" i="1"/>
  <c r="AC123036" i="1"/>
  <c r="AC123037" i="1"/>
  <c r="AC123038" i="1"/>
  <c r="AC123039" i="1"/>
  <c r="AC123040" i="1"/>
  <c r="AC123041" i="1"/>
  <c r="AC123042" i="1"/>
  <c r="AC123043" i="1"/>
  <c r="AC123044" i="1"/>
  <c r="AC123045" i="1"/>
  <c r="AC123046" i="1"/>
  <c r="AC123047" i="1"/>
  <c r="AC123048" i="1"/>
  <c r="AC123049" i="1"/>
  <c r="AC123050" i="1"/>
  <c r="AC123051" i="1"/>
  <c r="AC123052" i="1"/>
  <c r="AC123053" i="1"/>
  <c r="AC123054" i="1"/>
  <c r="AC123055" i="1"/>
  <c r="AC123056" i="1"/>
  <c r="AC123057" i="1"/>
  <c r="AC123058" i="1"/>
  <c r="AC123059" i="1"/>
  <c r="AC123060" i="1"/>
  <c r="AC123061" i="1"/>
  <c r="AC123062" i="1"/>
  <c r="AC123063" i="1"/>
  <c r="AC123064" i="1"/>
  <c r="AC123065" i="1"/>
  <c r="AC123066" i="1"/>
  <c r="AC123067" i="1"/>
  <c r="AC123068" i="1"/>
  <c r="AC123069" i="1"/>
  <c r="AC123070" i="1"/>
  <c r="AC123071" i="1"/>
  <c r="AC123072" i="1"/>
  <c r="AC123073" i="1"/>
  <c r="AC123074" i="1"/>
  <c r="AC123075" i="1"/>
  <c r="AC123076" i="1"/>
  <c r="AC123077" i="1"/>
  <c r="AC123078" i="1"/>
  <c r="AC123079" i="1"/>
  <c r="AC123080" i="1"/>
  <c r="AC123081" i="1"/>
  <c r="AC123082" i="1"/>
  <c r="AC123083" i="1"/>
  <c r="AC123084" i="1"/>
  <c r="AC123085" i="1"/>
  <c r="AC123086" i="1"/>
  <c r="AC123087" i="1"/>
  <c r="AC123088" i="1"/>
  <c r="AC123089" i="1"/>
  <c r="AC123090" i="1"/>
  <c r="AC123091" i="1"/>
  <c r="AC123092" i="1"/>
  <c r="AC123093" i="1"/>
  <c r="AC123094" i="1"/>
  <c r="AC123095" i="1"/>
  <c r="AC123096" i="1"/>
  <c r="AC123097" i="1"/>
  <c r="AC123098" i="1"/>
  <c r="AC123099" i="1"/>
  <c r="AC123100" i="1"/>
  <c r="AC123101" i="1"/>
  <c r="AC123102" i="1"/>
  <c r="AC123103" i="1"/>
  <c r="AC123104" i="1"/>
  <c r="AC123105" i="1"/>
  <c r="AC123106" i="1"/>
  <c r="AC123107" i="1"/>
  <c r="AC123108" i="1"/>
  <c r="AC123109" i="1"/>
  <c r="AC123110" i="1"/>
  <c r="AC123111" i="1"/>
  <c r="AC123112" i="1"/>
  <c r="AC123113" i="1"/>
  <c r="AC123114" i="1"/>
  <c r="AC123115" i="1"/>
  <c r="AC123116" i="1"/>
  <c r="AC123117" i="1"/>
  <c r="AC123118" i="1"/>
  <c r="AC123119" i="1"/>
  <c r="AC123120" i="1"/>
  <c r="AC123121" i="1"/>
  <c r="AC123122" i="1"/>
  <c r="AC123123" i="1"/>
  <c r="AC123124" i="1"/>
  <c r="AC123125" i="1"/>
  <c r="AC123126" i="1"/>
  <c r="AC123127" i="1"/>
  <c r="AC123128" i="1"/>
  <c r="AC123129" i="1"/>
  <c r="AC123130" i="1"/>
  <c r="AC123131" i="1"/>
  <c r="AC123132" i="1"/>
  <c r="AC123133" i="1"/>
  <c r="AC123134" i="1"/>
  <c r="AC123135" i="1"/>
  <c r="AC123136" i="1"/>
  <c r="AC123137" i="1"/>
  <c r="AC123138" i="1"/>
  <c r="AC123139" i="1"/>
  <c r="AC123140" i="1"/>
  <c r="AC123141" i="1"/>
  <c r="AC123142" i="1"/>
  <c r="AC123143" i="1"/>
  <c r="AC123144" i="1"/>
  <c r="AC123145" i="1"/>
  <c r="AC123146" i="1"/>
  <c r="AC123147" i="1"/>
  <c r="AC123148" i="1"/>
  <c r="AC123149" i="1"/>
  <c r="AC123150" i="1"/>
  <c r="AC123151" i="1"/>
  <c r="AC123152" i="1"/>
  <c r="AC123153" i="1"/>
  <c r="AC123154" i="1"/>
  <c r="AC123155" i="1"/>
  <c r="AC123156" i="1"/>
  <c r="AC123157" i="1"/>
  <c r="AC123158" i="1"/>
  <c r="AC123159" i="1"/>
  <c r="AC123160" i="1"/>
  <c r="AC123161" i="1"/>
  <c r="AC123162" i="1"/>
  <c r="AC123163" i="1"/>
  <c r="AC123164" i="1"/>
  <c r="AC123165" i="1"/>
  <c r="AC123166" i="1"/>
  <c r="AC123167" i="1"/>
  <c r="AC123168" i="1"/>
  <c r="AC123169" i="1"/>
  <c r="AC123170" i="1"/>
  <c r="AC123171" i="1"/>
  <c r="AC123172" i="1"/>
  <c r="AC123173" i="1"/>
  <c r="AC123174" i="1"/>
  <c r="AC123175" i="1"/>
  <c r="AC123176" i="1"/>
  <c r="AC123177" i="1"/>
  <c r="AC123178" i="1"/>
  <c r="AC123179" i="1"/>
  <c r="AC123180" i="1"/>
  <c r="AC123181" i="1"/>
  <c r="AC123182" i="1"/>
  <c r="AC123183" i="1"/>
  <c r="AC123184" i="1"/>
  <c r="AC123185" i="1"/>
  <c r="AC123186" i="1"/>
  <c r="AC123187" i="1"/>
  <c r="AC123188" i="1"/>
  <c r="AC123189" i="1"/>
  <c r="AC123190" i="1"/>
  <c r="AC123191" i="1"/>
  <c r="AC123192" i="1"/>
  <c r="AC123193" i="1"/>
  <c r="AC123194" i="1"/>
  <c r="AC123195" i="1"/>
  <c r="AC123196" i="1"/>
  <c r="AC123197" i="1"/>
  <c r="AC123198" i="1"/>
  <c r="AC123199" i="1"/>
  <c r="AC123200" i="1"/>
  <c r="AC123201" i="1"/>
  <c r="AC123202" i="1"/>
  <c r="AC123203" i="1"/>
  <c r="AC123204" i="1"/>
  <c r="AC123205" i="1"/>
  <c r="AC123206" i="1"/>
  <c r="AC123207" i="1"/>
  <c r="AC123208" i="1"/>
  <c r="AC123209" i="1"/>
  <c r="AC123210" i="1"/>
  <c r="AC123211" i="1"/>
  <c r="AC123212" i="1"/>
  <c r="AC123213" i="1"/>
  <c r="AC123214" i="1"/>
  <c r="AC123215" i="1"/>
  <c r="AC123216" i="1"/>
  <c r="AC123217" i="1"/>
  <c r="AC123218" i="1"/>
  <c r="AC123219" i="1"/>
  <c r="AC123220" i="1"/>
  <c r="AC123221" i="1"/>
  <c r="AC123222" i="1"/>
  <c r="AC123223" i="1"/>
  <c r="AC123224" i="1"/>
  <c r="AC123225" i="1"/>
  <c r="AC123226" i="1"/>
  <c r="AC123227" i="1"/>
  <c r="AC123228" i="1"/>
  <c r="AC123229" i="1"/>
  <c r="AC123230" i="1"/>
  <c r="AC123231" i="1"/>
  <c r="AC123232" i="1"/>
  <c r="AC123233" i="1"/>
  <c r="AC123234" i="1"/>
  <c r="AC123235" i="1"/>
  <c r="AC123236" i="1"/>
  <c r="AC123237" i="1"/>
  <c r="AC123238" i="1"/>
  <c r="AC123239" i="1"/>
  <c r="AC123240" i="1"/>
  <c r="AC123241" i="1"/>
  <c r="AC123242" i="1"/>
  <c r="AC123243" i="1"/>
  <c r="AC123244" i="1"/>
  <c r="AC123245" i="1"/>
  <c r="AC123246" i="1"/>
  <c r="AC123247" i="1"/>
  <c r="AC123248" i="1"/>
  <c r="AC123249" i="1"/>
  <c r="AC123250" i="1"/>
  <c r="AC123251" i="1"/>
  <c r="AC123252" i="1"/>
  <c r="AC123253" i="1"/>
  <c r="AC123254" i="1"/>
  <c r="AC123255" i="1"/>
  <c r="AC123256" i="1"/>
  <c r="AC123257" i="1"/>
  <c r="AC123258" i="1"/>
  <c r="AC123259" i="1"/>
  <c r="AC123260" i="1"/>
  <c r="AC123261" i="1"/>
  <c r="AC123262" i="1"/>
  <c r="AC123263" i="1"/>
  <c r="AC123264" i="1"/>
  <c r="AC123265" i="1"/>
  <c r="AC123266" i="1"/>
  <c r="AC123267" i="1"/>
  <c r="AC123268" i="1"/>
  <c r="AC123269" i="1"/>
  <c r="AC123270" i="1"/>
  <c r="AC123271" i="1"/>
  <c r="AC123272" i="1"/>
  <c r="AC123273" i="1"/>
  <c r="AC123274" i="1"/>
  <c r="AC123275" i="1"/>
  <c r="AC123276" i="1"/>
  <c r="AC123277" i="1"/>
  <c r="AC123278" i="1"/>
  <c r="AC123279" i="1"/>
  <c r="AC123280" i="1"/>
  <c r="AC123281" i="1"/>
  <c r="AC123282" i="1"/>
  <c r="AC123283" i="1"/>
  <c r="AC123284" i="1"/>
  <c r="AC123285" i="1"/>
  <c r="AC123286" i="1"/>
  <c r="AC123287" i="1"/>
  <c r="AC123288" i="1"/>
  <c r="AC123289" i="1"/>
  <c r="AC123290" i="1"/>
  <c r="AC123291" i="1"/>
  <c r="AC123292" i="1"/>
  <c r="AC123293" i="1"/>
  <c r="AC123294" i="1"/>
  <c r="AC123295" i="1"/>
  <c r="AC123296" i="1"/>
  <c r="AC123297" i="1"/>
  <c r="AC123298" i="1"/>
  <c r="AC123299" i="1"/>
  <c r="AC123300" i="1"/>
  <c r="AC123301" i="1"/>
  <c r="AC123302" i="1"/>
  <c r="AC123303" i="1"/>
  <c r="AC123304" i="1"/>
  <c r="AC123305" i="1"/>
  <c r="AC123306" i="1"/>
  <c r="AC123307" i="1"/>
  <c r="AC123308" i="1"/>
  <c r="AC123309" i="1"/>
  <c r="AC123310" i="1"/>
  <c r="AC123311" i="1"/>
  <c r="AC123312" i="1"/>
  <c r="AC123313" i="1"/>
  <c r="AC123314" i="1"/>
  <c r="AC123315" i="1"/>
  <c r="AC123316" i="1"/>
  <c r="AC123317" i="1"/>
  <c r="AC123318" i="1"/>
  <c r="AC123319" i="1"/>
  <c r="AC123320" i="1"/>
  <c r="AC123321" i="1"/>
  <c r="AC123322" i="1"/>
  <c r="AC123323" i="1"/>
  <c r="AC123324" i="1"/>
  <c r="AC123325" i="1"/>
  <c r="AC123326" i="1"/>
  <c r="AC123327" i="1"/>
  <c r="AC123328" i="1"/>
  <c r="AC123329" i="1"/>
  <c r="AC123330" i="1"/>
  <c r="AC123331" i="1"/>
  <c r="AC123332" i="1"/>
  <c r="AC123333" i="1"/>
  <c r="AC123334" i="1"/>
  <c r="AC123335" i="1"/>
  <c r="AC123336" i="1"/>
  <c r="AC123337" i="1"/>
  <c r="AC123338" i="1"/>
  <c r="AC123339" i="1"/>
  <c r="AC123340" i="1"/>
  <c r="AC123341" i="1"/>
  <c r="AC123342" i="1"/>
  <c r="AC123343" i="1"/>
  <c r="AC123344" i="1"/>
  <c r="AC123345" i="1"/>
  <c r="AC123346" i="1"/>
  <c r="AC123347" i="1"/>
  <c r="AC123348" i="1"/>
  <c r="AC123349" i="1"/>
  <c r="AC123350" i="1"/>
  <c r="AC123351" i="1"/>
  <c r="AC123352" i="1"/>
  <c r="AC123353" i="1"/>
  <c r="AC123354" i="1"/>
  <c r="AC123355" i="1"/>
  <c r="AC123356" i="1"/>
  <c r="AC123357" i="1"/>
  <c r="AC123358" i="1"/>
  <c r="AC123359" i="1"/>
  <c r="AC123360" i="1"/>
  <c r="AC123361" i="1"/>
  <c r="AC123362" i="1"/>
  <c r="AC123363" i="1"/>
  <c r="AC123364" i="1"/>
  <c r="AC123365" i="1"/>
  <c r="AC123366" i="1"/>
  <c r="AC123367" i="1"/>
  <c r="AC123368" i="1"/>
  <c r="AC123369" i="1"/>
  <c r="AC123370" i="1"/>
  <c r="AC123371" i="1"/>
  <c r="AC123372" i="1"/>
  <c r="AC123373" i="1"/>
  <c r="AC123374" i="1"/>
  <c r="AC123375" i="1"/>
  <c r="AC123376" i="1"/>
  <c r="AC123377" i="1"/>
  <c r="AC123378" i="1"/>
  <c r="AC123379" i="1"/>
  <c r="AC123380" i="1"/>
  <c r="AC123381" i="1"/>
  <c r="AC123382" i="1"/>
  <c r="AC123383" i="1"/>
  <c r="AC123384" i="1"/>
  <c r="AC123385" i="1"/>
  <c r="AC123386" i="1"/>
  <c r="AC123387" i="1"/>
  <c r="AC123388" i="1"/>
  <c r="AC123389" i="1"/>
  <c r="AC123390" i="1"/>
  <c r="AC123391" i="1"/>
  <c r="AC123392" i="1"/>
  <c r="AC123393" i="1"/>
  <c r="AC123394" i="1"/>
  <c r="AC123395" i="1"/>
  <c r="AC123396" i="1"/>
  <c r="AC123397" i="1"/>
  <c r="AC123398" i="1"/>
  <c r="AC123399" i="1"/>
  <c r="AC123400" i="1"/>
  <c r="AC123401" i="1"/>
  <c r="AC123402" i="1"/>
  <c r="AC123403" i="1"/>
  <c r="AC123404" i="1"/>
  <c r="AC123405" i="1"/>
  <c r="AC123406" i="1"/>
  <c r="AC123407" i="1"/>
  <c r="AC123408" i="1"/>
  <c r="AC123409" i="1"/>
  <c r="AC123410" i="1"/>
  <c r="AC123411" i="1"/>
  <c r="AC123412" i="1"/>
  <c r="AC123413" i="1"/>
  <c r="AC123414" i="1"/>
  <c r="AC123415" i="1"/>
  <c r="AC123416" i="1"/>
  <c r="AC123417" i="1"/>
  <c r="AC123418" i="1"/>
  <c r="AC123419" i="1"/>
  <c r="AC123420" i="1"/>
  <c r="AC123421" i="1"/>
  <c r="AC123422" i="1"/>
  <c r="AC123423" i="1"/>
  <c r="AC123424" i="1"/>
  <c r="AC123425" i="1"/>
  <c r="AC123426" i="1"/>
  <c r="AC123427" i="1"/>
  <c r="AC123428" i="1"/>
  <c r="AC123429" i="1"/>
  <c r="AC123430" i="1"/>
  <c r="AC123431" i="1"/>
  <c r="AC123432" i="1"/>
  <c r="AC123433" i="1"/>
  <c r="AC123434" i="1"/>
  <c r="AC123435" i="1"/>
  <c r="AC123436" i="1"/>
  <c r="AC123437" i="1"/>
  <c r="AC123438" i="1"/>
  <c r="AC123439" i="1"/>
  <c r="AC123440" i="1"/>
  <c r="AC123441" i="1"/>
  <c r="AC123442" i="1"/>
  <c r="AC123443" i="1"/>
  <c r="AC123444" i="1"/>
  <c r="AC123445" i="1"/>
  <c r="AC123446" i="1"/>
  <c r="AC123447" i="1"/>
  <c r="AC123448" i="1"/>
  <c r="AC123449" i="1"/>
  <c r="AC123450" i="1"/>
  <c r="AC123451" i="1"/>
  <c r="AC123452" i="1"/>
  <c r="AC123453" i="1"/>
  <c r="AC123454" i="1"/>
  <c r="AC123455" i="1"/>
  <c r="AC123456" i="1"/>
  <c r="AC123457" i="1"/>
  <c r="AC123458" i="1"/>
  <c r="AC123459" i="1"/>
  <c r="AC123460" i="1"/>
  <c r="AC123461" i="1"/>
  <c r="AC123462" i="1"/>
  <c r="AC123463" i="1"/>
  <c r="AC123464" i="1"/>
  <c r="AC123465" i="1"/>
  <c r="AC123466" i="1"/>
  <c r="AC123467" i="1"/>
  <c r="AC123468" i="1"/>
  <c r="AC123469" i="1"/>
  <c r="AC123470" i="1"/>
  <c r="AC123471" i="1"/>
  <c r="AC123472" i="1"/>
  <c r="AC123473" i="1"/>
  <c r="AC123474" i="1"/>
  <c r="AC123475" i="1"/>
  <c r="AC123476" i="1"/>
  <c r="AC123477" i="1"/>
  <c r="AC123478" i="1"/>
  <c r="AC123479" i="1"/>
  <c r="AC123480" i="1"/>
  <c r="AC123481" i="1"/>
  <c r="AC123482" i="1"/>
  <c r="AC123483" i="1"/>
  <c r="AC123484" i="1"/>
  <c r="AC123485" i="1"/>
  <c r="AC123486" i="1"/>
  <c r="AC123487" i="1"/>
  <c r="AC123488" i="1"/>
  <c r="AC123489" i="1"/>
  <c r="AC123490" i="1"/>
  <c r="AC123491" i="1"/>
  <c r="AC123492" i="1"/>
  <c r="AC123493" i="1"/>
  <c r="AC123494" i="1"/>
  <c r="AC123495" i="1"/>
  <c r="AC123496" i="1"/>
  <c r="AC123497" i="1"/>
  <c r="AC123498" i="1"/>
  <c r="AC123499" i="1"/>
  <c r="AC123500" i="1"/>
  <c r="AC123501" i="1"/>
  <c r="AC123502" i="1"/>
  <c r="AC123503" i="1"/>
  <c r="AC123504" i="1"/>
  <c r="AC123505" i="1"/>
  <c r="AC123506" i="1"/>
  <c r="AC123507" i="1"/>
  <c r="AC123508" i="1"/>
  <c r="AC123509" i="1"/>
  <c r="AC123510" i="1"/>
  <c r="AC123511" i="1"/>
  <c r="AC123512" i="1"/>
  <c r="AC123513" i="1"/>
  <c r="AC123514" i="1"/>
  <c r="AC123515" i="1"/>
  <c r="AC123516" i="1"/>
  <c r="AC123517" i="1"/>
  <c r="AC123518" i="1"/>
  <c r="AC123519" i="1"/>
  <c r="AC123520" i="1"/>
  <c r="AC123521" i="1"/>
  <c r="AC123522" i="1"/>
  <c r="AC123523" i="1"/>
  <c r="AC123524" i="1"/>
  <c r="AC123525" i="1"/>
  <c r="AC123526" i="1"/>
  <c r="AC123527" i="1"/>
  <c r="AC123528" i="1"/>
  <c r="AC123529" i="1"/>
  <c r="AC123530" i="1"/>
  <c r="AC123531" i="1"/>
  <c r="AC123532" i="1"/>
  <c r="AC123533" i="1"/>
  <c r="AC123534" i="1"/>
  <c r="AC123535" i="1"/>
  <c r="AC123536" i="1"/>
  <c r="AC123537" i="1"/>
  <c r="AC123538" i="1"/>
  <c r="AC123539" i="1"/>
  <c r="AC123540" i="1"/>
  <c r="AC123541" i="1"/>
  <c r="AC123542" i="1"/>
  <c r="AC123543" i="1"/>
  <c r="AC123544" i="1"/>
  <c r="AC123545" i="1"/>
  <c r="AC123546" i="1"/>
  <c r="AC123547" i="1"/>
  <c r="AC123548" i="1"/>
  <c r="AC123549" i="1"/>
  <c r="AC123550" i="1"/>
  <c r="AC123551" i="1"/>
  <c r="AC123552" i="1"/>
  <c r="AC123553" i="1"/>
  <c r="AC123554" i="1"/>
  <c r="AC123555" i="1"/>
  <c r="AC123556" i="1"/>
  <c r="AC123557" i="1"/>
  <c r="AC123558" i="1"/>
  <c r="AC123559" i="1"/>
  <c r="AC123560" i="1"/>
  <c r="AC123561" i="1"/>
  <c r="AC123562" i="1"/>
  <c r="AC123563" i="1"/>
  <c r="AC123564" i="1"/>
  <c r="AC123565" i="1"/>
  <c r="AC123566" i="1"/>
  <c r="AC123567" i="1"/>
  <c r="AC123568" i="1"/>
  <c r="AC123569" i="1"/>
  <c r="AC123570" i="1"/>
  <c r="AC123571" i="1"/>
  <c r="AC123572" i="1"/>
  <c r="AC123573" i="1"/>
  <c r="AC123574" i="1"/>
  <c r="AC123575" i="1"/>
  <c r="AC123576" i="1"/>
  <c r="AC123577" i="1"/>
  <c r="AC123578" i="1"/>
  <c r="AC123579" i="1"/>
  <c r="AC123580" i="1"/>
  <c r="AC123581" i="1"/>
  <c r="AC123582" i="1"/>
  <c r="AC123583" i="1"/>
  <c r="AC123584" i="1"/>
  <c r="AC123585" i="1"/>
  <c r="AC123586" i="1"/>
  <c r="AC123587" i="1"/>
  <c r="AC123588" i="1"/>
  <c r="AC123589" i="1"/>
  <c r="AC123590" i="1"/>
  <c r="AC123591" i="1"/>
  <c r="AC123592" i="1"/>
  <c r="AC123593" i="1"/>
  <c r="AC123594" i="1"/>
  <c r="AC123595" i="1"/>
  <c r="AC123596" i="1"/>
  <c r="AC123597" i="1"/>
  <c r="AC123598" i="1"/>
  <c r="AC123599" i="1"/>
  <c r="AC123600" i="1"/>
  <c r="AC123601" i="1"/>
  <c r="AC123602" i="1"/>
  <c r="AC123603" i="1"/>
  <c r="AC123604" i="1"/>
  <c r="AC123605" i="1"/>
  <c r="AC123606" i="1"/>
  <c r="AC123607" i="1"/>
  <c r="AC123608" i="1"/>
  <c r="AC123609" i="1"/>
  <c r="AC123610" i="1"/>
  <c r="AC123611" i="1"/>
  <c r="AC123612" i="1"/>
  <c r="AC123613" i="1"/>
  <c r="AC123614" i="1"/>
  <c r="AC123615" i="1"/>
  <c r="AC123616" i="1"/>
  <c r="AC123617" i="1"/>
  <c r="AC123618" i="1"/>
  <c r="AC123619" i="1"/>
  <c r="AC123620" i="1"/>
  <c r="AC123621" i="1"/>
  <c r="AC123622" i="1"/>
  <c r="AC123623" i="1"/>
  <c r="AC123624" i="1"/>
  <c r="AC123625" i="1"/>
  <c r="AC123626" i="1"/>
  <c r="AC123627" i="1"/>
  <c r="AC123628" i="1"/>
  <c r="AC123629" i="1"/>
  <c r="AC123630" i="1"/>
  <c r="AC123631" i="1"/>
  <c r="AC123632" i="1"/>
  <c r="AC123633" i="1"/>
  <c r="AC123634" i="1"/>
  <c r="AC123635" i="1"/>
  <c r="AC123636" i="1"/>
  <c r="AC123637" i="1"/>
  <c r="AC123638" i="1"/>
  <c r="AC123639" i="1"/>
  <c r="AC123640" i="1"/>
  <c r="AC123641" i="1"/>
  <c r="AC123642" i="1"/>
  <c r="AC123643" i="1"/>
  <c r="AC123644" i="1"/>
  <c r="AC123645" i="1"/>
  <c r="AC123646" i="1"/>
  <c r="AC123647" i="1"/>
  <c r="AC123648" i="1"/>
  <c r="AC123649" i="1"/>
  <c r="AC123650" i="1"/>
  <c r="AC123651" i="1"/>
  <c r="AC123652" i="1"/>
  <c r="AC123653" i="1"/>
  <c r="AC123654" i="1"/>
  <c r="AC123655" i="1"/>
  <c r="AC123656" i="1"/>
  <c r="AC123657" i="1"/>
  <c r="AC123658" i="1"/>
  <c r="AC123659" i="1"/>
  <c r="AC123660" i="1"/>
  <c r="AC123661" i="1"/>
  <c r="AC123662" i="1"/>
  <c r="AC123663" i="1"/>
  <c r="AC123664" i="1"/>
  <c r="AC123665" i="1"/>
  <c r="AC123666" i="1"/>
  <c r="AC123667" i="1"/>
  <c r="AC123668" i="1"/>
  <c r="AC123669" i="1"/>
  <c r="AC123670" i="1"/>
  <c r="AC123671" i="1"/>
  <c r="AC123672" i="1"/>
  <c r="AC123673" i="1"/>
  <c r="AC123674" i="1"/>
  <c r="AC123675" i="1"/>
  <c r="AC123676" i="1"/>
  <c r="AC123677" i="1"/>
  <c r="AC123678" i="1"/>
  <c r="AC123679" i="1"/>
  <c r="AC123680" i="1"/>
  <c r="AC123681" i="1"/>
  <c r="AC123682" i="1"/>
  <c r="AC123683" i="1"/>
  <c r="AC123684" i="1"/>
  <c r="AC123685" i="1"/>
  <c r="AC123686" i="1"/>
  <c r="AC123687" i="1"/>
  <c r="AC123688" i="1"/>
  <c r="AC123689" i="1"/>
  <c r="AC123690" i="1"/>
  <c r="AC123691" i="1"/>
  <c r="AC123692" i="1"/>
  <c r="AC123693" i="1"/>
  <c r="AC123694" i="1"/>
  <c r="AC123695" i="1"/>
  <c r="AC123696" i="1"/>
  <c r="AC123697" i="1"/>
  <c r="AC123698" i="1"/>
  <c r="AC123699" i="1"/>
  <c r="AC123700" i="1"/>
  <c r="AC123701" i="1"/>
  <c r="AC123702" i="1"/>
  <c r="AC123703" i="1"/>
  <c r="AC123704" i="1"/>
  <c r="AC123705" i="1"/>
  <c r="AC123706" i="1"/>
  <c r="AC123707" i="1"/>
  <c r="AC123708" i="1"/>
  <c r="AC123709" i="1"/>
  <c r="AC123710" i="1"/>
  <c r="AC123711" i="1"/>
  <c r="AC123712" i="1"/>
  <c r="AC123713" i="1"/>
  <c r="AC123714" i="1"/>
  <c r="AC123715" i="1"/>
  <c r="AC123716" i="1"/>
  <c r="AC123717" i="1"/>
  <c r="AC123718" i="1"/>
  <c r="AC123719" i="1"/>
  <c r="AC123720" i="1"/>
  <c r="AC123721" i="1"/>
  <c r="AC123722" i="1"/>
  <c r="AC123723" i="1"/>
  <c r="AC123724" i="1"/>
  <c r="AC123725" i="1"/>
  <c r="AC123726" i="1"/>
  <c r="AC123727" i="1"/>
  <c r="AC123728" i="1"/>
  <c r="AC123729" i="1"/>
  <c r="AC123730" i="1"/>
  <c r="AC123731" i="1"/>
  <c r="AC123732" i="1"/>
  <c r="AC123733" i="1"/>
  <c r="AC123734" i="1"/>
  <c r="AC123735" i="1"/>
  <c r="AC123736" i="1"/>
  <c r="AC123737" i="1"/>
  <c r="AC123738" i="1"/>
  <c r="AC123739" i="1"/>
  <c r="AC123740" i="1"/>
  <c r="AC123741" i="1"/>
  <c r="AC123742" i="1"/>
  <c r="AC123743" i="1"/>
  <c r="AC123744" i="1"/>
  <c r="AC123745" i="1"/>
  <c r="AC123746" i="1"/>
  <c r="AC123747" i="1"/>
  <c r="AC123748" i="1"/>
  <c r="AC123749" i="1"/>
  <c r="AC123750" i="1"/>
  <c r="AC123751" i="1"/>
  <c r="AC123752" i="1"/>
  <c r="AC123753" i="1"/>
  <c r="AC123754" i="1"/>
  <c r="AC123755" i="1"/>
  <c r="AC123756" i="1"/>
  <c r="AC123757" i="1"/>
  <c r="AC123758" i="1"/>
  <c r="AC123759" i="1"/>
  <c r="AC123760" i="1"/>
  <c r="AC123761" i="1"/>
  <c r="AC123762" i="1"/>
  <c r="AC123763" i="1"/>
  <c r="AC123764" i="1"/>
  <c r="AC123765" i="1"/>
  <c r="AC123766" i="1"/>
  <c r="AC123767" i="1"/>
  <c r="AC123768" i="1"/>
  <c r="AC123769" i="1"/>
  <c r="AC123770" i="1"/>
  <c r="AC123771" i="1"/>
  <c r="AC123772" i="1"/>
  <c r="AC123773" i="1"/>
  <c r="AC123774" i="1"/>
  <c r="AC123775" i="1"/>
  <c r="AC123776" i="1"/>
  <c r="AC123777" i="1"/>
  <c r="AC123778" i="1"/>
  <c r="AC123779" i="1"/>
  <c r="AC123780" i="1"/>
  <c r="AC123781" i="1"/>
  <c r="AC123782" i="1"/>
  <c r="AC123783" i="1"/>
  <c r="AC123784" i="1"/>
  <c r="AC123785" i="1"/>
  <c r="AC123786" i="1"/>
  <c r="AC123787" i="1"/>
  <c r="AC123788" i="1"/>
  <c r="AC123789" i="1"/>
  <c r="AC123790" i="1"/>
  <c r="AC123791" i="1"/>
  <c r="AC123792" i="1"/>
  <c r="AC123793" i="1"/>
  <c r="AC123794" i="1"/>
  <c r="AC123795" i="1"/>
  <c r="AC123796" i="1"/>
  <c r="AC123797" i="1"/>
  <c r="AC123798" i="1"/>
  <c r="AC123799" i="1"/>
  <c r="AC123800" i="1"/>
  <c r="AC123801" i="1"/>
  <c r="AC123802" i="1"/>
  <c r="AC123803" i="1"/>
  <c r="AC123804" i="1"/>
  <c r="AC123805" i="1"/>
  <c r="AC123806" i="1"/>
  <c r="AC123807" i="1"/>
  <c r="AC123808" i="1"/>
  <c r="AC123809" i="1"/>
  <c r="AC123810" i="1"/>
  <c r="AC123811" i="1"/>
  <c r="AC123812" i="1"/>
  <c r="AC123813" i="1"/>
  <c r="AC123814" i="1"/>
  <c r="AC123815" i="1"/>
  <c r="AC123816" i="1"/>
  <c r="AC123817" i="1"/>
  <c r="AC123818" i="1"/>
  <c r="AC123819" i="1"/>
  <c r="AC123820" i="1"/>
  <c r="AC123821" i="1"/>
  <c r="AC123822" i="1"/>
  <c r="AC123823" i="1"/>
  <c r="AC123824" i="1"/>
  <c r="AC123825" i="1"/>
  <c r="AC123826" i="1"/>
  <c r="AC123827" i="1"/>
  <c r="AC123828" i="1"/>
  <c r="AC123829" i="1"/>
  <c r="AC123830" i="1"/>
  <c r="AC123831" i="1"/>
  <c r="AC123832" i="1"/>
  <c r="AC123833" i="1"/>
  <c r="AC123834" i="1"/>
  <c r="AC123835" i="1"/>
  <c r="AC123836" i="1"/>
  <c r="AC123837" i="1"/>
  <c r="AC123838" i="1"/>
  <c r="AC123839" i="1"/>
  <c r="AC123840" i="1"/>
  <c r="AC123841" i="1"/>
  <c r="AC123842" i="1"/>
  <c r="AC123843" i="1"/>
  <c r="AC123844" i="1"/>
  <c r="AC123845" i="1"/>
  <c r="AC123846" i="1"/>
  <c r="AC123847" i="1"/>
  <c r="AC123848" i="1"/>
  <c r="AC123849" i="1"/>
  <c r="AC123850" i="1"/>
  <c r="AC123851" i="1"/>
  <c r="AC123852" i="1"/>
  <c r="AC123853" i="1"/>
  <c r="AC123854" i="1"/>
  <c r="AC123855" i="1"/>
  <c r="AC123856" i="1"/>
  <c r="AC123857" i="1"/>
  <c r="AC123858" i="1"/>
  <c r="AC123859" i="1"/>
  <c r="AC123860" i="1"/>
  <c r="AC123861" i="1"/>
  <c r="AC123862" i="1"/>
  <c r="AC123863" i="1"/>
  <c r="AC123864" i="1"/>
  <c r="AC123865" i="1"/>
  <c r="AC123866" i="1"/>
  <c r="AC123867" i="1"/>
  <c r="AC123868" i="1"/>
  <c r="AC123869" i="1"/>
  <c r="AC123870" i="1"/>
  <c r="AC123871" i="1"/>
  <c r="AC123872" i="1"/>
  <c r="AC123873" i="1"/>
  <c r="AC123874" i="1"/>
  <c r="AC123875" i="1"/>
  <c r="AC123876" i="1"/>
  <c r="AC123877" i="1"/>
  <c r="AC123878" i="1"/>
  <c r="AC123879" i="1"/>
  <c r="AC123880" i="1"/>
  <c r="AC123881" i="1"/>
  <c r="AC123882" i="1"/>
  <c r="AC123883" i="1"/>
  <c r="AC123884" i="1"/>
  <c r="AC123885" i="1"/>
  <c r="AC123886" i="1"/>
  <c r="AC123887" i="1"/>
  <c r="AC123888" i="1"/>
  <c r="AC123889" i="1"/>
  <c r="AC123890" i="1"/>
  <c r="AC123891" i="1"/>
  <c r="AC123892" i="1"/>
  <c r="AC123893" i="1"/>
  <c r="AC123894" i="1"/>
  <c r="AC123895" i="1"/>
  <c r="AC123896" i="1"/>
  <c r="AC123897" i="1"/>
  <c r="AC123898" i="1"/>
  <c r="AC123899" i="1"/>
  <c r="AC123900" i="1"/>
  <c r="AC123901" i="1"/>
  <c r="AC123902" i="1"/>
  <c r="AC123903" i="1"/>
  <c r="AC123904" i="1"/>
  <c r="AC123905" i="1"/>
  <c r="AC123906" i="1"/>
  <c r="AC123907" i="1"/>
  <c r="AC123908" i="1"/>
  <c r="AC123909" i="1"/>
  <c r="AC123910" i="1"/>
  <c r="AC123911" i="1"/>
  <c r="AC123912" i="1"/>
  <c r="AC123913" i="1"/>
  <c r="AC123914" i="1"/>
  <c r="AC123915" i="1"/>
  <c r="AC123916" i="1"/>
  <c r="AC123917" i="1"/>
  <c r="AC123918" i="1"/>
  <c r="AC123919" i="1"/>
  <c r="AC123920" i="1"/>
  <c r="AC123921" i="1"/>
  <c r="AC123922" i="1"/>
  <c r="AC123923" i="1"/>
  <c r="AC123924" i="1"/>
  <c r="AC123925" i="1"/>
  <c r="AC123926" i="1"/>
  <c r="AC123927" i="1"/>
  <c r="AC123928" i="1"/>
  <c r="AC123929" i="1"/>
  <c r="AC123930" i="1"/>
  <c r="AC123931" i="1"/>
  <c r="AC123932" i="1"/>
  <c r="AC123933" i="1"/>
  <c r="AC123934" i="1"/>
  <c r="AC123935" i="1"/>
  <c r="AC123936" i="1"/>
  <c r="AC123937" i="1"/>
  <c r="AC123938" i="1"/>
  <c r="AC123939" i="1"/>
  <c r="AC123940" i="1"/>
  <c r="AC123941" i="1"/>
  <c r="AC123942" i="1"/>
  <c r="AC123943" i="1"/>
  <c r="AC123944" i="1"/>
  <c r="AC123945" i="1"/>
  <c r="AC123946" i="1"/>
  <c r="AC123947" i="1"/>
  <c r="AC123948" i="1"/>
  <c r="AC123949" i="1"/>
  <c r="AC123950" i="1"/>
  <c r="AC123951" i="1"/>
  <c r="AC123952" i="1"/>
  <c r="AC123953" i="1"/>
  <c r="AC123954" i="1"/>
  <c r="AC123955" i="1"/>
  <c r="AC123956" i="1"/>
  <c r="AC123957" i="1"/>
  <c r="AC123958" i="1"/>
  <c r="AC123959" i="1"/>
  <c r="AC123960" i="1"/>
  <c r="AC123961" i="1"/>
  <c r="AC123962" i="1"/>
  <c r="AC123963" i="1"/>
  <c r="AC123964" i="1"/>
  <c r="AC123965" i="1"/>
  <c r="AC123966" i="1"/>
  <c r="AC123967" i="1"/>
  <c r="AC123968" i="1"/>
  <c r="AC123969" i="1"/>
  <c r="AC123970" i="1"/>
  <c r="AC123971" i="1"/>
  <c r="AC123972" i="1"/>
  <c r="AC123973" i="1"/>
  <c r="AC123974" i="1"/>
  <c r="AC123975" i="1"/>
  <c r="AC123976" i="1"/>
  <c r="AC123977" i="1"/>
  <c r="AC123978" i="1"/>
  <c r="AC123979" i="1"/>
  <c r="AC123980" i="1"/>
  <c r="AC123981" i="1"/>
  <c r="AC123982" i="1"/>
  <c r="AC123983" i="1"/>
  <c r="AC123984" i="1"/>
  <c r="AC123985" i="1"/>
  <c r="AC123986" i="1"/>
  <c r="AC123987" i="1"/>
  <c r="AC123988" i="1"/>
  <c r="AC123989" i="1"/>
  <c r="AC123990" i="1"/>
  <c r="AC123991" i="1"/>
  <c r="AC123992" i="1"/>
  <c r="AC123993" i="1"/>
  <c r="AC123994" i="1"/>
  <c r="AC123995" i="1"/>
  <c r="AC123996" i="1"/>
  <c r="AC123997" i="1"/>
  <c r="AC123998" i="1"/>
  <c r="AC123999" i="1"/>
  <c r="AC124000" i="1"/>
  <c r="AC124001" i="1"/>
  <c r="AC124002" i="1"/>
  <c r="AC124003" i="1"/>
  <c r="AC124004" i="1"/>
  <c r="AC124005" i="1"/>
  <c r="AC124006" i="1"/>
  <c r="AC124007" i="1"/>
  <c r="AC124008" i="1"/>
  <c r="AC124009" i="1"/>
  <c r="AC124010" i="1"/>
  <c r="AC124011" i="1"/>
  <c r="AC124012" i="1"/>
  <c r="AC124013" i="1"/>
  <c r="AC124014" i="1"/>
  <c r="AC124015" i="1"/>
  <c r="AC124016" i="1"/>
  <c r="AC124017" i="1"/>
  <c r="AC124018" i="1"/>
  <c r="AC124019" i="1"/>
  <c r="AC124020" i="1"/>
  <c r="AC124021" i="1"/>
  <c r="AC124022" i="1"/>
  <c r="AC124023" i="1"/>
  <c r="AC124024" i="1"/>
  <c r="AC124025" i="1"/>
  <c r="AC124026" i="1"/>
  <c r="AC124027" i="1"/>
  <c r="AC124028" i="1"/>
  <c r="AC124029" i="1"/>
  <c r="AC124030" i="1"/>
  <c r="AC124031" i="1"/>
  <c r="AC124032" i="1"/>
  <c r="AC124033" i="1"/>
  <c r="AC124034" i="1"/>
  <c r="AC124035" i="1"/>
  <c r="AC124036" i="1"/>
  <c r="AC124037" i="1"/>
  <c r="AC124038" i="1"/>
  <c r="AC124039" i="1"/>
  <c r="AC124040" i="1"/>
  <c r="AC124041" i="1"/>
  <c r="AC124042" i="1"/>
  <c r="AC124043" i="1"/>
  <c r="AC124044" i="1"/>
  <c r="AC124045" i="1"/>
  <c r="AC124046" i="1"/>
  <c r="AC124047" i="1"/>
  <c r="AC124048" i="1"/>
  <c r="AC124049" i="1"/>
  <c r="AC124050" i="1"/>
  <c r="AC124051" i="1"/>
  <c r="AC124052" i="1"/>
  <c r="AC124053" i="1"/>
  <c r="AC124054" i="1"/>
  <c r="AC124055" i="1"/>
  <c r="AC124056" i="1"/>
  <c r="AC124057" i="1"/>
  <c r="AC124058" i="1"/>
  <c r="AC124059" i="1"/>
  <c r="AC124060" i="1"/>
  <c r="AC124061" i="1"/>
  <c r="AC124062" i="1"/>
  <c r="AC124063" i="1"/>
  <c r="AC124064" i="1"/>
  <c r="AC124065" i="1"/>
  <c r="AC124066" i="1"/>
  <c r="AC124067" i="1"/>
  <c r="AC124068" i="1"/>
  <c r="AC124069" i="1"/>
  <c r="AC124070" i="1"/>
  <c r="AC124071" i="1"/>
  <c r="AC124072" i="1"/>
  <c r="AC124073" i="1"/>
  <c r="AC124074" i="1"/>
  <c r="AC124075" i="1"/>
  <c r="AC124076" i="1"/>
  <c r="AC124077" i="1"/>
  <c r="AC124078" i="1"/>
  <c r="AC124079" i="1"/>
  <c r="AC124080" i="1"/>
  <c r="AC124081" i="1"/>
  <c r="AC124082" i="1"/>
  <c r="AC124083" i="1"/>
  <c r="AC124084" i="1"/>
  <c r="AC124085" i="1"/>
  <c r="AC124086" i="1"/>
  <c r="AC124087" i="1"/>
  <c r="AC124088" i="1"/>
  <c r="AC124089" i="1"/>
  <c r="AC124090" i="1"/>
  <c r="AC124091" i="1"/>
  <c r="AC124092" i="1"/>
  <c r="AC124093" i="1"/>
  <c r="AC124094" i="1"/>
  <c r="AC124095" i="1"/>
  <c r="AC124096" i="1"/>
  <c r="AC124097" i="1"/>
  <c r="AC124098" i="1"/>
  <c r="AC124099" i="1"/>
  <c r="AC124100" i="1"/>
  <c r="AC124101" i="1"/>
  <c r="AC124102" i="1"/>
  <c r="AC124103" i="1"/>
  <c r="AC124104" i="1"/>
  <c r="AC124105" i="1"/>
  <c r="AC124106" i="1"/>
  <c r="AC124107" i="1"/>
  <c r="AC124108" i="1"/>
  <c r="AC124109" i="1"/>
  <c r="AC124110" i="1"/>
  <c r="AC124111" i="1"/>
  <c r="AC124112" i="1"/>
  <c r="AC124113" i="1"/>
  <c r="AC124114" i="1"/>
  <c r="AC124115" i="1"/>
  <c r="AC124116" i="1"/>
  <c r="AC124117" i="1"/>
  <c r="AC124118" i="1"/>
  <c r="AC124119" i="1"/>
  <c r="AC124120" i="1"/>
  <c r="AC124121" i="1"/>
  <c r="AC124122" i="1"/>
  <c r="AC124123" i="1"/>
  <c r="AC124124" i="1"/>
  <c r="AC124125" i="1"/>
  <c r="AC124126" i="1"/>
  <c r="AC124127" i="1"/>
  <c r="AC124128" i="1"/>
  <c r="AC124129" i="1"/>
  <c r="AC124130" i="1"/>
  <c r="AC124131" i="1"/>
  <c r="AC124132" i="1"/>
  <c r="AC124133" i="1"/>
  <c r="AC124134" i="1"/>
  <c r="AC124135" i="1"/>
  <c r="AC124136" i="1"/>
  <c r="AC124137" i="1"/>
  <c r="AC124138" i="1"/>
  <c r="AC124139" i="1"/>
  <c r="AC124140" i="1"/>
  <c r="AC124141" i="1"/>
  <c r="AC124142" i="1"/>
  <c r="AC124143" i="1"/>
  <c r="AC124144" i="1"/>
  <c r="AC124145" i="1"/>
  <c r="AC124146" i="1"/>
  <c r="AC124147" i="1"/>
  <c r="AC124148" i="1"/>
  <c r="AC124149" i="1"/>
  <c r="AC124150" i="1"/>
  <c r="AC124151" i="1"/>
  <c r="AC124152" i="1"/>
  <c r="AC124153" i="1"/>
  <c r="AC124154" i="1"/>
  <c r="AC124155" i="1"/>
  <c r="AC124156" i="1"/>
  <c r="AC124157" i="1"/>
  <c r="AC124158" i="1"/>
  <c r="AC124159" i="1"/>
  <c r="AC124160" i="1"/>
  <c r="AC124161" i="1"/>
  <c r="AC124162" i="1"/>
  <c r="AC124163" i="1"/>
  <c r="AC124164" i="1"/>
  <c r="AC124165" i="1"/>
  <c r="AC124166" i="1"/>
  <c r="AC124167" i="1"/>
  <c r="AC124168" i="1"/>
  <c r="AC124169" i="1"/>
  <c r="AC124170" i="1"/>
  <c r="AC124171" i="1"/>
  <c r="AC124172" i="1"/>
  <c r="AC124173" i="1"/>
  <c r="AC124174" i="1"/>
  <c r="AC124175" i="1"/>
  <c r="AC124176" i="1"/>
  <c r="AC124177" i="1"/>
  <c r="AC124178" i="1"/>
  <c r="AC124179" i="1"/>
  <c r="AC124180" i="1"/>
  <c r="AC124181" i="1"/>
  <c r="AC124182" i="1"/>
  <c r="AC124183" i="1"/>
  <c r="AC124184" i="1"/>
  <c r="AC124185" i="1"/>
  <c r="AC124186" i="1"/>
  <c r="AC124187" i="1"/>
  <c r="AC124188" i="1"/>
  <c r="AC124189" i="1"/>
  <c r="AC124190" i="1"/>
  <c r="AC124191" i="1"/>
  <c r="AC124192" i="1"/>
  <c r="AC124193" i="1"/>
  <c r="AC124194" i="1"/>
  <c r="AC124195" i="1"/>
  <c r="AC124196" i="1"/>
  <c r="AC124197" i="1"/>
  <c r="AC124198" i="1"/>
  <c r="AC124199" i="1"/>
  <c r="AC124200" i="1"/>
  <c r="AC124201" i="1"/>
  <c r="AC124202" i="1"/>
  <c r="AC124203" i="1"/>
  <c r="AC124204" i="1"/>
  <c r="AC124205" i="1"/>
  <c r="AC124206" i="1"/>
  <c r="AC124207" i="1"/>
  <c r="AC124208" i="1"/>
  <c r="AC124209" i="1"/>
  <c r="AC124210" i="1"/>
  <c r="AC124211" i="1"/>
  <c r="AC124212" i="1"/>
  <c r="AC124213" i="1"/>
  <c r="AC124214" i="1"/>
  <c r="AC124215" i="1"/>
  <c r="AC124216" i="1"/>
  <c r="AC124217" i="1"/>
  <c r="AC124218" i="1"/>
  <c r="AC124219" i="1"/>
  <c r="AC124220" i="1"/>
  <c r="AC124221" i="1"/>
  <c r="AC124222" i="1"/>
  <c r="AC124223" i="1"/>
  <c r="AC124224" i="1"/>
  <c r="AC124225" i="1"/>
  <c r="AC124226" i="1"/>
  <c r="AC124227" i="1"/>
  <c r="AC124228" i="1"/>
  <c r="AC124229" i="1"/>
  <c r="AC124230" i="1"/>
  <c r="AC124231" i="1"/>
  <c r="AC124232" i="1"/>
  <c r="AC124233" i="1"/>
  <c r="AC124234" i="1"/>
  <c r="AC124235" i="1"/>
  <c r="AC124236" i="1"/>
  <c r="AC124237" i="1"/>
  <c r="AC124238" i="1"/>
  <c r="AC124239" i="1"/>
  <c r="AC124240" i="1"/>
  <c r="AC124241" i="1"/>
  <c r="AC124242" i="1"/>
  <c r="AC124243" i="1"/>
  <c r="AC124244" i="1"/>
  <c r="AC124245" i="1"/>
  <c r="AC124246" i="1"/>
  <c r="AC124247" i="1"/>
  <c r="AC124248" i="1"/>
  <c r="AC124249" i="1"/>
  <c r="AC124250" i="1"/>
  <c r="AC124251" i="1"/>
  <c r="AC124252" i="1"/>
  <c r="AC124253" i="1"/>
  <c r="AC124254" i="1"/>
  <c r="AC124255" i="1"/>
  <c r="AC124256" i="1"/>
  <c r="AC124257" i="1"/>
  <c r="AC124258" i="1"/>
  <c r="AC124259" i="1"/>
  <c r="AC124260" i="1"/>
  <c r="AC124261" i="1"/>
  <c r="AC124262" i="1"/>
  <c r="AC124263" i="1"/>
  <c r="AC124264" i="1"/>
  <c r="AC124265" i="1"/>
  <c r="AC124266" i="1"/>
  <c r="AC124267" i="1"/>
  <c r="AC124268" i="1"/>
  <c r="AC124269" i="1"/>
  <c r="AC124270" i="1"/>
  <c r="AC124271" i="1"/>
  <c r="AC124272" i="1"/>
  <c r="AC124273" i="1"/>
  <c r="AC124274" i="1"/>
  <c r="AC124275" i="1"/>
  <c r="AC124276" i="1"/>
  <c r="AC124277" i="1"/>
  <c r="AC124278" i="1"/>
  <c r="AC124279" i="1"/>
  <c r="AC124280" i="1"/>
  <c r="AC124281" i="1"/>
  <c r="AC124282" i="1"/>
  <c r="AC124283" i="1"/>
  <c r="AC124284" i="1"/>
  <c r="AC124285" i="1"/>
  <c r="AC124286" i="1"/>
  <c r="AC124287" i="1"/>
  <c r="AC124288" i="1"/>
  <c r="AC124289" i="1"/>
  <c r="AC124290" i="1"/>
  <c r="AC124291" i="1"/>
  <c r="AC124292" i="1"/>
  <c r="AC124293" i="1"/>
  <c r="AC124294" i="1"/>
  <c r="AC124295" i="1"/>
  <c r="AC124296" i="1"/>
  <c r="AC124297" i="1"/>
  <c r="AC124298" i="1"/>
  <c r="AC124299" i="1"/>
  <c r="AC124300" i="1"/>
  <c r="AC124301" i="1"/>
  <c r="AC124302" i="1"/>
  <c r="AC124303" i="1"/>
  <c r="AC124304" i="1"/>
  <c r="AC124305" i="1"/>
  <c r="AC124306" i="1"/>
  <c r="AC124307" i="1"/>
  <c r="AC124308" i="1"/>
  <c r="AC124309" i="1"/>
  <c r="AC124310" i="1"/>
  <c r="AC124311" i="1"/>
  <c r="AC124312" i="1"/>
  <c r="AC124313" i="1"/>
  <c r="AC124314" i="1"/>
  <c r="AC124315" i="1"/>
  <c r="AC124316" i="1"/>
  <c r="AC124317" i="1"/>
  <c r="AC124318" i="1"/>
  <c r="AC124319" i="1"/>
  <c r="AC124320" i="1"/>
  <c r="AC124321" i="1"/>
  <c r="AC124322" i="1"/>
  <c r="AC124323" i="1"/>
  <c r="AC124324" i="1"/>
  <c r="AC124325" i="1"/>
  <c r="AC124326" i="1"/>
  <c r="AC124327" i="1"/>
  <c r="AC124328" i="1"/>
  <c r="AC124329" i="1"/>
  <c r="AC124330" i="1"/>
  <c r="AC124331" i="1"/>
  <c r="AC124332" i="1"/>
  <c r="AC124333" i="1"/>
  <c r="AC124334" i="1"/>
  <c r="AC124335" i="1"/>
  <c r="AC124336" i="1"/>
  <c r="AC124337" i="1"/>
  <c r="AC124338" i="1"/>
  <c r="AC124339" i="1"/>
  <c r="AC124340" i="1"/>
  <c r="AC124341" i="1"/>
  <c r="AC124342" i="1"/>
  <c r="AC124343" i="1"/>
  <c r="AC124344" i="1"/>
  <c r="AC124345" i="1"/>
  <c r="AC124346" i="1"/>
  <c r="AC124347" i="1"/>
  <c r="AC124348" i="1"/>
  <c r="AC124349" i="1"/>
  <c r="AC124350" i="1"/>
  <c r="AC124351" i="1"/>
  <c r="AC124352" i="1"/>
  <c r="AC124353" i="1"/>
  <c r="AC124354" i="1"/>
  <c r="AC124355" i="1"/>
  <c r="AC124356" i="1"/>
  <c r="AC124357" i="1"/>
  <c r="AC124358" i="1"/>
  <c r="AC124359" i="1"/>
  <c r="AC124360" i="1"/>
  <c r="AC124361" i="1"/>
  <c r="AC124362" i="1"/>
  <c r="AC124363" i="1"/>
  <c r="AC124364" i="1"/>
  <c r="AC124365" i="1"/>
  <c r="AC124366" i="1"/>
  <c r="AC124367" i="1"/>
  <c r="AC124368" i="1"/>
  <c r="AC124369" i="1"/>
  <c r="AC124370" i="1"/>
  <c r="AC124371" i="1"/>
  <c r="AC124372" i="1"/>
  <c r="AC124373" i="1"/>
  <c r="AC124374" i="1"/>
  <c r="AC124375" i="1"/>
  <c r="AC124376" i="1"/>
  <c r="AC124377" i="1"/>
  <c r="AC124378" i="1"/>
  <c r="AC124379" i="1"/>
  <c r="AC124380" i="1"/>
  <c r="AC124381" i="1"/>
  <c r="AC124382" i="1"/>
  <c r="AC124383" i="1"/>
  <c r="AC124384" i="1"/>
  <c r="AC124385" i="1"/>
  <c r="AC124386" i="1"/>
  <c r="AC124387" i="1"/>
  <c r="AC124388" i="1"/>
  <c r="AC124389" i="1"/>
  <c r="AC124390" i="1"/>
  <c r="AC124391" i="1"/>
  <c r="AC124392" i="1"/>
  <c r="AC124393" i="1"/>
  <c r="AC124394" i="1"/>
  <c r="AC124395" i="1"/>
  <c r="AC124396" i="1"/>
  <c r="AC124397" i="1"/>
  <c r="AC124398" i="1"/>
  <c r="AC124399" i="1"/>
  <c r="AC124400" i="1"/>
  <c r="AC124401" i="1"/>
  <c r="AC124402" i="1"/>
  <c r="AC124403" i="1"/>
  <c r="AC124404" i="1"/>
  <c r="AC124405" i="1"/>
  <c r="AC124406" i="1"/>
  <c r="AC124407" i="1"/>
  <c r="AC124408" i="1"/>
  <c r="AC124409" i="1"/>
  <c r="AC124410" i="1"/>
  <c r="AC124411" i="1"/>
  <c r="AC124412" i="1"/>
  <c r="AC124413" i="1"/>
  <c r="AC124414" i="1"/>
  <c r="AC124415" i="1"/>
  <c r="AC124416" i="1"/>
  <c r="AC124417" i="1"/>
  <c r="AC124418" i="1"/>
  <c r="AC124419" i="1"/>
  <c r="AC124420" i="1"/>
  <c r="AC124421" i="1"/>
  <c r="AC124422" i="1"/>
  <c r="AC124423" i="1"/>
  <c r="AC124424" i="1"/>
  <c r="AC124425" i="1"/>
  <c r="AC124426" i="1"/>
  <c r="AC124427" i="1"/>
  <c r="AC124428" i="1"/>
  <c r="AC124429" i="1"/>
  <c r="AC124430" i="1"/>
  <c r="AC124431" i="1"/>
  <c r="AC124432" i="1"/>
  <c r="AC124433" i="1"/>
  <c r="AC124434" i="1"/>
  <c r="AC124435" i="1"/>
  <c r="AC124436" i="1"/>
  <c r="AC124437" i="1"/>
  <c r="AC124438" i="1"/>
  <c r="AC124439" i="1"/>
  <c r="AC124440" i="1"/>
  <c r="AC124441" i="1"/>
  <c r="AC124442" i="1"/>
  <c r="AC124443" i="1"/>
  <c r="AC124444" i="1"/>
  <c r="AC124445" i="1"/>
  <c r="AC124446" i="1"/>
  <c r="AC124447" i="1"/>
  <c r="AC124448" i="1"/>
  <c r="AC124449" i="1"/>
  <c r="AC124450" i="1"/>
  <c r="AC124451" i="1"/>
  <c r="AC124452" i="1"/>
  <c r="AC124453" i="1"/>
  <c r="AC124454" i="1"/>
  <c r="AC124455" i="1"/>
  <c r="AC124456" i="1"/>
  <c r="AC124457" i="1"/>
  <c r="AC124458" i="1"/>
  <c r="AC124459" i="1"/>
  <c r="AC124460" i="1"/>
  <c r="AC124461" i="1"/>
  <c r="AC124462" i="1"/>
  <c r="AC124463" i="1"/>
  <c r="AC124464" i="1"/>
  <c r="AC124465" i="1"/>
  <c r="AC124466" i="1"/>
  <c r="AC124467" i="1"/>
  <c r="AC124468" i="1"/>
  <c r="AC124469" i="1"/>
  <c r="AC124470" i="1"/>
  <c r="AC124471" i="1"/>
  <c r="AC124472" i="1"/>
  <c r="AC124473" i="1"/>
  <c r="AC124474" i="1"/>
  <c r="AC124475" i="1"/>
  <c r="AC124476" i="1"/>
  <c r="AC124477" i="1"/>
  <c r="AC124478" i="1"/>
  <c r="AC124479" i="1"/>
  <c r="AC124480" i="1"/>
  <c r="AC124481" i="1"/>
  <c r="AC124482" i="1"/>
  <c r="AC124483" i="1"/>
  <c r="AC124484" i="1"/>
  <c r="AC124485" i="1"/>
  <c r="AC124486" i="1"/>
  <c r="AC124487" i="1"/>
  <c r="AC124488" i="1"/>
  <c r="AC124489" i="1"/>
  <c r="AC124490" i="1"/>
  <c r="AC124491" i="1"/>
  <c r="AC124492" i="1"/>
  <c r="AC124493" i="1"/>
  <c r="AC124494" i="1"/>
  <c r="AC124495" i="1"/>
  <c r="AC124496" i="1"/>
  <c r="AC124497" i="1"/>
  <c r="AC124498" i="1"/>
  <c r="AC124499" i="1"/>
  <c r="AC124500" i="1"/>
  <c r="AC124501" i="1"/>
  <c r="AC124502" i="1"/>
  <c r="AC124503" i="1"/>
  <c r="AC124504" i="1"/>
  <c r="AC124505" i="1"/>
  <c r="AC124506" i="1"/>
  <c r="AC124507" i="1"/>
  <c r="AC124508" i="1"/>
  <c r="AC124509" i="1"/>
  <c r="AC124510" i="1"/>
  <c r="AC124511" i="1"/>
  <c r="AC124512" i="1"/>
  <c r="AC124513" i="1"/>
  <c r="AC124514" i="1"/>
  <c r="AC124515" i="1"/>
  <c r="AC124516" i="1"/>
  <c r="AC124517" i="1"/>
  <c r="AC124518" i="1"/>
  <c r="AC124519" i="1"/>
  <c r="AC124520" i="1"/>
  <c r="AC124521" i="1"/>
  <c r="AC124522" i="1"/>
  <c r="AC124523" i="1"/>
  <c r="AC124524" i="1"/>
  <c r="AC124525" i="1"/>
  <c r="AC124526" i="1"/>
  <c r="AC124527" i="1"/>
  <c r="AC124528" i="1"/>
  <c r="AC124529" i="1"/>
  <c r="AC124530" i="1"/>
  <c r="AC124531" i="1"/>
  <c r="AC124532" i="1"/>
  <c r="AC124533" i="1"/>
  <c r="AC124534" i="1"/>
  <c r="AC124535" i="1"/>
  <c r="AC124536" i="1"/>
  <c r="AC124537" i="1"/>
  <c r="AC124538" i="1"/>
  <c r="AC124539" i="1"/>
  <c r="AC124540" i="1"/>
  <c r="AC124541" i="1"/>
  <c r="AC124542" i="1"/>
  <c r="AC124543" i="1"/>
  <c r="AC124544" i="1"/>
  <c r="AC124545" i="1"/>
  <c r="AC124546" i="1"/>
  <c r="AC124547" i="1"/>
  <c r="AC124548" i="1"/>
  <c r="AC124549" i="1"/>
  <c r="AC124550" i="1"/>
  <c r="AC124551" i="1"/>
  <c r="AC124552" i="1"/>
  <c r="AC124553" i="1"/>
  <c r="AC124554" i="1"/>
  <c r="AC124555" i="1"/>
  <c r="AC124556" i="1"/>
  <c r="AC124557" i="1"/>
  <c r="AC124558" i="1"/>
  <c r="AC124559" i="1"/>
  <c r="AC124560" i="1"/>
  <c r="AC124561" i="1"/>
  <c r="AC124562" i="1"/>
  <c r="AC124563" i="1"/>
  <c r="AC124564" i="1"/>
  <c r="AC124565" i="1"/>
  <c r="AC124566" i="1"/>
  <c r="AC124567" i="1"/>
  <c r="AC124568" i="1"/>
  <c r="AC124569" i="1"/>
  <c r="AC124570" i="1"/>
  <c r="AC124571" i="1"/>
  <c r="AC124572" i="1"/>
  <c r="AC124573" i="1"/>
  <c r="AC124574" i="1"/>
  <c r="AC124575" i="1"/>
  <c r="AC124576" i="1"/>
  <c r="AC124577" i="1"/>
  <c r="AC124578" i="1"/>
  <c r="AC124579" i="1"/>
  <c r="AC124580" i="1"/>
  <c r="AC124581" i="1"/>
  <c r="AC124582" i="1"/>
  <c r="AC124583" i="1"/>
  <c r="AC124584" i="1"/>
  <c r="AC124585" i="1"/>
  <c r="AC124586" i="1"/>
  <c r="AC124587" i="1"/>
  <c r="AC124588" i="1"/>
  <c r="AC124589" i="1"/>
  <c r="AC124590" i="1"/>
  <c r="AC124591" i="1"/>
  <c r="AC124592" i="1"/>
  <c r="AC124593" i="1"/>
  <c r="AC124594" i="1"/>
  <c r="AC124595" i="1"/>
  <c r="AC124596" i="1"/>
  <c r="AC124597" i="1"/>
  <c r="AC124598" i="1"/>
  <c r="AC124599" i="1"/>
  <c r="AC124600" i="1"/>
  <c r="AC124601" i="1"/>
  <c r="AC124602" i="1"/>
  <c r="AC124603" i="1"/>
  <c r="AC124604" i="1"/>
  <c r="AC124605" i="1"/>
  <c r="AC124606" i="1"/>
  <c r="AC124607" i="1"/>
  <c r="AC124608" i="1"/>
  <c r="AC124609" i="1"/>
  <c r="AC124610" i="1"/>
  <c r="AC124611" i="1"/>
  <c r="AC124612" i="1"/>
  <c r="AC124613" i="1"/>
  <c r="AC124614" i="1"/>
  <c r="AC124615" i="1"/>
  <c r="AC124616" i="1"/>
  <c r="AC124617" i="1"/>
  <c r="AC124618" i="1"/>
  <c r="AC124619" i="1"/>
  <c r="AC124620" i="1"/>
  <c r="AC124621" i="1"/>
  <c r="AC124622" i="1"/>
  <c r="AC124623" i="1"/>
  <c r="AC124624" i="1"/>
  <c r="AC124625" i="1"/>
  <c r="AC124626" i="1"/>
  <c r="AC124627" i="1"/>
  <c r="AC124628" i="1"/>
  <c r="AC124629" i="1"/>
  <c r="AC124630" i="1"/>
  <c r="AC124631" i="1"/>
  <c r="AC124632" i="1"/>
  <c r="AC124633" i="1"/>
  <c r="AC124634" i="1"/>
  <c r="AC124635" i="1"/>
  <c r="AC124636" i="1"/>
  <c r="AC124637" i="1"/>
  <c r="AC124638" i="1"/>
  <c r="AC124639" i="1"/>
  <c r="AC124640" i="1"/>
  <c r="AC124641" i="1"/>
  <c r="AC124642" i="1"/>
  <c r="AC124643" i="1"/>
  <c r="AC124644" i="1"/>
  <c r="AC124645" i="1"/>
  <c r="AC124646" i="1"/>
  <c r="AC124647" i="1"/>
  <c r="AC124648" i="1"/>
  <c r="AC124649" i="1"/>
  <c r="AC124650" i="1"/>
  <c r="AC124651" i="1"/>
  <c r="AC124652" i="1"/>
  <c r="AC124653" i="1"/>
  <c r="AC124654" i="1"/>
  <c r="AC124655" i="1"/>
  <c r="AC124656" i="1"/>
  <c r="AC124657" i="1"/>
  <c r="AC124658" i="1"/>
  <c r="AC124659" i="1"/>
  <c r="AC124660" i="1"/>
  <c r="AC124661" i="1"/>
  <c r="AC124662" i="1"/>
  <c r="AC124663" i="1"/>
  <c r="AC124664" i="1"/>
  <c r="AC124665" i="1"/>
  <c r="AC124666" i="1"/>
  <c r="AC124667" i="1"/>
  <c r="AC124668" i="1"/>
  <c r="AC124669" i="1"/>
  <c r="AC124670" i="1"/>
  <c r="AC124671" i="1"/>
  <c r="AC124672" i="1"/>
  <c r="AC124673" i="1"/>
  <c r="AC124674" i="1"/>
  <c r="AC124675" i="1"/>
  <c r="AC124676" i="1"/>
  <c r="AC124677" i="1"/>
  <c r="AC124678" i="1"/>
  <c r="AC124679" i="1"/>
  <c r="AC124680" i="1"/>
  <c r="AC124681" i="1"/>
  <c r="AC124682" i="1"/>
  <c r="AC124683" i="1"/>
  <c r="AC124684" i="1"/>
  <c r="AC124685" i="1"/>
  <c r="AC124686" i="1"/>
  <c r="AC124687" i="1"/>
  <c r="AC124688" i="1"/>
  <c r="AC124689" i="1"/>
  <c r="AC124690" i="1"/>
  <c r="AC124691" i="1"/>
  <c r="AC124692" i="1"/>
  <c r="AC124693" i="1"/>
  <c r="AC124694" i="1"/>
  <c r="AC124695" i="1"/>
  <c r="AC124696" i="1"/>
  <c r="AC124697" i="1"/>
  <c r="AC124698" i="1"/>
  <c r="AC124699" i="1"/>
  <c r="AC124700" i="1"/>
  <c r="AC124701" i="1"/>
  <c r="AC124702" i="1"/>
  <c r="AC124703" i="1"/>
  <c r="AC124704" i="1"/>
  <c r="AC124705" i="1"/>
  <c r="AC124706" i="1"/>
  <c r="AC124707" i="1"/>
  <c r="AC124708" i="1"/>
  <c r="AC124709" i="1"/>
  <c r="AC124710" i="1"/>
  <c r="AC124711" i="1"/>
  <c r="AC124712" i="1"/>
  <c r="AC124713" i="1"/>
  <c r="AC124714" i="1"/>
  <c r="AC124715" i="1"/>
  <c r="AC124716" i="1"/>
  <c r="AC124717" i="1"/>
  <c r="AC124718" i="1"/>
  <c r="AC124719" i="1"/>
  <c r="AC124720" i="1"/>
  <c r="AC124721" i="1"/>
  <c r="AC124722" i="1"/>
  <c r="AC124723" i="1"/>
  <c r="AC124724" i="1"/>
  <c r="AC124725" i="1"/>
  <c r="AC124726" i="1"/>
  <c r="AC124727" i="1"/>
  <c r="AC124728" i="1"/>
  <c r="AC124729" i="1"/>
  <c r="AC124730" i="1"/>
  <c r="AC124731" i="1"/>
  <c r="AC124732" i="1"/>
  <c r="AC124733" i="1"/>
  <c r="AC124734" i="1"/>
  <c r="AC124735" i="1"/>
  <c r="AC124736" i="1"/>
  <c r="AC124737" i="1"/>
  <c r="AC124738" i="1"/>
  <c r="AC124739" i="1"/>
  <c r="AC124740" i="1"/>
  <c r="AC124741" i="1"/>
  <c r="AC124742" i="1"/>
  <c r="AC124743" i="1"/>
  <c r="AC124744" i="1"/>
  <c r="AC124745" i="1"/>
  <c r="AC124746" i="1"/>
  <c r="AC124747" i="1"/>
  <c r="AC124748" i="1"/>
  <c r="AC124749" i="1"/>
  <c r="AC124750" i="1"/>
  <c r="AC124751" i="1"/>
  <c r="AC124752" i="1"/>
  <c r="AC124753" i="1"/>
  <c r="AC124754" i="1"/>
  <c r="AC124755" i="1"/>
  <c r="AC124756" i="1"/>
  <c r="AC124757" i="1"/>
  <c r="AC124758" i="1"/>
  <c r="AC124759" i="1"/>
  <c r="AC124760" i="1"/>
  <c r="AC124761" i="1"/>
  <c r="AC124762" i="1"/>
  <c r="AC124763" i="1"/>
  <c r="AC124764" i="1"/>
  <c r="AC124765" i="1"/>
  <c r="AC124766" i="1"/>
  <c r="AC124767" i="1"/>
  <c r="AC124768" i="1"/>
  <c r="AC124769" i="1"/>
  <c r="AC124770" i="1"/>
  <c r="AC124771" i="1"/>
  <c r="AC124772" i="1"/>
  <c r="AC124773" i="1"/>
  <c r="AC124774" i="1"/>
  <c r="AC124775" i="1"/>
  <c r="AC124776" i="1"/>
  <c r="AC124777" i="1"/>
  <c r="AC124778" i="1"/>
  <c r="AC124779" i="1"/>
  <c r="AC124780" i="1"/>
  <c r="AC124781" i="1"/>
  <c r="AC124782" i="1"/>
  <c r="AC124783" i="1"/>
  <c r="AC124784" i="1"/>
  <c r="AC124785" i="1"/>
  <c r="AC124786" i="1"/>
  <c r="AC124787" i="1"/>
  <c r="AC124788" i="1"/>
  <c r="AC124789" i="1"/>
  <c r="AC124790" i="1"/>
  <c r="AC124791" i="1"/>
  <c r="AC124792" i="1"/>
  <c r="AC124793" i="1"/>
  <c r="AC124794" i="1"/>
  <c r="AC124795" i="1"/>
  <c r="AC124796" i="1"/>
  <c r="AC124797" i="1"/>
  <c r="AC124798" i="1"/>
  <c r="AC124799" i="1"/>
  <c r="AC124800" i="1"/>
  <c r="AC124801" i="1"/>
  <c r="AC124802" i="1"/>
  <c r="AC124803" i="1"/>
  <c r="AC124804" i="1"/>
  <c r="AC124805" i="1"/>
  <c r="AC124806" i="1"/>
  <c r="AC124807" i="1"/>
  <c r="AC124808" i="1"/>
  <c r="AC124809" i="1"/>
  <c r="AC124810" i="1"/>
  <c r="AC124811" i="1"/>
  <c r="AC124812" i="1"/>
  <c r="AC124813" i="1"/>
  <c r="AC124814" i="1"/>
  <c r="AC124815" i="1"/>
  <c r="AC124816" i="1"/>
  <c r="AC124817" i="1"/>
  <c r="AC124818" i="1"/>
  <c r="AC124819" i="1"/>
  <c r="AC124820" i="1"/>
  <c r="AC124821" i="1"/>
  <c r="AC124822" i="1"/>
  <c r="AC124823" i="1"/>
  <c r="AC124824" i="1"/>
  <c r="AC124825" i="1"/>
  <c r="AC124826" i="1"/>
  <c r="AC124827" i="1"/>
  <c r="AC124828" i="1"/>
  <c r="AC124829" i="1"/>
  <c r="AC124830" i="1"/>
  <c r="AC124831" i="1"/>
  <c r="AC124832" i="1"/>
  <c r="AC124833" i="1"/>
  <c r="AC124834" i="1"/>
  <c r="AC124835" i="1"/>
  <c r="AC124836" i="1"/>
  <c r="AC124837" i="1"/>
  <c r="AC124838" i="1"/>
  <c r="AC124839" i="1"/>
  <c r="AC124840" i="1"/>
  <c r="AC124841" i="1"/>
  <c r="AC124842" i="1"/>
  <c r="AC124843" i="1"/>
  <c r="AC124844" i="1"/>
  <c r="AC124845" i="1"/>
  <c r="AC124846" i="1"/>
  <c r="AC124847" i="1"/>
  <c r="AC124848" i="1"/>
  <c r="AC124849" i="1"/>
  <c r="AC124850" i="1"/>
  <c r="AC124851" i="1"/>
  <c r="AC124852" i="1"/>
  <c r="AC124853" i="1"/>
  <c r="AC124854" i="1"/>
  <c r="AC124855" i="1"/>
  <c r="AC124856" i="1"/>
  <c r="AC124857" i="1"/>
  <c r="AC124858" i="1"/>
  <c r="AC124859" i="1"/>
  <c r="AC124860" i="1"/>
  <c r="AC124861" i="1"/>
  <c r="AC124862" i="1"/>
  <c r="AC124863" i="1"/>
  <c r="AC124864" i="1"/>
  <c r="AC124865" i="1"/>
  <c r="AC124866" i="1"/>
  <c r="AC124867" i="1"/>
  <c r="AC124868" i="1"/>
  <c r="AC124869" i="1"/>
  <c r="AC124870" i="1"/>
  <c r="AC124871" i="1"/>
  <c r="AC124872" i="1"/>
  <c r="AC124873" i="1"/>
  <c r="AC124874" i="1"/>
  <c r="AC124875" i="1"/>
  <c r="AC124876" i="1"/>
  <c r="AC124877" i="1"/>
  <c r="AC124878" i="1"/>
  <c r="AC124879" i="1"/>
  <c r="AC124880" i="1"/>
  <c r="AC124881" i="1"/>
  <c r="AC124882" i="1"/>
  <c r="AC124883" i="1"/>
  <c r="AC124884" i="1"/>
  <c r="AC124885" i="1"/>
  <c r="AC124886" i="1"/>
  <c r="AC124887" i="1"/>
  <c r="AC124888" i="1"/>
  <c r="AC124889" i="1"/>
  <c r="AC124890" i="1"/>
  <c r="AC124891" i="1"/>
  <c r="AC124892" i="1"/>
  <c r="AC124893" i="1"/>
  <c r="AC124894" i="1"/>
  <c r="AC124895" i="1"/>
  <c r="AC124896" i="1"/>
  <c r="AC124897" i="1"/>
  <c r="AC124898" i="1"/>
  <c r="AC124899" i="1"/>
  <c r="AC124900" i="1"/>
  <c r="AC124901" i="1"/>
  <c r="AC124902" i="1"/>
  <c r="AC124903" i="1"/>
  <c r="AC124904" i="1"/>
  <c r="AC124905" i="1"/>
  <c r="AC124906" i="1"/>
  <c r="AC124907" i="1"/>
  <c r="AC124908" i="1"/>
  <c r="AC124909" i="1"/>
  <c r="AC124910" i="1"/>
  <c r="AC124911" i="1"/>
  <c r="AC124912" i="1"/>
  <c r="AC124913" i="1"/>
  <c r="AC124914" i="1"/>
  <c r="AC124915" i="1"/>
  <c r="AC124916" i="1"/>
  <c r="AC124917" i="1"/>
  <c r="AC124918" i="1"/>
  <c r="AC124919" i="1"/>
  <c r="AC124920" i="1"/>
  <c r="AC124921" i="1"/>
  <c r="AC124922" i="1"/>
  <c r="AC124923" i="1"/>
  <c r="AC124924" i="1"/>
  <c r="AC124925" i="1"/>
  <c r="AC124926" i="1"/>
  <c r="AC124927" i="1"/>
  <c r="AC124928" i="1"/>
  <c r="AC124929" i="1"/>
  <c r="AC124930" i="1"/>
  <c r="AC124931" i="1"/>
  <c r="AC124932" i="1"/>
  <c r="AC124933" i="1"/>
  <c r="AC124934" i="1"/>
  <c r="AC124935" i="1"/>
  <c r="AC124936" i="1"/>
  <c r="AC124937" i="1"/>
  <c r="AC124938" i="1"/>
  <c r="AC124939" i="1"/>
  <c r="AC124940" i="1"/>
  <c r="AC124941" i="1"/>
  <c r="AC124942" i="1"/>
  <c r="AC124943" i="1"/>
  <c r="AC124944" i="1"/>
  <c r="AC124945" i="1"/>
  <c r="AC124946" i="1"/>
  <c r="AC124947" i="1"/>
  <c r="AC124948" i="1"/>
  <c r="AC124949" i="1"/>
  <c r="AC124950" i="1"/>
  <c r="AC124951" i="1"/>
  <c r="AC124952" i="1"/>
  <c r="AC124953" i="1"/>
  <c r="AC124954" i="1"/>
  <c r="AC124955" i="1"/>
  <c r="AC124956" i="1"/>
  <c r="AC124957" i="1"/>
  <c r="AC124958" i="1"/>
  <c r="AC124959" i="1"/>
  <c r="AC124960" i="1"/>
  <c r="AC124961" i="1"/>
  <c r="AC124962" i="1"/>
  <c r="AC124963" i="1"/>
  <c r="AC124964" i="1"/>
  <c r="AC124965" i="1"/>
  <c r="AC124966" i="1"/>
  <c r="AC124967" i="1"/>
  <c r="AC124968" i="1"/>
  <c r="AC124969" i="1"/>
  <c r="AC124970" i="1"/>
  <c r="AC124971" i="1"/>
  <c r="AC124972" i="1"/>
  <c r="AC124973" i="1"/>
  <c r="AC124974" i="1"/>
  <c r="AC124975" i="1"/>
  <c r="AC124976" i="1"/>
  <c r="AC124977" i="1"/>
  <c r="AC124978" i="1"/>
  <c r="AC124979" i="1"/>
  <c r="AC124980" i="1"/>
  <c r="AC124981" i="1"/>
  <c r="AC124982" i="1"/>
  <c r="AC124983" i="1"/>
  <c r="AC124984" i="1"/>
  <c r="AC124985" i="1"/>
  <c r="AC124986" i="1"/>
  <c r="AC124987" i="1"/>
  <c r="AC124988" i="1"/>
  <c r="AC124989" i="1"/>
  <c r="AC124990" i="1"/>
  <c r="AC124991" i="1"/>
  <c r="AC124992" i="1"/>
  <c r="AC124993" i="1"/>
  <c r="AC124994" i="1"/>
  <c r="AC124995" i="1"/>
  <c r="AC124996" i="1"/>
  <c r="AC124997" i="1"/>
  <c r="AC124998" i="1"/>
  <c r="AC124999" i="1"/>
  <c r="AC125000" i="1"/>
  <c r="AC125001" i="1"/>
  <c r="AC125002" i="1"/>
  <c r="AC125003" i="1"/>
  <c r="AC125004" i="1"/>
  <c r="AC125005" i="1"/>
  <c r="AC125006" i="1"/>
  <c r="AC125007" i="1"/>
  <c r="AC125008" i="1"/>
  <c r="AC125009" i="1"/>
  <c r="AC125010" i="1"/>
  <c r="AC125011" i="1"/>
  <c r="AC125012" i="1"/>
  <c r="AC125013" i="1"/>
  <c r="AC125014" i="1"/>
  <c r="AC125015" i="1"/>
  <c r="AC125016" i="1"/>
  <c r="AC125017" i="1"/>
  <c r="AC125018" i="1"/>
  <c r="AC125019" i="1"/>
  <c r="AC125020" i="1"/>
  <c r="AC125021" i="1"/>
  <c r="AC125022" i="1"/>
  <c r="AC125023" i="1"/>
  <c r="AC125024" i="1"/>
  <c r="AC125025" i="1"/>
  <c r="AC125026" i="1"/>
  <c r="AC125027" i="1"/>
  <c r="AC125028" i="1"/>
  <c r="AC125029" i="1"/>
  <c r="AC125030" i="1"/>
  <c r="AC125031" i="1"/>
  <c r="AC125032" i="1"/>
  <c r="AC125033" i="1"/>
  <c r="AC125034" i="1"/>
  <c r="AC125035" i="1"/>
  <c r="AC125036" i="1"/>
  <c r="AC125037" i="1"/>
  <c r="AC125038" i="1"/>
  <c r="AC125039" i="1"/>
  <c r="AC125040" i="1"/>
  <c r="AC125041" i="1"/>
  <c r="AC125042" i="1"/>
  <c r="AC125043" i="1"/>
  <c r="AC125044" i="1"/>
  <c r="AC125045" i="1"/>
  <c r="AC125046" i="1"/>
  <c r="AC125047" i="1"/>
  <c r="AC125048" i="1"/>
  <c r="AC125049" i="1"/>
  <c r="AC125050" i="1"/>
  <c r="AC125051" i="1"/>
  <c r="AC125052" i="1"/>
  <c r="AC125053" i="1"/>
  <c r="AC125054" i="1"/>
  <c r="AC125055" i="1"/>
  <c r="AC125056" i="1"/>
  <c r="AC125057" i="1"/>
  <c r="AC125058" i="1"/>
  <c r="AC125059" i="1"/>
  <c r="AC125060" i="1"/>
  <c r="AC125061" i="1"/>
  <c r="AC125062" i="1"/>
  <c r="AC125063" i="1"/>
  <c r="AC125064" i="1"/>
  <c r="AC125065" i="1"/>
  <c r="AC125066" i="1"/>
  <c r="AC125067" i="1"/>
  <c r="AC125068" i="1"/>
  <c r="AC125069" i="1"/>
  <c r="AC125070" i="1"/>
  <c r="AC125071" i="1"/>
  <c r="AC125072" i="1"/>
  <c r="AC125073" i="1"/>
  <c r="AC125074" i="1"/>
  <c r="AC125075" i="1"/>
  <c r="AC125076" i="1"/>
  <c r="AC125077" i="1"/>
  <c r="AC125078" i="1"/>
  <c r="AC125079" i="1"/>
  <c r="AC125080" i="1"/>
  <c r="AC125081" i="1"/>
  <c r="AC125082" i="1"/>
  <c r="AC125083" i="1"/>
  <c r="AC125084" i="1"/>
  <c r="AC125085" i="1"/>
  <c r="AC125086" i="1"/>
  <c r="AC125087" i="1"/>
  <c r="AC125088" i="1"/>
  <c r="AC125089" i="1"/>
  <c r="AC125090" i="1"/>
  <c r="AC125091" i="1"/>
  <c r="AC125092" i="1"/>
  <c r="AC125093" i="1"/>
  <c r="AC125094" i="1"/>
  <c r="AC125095" i="1"/>
  <c r="AC125096" i="1"/>
  <c r="AC125097" i="1"/>
  <c r="AC125098" i="1"/>
  <c r="AC125099" i="1"/>
  <c r="AC125100" i="1"/>
  <c r="AC125101" i="1"/>
  <c r="AC125102" i="1"/>
  <c r="AC125103" i="1"/>
  <c r="AC125104" i="1"/>
  <c r="AC125105" i="1"/>
  <c r="AC125106" i="1"/>
  <c r="AC125107" i="1"/>
  <c r="AC125108" i="1"/>
  <c r="AC125109" i="1"/>
  <c r="AC125110" i="1"/>
  <c r="AC125111" i="1"/>
  <c r="AC125112" i="1"/>
  <c r="AC125113" i="1"/>
  <c r="AC125114" i="1"/>
  <c r="AC125115" i="1"/>
  <c r="AC125116" i="1"/>
  <c r="AC125117" i="1"/>
  <c r="AC125118" i="1"/>
  <c r="AC125119" i="1"/>
  <c r="AC125120" i="1"/>
  <c r="AC125121" i="1"/>
  <c r="AC125122" i="1"/>
  <c r="AC125123" i="1"/>
  <c r="AC125124" i="1"/>
  <c r="AC125125" i="1"/>
  <c r="AC125126" i="1"/>
  <c r="AC125127" i="1"/>
  <c r="AC125128" i="1"/>
  <c r="AC125129" i="1"/>
  <c r="AC125130" i="1"/>
  <c r="AC125131" i="1"/>
  <c r="AC125132" i="1"/>
  <c r="AC125133" i="1"/>
  <c r="AC125134" i="1"/>
  <c r="AC125135" i="1"/>
  <c r="AC125136" i="1"/>
  <c r="AC125137" i="1"/>
  <c r="AC125138" i="1"/>
  <c r="AC125139" i="1"/>
  <c r="AC125140" i="1"/>
  <c r="AC125141" i="1"/>
  <c r="AC125142" i="1"/>
  <c r="AC125143" i="1"/>
  <c r="AC125144" i="1"/>
  <c r="AC125145" i="1"/>
  <c r="AC125146" i="1"/>
  <c r="AC125147" i="1"/>
  <c r="AC125148" i="1"/>
  <c r="AC125149" i="1"/>
  <c r="AC125150" i="1"/>
  <c r="AC125151" i="1"/>
  <c r="AC125152" i="1"/>
  <c r="AC125153" i="1"/>
  <c r="AC125154" i="1"/>
  <c r="AC125155" i="1"/>
  <c r="AC125156" i="1"/>
  <c r="AC125157" i="1"/>
  <c r="AC125158" i="1"/>
  <c r="AC125159" i="1"/>
  <c r="AC125160" i="1"/>
  <c r="AC125161" i="1"/>
  <c r="AC125162" i="1"/>
  <c r="AC125163" i="1"/>
  <c r="AC125164" i="1"/>
  <c r="AC125165" i="1"/>
  <c r="AC125166" i="1"/>
  <c r="AC125167" i="1"/>
  <c r="AC125168" i="1"/>
  <c r="AC125169" i="1"/>
  <c r="AC125170" i="1"/>
  <c r="AC125171" i="1"/>
  <c r="AC125172" i="1"/>
  <c r="AC125173" i="1"/>
  <c r="AC125174" i="1"/>
  <c r="AC125175" i="1"/>
  <c r="AC125176" i="1"/>
  <c r="AC125177" i="1"/>
  <c r="AC125178" i="1"/>
  <c r="AC125179" i="1"/>
  <c r="AC125180" i="1"/>
  <c r="AC125181" i="1"/>
  <c r="AC125182" i="1"/>
  <c r="AC125183" i="1"/>
  <c r="AC125184" i="1"/>
  <c r="AC125185" i="1"/>
  <c r="AC125186" i="1"/>
  <c r="AC125187" i="1"/>
  <c r="AC125188" i="1"/>
  <c r="AC125189" i="1"/>
  <c r="AC125190" i="1"/>
  <c r="AC125191" i="1"/>
  <c r="AC125192" i="1"/>
  <c r="AC125193" i="1"/>
  <c r="AC125194" i="1"/>
  <c r="AC125195" i="1"/>
  <c r="AC125196" i="1"/>
  <c r="AC125197" i="1"/>
  <c r="AC125198" i="1"/>
  <c r="AC125199" i="1"/>
  <c r="AC125200" i="1"/>
  <c r="AC125201" i="1"/>
  <c r="AC125202" i="1"/>
  <c r="AC125203" i="1"/>
  <c r="AC125204" i="1"/>
  <c r="AC125205" i="1"/>
  <c r="AC125206" i="1"/>
  <c r="AC125207" i="1"/>
  <c r="AC125208" i="1"/>
  <c r="AC125209" i="1"/>
  <c r="AC125210" i="1"/>
  <c r="AC125211" i="1"/>
  <c r="AC125212" i="1"/>
  <c r="AC125213" i="1"/>
  <c r="AC125214" i="1"/>
  <c r="AC125215" i="1"/>
  <c r="AC125216" i="1"/>
  <c r="AC125217" i="1"/>
  <c r="AC125218" i="1"/>
  <c r="AC125219" i="1"/>
  <c r="AC125220" i="1"/>
  <c r="AC125221" i="1"/>
  <c r="AC125222" i="1"/>
  <c r="AC125223" i="1"/>
  <c r="AC125224" i="1"/>
  <c r="AC125225" i="1"/>
  <c r="AC125226" i="1"/>
  <c r="AC125227" i="1"/>
  <c r="AC125228" i="1"/>
  <c r="AC125229" i="1"/>
  <c r="AC125230" i="1"/>
  <c r="AC125231" i="1"/>
  <c r="AC125232" i="1"/>
  <c r="AC125233" i="1"/>
  <c r="AC125234" i="1"/>
  <c r="AC125235" i="1"/>
  <c r="AC125236" i="1"/>
  <c r="AC125237" i="1"/>
  <c r="AC125238" i="1"/>
  <c r="AC125239" i="1"/>
  <c r="AC125240" i="1"/>
  <c r="AC125241" i="1"/>
  <c r="AC125242" i="1"/>
  <c r="AC125243" i="1"/>
  <c r="AC125244" i="1"/>
  <c r="AC125245" i="1"/>
  <c r="AC125246" i="1"/>
  <c r="AC125247" i="1"/>
  <c r="AC125248" i="1"/>
  <c r="AC125249" i="1"/>
  <c r="AC125250" i="1"/>
  <c r="AC125251" i="1"/>
  <c r="AC125252" i="1"/>
  <c r="AC125253" i="1"/>
  <c r="AC125254" i="1"/>
  <c r="AC125255" i="1"/>
  <c r="AC125256" i="1"/>
  <c r="AC125257" i="1"/>
  <c r="AC125258" i="1"/>
  <c r="AC125259" i="1"/>
  <c r="AC125260" i="1"/>
  <c r="AC125261" i="1"/>
  <c r="AC125262" i="1"/>
  <c r="AC125263" i="1"/>
  <c r="AC125264" i="1"/>
  <c r="AC125265" i="1"/>
  <c r="AC125266" i="1"/>
  <c r="AC125267" i="1"/>
  <c r="AC125268" i="1"/>
  <c r="AC125269" i="1"/>
  <c r="AC125270" i="1"/>
  <c r="AC125271" i="1"/>
  <c r="AC125272" i="1"/>
  <c r="AC125273" i="1"/>
  <c r="AC125274" i="1"/>
  <c r="AC125275" i="1"/>
  <c r="AC125276" i="1"/>
  <c r="AC125277" i="1"/>
  <c r="AC125278" i="1"/>
  <c r="AC125279" i="1"/>
  <c r="AC125280" i="1"/>
  <c r="AC125281" i="1"/>
  <c r="AC125282" i="1"/>
  <c r="AC125283" i="1"/>
  <c r="AC125284" i="1"/>
  <c r="AC125285" i="1"/>
  <c r="AC125286" i="1"/>
  <c r="AC125287" i="1"/>
  <c r="AC125288" i="1"/>
  <c r="AC125289" i="1"/>
  <c r="AC125290" i="1"/>
  <c r="AC125291" i="1"/>
  <c r="AC125292" i="1"/>
  <c r="AC125293" i="1"/>
  <c r="AC125294" i="1"/>
  <c r="AC125295" i="1"/>
  <c r="AC125296" i="1"/>
  <c r="AC125297" i="1"/>
  <c r="AC125298" i="1"/>
  <c r="AC125299" i="1"/>
  <c r="AC125300" i="1"/>
  <c r="AC125301" i="1"/>
  <c r="AC125302" i="1"/>
  <c r="AC125303" i="1"/>
  <c r="AC125304" i="1"/>
  <c r="AC125305" i="1"/>
  <c r="AC125306" i="1"/>
  <c r="AC125307" i="1"/>
  <c r="AC125308" i="1"/>
  <c r="AC125309" i="1"/>
  <c r="AC125310" i="1"/>
  <c r="AC125311" i="1"/>
  <c r="AC125312" i="1"/>
  <c r="AC125313" i="1"/>
  <c r="AC125314" i="1"/>
  <c r="AC125315" i="1"/>
  <c r="AC125316" i="1"/>
  <c r="AC125317" i="1"/>
  <c r="AC125318" i="1"/>
  <c r="AC125319" i="1"/>
  <c r="AC125320" i="1"/>
  <c r="AC125321" i="1"/>
  <c r="AC125322" i="1"/>
  <c r="AC125323" i="1"/>
  <c r="AC125324" i="1"/>
  <c r="AC125325" i="1"/>
  <c r="AC125326" i="1"/>
  <c r="AC125327" i="1"/>
  <c r="AC125328" i="1"/>
  <c r="AC125329" i="1"/>
  <c r="AC125330" i="1"/>
  <c r="AC125331" i="1"/>
  <c r="AC125332" i="1"/>
  <c r="AC125333" i="1"/>
  <c r="AC125334" i="1"/>
  <c r="AC125335" i="1"/>
  <c r="AC125336" i="1"/>
  <c r="AC125337" i="1"/>
  <c r="AC125338" i="1"/>
  <c r="AC125339" i="1"/>
  <c r="AC125340" i="1"/>
  <c r="AC125341" i="1"/>
  <c r="AC125342" i="1"/>
  <c r="AC125343" i="1"/>
  <c r="AC125344" i="1"/>
  <c r="AC125345" i="1"/>
  <c r="AC125346" i="1"/>
  <c r="AC125347" i="1"/>
  <c r="AC125348" i="1"/>
  <c r="AC125349" i="1"/>
  <c r="AC125350" i="1"/>
  <c r="AC125351" i="1"/>
  <c r="AC125352" i="1"/>
  <c r="AC125353" i="1"/>
  <c r="AC125354" i="1"/>
  <c r="AC125355" i="1"/>
  <c r="AC125356" i="1"/>
  <c r="AC125357" i="1"/>
  <c r="AC125358" i="1"/>
  <c r="AC125359" i="1"/>
  <c r="AC125360" i="1"/>
  <c r="AC125361" i="1"/>
  <c r="AC125362" i="1"/>
  <c r="AC125363" i="1"/>
  <c r="AC125364" i="1"/>
  <c r="AC125365" i="1"/>
  <c r="AC125366" i="1"/>
  <c r="AC125367" i="1"/>
  <c r="AC125368" i="1"/>
  <c r="AC125369" i="1"/>
  <c r="AC125370" i="1"/>
  <c r="AC125371" i="1"/>
  <c r="AC125372" i="1"/>
  <c r="AC125373" i="1"/>
  <c r="AC125374" i="1"/>
  <c r="AC125375" i="1"/>
  <c r="AC125376" i="1"/>
  <c r="AC125377" i="1"/>
  <c r="AC125378" i="1"/>
  <c r="AC125379" i="1"/>
  <c r="AC125380" i="1"/>
  <c r="AC125381" i="1"/>
  <c r="AC125382" i="1"/>
  <c r="AC125383" i="1"/>
  <c r="AC125384" i="1"/>
  <c r="AC125385" i="1"/>
  <c r="AC125386" i="1"/>
  <c r="AC125387" i="1"/>
  <c r="AC125388" i="1"/>
  <c r="AC125389" i="1"/>
  <c r="AC125390" i="1"/>
  <c r="AC125391" i="1"/>
  <c r="AC125392" i="1"/>
  <c r="AC125393" i="1"/>
  <c r="AC125394" i="1"/>
  <c r="AC125395" i="1"/>
  <c r="AC125396" i="1"/>
  <c r="AC125397" i="1"/>
  <c r="AC125398" i="1"/>
  <c r="AC125399" i="1"/>
  <c r="AC125400" i="1"/>
  <c r="AC125401" i="1"/>
  <c r="AC125402" i="1"/>
  <c r="AC125403" i="1"/>
  <c r="AC125404" i="1"/>
  <c r="AC125405" i="1"/>
  <c r="AC125406" i="1"/>
  <c r="AC125407" i="1"/>
  <c r="AC125408" i="1"/>
  <c r="AC125409" i="1"/>
  <c r="AC125410" i="1"/>
  <c r="AC125411" i="1"/>
  <c r="AC125412" i="1"/>
  <c r="AC125413" i="1"/>
  <c r="AC125414" i="1"/>
  <c r="AC125415" i="1"/>
  <c r="AC125416" i="1"/>
  <c r="AC125417" i="1"/>
  <c r="AC125418" i="1"/>
  <c r="AC125419" i="1"/>
  <c r="AC125420" i="1"/>
  <c r="AC125421" i="1"/>
  <c r="AC125422" i="1"/>
  <c r="AC125423" i="1"/>
  <c r="AC125424" i="1"/>
  <c r="AC125425" i="1"/>
  <c r="AC125426" i="1"/>
  <c r="AC125427" i="1"/>
  <c r="AC125428" i="1"/>
  <c r="AC125429" i="1"/>
  <c r="AC125430" i="1"/>
  <c r="AC125431" i="1"/>
  <c r="AC125432" i="1"/>
  <c r="AC125433" i="1"/>
  <c r="AC125434" i="1"/>
  <c r="AC125435" i="1"/>
  <c r="AC125436" i="1"/>
  <c r="AC125437" i="1"/>
  <c r="AC125438" i="1"/>
  <c r="AC125439" i="1"/>
  <c r="AC125440" i="1"/>
  <c r="AC125441" i="1"/>
  <c r="AC125442" i="1"/>
  <c r="AC125443" i="1"/>
  <c r="AC125444" i="1"/>
  <c r="AC125445" i="1"/>
  <c r="AC125446" i="1"/>
  <c r="AC125447" i="1"/>
  <c r="AC125448" i="1"/>
  <c r="AC125449" i="1"/>
  <c r="AC125450" i="1"/>
  <c r="AC125451" i="1"/>
  <c r="AC125452" i="1"/>
  <c r="AC125453" i="1"/>
  <c r="AC125454" i="1"/>
  <c r="AC125455" i="1"/>
  <c r="AC125456" i="1"/>
  <c r="AC125457" i="1"/>
  <c r="AC125458" i="1"/>
  <c r="AC125459" i="1"/>
  <c r="AC125460" i="1"/>
  <c r="AC125461" i="1"/>
  <c r="AC125462" i="1"/>
  <c r="AC125463" i="1"/>
  <c r="AC125464" i="1"/>
  <c r="AC125465" i="1"/>
  <c r="AC125466" i="1"/>
  <c r="AC125467" i="1"/>
  <c r="AC125468" i="1"/>
  <c r="AC125469" i="1"/>
  <c r="AC125470" i="1"/>
  <c r="AC125471" i="1"/>
  <c r="AC125472" i="1"/>
  <c r="AC125473" i="1"/>
  <c r="AC125474" i="1"/>
  <c r="AC125475" i="1"/>
  <c r="AC125476" i="1"/>
  <c r="AC125477" i="1"/>
  <c r="AC125478" i="1"/>
  <c r="AC125479" i="1"/>
  <c r="AC125480" i="1"/>
  <c r="AC125481" i="1"/>
  <c r="AC125482" i="1"/>
  <c r="AC125483" i="1"/>
  <c r="AC125484" i="1"/>
  <c r="AC125485" i="1"/>
  <c r="AC125486" i="1"/>
  <c r="AC125487" i="1"/>
  <c r="AC125488" i="1"/>
  <c r="AC125489" i="1"/>
  <c r="AC125490" i="1"/>
  <c r="AC125491" i="1"/>
  <c r="AC125492" i="1"/>
  <c r="AC125493" i="1"/>
  <c r="AC125494" i="1"/>
  <c r="AC125495" i="1"/>
  <c r="AC125496" i="1"/>
  <c r="AC125497" i="1"/>
  <c r="AC125498" i="1"/>
  <c r="AC125499" i="1"/>
  <c r="AC125500" i="1"/>
  <c r="AC125501" i="1"/>
  <c r="AC125502" i="1"/>
  <c r="AC125503" i="1"/>
  <c r="AC125504" i="1"/>
  <c r="AC125505" i="1"/>
  <c r="AC125506" i="1"/>
  <c r="AC125507" i="1"/>
  <c r="AC125508" i="1"/>
  <c r="AC125509" i="1"/>
  <c r="AC125510" i="1"/>
  <c r="AC125511" i="1"/>
  <c r="AC125512" i="1"/>
  <c r="AC125513" i="1"/>
  <c r="AC125514" i="1"/>
  <c r="AC125515" i="1"/>
  <c r="AC125516" i="1"/>
  <c r="AC125517" i="1"/>
  <c r="AC125518" i="1"/>
  <c r="AC125519" i="1"/>
  <c r="AC125520" i="1"/>
  <c r="AC125521" i="1"/>
  <c r="AC125522" i="1"/>
  <c r="AC125523" i="1"/>
  <c r="AC125524" i="1"/>
  <c r="AC125525" i="1"/>
  <c r="AC125526" i="1"/>
  <c r="AC125527" i="1"/>
  <c r="AC125528" i="1"/>
  <c r="AC125529" i="1"/>
  <c r="AC125530" i="1"/>
  <c r="AC125531" i="1"/>
  <c r="AC125532" i="1"/>
  <c r="AC125533" i="1"/>
  <c r="AC125534" i="1"/>
  <c r="AC125535" i="1"/>
  <c r="AC125536" i="1"/>
  <c r="AC125537" i="1"/>
  <c r="AC125538" i="1"/>
  <c r="AC125539" i="1"/>
  <c r="AC125540" i="1"/>
  <c r="AC125541" i="1"/>
  <c r="AC125542" i="1"/>
  <c r="AC125543" i="1"/>
  <c r="AC125544" i="1"/>
  <c r="AC125545" i="1"/>
  <c r="AC125546" i="1"/>
  <c r="AC125547" i="1"/>
  <c r="AC125548" i="1"/>
  <c r="AC125549" i="1"/>
  <c r="AC125550" i="1"/>
  <c r="AC125551" i="1"/>
  <c r="AC125552" i="1"/>
  <c r="AC125553" i="1"/>
  <c r="AC125554" i="1"/>
  <c r="AC125555" i="1"/>
  <c r="AC125556" i="1"/>
  <c r="AC125557" i="1"/>
  <c r="AC125558" i="1"/>
  <c r="AC125559" i="1"/>
  <c r="AC125560" i="1"/>
  <c r="AC125561" i="1"/>
  <c r="AC125562" i="1"/>
  <c r="AC125563" i="1"/>
  <c r="AC125564" i="1"/>
  <c r="AC125565" i="1"/>
  <c r="AC125566" i="1"/>
  <c r="AC125567" i="1"/>
  <c r="AC125568" i="1"/>
  <c r="AC125569" i="1"/>
  <c r="AC125570" i="1"/>
  <c r="AC125571" i="1"/>
  <c r="AC125572" i="1"/>
  <c r="AC125573" i="1"/>
  <c r="AC125574" i="1"/>
  <c r="AC125575" i="1"/>
  <c r="AC125576" i="1"/>
  <c r="AC125577" i="1"/>
  <c r="AC125578" i="1"/>
  <c r="AC125579" i="1"/>
  <c r="AC125580" i="1"/>
  <c r="AC125581" i="1"/>
  <c r="AC125582" i="1"/>
  <c r="AC125583" i="1"/>
  <c r="AC125584" i="1"/>
  <c r="AC125585" i="1"/>
  <c r="AC125586" i="1"/>
  <c r="AC125587" i="1"/>
  <c r="AC125588" i="1"/>
  <c r="AC125589" i="1"/>
  <c r="AC125590" i="1"/>
  <c r="AC125591" i="1"/>
  <c r="AC125592" i="1"/>
  <c r="AC125593" i="1"/>
  <c r="AC125594" i="1"/>
  <c r="AC125595" i="1"/>
  <c r="AC125596" i="1"/>
  <c r="AC125597" i="1"/>
  <c r="AC125598" i="1"/>
  <c r="AC125599" i="1"/>
  <c r="AC125600" i="1"/>
  <c r="AC125601" i="1"/>
  <c r="AC125602" i="1"/>
  <c r="AC125603" i="1"/>
  <c r="AC125604" i="1"/>
  <c r="AC125605" i="1"/>
  <c r="AC125606" i="1"/>
  <c r="AC125607" i="1"/>
  <c r="AC125608" i="1"/>
  <c r="AC125609" i="1"/>
  <c r="AC125610" i="1"/>
  <c r="AC125611" i="1"/>
  <c r="AC125612" i="1"/>
  <c r="AC125613" i="1"/>
  <c r="AC125614" i="1"/>
  <c r="AC125615" i="1"/>
  <c r="AC125616" i="1"/>
  <c r="AC125617" i="1"/>
  <c r="AC125618" i="1"/>
  <c r="AC125619" i="1"/>
  <c r="AC125620" i="1"/>
  <c r="AC125621" i="1"/>
  <c r="AC125622" i="1"/>
  <c r="AC125623" i="1"/>
  <c r="AC125624" i="1"/>
  <c r="AC125625" i="1"/>
  <c r="AC125626" i="1"/>
  <c r="AC125627" i="1"/>
  <c r="AC125628" i="1"/>
  <c r="AC125629" i="1"/>
  <c r="AC125630" i="1"/>
  <c r="AC125631" i="1"/>
  <c r="AC125632" i="1"/>
  <c r="AC125633" i="1"/>
  <c r="AC125634" i="1"/>
  <c r="AC125635" i="1"/>
  <c r="AC125636" i="1"/>
  <c r="AC125637" i="1"/>
  <c r="AC125638" i="1"/>
  <c r="AC125639" i="1"/>
  <c r="AC125640" i="1"/>
  <c r="AC125641" i="1"/>
  <c r="AC125642" i="1"/>
  <c r="AC125643" i="1"/>
  <c r="AC125644" i="1"/>
  <c r="AC125645" i="1"/>
  <c r="AC125646" i="1"/>
  <c r="AC125647" i="1"/>
  <c r="AC125648" i="1"/>
  <c r="AC125649" i="1"/>
  <c r="AC125650" i="1"/>
  <c r="AC125651" i="1"/>
  <c r="AC125652" i="1"/>
  <c r="AC125653" i="1"/>
  <c r="AC125654" i="1"/>
  <c r="AC125655" i="1"/>
  <c r="AC125656" i="1"/>
  <c r="AC125657" i="1"/>
  <c r="AC125658" i="1"/>
  <c r="AC125659" i="1"/>
  <c r="AC125660" i="1"/>
  <c r="AC125661" i="1"/>
  <c r="AC125662" i="1"/>
  <c r="AC125663" i="1"/>
  <c r="AC125664" i="1"/>
  <c r="AC125665" i="1"/>
  <c r="AC125666" i="1"/>
  <c r="AC125667" i="1"/>
  <c r="AC125668" i="1"/>
  <c r="AC125669" i="1"/>
  <c r="AC125670" i="1"/>
  <c r="AC125671" i="1"/>
  <c r="AC125672" i="1"/>
  <c r="AC125673" i="1"/>
  <c r="AC125674" i="1"/>
  <c r="AC125675" i="1"/>
  <c r="AC125676" i="1"/>
  <c r="AC125677" i="1"/>
  <c r="AC125678" i="1"/>
  <c r="AC125679" i="1"/>
  <c r="AC125680" i="1"/>
  <c r="AC125681" i="1"/>
  <c r="AC125682" i="1"/>
  <c r="AC125683" i="1"/>
  <c r="AC125684" i="1"/>
  <c r="AC125685" i="1"/>
  <c r="AC125686" i="1"/>
  <c r="AC125687" i="1"/>
  <c r="AC125688" i="1"/>
  <c r="AC125689" i="1"/>
  <c r="AC125690" i="1"/>
  <c r="AC125691" i="1"/>
  <c r="AC125692" i="1"/>
  <c r="AC125693" i="1"/>
  <c r="AC125694" i="1"/>
  <c r="AC125695" i="1"/>
  <c r="AC125696" i="1"/>
  <c r="AC125697" i="1"/>
  <c r="AC125698" i="1"/>
  <c r="AC125699" i="1"/>
  <c r="AC125700" i="1"/>
  <c r="AC125701" i="1"/>
  <c r="AC125702" i="1"/>
  <c r="AC125703" i="1"/>
  <c r="AC125704" i="1"/>
  <c r="AC125705" i="1"/>
  <c r="AC125706" i="1"/>
  <c r="AC125707" i="1"/>
  <c r="AC125708" i="1"/>
  <c r="AC125709" i="1"/>
  <c r="AC125710" i="1"/>
  <c r="AC125711" i="1"/>
  <c r="AC125712" i="1"/>
  <c r="AC125713" i="1"/>
  <c r="AC125714" i="1"/>
  <c r="AC125715" i="1"/>
  <c r="AC125716" i="1"/>
  <c r="AC125717" i="1"/>
  <c r="AC125718" i="1"/>
  <c r="AC125719" i="1"/>
  <c r="AC125720" i="1"/>
  <c r="AC125721" i="1"/>
  <c r="AC125722" i="1"/>
  <c r="AC125723" i="1"/>
  <c r="AC125724" i="1"/>
  <c r="AC125725" i="1"/>
  <c r="AC125726" i="1"/>
  <c r="AC125727" i="1"/>
  <c r="AC125728" i="1"/>
  <c r="AC125729" i="1"/>
  <c r="AC125730" i="1"/>
  <c r="AC125731" i="1"/>
  <c r="AC125732" i="1"/>
  <c r="AC125733" i="1"/>
  <c r="AC125734" i="1"/>
  <c r="AC125735" i="1"/>
  <c r="AC125736" i="1"/>
  <c r="AC125737" i="1"/>
  <c r="AC125738" i="1"/>
  <c r="AC125739" i="1"/>
  <c r="AC125740" i="1"/>
  <c r="AC125741" i="1"/>
  <c r="AC125742" i="1"/>
  <c r="AC125743" i="1"/>
  <c r="AC125744" i="1"/>
  <c r="AC125745" i="1"/>
  <c r="AC125746" i="1"/>
  <c r="AC125747" i="1"/>
  <c r="AC125748" i="1"/>
  <c r="AC125749" i="1"/>
  <c r="AC125750" i="1"/>
  <c r="AC125751" i="1"/>
  <c r="AC125752" i="1"/>
  <c r="AC125753" i="1"/>
  <c r="AC125754" i="1"/>
  <c r="AC125755" i="1"/>
  <c r="AC125756" i="1"/>
  <c r="AC125757" i="1"/>
  <c r="AC125758" i="1"/>
  <c r="AC125759" i="1"/>
  <c r="AC125760" i="1"/>
  <c r="AC125761" i="1"/>
  <c r="AC125762" i="1"/>
  <c r="AC125763" i="1"/>
  <c r="AC125764" i="1"/>
  <c r="AC125765" i="1"/>
  <c r="AC125766" i="1"/>
  <c r="AC125767" i="1"/>
  <c r="AC125768" i="1"/>
  <c r="AC125769" i="1"/>
  <c r="AC125770" i="1"/>
  <c r="AC125771" i="1"/>
  <c r="AC125772" i="1"/>
  <c r="AC125773" i="1"/>
  <c r="AC125774" i="1"/>
  <c r="AC125775" i="1"/>
  <c r="AC125776" i="1"/>
  <c r="AC125777" i="1"/>
  <c r="AC125778" i="1"/>
  <c r="AC125779" i="1"/>
  <c r="AC125780" i="1"/>
  <c r="AC125781" i="1"/>
  <c r="AC125782" i="1"/>
  <c r="AC125783" i="1"/>
  <c r="AC125784" i="1"/>
  <c r="AC125785" i="1"/>
  <c r="AC125786" i="1"/>
  <c r="AC125787" i="1"/>
  <c r="AC125788" i="1"/>
  <c r="AC125789" i="1"/>
  <c r="AC125790" i="1"/>
  <c r="AC125791" i="1"/>
  <c r="AC125792" i="1"/>
  <c r="AC125793" i="1"/>
  <c r="AC125794" i="1"/>
  <c r="AC125795" i="1"/>
  <c r="AC125796" i="1"/>
  <c r="AC125797" i="1"/>
  <c r="AC125798" i="1"/>
  <c r="AC125799" i="1"/>
  <c r="AC125800" i="1"/>
  <c r="AC125801" i="1"/>
  <c r="AC125802" i="1"/>
  <c r="AC125803" i="1"/>
  <c r="AC125804" i="1"/>
  <c r="AC125805" i="1"/>
  <c r="AC125806" i="1"/>
  <c r="AC125807" i="1"/>
  <c r="AC125808" i="1"/>
  <c r="AC125809" i="1"/>
  <c r="AC125810" i="1"/>
  <c r="AC125811" i="1"/>
  <c r="AC125812" i="1"/>
  <c r="AC125813" i="1"/>
  <c r="AC125814" i="1"/>
  <c r="AC125815" i="1"/>
  <c r="AC125816" i="1"/>
  <c r="AC125817" i="1"/>
  <c r="AC125818" i="1"/>
  <c r="AC125819" i="1"/>
  <c r="AC125820" i="1"/>
  <c r="AC125821" i="1"/>
  <c r="AC125822" i="1"/>
  <c r="AC125823" i="1"/>
  <c r="AC125824" i="1"/>
  <c r="AC125825" i="1"/>
  <c r="AC125826" i="1"/>
  <c r="AC125827" i="1"/>
  <c r="AC125828" i="1"/>
  <c r="AC125829" i="1"/>
  <c r="AC125830" i="1"/>
  <c r="AC125831" i="1"/>
  <c r="AC125832" i="1"/>
  <c r="AC125833" i="1"/>
  <c r="AC125834" i="1"/>
  <c r="AC125835" i="1"/>
  <c r="AC125836" i="1"/>
  <c r="AC125837" i="1"/>
  <c r="AC125838" i="1"/>
  <c r="AC125839" i="1"/>
  <c r="AC125840" i="1"/>
  <c r="AC125841" i="1"/>
  <c r="AC125842" i="1"/>
  <c r="AC125843" i="1"/>
  <c r="AC125844" i="1"/>
  <c r="AC125845" i="1"/>
  <c r="AC125846" i="1"/>
  <c r="AC125847" i="1"/>
  <c r="AC125848" i="1"/>
  <c r="AC125849" i="1"/>
  <c r="AC125850" i="1"/>
  <c r="AC125851" i="1"/>
  <c r="AC125852" i="1"/>
  <c r="AC125853" i="1"/>
  <c r="AC125854" i="1"/>
  <c r="AC125855" i="1"/>
  <c r="AC125856" i="1"/>
  <c r="AC125857" i="1"/>
  <c r="AC125858" i="1"/>
  <c r="AC125859" i="1"/>
  <c r="AC125860" i="1"/>
  <c r="AC125861" i="1"/>
  <c r="AC125862" i="1"/>
  <c r="AC125863" i="1"/>
  <c r="AC125864" i="1"/>
  <c r="AC125865" i="1"/>
  <c r="AC125866" i="1"/>
  <c r="AC125867" i="1"/>
  <c r="AC125868" i="1"/>
  <c r="AC125869" i="1"/>
  <c r="AC125870" i="1"/>
  <c r="AC125871" i="1"/>
  <c r="AC125872" i="1"/>
  <c r="AC125873" i="1"/>
  <c r="AC125874" i="1"/>
  <c r="AC125875" i="1"/>
  <c r="AC125876" i="1"/>
  <c r="AC125877" i="1"/>
  <c r="AC125878" i="1"/>
  <c r="AC125879" i="1"/>
  <c r="AC125880" i="1"/>
  <c r="AC125881" i="1"/>
  <c r="AC125882" i="1"/>
  <c r="AC125883" i="1"/>
  <c r="AC125884" i="1"/>
  <c r="AC125885" i="1"/>
  <c r="AC125886" i="1"/>
  <c r="AC125887" i="1"/>
  <c r="AC125888" i="1"/>
  <c r="AC125889" i="1"/>
  <c r="AC125890" i="1"/>
  <c r="AC125891" i="1"/>
  <c r="AC125892" i="1"/>
  <c r="AC125893" i="1"/>
  <c r="AC125894" i="1"/>
  <c r="AC125895" i="1"/>
  <c r="AC125896" i="1"/>
  <c r="AC125897" i="1"/>
  <c r="AC125898" i="1"/>
  <c r="AC125899" i="1"/>
  <c r="AC125900" i="1"/>
  <c r="AC125901" i="1"/>
  <c r="AC125902" i="1"/>
  <c r="AC125903" i="1"/>
  <c r="AC125904" i="1"/>
  <c r="AC125905" i="1"/>
  <c r="AC125906" i="1"/>
  <c r="AC125907" i="1"/>
  <c r="AC125908" i="1"/>
  <c r="AC125909" i="1"/>
  <c r="AC125910" i="1"/>
  <c r="AC125911" i="1"/>
  <c r="AC125912" i="1"/>
  <c r="AC125913" i="1"/>
  <c r="AC125914" i="1"/>
  <c r="AC125915" i="1"/>
  <c r="AC125916" i="1"/>
  <c r="AC125917" i="1"/>
  <c r="AC125918" i="1"/>
  <c r="AC125919" i="1"/>
  <c r="AC125920" i="1"/>
  <c r="AC125921" i="1"/>
  <c r="AC125922" i="1"/>
  <c r="AC125923" i="1"/>
  <c r="AC125924" i="1"/>
  <c r="AC125925" i="1"/>
  <c r="AC125926" i="1"/>
  <c r="AC125927" i="1"/>
  <c r="AC125928" i="1"/>
  <c r="AC125929" i="1"/>
  <c r="AC125930" i="1"/>
  <c r="AC125931" i="1"/>
  <c r="AC125932" i="1"/>
  <c r="AC125933" i="1"/>
  <c r="AC125934" i="1"/>
  <c r="AC125935" i="1"/>
  <c r="AC125936" i="1"/>
  <c r="AC125937" i="1"/>
  <c r="AC125938" i="1"/>
  <c r="AC125939" i="1"/>
  <c r="AC125940" i="1"/>
  <c r="AC125941" i="1"/>
  <c r="AC125942" i="1"/>
  <c r="AC125943" i="1"/>
  <c r="AC125944" i="1"/>
  <c r="AC125945" i="1"/>
  <c r="AC125946" i="1"/>
  <c r="AC125947" i="1"/>
  <c r="AC125948" i="1"/>
  <c r="AC125949" i="1"/>
  <c r="AC125950" i="1"/>
  <c r="AC125951" i="1"/>
  <c r="AC125952" i="1"/>
  <c r="AC125953" i="1"/>
  <c r="AC125954" i="1"/>
  <c r="AC125955" i="1"/>
  <c r="AC125956" i="1"/>
  <c r="AC125957" i="1"/>
  <c r="AC125958" i="1"/>
  <c r="AC125959" i="1"/>
  <c r="AC125960" i="1"/>
  <c r="AC125961" i="1"/>
  <c r="AC125962" i="1"/>
  <c r="AC125963" i="1"/>
  <c r="AC125964" i="1"/>
  <c r="AC125965" i="1"/>
  <c r="AC125966" i="1"/>
  <c r="AC125967" i="1"/>
  <c r="AC125968" i="1"/>
  <c r="AC125969" i="1"/>
  <c r="AC125970" i="1"/>
  <c r="AC125971" i="1"/>
  <c r="AC125972" i="1"/>
  <c r="AC125973" i="1"/>
  <c r="AC125974" i="1"/>
  <c r="AC125975" i="1"/>
  <c r="AC125976" i="1"/>
  <c r="AC125977" i="1"/>
  <c r="AC125978" i="1"/>
  <c r="AC125979" i="1"/>
  <c r="AC125980" i="1"/>
  <c r="AC125981" i="1"/>
  <c r="AC125982" i="1"/>
  <c r="AC125983" i="1"/>
  <c r="AC125984" i="1"/>
  <c r="AC125985" i="1"/>
  <c r="AC125986" i="1"/>
  <c r="AC125987" i="1"/>
  <c r="AC125988" i="1"/>
  <c r="AC125989" i="1"/>
  <c r="AC125990" i="1"/>
  <c r="AC125991" i="1"/>
  <c r="AC125992" i="1"/>
  <c r="AC125993" i="1"/>
  <c r="AC125994" i="1"/>
  <c r="AC125995" i="1"/>
  <c r="AC125996" i="1"/>
  <c r="AC125997" i="1"/>
  <c r="AC125998" i="1"/>
  <c r="AC125999" i="1"/>
  <c r="AC126000" i="1"/>
  <c r="AC126001" i="1"/>
  <c r="AC126002" i="1"/>
  <c r="AC126003" i="1"/>
  <c r="AC126004" i="1"/>
  <c r="AC126005" i="1"/>
  <c r="AC126006" i="1"/>
  <c r="AC126007" i="1"/>
  <c r="AC126008" i="1"/>
  <c r="AC126009" i="1"/>
  <c r="AC126010" i="1"/>
  <c r="AC126011" i="1"/>
  <c r="AC126012" i="1"/>
  <c r="AC126013" i="1"/>
  <c r="AC126014" i="1"/>
  <c r="AC126015" i="1"/>
  <c r="AC126016" i="1"/>
  <c r="AC126017" i="1"/>
  <c r="AC126018" i="1"/>
  <c r="AC126019" i="1"/>
  <c r="AC126020" i="1"/>
  <c r="AC126021" i="1"/>
  <c r="AC126022" i="1"/>
  <c r="AC126023" i="1"/>
  <c r="AC126024" i="1"/>
  <c r="AC126025" i="1"/>
  <c r="AC126026" i="1"/>
  <c r="AC126027" i="1"/>
  <c r="AC126028" i="1"/>
  <c r="AC126029" i="1"/>
  <c r="AC126030" i="1"/>
  <c r="AC126031" i="1"/>
  <c r="AC126032" i="1"/>
  <c r="AC126033" i="1"/>
  <c r="AC126034" i="1"/>
  <c r="AC126035" i="1"/>
  <c r="AC126036" i="1"/>
  <c r="AC126037" i="1"/>
  <c r="AC126038" i="1"/>
  <c r="AC126039" i="1"/>
  <c r="AC126040" i="1"/>
  <c r="AC126041" i="1"/>
  <c r="AC126042" i="1"/>
  <c r="AC126043" i="1"/>
  <c r="AC126044" i="1"/>
  <c r="AC126045" i="1"/>
  <c r="AC126046" i="1"/>
  <c r="AC126047" i="1"/>
  <c r="AC126048" i="1"/>
  <c r="AC126049" i="1"/>
  <c r="AC126050" i="1"/>
  <c r="AC126051" i="1"/>
  <c r="AC126052" i="1"/>
  <c r="AC126053" i="1"/>
  <c r="AC126054" i="1"/>
  <c r="AC126055" i="1"/>
  <c r="AC126056" i="1"/>
  <c r="AC126057" i="1"/>
  <c r="AC126058" i="1"/>
  <c r="AC126059" i="1"/>
  <c r="AC126060" i="1"/>
  <c r="AC126061" i="1"/>
  <c r="AC126062" i="1"/>
  <c r="AC126063" i="1"/>
  <c r="AC126064" i="1"/>
  <c r="AC126065" i="1"/>
  <c r="AC126066" i="1"/>
  <c r="AC126067" i="1"/>
  <c r="AC126068" i="1"/>
  <c r="AC126069" i="1"/>
  <c r="AC126070" i="1"/>
  <c r="AC126071" i="1"/>
  <c r="AC126072" i="1"/>
  <c r="AC126073" i="1"/>
  <c r="AC126074" i="1"/>
  <c r="AC126075" i="1"/>
  <c r="AC126076" i="1"/>
  <c r="AC126077" i="1"/>
  <c r="AC126078" i="1"/>
  <c r="AC126079" i="1"/>
  <c r="AC126080" i="1"/>
  <c r="AC126081" i="1"/>
  <c r="AC126082" i="1"/>
  <c r="AC126083" i="1"/>
  <c r="AC126084" i="1"/>
  <c r="AC126085" i="1"/>
  <c r="AC126086" i="1"/>
  <c r="AC126087" i="1"/>
  <c r="AC126088" i="1"/>
  <c r="AC126089" i="1"/>
  <c r="AC126090" i="1"/>
  <c r="AC126091" i="1"/>
  <c r="AC126092" i="1"/>
  <c r="AC126093" i="1"/>
  <c r="AC126094" i="1"/>
  <c r="AC126095" i="1"/>
  <c r="AC126096" i="1"/>
  <c r="AC126097" i="1"/>
  <c r="AC126098" i="1"/>
  <c r="AC126099" i="1"/>
  <c r="AC126100" i="1"/>
  <c r="AC126101" i="1"/>
  <c r="AC126102" i="1"/>
  <c r="AC126103" i="1"/>
  <c r="AC126104" i="1"/>
  <c r="AC126105" i="1"/>
  <c r="AC126106" i="1"/>
  <c r="AC126107" i="1"/>
  <c r="AC126108" i="1"/>
  <c r="AC126109" i="1"/>
  <c r="AC126110" i="1"/>
  <c r="AC126111" i="1"/>
  <c r="AC126112" i="1"/>
  <c r="AC126113" i="1"/>
  <c r="AC126114" i="1"/>
  <c r="AC126115" i="1"/>
  <c r="AC126116" i="1"/>
  <c r="AC126117" i="1"/>
  <c r="AC126118" i="1"/>
  <c r="AC126119" i="1"/>
  <c r="AC126120" i="1"/>
  <c r="AC126121" i="1"/>
  <c r="AC126122" i="1"/>
  <c r="AC126123" i="1"/>
  <c r="AC126124" i="1"/>
  <c r="AC126125" i="1"/>
  <c r="AC126126" i="1"/>
  <c r="AC126127" i="1"/>
  <c r="AC126128" i="1"/>
  <c r="AC126129" i="1"/>
  <c r="AC126130" i="1"/>
  <c r="AC126131" i="1"/>
  <c r="AC126132" i="1"/>
  <c r="AC126133" i="1"/>
  <c r="AC126134" i="1"/>
  <c r="AC126135" i="1"/>
  <c r="AC126136" i="1"/>
  <c r="AC126137" i="1"/>
  <c r="AC126138" i="1"/>
  <c r="AC126139" i="1"/>
  <c r="AC126140" i="1"/>
  <c r="AC126141" i="1"/>
  <c r="AC126142" i="1"/>
  <c r="AC126143" i="1"/>
  <c r="AC126144" i="1"/>
  <c r="AC126145" i="1"/>
  <c r="AC126146" i="1"/>
  <c r="AC126147" i="1"/>
  <c r="AC126148" i="1"/>
  <c r="AC126149" i="1"/>
  <c r="AC126150" i="1"/>
  <c r="AC126151" i="1"/>
  <c r="AC126152" i="1"/>
  <c r="AC126153" i="1"/>
  <c r="AC126154" i="1"/>
  <c r="AC126155" i="1"/>
  <c r="AC126156" i="1"/>
  <c r="AC126157" i="1"/>
  <c r="AC126158" i="1"/>
  <c r="AC126159" i="1"/>
  <c r="AC126160" i="1"/>
  <c r="AC126161" i="1"/>
  <c r="AC126162" i="1"/>
  <c r="AC126163" i="1"/>
  <c r="AC126164" i="1"/>
  <c r="AC126165" i="1"/>
  <c r="AC126166" i="1"/>
  <c r="AC126167" i="1"/>
  <c r="AC126168" i="1"/>
  <c r="AC126169" i="1"/>
  <c r="AC126170" i="1"/>
  <c r="AC126171" i="1"/>
  <c r="AC126172" i="1"/>
  <c r="AC126173" i="1"/>
  <c r="AC126174" i="1"/>
  <c r="AC126175" i="1"/>
  <c r="AC126176" i="1"/>
  <c r="AC126177" i="1"/>
  <c r="AC126178" i="1"/>
  <c r="AC126179" i="1"/>
  <c r="AC126180" i="1"/>
  <c r="AC126181" i="1"/>
  <c r="AC126182" i="1"/>
  <c r="AC126183" i="1"/>
  <c r="AC126184" i="1"/>
  <c r="AC126185" i="1"/>
  <c r="AC126186" i="1"/>
  <c r="AC126187" i="1"/>
  <c r="AC126188" i="1"/>
  <c r="AC126189" i="1"/>
  <c r="AC126190" i="1"/>
  <c r="AC126191" i="1"/>
  <c r="AC126192" i="1"/>
  <c r="AC126193" i="1"/>
  <c r="AC126194" i="1"/>
  <c r="AC126195" i="1"/>
  <c r="AC126196" i="1"/>
  <c r="AC126197" i="1"/>
  <c r="AC126198" i="1"/>
  <c r="AC126199" i="1"/>
  <c r="AC126200" i="1"/>
  <c r="AC126201" i="1"/>
  <c r="AC126202" i="1"/>
  <c r="AC126203" i="1"/>
  <c r="AC126204" i="1"/>
  <c r="AC126205" i="1"/>
  <c r="AC126206" i="1"/>
  <c r="AC126207" i="1"/>
  <c r="AC126208" i="1"/>
  <c r="AC126209" i="1"/>
  <c r="AC126210" i="1"/>
  <c r="AC126211" i="1"/>
  <c r="AC126212" i="1"/>
  <c r="AC126213" i="1"/>
  <c r="AC126214" i="1"/>
  <c r="AC126215" i="1"/>
  <c r="AC126216" i="1"/>
  <c r="AC126217" i="1"/>
  <c r="AC126218" i="1"/>
  <c r="AC126219" i="1"/>
  <c r="AC126220" i="1"/>
  <c r="AC126221" i="1"/>
  <c r="AC126222" i="1"/>
  <c r="AC126223" i="1"/>
  <c r="AC126224" i="1"/>
  <c r="AC126225" i="1"/>
  <c r="AC126226" i="1"/>
  <c r="AC126227" i="1"/>
  <c r="AC126228" i="1"/>
  <c r="AC126229" i="1"/>
  <c r="AC126230" i="1"/>
  <c r="AC126231" i="1"/>
  <c r="AC126232" i="1"/>
  <c r="AC126233" i="1"/>
  <c r="AC126234" i="1"/>
  <c r="AC126235" i="1"/>
  <c r="AC126236" i="1"/>
  <c r="AC126237" i="1"/>
  <c r="AC126238" i="1"/>
  <c r="AC126239" i="1"/>
  <c r="AC126240" i="1"/>
  <c r="AC126241" i="1"/>
  <c r="AC126242" i="1"/>
  <c r="AC126243" i="1"/>
  <c r="AC126244" i="1"/>
  <c r="AC126245" i="1"/>
  <c r="AC126246" i="1"/>
  <c r="AC126247" i="1"/>
  <c r="AC126248" i="1"/>
  <c r="AC126249" i="1"/>
  <c r="AC126250" i="1"/>
  <c r="AC126251" i="1"/>
  <c r="AC126252" i="1"/>
  <c r="AC126253" i="1"/>
  <c r="AC126254" i="1"/>
  <c r="AC126255" i="1"/>
  <c r="AC126256" i="1"/>
  <c r="AC126257" i="1"/>
  <c r="AC126258" i="1"/>
  <c r="AC126259" i="1"/>
  <c r="AC126260" i="1"/>
  <c r="AC126261" i="1"/>
  <c r="AC126262" i="1"/>
  <c r="AC126263" i="1"/>
  <c r="AC126264" i="1"/>
  <c r="AC126265" i="1"/>
  <c r="AC126266" i="1"/>
  <c r="AC126267" i="1"/>
  <c r="AC126268" i="1"/>
  <c r="AC126269" i="1"/>
  <c r="AC126270" i="1"/>
  <c r="AC126271" i="1"/>
  <c r="AC126272" i="1"/>
  <c r="AC126273" i="1"/>
  <c r="AC126274" i="1"/>
  <c r="AC126275" i="1"/>
  <c r="AC126276" i="1"/>
  <c r="AC126277" i="1"/>
  <c r="AC126278" i="1"/>
  <c r="AC126279" i="1"/>
  <c r="AC126280" i="1"/>
  <c r="AC126281" i="1"/>
  <c r="AC126282" i="1"/>
  <c r="AC126283" i="1"/>
  <c r="AC126284" i="1"/>
  <c r="AC126285" i="1"/>
  <c r="AC126286" i="1"/>
  <c r="AC126287" i="1"/>
  <c r="AC126288" i="1"/>
  <c r="AC126289" i="1"/>
  <c r="AC126290" i="1"/>
  <c r="AC126291" i="1"/>
  <c r="AC126292" i="1"/>
  <c r="AC126293" i="1"/>
  <c r="AC126294" i="1"/>
  <c r="AC126295" i="1"/>
  <c r="AC126296" i="1"/>
  <c r="AC126297" i="1"/>
  <c r="AC126298" i="1"/>
  <c r="AC126299" i="1"/>
  <c r="AC126300" i="1"/>
  <c r="AC126301" i="1"/>
  <c r="AC126302" i="1"/>
  <c r="AC126303" i="1"/>
  <c r="AC126304" i="1"/>
  <c r="AC126305" i="1"/>
  <c r="AC126306" i="1"/>
  <c r="AC126307" i="1"/>
  <c r="AC126308" i="1"/>
  <c r="AC126309" i="1"/>
  <c r="AC126310" i="1"/>
  <c r="AC126311" i="1"/>
  <c r="AC126312" i="1"/>
  <c r="AC126313" i="1"/>
  <c r="AC126314" i="1"/>
  <c r="AC126315" i="1"/>
  <c r="AC126316" i="1"/>
  <c r="AC126317" i="1"/>
  <c r="AC126318" i="1"/>
  <c r="AC126319" i="1"/>
  <c r="AC126320" i="1"/>
  <c r="AC126321" i="1"/>
  <c r="AC126322" i="1"/>
  <c r="AC126323" i="1"/>
  <c r="AC126324" i="1"/>
  <c r="AC126325" i="1"/>
  <c r="AC126326" i="1"/>
  <c r="AC126327" i="1"/>
  <c r="AC126328" i="1"/>
  <c r="AC126329" i="1"/>
  <c r="AC126330" i="1"/>
  <c r="AC126331" i="1"/>
  <c r="AC126332" i="1"/>
  <c r="AC126333" i="1"/>
  <c r="AC126334" i="1"/>
  <c r="AC126335" i="1"/>
  <c r="AC126336" i="1"/>
  <c r="AC126337" i="1"/>
  <c r="AC126338" i="1"/>
  <c r="AC126339" i="1"/>
  <c r="AC126340" i="1"/>
  <c r="AC126341" i="1"/>
  <c r="AC126342" i="1"/>
  <c r="AC126343" i="1"/>
  <c r="AC126344" i="1"/>
  <c r="AC126345" i="1"/>
  <c r="AC126346" i="1"/>
  <c r="AC126347" i="1"/>
  <c r="AC126348" i="1"/>
  <c r="AC126349" i="1"/>
  <c r="AC126350" i="1"/>
  <c r="AC126351" i="1"/>
  <c r="AC126352" i="1"/>
  <c r="AC126353" i="1"/>
  <c r="AC126354" i="1"/>
  <c r="AC126355" i="1"/>
  <c r="AC126356" i="1"/>
  <c r="AC126357" i="1"/>
  <c r="AC126358" i="1"/>
  <c r="AC126359" i="1"/>
  <c r="AC126360" i="1"/>
  <c r="AC126361" i="1"/>
  <c r="AC126362" i="1"/>
  <c r="AC126363" i="1"/>
  <c r="AC126364" i="1"/>
  <c r="AC126365" i="1"/>
  <c r="AC126366" i="1"/>
  <c r="AC126367" i="1"/>
  <c r="AC126368" i="1"/>
  <c r="AC126369" i="1"/>
  <c r="AC126370" i="1"/>
  <c r="AC126371" i="1"/>
  <c r="AC126372" i="1"/>
  <c r="AC126373" i="1"/>
  <c r="AC126374" i="1"/>
  <c r="AC126375" i="1"/>
  <c r="AC126376" i="1"/>
  <c r="AC126377" i="1"/>
  <c r="AC126378" i="1"/>
  <c r="AC126379" i="1"/>
  <c r="AC126380" i="1"/>
  <c r="AC126381" i="1"/>
  <c r="AC126382" i="1"/>
  <c r="AC126383" i="1"/>
  <c r="AC126384" i="1"/>
  <c r="AC126385" i="1"/>
  <c r="AC126386" i="1"/>
  <c r="AC126387" i="1"/>
  <c r="AC126388" i="1"/>
  <c r="AC126389" i="1"/>
  <c r="AC126390" i="1"/>
  <c r="AC126391" i="1"/>
  <c r="AC126392" i="1"/>
  <c r="AC126393" i="1"/>
  <c r="AC126394" i="1"/>
  <c r="AC126395" i="1"/>
  <c r="AC126396" i="1"/>
  <c r="AC126397" i="1"/>
  <c r="AC126398" i="1"/>
  <c r="AC126399" i="1"/>
  <c r="AC126400" i="1"/>
  <c r="AC126401" i="1"/>
  <c r="AC126402" i="1"/>
  <c r="AC126403" i="1"/>
  <c r="AC126404" i="1"/>
  <c r="AC126405" i="1"/>
  <c r="AC126406" i="1"/>
  <c r="AC126407" i="1"/>
  <c r="AC126408" i="1"/>
  <c r="AC126409" i="1"/>
  <c r="AC126410" i="1"/>
  <c r="AC126411" i="1"/>
  <c r="AC126412" i="1"/>
  <c r="AC126413" i="1"/>
  <c r="AC126414" i="1"/>
  <c r="AC126415" i="1"/>
  <c r="AC126416" i="1"/>
  <c r="AC126417" i="1"/>
  <c r="AC126418" i="1"/>
  <c r="AC126419" i="1"/>
  <c r="AC126420" i="1"/>
  <c r="AC126421" i="1"/>
  <c r="AC126422" i="1"/>
  <c r="AC126423" i="1"/>
  <c r="AC126424" i="1"/>
  <c r="AC126425" i="1"/>
  <c r="AC126426" i="1"/>
  <c r="AC126427" i="1"/>
  <c r="AC126428" i="1"/>
  <c r="AC126429" i="1"/>
  <c r="AC126430" i="1"/>
  <c r="AC126431" i="1"/>
  <c r="AC126432" i="1"/>
  <c r="AC126433" i="1"/>
  <c r="AC126434" i="1"/>
  <c r="AC126435" i="1"/>
  <c r="AC126436" i="1"/>
  <c r="AC126437" i="1"/>
  <c r="AC126438" i="1"/>
  <c r="AC126439" i="1"/>
  <c r="AC126440" i="1"/>
  <c r="AC126441" i="1"/>
  <c r="AC126442" i="1"/>
  <c r="AC126443" i="1"/>
  <c r="AC126444" i="1"/>
  <c r="AC126445" i="1"/>
  <c r="AC126446" i="1"/>
  <c r="AC126447" i="1"/>
  <c r="AC126448" i="1"/>
  <c r="AC126449" i="1"/>
  <c r="AC126450" i="1"/>
  <c r="AC126451" i="1"/>
  <c r="AC126452" i="1"/>
  <c r="AC126453" i="1"/>
  <c r="AC126454" i="1"/>
  <c r="AC126455" i="1"/>
  <c r="AC126456" i="1"/>
  <c r="AC126457" i="1"/>
  <c r="AC126458" i="1"/>
  <c r="AC126459" i="1"/>
  <c r="AC126460" i="1"/>
  <c r="AC126461" i="1"/>
  <c r="AC126462" i="1"/>
  <c r="AC126463" i="1"/>
  <c r="AC126464" i="1"/>
  <c r="AC126465" i="1"/>
  <c r="AC126466" i="1"/>
  <c r="AC126467" i="1"/>
  <c r="AC126468" i="1"/>
  <c r="AC126469" i="1"/>
  <c r="AC126470" i="1"/>
  <c r="AC126471" i="1"/>
  <c r="AC126472" i="1"/>
  <c r="AC126473" i="1"/>
  <c r="AC126474" i="1"/>
  <c r="AC126475" i="1"/>
  <c r="AC126476" i="1"/>
  <c r="AC126477" i="1"/>
  <c r="AC126478" i="1"/>
  <c r="AC126479" i="1"/>
  <c r="AC126480" i="1"/>
  <c r="AC126481" i="1"/>
  <c r="AC126482" i="1"/>
  <c r="AC126483" i="1"/>
  <c r="AC126484" i="1"/>
  <c r="AC126485" i="1"/>
  <c r="AC126486" i="1"/>
  <c r="AC126487" i="1"/>
  <c r="AC126488" i="1"/>
  <c r="AC126489" i="1"/>
  <c r="AC126490" i="1"/>
  <c r="AC126491" i="1"/>
  <c r="AC126492" i="1"/>
  <c r="AC126493" i="1"/>
  <c r="AC126494" i="1"/>
  <c r="AC126495" i="1"/>
  <c r="AC126496" i="1"/>
  <c r="AC126497" i="1"/>
  <c r="AC126498" i="1"/>
  <c r="AC126499" i="1"/>
  <c r="AC126500" i="1"/>
  <c r="AC126501" i="1"/>
  <c r="AC126502" i="1"/>
  <c r="AC126503" i="1"/>
  <c r="AC126504" i="1"/>
  <c r="AC126505" i="1"/>
  <c r="AC126506" i="1"/>
  <c r="AC126507" i="1"/>
  <c r="AC126508" i="1"/>
  <c r="AC126509" i="1"/>
  <c r="AC126510" i="1"/>
  <c r="AC126511" i="1"/>
  <c r="AC126512" i="1"/>
  <c r="AC126513" i="1"/>
  <c r="AC126514" i="1"/>
  <c r="AC126515" i="1"/>
  <c r="AC126516" i="1"/>
  <c r="AC126517" i="1"/>
  <c r="AC126518" i="1"/>
  <c r="AC126519" i="1"/>
  <c r="AC126520" i="1"/>
  <c r="AC126521" i="1"/>
  <c r="AC126522" i="1"/>
  <c r="AC126523" i="1"/>
  <c r="AC126524" i="1"/>
  <c r="AC126525" i="1"/>
  <c r="AC126526" i="1"/>
  <c r="AC126527" i="1"/>
  <c r="AC126528" i="1"/>
  <c r="AC126529" i="1"/>
  <c r="AC126530" i="1"/>
  <c r="AC126531" i="1"/>
  <c r="AC126532" i="1"/>
  <c r="AC126533" i="1"/>
  <c r="AC126534" i="1"/>
  <c r="AC126535" i="1"/>
  <c r="AC126536" i="1"/>
  <c r="AC126537" i="1"/>
  <c r="AC126538" i="1"/>
  <c r="AC126539" i="1"/>
  <c r="AC126540" i="1"/>
  <c r="AC126541" i="1"/>
  <c r="AC126542" i="1"/>
  <c r="AC126543" i="1"/>
  <c r="AC126544" i="1"/>
  <c r="AC126545" i="1"/>
  <c r="AC126546" i="1"/>
  <c r="AC126547" i="1"/>
  <c r="AC126548" i="1"/>
  <c r="AC126549" i="1"/>
  <c r="AC126550" i="1"/>
  <c r="AC126551" i="1"/>
  <c r="AC126552" i="1"/>
  <c r="AC126553" i="1"/>
  <c r="AC126554" i="1"/>
  <c r="AC126555" i="1"/>
  <c r="AC126556" i="1"/>
  <c r="AC126557" i="1"/>
  <c r="AC126558" i="1"/>
  <c r="AC126559" i="1"/>
  <c r="AC126560" i="1"/>
  <c r="AC126561" i="1"/>
  <c r="AC126562" i="1"/>
  <c r="AC126563" i="1"/>
  <c r="AC126564" i="1"/>
  <c r="AC126565" i="1"/>
  <c r="AC126566" i="1"/>
  <c r="AC126567" i="1"/>
  <c r="AC126568" i="1"/>
  <c r="AC126569" i="1"/>
  <c r="AC126570" i="1"/>
  <c r="AC126571" i="1"/>
  <c r="AC126572" i="1"/>
  <c r="AC126573" i="1"/>
  <c r="AC126574" i="1"/>
  <c r="AC126575" i="1"/>
  <c r="AC126576" i="1"/>
  <c r="AC126577" i="1"/>
  <c r="AC126578" i="1"/>
  <c r="AC126579" i="1"/>
  <c r="AC126580" i="1"/>
  <c r="AC126581" i="1"/>
  <c r="AC126582" i="1"/>
  <c r="AC126583" i="1"/>
  <c r="AC126584" i="1"/>
  <c r="AC126585" i="1"/>
  <c r="AC126586" i="1"/>
  <c r="AC126587" i="1"/>
  <c r="AC126588" i="1"/>
  <c r="AC126589" i="1"/>
  <c r="AC126590" i="1"/>
  <c r="AC126591" i="1"/>
  <c r="AC126592" i="1"/>
  <c r="AC126593" i="1"/>
  <c r="AC126594" i="1"/>
  <c r="AC126595" i="1"/>
  <c r="AC126596" i="1"/>
  <c r="AC126597" i="1"/>
  <c r="AC126598" i="1"/>
  <c r="AC126599" i="1"/>
  <c r="AC126600" i="1"/>
  <c r="AC126601" i="1"/>
  <c r="AC126602" i="1"/>
  <c r="AC126603" i="1"/>
  <c r="AC126604" i="1"/>
  <c r="AC126605" i="1"/>
  <c r="AC126606" i="1"/>
  <c r="AC126607" i="1"/>
  <c r="AC126608" i="1"/>
  <c r="AC126609" i="1"/>
  <c r="AC126610" i="1"/>
  <c r="AC126611" i="1"/>
  <c r="AC126612" i="1"/>
  <c r="AC126613" i="1"/>
  <c r="AC126614" i="1"/>
  <c r="AC126615" i="1"/>
  <c r="AC126616" i="1"/>
  <c r="AC126617" i="1"/>
  <c r="AC126618" i="1"/>
  <c r="AC126619" i="1"/>
  <c r="AC126620" i="1"/>
  <c r="AC126621" i="1"/>
  <c r="AC126622" i="1"/>
  <c r="AC126623" i="1"/>
  <c r="AC126624" i="1"/>
  <c r="AC126625" i="1"/>
  <c r="AC126626" i="1"/>
  <c r="AC126627" i="1"/>
  <c r="AC126628" i="1"/>
  <c r="AC126629" i="1"/>
  <c r="AC126630" i="1"/>
  <c r="AC126631" i="1"/>
  <c r="AC126632" i="1"/>
  <c r="AC126633" i="1"/>
  <c r="AC126634" i="1"/>
  <c r="AC126635" i="1"/>
  <c r="AC126636" i="1"/>
  <c r="AC126637" i="1"/>
  <c r="AC126638" i="1"/>
  <c r="AC126639" i="1"/>
  <c r="AC126640" i="1"/>
  <c r="AC126641" i="1"/>
  <c r="AC126642" i="1"/>
  <c r="AC126643" i="1"/>
  <c r="AC126644" i="1"/>
  <c r="AC126645" i="1"/>
  <c r="AC126646" i="1"/>
  <c r="AC126647" i="1"/>
  <c r="AC126648" i="1"/>
  <c r="AC126649" i="1"/>
  <c r="AC126650" i="1"/>
  <c r="AC126651" i="1"/>
  <c r="AC126652" i="1"/>
  <c r="AC126653" i="1"/>
  <c r="AC126654" i="1"/>
  <c r="AC126655" i="1"/>
  <c r="AC126656" i="1"/>
  <c r="AC126657" i="1"/>
  <c r="AC126658" i="1"/>
  <c r="AC126659" i="1"/>
  <c r="AC126660" i="1"/>
  <c r="AC126661" i="1"/>
  <c r="AC126662" i="1"/>
  <c r="AC126663" i="1"/>
  <c r="AC126664" i="1"/>
  <c r="AC126665" i="1"/>
  <c r="AC126666" i="1"/>
  <c r="AC126667" i="1"/>
  <c r="AC126668" i="1"/>
  <c r="AC126669" i="1"/>
  <c r="AC126670" i="1"/>
  <c r="AC126671" i="1"/>
  <c r="AC126672" i="1"/>
  <c r="AC126673" i="1"/>
  <c r="AC126674" i="1"/>
  <c r="AC126675" i="1"/>
  <c r="AC126676" i="1"/>
  <c r="AC126677" i="1"/>
  <c r="AC126678" i="1"/>
  <c r="AC126679" i="1"/>
  <c r="AC126680" i="1"/>
  <c r="AC126681" i="1"/>
  <c r="AC126682" i="1"/>
  <c r="AC126683" i="1"/>
  <c r="AC126684" i="1"/>
  <c r="AC126685" i="1"/>
  <c r="AC126686" i="1"/>
  <c r="AC126687" i="1"/>
  <c r="AC126688" i="1"/>
  <c r="AC126689" i="1"/>
  <c r="AC126690" i="1"/>
  <c r="AC126691" i="1"/>
  <c r="AC126692" i="1"/>
  <c r="AC126693" i="1"/>
  <c r="AC126694" i="1"/>
  <c r="AC126695" i="1"/>
  <c r="AC126696" i="1"/>
  <c r="AC126697" i="1"/>
  <c r="AC126698" i="1"/>
  <c r="AC126699" i="1"/>
  <c r="AC126700" i="1"/>
  <c r="AC126701" i="1"/>
  <c r="AC126702" i="1"/>
  <c r="AC126703" i="1"/>
  <c r="AC126704" i="1"/>
  <c r="AC126705" i="1"/>
  <c r="AC126706" i="1"/>
  <c r="AC126707" i="1"/>
  <c r="AC126708" i="1"/>
  <c r="AC126709" i="1"/>
  <c r="AC126710" i="1"/>
  <c r="AC126711" i="1"/>
  <c r="AC126712" i="1"/>
  <c r="AC126713" i="1"/>
  <c r="AC126714" i="1"/>
  <c r="AC126715" i="1"/>
  <c r="AC126716" i="1"/>
  <c r="AC126717" i="1"/>
  <c r="AC126718" i="1"/>
  <c r="AC126719" i="1"/>
  <c r="AC126720" i="1"/>
  <c r="AC126721" i="1"/>
  <c r="AC126722" i="1"/>
  <c r="AC126723" i="1"/>
  <c r="AC126724" i="1"/>
  <c r="AC126725" i="1"/>
  <c r="AC126726" i="1"/>
  <c r="AC126727" i="1"/>
  <c r="AC126728" i="1"/>
  <c r="AC126729" i="1"/>
  <c r="AC126730" i="1"/>
  <c r="AC126731" i="1"/>
  <c r="AC126732" i="1"/>
  <c r="AC126733" i="1"/>
  <c r="AC126734" i="1"/>
  <c r="AC126735" i="1"/>
  <c r="AC126736" i="1"/>
  <c r="AC126737" i="1"/>
  <c r="AC126738" i="1"/>
  <c r="AC126739" i="1"/>
  <c r="AC126740" i="1"/>
  <c r="AC126741" i="1"/>
  <c r="AC126742" i="1"/>
  <c r="AC126743" i="1"/>
  <c r="AC126744" i="1"/>
  <c r="AC126745" i="1"/>
  <c r="AC126746" i="1"/>
  <c r="AC126747" i="1"/>
  <c r="AC126748" i="1"/>
  <c r="AC126749" i="1"/>
  <c r="AC126750" i="1"/>
  <c r="AC126751" i="1"/>
  <c r="AC126752" i="1"/>
  <c r="AC126753" i="1"/>
  <c r="AC126754" i="1"/>
  <c r="AC126755" i="1"/>
  <c r="AC126756" i="1"/>
  <c r="AC126757" i="1"/>
  <c r="AC126758" i="1"/>
  <c r="AC126759" i="1"/>
  <c r="AC126760" i="1"/>
  <c r="AC126761" i="1"/>
  <c r="AC126762" i="1"/>
  <c r="AC126763" i="1"/>
  <c r="AC126764" i="1"/>
  <c r="AC126765" i="1"/>
  <c r="AC126766" i="1"/>
  <c r="AC126767" i="1"/>
  <c r="AC126768" i="1"/>
  <c r="AC126769" i="1"/>
  <c r="AC126770" i="1"/>
  <c r="AC126771" i="1"/>
  <c r="AC126772" i="1"/>
  <c r="AC126773" i="1"/>
  <c r="AC126774" i="1"/>
  <c r="AC126775" i="1"/>
  <c r="AC126776" i="1"/>
  <c r="AC126777" i="1"/>
  <c r="AC126778" i="1"/>
  <c r="AC126779" i="1"/>
  <c r="AC126780" i="1"/>
  <c r="AC126781" i="1"/>
  <c r="AC126782" i="1"/>
  <c r="AC126783" i="1"/>
  <c r="AC126784" i="1"/>
  <c r="AC126785" i="1"/>
  <c r="AC126786" i="1"/>
  <c r="AC126787" i="1"/>
  <c r="AC126788" i="1"/>
  <c r="AC126789" i="1"/>
  <c r="AC126790" i="1"/>
  <c r="AC126791" i="1"/>
  <c r="AC126792" i="1"/>
  <c r="AC126793" i="1"/>
  <c r="AC126794" i="1"/>
  <c r="AC126795" i="1"/>
  <c r="AC126796" i="1"/>
  <c r="AC126797" i="1"/>
  <c r="AC126798" i="1"/>
  <c r="AC126799" i="1"/>
  <c r="AC126800" i="1"/>
  <c r="AC126801" i="1"/>
  <c r="AC126802" i="1"/>
  <c r="AC126803" i="1"/>
  <c r="AC126804" i="1"/>
  <c r="AC126805" i="1"/>
  <c r="AC126806" i="1"/>
  <c r="AC126807" i="1"/>
  <c r="AC126808" i="1"/>
  <c r="AC126809" i="1"/>
  <c r="AC126810" i="1"/>
  <c r="AC126811" i="1"/>
  <c r="AC126812" i="1"/>
  <c r="AC126813" i="1"/>
  <c r="AC126814" i="1"/>
  <c r="AC126815" i="1"/>
  <c r="AC126816" i="1"/>
  <c r="AC126817" i="1"/>
  <c r="AC126818" i="1"/>
  <c r="AC126819" i="1"/>
  <c r="AC126820" i="1"/>
  <c r="AC126821" i="1"/>
  <c r="AC126822" i="1"/>
  <c r="AC126823" i="1"/>
  <c r="AC126824" i="1"/>
  <c r="AC126825" i="1"/>
  <c r="AC126826" i="1"/>
  <c r="AC126827" i="1"/>
  <c r="AC126828" i="1"/>
  <c r="AC126829" i="1"/>
  <c r="AC126830" i="1"/>
  <c r="AC126831" i="1"/>
  <c r="AC126832" i="1"/>
  <c r="AC126833" i="1"/>
  <c r="AC126834" i="1"/>
  <c r="AC126835" i="1"/>
  <c r="AC126836" i="1"/>
  <c r="AC126837" i="1"/>
  <c r="AC126838" i="1"/>
  <c r="AC126839" i="1"/>
  <c r="AC126840" i="1"/>
  <c r="AC126841" i="1"/>
  <c r="AC126842" i="1"/>
  <c r="AC126843" i="1"/>
  <c r="AC126844" i="1"/>
  <c r="AC126845" i="1"/>
  <c r="AC126846" i="1"/>
  <c r="AC126847" i="1"/>
  <c r="AC126848" i="1"/>
  <c r="AC126849" i="1"/>
  <c r="AC126850" i="1"/>
  <c r="AC126851" i="1"/>
  <c r="AC126852" i="1"/>
  <c r="AC126853" i="1"/>
  <c r="AC126854" i="1"/>
  <c r="AC126855" i="1"/>
  <c r="AC126856" i="1"/>
  <c r="AC126857" i="1"/>
  <c r="AC126858" i="1"/>
  <c r="AC126859" i="1"/>
  <c r="AC126860" i="1"/>
  <c r="AC126861" i="1"/>
  <c r="AC126862" i="1"/>
  <c r="AC126863" i="1"/>
  <c r="AC126864" i="1"/>
  <c r="AC126865" i="1"/>
  <c r="AC126866" i="1"/>
  <c r="AC126867" i="1"/>
  <c r="AC126868" i="1"/>
  <c r="AC126869" i="1"/>
  <c r="AC126870" i="1"/>
  <c r="AC126871" i="1"/>
  <c r="AC126872" i="1"/>
  <c r="AC126873" i="1"/>
  <c r="AC126874" i="1"/>
  <c r="AC126875" i="1"/>
  <c r="AC126876" i="1"/>
  <c r="AC126877" i="1"/>
  <c r="AC126878" i="1"/>
  <c r="AC126879" i="1"/>
  <c r="AC126880" i="1"/>
  <c r="AC126881" i="1"/>
  <c r="AC126882" i="1"/>
  <c r="AC126883" i="1"/>
  <c r="AC126884" i="1"/>
  <c r="AC126885" i="1"/>
  <c r="AC126886" i="1"/>
  <c r="AC126887" i="1"/>
  <c r="AC126888" i="1"/>
  <c r="AC126889" i="1"/>
  <c r="AC126890" i="1"/>
  <c r="AC126891" i="1"/>
  <c r="AC126892" i="1"/>
  <c r="AC126893" i="1"/>
  <c r="AC126894" i="1"/>
  <c r="AC126895" i="1"/>
  <c r="AC126896" i="1"/>
  <c r="AC126897" i="1"/>
  <c r="AC126898" i="1"/>
  <c r="AC126899" i="1"/>
  <c r="AC126900" i="1"/>
  <c r="AC126901" i="1"/>
  <c r="AC126902" i="1"/>
  <c r="AC126903" i="1"/>
  <c r="AC126904" i="1"/>
  <c r="AC126905" i="1"/>
  <c r="AC126906" i="1"/>
  <c r="AC126907" i="1"/>
  <c r="AC126908" i="1"/>
  <c r="AC126909" i="1"/>
  <c r="AC126910" i="1"/>
  <c r="AC126911" i="1"/>
  <c r="AC126912" i="1"/>
  <c r="AC126913" i="1"/>
  <c r="AC126914" i="1"/>
  <c r="AC126915" i="1"/>
  <c r="AC126916" i="1"/>
  <c r="AC126917" i="1"/>
  <c r="AC126918" i="1"/>
  <c r="AC126919" i="1"/>
  <c r="AC126920" i="1"/>
  <c r="AC126921" i="1"/>
  <c r="AC126922" i="1"/>
  <c r="AC126923" i="1"/>
  <c r="AC126924" i="1"/>
  <c r="AC126925" i="1"/>
  <c r="AC126926" i="1"/>
  <c r="AC126927" i="1"/>
  <c r="AC126928" i="1"/>
  <c r="AC126929" i="1"/>
  <c r="AC126930" i="1"/>
  <c r="AC126931" i="1"/>
  <c r="AC126932" i="1"/>
  <c r="AC126933" i="1"/>
  <c r="AC126934" i="1"/>
  <c r="AC126935" i="1"/>
  <c r="AC126936" i="1"/>
  <c r="AC126937" i="1"/>
  <c r="AC126938" i="1"/>
  <c r="AC126939" i="1"/>
  <c r="AC126940" i="1"/>
  <c r="AC126941" i="1"/>
  <c r="AC126942" i="1"/>
  <c r="AC126943" i="1"/>
  <c r="AC126944" i="1"/>
  <c r="AC126945" i="1"/>
  <c r="AC126946" i="1"/>
  <c r="AC126947" i="1"/>
  <c r="AC126948" i="1"/>
  <c r="AC126949" i="1"/>
  <c r="AC126950" i="1"/>
  <c r="AC126951" i="1"/>
  <c r="AC126952" i="1"/>
  <c r="AC126953" i="1"/>
  <c r="AC126954" i="1"/>
  <c r="AC126955" i="1"/>
  <c r="AC126956" i="1"/>
  <c r="AC126957" i="1"/>
  <c r="AC126958" i="1"/>
  <c r="AC126959" i="1"/>
  <c r="AC126960" i="1"/>
  <c r="AC126961" i="1"/>
  <c r="AC126962" i="1"/>
  <c r="AC126963" i="1"/>
  <c r="AC126964" i="1"/>
  <c r="AC126965" i="1"/>
  <c r="AC126966" i="1"/>
  <c r="AC126967" i="1"/>
  <c r="AC126968" i="1"/>
  <c r="AC126969" i="1"/>
  <c r="AC126970" i="1"/>
  <c r="AC126971" i="1"/>
  <c r="AC126972" i="1"/>
  <c r="AC126973" i="1"/>
  <c r="AC126974" i="1"/>
  <c r="AC126975" i="1"/>
  <c r="AC126976" i="1"/>
  <c r="AC126977" i="1"/>
  <c r="AC126978" i="1"/>
  <c r="AC126979" i="1"/>
  <c r="AC126980" i="1"/>
  <c r="AC126981" i="1"/>
  <c r="AC126982" i="1"/>
  <c r="AC126983" i="1"/>
  <c r="AC126984" i="1"/>
  <c r="AC126985" i="1"/>
  <c r="AC126986" i="1"/>
  <c r="AC126987" i="1"/>
  <c r="AC126988" i="1"/>
  <c r="AC126989" i="1"/>
  <c r="AC126990" i="1"/>
  <c r="AC126991" i="1"/>
  <c r="AC126992" i="1"/>
  <c r="AC126993" i="1"/>
  <c r="AC126994" i="1"/>
  <c r="AC126995" i="1"/>
  <c r="AC126996" i="1"/>
  <c r="AC126997" i="1"/>
  <c r="AC126998" i="1"/>
  <c r="AC126999" i="1"/>
  <c r="AC127000" i="1"/>
  <c r="AC127001" i="1"/>
  <c r="AC127002" i="1"/>
  <c r="AC127003" i="1"/>
  <c r="AC127004" i="1"/>
  <c r="AC127005" i="1"/>
  <c r="AC127006" i="1"/>
  <c r="AC127007" i="1"/>
  <c r="AC127008" i="1"/>
  <c r="AC127009" i="1"/>
  <c r="AC127010" i="1"/>
  <c r="AC127011" i="1"/>
  <c r="AC127012" i="1"/>
  <c r="AC127013" i="1"/>
  <c r="AC127014" i="1"/>
  <c r="AC127015" i="1"/>
  <c r="AC127016" i="1"/>
  <c r="AC127017" i="1"/>
  <c r="AC127018" i="1"/>
  <c r="AC127019" i="1"/>
  <c r="AC127020" i="1"/>
  <c r="AC127021" i="1"/>
  <c r="AC127022" i="1"/>
  <c r="AC127023" i="1"/>
  <c r="AC127024" i="1"/>
  <c r="AC127025" i="1"/>
  <c r="AC127026" i="1"/>
  <c r="AC127027" i="1"/>
  <c r="AC127028" i="1"/>
  <c r="AC127029" i="1"/>
  <c r="AC127030" i="1"/>
  <c r="AC127031" i="1"/>
  <c r="AC127032" i="1"/>
  <c r="AC127033" i="1"/>
  <c r="AC127034" i="1"/>
  <c r="AC127035" i="1"/>
  <c r="AC127036" i="1"/>
  <c r="AC127037" i="1"/>
  <c r="AC127038" i="1"/>
  <c r="AC127039" i="1"/>
  <c r="AC127040" i="1"/>
  <c r="AC127041" i="1"/>
  <c r="AC127042" i="1"/>
  <c r="AC127043" i="1"/>
  <c r="AC127044" i="1"/>
  <c r="AC127045" i="1"/>
  <c r="AC127046" i="1"/>
  <c r="AC127047" i="1"/>
  <c r="AC127048" i="1"/>
  <c r="AC127049" i="1"/>
  <c r="AC127050" i="1"/>
  <c r="AC127051" i="1"/>
  <c r="AC127052" i="1"/>
  <c r="AC127053" i="1"/>
  <c r="AC127054" i="1"/>
  <c r="AC127055" i="1"/>
  <c r="AC127056" i="1"/>
  <c r="AC127057" i="1"/>
  <c r="AC127058" i="1"/>
  <c r="AC127059" i="1"/>
  <c r="AC127060" i="1"/>
  <c r="AC127061" i="1"/>
  <c r="AC127062" i="1"/>
  <c r="AC127063" i="1"/>
  <c r="AC127064" i="1"/>
  <c r="AC127065" i="1"/>
  <c r="AC127066" i="1"/>
  <c r="AC127067" i="1"/>
  <c r="AC127068" i="1"/>
  <c r="AC127069" i="1"/>
  <c r="AC127070" i="1"/>
  <c r="AC127071" i="1"/>
  <c r="AC127072" i="1"/>
  <c r="AC127073" i="1"/>
  <c r="AC127074" i="1"/>
  <c r="AC127075" i="1"/>
  <c r="AC127076" i="1"/>
  <c r="AC127077" i="1"/>
  <c r="AC127078" i="1"/>
  <c r="AC127079" i="1"/>
  <c r="AC127080" i="1"/>
  <c r="AC127081" i="1"/>
  <c r="AC127082" i="1"/>
  <c r="AC127083" i="1"/>
  <c r="AC127084" i="1"/>
  <c r="AC127085" i="1"/>
  <c r="AC127086" i="1"/>
  <c r="AC127087" i="1"/>
  <c r="AC127088" i="1"/>
  <c r="AC127089" i="1"/>
  <c r="AC127090" i="1"/>
  <c r="AC127091" i="1"/>
  <c r="AC127092" i="1"/>
  <c r="AC127093" i="1"/>
  <c r="AC127094" i="1"/>
  <c r="AC127095" i="1"/>
  <c r="AC127096" i="1"/>
  <c r="AC127097" i="1"/>
  <c r="AC127098" i="1"/>
  <c r="AC127099" i="1"/>
  <c r="AC127100" i="1"/>
  <c r="AC127101" i="1"/>
  <c r="AC127102" i="1"/>
  <c r="AC127103" i="1"/>
  <c r="AC127104" i="1"/>
  <c r="AC127105" i="1"/>
  <c r="AC127106" i="1"/>
  <c r="AC127107" i="1"/>
  <c r="AC127108" i="1"/>
  <c r="AC127109" i="1"/>
  <c r="AC127110" i="1"/>
  <c r="AC127111" i="1"/>
  <c r="AC127112" i="1"/>
  <c r="AC127113" i="1"/>
  <c r="AC127114" i="1"/>
  <c r="AC127115" i="1"/>
  <c r="AC127116" i="1"/>
  <c r="AC127117" i="1"/>
  <c r="AC127118" i="1"/>
  <c r="AC127119" i="1"/>
  <c r="AC127120" i="1"/>
  <c r="AC127121" i="1"/>
  <c r="AC127122" i="1"/>
  <c r="AC127123" i="1"/>
  <c r="AC127124" i="1"/>
  <c r="AC127125" i="1"/>
  <c r="AC127126" i="1"/>
  <c r="AC127127" i="1"/>
  <c r="AC127128" i="1"/>
  <c r="AC127129" i="1"/>
  <c r="AC127130" i="1"/>
  <c r="AC127131" i="1"/>
  <c r="AC127132" i="1"/>
  <c r="AC127133" i="1"/>
  <c r="AC127134" i="1"/>
  <c r="AC127135" i="1"/>
  <c r="AC127136" i="1"/>
  <c r="AC127137" i="1"/>
  <c r="AC127138" i="1"/>
  <c r="AC127139" i="1"/>
  <c r="AC127140" i="1"/>
  <c r="AC127141" i="1"/>
  <c r="AC127142" i="1"/>
  <c r="AC127143" i="1"/>
  <c r="AC127144" i="1"/>
  <c r="AC127145" i="1"/>
  <c r="AC127146" i="1"/>
  <c r="AC127147" i="1"/>
  <c r="AC127148" i="1"/>
  <c r="AC127149" i="1"/>
  <c r="AC127150" i="1"/>
  <c r="AC127151" i="1"/>
  <c r="AC127152" i="1"/>
  <c r="AC127153" i="1"/>
  <c r="AC127154" i="1"/>
  <c r="AC127155" i="1"/>
  <c r="AC127156" i="1"/>
  <c r="AC127157" i="1"/>
  <c r="AC127158" i="1"/>
  <c r="AC127159" i="1"/>
  <c r="AC127160" i="1"/>
  <c r="AC127161" i="1"/>
  <c r="AC127162" i="1"/>
  <c r="AC127163" i="1"/>
  <c r="AC127164" i="1"/>
  <c r="AC127165" i="1"/>
  <c r="AC127166" i="1"/>
  <c r="AC127167" i="1"/>
  <c r="AC127168" i="1"/>
  <c r="AC127169" i="1"/>
  <c r="AC127170" i="1"/>
  <c r="AC127171" i="1"/>
  <c r="AC127172" i="1"/>
  <c r="AC127173" i="1"/>
  <c r="AC127174" i="1"/>
  <c r="AC127175" i="1"/>
  <c r="AC127176" i="1"/>
  <c r="AC127177" i="1"/>
  <c r="AC127178" i="1"/>
  <c r="AC127179" i="1"/>
  <c r="AC127180" i="1"/>
  <c r="AC127181" i="1"/>
  <c r="AC127182" i="1"/>
  <c r="AC127183" i="1"/>
  <c r="AC127184" i="1"/>
  <c r="AC127185" i="1"/>
  <c r="AC127186" i="1"/>
  <c r="AC127187" i="1"/>
  <c r="AC127188" i="1"/>
  <c r="AC127189" i="1"/>
  <c r="AC127190" i="1"/>
  <c r="AC127191" i="1"/>
  <c r="AC127192" i="1"/>
  <c r="AC127193" i="1"/>
  <c r="AC127194" i="1"/>
  <c r="AC127195" i="1"/>
  <c r="AC127196" i="1"/>
  <c r="AC127197" i="1"/>
  <c r="AC127198" i="1"/>
  <c r="AC127199" i="1"/>
  <c r="AC127200" i="1"/>
  <c r="AC127201" i="1"/>
  <c r="AC127202" i="1"/>
  <c r="AC127203" i="1"/>
  <c r="AC127204" i="1"/>
  <c r="AC127205" i="1"/>
  <c r="AC127206" i="1"/>
  <c r="AC127207" i="1"/>
  <c r="AC127208" i="1"/>
  <c r="AC127209" i="1"/>
  <c r="AC127210" i="1"/>
  <c r="AC127211" i="1"/>
  <c r="AC127212" i="1"/>
  <c r="AC127213" i="1"/>
  <c r="AC127214" i="1"/>
  <c r="AC127215" i="1"/>
  <c r="AC127216" i="1"/>
  <c r="AC127217" i="1"/>
  <c r="AC127218" i="1"/>
  <c r="AC127219" i="1"/>
  <c r="AC127220" i="1"/>
  <c r="AC127221" i="1"/>
  <c r="AC127222" i="1"/>
  <c r="AC127223" i="1"/>
  <c r="AC127224" i="1"/>
  <c r="AC127225" i="1"/>
  <c r="AC127226" i="1"/>
  <c r="AC127227" i="1"/>
  <c r="AC127228" i="1"/>
  <c r="AC127229" i="1"/>
  <c r="AC127230" i="1"/>
  <c r="AC127231" i="1"/>
  <c r="AC127232" i="1"/>
  <c r="AC127233" i="1"/>
  <c r="AC127234" i="1"/>
  <c r="AC127235" i="1"/>
  <c r="AC127236" i="1"/>
  <c r="AC127237" i="1"/>
  <c r="AC127238" i="1"/>
  <c r="AC127239" i="1"/>
  <c r="AC127240" i="1"/>
  <c r="AC127241" i="1"/>
  <c r="AC127242" i="1"/>
  <c r="AC127243" i="1"/>
  <c r="AC127244" i="1"/>
  <c r="AC127245" i="1"/>
  <c r="AC127246" i="1"/>
  <c r="AC127247" i="1"/>
  <c r="AC127248" i="1"/>
  <c r="AC127249" i="1"/>
  <c r="AC127250" i="1"/>
  <c r="AC127251" i="1"/>
  <c r="AC127252" i="1"/>
  <c r="AC127253" i="1"/>
  <c r="AC127254" i="1"/>
  <c r="AC127255" i="1"/>
  <c r="AC127256" i="1"/>
  <c r="AC127257" i="1"/>
  <c r="AC127258" i="1"/>
  <c r="AC127259" i="1"/>
  <c r="AC127260" i="1"/>
  <c r="AC127261" i="1"/>
  <c r="AC127262" i="1"/>
  <c r="AC127263" i="1"/>
  <c r="AC127264" i="1"/>
  <c r="AC127265" i="1"/>
  <c r="AC127266" i="1"/>
  <c r="AC127267" i="1"/>
  <c r="AC127268" i="1"/>
  <c r="AC127269" i="1"/>
  <c r="AC127270" i="1"/>
  <c r="AC127271" i="1"/>
  <c r="AC127272" i="1"/>
  <c r="AC127273" i="1"/>
  <c r="AC127274" i="1"/>
  <c r="AC127275" i="1"/>
  <c r="AC127276" i="1"/>
  <c r="AC127277" i="1"/>
  <c r="AC127278" i="1"/>
  <c r="AC127279" i="1"/>
  <c r="AC127280" i="1"/>
  <c r="AC127281" i="1"/>
  <c r="AC127282" i="1"/>
  <c r="AC127283" i="1"/>
  <c r="AC127284" i="1"/>
  <c r="AC127285" i="1"/>
  <c r="AC127286" i="1"/>
  <c r="AC127287" i="1"/>
  <c r="AC127288" i="1"/>
  <c r="AC127289" i="1"/>
  <c r="AC127290" i="1"/>
  <c r="AC127291" i="1"/>
  <c r="AC127292" i="1"/>
  <c r="AC127293" i="1"/>
  <c r="AC127294" i="1"/>
  <c r="AC127295" i="1"/>
  <c r="AC127296" i="1"/>
  <c r="AC127297" i="1"/>
  <c r="AC127298" i="1"/>
  <c r="AC127299" i="1"/>
  <c r="AC127300" i="1"/>
  <c r="AC127301" i="1"/>
  <c r="AC127302" i="1"/>
  <c r="AC127303" i="1"/>
  <c r="AC127304" i="1"/>
  <c r="AC127305" i="1"/>
  <c r="AC127306" i="1"/>
  <c r="AC127307" i="1"/>
  <c r="AC127308" i="1"/>
  <c r="AC127309" i="1"/>
  <c r="AC127310" i="1"/>
  <c r="AC127311" i="1"/>
  <c r="AC127312" i="1"/>
  <c r="AC127313" i="1"/>
  <c r="AC127314" i="1"/>
  <c r="AC127315" i="1"/>
  <c r="AC127316" i="1"/>
  <c r="AC127317" i="1"/>
  <c r="AC127318" i="1"/>
  <c r="AC127319" i="1"/>
  <c r="AC127320" i="1"/>
  <c r="AC127321" i="1"/>
  <c r="AC127322" i="1"/>
  <c r="AC127323" i="1"/>
  <c r="AC127324" i="1"/>
  <c r="AC127325" i="1"/>
  <c r="AC127326" i="1"/>
  <c r="AC127327" i="1"/>
  <c r="AC127328" i="1"/>
  <c r="AC127329" i="1"/>
  <c r="AC127330" i="1"/>
  <c r="AC127331" i="1"/>
  <c r="AC127332" i="1"/>
  <c r="AC127333" i="1"/>
  <c r="AC127334" i="1"/>
  <c r="AC127335" i="1"/>
  <c r="AC127336" i="1"/>
  <c r="AC127337" i="1"/>
  <c r="AC127338" i="1"/>
  <c r="AC127339" i="1"/>
  <c r="AC127340" i="1"/>
  <c r="AC127341" i="1"/>
  <c r="AC127342" i="1"/>
  <c r="AC127343" i="1"/>
  <c r="AC127344" i="1"/>
  <c r="AC127345" i="1"/>
  <c r="AC127346" i="1"/>
  <c r="AC127347" i="1"/>
  <c r="AC127348" i="1"/>
  <c r="AC127349" i="1"/>
  <c r="AC127350" i="1"/>
  <c r="AC127351" i="1"/>
  <c r="AC127352" i="1"/>
  <c r="AC127353" i="1"/>
  <c r="AC127354" i="1"/>
  <c r="AC127355" i="1"/>
  <c r="AC127356" i="1"/>
  <c r="AC127357" i="1"/>
  <c r="AC127358" i="1"/>
  <c r="AC127359" i="1"/>
  <c r="AC127360" i="1"/>
  <c r="AC127361" i="1"/>
  <c r="AC127362" i="1"/>
  <c r="AC127363" i="1"/>
  <c r="AC127364" i="1"/>
  <c r="AC127365" i="1"/>
  <c r="AC127366" i="1"/>
  <c r="AC127367" i="1"/>
  <c r="AC127368" i="1"/>
  <c r="AC127369" i="1"/>
  <c r="AC127370" i="1"/>
  <c r="AC127371" i="1"/>
  <c r="AC127372" i="1"/>
  <c r="AC127373" i="1"/>
  <c r="AC127374" i="1"/>
  <c r="AC127375" i="1"/>
  <c r="AC127376" i="1"/>
  <c r="AC127377" i="1"/>
  <c r="AC127378" i="1"/>
  <c r="AC127379" i="1"/>
  <c r="AC127380" i="1"/>
  <c r="AC127381" i="1"/>
  <c r="AC127382" i="1"/>
  <c r="AC127383" i="1"/>
  <c r="AC127384" i="1"/>
  <c r="AC127385" i="1"/>
  <c r="AC127386" i="1"/>
  <c r="AC127387" i="1"/>
  <c r="AC127388" i="1"/>
  <c r="AC127389" i="1"/>
  <c r="AC127390" i="1"/>
  <c r="AC127391" i="1"/>
  <c r="AC127392" i="1"/>
  <c r="AC127393" i="1"/>
  <c r="AC127394" i="1"/>
  <c r="AC127395" i="1"/>
  <c r="AC127396" i="1"/>
  <c r="AC127397" i="1"/>
  <c r="AC127398" i="1"/>
  <c r="AC127399" i="1"/>
  <c r="AC127400" i="1"/>
  <c r="AC127401" i="1"/>
  <c r="AC127402" i="1"/>
  <c r="AC127403" i="1"/>
  <c r="AC127404" i="1"/>
  <c r="AC127405" i="1"/>
  <c r="AC127406" i="1"/>
  <c r="AC127407" i="1"/>
  <c r="AC127408" i="1"/>
  <c r="AC127409" i="1"/>
  <c r="AC127410" i="1"/>
  <c r="AC127411" i="1"/>
  <c r="AC127412" i="1"/>
  <c r="AC127413" i="1"/>
  <c r="AC127414" i="1"/>
  <c r="AC127415" i="1"/>
  <c r="AC127416" i="1"/>
  <c r="AC127417" i="1"/>
  <c r="AC127418" i="1"/>
  <c r="AC127419" i="1"/>
  <c r="AC127420" i="1"/>
  <c r="AC127421" i="1"/>
  <c r="AC127422" i="1"/>
  <c r="AC127423" i="1"/>
  <c r="AC127424" i="1"/>
  <c r="AC127425" i="1"/>
  <c r="AC127426" i="1"/>
  <c r="AC127427" i="1"/>
  <c r="AC127428" i="1"/>
  <c r="AC127429" i="1"/>
  <c r="AC127430" i="1"/>
  <c r="AC127431" i="1"/>
  <c r="AC127432" i="1"/>
  <c r="AC127433" i="1"/>
  <c r="AC127434" i="1"/>
  <c r="AC127435" i="1"/>
  <c r="AC127436" i="1"/>
  <c r="AC127437" i="1"/>
  <c r="AC127438" i="1"/>
  <c r="AC127439" i="1"/>
  <c r="AC127440" i="1"/>
  <c r="AC127441" i="1"/>
  <c r="AC127442" i="1"/>
  <c r="AC127443" i="1"/>
  <c r="AC127444" i="1"/>
  <c r="AC127445" i="1"/>
  <c r="AC127446" i="1"/>
  <c r="AC127447" i="1"/>
  <c r="AC127448" i="1"/>
  <c r="AC127449" i="1"/>
  <c r="AC127450" i="1"/>
  <c r="AC127451" i="1"/>
  <c r="AC127452" i="1"/>
  <c r="AC127453" i="1"/>
  <c r="AC127454" i="1"/>
  <c r="AC127455" i="1"/>
  <c r="AC127456" i="1"/>
  <c r="AC127457" i="1"/>
  <c r="AC127458" i="1"/>
  <c r="AC127459" i="1"/>
  <c r="AC127460" i="1"/>
  <c r="AC127461" i="1"/>
  <c r="AC127462" i="1"/>
  <c r="AC127463" i="1"/>
  <c r="AC127464" i="1"/>
  <c r="AC127465" i="1"/>
  <c r="AC127466" i="1"/>
  <c r="AC127467" i="1"/>
  <c r="AC127468" i="1"/>
  <c r="AC127469" i="1"/>
  <c r="AC127470" i="1"/>
  <c r="AC127471" i="1"/>
  <c r="AC127472" i="1"/>
  <c r="AC127473" i="1"/>
  <c r="AC127474" i="1"/>
  <c r="AC127475" i="1"/>
  <c r="AC127476" i="1"/>
  <c r="AC127477" i="1"/>
  <c r="AC127478" i="1"/>
  <c r="AC127479" i="1"/>
  <c r="AC127480" i="1"/>
  <c r="AC127481" i="1"/>
  <c r="AC127482" i="1"/>
  <c r="AC127483" i="1"/>
  <c r="AC127484" i="1"/>
  <c r="AC127485" i="1"/>
  <c r="AC127486" i="1"/>
  <c r="AC127487" i="1"/>
  <c r="AC127488" i="1"/>
  <c r="AC127489" i="1"/>
  <c r="AC127490" i="1"/>
  <c r="AC127491" i="1"/>
  <c r="AC127492" i="1"/>
  <c r="AC127493" i="1"/>
  <c r="AC127494" i="1"/>
  <c r="AC127495" i="1"/>
  <c r="AC127496" i="1"/>
  <c r="AC127497" i="1"/>
  <c r="AC127498" i="1"/>
  <c r="AC127499" i="1"/>
  <c r="AC127500" i="1"/>
  <c r="AC127501" i="1"/>
  <c r="AC127502" i="1"/>
  <c r="AC127503" i="1"/>
  <c r="AC127504" i="1"/>
  <c r="AC127505" i="1"/>
  <c r="AC127506" i="1"/>
  <c r="AC127507" i="1"/>
  <c r="AC127508" i="1"/>
  <c r="AC127509" i="1"/>
  <c r="AC127510" i="1"/>
  <c r="AC127511" i="1"/>
  <c r="AC127512" i="1"/>
  <c r="AC127513" i="1"/>
  <c r="AC127514" i="1"/>
  <c r="AC127515" i="1"/>
  <c r="AC127516" i="1"/>
  <c r="AC127517" i="1"/>
  <c r="AC127518" i="1"/>
  <c r="AC127519" i="1"/>
  <c r="AC127520" i="1"/>
  <c r="AC127521" i="1"/>
  <c r="AC127522" i="1"/>
  <c r="AC127523" i="1"/>
  <c r="AC127524" i="1"/>
  <c r="AC127525" i="1"/>
  <c r="AC127526" i="1"/>
  <c r="AC127527" i="1"/>
  <c r="AC127528" i="1"/>
  <c r="AC127529" i="1"/>
  <c r="AC127530" i="1"/>
  <c r="AC127531" i="1"/>
  <c r="AC127532" i="1"/>
  <c r="AC127533" i="1"/>
  <c r="AC127534" i="1"/>
  <c r="AC127535" i="1"/>
  <c r="AC127536" i="1"/>
  <c r="AC127537" i="1"/>
  <c r="AC127538" i="1"/>
  <c r="AC127539" i="1"/>
  <c r="AC127540" i="1"/>
  <c r="AC127541" i="1"/>
  <c r="AC127542" i="1"/>
  <c r="AC127543" i="1"/>
  <c r="AC127544" i="1"/>
  <c r="AC127545" i="1"/>
  <c r="AC127546" i="1"/>
  <c r="AC127547" i="1"/>
  <c r="AC127548" i="1"/>
  <c r="AC127549" i="1"/>
  <c r="AC127550" i="1"/>
  <c r="AC127551" i="1"/>
  <c r="AC127552" i="1"/>
  <c r="AC127553" i="1"/>
  <c r="AC127554" i="1"/>
  <c r="AC127555" i="1"/>
  <c r="AC127556" i="1"/>
  <c r="AC127557" i="1"/>
  <c r="AC127558" i="1"/>
  <c r="AC127559" i="1"/>
  <c r="AC127560" i="1"/>
  <c r="AC127561" i="1"/>
  <c r="AC127562" i="1"/>
  <c r="AC127563" i="1"/>
  <c r="AC127564" i="1"/>
  <c r="AC127565" i="1"/>
  <c r="AC127566" i="1"/>
  <c r="AC127567" i="1"/>
  <c r="AC127568" i="1"/>
  <c r="AC127569" i="1"/>
  <c r="AC127570" i="1"/>
  <c r="AC127571" i="1"/>
  <c r="AC127572" i="1"/>
  <c r="AC127573" i="1"/>
  <c r="AC127574" i="1"/>
  <c r="AC127575" i="1"/>
  <c r="AC127576" i="1"/>
  <c r="AC127577" i="1"/>
  <c r="AC127578" i="1"/>
  <c r="AC127579" i="1"/>
  <c r="AC127580" i="1"/>
  <c r="AC127581" i="1"/>
  <c r="AC127582" i="1"/>
  <c r="AC127583" i="1"/>
  <c r="AC127584" i="1"/>
  <c r="AC127585" i="1"/>
  <c r="AC127586" i="1"/>
  <c r="AC127587" i="1"/>
  <c r="AC127588" i="1"/>
  <c r="AC127589" i="1"/>
  <c r="AC127590" i="1"/>
  <c r="AC127591" i="1"/>
  <c r="AC127592" i="1"/>
  <c r="AC127593" i="1"/>
  <c r="AC127594" i="1"/>
  <c r="AC127595" i="1"/>
  <c r="AC127596" i="1"/>
  <c r="AC127597" i="1"/>
  <c r="AC127598" i="1"/>
  <c r="AC127599" i="1"/>
  <c r="AC127600" i="1"/>
  <c r="AC127601" i="1"/>
  <c r="AC127602" i="1"/>
  <c r="AC127603" i="1"/>
  <c r="AC127604" i="1"/>
  <c r="AC127605" i="1"/>
  <c r="AC127606" i="1"/>
  <c r="AC127607" i="1"/>
  <c r="AC127608" i="1"/>
  <c r="AC127609" i="1"/>
  <c r="AC127610" i="1"/>
  <c r="AC127611" i="1"/>
  <c r="AC127612" i="1"/>
  <c r="AC127613" i="1"/>
  <c r="AC127614" i="1"/>
  <c r="AC127615" i="1"/>
  <c r="AC127616" i="1"/>
  <c r="AC127617" i="1"/>
  <c r="AC127618" i="1"/>
  <c r="AC127619" i="1"/>
  <c r="AC127620" i="1"/>
  <c r="AC127621" i="1"/>
  <c r="AC127622" i="1"/>
  <c r="AC127623" i="1"/>
  <c r="AC127624" i="1"/>
  <c r="AC127625" i="1"/>
  <c r="AC127626" i="1"/>
  <c r="AC127627" i="1"/>
  <c r="AC127628" i="1"/>
  <c r="AC127629" i="1"/>
  <c r="AC127630" i="1"/>
  <c r="AC127631" i="1"/>
  <c r="AC127632" i="1"/>
  <c r="AC127633" i="1"/>
  <c r="AC127634" i="1"/>
  <c r="AC127635" i="1"/>
  <c r="AC127636" i="1"/>
  <c r="AC127637" i="1"/>
  <c r="AC127638" i="1"/>
  <c r="AC127639" i="1"/>
  <c r="AC127640" i="1"/>
  <c r="AC127641" i="1"/>
  <c r="AC127642" i="1"/>
  <c r="AC127643" i="1"/>
  <c r="AC127644" i="1"/>
  <c r="AC127645" i="1"/>
  <c r="AC127646" i="1"/>
  <c r="AC127647" i="1"/>
  <c r="AC127648" i="1"/>
  <c r="AC127649" i="1"/>
  <c r="AC127650" i="1"/>
  <c r="AC127651" i="1"/>
  <c r="AC127652" i="1"/>
  <c r="AC127653" i="1"/>
  <c r="AC127654" i="1"/>
  <c r="AC127655" i="1"/>
  <c r="AC127656" i="1"/>
  <c r="AC127657" i="1"/>
  <c r="AC127658" i="1"/>
  <c r="AC127659" i="1"/>
  <c r="AC127660" i="1"/>
  <c r="AC127661" i="1"/>
  <c r="AC127662" i="1"/>
  <c r="AC127663" i="1"/>
  <c r="AC127664" i="1"/>
  <c r="AC127665" i="1"/>
  <c r="AC127666" i="1"/>
  <c r="AC127667" i="1"/>
  <c r="AC127668" i="1"/>
  <c r="AC127669" i="1"/>
  <c r="AC127670" i="1"/>
  <c r="AC127671" i="1"/>
  <c r="AC127672" i="1"/>
  <c r="AC127673" i="1"/>
  <c r="AC127674" i="1"/>
  <c r="AC127675" i="1"/>
  <c r="AC127676" i="1"/>
  <c r="AC127677" i="1"/>
  <c r="AC127678" i="1"/>
  <c r="AC127679" i="1"/>
  <c r="AC127680" i="1"/>
  <c r="AC127681" i="1"/>
  <c r="AC127682" i="1"/>
  <c r="AC127683" i="1"/>
  <c r="AC127684" i="1"/>
  <c r="AC127685" i="1"/>
  <c r="AC127686" i="1"/>
  <c r="AC127687" i="1"/>
  <c r="AC127688" i="1"/>
  <c r="AC127689" i="1"/>
  <c r="AC127690" i="1"/>
  <c r="AC127691" i="1"/>
  <c r="AC127692" i="1"/>
  <c r="AC127693" i="1"/>
  <c r="AC127694" i="1"/>
  <c r="AC127695" i="1"/>
  <c r="AC127696" i="1"/>
  <c r="AC127697" i="1"/>
  <c r="AC127698" i="1"/>
  <c r="AC127699" i="1"/>
  <c r="AC127700" i="1"/>
  <c r="AC127701" i="1"/>
  <c r="AC127702" i="1"/>
  <c r="AC127703" i="1"/>
  <c r="AC127704" i="1"/>
  <c r="AC127705" i="1"/>
  <c r="AC127706" i="1"/>
  <c r="AC127707" i="1"/>
  <c r="AC127708" i="1"/>
  <c r="AC127709" i="1"/>
  <c r="AC127710" i="1"/>
  <c r="AC127711" i="1"/>
  <c r="AC127712" i="1"/>
  <c r="AC127713" i="1"/>
  <c r="AC127714" i="1"/>
  <c r="AC127715" i="1"/>
  <c r="AC127716" i="1"/>
  <c r="AC127717" i="1"/>
  <c r="AC127718" i="1"/>
  <c r="AC127719" i="1"/>
  <c r="AC127720" i="1"/>
  <c r="AC127721" i="1"/>
  <c r="AC127722" i="1"/>
  <c r="AC127723" i="1"/>
  <c r="AC127724" i="1"/>
  <c r="AC127725" i="1"/>
  <c r="AC127726" i="1"/>
  <c r="AC127727" i="1"/>
  <c r="AC127728" i="1"/>
  <c r="AC127729" i="1"/>
  <c r="AC127730" i="1"/>
  <c r="AC127731" i="1"/>
  <c r="AC127732" i="1"/>
  <c r="AC127733" i="1"/>
  <c r="AC127734" i="1"/>
  <c r="AC127735" i="1"/>
  <c r="AC127736" i="1"/>
  <c r="AC127737" i="1"/>
  <c r="AC127738" i="1"/>
  <c r="AC127739" i="1"/>
  <c r="AC127740" i="1"/>
  <c r="AC127741" i="1"/>
  <c r="AC127742" i="1"/>
  <c r="AC127743" i="1"/>
  <c r="AC127744" i="1"/>
  <c r="AC127745" i="1"/>
  <c r="AC127746" i="1"/>
  <c r="AC127747" i="1"/>
  <c r="AC127748" i="1"/>
  <c r="AC127749" i="1"/>
  <c r="AC127750" i="1"/>
  <c r="AC127751" i="1"/>
  <c r="AC127752" i="1"/>
  <c r="AC127753" i="1"/>
  <c r="AC127754" i="1"/>
  <c r="AC127755" i="1"/>
  <c r="AC127756" i="1"/>
  <c r="AC127757" i="1"/>
  <c r="AC127758" i="1"/>
  <c r="AC127759" i="1"/>
  <c r="AC127760" i="1"/>
  <c r="AC127761" i="1"/>
  <c r="AC127762" i="1"/>
  <c r="AC127763" i="1"/>
  <c r="AC127764" i="1"/>
  <c r="AC127765" i="1"/>
  <c r="AC127766" i="1"/>
  <c r="AC127767" i="1"/>
  <c r="AC127768" i="1"/>
  <c r="AC127769" i="1"/>
  <c r="AC127770" i="1"/>
  <c r="AC127771" i="1"/>
  <c r="AC127772" i="1"/>
  <c r="AC127773" i="1"/>
  <c r="AC127774" i="1"/>
  <c r="AC127775" i="1"/>
  <c r="AC127776" i="1"/>
  <c r="AC127777" i="1"/>
  <c r="AC127778" i="1"/>
  <c r="AC127779" i="1"/>
  <c r="AC127780" i="1"/>
  <c r="AC127781" i="1"/>
  <c r="AC127782" i="1"/>
  <c r="AC127783" i="1"/>
  <c r="AC127784" i="1"/>
  <c r="AC127785" i="1"/>
  <c r="AC127786" i="1"/>
  <c r="AC127787" i="1"/>
  <c r="AC127788" i="1"/>
  <c r="AC127789" i="1"/>
  <c r="AC127790" i="1"/>
  <c r="AC127791" i="1"/>
  <c r="AC127792" i="1"/>
  <c r="AC127793" i="1"/>
  <c r="AC127794" i="1"/>
  <c r="AC127795" i="1"/>
  <c r="AC127796" i="1"/>
  <c r="AC127797" i="1"/>
  <c r="AC127798" i="1"/>
  <c r="AC127799" i="1"/>
  <c r="AC127800" i="1"/>
  <c r="AC127801" i="1"/>
  <c r="AC127802" i="1"/>
  <c r="AC127803" i="1"/>
  <c r="AC127804" i="1"/>
  <c r="AC127805" i="1"/>
  <c r="AC127806" i="1"/>
  <c r="AC127807" i="1"/>
  <c r="AC127808" i="1"/>
  <c r="AC127809" i="1"/>
  <c r="AC127810" i="1"/>
  <c r="AC127811" i="1"/>
  <c r="AC127812" i="1"/>
  <c r="AC127813" i="1"/>
  <c r="AC127814" i="1"/>
  <c r="AC127815" i="1"/>
  <c r="AC127816" i="1"/>
  <c r="AC127817" i="1"/>
  <c r="AC127818" i="1"/>
  <c r="AC127819" i="1"/>
  <c r="AC127820" i="1"/>
  <c r="AC127821" i="1"/>
  <c r="AC127822" i="1"/>
  <c r="AC127823" i="1"/>
  <c r="AC127824" i="1"/>
  <c r="AC127825" i="1"/>
  <c r="AC127826" i="1"/>
  <c r="AC127827" i="1"/>
  <c r="AC127828" i="1"/>
  <c r="AC127829" i="1"/>
  <c r="AC127830" i="1"/>
  <c r="AC127831" i="1"/>
  <c r="AC127832" i="1"/>
  <c r="AC127833" i="1"/>
  <c r="AC127834" i="1"/>
  <c r="AC127835" i="1"/>
  <c r="AC127836" i="1"/>
  <c r="AC127837" i="1"/>
  <c r="AC127838" i="1"/>
  <c r="AC127839" i="1"/>
  <c r="AC127840" i="1"/>
  <c r="AC127841" i="1"/>
  <c r="AC127842" i="1"/>
  <c r="AC127843" i="1"/>
  <c r="AC127844" i="1"/>
  <c r="AC127845" i="1"/>
  <c r="AC127846" i="1"/>
  <c r="AC127847" i="1"/>
  <c r="AC127848" i="1"/>
  <c r="AC127849" i="1"/>
  <c r="AC127850" i="1"/>
  <c r="AC127851" i="1"/>
  <c r="AC127852" i="1"/>
  <c r="AC127853" i="1"/>
  <c r="AC127854" i="1"/>
  <c r="AC127855" i="1"/>
  <c r="AC127856" i="1"/>
  <c r="AC127857" i="1"/>
  <c r="AC127858" i="1"/>
  <c r="AC127859" i="1"/>
  <c r="AC127860" i="1"/>
  <c r="AC127861" i="1"/>
  <c r="AC127862" i="1"/>
  <c r="AC127863" i="1"/>
  <c r="AC127864" i="1"/>
  <c r="AC127865" i="1"/>
  <c r="AC127866" i="1"/>
  <c r="AC127867" i="1"/>
  <c r="AC127868" i="1"/>
  <c r="AC127869" i="1"/>
  <c r="AC127870" i="1"/>
  <c r="AC127871" i="1"/>
  <c r="AC127872" i="1"/>
  <c r="AC127873" i="1"/>
  <c r="AC127874" i="1"/>
  <c r="AC127875" i="1"/>
  <c r="AC127876" i="1"/>
  <c r="AC127877" i="1"/>
  <c r="AC127878" i="1"/>
  <c r="AC127879" i="1"/>
  <c r="AC127880" i="1"/>
  <c r="AC127881" i="1"/>
  <c r="AC127882" i="1"/>
  <c r="AC127883" i="1"/>
  <c r="AC127884" i="1"/>
  <c r="AC127885" i="1"/>
  <c r="AC127886" i="1"/>
  <c r="AC127887" i="1"/>
  <c r="AC127888" i="1"/>
  <c r="AC127889" i="1"/>
  <c r="AC127890" i="1"/>
  <c r="AC127891" i="1"/>
  <c r="AC127892" i="1"/>
  <c r="AC127893" i="1"/>
  <c r="AC127894" i="1"/>
  <c r="AC127895" i="1"/>
  <c r="AC127896" i="1"/>
  <c r="AC127897" i="1"/>
  <c r="AC127898" i="1"/>
  <c r="AC127899" i="1"/>
  <c r="AC127900" i="1"/>
  <c r="AC127901" i="1"/>
  <c r="AC127902" i="1"/>
  <c r="AC127903" i="1"/>
  <c r="AC127904" i="1"/>
  <c r="AC127905" i="1"/>
  <c r="AC127906" i="1"/>
  <c r="AC127907" i="1"/>
  <c r="AC127908" i="1"/>
  <c r="AC127909" i="1"/>
  <c r="AC127910" i="1"/>
  <c r="AC127911" i="1"/>
  <c r="AC127912" i="1"/>
  <c r="AC127913" i="1"/>
  <c r="AC127914" i="1"/>
  <c r="AC127915" i="1"/>
  <c r="AC127916" i="1"/>
  <c r="AC127917" i="1"/>
  <c r="AC127918" i="1"/>
  <c r="AC127919" i="1"/>
  <c r="AC127920" i="1"/>
  <c r="AC127921" i="1"/>
  <c r="AC127922" i="1"/>
  <c r="AC127923" i="1"/>
  <c r="AC127924" i="1"/>
  <c r="AC127925" i="1"/>
  <c r="AC127926" i="1"/>
  <c r="AC127927" i="1"/>
  <c r="AC127928" i="1"/>
  <c r="AC127929" i="1"/>
  <c r="AC127930" i="1"/>
  <c r="AC127931" i="1"/>
  <c r="AC127932" i="1"/>
  <c r="AC127933" i="1"/>
  <c r="AC127934" i="1"/>
  <c r="AC127935" i="1"/>
  <c r="AC127936" i="1"/>
  <c r="AC127937" i="1"/>
  <c r="AC127938" i="1"/>
  <c r="AC127939" i="1"/>
  <c r="AC127940" i="1"/>
  <c r="AC127941" i="1"/>
  <c r="AC127942" i="1"/>
  <c r="AC127943" i="1"/>
  <c r="AC127944" i="1"/>
  <c r="AC127945" i="1"/>
  <c r="AC127946" i="1"/>
  <c r="AC127947" i="1"/>
  <c r="AC127948" i="1"/>
  <c r="AC127949" i="1"/>
  <c r="AC127950" i="1"/>
  <c r="AC127951" i="1"/>
  <c r="AC127952" i="1"/>
  <c r="AC127953" i="1"/>
  <c r="AC127954" i="1"/>
  <c r="AC127955" i="1"/>
  <c r="AC127956" i="1"/>
  <c r="AC127957" i="1"/>
  <c r="AC127958" i="1"/>
  <c r="AC127959" i="1"/>
  <c r="AC127960" i="1"/>
  <c r="AC127961" i="1"/>
  <c r="AC127962" i="1"/>
  <c r="AC127963" i="1"/>
  <c r="AC127964" i="1"/>
  <c r="AC127965" i="1"/>
  <c r="AC127966" i="1"/>
  <c r="AC127967" i="1"/>
  <c r="AC127968" i="1"/>
  <c r="AC127969" i="1"/>
  <c r="AC127970" i="1"/>
  <c r="AC127971" i="1"/>
  <c r="AC127972" i="1"/>
  <c r="AC127973" i="1"/>
  <c r="AC127974" i="1"/>
  <c r="AC127975" i="1"/>
  <c r="AC127976" i="1"/>
  <c r="AC127977" i="1"/>
  <c r="AC127978" i="1"/>
  <c r="AC127979" i="1"/>
  <c r="AC127980" i="1"/>
  <c r="AC127981" i="1"/>
  <c r="AC127982" i="1"/>
  <c r="AC127983" i="1"/>
  <c r="AC127984" i="1"/>
  <c r="AC127985" i="1"/>
  <c r="AC127986" i="1"/>
  <c r="AC127987" i="1"/>
  <c r="AC127988" i="1"/>
  <c r="AC127989" i="1"/>
  <c r="AC127990" i="1"/>
  <c r="AC127991" i="1"/>
  <c r="AC127992" i="1"/>
  <c r="AC127993" i="1"/>
  <c r="AC127994" i="1"/>
  <c r="AC127995" i="1"/>
  <c r="AC127996" i="1"/>
  <c r="AC127997" i="1"/>
  <c r="AC127998" i="1"/>
  <c r="AC127999" i="1"/>
  <c r="AC128000" i="1"/>
  <c r="AC128001" i="1"/>
  <c r="AC128002" i="1"/>
  <c r="AC128003" i="1"/>
  <c r="AC128004" i="1"/>
  <c r="AC128005" i="1"/>
  <c r="AC128006" i="1"/>
  <c r="AC128007" i="1"/>
  <c r="AC128008" i="1"/>
  <c r="AC128009" i="1"/>
  <c r="AC128010" i="1"/>
  <c r="AC128011" i="1"/>
  <c r="AC128012" i="1"/>
  <c r="AC128013" i="1"/>
  <c r="AC128014" i="1"/>
  <c r="AC128015" i="1"/>
  <c r="AC128016" i="1"/>
  <c r="AC128017" i="1"/>
  <c r="AC128018" i="1"/>
  <c r="AC128019" i="1"/>
  <c r="AC128020" i="1"/>
  <c r="AC128021" i="1"/>
  <c r="AC128022" i="1"/>
  <c r="AC128023" i="1"/>
  <c r="AC128024" i="1"/>
  <c r="AC128025" i="1"/>
  <c r="AC128026" i="1"/>
  <c r="AC128027" i="1"/>
  <c r="AC128028" i="1"/>
  <c r="AC128029" i="1"/>
  <c r="AC128030" i="1"/>
  <c r="AC128031" i="1"/>
  <c r="AC128032" i="1"/>
  <c r="AC128033" i="1"/>
  <c r="AC128034" i="1"/>
  <c r="AC128035" i="1"/>
  <c r="AC128036" i="1"/>
  <c r="AC128037" i="1"/>
  <c r="AC128038" i="1"/>
  <c r="AC128039" i="1"/>
  <c r="AC128040" i="1"/>
  <c r="AC128041" i="1"/>
  <c r="AC128042" i="1"/>
  <c r="AC128043" i="1"/>
  <c r="AC128044" i="1"/>
  <c r="AC128045" i="1"/>
  <c r="AC128046" i="1"/>
  <c r="AC128047" i="1"/>
  <c r="AC128048" i="1"/>
  <c r="AC128049" i="1"/>
  <c r="AC128050" i="1"/>
  <c r="AC128051" i="1"/>
  <c r="AC128052" i="1"/>
  <c r="AC128053" i="1"/>
  <c r="AC128054" i="1"/>
  <c r="AC128055" i="1"/>
  <c r="AC128056" i="1"/>
  <c r="AC128057" i="1"/>
  <c r="AC128058" i="1"/>
  <c r="AC128059" i="1"/>
  <c r="AC128060" i="1"/>
  <c r="AC128061" i="1"/>
  <c r="AC128062" i="1"/>
  <c r="AC128063" i="1"/>
  <c r="AC128064" i="1"/>
  <c r="AC128065" i="1"/>
  <c r="AC128066" i="1"/>
  <c r="AC128067" i="1"/>
  <c r="AC128068" i="1"/>
  <c r="AC128069" i="1"/>
  <c r="AC128070" i="1"/>
  <c r="AC128071" i="1"/>
  <c r="AC128072" i="1"/>
  <c r="AC128073" i="1"/>
  <c r="AC128074" i="1"/>
  <c r="AC128075" i="1"/>
  <c r="AC128076" i="1"/>
  <c r="AC128077" i="1"/>
  <c r="AC128078" i="1"/>
  <c r="AC128079" i="1"/>
  <c r="AC128080" i="1"/>
  <c r="AC128081" i="1"/>
  <c r="AC128082" i="1"/>
  <c r="AC128083" i="1"/>
  <c r="AC128084" i="1"/>
  <c r="AC128085" i="1"/>
  <c r="AC128086" i="1"/>
  <c r="AC128087" i="1"/>
  <c r="AC128088" i="1"/>
  <c r="AC128089" i="1"/>
  <c r="AC128090" i="1"/>
  <c r="AC128091" i="1"/>
  <c r="AC128092" i="1"/>
  <c r="AC128093" i="1"/>
  <c r="AC128094" i="1"/>
  <c r="AC128095" i="1"/>
  <c r="AC128096" i="1"/>
  <c r="AC128097" i="1"/>
  <c r="AC128098" i="1"/>
  <c r="AC128099" i="1"/>
  <c r="AC128100" i="1"/>
  <c r="AC128101" i="1"/>
  <c r="AC128102" i="1"/>
  <c r="AC128103" i="1"/>
  <c r="AC128104" i="1"/>
  <c r="AC128105" i="1"/>
  <c r="AC128106" i="1"/>
  <c r="AC128107" i="1"/>
  <c r="AC128108" i="1"/>
  <c r="AC128109" i="1"/>
  <c r="AC128110" i="1"/>
  <c r="AC128111" i="1"/>
  <c r="AC128112" i="1"/>
  <c r="AC128113" i="1"/>
  <c r="AC128114" i="1"/>
  <c r="AC128115" i="1"/>
  <c r="AC128116" i="1"/>
  <c r="AC128117" i="1"/>
  <c r="AC128118" i="1"/>
  <c r="AC128119" i="1"/>
  <c r="AC128120" i="1"/>
  <c r="AC128121" i="1"/>
  <c r="AC128122" i="1"/>
  <c r="AC128123" i="1"/>
  <c r="AC128124" i="1"/>
  <c r="AC128125" i="1"/>
  <c r="AC128126" i="1"/>
  <c r="AC128127" i="1"/>
  <c r="AC128128" i="1"/>
  <c r="AC128129" i="1"/>
  <c r="AC128130" i="1"/>
  <c r="AC128131" i="1"/>
  <c r="AC128132" i="1"/>
  <c r="AC128133" i="1"/>
  <c r="AC128134" i="1"/>
  <c r="AC128135" i="1"/>
  <c r="AC128136" i="1"/>
  <c r="AC128137" i="1"/>
  <c r="AC128138" i="1"/>
  <c r="AC128139" i="1"/>
  <c r="AC128140" i="1"/>
  <c r="AC128141" i="1"/>
  <c r="AC128142" i="1"/>
  <c r="AC128143" i="1"/>
  <c r="AC128144" i="1"/>
  <c r="AC128145" i="1"/>
  <c r="AC128146" i="1"/>
  <c r="AC128147" i="1"/>
  <c r="AC128148" i="1"/>
  <c r="AC128149" i="1"/>
  <c r="AC128150" i="1"/>
  <c r="AC128151" i="1"/>
  <c r="AC128152" i="1"/>
  <c r="AC128153" i="1"/>
  <c r="AC128154" i="1"/>
  <c r="AC128155" i="1"/>
  <c r="AC128156" i="1"/>
  <c r="AC128157" i="1"/>
  <c r="AC128158" i="1"/>
  <c r="AC128159" i="1"/>
  <c r="AC128160" i="1"/>
  <c r="AC128161" i="1"/>
  <c r="AC128162" i="1"/>
  <c r="AC128163" i="1"/>
  <c r="AC128164" i="1"/>
  <c r="AC128165" i="1"/>
  <c r="AC128166" i="1"/>
  <c r="AC128167" i="1"/>
  <c r="AC128168" i="1"/>
  <c r="AC128169" i="1"/>
  <c r="AC128170" i="1"/>
  <c r="AC128171" i="1"/>
  <c r="AC128172" i="1"/>
  <c r="AC128173" i="1"/>
  <c r="AC128174" i="1"/>
  <c r="AC128175" i="1"/>
  <c r="AC128176" i="1"/>
  <c r="AC128177" i="1"/>
  <c r="AC128178" i="1"/>
  <c r="AC128179" i="1"/>
  <c r="AC128180" i="1"/>
  <c r="AC128181" i="1"/>
  <c r="AC128182" i="1"/>
  <c r="AC128183" i="1"/>
  <c r="AC128184" i="1"/>
  <c r="AC128185" i="1"/>
  <c r="AC128186" i="1"/>
  <c r="AC128187" i="1"/>
  <c r="AC128188" i="1"/>
  <c r="AC128189" i="1"/>
  <c r="AC128190" i="1"/>
  <c r="AC128191" i="1"/>
  <c r="AC128192" i="1"/>
  <c r="AC128193" i="1"/>
  <c r="AC128194" i="1"/>
  <c r="AC128195" i="1"/>
  <c r="AC128196" i="1"/>
  <c r="AC128197" i="1"/>
  <c r="AC128198" i="1"/>
  <c r="AC128199" i="1"/>
  <c r="AC128200" i="1"/>
  <c r="AC128201" i="1"/>
  <c r="AC128202" i="1"/>
  <c r="AC128203" i="1"/>
  <c r="AC128204" i="1"/>
  <c r="AC128205" i="1"/>
  <c r="AC128206" i="1"/>
  <c r="AC128207" i="1"/>
  <c r="AC128208" i="1"/>
  <c r="AC128209" i="1"/>
  <c r="AC128210" i="1"/>
  <c r="AC128211" i="1"/>
  <c r="AC128212" i="1"/>
  <c r="AC128213" i="1"/>
  <c r="AC128214" i="1"/>
  <c r="AC128215" i="1"/>
  <c r="AC128216" i="1"/>
  <c r="AC128217" i="1"/>
  <c r="AC128218" i="1"/>
  <c r="AC128219" i="1"/>
  <c r="AC128220" i="1"/>
  <c r="AC128221" i="1"/>
  <c r="AC128222" i="1"/>
  <c r="AC128223" i="1"/>
  <c r="AC128224" i="1"/>
  <c r="AC128225" i="1"/>
  <c r="AC128226" i="1"/>
  <c r="AC128227" i="1"/>
  <c r="AC128228" i="1"/>
  <c r="AC128229" i="1"/>
  <c r="AC128230" i="1"/>
  <c r="AC128231" i="1"/>
  <c r="AC128232" i="1"/>
  <c r="AC128233" i="1"/>
  <c r="AC128234" i="1"/>
  <c r="AC128235" i="1"/>
  <c r="AC128236" i="1"/>
  <c r="AC128237" i="1"/>
  <c r="AC128238" i="1"/>
  <c r="AC128239" i="1"/>
  <c r="AC128240" i="1"/>
  <c r="AC128241" i="1"/>
  <c r="AC128242" i="1"/>
  <c r="AC128243" i="1"/>
  <c r="AC128244" i="1"/>
  <c r="AC128245" i="1"/>
  <c r="AC128246" i="1"/>
  <c r="AC128247" i="1"/>
  <c r="AC128248" i="1"/>
  <c r="AC128249" i="1"/>
  <c r="AC128250" i="1"/>
  <c r="AC128251" i="1"/>
  <c r="AC128252" i="1"/>
  <c r="AC128253" i="1"/>
  <c r="AC128254" i="1"/>
  <c r="AC128255" i="1"/>
  <c r="AC128256" i="1"/>
  <c r="AC128257" i="1"/>
  <c r="AC128258" i="1"/>
  <c r="AC128259" i="1"/>
  <c r="AC128260" i="1"/>
  <c r="AC128261" i="1"/>
  <c r="AC128262" i="1"/>
  <c r="AC128263" i="1"/>
  <c r="AC128264" i="1"/>
  <c r="AC128265" i="1"/>
  <c r="AC128266" i="1"/>
  <c r="AC128267" i="1"/>
  <c r="AC128268" i="1"/>
  <c r="AC128269" i="1"/>
  <c r="AC128270" i="1"/>
  <c r="AC128271" i="1"/>
  <c r="AC128272" i="1"/>
  <c r="AC128273" i="1"/>
  <c r="AC128274" i="1"/>
  <c r="AC128275" i="1"/>
  <c r="AC128276" i="1"/>
  <c r="AC128277" i="1"/>
  <c r="AC128278" i="1"/>
  <c r="AC128279" i="1"/>
  <c r="AC128280" i="1"/>
  <c r="AC128281" i="1"/>
  <c r="AC128282" i="1"/>
  <c r="AC128283" i="1"/>
  <c r="AC128284" i="1"/>
  <c r="AC128285" i="1"/>
  <c r="AC128286" i="1"/>
  <c r="AC128287" i="1"/>
  <c r="AC128288" i="1"/>
  <c r="AC128289" i="1"/>
  <c r="AC128290" i="1"/>
  <c r="AC128291" i="1"/>
  <c r="AC128292" i="1"/>
  <c r="AC128293" i="1"/>
  <c r="AC128294" i="1"/>
  <c r="AC128295" i="1"/>
  <c r="AC128296" i="1"/>
  <c r="AC128297" i="1"/>
  <c r="AC128298" i="1"/>
  <c r="AC128299" i="1"/>
  <c r="AC128300" i="1"/>
  <c r="AC128301" i="1"/>
  <c r="AC128302" i="1"/>
  <c r="AC128303" i="1"/>
  <c r="AC128304" i="1"/>
  <c r="AC128305" i="1"/>
  <c r="AC128306" i="1"/>
  <c r="AC128307" i="1"/>
  <c r="AC128308" i="1"/>
  <c r="AC128309" i="1"/>
  <c r="AC128310" i="1"/>
  <c r="AC128311" i="1"/>
  <c r="AC128312" i="1"/>
  <c r="AC128313" i="1"/>
  <c r="AC128314" i="1"/>
  <c r="AC128315" i="1"/>
  <c r="AC128316" i="1"/>
  <c r="AC128317" i="1"/>
  <c r="AC128318" i="1"/>
  <c r="AC128319" i="1"/>
  <c r="AC128320" i="1"/>
  <c r="AC128321" i="1"/>
  <c r="AC128322" i="1"/>
  <c r="AC128323" i="1"/>
  <c r="AC128324" i="1"/>
  <c r="AC128325" i="1"/>
  <c r="AC128326" i="1"/>
  <c r="AC128327" i="1"/>
  <c r="AC128328" i="1"/>
  <c r="AC128329" i="1"/>
  <c r="AC128330" i="1"/>
  <c r="AC128331" i="1"/>
  <c r="AC128332" i="1"/>
  <c r="AC128333" i="1"/>
  <c r="AC128334" i="1"/>
  <c r="AC128335" i="1"/>
  <c r="AC128336" i="1"/>
  <c r="AC128337" i="1"/>
  <c r="AC128338" i="1"/>
  <c r="AC128339" i="1"/>
  <c r="AC128340" i="1"/>
  <c r="AC128341" i="1"/>
  <c r="AC128342" i="1"/>
  <c r="AC128343" i="1"/>
  <c r="AC128344" i="1"/>
  <c r="AC128345" i="1"/>
  <c r="AC128346" i="1"/>
  <c r="AC128347" i="1"/>
  <c r="AC128348" i="1"/>
  <c r="AC128349" i="1"/>
  <c r="AC128350" i="1"/>
  <c r="AC128351" i="1"/>
  <c r="AC128352" i="1"/>
  <c r="AC128353" i="1"/>
  <c r="AC128354" i="1"/>
  <c r="AC128355" i="1"/>
  <c r="AC128356" i="1"/>
  <c r="AC128357" i="1"/>
  <c r="AC128358" i="1"/>
  <c r="AC128359" i="1"/>
  <c r="AC128360" i="1"/>
  <c r="AC128361" i="1"/>
  <c r="AC128362" i="1"/>
  <c r="AC128363" i="1"/>
  <c r="AC128364" i="1"/>
  <c r="AC128365" i="1"/>
  <c r="AC128366" i="1"/>
  <c r="AC128367" i="1"/>
  <c r="AC128368" i="1"/>
  <c r="AC128369" i="1"/>
  <c r="AC128370" i="1"/>
  <c r="AC128371" i="1"/>
  <c r="AC128372" i="1"/>
  <c r="AC128373" i="1"/>
  <c r="AC128374" i="1"/>
  <c r="AC128375" i="1"/>
  <c r="AC128376" i="1"/>
  <c r="AC128377" i="1"/>
  <c r="AC128378" i="1"/>
  <c r="AC128379" i="1"/>
  <c r="AC128380" i="1"/>
  <c r="AC128381" i="1"/>
  <c r="AC128382" i="1"/>
  <c r="AC128383" i="1"/>
  <c r="AC128384" i="1"/>
  <c r="AC128385" i="1"/>
  <c r="AC128386" i="1"/>
  <c r="AC128387" i="1"/>
  <c r="AC128388" i="1"/>
  <c r="AC128389" i="1"/>
  <c r="AC128390" i="1"/>
  <c r="AC128391" i="1"/>
  <c r="AC128392" i="1"/>
  <c r="AC128393" i="1"/>
  <c r="AC128394" i="1"/>
  <c r="AC128395" i="1"/>
  <c r="AC128396" i="1"/>
  <c r="AC128397" i="1"/>
  <c r="AC128398" i="1"/>
  <c r="AC128399" i="1"/>
  <c r="AC128400" i="1"/>
  <c r="AC128401" i="1"/>
  <c r="AC128402" i="1"/>
  <c r="AC128403" i="1"/>
  <c r="AC128404" i="1"/>
  <c r="AC128405" i="1"/>
  <c r="AC128406" i="1"/>
  <c r="AC128407" i="1"/>
  <c r="AC128408" i="1"/>
  <c r="AC128409" i="1"/>
  <c r="AC128410" i="1"/>
  <c r="AC128411" i="1"/>
  <c r="AC128412" i="1"/>
  <c r="AC128413" i="1"/>
  <c r="AC128414" i="1"/>
  <c r="AC128415" i="1"/>
  <c r="AC128416" i="1"/>
  <c r="AC128417" i="1"/>
  <c r="AC128418" i="1"/>
  <c r="AC128419" i="1"/>
  <c r="AC128420" i="1"/>
  <c r="AC128421" i="1"/>
  <c r="AC128422" i="1"/>
  <c r="AC128423" i="1"/>
  <c r="AC128424" i="1"/>
  <c r="AC128425" i="1"/>
  <c r="AC128426" i="1"/>
  <c r="AC128427" i="1"/>
  <c r="AC128428" i="1"/>
  <c r="AC128429" i="1"/>
  <c r="AC128430" i="1"/>
  <c r="AC128431" i="1"/>
  <c r="AC128432" i="1"/>
  <c r="AC128433" i="1"/>
  <c r="AC128434" i="1"/>
  <c r="AC128435" i="1"/>
  <c r="AC128436" i="1"/>
  <c r="AC128437" i="1"/>
  <c r="AC128438" i="1"/>
  <c r="AC128439" i="1"/>
  <c r="AC128440" i="1"/>
  <c r="AC128441" i="1"/>
  <c r="AC128442" i="1"/>
  <c r="AC128443" i="1"/>
  <c r="AC128444" i="1"/>
  <c r="AC128445" i="1"/>
  <c r="AC128446" i="1"/>
  <c r="AC128447" i="1"/>
  <c r="AC128448" i="1"/>
  <c r="AC128449" i="1"/>
  <c r="AC128450" i="1"/>
  <c r="AC128451" i="1"/>
  <c r="AC128452" i="1"/>
  <c r="AC128453" i="1"/>
  <c r="AC128454" i="1"/>
  <c r="AC128455" i="1"/>
  <c r="AC128456" i="1"/>
  <c r="AC128457" i="1"/>
  <c r="AC128458" i="1"/>
  <c r="AC128459" i="1"/>
  <c r="AC128460" i="1"/>
  <c r="AC128461" i="1"/>
  <c r="AC128462" i="1"/>
  <c r="AC128463" i="1"/>
  <c r="AC128464" i="1"/>
  <c r="AC128465" i="1"/>
  <c r="AC128466" i="1"/>
  <c r="AC128467" i="1"/>
  <c r="AC128468" i="1"/>
  <c r="AC128469" i="1"/>
  <c r="AC128470" i="1"/>
  <c r="AC128471" i="1"/>
  <c r="AC128472" i="1"/>
  <c r="AC128473" i="1"/>
  <c r="AC128474" i="1"/>
  <c r="AC128475" i="1"/>
  <c r="AC128476" i="1"/>
  <c r="AC128477" i="1"/>
  <c r="AC128478" i="1"/>
  <c r="AC128479" i="1"/>
  <c r="AC128480" i="1"/>
  <c r="AC128481" i="1"/>
  <c r="AC128482" i="1"/>
  <c r="AC128483" i="1"/>
  <c r="AC128484" i="1"/>
  <c r="AC128485" i="1"/>
  <c r="AC128486" i="1"/>
  <c r="AC128487" i="1"/>
  <c r="AC128488" i="1"/>
  <c r="AC128489" i="1"/>
  <c r="AC128490" i="1"/>
  <c r="AC128491" i="1"/>
  <c r="AC128492" i="1"/>
  <c r="AC128493" i="1"/>
  <c r="AC128494" i="1"/>
  <c r="AC128495" i="1"/>
  <c r="AC128496" i="1"/>
  <c r="AC128497" i="1"/>
  <c r="AC128498" i="1"/>
  <c r="AC128499" i="1"/>
  <c r="AC128500" i="1"/>
  <c r="AC128501" i="1"/>
  <c r="AC128502" i="1"/>
  <c r="AC128503" i="1"/>
  <c r="AC128504" i="1"/>
  <c r="AC128505" i="1"/>
  <c r="AC128506" i="1"/>
  <c r="AC128507" i="1"/>
  <c r="AC128508" i="1"/>
  <c r="AC128509" i="1"/>
  <c r="AC128510" i="1"/>
  <c r="AC128511" i="1"/>
  <c r="AC128512" i="1"/>
  <c r="AC128513" i="1"/>
  <c r="AC128514" i="1"/>
  <c r="AC128515" i="1"/>
  <c r="AC128516" i="1"/>
  <c r="AC128517" i="1"/>
  <c r="AC128518" i="1"/>
  <c r="AC128519" i="1"/>
  <c r="AC128520" i="1"/>
  <c r="AC128521" i="1"/>
  <c r="AC128522" i="1"/>
  <c r="AC128523" i="1"/>
  <c r="AC128524" i="1"/>
  <c r="AC128525" i="1"/>
  <c r="AC128526" i="1"/>
  <c r="AC128527" i="1"/>
  <c r="AC128528" i="1"/>
  <c r="AC128529" i="1"/>
  <c r="AC128530" i="1"/>
  <c r="AC128531" i="1"/>
  <c r="AC128532" i="1"/>
  <c r="AC128533" i="1"/>
  <c r="AC128534" i="1"/>
  <c r="AC128535" i="1"/>
  <c r="AC128536" i="1"/>
  <c r="AC128537" i="1"/>
  <c r="AC128538" i="1"/>
  <c r="AC128539" i="1"/>
  <c r="AC128540" i="1"/>
  <c r="AC128541" i="1"/>
  <c r="AC128542" i="1"/>
  <c r="AC128543" i="1"/>
  <c r="AC128544" i="1"/>
  <c r="AC128545" i="1"/>
  <c r="AC128546" i="1"/>
  <c r="AC128547" i="1"/>
  <c r="AC128548" i="1"/>
  <c r="AC128549" i="1"/>
  <c r="AC128550" i="1"/>
  <c r="AC128551" i="1"/>
  <c r="AC128552" i="1"/>
  <c r="AC128553" i="1"/>
  <c r="AC128554" i="1"/>
  <c r="AC128555" i="1"/>
  <c r="AC128556" i="1"/>
  <c r="AC128557" i="1"/>
  <c r="AC128558" i="1"/>
  <c r="AC128559" i="1"/>
  <c r="AC128560" i="1"/>
  <c r="AC128561" i="1"/>
  <c r="AC128562" i="1"/>
  <c r="AC128563" i="1"/>
  <c r="AC128564" i="1"/>
  <c r="AC128565" i="1"/>
  <c r="AC128566" i="1"/>
  <c r="AC128567" i="1"/>
  <c r="AC128568" i="1"/>
  <c r="AC128569" i="1"/>
  <c r="AC128570" i="1"/>
  <c r="AC128571" i="1"/>
  <c r="AC128572" i="1"/>
  <c r="AC128573" i="1"/>
  <c r="AC128574" i="1"/>
  <c r="AC128575" i="1"/>
  <c r="AC128576" i="1"/>
  <c r="AC128577" i="1"/>
  <c r="AC128578" i="1"/>
  <c r="AC128579" i="1"/>
  <c r="AC128580" i="1"/>
  <c r="AC128581" i="1"/>
  <c r="AC128582" i="1"/>
  <c r="AC128583" i="1"/>
  <c r="AC128584" i="1"/>
  <c r="AC128585" i="1"/>
  <c r="AC128586" i="1"/>
  <c r="AC128587" i="1"/>
  <c r="AC128588" i="1"/>
  <c r="AC128589" i="1"/>
  <c r="AC128590" i="1"/>
  <c r="AC128591" i="1"/>
  <c r="AC128592" i="1"/>
  <c r="AC128593" i="1"/>
  <c r="AC128594" i="1"/>
  <c r="AC128595" i="1"/>
  <c r="AC128596" i="1"/>
  <c r="AC128597" i="1"/>
  <c r="AC128598" i="1"/>
  <c r="AC128599" i="1"/>
  <c r="AC128600" i="1"/>
  <c r="AC128601" i="1"/>
  <c r="AC128602" i="1"/>
  <c r="AC128603" i="1"/>
  <c r="AC128604" i="1"/>
  <c r="AC128605" i="1"/>
  <c r="AC128606" i="1"/>
  <c r="AC128607" i="1"/>
  <c r="AC128608" i="1"/>
  <c r="AC128609" i="1"/>
  <c r="AC128610" i="1"/>
  <c r="AC128611" i="1"/>
  <c r="AC128612" i="1"/>
  <c r="AC128613" i="1"/>
  <c r="AC128614" i="1"/>
  <c r="AC128615" i="1"/>
  <c r="AC128616" i="1"/>
  <c r="AC128617" i="1"/>
  <c r="AC128618" i="1"/>
  <c r="AC128619" i="1"/>
  <c r="AC128620" i="1"/>
  <c r="AC128621" i="1"/>
  <c r="AC128622" i="1"/>
  <c r="AC128623" i="1"/>
  <c r="AC128624" i="1"/>
  <c r="AC128625" i="1"/>
  <c r="AC128626" i="1"/>
  <c r="AC128627" i="1"/>
  <c r="AC128628" i="1"/>
  <c r="AC128629" i="1"/>
  <c r="AC128630" i="1"/>
  <c r="AC128631" i="1"/>
  <c r="AC128632" i="1"/>
  <c r="AC128633" i="1"/>
  <c r="AC128634" i="1"/>
  <c r="AC128635" i="1"/>
  <c r="AC128636" i="1"/>
  <c r="AC128637" i="1"/>
  <c r="AC128638" i="1"/>
  <c r="AC128639" i="1"/>
  <c r="AC128640" i="1"/>
  <c r="AC128641" i="1"/>
  <c r="AC128642" i="1"/>
  <c r="AC128643" i="1"/>
  <c r="AC128644" i="1"/>
  <c r="AC128645" i="1"/>
  <c r="AC128646" i="1"/>
  <c r="AC128647" i="1"/>
  <c r="AC128648" i="1"/>
  <c r="AC128649" i="1"/>
  <c r="AC128650" i="1"/>
  <c r="AC128651" i="1"/>
  <c r="AC128652" i="1"/>
  <c r="AC128653" i="1"/>
  <c r="AC128654" i="1"/>
  <c r="AC128655" i="1"/>
  <c r="AC128656" i="1"/>
  <c r="AC128657" i="1"/>
  <c r="AC128658" i="1"/>
  <c r="AC128659" i="1"/>
  <c r="AC128660" i="1"/>
  <c r="AC128661" i="1"/>
  <c r="AC128662" i="1"/>
  <c r="AC128663" i="1"/>
  <c r="AC128664" i="1"/>
  <c r="AC128665" i="1"/>
  <c r="AC128666" i="1"/>
  <c r="AC128667" i="1"/>
  <c r="AC128668" i="1"/>
  <c r="AC128669" i="1"/>
  <c r="AC128670" i="1"/>
  <c r="AC128671" i="1"/>
  <c r="AC128672" i="1"/>
  <c r="AC128673" i="1"/>
  <c r="AC128674" i="1"/>
  <c r="AC128675" i="1"/>
  <c r="AC128676" i="1"/>
  <c r="AC128677" i="1"/>
  <c r="AC128678" i="1"/>
  <c r="AC128679" i="1"/>
  <c r="AC128680" i="1"/>
  <c r="AC128681" i="1"/>
  <c r="AC128682" i="1"/>
  <c r="AC128683" i="1"/>
  <c r="AC128684" i="1"/>
  <c r="AC128685" i="1"/>
  <c r="AC128686" i="1"/>
  <c r="AC128687" i="1"/>
  <c r="AC128688" i="1"/>
  <c r="AC128689" i="1"/>
  <c r="AC128690" i="1"/>
  <c r="AC128691" i="1"/>
  <c r="AC128692" i="1"/>
  <c r="AC128693" i="1"/>
  <c r="AC128694" i="1"/>
  <c r="AC128695" i="1"/>
  <c r="AC128696" i="1"/>
  <c r="AC128697" i="1"/>
  <c r="AC128698" i="1"/>
  <c r="AC128699" i="1"/>
  <c r="AC128700" i="1"/>
  <c r="AC128701" i="1"/>
  <c r="AC128702" i="1"/>
  <c r="AC128703" i="1"/>
  <c r="AC128704" i="1"/>
  <c r="AC128705" i="1"/>
  <c r="AC128706" i="1"/>
  <c r="AC128707" i="1"/>
  <c r="AC128708" i="1"/>
  <c r="AC128709" i="1"/>
  <c r="AC128710" i="1"/>
  <c r="AC128711" i="1"/>
  <c r="AC128712" i="1"/>
  <c r="AC128713" i="1"/>
  <c r="AC128714" i="1"/>
  <c r="AC128715" i="1"/>
  <c r="AC128716" i="1"/>
  <c r="AC128717" i="1"/>
  <c r="AC128718" i="1"/>
  <c r="AC128719" i="1"/>
  <c r="AC128720" i="1"/>
  <c r="AC128721" i="1"/>
  <c r="AC128722" i="1"/>
  <c r="AC128723" i="1"/>
  <c r="AC128724" i="1"/>
  <c r="AC128725" i="1"/>
  <c r="AC128726" i="1"/>
  <c r="AC128727" i="1"/>
  <c r="AC128728" i="1"/>
  <c r="AC128729" i="1"/>
  <c r="AC128730" i="1"/>
  <c r="AC128731" i="1"/>
  <c r="AC128732" i="1"/>
  <c r="AC128733" i="1"/>
  <c r="AC128734" i="1"/>
  <c r="AC128735" i="1"/>
  <c r="AC128736" i="1"/>
  <c r="AC128737" i="1"/>
  <c r="AC128738" i="1"/>
  <c r="AC128739" i="1"/>
  <c r="AC128740" i="1"/>
  <c r="AC128741" i="1"/>
  <c r="AC128742" i="1"/>
  <c r="AC128743" i="1"/>
  <c r="AC128744" i="1"/>
  <c r="AC128745" i="1"/>
  <c r="AC128746" i="1"/>
  <c r="AC128747" i="1"/>
  <c r="AC128748" i="1"/>
  <c r="AC128749" i="1"/>
  <c r="AC128750" i="1"/>
  <c r="AC128751" i="1"/>
  <c r="AC128752" i="1"/>
  <c r="AC128753" i="1"/>
  <c r="AC128754" i="1"/>
  <c r="AC128755" i="1"/>
  <c r="AC128756" i="1"/>
  <c r="AC128757" i="1"/>
  <c r="AC128758" i="1"/>
  <c r="AC128759" i="1"/>
  <c r="AC128760" i="1"/>
  <c r="AC128761" i="1"/>
  <c r="AC128762" i="1"/>
  <c r="AC128763" i="1"/>
  <c r="AC128764" i="1"/>
  <c r="AC128765" i="1"/>
  <c r="AC128766" i="1"/>
  <c r="AC128767" i="1"/>
  <c r="AC128768" i="1"/>
  <c r="AC128769" i="1"/>
  <c r="AC128770" i="1"/>
  <c r="AC128771" i="1"/>
  <c r="AC128772" i="1"/>
  <c r="AC128773" i="1"/>
  <c r="AC128774" i="1"/>
  <c r="AC128775" i="1"/>
  <c r="AC128776" i="1"/>
  <c r="AC128777" i="1"/>
  <c r="AC128778" i="1"/>
  <c r="AC128779" i="1"/>
  <c r="AC128780" i="1"/>
  <c r="AC128781" i="1"/>
  <c r="AC128782" i="1"/>
  <c r="AC128783" i="1"/>
  <c r="AC128784" i="1"/>
  <c r="AC128785" i="1"/>
  <c r="AC128786" i="1"/>
  <c r="AC128787" i="1"/>
  <c r="AC128788" i="1"/>
  <c r="AC128789" i="1"/>
  <c r="AC128790" i="1"/>
  <c r="AC128791" i="1"/>
  <c r="AC128792" i="1"/>
  <c r="AC128793" i="1"/>
  <c r="AC128794" i="1"/>
  <c r="AC128795" i="1"/>
  <c r="AC128796" i="1"/>
  <c r="AC128797" i="1"/>
  <c r="AC128798" i="1"/>
  <c r="AC128799" i="1"/>
  <c r="AC128800" i="1"/>
  <c r="AC128801" i="1"/>
  <c r="AC128802" i="1"/>
  <c r="AC128803" i="1"/>
  <c r="AC128804" i="1"/>
  <c r="AC128805" i="1"/>
  <c r="AC128806" i="1"/>
  <c r="AC128807" i="1"/>
  <c r="AC128808" i="1"/>
  <c r="AC128809" i="1"/>
  <c r="AC128810" i="1"/>
  <c r="AC128811" i="1"/>
  <c r="AC128812" i="1"/>
  <c r="AC128813" i="1"/>
  <c r="AC128814" i="1"/>
  <c r="AC128815" i="1"/>
  <c r="AC128816" i="1"/>
  <c r="AC128817" i="1"/>
  <c r="AC128818" i="1"/>
  <c r="AC128819" i="1"/>
  <c r="AC128820" i="1"/>
  <c r="AC128821" i="1"/>
  <c r="AC128822" i="1"/>
  <c r="AC128823" i="1"/>
  <c r="AC128824" i="1"/>
  <c r="AC128825" i="1"/>
  <c r="AC128826" i="1"/>
  <c r="AC128827" i="1"/>
  <c r="AC128828" i="1"/>
  <c r="AC128829" i="1"/>
  <c r="AC128830" i="1"/>
  <c r="AC128831" i="1"/>
  <c r="AC128832" i="1"/>
  <c r="AC128833" i="1"/>
  <c r="AC128834" i="1"/>
  <c r="AC128835" i="1"/>
  <c r="AC128836" i="1"/>
  <c r="AC128837" i="1"/>
  <c r="AC128838" i="1"/>
  <c r="AC128839" i="1"/>
  <c r="AC128840" i="1"/>
  <c r="AC128841" i="1"/>
  <c r="AC128842" i="1"/>
  <c r="AC128843" i="1"/>
  <c r="AC128844" i="1"/>
  <c r="AC128845" i="1"/>
  <c r="AC128846" i="1"/>
  <c r="AC128847" i="1"/>
  <c r="AC128848" i="1"/>
  <c r="AC128849" i="1"/>
  <c r="AC128850" i="1"/>
  <c r="AC128851" i="1"/>
  <c r="AC128852" i="1"/>
  <c r="AC128853" i="1"/>
  <c r="AC128854" i="1"/>
  <c r="AC128855" i="1"/>
  <c r="AC128856" i="1"/>
  <c r="AC128857" i="1"/>
  <c r="AC128858" i="1"/>
  <c r="AC128859" i="1"/>
  <c r="AC128860" i="1"/>
  <c r="AC128861" i="1"/>
  <c r="AC128862" i="1"/>
  <c r="AC128863" i="1"/>
  <c r="AC128864" i="1"/>
  <c r="AC128865" i="1"/>
  <c r="AC128866" i="1"/>
  <c r="AC128867" i="1"/>
  <c r="AC128868" i="1"/>
  <c r="AC128869" i="1"/>
  <c r="AC128870" i="1"/>
  <c r="AC128871" i="1"/>
  <c r="AC128872" i="1"/>
  <c r="AC128873" i="1"/>
  <c r="AC128874" i="1"/>
  <c r="AC128875" i="1"/>
  <c r="AC128876" i="1"/>
  <c r="AC128877" i="1"/>
  <c r="AC128878" i="1"/>
  <c r="AC128879" i="1"/>
  <c r="AC128880" i="1"/>
  <c r="AC128881" i="1"/>
  <c r="AC128882" i="1"/>
  <c r="AC128883" i="1"/>
  <c r="AC128884" i="1"/>
  <c r="AC128885" i="1"/>
  <c r="AC128886" i="1"/>
  <c r="AC128887" i="1"/>
  <c r="AC128888" i="1"/>
  <c r="AC128889" i="1"/>
  <c r="AC128890" i="1"/>
  <c r="AC128891" i="1"/>
  <c r="AC128892" i="1"/>
  <c r="AC128893" i="1"/>
  <c r="AC128894" i="1"/>
  <c r="AC128895" i="1"/>
  <c r="AC128896" i="1"/>
  <c r="AC128897" i="1"/>
  <c r="AC128898" i="1"/>
  <c r="AC128899" i="1"/>
  <c r="AC128900" i="1"/>
  <c r="AC128901" i="1"/>
  <c r="AC128902" i="1"/>
  <c r="AC128903" i="1"/>
  <c r="AC128904" i="1"/>
  <c r="AC128905" i="1"/>
  <c r="AC128906" i="1"/>
  <c r="AC128907" i="1"/>
  <c r="AC128908" i="1"/>
  <c r="AC128909" i="1"/>
  <c r="AC128910" i="1"/>
  <c r="AC128911" i="1"/>
  <c r="AC128912" i="1"/>
  <c r="AC128913" i="1"/>
  <c r="AC128914" i="1"/>
  <c r="AC128915" i="1"/>
  <c r="AC128916" i="1"/>
  <c r="AC128917" i="1"/>
  <c r="AC128918" i="1"/>
  <c r="AC128919" i="1"/>
  <c r="AC128920" i="1"/>
  <c r="AC128921" i="1"/>
  <c r="AC128922" i="1"/>
  <c r="AC128923" i="1"/>
  <c r="AC128924" i="1"/>
  <c r="AC128925" i="1"/>
  <c r="AC128926" i="1"/>
  <c r="AC128927" i="1"/>
  <c r="AC128928" i="1"/>
  <c r="AC128929" i="1"/>
  <c r="AC128930" i="1"/>
  <c r="AC128931" i="1"/>
  <c r="AC128932" i="1"/>
  <c r="AC128933" i="1"/>
  <c r="AC128934" i="1"/>
  <c r="AC128935" i="1"/>
  <c r="AC128936" i="1"/>
  <c r="AC128937" i="1"/>
  <c r="AC128938" i="1"/>
  <c r="AC128939" i="1"/>
  <c r="AC128940" i="1"/>
  <c r="AC128941" i="1"/>
  <c r="AC128942" i="1"/>
  <c r="AC128943" i="1"/>
  <c r="AC128944" i="1"/>
  <c r="AC128945" i="1"/>
  <c r="AC128946" i="1"/>
  <c r="AC128947" i="1"/>
  <c r="AC128948" i="1"/>
  <c r="AC128949" i="1"/>
  <c r="AC128950" i="1"/>
  <c r="AC128951" i="1"/>
  <c r="AC128952" i="1"/>
  <c r="AC128953" i="1"/>
  <c r="AC128954" i="1"/>
  <c r="AC128955" i="1"/>
  <c r="AC128956" i="1"/>
  <c r="AC128957" i="1"/>
  <c r="AC128958" i="1"/>
  <c r="AC128959" i="1"/>
  <c r="AC128960" i="1"/>
  <c r="AC128961" i="1"/>
  <c r="AC128962" i="1"/>
  <c r="AC128963" i="1"/>
  <c r="AC128964" i="1"/>
  <c r="AC128965" i="1"/>
  <c r="AC128966" i="1"/>
  <c r="AC128967" i="1"/>
  <c r="AC128968" i="1"/>
  <c r="AC128969" i="1"/>
  <c r="AC128970" i="1"/>
  <c r="AC128971" i="1"/>
  <c r="AC128972" i="1"/>
  <c r="AC128973" i="1"/>
  <c r="AC128974" i="1"/>
  <c r="AC128975" i="1"/>
  <c r="AC128976" i="1"/>
  <c r="AC128977" i="1"/>
  <c r="AC128978" i="1"/>
  <c r="AC128979" i="1"/>
  <c r="AC128980" i="1"/>
  <c r="AC128981" i="1"/>
  <c r="AC128982" i="1"/>
  <c r="AC128983" i="1"/>
  <c r="AC128984" i="1"/>
  <c r="AC128985" i="1"/>
  <c r="AC128986" i="1"/>
  <c r="AC128987" i="1"/>
  <c r="AC128988" i="1"/>
  <c r="AC128989" i="1"/>
  <c r="AC128990" i="1"/>
  <c r="AC128991" i="1"/>
  <c r="AC128992" i="1"/>
  <c r="AC128993" i="1"/>
  <c r="AC128994" i="1"/>
  <c r="AC128995" i="1"/>
  <c r="AC128996" i="1"/>
  <c r="AC128997" i="1"/>
  <c r="AC128998" i="1"/>
  <c r="AC128999" i="1"/>
  <c r="AC129000" i="1"/>
  <c r="AC129001" i="1"/>
  <c r="AC129002" i="1"/>
  <c r="AC129003" i="1"/>
  <c r="AC129004" i="1"/>
  <c r="AC129005" i="1"/>
  <c r="AC129006" i="1"/>
  <c r="AC129007" i="1"/>
  <c r="AC129008" i="1"/>
  <c r="AC129009" i="1"/>
  <c r="AC129010" i="1"/>
  <c r="AC129011" i="1"/>
  <c r="AC129012" i="1"/>
  <c r="AC129013" i="1"/>
  <c r="AC129014" i="1"/>
  <c r="AC129015" i="1"/>
  <c r="AC129016" i="1"/>
  <c r="AC129017" i="1"/>
  <c r="AC129018" i="1"/>
  <c r="AC129019" i="1"/>
  <c r="AC129020" i="1"/>
  <c r="AC129021" i="1"/>
  <c r="AC129022" i="1"/>
  <c r="AC129023" i="1"/>
  <c r="AC129024" i="1"/>
  <c r="AC129025" i="1"/>
  <c r="AC129026" i="1"/>
  <c r="AC129027" i="1"/>
  <c r="AC129028" i="1"/>
  <c r="AC129029" i="1"/>
  <c r="AC129030" i="1"/>
  <c r="AC129031" i="1"/>
  <c r="AC129032" i="1"/>
  <c r="AC129033" i="1"/>
  <c r="AC129034" i="1"/>
  <c r="AC129035" i="1"/>
  <c r="AC129036" i="1"/>
  <c r="AC129037" i="1"/>
  <c r="AC129038" i="1"/>
  <c r="AC129039" i="1"/>
  <c r="AC129040" i="1"/>
  <c r="AC129041" i="1"/>
  <c r="AC129042" i="1"/>
  <c r="AC129043" i="1"/>
  <c r="AC129044" i="1"/>
  <c r="AC129045" i="1"/>
  <c r="AC129046" i="1"/>
  <c r="AC129047" i="1"/>
  <c r="AC129048" i="1"/>
  <c r="AC129049" i="1"/>
  <c r="AC129050" i="1"/>
  <c r="AC129051" i="1"/>
  <c r="AC129052" i="1"/>
  <c r="AC129053" i="1"/>
  <c r="AC129054" i="1"/>
  <c r="AC129055" i="1"/>
  <c r="AC129056" i="1"/>
  <c r="AC129057" i="1"/>
  <c r="AC129058" i="1"/>
  <c r="AC129059" i="1"/>
  <c r="AC129060" i="1"/>
  <c r="AC129061" i="1"/>
  <c r="AC129062" i="1"/>
  <c r="AC129063" i="1"/>
  <c r="AC129064" i="1"/>
  <c r="AC129065" i="1"/>
  <c r="AC129066" i="1"/>
  <c r="AC129067" i="1"/>
  <c r="AC129068" i="1"/>
  <c r="AC129069" i="1"/>
  <c r="AC129070" i="1"/>
  <c r="AC129071" i="1"/>
  <c r="AC129072" i="1"/>
  <c r="AC129073" i="1"/>
  <c r="AC129074" i="1"/>
  <c r="AC129075" i="1"/>
  <c r="AC129076" i="1"/>
  <c r="AC129077" i="1"/>
  <c r="AC129078" i="1"/>
  <c r="AC129079" i="1"/>
  <c r="AC129080" i="1"/>
  <c r="AC129081" i="1"/>
  <c r="AC129082" i="1"/>
  <c r="AC129083" i="1"/>
  <c r="AC129084" i="1"/>
  <c r="AC129085" i="1"/>
  <c r="AC129086" i="1"/>
  <c r="AC129087" i="1"/>
  <c r="AC129088" i="1"/>
  <c r="AC129089" i="1"/>
  <c r="AC129090" i="1"/>
  <c r="AC129091" i="1"/>
  <c r="AC129092" i="1"/>
  <c r="AC129093" i="1"/>
  <c r="AC129094" i="1"/>
  <c r="AC129095" i="1"/>
  <c r="AC129096" i="1"/>
  <c r="AC129097" i="1"/>
  <c r="AC129098" i="1"/>
  <c r="AC129099" i="1"/>
  <c r="AC129100" i="1"/>
  <c r="AC129101" i="1"/>
  <c r="AC129102" i="1"/>
  <c r="AC129103" i="1"/>
  <c r="AC129104" i="1"/>
  <c r="AC129105" i="1"/>
  <c r="AC129106" i="1"/>
  <c r="AC129107" i="1"/>
  <c r="AC129108" i="1"/>
  <c r="AC129109" i="1"/>
  <c r="AC129110" i="1"/>
  <c r="AC129111" i="1"/>
  <c r="AC129112" i="1"/>
  <c r="AC129113" i="1"/>
  <c r="AC129114" i="1"/>
  <c r="AC129115" i="1"/>
  <c r="AC129116" i="1"/>
  <c r="AC129117" i="1"/>
  <c r="AC129118" i="1"/>
  <c r="AC129119" i="1"/>
  <c r="AC129120" i="1"/>
  <c r="AC129121" i="1"/>
  <c r="AC129122" i="1"/>
  <c r="AC129123" i="1"/>
  <c r="AC129124" i="1"/>
  <c r="AC129125" i="1"/>
  <c r="AC129126" i="1"/>
  <c r="AC129127" i="1"/>
  <c r="AC129128" i="1"/>
  <c r="AC129129" i="1"/>
  <c r="AC129130" i="1"/>
  <c r="AC129131" i="1"/>
  <c r="AC129132" i="1"/>
  <c r="AC129133" i="1"/>
  <c r="AC129134" i="1"/>
  <c r="AC129135" i="1"/>
  <c r="AC129136" i="1"/>
  <c r="AC129137" i="1"/>
  <c r="AC129138" i="1"/>
  <c r="AC129139" i="1"/>
  <c r="AC129140" i="1"/>
  <c r="AC129141" i="1"/>
  <c r="AC129142" i="1"/>
  <c r="AC129143" i="1"/>
  <c r="AC129144" i="1"/>
  <c r="AC129145" i="1"/>
  <c r="AC129146" i="1"/>
  <c r="AC129147" i="1"/>
  <c r="AC129148" i="1"/>
  <c r="AC129149" i="1"/>
  <c r="AC129150" i="1"/>
  <c r="AC129151" i="1"/>
  <c r="AC129152" i="1"/>
  <c r="AC129153" i="1"/>
  <c r="AC129154" i="1"/>
  <c r="AC129155" i="1"/>
  <c r="AC129156" i="1"/>
  <c r="AC129157" i="1"/>
  <c r="AC129158" i="1"/>
  <c r="AC129159" i="1"/>
  <c r="AC129160" i="1"/>
  <c r="AC129161" i="1"/>
  <c r="AC129162" i="1"/>
  <c r="AC129163" i="1"/>
  <c r="AC129164" i="1"/>
  <c r="AC129165" i="1"/>
  <c r="AC129166" i="1"/>
  <c r="AC129167" i="1"/>
  <c r="AC129168" i="1"/>
  <c r="AC129169" i="1"/>
  <c r="AC129170" i="1"/>
  <c r="AC129171" i="1"/>
  <c r="AC129172" i="1"/>
  <c r="AC129173" i="1"/>
  <c r="AC129174" i="1"/>
  <c r="AC129175" i="1"/>
  <c r="AC129176" i="1"/>
  <c r="AC129177" i="1"/>
  <c r="AC129178" i="1"/>
  <c r="AC129179" i="1"/>
  <c r="AC129180" i="1"/>
  <c r="AC129181" i="1"/>
  <c r="AC129182" i="1"/>
  <c r="AC129183" i="1"/>
  <c r="AC129184" i="1"/>
  <c r="AC129185" i="1"/>
  <c r="AC129186" i="1"/>
  <c r="AC129187" i="1"/>
  <c r="AC129188" i="1"/>
  <c r="AC129189" i="1"/>
  <c r="AC129190" i="1"/>
  <c r="AC129191" i="1"/>
  <c r="AC129192" i="1"/>
  <c r="AC129193" i="1"/>
  <c r="AC129194" i="1"/>
  <c r="AC129195" i="1"/>
  <c r="AC129196" i="1"/>
  <c r="AC129197" i="1"/>
  <c r="AC129198" i="1"/>
  <c r="AC129199" i="1"/>
  <c r="AC129200" i="1"/>
  <c r="AC129201" i="1"/>
  <c r="AC129202" i="1"/>
  <c r="AC129203" i="1"/>
  <c r="AC129204" i="1"/>
  <c r="AC129205" i="1"/>
  <c r="AC129206" i="1"/>
  <c r="AC129207" i="1"/>
  <c r="AC129208" i="1"/>
  <c r="AC129209" i="1"/>
  <c r="AC129210" i="1"/>
  <c r="AC129211" i="1"/>
  <c r="AC129212" i="1"/>
  <c r="AC129213" i="1"/>
  <c r="AC129214" i="1"/>
  <c r="AC129215" i="1"/>
  <c r="AC129216" i="1"/>
  <c r="AC129217" i="1"/>
  <c r="AC129218" i="1"/>
  <c r="AC129219" i="1"/>
  <c r="AC129220" i="1"/>
  <c r="AC129221" i="1"/>
  <c r="AC129222" i="1"/>
  <c r="AC129223" i="1"/>
  <c r="AC129224" i="1"/>
  <c r="AC129225" i="1"/>
  <c r="AC129226" i="1"/>
  <c r="AC129227" i="1"/>
  <c r="AC129228" i="1"/>
  <c r="AC129229" i="1"/>
  <c r="AC129230" i="1"/>
  <c r="AC129231" i="1"/>
  <c r="AC129232" i="1"/>
  <c r="AC129233" i="1"/>
  <c r="AC129234" i="1"/>
  <c r="AC129235" i="1"/>
  <c r="AC129236" i="1"/>
  <c r="AC129237" i="1"/>
  <c r="AC129238" i="1"/>
  <c r="AC129239" i="1"/>
  <c r="AC129240" i="1"/>
  <c r="AC129241" i="1"/>
  <c r="AC129242" i="1"/>
  <c r="AC129243" i="1"/>
  <c r="AC129244" i="1"/>
  <c r="AC129245" i="1"/>
  <c r="AC129246" i="1"/>
  <c r="AC129247" i="1"/>
  <c r="AC129248" i="1"/>
  <c r="AC129249" i="1"/>
  <c r="AC129250" i="1"/>
  <c r="AC129251" i="1"/>
  <c r="AC129252" i="1"/>
  <c r="AC129253" i="1"/>
  <c r="AC129254" i="1"/>
  <c r="AC129255" i="1"/>
  <c r="AC129256" i="1"/>
  <c r="AC129257" i="1"/>
  <c r="AC129258" i="1"/>
  <c r="AC129259" i="1"/>
  <c r="AC129260" i="1"/>
  <c r="AC129261" i="1"/>
  <c r="AC129262" i="1"/>
  <c r="AC129263" i="1"/>
  <c r="AC129264" i="1"/>
  <c r="AC129265" i="1"/>
  <c r="AC129266" i="1"/>
  <c r="AC129267" i="1"/>
  <c r="AC129268" i="1"/>
  <c r="AC129269" i="1"/>
  <c r="AC129270" i="1"/>
  <c r="AC129271" i="1"/>
  <c r="AC129272" i="1"/>
  <c r="AC129273" i="1"/>
  <c r="AC129274" i="1"/>
  <c r="AC129275" i="1"/>
  <c r="AC129276" i="1"/>
  <c r="AC129277" i="1"/>
  <c r="AC129278" i="1"/>
  <c r="AC129279" i="1"/>
  <c r="AC129280" i="1"/>
  <c r="AC129281" i="1"/>
  <c r="AC129282" i="1"/>
  <c r="AC129283" i="1"/>
  <c r="AC129284" i="1"/>
  <c r="AC129285" i="1"/>
  <c r="AC129286" i="1"/>
  <c r="AC129287" i="1"/>
  <c r="AC129288" i="1"/>
  <c r="AC129289" i="1"/>
  <c r="AC129290" i="1"/>
  <c r="AC129291" i="1"/>
  <c r="AC129292" i="1"/>
  <c r="AC129293" i="1"/>
  <c r="AC129294" i="1"/>
  <c r="AC129295" i="1"/>
  <c r="AC129296" i="1"/>
  <c r="AC129297" i="1"/>
  <c r="AC129298" i="1"/>
  <c r="AC129299" i="1"/>
  <c r="AC129300" i="1"/>
  <c r="AC129301" i="1"/>
  <c r="AC129302" i="1"/>
  <c r="AC129303" i="1"/>
  <c r="AC129304" i="1"/>
  <c r="AC129305" i="1"/>
  <c r="AC129306" i="1"/>
  <c r="AC129307" i="1"/>
  <c r="AC129308" i="1"/>
  <c r="AC129309" i="1"/>
  <c r="AC129310" i="1"/>
  <c r="AC129311" i="1"/>
  <c r="AC129312" i="1"/>
  <c r="AC129313" i="1"/>
  <c r="AC129314" i="1"/>
  <c r="AC129315" i="1"/>
  <c r="AC129316" i="1"/>
  <c r="AC129317" i="1"/>
  <c r="AC129318" i="1"/>
  <c r="AC129319" i="1"/>
  <c r="AC129320" i="1"/>
  <c r="AC129321" i="1"/>
  <c r="AC129322" i="1"/>
  <c r="AC129323" i="1"/>
  <c r="AC129324" i="1"/>
  <c r="AC129325" i="1"/>
  <c r="AC129326" i="1"/>
  <c r="AC129327" i="1"/>
  <c r="AC129328" i="1"/>
  <c r="AC129329" i="1"/>
  <c r="AC129330" i="1"/>
  <c r="AC129331" i="1"/>
  <c r="AC129332" i="1"/>
  <c r="AC129333" i="1"/>
  <c r="AC129334" i="1"/>
  <c r="AC129335" i="1"/>
  <c r="AC129336" i="1"/>
  <c r="AC129337" i="1"/>
  <c r="AC129338" i="1"/>
  <c r="AC129339" i="1"/>
  <c r="AC129340" i="1"/>
  <c r="AC129341" i="1"/>
  <c r="AC129342" i="1"/>
  <c r="AC129343" i="1"/>
  <c r="AC129344" i="1"/>
  <c r="AC129345" i="1"/>
  <c r="AC129346" i="1"/>
  <c r="AC129347" i="1"/>
  <c r="AC129348" i="1"/>
  <c r="AC129349" i="1"/>
  <c r="AC129350" i="1"/>
  <c r="AC129351" i="1"/>
  <c r="AC129352" i="1"/>
  <c r="AC129353" i="1"/>
  <c r="AC129354" i="1"/>
  <c r="AC129355" i="1"/>
  <c r="AC129356" i="1"/>
  <c r="AC129357" i="1"/>
  <c r="AC129358" i="1"/>
  <c r="AC129359" i="1"/>
  <c r="AC129360" i="1"/>
  <c r="AC129361" i="1"/>
  <c r="AC129362" i="1"/>
  <c r="AC129363" i="1"/>
  <c r="AC129364" i="1"/>
  <c r="AC129365" i="1"/>
  <c r="AC129366" i="1"/>
  <c r="AC129367" i="1"/>
  <c r="AC129368" i="1"/>
  <c r="AC129369" i="1"/>
  <c r="AC129370" i="1"/>
  <c r="AC129371" i="1"/>
  <c r="AC129372" i="1"/>
  <c r="AC129373" i="1"/>
  <c r="AC129374" i="1"/>
  <c r="AC129375" i="1"/>
  <c r="AC129376" i="1"/>
  <c r="AC129377" i="1"/>
  <c r="AC129378" i="1"/>
  <c r="AC129379" i="1"/>
  <c r="AC129380" i="1"/>
  <c r="AC129381" i="1"/>
  <c r="AC129382" i="1"/>
  <c r="AC129383" i="1"/>
  <c r="AC129384" i="1"/>
  <c r="AC129385" i="1"/>
  <c r="AC129386" i="1"/>
  <c r="AC129387" i="1"/>
  <c r="AC129388" i="1"/>
  <c r="AC129389" i="1"/>
  <c r="AC129390" i="1"/>
  <c r="AC129391" i="1"/>
  <c r="AC129392" i="1"/>
  <c r="AC129393" i="1"/>
  <c r="AC129394" i="1"/>
  <c r="AC129395" i="1"/>
  <c r="AC129396" i="1"/>
  <c r="AC129397" i="1"/>
  <c r="AC129398" i="1"/>
  <c r="AC129399" i="1"/>
  <c r="AC129400" i="1"/>
  <c r="AC129401" i="1"/>
  <c r="AC129402" i="1"/>
  <c r="AC129403" i="1"/>
  <c r="AC129404" i="1"/>
  <c r="AC129405" i="1"/>
  <c r="AC129406" i="1"/>
  <c r="AC129407" i="1"/>
  <c r="AC129408" i="1"/>
  <c r="AC129409" i="1"/>
  <c r="AC129410" i="1"/>
  <c r="AC129411" i="1"/>
  <c r="AC129412" i="1"/>
  <c r="AC129413" i="1"/>
  <c r="AC129414" i="1"/>
  <c r="AC129415" i="1"/>
  <c r="AC129416" i="1"/>
  <c r="AC129417" i="1"/>
  <c r="AC129418" i="1"/>
  <c r="AC129419" i="1"/>
  <c r="AC129420" i="1"/>
  <c r="AC129421" i="1"/>
  <c r="AC129422" i="1"/>
  <c r="AC129423" i="1"/>
  <c r="AC129424" i="1"/>
  <c r="AC129425" i="1"/>
  <c r="AC129426" i="1"/>
  <c r="AC129427" i="1"/>
  <c r="AC129428" i="1"/>
  <c r="AC129429" i="1"/>
  <c r="AC129430" i="1"/>
  <c r="AC129431" i="1"/>
  <c r="AC129432" i="1"/>
  <c r="AC129433" i="1"/>
  <c r="AC129434" i="1"/>
  <c r="AC129435" i="1"/>
  <c r="AC129436" i="1"/>
  <c r="AC129437" i="1"/>
  <c r="AC129438" i="1"/>
  <c r="AC129439" i="1"/>
  <c r="AC129440" i="1"/>
  <c r="AC129441" i="1"/>
  <c r="AC129442" i="1"/>
  <c r="AC129443" i="1"/>
  <c r="AC129444" i="1"/>
  <c r="AC129445" i="1"/>
  <c r="AC129446" i="1"/>
  <c r="AC129447" i="1"/>
  <c r="AC129448" i="1"/>
  <c r="AC129449" i="1"/>
  <c r="AC129450" i="1"/>
  <c r="AC129451" i="1"/>
  <c r="AC129452" i="1"/>
  <c r="AC129453" i="1"/>
  <c r="AC129454" i="1"/>
  <c r="AC129455" i="1"/>
  <c r="AC129456" i="1"/>
  <c r="AC129457" i="1"/>
  <c r="AC129458" i="1"/>
  <c r="AC129459" i="1"/>
  <c r="AC129460" i="1"/>
  <c r="AC129461" i="1"/>
  <c r="AC129462" i="1"/>
  <c r="AC129463" i="1"/>
  <c r="AC129464" i="1"/>
  <c r="AC129465" i="1"/>
  <c r="AC129466" i="1"/>
  <c r="AC129467" i="1"/>
  <c r="AC129468" i="1"/>
  <c r="AC129469" i="1"/>
  <c r="AC129470" i="1"/>
  <c r="AC129471" i="1"/>
  <c r="AC129472" i="1"/>
  <c r="AC129473" i="1"/>
  <c r="AC129474" i="1"/>
  <c r="AC129475" i="1"/>
  <c r="AC129476" i="1"/>
  <c r="AC129477" i="1"/>
  <c r="AC129478" i="1"/>
  <c r="AC129479" i="1"/>
  <c r="AC129480" i="1"/>
  <c r="AC129481" i="1"/>
  <c r="AC129482" i="1"/>
  <c r="AC129483" i="1"/>
  <c r="AC129484" i="1"/>
  <c r="AC129485" i="1"/>
  <c r="AC129486" i="1"/>
  <c r="AC129487" i="1"/>
  <c r="AC129488" i="1"/>
  <c r="AC129489" i="1"/>
  <c r="AC129490" i="1"/>
  <c r="AC129491" i="1"/>
  <c r="AC129492" i="1"/>
  <c r="AC129493" i="1"/>
  <c r="AC129494" i="1"/>
  <c r="AC129495" i="1"/>
  <c r="AC129496" i="1"/>
  <c r="AC129497" i="1"/>
  <c r="AC129498" i="1"/>
  <c r="AC129499" i="1"/>
  <c r="AC129500" i="1"/>
  <c r="AC129501" i="1"/>
  <c r="AC129502" i="1"/>
  <c r="AC129503" i="1"/>
  <c r="AC129504" i="1"/>
  <c r="AC129505" i="1"/>
  <c r="AC129506" i="1"/>
  <c r="AC129507" i="1"/>
  <c r="AC129508" i="1"/>
  <c r="AC129509" i="1"/>
  <c r="AC129510" i="1"/>
  <c r="AC129511" i="1"/>
  <c r="AC129512" i="1"/>
  <c r="AC129513" i="1"/>
  <c r="AC129514" i="1"/>
  <c r="AC129515" i="1"/>
  <c r="AC129516" i="1"/>
  <c r="AC129517" i="1"/>
  <c r="AC129518" i="1"/>
  <c r="AC129519" i="1"/>
  <c r="AC129520" i="1"/>
  <c r="AC129521" i="1"/>
  <c r="AC129522" i="1"/>
  <c r="AC129523" i="1"/>
  <c r="AC129524" i="1"/>
  <c r="AC129525" i="1"/>
  <c r="AC129526" i="1"/>
  <c r="AC129527" i="1"/>
  <c r="AC129528" i="1"/>
  <c r="AC129529" i="1"/>
  <c r="AC129530" i="1"/>
  <c r="AC129531" i="1"/>
  <c r="AC129532" i="1"/>
  <c r="AC129533" i="1"/>
  <c r="AC129534" i="1"/>
  <c r="AC129535" i="1"/>
  <c r="AC129536" i="1"/>
  <c r="AC129537" i="1"/>
  <c r="AC129538" i="1"/>
  <c r="AC129539" i="1"/>
  <c r="AC129540" i="1"/>
  <c r="AC129541" i="1"/>
  <c r="AC129542" i="1"/>
  <c r="AC129543" i="1"/>
  <c r="AC129544" i="1"/>
  <c r="AC129545" i="1"/>
  <c r="AC129546" i="1"/>
  <c r="AC129547" i="1"/>
  <c r="AC129548" i="1"/>
  <c r="AC129549" i="1"/>
  <c r="AC129550" i="1"/>
  <c r="AC129551" i="1"/>
  <c r="AC129552" i="1"/>
  <c r="AC129553" i="1"/>
  <c r="AC129554" i="1"/>
  <c r="AC129555" i="1"/>
  <c r="AC129556" i="1"/>
  <c r="AC129557" i="1"/>
  <c r="AC129558" i="1"/>
  <c r="AC129559" i="1"/>
  <c r="AC129560" i="1"/>
  <c r="AC129561" i="1"/>
  <c r="AC129562" i="1"/>
  <c r="AC129563" i="1"/>
  <c r="AC129564" i="1"/>
  <c r="AC129565" i="1"/>
  <c r="AC129566" i="1"/>
  <c r="AC129567" i="1"/>
  <c r="AC129568" i="1"/>
  <c r="AC129569" i="1"/>
  <c r="AC129570" i="1"/>
  <c r="AC129571" i="1"/>
  <c r="AC129572" i="1"/>
  <c r="AC129573" i="1"/>
  <c r="AC129574" i="1"/>
  <c r="AC129575" i="1"/>
  <c r="AC129576" i="1"/>
  <c r="AC129577" i="1"/>
  <c r="AC129578" i="1"/>
  <c r="AC129579" i="1"/>
  <c r="AC129580" i="1"/>
  <c r="AC129581" i="1"/>
  <c r="AC129582" i="1"/>
  <c r="AC129583" i="1"/>
  <c r="AC129584" i="1"/>
  <c r="AC129585" i="1"/>
  <c r="AC129586" i="1"/>
  <c r="AC129587" i="1"/>
  <c r="AC129588" i="1"/>
  <c r="AC129589" i="1"/>
  <c r="AC129590" i="1"/>
  <c r="AC129591" i="1"/>
  <c r="AC129592" i="1"/>
  <c r="AC129593" i="1"/>
  <c r="AC129594" i="1"/>
  <c r="AC129595" i="1"/>
  <c r="AC129596" i="1"/>
  <c r="AC129597" i="1"/>
  <c r="AC129598" i="1"/>
  <c r="AC129599" i="1"/>
  <c r="AC129600" i="1"/>
  <c r="AC129601" i="1"/>
  <c r="AC129602" i="1"/>
  <c r="AC129603" i="1"/>
  <c r="AC129604" i="1"/>
  <c r="AC129605" i="1"/>
  <c r="AC129606" i="1"/>
  <c r="AC129607" i="1"/>
  <c r="AC129608" i="1"/>
  <c r="AC129609" i="1"/>
  <c r="AC129610" i="1"/>
  <c r="AC129611" i="1"/>
  <c r="AC129612" i="1"/>
  <c r="AC129613" i="1"/>
  <c r="AC129614" i="1"/>
  <c r="AC129615" i="1"/>
  <c r="AC129616" i="1"/>
  <c r="AC129617" i="1"/>
  <c r="AC129618" i="1"/>
  <c r="AC129619" i="1"/>
  <c r="AC129620" i="1"/>
  <c r="AC129621" i="1"/>
  <c r="AC129622" i="1"/>
  <c r="AC129623" i="1"/>
  <c r="AC129624" i="1"/>
  <c r="AC129625" i="1"/>
  <c r="AC129626" i="1"/>
  <c r="AC129627" i="1"/>
  <c r="AC129628" i="1"/>
  <c r="AC129629" i="1"/>
  <c r="AC129630" i="1"/>
  <c r="AC129631" i="1"/>
  <c r="AC129632" i="1"/>
  <c r="AC129633" i="1"/>
  <c r="AC129634" i="1"/>
  <c r="AC129635" i="1"/>
  <c r="AC129636" i="1"/>
  <c r="AC129637" i="1"/>
  <c r="AC129638" i="1"/>
  <c r="AC129639" i="1"/>
  <c r="AC129640" i="1"/>
  <c r="AC129641" i="1"/>
  <c r="AC129642" i="1"/>
  <c r="AC129643" i="1"/>
  <c r="AC129644" i="1"/>
  <c r="AC129645" i="1"/>
  <c r="AC129646" i="1"/>
  <c r="AC129647" i="1"/>
  <c r="AC129648" i="1"/>
  <c r="AC129649" i="1"/>
  <c r="AC129650" i="1"/>
  <c r="AC129651" i="1"/>
  <c r="AC129652" i="1"/>
  <c r="AC129653" i="1"/>
  <c r="AC129654" i="1"/>
  <c r="AC129655" i="1"/>
  <c r="AC129656" i="1"/>
  <c r="AC129657" i="1"/>
  <c r="AC129658" i="1"/>
  <c r="AC129659" i="1"/>
  <c r="AC129660" i="1"/>
  <c r="AC129661" i="1"/>
  <c r="AC129662" i="1"/>
  <c r="AC129663" i="1"/>
  <c r="AC129664" i="1"/>
  <c r="AC129665" i="1"/>
  <c r="AC129666" i="1"/>
  <c r="AC129667" i="1"/>
  <c r="AC129668" i="1"/>
  <c r="AC129669" i="1"/>
  <c r="AC129670" i="1"/>
  <c r="AC129671" i="1"/>
  <c r="AC129672" i="1"/>
  <c r="AC129673" i="1"/>
  <c r="AC129674" i="1"/>
  <c r="AC129675" i="1"/>
  <c r="AC129676" i="1"/>
  <c r="AC129677" i="1"/>
  <c r="AC129678" i="1"/>
  <c r="AC129679" i="1"/>
  <c r="AC129680" i="1"/>
  <c r="AC129681" i="1"/>
  <c r="AC129682" i="1"/>
  <c r="AC129683" i="1"/>
  <c r="AC129684" i="1"/>
  <c r="AC129685" i="1"/>
  <c r="AC129686" i="1"/>
  <c r="AC129687" i="1"/>
  <c r="AC129688" i="1"/>
  <c r="AC129689" i="1"/>
  <c r="AC129690" i="1"/>
  <c r="AC129691" i="1"/>
  <c r="AC129692" i="1"/>
  <c r="AC129693" i="1"/>
  <c r="AC129694" i="1"/>
  <c r="AC129695" i="1"/>
  <c r="AC129696" i="1"/>
  <c r="AC129697" i="1"/>
  <c r="AC129698" i="1"/>
  <c r="AC129699" i="1"/>
  <c r="AC129700" i="1"/>
  <c r="AC129701" i="1"/>
  <c r="AC129702" i="1"/>
  <c r="AC129703" i="1"/>
  <c r="AC129704" i="1"/>
  <c r="AC129705" i="1"/>
  <c r="AC129706" i="1"/>
  <c r="AC129707" i="1"/>
  <c r="AC129708" i="1"/>
  <c r="AC129709" i="1"/>
  <c r="AC129710" i="1"/>
  <c r="AC129711" i="1"/>
  <c r="AC129712" i="1"/>
  <c r="AC129713" i="1"/>
  <c r="AC129714" i="1"/>
  <c r="AC129715" i="1"/>
  <c r="AC129716" i="1"/>
  <c r="AC129717" i="1"/>
  <c r="AC129718" i="1"/>
  <c r="AC129719" i="1"/>
  <c r="AC129720" i="1"/>
  <c r="AC129721" i="1"/>
  <c r="AC129722" i="1"/>
  <c r="AC129723" i="1"/>
  <c r="AC129724" i="1"/>
  <c r="AC129725" i="1"/>
  <c r="AC129726" i="1"/>
  <c r="AC129727" i="1"/>
  <c r="AC129728" i="1"/>
  <c r="AC129729" i="1"/>
  <c r="AC129730" i="1"/>
  <c r="AC129731" i="1"/>
  <c r="AC129732" i="1"/>
  <c r="AC129733" i="1"/>
  <c r="AC129734" i="1"/>
  <c r="AC129735" i="1"/>
  <c r="AC129736" i="1"/>
  <c r="AC129737" i="1"/>
  <c r="AC129738" i="1"/>
  <c r="AC129739" i="1"/>
  <c r="AC129740" i="1"/>
  <c r="AC129741" i="1"/>
  <c r="AC129742" i="1"/>
  <c r="AC129743" i="1"/>
  <c r="AC129744" i="1"/>
  <c r="AC129745" i="1"/>
  <c r="AC129746" i="1"/>
  <c r="AC129747" i="1"/>
  <c r="AC129748" i="1"/>
  <c r="AC129749" i="1"/>
  <c r="AC129750" i="1"/>
  <c r="AC129751" i="1"/>
  <c r="AC129752" i="1"/>
  <c r="AC129753" i="1"/>
  <c r="AC129754" i="1"/>
  <c r="AC129755" i="1"/>
  <c r="AC129756" i="1"/>
  <c r="AC129757" i="1"/>
  <c r="AC129758" i="1"/>
  <c r="AC129759" i="1"/>
  <c r="AC129760" i="1"/>
  <c r="AC129761" i="1"/>
  <c r="AC129762" i="1"/>
  <c r="AC129763" i="1"/>
  <c r="AC129764" i="1"/>
  <c r="AC129765" i="1"/>
  <c r="AC129766" i="1"/>
  <c r="AC129767" i="1"/>
  <c r="AC129768" i="1"/>
  <c r="AC129769" i="1"/>
  <c r="AC129770" i="1"/>
  <c r="AC129771" i="1"/>
  <c r="AC129772" i="1"/>
  <c r="AC129773" i="1"/>
  <c r="AC129774" i="1"/>
  <c r="AC129775" i="1"/>
  <c r="AC129776" i="1"/>
  <c r="AC129777" i="1"/>
  <c r="AC129778" i="1"/>
  <c r="AC129779" i="1"/>
  <c r="AC129780" i="1"/>
  <c r="AC129781" i="1"/>
  <c r="AC129782" i="1"/>
  <c r="AC129783" i="1"/>
  <c r="AC129784" i="1"/>
  <c r="AC129785" i="1"/>
  <c r="AC129786" i="1"/>
  <c r="AC129787" i="1"/>
  <c r="AC129788" i="1"/>
  <c r="AC129789" i="1"/>
  <c r="AC129790" i="1"/>
  <c r="AC129791" i="1"/>
  <c r="AC129792" i="1"/>
  <c r="AC129793" i="1"/>
  <c r="AC129794" i="1"/>
  <c r="AC129795" i="1"/>
  <c r="AC129796" i="1"/>
  <c r="AC129797" i="1"/>
  <c r="AC129798" i="1"/>
  <c r="AC129799" i="1"/>
  <c r="AC129800" i="1"/>
  <c r="AC129801" i="1"/>
  <c r="AC129802" i="1"/>
  <c r="AC129803" i="1"/>
  <c r="AC129804" i="1"/>
  <c r="AC129805" i="1"/>
  <c r="AC129806" i="1"/>
  <c r="AC129807" i="1"/>
  <c r="AC129808" i="1"/>
  <c r="AC129809" i="1"/>
  <c r="AC129810" i="1"/>
  <c r="AC129811" i="1"/>
  <c r="AC129812" i="1"/>
  <c r="AC129813" i="1"/>
  <c r="AC129814" i="1"/>
  <c r="AC129815" i="1"/>
  <c r="AC129816" i="1"/>
  <c r="AC129817" i="1"/>
  <c r="AC129818" i="1"/>
  <c r="AC129819" i="1"/>
  <c r="AC129820" i="1"/>
  <c r="AC129821" i="1"/>
  <c r="AC129822" i="1"/>
  <c r="AC129823" i="1"/>
  <c r="AC129824" i="1"/>
  <c r="AC129825" i="1"/>
  <c r="AC129826" i="1"/>
  <c r="AC129827" i="1"/>
  <c r="AC129828" i="1"/>
  <c r="AC129829" i="1"/>
  <c r="AC129830" i="1"/>
  <c r="AC129831" i="1"/>
  <c r="AC129832" i="1"/>
  <c r="AC129833" i="1"/>
  <c r="AC129834" i="1"/>
  <c r="AC129835" i="1"/>
  <c r="AC129836" i="1"/>
  <c r="AC129837" i="1"/>
  <c r="AC129838" i="1"/>
  <c r="AC129839" i="1"/>
  <c r="AC129840" i="1"/>
  <c r="AC129841" i="1"/>
  <c r="AC129842" i="1"/>
  <c r="AC129843" i="1"/>
  <c r="AC129844" i="1"/>
  <c r="AC129845" i="1"/>
  <c r="AC129846" i="1"/>
  <c r="AC129847" i="1"/>
  <c r="AC129848" i="1"/>
  <c r="AC129849" i="1"/>
  <c r="AC129850" i="1"/>
  <c r="AC129851" i="1"/>
  <c r="AC129852" i="1"/>
  <c r="AC129853" i="1"/>
  <c r="AC129854" i="1"/>
  <c r="AC129855" i="1"/>
  <c r="AC129856" i="1"/>
  <c r="AC129857" i="1"/>
  <c r="AC129858" i="1"/>
  <c r="AC129859" i="1"/>
  <c r="AC129860" i="1"/>
  <c r="AC129861" i="1"/>
  <c r="AC129862" i="1"/>
  <c r="AC129863" i="1"/>
  <c r="AC129864" i="1"/>
  <c r="AC129865" i="1"/>
  <c r="AC129866" i="1"/>
  <c r="AC129867" i="1"/>
  <c r="AC129868" i="1"/>
  <c r="AC129869" i="1"/>
  <c r="AC129870" i="1"/>
  <c r="AC129871" i="1"/>
  <c r="AC129872" i="1"/>
  <c r="AC129873" i="1"/>
  <c r="AC129874" i="1"/>
  <c r="AC129875" i="1"/>
  <c r="AC129876" i="1"/>
  <c r="AC129877" i="1"/>
  <c r="AC129878" i="1"/>
  <c r="AC129879" i="1"/>
  <c r="AC129880" i="1"/>
  <c r="AC129881" i="1"/>
  <c r="AC129882" i="1"/>
  <c r="AC129883" i="1"/>
  <c r="AC129884" i="1"/>
  <c r="AC129885" i="1"/>
  <c r="AC129886" i="1"/>
  <c r="AC129887" i="1"/>
  <c r="AC129888" i="1"/>
  <c r="AC129889" i="1"/>
  <c r="AC129890" i="1"/>
  <c r="AC129891" i="1"/>
  <c r="AC129892" i="1"/>
  <c r="AC129893" i="1"/>
  <c r="AC129894" i="1"/>
  <c r="AC129895" i="1"/>
  <c r="AC129896" i="1"/>
  <c r="AC129897" i="1"/>
  <c r="AC129898" i="1"/>
  <c r="AC129899" i="1"/>
  <c r="AC129900" i="1"/>
  <c r="AC129901" i="1"/>
  <c r="AC129902" i="1"/>
  <c r="AC129903" i="1"/>
  <c r="AC129904" i="1"/>
  <c r="AC129905" i="1"/>
  <c r="AC129906" i="1"/>
  <c r="AC129907" i="1"/>
  <c r="AC129908" i="1"/>
  <c r="AC129909" i="1"/>
  <c r="AC129910" i="1"/>
  <c r="AC129911" i="1"/>
  <c r="AC129912" i="1"/>
  <c r="AC129913" i="1"/>
  <c r="AC129914" i="1"/>
  <c r="AC129915" i="1"/>
  <c r="AC129916" i="1"/>
  <c r="AC129917" i="1"/>
  <c r="AC129918" i="1"/>
  <c r="AC129919" i="1"/>
  <c r="AC129920" i="1"/>
  <c r="AC129921" i="1"/>
  <c r="AC129922" i="1"/>
  <c r="AC129923" i="1"/>
  <c r="AC129924" i="1"/>
  <c r="AC129925" i="1"/>
  <c r="AC129926" i="1"/>
  <c r="AC129927" i="1"/>
  <c r="AC129928" i="1"/>
  <c r="AC129929" i="1"/>
  <c r="AC129930" i="1"/>
  <c r="AC129931" i="1"/>
  <c r="AC129932" i="1"/>
  <c r="AC129933" i="1"/>
  <c r="AC129934" i="1"/>
  <c r="AC129935" i="1"/>
  <c r="AC129936" i="1"/>
  <c r="AC129937" i="1"/>
  <c r="AC129938" i="1"/>
  <c r="AC129939" i="1"/>
  <c r="AC129940" i="1"/>
  <c r="AC129941" i="1"/>
  <c r="AC129942" i="1"/>
  <c r="AC129943" i="1"/>
  <c r="AC129944" i="1"/>
  <c r="AC129945" i="1"/>
  <c r="AC129946" i="1"/>
  <c r="AC129947" i="1"/>
  <c r="AC129948" i="1"/>
  <c r="AC129949" i="1"/>
  <c r="AC129950" i="1"/>
  <c r="AC129951" i="1"/>
  <c r="AC129952" i="1"/>
  <c r="AC129953" i="1"/>
  <c r="AC129954" i="1"/>
  <c r="AC129955" i="1"/>
  <c r="AC129956" i="1"/>
  <c r="AC129957" i="1"/>
  <c r="AC129958" i="1"/>
  <c r="AC129959" i="1"/>
  <c r="AC129960" i="1"/>
  <c r="AC129961" i="1"/>
  <c r="AC129962" i="1"/>
  <c r="AC129963" i="1"/>
  <c r="AC129964" i="1"/>
  <c r="AC129965" i="1"/>
  <c r="AC129966" i="1"/>
  <c r="AC129967" i="1"/>
  <c r="AC129968" i="1"/>
  <c r="AC129969" i="1"/>
  <c r="AC129970" i="1"/>
  <c r="AC129971" i="1"/>
  <c r="AC129972" i="1"/>
  <c r="AC129973" i="1"/>
  <c r="AC129974" i="1"/>
  <c r="AC129975" i="1"/>
  <c r="AC129976" i="1"/>
  <c r="AC129977" i="1"/>
  <c r="AC129978" i="1"/>
  <c r="AC129979" i="1"/>
  <c r="AC129980" i="1"/>
  <c r="AC129981" i="1"/>
  <c r="AC129982" i="1"/>
  <c r="AC129983" i="1"/>
  <c r="AC129984" i="1"/>
  <c r="AC129985" i="1"/>
  <c r="AC129986" i="1"/>
  <c r="AC129987" i="1"/>
  <c r="AC129988" i="1"/>
  <c r="AC129989" i="1"/>
  <c r="AC129990" i="1"/>
  <c r="AC129991" i="1"/>
  <c r="AC129992" i="1"/>
  <c r="AC129993" i="1"/>
  <c r="AC129994" i="1"/>
  <c r="AC129995" i="1"/>
  <c r="AC129996" i="1"/>
  <c r="AC129997" i="1"/>
  <c r="AC129998" i="1"/>
  <c r="AC129999" i="1"/>
  <c r="AC130000" i="1"/>
  <c r="AC130001" i="1"/>
  <c r="AC130002" i="1"/>
  <c r="AC130003" i="1"/>
  <c r="AC130004" i="1"/>
  <c r="AC130005" i="1"/>
  <c r="AC130006" i="1"/>
  <c r="AC130007" i="1"/>
  <c r="AC130008" i="1"/>
  <c r="AC130009" i="1"/>
  <c r="AC130010" i="1"/>
  <c r="AC130011" i="1"/>
  <c r="AC130012" i="1"/>
  <c r="AC130013" i="1"/>
  <c r="AC130014" i="1"/>
  <c r="AC130015" i="1"/>
  <c r="AC130016" i="1"/>
  <c r="AC130017" i="1"/>
  <c r="AC130018" i="1"/>
  <c r="AC130019" i="1"/>
  <c r="AC130020" i="1"/>
  <c r="AC130021" i="1"/>
  <c r="AC130022" i="1"/>
  <c r="AC130023" i="1"/>
  <c r="AC130024" i="1"/>
  <c r="AC130025" i="1"/>
  <c r="AC130026" i="1"/>
  <c r="AC130027" i="1"/>
  <c r="AC130028" i="1"/>
  <c r="AC130029" i="1"/>
  <c r="AC130030" i="1"/>
  <c r="AC130031" i="1"/>
  <c r="AC130032" i="1"/>
  <c r="AC130033" i="1"/>
  <c r="AC130034" i="1"/>
  <c r="AC130035" i="1"/>
  <c r="AC130036" i="1"/>
  <c r="AC130037" i="1"/>
  <c r="AC130038" i="1"/>
  <c r="AC130039" i="1"/>
  <c r="AC130040" i="1"/>
  <c r="AC130041" i="1"/>
  <c r="AC130042" i="1"/>
  <c r="AC130043" i="1"/>
  <c r="AC130044" i="1"/>
  <c r="AC130045" i="1"/>
  <c r="AC130046" i="1"/>
  <c r="AC130047" i="1"/>
  <c r="AC130048" i="1"/>
  <c r="AC130049" i="1"/>
  <c r="AC130050" i="1"/>
  <c r="AC130051" i="1"/>
  <c r="AC130052" i="1"/>
  <c r="AC130053" i="1"/>
  <c r="AC130054" i="1"/>
  <c r="AC130055" i="1"/>
  <c r="AC130056" i="1"/>
  <c r="AC130057" i="1"/>
  <c r="AC130058" i="1"/>
  <c r="AC130059" i="1"/>
  <c r="AC130060" i="1"/>
  <c r="AC130061" i="1"/>
  <c r="AC130062" i="1"/>
  <c r="AC130063" i="1"/>
  <c r="AC130064" i="1"/>
  <c r="AC130065" i="1"/>
  <c r="AC130066" i="1"/>
  <c r="AC130067" i="1"/>
  <c r="AC130068" i="1"/>
  <c r="AC130069" i="1"/>
  <c r="AC130070" i="1"/>
  <c r="AC130071" i="1"/>
  <c r="AC130072" i="1"/>
  <c r="AC130073" i="1"/>
  <c r="AC130074" i="1"/>
  <c r="AC130075" i="1"/>
  <c r="AC130076" i="1"/>
  <c r="AC130077" i="1"/>
  <c r="AC130078" i="1"/>
  <c r="AC130079" i="1"/>
  <c r="AC130080" i="1"/>
  <c r="AC130081" i="1"/>
  <c r="AC130082" i="1"/>
  <c r="AC130083" i="1"/>
  <c r="AC130084" i="1"/>
  <c r="AC130085" i="1"/>
  <c r="AC130086" i="1"/>
  <c r="AC130087" i="1"/>
  <c r="AC130088" i="1"/>
  <c r="AC130089" i="1"/>
  <c r="AC130090" i="1"/>
  <c r="AC130091" i="1"/>
  <c r="AC130092" i="1"/>
  <c r="AC130093" i="1"/>
  <c r="AC130094" i="1"/>
  <c r="AC130095" i="1"/>
  <c r="AC130096" i="1"/>
  <c r="AC130097" i="1"/>
  <c r="AC130098" i="1"/>
  <c r="AC130099" i="1"/>
  <c r="AC130100" i="1"/>
  <c r="AC130101" i="1"/>
  <c r="AC130102" i="1"/>
  <c r="AC130103" i="1"/>
  <c r="AC130104" i="1"/>
  <c r="AC130105" i="1"/>
  <c r="AC130106" i="1"/>
  <c r="AC130107" i="1"/>
  <c r="AC130108" i="1"/>
  <c r="AC130109" i="1"/>
  <c r="AC130110" i="1"/>
  <c r="AC130111" i="1"/>
  <c r="AC130112" i="1"/>
  <c r="AC130113" i="1"/>
  <c r="AC130114" i="1"/>
  <c r="AC130115" i="1"/>
  <c r="AC130116" i="1"/>
  <c r="AC130117" i="1"/>
  <c r="AC130118" i="1"/>
  <c r="AC130119" i="1"/>
  <c r="AC130120" i="1"/>
  <c r="AC130121" i="1"/>
  <c r="AC130122" i="1"/>
  <c r="AC130123" i="1"/>
  <c r="AC130124" i="1"/>
  <c r="AC130125" i="1"/>
  <c r="AC130126" i="1"/>
  <c r="AC130127" i="1"/>
  <c r="AC130128" i="1"/>
  <c r="AC130129" i="1"/>
  <c r="AC130130" i="1"/>
  <c r="AC130131" i="1"/>
  <c r="AC130132" i="1"/>
  <c r="AC130133" i="1"/>
  <c r="AC130134" i="1"/>
  <c r="AC130135" i="1"/>
  <c r="AC130136" i="1"/>
  <c r="AC130137" i="1"/>
  <c r="AC130138" i="1"/>
  <c r="AC130139" i="1"/>
  <c r="AC130140" i="1"/>
  <c r="AC130141" i="1"/>
  <c r="AC130142" i="1"/>
  <c r="AC130143" i="1"/>
  <c r="AC130144" i="1"/>
  <c r="AC130145" i="1"/>
  <c r="AC130146" i="1"/>
  <c r="AC130147" i="1"/>
  <c r="AC130148" i="1"/>
  <c r="AC130149" i="1"/>
  <c r="AC130150" i="1"/>
  <c r="AC130151" i="1"/>
  <c r="AC130152" i="1"/>
  <c r="AC130153" i="1"/>
  <c r="AC130154" i="1"/>
  <c r="AC130155" i="1"/>
  <c r="AC130156" i="1"/>
  <c r="AC130157" i="1"/>
  <c r="AC130158" i="1"/>
  <c r="AC130159" i="1"/>
  <c r="AC130160" i="1"/>
  <c r="AC130161" i="1"/>
  <c r="AC130162" i="1"/>
  <c r="AC130163" i="1"/>
  <c r="AC130164" i="1"/>
  <c r="AC130165" i="1"/>
  <c r="AC130166" i="1"/>
  <c r="AC130167" i="1"/>
  <c r="AC130168" i="1"/>
  <c r="AC130169" i="1"/>
  <c r="AC130170" i="1"/>
  <c r="AC130171" i="1"/>
  <c r="AC130172" i="1"/>
  <c r="AC130173" i="1"/>
  <c r="AC130174" i="1"/>
  <c r="AC130175" i="1"/>
  <c r="AC130176" i="1"/>
  <c r="AC130177" i="1"/>
  <c r="AC130178" i="1"/>
  <c r="AC130179" i="1"/>
  <c r="AC130180" i="1"/>
  <c r="AC130181" i="1"/>
  <c r="AC130182" i="1"/>
  <c r="AC130183" i="1"/>
  <c r="AC130184" i="1"/>
  <c r="AC130185" i="1"/>
  <c r="AC130186" i="1"/>
  <c r="AC130187" i="1"/>
  <c r="AC130188" i="1"/>
  <c r="AC130189" i="1"/>
  <c r="AC130190" i="1"/>
  <c r="AC130191" i="1"/>
  <c r="AC130192" i="1"/>
  <c r="AC130193" i="1"/>
  <c r="AC130194" i="1"/>
  <c r="AC130195" i="1"/>
  <c r="AC130196" i="1"/>
  <c r="AC130197" i="1"/>
  <c r="AC130198" i="1"/>
  <c r="AC130199" i="1"/>
  <c r="AC130200" i="1"/>
  <c r="AC130201" i="1"/>
  <c r="AC130202" i="1"/>
  <c r="AC130203" i="1"/>
  <c r="AC130204" i="1"/>
  <c r="AC130205" i="1"/>
  <c r="AC130206" i="1"/>
  <c r="AC130207" i="1"/>
  <c r="AC130208" i="1"/>
  <c r="AC130209" i="1"/>
  <c r="AC130210" i="1"/>
  <c r="AC130211" i="1"/>
  <c r="AC130212" i="1"/>
  <c r="AC130213" i="1"/>
  <c r="AC130214" i="1"/>
  <c r="AC130215" i="1"/>
  <c r="AC130216" i="1"/>
  <c r="AC130217" i="1"/>
  <c r="AC130218" i="1"/>
  <c r="AC130219" i="1"/>
  <c r="AC130220" i="1"/>
  <c r="AC130221" i="1"/>
  <c r="AC130222" i="1"/>
  <c r="AC130223" i="1"/>
  <c r="AC130224" i="1"/>
  <c r="AC130225" i="1"/>
  <c r="AC130226" i="1"/>
  <c r="AC130227" i="1"/>
  <c r="AC130228" i="1"/>
  <c r="AC130229" i="1"/>
  <c r="AC130230" i="1"/>
  <c r="AC130231" i="1"/>
  <c r="AC130232" i="1"/>
  <c r="AC130233" i="1"/>
  <c r="AC130234" i="1"/>
  <c r="AC130235" i="1"/>
  <c r="AC130236" i="1"/>
  <c r="AC130237" i="1"/>
  <c r="AC130238" i="1"/>
  <c r="AC130239" i="1"/>
  <c r="AC130240" i="1"/>
  <c r="AC130241" i="1"/>
  <c r="AC130242" i="1"/>
  <c r="AC130243" i="1"/>
  <c r="AC130244" i="1"/>
  <c r="AC130245" i="1"/>
  <c r="AC130246" i="1"/>
  <c r="AC130247" i="1"/>
  <c r="AC130248" i="1"/>
  <c r="AC130249" i="1"/>
  <c r="AC130250" i="1"/>
  <c r="AC130251" i="1"/>
  <c r="AC130252" i="1"/>
  <c r="AC130253" i="1"/>
  <c r="AC130254" i="1"/>
  <c r="AC130255" i="1"/>
  <c r="AC130256" i="1"/>
  <c r="AC130257" i="1"/>
  <c r="AC130258" i="1"/>
  <c r="AC130259" i="1"/>
  <c r="AC130260" i="1"/>
  <c r="AC130261" i="1"/>
  <c r="AC130262" i="1"/>
  <c r="AC130263" i="1"/>
  <c r="AC130264" i="1"/>
  <c r="AC130265" i="1"/>
  <c r="AC130266" i="1"/>
  <c r="AC130267" i="1"/>
  <c r="AC130268" i="1"/>
  <c r="AC130269" i="1"/>
  <c r="AC130270" i="1"/>
  <c r="AC130271" i="1"/>
  <c r="AC130272" i="1"/>
  <c r="AC130273" i="1"/>
  <c r="AC130274" i="1"/>
  <c r="AC130275" i="1"/>
  <c r="AC130276" i="1"/>
  <c r="AC130277" i="1"/>
  <c r="AC130278" i="1"/>
  <c r="AC130279" i="1"/>
  <c r="AC130280" i="1"/>
  <c r="AC130281" i="1"/>
  <c r="AC130282" i="1"/>
  <c r="AC130283" i="1"/>
  <c r="AC130284" i="1"/>
  <c r="AC130285" i="1"/>
  <c r="AC130286" i="1"/>
  <c r="AC130287" i="1"/>
  <c r="AC130288" i="1"/>
  <c r="AC130289" i="1"/>
  <c r="AC130290" i="1"/>
  <c r="AC130291" i="1"/>
  <c r="AC130292" i="1"/>
  <c r="AC130293" i="1"/>
  <c r="AC130294" i="1"/>
  <c r="AC130295" i="1"/>
  <c r="AC130296" i="1"/>
  <c r="AC130297" i="1"/>
  <c r="AC130298" i="1"/>
  <c r="AC130299" i="1"/>
  <c r="AC130300" i="1"/>
  <c r="AC130301" i="1"/>
  <c r="AC130302" i="1"/>
  <c r="AC130303" i="1"/>
  <c r="AC130304" i="1"/>
  <c r="AC130305" i="1"/>
  <c r="AC130306" i="1"/>
  <c r="AC130307" i="1"/>
  <c r="AC130308" i="1"/>
  <c r="AC130309" i="1"/>
  <c r="AC130310" i="1"/>
  <c r="AC130311" i="1"/>
  <c r="AC130312" i="1"/>
  <c r="AC130313" i="1"/>
  <c r="AC130314" i="1"/>
  <c r="AC130315" i="1"/>
  <c r="AC130316" i="1"/>
  <c r="AC130317" i="1"/>
  <c r="AC130318" i="1"/>
  <c r="AC130319" i="1"/>
  <c r="AC130320" i="1"/>
  <c r="AC130321" i="1"/>
  <c r="AC130322" i="1"/>
  <c r="AC130323" i="1"/>
  <c r="AC130324" i="1"/>
  <c r="AC130325" i="1"/>
  <c r="AC130326" i="1"/>
  <c r="AC130327" i="1"/>
  <c r="AC130328" i="1"/>
  <c r="AC130329" i="1"/>
  <c r="AC130330" i="1"/>
  <c r="AC130331" i="1"/>
  <c r="AC130332" i="1"/>
  <c r="AC130333" i="1"/>
  <c r="AC130334" i="1"/>
  <c r="AC130335" i="1"/>
  <c r="AC130336" i="1"/>
  <c r="AC130337" i="1"/>
  <c r="AC130338" i="1"/>
  <c r="AC130339" i="1"/>
  <c r="AC130340" i="1"/>
  <c r="AC130341" i="1"/>
  <c r="AC130342" i="1"/>
  <c r="AC130343" i="1"/>
  <c r="AC130344" i="1"/>
  <c r="AC130345" i="1"/>
  <c r="AC130346" i="1"/>
  <c r="AC130347" i="1"/>
  <c r="AC130348" i="1"/>
  <c r="AC130349" i="1"/>
  <c r="AC130350" i="1"/>
  <c r="AC130351" i="1"/>
  <c r="AC130352" i="1"/>
  <c r="AC130353" i="1"/>
  <c r="AC130354" i="1"/>
  <c r="AC130355" i="1"/>
  <c r="AC130356" i="1"/>
  <c r="AC130357" i="1"/>
  <c r="AC130358" i="1"/>
  <c r="AC130359" i="1"/>
  <c r="AC130360" i="1"/>
  <c r="AC130361" i="1"/>
  <c r="AC130362" i="1"/>
  <c r="AC130363" i="1"/>
  <c r="AC130364" i="1"/>
  <c r="AC130365" i="1"/>
  <c r="AC130366" i="1"/>
  <c r="AC130367" i="1"/>
  <c r="AC130368" i="1"/>
  <c r="AC130369" i="1"/>
  <c r="AC130370" i="1"/>
  <c r="AC130371" i="1"/>
  <c r="AC130372" i="1"/>
  <c r="AC130373" i="1"/>
  <c r="AC130374" i="1"/>
  <c r="AC130375" i="1"/>
  <c r="AC130376" i="1"/>
  <c r="AC130377" i="1"/>
  <c r="AC130378" i="1"/>
  <c r="AC130379" i="1"/>
  <c r="AC130380" i="1"/>
  <c r="AC130381" i="1"/>
  <c r="AC130382" i="1"/>
  <c r="AC130383" i="1"/>
  <c r="AC130384" i="1"/>
  <c r="AC130385" i="1"/>
  <c r="AC130386" i="1"/>
  <c r="AC130387" i="1"/>
  <c r="AC130388" i="1"/>
  <c r="AC130389" i="1"/>
  <c r="AC130390" i="1"/>
  <c r="AC130391" i="1"/>
  <c r="AC130392" i="1"/>
  <c r="AC130393" i="1"/>
  <c r="AC130394" i="1"/>
  <c r="AC130395" i="1"/>
  <c r="AC130396" i="1"/>
  <c r="AC130397" i="1"/>
  <c r="AC130398" i="1"/>
  <c r="AC130399" i="1"/>
  <c r="AC130400" i="1"/>
  <c r="AC130401" i="1"/>
  <c r="AC130402" i="1"/>
  <c r="AC130403" i="1"/>
  <c r="AC130404" i="1"/>
  <c r="AC130405" i="1"/>
  <c r="AC130406" i="1"/>
  <c r="AC130407" i="1"/>
  <c r="AC130408" i="1"/>
  <c r="AC130409" i="1"/>
  <c r="AC130410" i="1"/>
  <c r="AC130411" i="1"/>
  <c r="AC130412" i="1"/>
  <c r="AC130413" i="1"/>
  <c r="AC130414" i="1"/>
  <c r="AC130415" i="1"/>
  <c r="AC130416" i="1"/>
  <c r="AC130417" i="1"/>
  <c r="AC130418" i="1"/>
  <c r="AC130419" i="1"/>
  <c r="AC130420" i="1"/>
  <c r="AC130421" i="1"/>
  <c r="AC130422" i="1"/>
  <c r="AC130423" i="1"/>
  <c r="AC130424" i="1"/>
  <c r="AC130425" i="1"/>
  <c r="AC130426" i="1"/>
  <c r="AC130427" i="1"/>
  <c r="AC130428" i="1"/>
  <c r="AC130429" i="1"/>
  <c r="AC130430" i="1"/>
  <c r="AC130431" i="1"/>
  <c r="AC130432" i="1"/>
  <c r="AC130433" i="1"/>
  <c r="AC130434" i="1"/>
  <c r="AC130435" i="1"/>
  <c r="AC130436" i="1"/>
  <c r="AC130437" i="1"/>
  <c r="AC130438" i="1"/>
  <c r="AC130439" i="1"/>
  <c r="AC130440" i="1"/>
  <c r="AC130441" i="1"/>
  <c r="AC130442" i="1"/>
  <c r="AC130443" i="1"/>
  <c r="AC130444" i="1"/>
  <c r="AC130445" i="1"/>
  <c r="AC130446" i="1"/>
  <c r="AC130447" i="1"/>
  <c r="AC130448" i="1"/>
  <c r="AC130449" i="1"/>
  <c r="AC130450" i="1"/>
  <c r="AC130451" i="1"/>
  <c r="AC130452" i="1"/>
  <c r="AC130453" i="1"/>
  <c r="AC130454" i="1"/>
  <c r="AC130455" i="1"/>
  <c r="AC130456" i="1"/>
  <c r="AC130457" i="1"/>
  <c r="AC130458" i="1"/>
  <c r="AC130459" i="1"/>
  <c r="AC130460" i="1"/>
  <c r="AC130461" i="1"/>
  <c r="AC130462" i="1"/>
  <c r="AC130463" i="1"/>
  <c r="AC130464" i="1"/>
  <c r="AC130465" i="1"/>
  <c r="AC130466" i="1"/>
  <c r="AC130467" i="1"/>
  <c r="AC130468" i="1"/>
  <c r="AC130469" i="1"/>
  <c r="AC130470" i="1"/>
  <c r="AC130471" i="1"/>
  <c r="AC130472" i="1"/>
  <c r="AC130473" i="1"/>
  <c r="AC130474" i="1"/>
  <c r="AC130475" i="1"/>
  <c r="AC130476" i="1"/>
  <c r="AC130477" i="1"/>
  <c r="AC130478" i="1"/>
  <c r="AC130479" i="1"/>
  <c r="AC130480" i="1"/>
  <c r="AC130481" i="1"/>
  <c r="AC130482" i="1"/>
  <c r="AC130483" i="1"/>
  <c r="AC130484" i="1"/>
  <c r="AC130485" i="1"/>
  <c r="AC130486" i="1"/>
  <c r="AC130487" i="1"/>
  <c r="AC130488" i="1"/>
  <c r="AC130489" i="1"/>
  <c r="AC130490" i="1"/>
  <c r="AC130491" i="1"/>
  <c r="AC130492" i="1"/>
  <c r="AC130493" i="1"/>
  <c r="AC130494" i="1"/>
  <c r="AC130495" i="1"/>
  <c r="AC130496" i="1"/>
  <c r="AC130497" i="1"/>
  <c r="AC130498" i="1"/>
  <c r="AC130499" i="1"/>
  <c r="AC130500" i="1"/>
  <c r="AC130501" i="1"/>
  <c r="AC130502" i="1"/>
  <c r="AC130503" i="1"/>
  <c r="AC130504" i="1"/>
  <c r="AC130505" i="1"/>
  <c r="AC130506" i="1"/>
  <c r="AC130507" i="1"/>
  <c r="AC130508" i="1"/>
  <c r="AC130509" i="1"/>
  <c r="AC130510" i="1"/>
  <c r="AC130511" i="1"/>
  <c r="AC130512" i="1"/>
  <c r="AC130513" i="1"/>
  <c r="AC130514" i="1"/>
  <c r="AC130515" i="1"/>
  <c r="AC130516" i="1"/>
  <c r="AC130517" i="1"/>
  <c r="AC130518" i="1"/>
  <c r="AC130519" i="1"/>
  <c r="AC130520" i="1"/>
  <c r="AC130521" i="1"/>
  <c r="AC130522" i="1"/>
  <c r="AC130523" i="1"/>
  <c r="AC130524" i="1"/>
  <c r="AC130525" i="1"/>
  <c r="AC130526" i="1"/>
  <c r="AC130527" i="1"/>
  <c r="AC130528" i="1"/>
  <c r="AC130529" i="1"/>
  <c r="AC130530" i="1"/>
  <c r="AC130531" i="1"/>
  <c r="AC130532" i="1"/>
  <c r="AC130533" i="1"/>
  <c r="AC130534" i="1"/>
  <c r="AC130535" i="1"/>
  <c r="AC130536" i="1"/>
  <c r="AC130537" i="1"/>
  <c r="AC130538" i="1"/>
  <c r="AC130539" i="1"/>
  <c r="AC130540" i="1"/>
  <c r="AC130541" i="1"/>
  <c r="AC130542" i="1"/>
  <c r="AC130543" i="1"/>
  <c r="AC130544" i="1"/>
  <c r="AC130545" i="1"/>
  <c r="AC130546" i="1"/>
  <c r="AC130547" i="1"/>
  <c r="AC130548" i="1"/>
  <c r="AC130549" i="1"/>
  <c r="AC130550" i="1"/>
  <c r="AC130551" i="1"/>
  <c r="AC130552" i="1"/>
  <c r="AC130553" i="1"/>
  <c r="AC130554" i="1"/>
  <c r="AC130555" i="1"/>
  <c r="AC130556" i="1"/>
  <c r="AC130557" i="1"/>
  <c r="AC130558" i="1"/>
  <c r="AC130559" i="1"/>
  <c r="AC130560" i="1"/>
  <c r="AC130561" i="1"/>
  <c r="AC130562" i="1"/>
  <c r="AC130563" i="1"/>
  <c r="AC130564" i="1"/>
  <c r="AC130565" i="1"/>
  <c r="AC130566" i="1"/>
  <c r="AC130567" i="1"/>
  <c r="AC130568" i="1"/>
  <c r="AC130569" i="1"/>
  <c r="AC130570" i="1"/>
  <c r="AC130571" i="1"/>
  <c r="AC130572" i="1"/>
  <c r="AC130573" i="1"/>
  <c r="AC130574" i="1"/>
  <c r="AC130575" i="1"/>
  <c r="AC130576" i="1"/>
  <c r="AC130577" i="1"/>
  <c r="AC130578" i="1"/>
  <c r="AC130579" i="1"/>
  <c r="AC130580" i="1"/>
  <c r="AC130581" i="1"/>
  <c r="AC130582" i="1"/>
  <c r="AC130583" i="1"/>
  <c r="AC130584" i="1"/>
  <c r="AC130585" i="1"/>
  <c r="AC130586" i="1"/>
  <c r="AC130587" i="1"/>
  <c r="AC130588" i="1"/>
  <c r="AC130589" i="1"/>
  <c r="AC130590" i="1"/>
  <c r="AC130591" i="1"/>
  <c r="AC130592" i="1"/>
  <c r="AC130593" i="1"/>
  <c r="AC130594" i="1"/>
  <c r="AC130595" i="1"/>
  <c r="AC130596" i="1"/>
  <c r="AC130597" i="1"/>
  <c r="AC130598" i="1"/>
  <c r="AC130599" i="1"/>
  <c r="AC130600" i="1"/>
  <c r="AC130601" i="1"/>
  <c r="AC130602" i="1"/>
  <c r="AC130603" i="1"/>
  <c r="AC130604" i="1"/>
  <c r="AC130605" i="1"/>
  <c r="AC130606" i="1"/>
  <c r="AC130607" i="1"/>
  <c r="AC130608" i="1"/>
  <c r="AC130609" i="1"/>
  <c r="AC130610" i="1"/>
  <c r="AC130611" i="1"/>
  <c r="AC130612" i="1"/>
  <c r="AC130613" i="1"/>
  <c r="AC130614" i="1"/>
  <c r="AC130615" i="1"/>
  <c r="AC130616" i="1"/>
  <c r="AC130617" i="1"/>
  <c r="AC130618" i="1"/>
  <c r="AC130619" i="1"/>
  <c r="AC130620" i="1"/>
  <c r="AC130621" i="1"/>
  <c r="AC130622" i="1"/>
  <c r="AC130623" i="1"/>
  <c r="AC130624" i="1"/>
  <c r="AC130625" i="1"/>
  <c r="AC130626" i="1"/>
  <c r="AC130627" i="1"/>
  <c r="AC130628" i="1"/>
  <c r="AC130629" i="1"/>
  <c r="AC130630" i="1"/>
  <c r="AC130631" i="1"/>
  <c r="AC130632" i="1"/>
  <c r="AC130633" i="1"/>
  <c r="AC130634" i="1"/>
  <c r="AC130635" i="1"/>
  <c r="AC130636" i="1"/>
  <c r="AC130637" i="1"/>
  <c r="AC130638" i="1"/>
  <c r="AC130639" i="1"/>
  <c r="AC130640" i="1"/>
  <c r="AC130641" i="1"/>
  <c r="AC130642" i="1"/>
  <c r="AC130643" i="1"/>
  <c r="AC130644" i="1"/>
  <c r="AC130645" i="1"/>
  <c r="AC130646" i="1"/>
  <c r="AC130647" i="1"/>
  <c r="AC130648" i="1"/>
  <c r="AC130649" i="1"/>
  <c r="AC130650" i="1"/>
  <c r="AC130651" i="1"/>
  <c r="AC130652" i="1"/>
  <c r="AC130653" i="1"/>
  <c r="AC130654" i="1"/>
  <c r="AC130655" i="1"/>
  <c r="AC130656" i="1"/>
  <c r="AC130657" i="1"/>
  <c r="AC130658" i="1"/>
  <c r="AC130659" i="1"/>
  <c r="AC130660" i="1"/>
  <c r="AC130661" i="1"/>
  <c r="AC130662" i="1"/>
  <c r="AC130663" i="1"/>
  <c r="AC130664" i="1"/>
  <c r="AC130665" i="1"/>
  <c r="AC130666" i="1"/>
  <c r="AC130667" i="1"/>
  <c r="AC130668" i="1"/>
  <c r="AC130669" i="1"/>
  <c r="AC130670" i="1"/>
  <c r="AC130671" i="1"/>
  <c r="AC130672" i="1"/>
  <c r="AC130673" i="1"/>
  <c r="AC130674" i="1"/>
  <c r="AC130675" i="1"/>
  <c r="AC130676" i="1"/>
  <c r="AC130677" i="1"/>
  <c r="AC130678" i="1"/>
  <c r="AC130679" i="1"/>
  <c r="AC130680" i="1"/>
  <c r="AC130681" i="1"/>
  <c r="AC130682" i="1"/>
  <c r="AC130683" i="1"/>
  <c r="AC130684" i="1"/>
  <c r="AC130685" i="1"/>
  <c r="AC130686" i="1"/>
  <c r="AC130687" i="1"/>
  <c r="AC130688" i="1"/>
  <c r="AC130689" i="1"/>
  <c r="AC130690" i="1"/>
  <c r="AC130691" i="1"/>
  <c r="AC130692" i="1"/>
  <c r="AC130693" i="1"/>
  <c r="AC130694" i="1"/>
  <c r="AC130695" i="1"/>
  <c r="AC130696" i="1"/>
  <c r="AC130697" i="1"/>
  <c r="AC130698" i="1"/>
  <c r="AC130699" i="1"/>
  <c r="AC130700" i="1"/>
  <c r="AC130701" i="1"/>
  <c r="AC130702" i="1"/>
  <c r="AC130703" i="1"/>
  <c r="AC130704" i="1"/>
  <c r="AC130705" i="1"/>
  <c r="AC130706" i="1"/>
  <c r="AC130707" i="1"/>
  <c r="AC130708" i="1"/>
  <c r="AC130709" i="1"/>
  <c r="AC130710" i="1"/>
  <c r="AC130711" i="1"/>
  <c r="AC130712" i="1"/>
  <c r="AC130713" i="1"/>
  <c r="AC130714" i="1"/>
  <c r="AC130715" i="1"/>
  <c r="AC130716" i="1"/>
  <c r="AC130717" i="1"/>
  <c r="AC130718" i="1"/>
  <c r="AC130719" i="1"/>
  <c r="AC130720" i="1"/>
  <c r="AC130721" i="1"/>
  <c r="AC130722" i="1"/>
  <c r="AC130723" i="1"/>
  <c r="AC130724" i="1"/>
  <c r="AC130725" i="1"/>
  <c r="AC130726" i="1"/>
  <c r="AC130727" i="1"/>
  <c r="AC130728" i="1"/>
  <c r="AC130729" i="1"/>
  <c r="AC130730" i="1"/>
  <c r="AC130731" i="1"/>
  <c r="AC130732" i="1"/>
  <c r="AC130733" i="1"/>
  <c r="AC130734" i="1"/>
  <c r="AC130735" i="1"/>
  <c r="AC130736" i="1"/>
  <c r="AC130737" i="1"/>
  <c r="AC130738" i="1"/>
  <c r="AC130739" i="1"/>
  <c r="AC130740" i="1"/>
  <c r="AC130741" i="1"/>
  <c r="AC130742" i="1"/>
  <c r="AC130743" i="1"/>
  <c r="AC130744" i="1"/>
  <c r="AC130745" i="1"/>
  <c r="AC130746" i="1"/>
  <c r="AC130747" i="1"/>
  <c r="AC130748" i="1"/>
  <c r="AC130749" i="1"/>
  <c r="AC130750" i="1"/>
  <c r="AC130751" i="1"/>
  <c r="AC130752" i="1"/>
  <c r="AC130753" i="1"/>
  <c r="AC130754" i="1"/>
  <c r="AC130755" i="1"/>
  <c r="AC130756" i="1"/>
  <c r="AC130757" i="1"/>
  <c r="AC130758" i="1"/>
  <c r="AC130759" i="1"/>
  <c r="AC130760" i="1"/>
  <c r="AC130761" i="1"/>
  <c r="AC130762" i="1"/>
  <c r="AC130763" i="1"/>
  <c r="AC130764" i="1"/>
  <c r="AC130765" i="1"/>
  <c r="AC130766" i="1"/>
  <c r="AC130767" i="1"/>
  <c r="AC130768" i="1"/>
  <c r="AC130769" i="1"/>
  <c r="AC130770" i="1"/>
  <c r="AC130771" i="1"/>
  <c r="AC130772" i="1"/>
  <c r="AC130773" i="1"/>
  <c r="AC130774" i="1"/>
  <c r="AC130775" i="1"/>
  <c r="AC130776" i="1"/>
  <c r="AC130777" i="1"/>
  <c r="AC130778" i="1"/>
  <c r="AC130779" i="1"/>
  <c r="AC130780" i="1"/>
  <c r="AC130781" i="1"/>
  <c r="AC130782" i="1"/>
  <c r="AC130783" i="1"/>
  <c r="AC130784" i="1"/>
  <c r="AC130785" i="1"/>
  <c r="AC130786" i="1"/>
  <c r="AC130787" i="1"/>
  <c r="AC130788" i="1"/>
  <c r="AC130789" i="1"/>
  <c r="AC130790" i="1"/>
  <c r="AC130791" i="1"/>
  <c r="AC130792" i="1"/>
  <c r="AC130793" i="1"/>
  <c r="AC130794" i="1"/>
  <c r="AC130795" i="1"/>
  <c r="AC130796" i="1"/>
  <c r="AC130797" i="1"/>
  <c r="AC130798" i="1"/>
  <c r="AC130799" i="1"/>
  <c r="AC130800" i="1"/>
  <c r="AC130801" i="1"/>
  <c r="AC130802" i="1"/>
  <c r="AC130803" i="1"/>
  <c r="AC130804" i="1"/>
  <c r="AC130805" i="1"/>
  <c r="AC130806" i="1"/>
  <c r="AC130807" i="1"/>
  <c r="AC130808" i="1"/>
  <c r="AC130809" i="1"/>
  <c r="AC130810" i="1"/>
  <c r="AC130811" i="1"/>
  <c r="AC130812" i="1"/>
  <c r="AC130813" i="1"/>
  <c r="AC130814" i="1"/>
  <c r="AC130815" i="1"/>
  <c r="AC130816" i="1"/>
  <c r="AC130817" i="1"/>
  <c r="AC130818" i="1"/>
  <c r="AC130819" i="1"/>
  <c r="AC130820" i="1"/>
  <c r="AC130821" i="1"/>
  <c r="AC130822" i="1"/>
  <c r="AC130823" i="1"/>
  <c r="AC130824" i="1"/>
  <c r="AC130825" i="1"/>
  <c r="AC130826" i="1"/>
  <c r="AC130827" i="1"/>
  <c r="AC130828" i="1"/>
  <c r="AC130829" i="1"/>
  <c r="AC130830" i="1"/>
  <c r="AC130831" i="1"/>
  <c r="AC130832" i="1"/>
  <c r="AC130833" i="1"/>
  <c r="AC130834" i="1"/>
  <c r="AC130835" i="1"/>
  <c r="AC130836" i="1"/>
  <c r="AC130837" i="1"/>
  <c r="AC130838" i="1"/>
  <c r="AC130839" i="1"/>
  <c r="AC130840" i="1"/>
  <c r="AC130841" i="1"/>
  <c r="AC130842" i="1"/>
  <c r="AC130843" i="1"/>
  <c r="AC130844" i="1"/>
  <c r="AC130845" i="1"/>
  <c r="AC130846" i="1"/>
  <c r="AC130847" i="1"/>
  <c r="AC130848" i="1"/>
  <c r="AC130849" i="1"/>
  <c r="AC130850" i="1"/>
  <c r="AC130851" i="1"/>
  <c r="AC130852" i="1"/>
  <c r="AC130853" i="1"/>
  <c r="AC130854" i="1"/>
  <c r="AC130855" i="1"/>
  <c r="AC130856" i="1"/>
  <c r="AC130857" i="1"/>
  <c r="AC130858" i="1"/>
  <c r="AC130859" i="1"/>
  <c r="AC130860" i="1"/>
  <c r="AC130861" i="1"/>
  <c r="AC130862" i="1"/>
  <c r="AC130863" i="1"/>
  <c r="AC130864" i="1"/>
  <c r="AC130865" i="1"/>
  <c r="AC130866" i="1"/>
  <c r="AC130867" i="1"/>
  <c r="AC130868" i="1"/>
  <c r="AC130869" i="1"/>
  <c r="AC130870" i="1"/>
  <c r="AC130871" i="1"/>
  <c r="AC130872" i="1"/>
  <c r="AC130873" i="1"/>
  <c r="AC130874" i="1"/>
  <c r="AC130875" i="1"/>
  <c r="AC130876" i="1"/>
  <c r="AC130877" i="1"/>
  <c r="AC130878" i="1"/>
  <c r="AC130879" i="1"/>
  <c r="AC130880" i="1"/>
  <c r="AC130881" i="1"/>
  <c r="AC130882" i="1"/>
  <c r="AC130883" i="1"/>
  <c r="AC130884" i="1"/>
  <c r="AC130885" i="1"/>
  <c r="AC130886" i="1"/>
  <c r="AC130887" i="1"/>
  <c r="AC130888" i="1"/>
  <c r="AC130889" i="1"/>
  <c r="AC130890" i="1"/>
  <c r="AC130891" i="1"/>
  <c r="AC130892" i="1"/>
  <c r="AC130893" i="1"/>
  <c r="AC130894" i="1"/>
  <c r="AC130895" i="1"/>
  <c r="AC130896" i="1"/>
  <c r="AC130897" i="1"/>
  <c r="AC130898" i="1"/>
  <c r="AC130899" i="1"/>
  <c r="AC130900" i="1"/>
  <c r="AC130901" i="1"/>
  <c r="AC130902" i="1"/>
  <c r="AC130903" i="1"/>
  <c r="AC130904" i="1"/>
  <c r="AC130905" i="1"/>
  <c r="AC130906" i="1"/>
  <c r="AC130907" i="1"/>
  <c r="AC130908" i="1"/>
  <c r="AC130909" i="1"/>
  <c r="AC130910" i="1"/>
  <c r="AC130911" i="1"/>
  <c r="AC130912" i="1"/>
  <c r="AC130913" i="1"/>
  <c r="AC130914" i="1"/>
  <c r="AC130915" i="1"/>
  <c r="AC130916" i="1"/>
  <c r="AC130917" i="1"/>
  <c r="AC130918" i="1"/>
  <c r="AC130919" i="1"/>
  <c r="AC130920" i="1"/>
  <c r="AC130921" i="1"/>
  <c r="AC130922" i="1"/>
  <c r="AC130923" i="1"/>
  <c r="AC130924" i="1"/>
  <c r="AC130925" i="1"/>
  <c r="AC130926" i="1"/>
  <c r="AC130927" i="1"/>
  <c r="AC130928" i="1"/>
  <c r="AC130929" i="1"/>
  <c r="AC130930" i="1"/>
  <c r="AC130931" i="1"/>
  <c r="AC130932" i="1"/>
  <c r="AC130933" i="1"/>
  <c r="AC130934" i="1"/>
  <c r="AC130935" i="1"/>
  <c r="AC130936" i="1"/>
  <c r="AC130937" i="1"/>
  <c r="AC130938" i="1"/>
  <c r="AC130939" i="1"/>
  <c r="AC130940" i="1"/>
  <c r="AC130941" i="1"/>
  <c r="AC130942" i="1"/>
  <c r="AC130943" i="1"/>
  <c r="AC130944" i="1"/>
  <c r="AC130945" i="1"/>
  <c r="AC130946" i="1"/>
  <c r="AC130947" i="1"/>
  <c r="AC130948" i="1"/>
  <c r="AC130949" i="1"/>
  <c r="AC130950" i="1"/>
  <c r="AC130951" i="1"/>
  <c r="AC130952" i="1"/>
  <c r="AC130953" i="1"/>
  <c r="AC130954" i="1"/>
  <c r="AC130955" i="1"/>
  <c r="AC130956" i="1"/>
  <c r="AC130957" i="1"/>
  <c r="AC130958" i="1"/>
  <c r="AC130959" i="1"/>
  <c r="AC130960" i="1"/>
  <c r="AC130961" i="1"/>
  <c r="AC130962" i="1"/>
  <c r="AC130963" i="1"/>
  <c r="AC130964" i="1"/>
  <c r="AC130965" i="1"/>
  <c r="AC130966" i="1"/>
  <c r="AC130967" i="1"/>
  <c r="AC130968" i="1"/>
  <c r="AC130969" i="1"/>
  <c r="AC130970" i="1"/>
  <c r="AC130971" i="1"/>
  <c r="AC130972" i="1"/>
  <c r="AC130973" i="1"/>
  <c r="AC130974" i="1"/>
  <c r="AC130975" i="1"/>
  <c r="AC130976" i="1"/>
  <c r="AC130977" i="1"/>
  <c r="AC130978" i="1"/>
  <c r="AC130979" i="1"/>
  <c r="AC130980" i="1"/>
  <c r="AC130981" i="1"/>
  <c r="AC130982" i="1"/>
  <c r="AC130983" i="1"/>
  <c r="AC130984" i="1"/>
  <c r="AC130985" i="1"/>
  <c r="AC130986" i="1"/>
  <c r="AC130987" i="1"/>
  <c r="AC130988" i="1"/>
  <c r="AC130989" i="1"/>
  <c r="AC130990" i="1"/>
  <c r="AC130991" i="1"/>
  <c r="AC130992" i="1"/>
  <c r="AC130993" i="1"/>
  <c r="AC130994" i="1"/>
  <c r="AC130995" i="1"/>
  <c r="AC130996" i="1"/>
  <c r="AC130997" i="1"/>
  <c r="AC130998" i="1"/>
  <c r="AC130999" i="1"/>
  <c r="AC131000" i="1"/>
  <c r="AC131001" i="1"/>
  <c r="AC131002" i="1"/>
  <c r="AC131003" i="1"/>
  <c r="AC131004" i="1"/>
  <c r="AC131005" i="1"/>
  <c r="AC131006" i="1"/>
  <c r="AC131007" i="1"/>
  <c r="AC131008" i="1"/>
  <c r="AC131009" i="1"/>
  <c r="AC131010" i="1"/>
  <c r="AC131011" i="1"/>
  <c r="AC131012" i="1"/>
  <c r="AC131013" i="1"/>
  <c r="AC131014" i="1"/>
  <c r="AC131015" i="1"/>
  <c r="AC131016" i="1"/>
  <c r="AC131017" i="1"/>
  <c r="AC131018" i="1"/>
  <c r="AC131019" i="1"/>
  <c r="AC131020" i="1"/>
  <c r="AC131021" i="1"/>
  <c r="AC131022" i="1"/>
  <c r="AC131023" i="1"/>
  <c r="AC131024" i="1"/>
  <c r="AC131025" i="1"/>
  <c r="AC131026" i="1"/>
  <c r="AC131027" i="1"/>
  <c r="AC131028" i="1"/>
  <c r="AC131029" i="1"/>
  <c r="AC131030" i="1"/>
  <c r="AC131031" i="1"/>
  <c r="AC131032" i="1"/>
  <c r="AC131033" i="1"/>
  <c r="AC131034" i="1"/>
  <c r="AC131035" i="1"/>
  <c r="AC131036" i="1"/>
  <c r="AC131037" i="1"/>
  <c r="AC131038" i="1"/>
  <c r="AC131039" i="1"/>
  <c r="AC131040" i="1"/>
  <c r="AC131041" i="1"/>
  <c r="AC131042" i="1"/>
  <c r="AC131043" i="1"/>
  <c r="AC131044" i="1"/>
  <c r="AC131045" i="1"/>
  <c r="AC131046" i="1"/>
  <c r="AC131047" i="1"/>
  <c r="AC131048" i="1"/>
  <c r="AC131049" i="1"/>
  <c r="AC131050" i="1"/>
  <c r="AC131051" i="1"/>
  <c r="AC131052" i="1"/>
  <c r="AC131053" i="1"/>
  <c r="AC131054" i="1"/>
  <c r="AC131055" i="1"/>
  <c r="AC131056" i="1"/>
  <c r="AC131057" i="1"/>
  <c r="AC131058" i="1"/>
  <c r="AC131059" i="1"/>
  <c r="AC131060" i="1"/>
  <c r="AC131061" i="1"/>
  <c r="AC131062" i="1"/>
  <c r="AC131063" i="1"/>
  <c r="AC131064" i="1"/>
  <c r="AC131065" i="1"/>
  <c r="AC131066" i="1"/>
  <c r="AC131067" i="1"/>
  <c r="AC131068" i="1"/>
  <c r="AC131069" i="1"/>
  <c r="AC131070" i="1"/>
  <c r="AC131071" i="1"/>
  <c r="AC131072" i="1"/>
  <c r="AC131073" i="1"/>
  <c r="AC131074" i="1"/>
  <c r="AC131075" i="1"/>
  <c r="AC131076" i="1"/>
  <c r="AC131077" i="1"/>
  <c r="AC131078" i="1"/>
  <c r="AC131079" i="1"/>
  <c r="AC131080" i="1"/>
  <c r="AC131081" i="1"/>
  <c r="AC131082" i="1"/>
  <c r="AC131083" i="1"/>
  <c r="AC131084" i="1"/>
  <c r="AC131085" i="1"/>
  <c r="AC131086" i="1"/>
  <c r="AC131087" i="1"/>
  <c r="AC131088" i="1"/>
  <c r="AC131089" i="1"/>
  <c r="AC131090" i="1"/>
  <c r="AC131091" i="1"/>
  <c r="AC131092" i="1"/>
  <c r="AC131093" i="1"/>
  <c r="AC131094" i="1"/>
  <c r="AC131095" i="1"/>
  <c r="AC131096" i="1"/>
  <c r="AC131097" i="1"/>
  <c r="AC131098" i="1"/>
  <c r="AC131099" i="1"/>
  <c r="AC131100" i="1"/>
  <c r="AC131101" i="1"/>
  <c r="AC131102" i="1"/>
  <c r="AC131103" i="1"/>
  <c r="AC131104" i="1"/>
  <c r="AC131105" i="1"/>
  <c r="AC131106" i="1"/>
  <c r="AC131107" i="1"/>
  <c r="AC131108" i="1"/>
  <c r="AC131109" i="1"/>
  <c r="AC131110" i="1"/>
  <c r="AC131111" i="1"/>
  <c r="AC131112" i="1"/>
  <c r="AC131113" i="1"/>
  <c r="AC131114" i="1"/>
  <c r="AC131115" i="1"/>
  <c r="AC131116" i="1"/>
  <c r="AC131117" i="1"/>
  <c r="AC131118" i="1"/>
  <c r="AC131119" i="1"/>
  <c r="AC131120" i="1"/>
  <c r="AC131121" i="1"/>
  <c r="AC131122" i="1"/>
  <c r="AC131123" i="1"/>
  <c r="AC131124" i="1"/>
  <c r="AC131125" i="1"/>
  <c r="AC131126" i="1"/>
  <c r="AC131127" i="1"/>
  <c r="AC131128" i="1"/>
  <c r="AC131129" i="1"/>
  <c r="AC131130" i="1"/>
  <c r="AC131131" i="1"/>
  <c r="AC131132" i="1"/>
  <c r="AC131133" i="1"/>
  <c r="AC131134" i="1"/>
  <c r="AC131135" i="1"/>
  <c r="AC131136" i="1"/>
  <c r="AC131137" i="1"/>
  <c r="AC131138" i="1"/>
  <c r="AC131139" i="1"/>
  <c r="AC131140" i="1"/>
  <c r="AC131141" i="1"/>
  <c r="AC131142" i="1"/>
  <c r="AC131143" i="1"/>
  <c r="AC131144" i="1"/>
  <c r="AC131145" i="1"/>
  <c r="AC131146" i="1"/>
  <c r="AC131147" i="1"/>
  <c r="AC131148" i="1"/>
  <c r="AC131149" i="1"/>
  <c r="AC131150" i="1"/>
  <c r="AC131151" i="1"/>
  <c r="AC131152" i="1"/>
  <c r="AC131153" i="1"/>
  <c r="AC131154" i="1"/>
  <c r="AC131155" i="1"/>
  <c r="AC131156" i="1"/>
  <c r="AC131157" i="1"/>
  <c r="AC131158" i="1"/>
  <c r="AC131159" i="1"/>
  <c r="AC131160" i="1"/>
  <c r="AC131161" i="1"/>
  <c r="AC131162" i="1"/>
  <c r="AC131163" i="1"/>
  <c r="AC131164" i="1"/>
  <c r="AC131165" i="1"/>
  <c r="AC131166" i="1"/>
  <c r="AC131167" i="1"/>
  <c r="AC131168" i="1"/>
  <c r="AC131169" i="1"/>
  <c r="AC131170" i="1"/>
  <c r="AC131171" i="1"/>
  <c r="AC131172" i="1"/>
  <c r="AC131173" i="1"/>
  <c r="AC131174" i="1"/>
  <c r="AC131175" i="1"/>
  <c r="AC131176" i="1"/>
  <c r="AC131177" i="1"/>
  <c r="AC131178" i="1"/>
  <c r="AC131179" i="1"/>
  <c r="AC131180" i="1"/>
  <c r="AC131181" i="1"/>
  <c r="AC131182" i="1"/>
  <c r="AC131183" i="1"/>
  <c r="AC131184" i="1"/>
  <c r="AC131185" i="1"/>
  <c r="AC131186" i="1"/>
  <c r="AC131187" i="1"/>
  <c r="AC131188" i="1"/>
  <c r="AC131189" i="1"/>
  <c r="AC131190" i="1"/>
  <c r="AC131191" i="1"/>
  <c r="AC131192" i="1"/>
  <c r="AC131193" i="1"/>
  <c r="AC131194" i="1"/>
  <c r="AC131195" i="1"/>
  <c r="AC131196" i="1"/>
  <c r="AC131197" i="1"/>
  <c r="AC131198" i="1"/>
  <c r="AC131199" i="1"/>
  <c r="AC131200" i="1"/>
  <c r="AC131201" i="1"/>
  <c r="AC131202" i="1"/>
  <c r="AC131203" i="1"/>
  <c r="AC131204" i="1"/>
  <c r="AC131205" i="1"/>
  <c r="AC131206" i="1"/>
  <c r="AC131207" i="1"/>
  <c r="AC131208" i="1"/>
  <c r="AC131209" i="1"/>
  <c r="AC131210" i="1"/>
  <c r="AC131211" i="1"/>
  <c r="AC131212" i="1"/>
  <c r="AC131213" i="1"/>
  <c r="AC131214" i="1"/>
  <c r="AC131215" i="1"/>
  <c r="AC131216" i="1"/>
  <c r="AC131217" i="1"/>
  <c r="AC131218" i="1"/>
  <c r="AC131219" i="1"/>
  <c r="AC131220" i="1"/>
  <c r="AC131221" i="1"/>
  <c r="AC131222" i="1"/>
  <c r="AC131223" i="1"/>
  <c r="AC131224" i="1"/>
  <c r="AC131225" i="1"/>
  <c r="AC131226" i="1"/>
  <c r="AC131227" i="1"/>
  <c r="AC131228" i="1"/>
  <c r="AC131229" i="1"/>
  <c r="AC131230" i="1"/>
  <c r="AC131231" i="1"/>
  <c r="AC131232" i="1"/>
  <c r="AC131233" i="1"/>
  <c r="AC131234" i="1"/>
  <c r="AC131235" i="1"/>
  <c r="AC131236" i="1"/>
  <c r="AC131237" i="1"/>
  <c r="AC131238" i="1"/>
  <c r="AC131239" i="1"/>
  <c r="AC131240" i="1"/>
  <c r="AC131241" i="1"/>
  <c r="AC131242" i="1"/>
  <c r="AC131243" i="1"/>
  <c r="AC131244" i="1"/>
  <c r="AC131245" i="1"/>
  <c r="AC131246" i="1"/>
  <c r="AC131247" i="1"/>
  <c r="AC131248" i="1"/>
  <c r="AC131249" i="1"/>
  <c r="AC131250" i="1"/>
  <c r="AC131251" i="1"/>
  <c r="AC131252" i="1"/>
  <c r="AC131253" i="1"/>
  <c r="AC131254" i="1"/>
  <c r="AC131255" i="1"/>
  <c r="AC131256" i="1"/>
  <c r="AC131257" i="1"/>
  <c r="AC131258" i="1"/>
  <c r="AC131259" i="1"/>
  <c r="AC131260" i="1"/>
  <c r="AC131261" i="1"/>
  <c r="AC131262" i="1"/>
  <c r="AC131263" i="1"/>
  <c r="AC131264" i="1"/>
  <c r="AC131265" i="1"/>
  <c r="AC131266" i="1"/>
  <c r="AC131267" i="1"/>
  <c r="AC131268" i="1"/>
  <c r="AC131269" i="1"/>
  <c r="AC131270" i="1"/>
  <c r="AC131271" i="1"/>
  <c r="AC131272" i="1"/>
  <c r="AC131273" i="1"/>
  <c r="AC131274" i="1"/>
  <c r="AC131275" i="1"/>
  <c r="AC131276" i="1"/>
  <c r="AC131277" i="1"/>
  <c r="AC131278" i="1"/>
  <c r="AC131279" i="1"/>
  <c r="AC131280" i="1"/>
  <c r="AC131281" i="1"/>
  <c r="AC131282" i="1"/>
  <c r="AC131283" i="1"/>
  <c r="AC131284" i="1"/>
  <c r="AC131285" i="1"/>
  <c r="AC131286" i="1"/>
  <c r="AC131287" i="1"/>
  <c r="AC131288" i="1"/>
  <c r="AC131289" i="1"/>
  <c r="AC131290" i="1"/>
  <c r="AC131291" i="1"/>
  <c r="AC131292" i="1"/>
  <c r="AC131293" i="1"/>
  <c r="AC131294" i="1"/>
  <c r="AC131295" i="1"/>
  <c r="AC131296" i="1"/>
  <c r="AC131297" i="1"/>
  <c r="AC131298" i="1"/>
  <c r="AC131299" i="1"/>
  <c r="AC131300" i="1"/>
  <c r="AC131301" i="1"/>
  <c r="AC131302" i="1"/>
  <c r="AC131303" i="1"/>
  <c r="AC131304" i="1"/>
  <c r="AC131305" i="1"/>
  <c r="AC131306" i="1"/>
  <c r="AC131307" i="1"/>
  <c r="AC131308" i="1"/>
  <c r="AC131309" i="1"/>
  <c r="AC131310" i="1"/>
  <c r="AC131311" i="1"/>
  <c r="AC131312" i="1"/>
  <c r="AC131313" i="1"/>
  <c r="AC131314" i="1"/>
  <c r="AC131315" i="1"/>
  <c r="AC131316" i="1"/>
  <c r="AC131317" i="1"/>
  <c r="AC131318" i="1"/>
  <c r="AC131319" i="1"/>
  <c r="AC131320" i="1"/>
  <c r="AC131321" i="1"/>
  <c r="AC131322" i="1"/>
  <c r="AC131323" i="1"/>
  <c r="AC131324" i="1"/>
  <c r="AC131325" i="1"/>
  <c r="AC131326" i="1"/>
  <c r="AC131327" i="1"/>
  <c r="AC131328" i="1"/>
  <c r="AC131329" i="1"/>
  <c r="AC131330" i="1"/>
  <c r="AC131331" i="1"/>
  <c r="AC131332" i="1"/>
  <c r="AC131333" i="1"/>
  <c r="AC131334" i="1"/>
  <c r="AC131335" i="1"/>
  <c r="AC131336" i="1"/>
  <c r="AC131337" i="1"/>
  <c r="AC131338" i="1"/>
  <c r="AC131339" i="1"/>
  <c r="AC131340" i="1"/>
  <c r="AC131341" i="1"/>
  <c r="AC131342" i="1"/>
  <c r="AC131343" i="1"/>
  <c r="AC131344" i="1"/>
  <c r="AC131345" i="1"/>
  <c r="AC131346" i="1"/>
  <c r="AC131347" i="1"/>
  <c r="AC131348" i="1"/>
  <c r="AC131349" i="1"/>
  <c r="AC131350" i="1"/>
  <c r="AC131351" i="1"/>
  <c r="AC131352" i="1"/>
  <c r="AC131353" i="1"/>
  <c r="AC131354" i="1"/>
  <c r="AC131355" i="1"/>
  <c r="AC131356" i="1"/>
  <c r="AC131357" i="1"/>
  <c r="AC131358" i="1"/>
  <c r="AC131359" i="1"/>
  <c r="AC131360" i="1"/>
  <c r="AC131361" i="1"/>
  <c r="AC131362" i="1"/>
  <c r="AC131363" i="1"/>
  <c r="AC131364" i="1"/>
  <c r="AC131365" i="1"/>
  <c r="AC131366" i="1"/>
  <c r="AC131367" i="1"/>
  <c r="AC131368" i="1"/>
  <c r="AC131369" i="1"/>
  <c r="AC131370" i="1"/>
  <c r="AC131371" i="1"/>
  <c r="AC131372" i="1"/>
  <c r="AC131373" i="1"/>
  <c r="AC131374" i="1"/>
  <c r="AC131375" i="1"/>
  <c r="AC131376" i="1"/>
  <c r="AC131377" i="1"/>
  <c r="AC131378" i="1"/>
  <c r="AC131379" i="1"/>
  <c r="AC131380" i="1"/>
  <c r="AC131381" i="1"/>
  <c r="AC131382" i="1"/>
  <c r="AC131383" i="1"/>
  <c r="AC131384" i="1"/>
  <c r="AC131385" i="1"/>
  <c r="AC131386" i="1"/>
  <c r="AC131387" i="1"/>
  <c r="AC131388" i="1"/>
  <c r="AC131389" i="1"/>
  <c r="AC131390" i="1"/>
  <c r="AC131391" i="1"/>
  <c r="AC131392" i="1"/>
  <c r="AC131393" i="1"/>
  <c r="AC131394" i="1"/>
  <c r="AC131395" i="1"/>
  <c r="AC131396" i="1"/>
  <c r="AC131397" i="1"/>
  <c r="AC131398" i="1"/>
  <c r="AC131399" i="1"/>
  <c r="AC131400" i="1"/>
  <c r="AC131401" i="1"/>
  <c r="AC131402" i="1"/>
  <c r="AC131403" i="1"/>
  <c r="AC131404" i="1"/>
  <c r="AC131405" i="1"/>
  <c r="AC131406" i="1"/>
  <c r="AC131407" i="1"/>
  <c r="AC131408" i="1"/>
  <c r="AC131409" i="1"/>
  <c r="AC131410" i="1"/>
  <c r="AC131411" i="1"/>
  <c r="AC131412" i="1"/>
  <c r="AC131413" i="1"/>
  <c r="AC131414" i="1"/>
  <c r="AC131415" i="1"/>
  <c r="AC131416" i="1"/>
  <c r="AC131417" i="1"/>
  <c r="AC131418" i="1"/>
  <c r="AC131419" i="1"/>
  <c r="AC131420" i="1"/>
  <c r="AC131421" i="1"/>
  <c r="AC131422" i="1"/>
  <c r="AC131423" i="1"/>
  <c r="AC131424" i="1"/>
  <c r="AC131425" i="1"/>
  <c r="AC131426" i="1"/>
  <c r="AC131427" i="1"/>
  <c r="AC131428" i="1"/>
  <c r="AC131429" i="1"/>
  <c r="AC131430" i="1"/>
  <c r="AC131431" i="1"/>
  <c r="AC131432" i="1"/>
  <c r="AC131433" i="1"/>
  <c r="AC131434" i="1"/>
  <c r="AC131435" i="1"/>
  <c r="AC131436" i="1"/>
  <c r="AC131437" i="1"/>
  <c r="AC131438" i="1"/>
  <c r="AC131439" i="1"/>
  <c r="AC131440" i="1"/>
  <c r="AC131441" i="1"/>
  <c r="AC131442" i="1"/>
  <c r="AC131443" i="1"/>
  <c r="AC131444" i="1"/>
  <c r="AC131445" i="1"/>
  <c r="AC131446" i="1"/>
  <c r="AC131447" i="1"/>
  <c r="AC131448" i="1"/>
  <c r="AC131449" i="1"/>
  <c r="AC131450" i="1"/>
  <c r="AC131451" i="1"/>
  <c r="AC131452" i="1"/>
  <c r="AC131453" i="1"/>
  <c r="AC131454" i="1"/>
  <c r="AC131455" i="1"/>
  <c r="AC131456" i="1"/>
  <c r="AC131457" i="1"/>
  <c r="AC131458" i="1"/>
  <c r="AC131459" i="1"/>
  <c r="AC131460" i="1"/>
  <c r="AC131461" i="1"/>
  <c r="AC131462" i="1"/>
  <c r="AC131463" i="1"/>
  <c r="AC131464" i="1"/>
  <c r="AC131465" i="1"/>
  <c r="AC131466" i="1"/>
  <c r="AC131467" i="1"/>
  <c r="AC131468" i="1"/>
  <c r="AC131469" i="1"/>
  <c r="AC131470" i="1"/>
  <c r="AC131471" i="1"/>
  <c r="AC131472" i="1"/>
  <c r="AC131473" i="1"/>
  <c r="AC131474" i="1"/>
  <c r="AC131475" i="1"/>
  <c r="AC131476" i="1"/>
  <c r="AC131477" i="1"/>
  <c r="AC131478" i="1"/>
  <c r="AC131479" i="1"/>
  <c r="AC131480" i="1"/>
  <c r="AC131481" i="1"/>
  <c r="AC131482" i="1"/>
  <c r="AC131483" i="1"/>
  <c r="AC131484" i="1"/>
  <c r="AC131485" i="1"/>
  <c r="AC131486" i="1"/>
  <c r="AC131487" i="1"/>
  <c r="AC131488" i="1"/>
  <c r="AC131489" i="1"/>
  <c r="AC131490" i="1"/>
  <c r="AC131491" i="1"/>
  <c r="AC131492" i="1"/>
  <c r="AC131493" i="1"/>
  <c r="AC131494" i="1"/>
  <c r="AC131495" i="1"/>
  <c r="AC131496" i="1"/>
  <c r="AC131497" i="1"/>
  <c r="AC131498" i="1"/>
  <c r="AC131499" i="1"/>
  <c r="AC131500" i="1"/>
  <c r="AC131501" i="1"/>
  <c r="AC131502" i="1"/>
  <c r="AC131503" i="1"/>
  <c r="AC131504" i="1"/>
  <c r="AC131505" i="1"/>
  <c r="AC131506" i="1"/>
  <c r="AC131507" i="1"/>
  <c r="AC131508" i="1"/>
  <c r="AC131509" i="1"/>
  <c r="AC131510" i="1"/>
  <c r="AC131511" i="1"/>
  <c r="AC131512" i="1"/>
  <c r="AC131513" i="1"/>
  <c r="AC131514" i="1"/>
  <c r="AC131515" i="1"/>
  <c r="AC131516" i="1"/>
  <c r="AC131517" i="1"/>
  <c r="AC131518" i="1"/>
  <c r="AC131519" i="1"/>
  <c r="AC131520" i="1"/>
  <c r="AC131521" i="1"/>
  <c r="AC131522" i="1"/>
  <c r="AC131523" i="1"/>
  <c r="AC131524" i="1"/>
  <c r="AC131525" i="1"/>
  <c r="AC131526" i="1"/>
  <c r="AC131527" i="1"/>
  <c r="AC131528" i="1"/>
  <c r="AC131529" i="1"/>
  <c r="AC131530" i="1"/>
  <c r="AC131531" i="1"/>
  <c r="AC131532" i="1"/>
  <c r="AC131533" i="1"/>
  <c r="AC131534" i="1"/>
  <c r="AC131535" i="1"/>
  <c r="AC131536" i="1"/>
  <c r="AC131537" i="1"/>
  <c r="AC131538" i="1"/>
  <c r="AC131539" i="1"/>
  <c r="AC131540" i="1"/>
  <c r="AC131541" i="1"/>
  <c r="AC131542" i="1"/>
  <c r="AC131543" i="1"/>
  <c r="AC131544" i="1"/>
  <c r="AC131545" i="1"/>
  <c r="AC131546" i="1"/>
  <c r="AC131547" i="1"/>
  <c r="AC131548" i="1"/>
  <c r="AC131549" i="1"/>
  <c r="AC131550" i="1"/>
  <c r="AC131551" i="1"/>
  <c r="AC131552" i="1"/>
  <c r="AC131553" i="1"/>
  <c r="AC131554" i="1"/>
  <c r="AC131555" i="1"/>
  <c r="AC131556" i="1"/>
  <c r="AC131557" i="1"/>
  <c r="AC131558" i="1"/>
  <c r="AC131559" i="1"/>
  <c r="AC131560" i="1"/>
  <c r="AC131561" i="1"/>
  <c r="AC131562" i="1"/>
  <c r="AC131563" i="1"/>
  <c r="AC131564" i="1"/>
  <c r="AC131565" i="1"/>
  <c r="AC131566" i="1"/>
  <c r="AC131567" i="1"/>
  <c r="AC131568" i="1"/>
  <c r="AC131569" i="1"/>
  <c r="AC131570" i="1"/>
  <c r="AC131571" i="1"/>
  <c r="AC131572" i="1"/>
  <c r="AC131573" i="1"/>
  <c r="AC131574" i="1"/>
  <c r="AC131575" i="1"/>
  <c r="AC131576" i="1"/>
  <c r="AC131577" i="1"/>
  <c r="AC131578" i="1"/>
  <c r="AC131579" i="1"/>
  <c r="AC131580" i="1"/>
  <c r="AC131581" i="1"/>
  <c r="AC131582" i="1"/>
  <c r="AC131583" i="1"/>
  <c r="AC131584" i="1"/>
  <c r="AC131585" i="1"/>
  <c r="AC131586" i="1"/>
  <c r="AC131587" i="1"/>
  <c r="AC131588" i="1"/>
  <c r="AC131589" i="1"/>
  <c r="AC131590" i="1"/>
  <c r="AC131591" i="1"/>
  <c r="AC131592" i="1"/>
  <c r="AC131593" i="1"/>
  <c r="AC131594" i="1"/>
  <c r="AC131595" i="1"/>
  <c r="AC131596" i="1"/>
  <c r="AC131597" i="1"/>
  <c r="AC131598" i="1"/>
  <c r="AC131599" i="1"/>
  <c r="AC131600" i="1"/>
  <c r="AC131601" i="1"/>
  <c r="AC131602" i="1"/>
  <c r="AC131603" i="1"/>
  <c r="AC131604" i="1"/>
  <c r="AC131605" i="1"/>
  <c r="AC131606" i="1"/>
  <c r="AC131607" i="1"/>
  <c r="AC131608" i="1"/>
  <c r="AC131609" i="1"/>
  <c r="AC131610" i="1"/>
  <c r="AC131611" i="1"/>
  <c r="AC131612" i="1"/>
  <c r="AC131613" i="1"/>
  <c r="AC131614" i="1"/>
  <c r="AC131615" i="1"/>
  <c r="AC131616" i="1"/>
  <c r="AC131617" i="1"/>
  <c r="AC131618" i="1"/>
  <c r="AC131619" i="1"/>
  <c r="AC131620" i="1"/>
  <c r="AC131621" i="1"/>
  <c r="AC131622" i="1"/>
  <c r="AC131623" i="1"/>
  <c r="AC131624" i="1"/>
  <c r="AC131625" i="1"/>
  <c r="AC131626" i="1"/>
  <c r="AC131627" i="1"/>
  <c r="AC131628" i="1"/>
  <c r="AC131629" i="1"/>
  <c r="AC131630" i="1"/>
  <c r="AC131631" i="1"/>
  <c r="AC131632" i="1"/>
  <c r="AC131633" i="1"/>
  <c r="AC131634" i="1"/>
  <c r="AC131635" i="1"/>
  <c r="AC131636" i="1"/>
  <c r="AC131637" i="1"/>
  <c r="AC131638" i="1"/>
  <c r="AC131639" i="1"/>
  <c r="AC131640" i="1"/>
  <c r="AC131641" i="1"/>
  <c r="AC131642" i="1"/>
  <c r="AC131643" i="1"/>
  <c r="AC131644" i="1"/>
  <c r="AC131645" i="1"/>
  <c r="AC131646" i="1"/>
  <c r="AC131647" i="1"/>
  <c r="AC131648" i="1"/>
  <c r="AC131649" i="1"/>
  <c r="AC131650" i="1"/>
  <c r="AC131651" i="1"/>
  <c r="AC131652" i="1"/>
  <c r="AC131653" i="1"/>
  <c r="AC131654" i="1"/>
  <c r="AC131655" i="1"/>
  <c r="AC131656" i="1"/>
  <c r="AC131657" i="1"/>
  <c r="AC131658" i="1"/>
  <c r="AC131659" i="1"/>
  <c r="AC131660" i="1"/>
  <c r="AC131661" i="1"/>
  <c r="AC131662" i="1"/>
  <c r="AC131663" i="1"/>
  <c r="AC131664" i="1"/>
  <c r="AC131665" i="1"/>
  <c r="AC131666" i="1"/>
  <c r="AC131667" i="1"/>
  <c r="AC131668" i="1"/>
  <c r="AC131669" i="1"/>
  <c r="AC131670" i="1"/>
  <c r="AC131671" i="1"/>
  <c r="AC131672" i="1"/>
  <c r="AC131673" i="1"/>
  <c r="AC131674" i="1"/>
  <c r="AC131675" i="1"/>
  <c r="AC131676" i="1"/>
  <c r="AC131677" i="1"/>
  <c r="AC131678" i="1"/>
  <c r="AC131679" i="1"/>
  <c r="AC131680" i="1"/>
  <c r="AC131681" i="1"/>
  <c r="AC131682" i="1"/>
  <c r="AC131683" i="1"/>
  <c r="AC131684" i="1"/>
  <c r="AC131685" i="1"/>
  <c r="AC131686" i="1"/>
  <c r="AC131687" i="1"/>
  <c r="AC131688" i="1"/>
  <c r="AC131689" i="1"/>
  <c r="AC131690" i="1"/>
  <c r="AC131691" i="1"/>
  <c r="AC131692" i="1"/>
  <c r="AC131693" i="1"/>
  <c r="AC131694" i="1"/>
  <c r="AC131695" i="1"/>
  <c r="AC131696" i="1"/>
  <c r="AC131697" i="1"/>
  <c r="AC131698" i="1"/>
  <c r="AC131699" i="1"/>
  <c r="AC131700" i="1"/>
  <c r="AC131701" i="1"/>
  <c r="AC131702" i="1"/>
  <c r="AC131703" i="1"/>
  <c r="AC131704" i="1"/>
  <c r="AC131705" i="1"/>
  <c r="AC131706" i="1"/>
  <c r="AC131707" i="1"/>
  <c r="AC131708" i="1"/>
  <c r="AC131709" i="1"/>
  <c r="AC131710" i="1"/>
  <c r="AC131711" i="1"/>
  <c r="AC131712" i="1"/>
  <c r="AC131713" i="1"/>
  <c r="AC131714" i="1"/>
  <c r="AC131715" i="1"/>
  <c r="AC131716" i="1"/>
  <c r="AC131717" i="1"/>
  <c r="AC131718" i="1"/>
  <c r="AC131719" i="1"/>
  <c r="AC131720" i="1"/>
  <c r="AC131721" i="1"/>
  <c r="AC131722" i="1"/>
  <c r="AC131723" i="1"/>
  <c r="AC131724" i="1"/>
  <c r="AC131725" i="1"/>
  <c r="AC131726" i="1"/>
  <c r="AC131727" i="1"/>
  <c r="AC131728" i="1"/>
  <c r="AC131729" i="1"/>
  <c r="AC131730" i="1"/>
  <c r="AC131731" i="1"/>
  <c r="AC131732" i="1"/>
  <c r="AC131733" i="1"/>
  <c r="AC131734" i="1"/>
  <c r="AC131735" i="1"/>
  <c r="AC131736" i="1"/>
  <c r="AC131737" i="1"/>
  <c r="AC131738" i="1"/>
  <c r="AC131739" i="1"/>
  <c r="AC131740" i="1"/>
  <c r="AC131741" i="1"/>
  <c r="AC131742" i="1"/>
  <c r="AC131743" i="1"/>
  <c r="AC131744" i="1"/>
  <c r="AC131745" i="1"/>
  <c r="AC131746" i="1"/>
  <c r="AC131747" i="1"/>
  <c r="AC131748" i="1"/>
  <c r="AC131749" i="1"/>
  <c r="AC131750" i="1"/>
  <c r="AC131751" i="1"/>
  <c r="AC131752" i="1"/>
  <c r="AC131753" i="1"/>
  <c r="AC131754" i="1"/>
  <c r="AC131755" i="1"/>
  <c r="AC131756" i="1"/>
  <c r="AC131757" i="1"/>
  <c r="AC131758" i="1"/>
  <c r="AC131759" i="1"/>
  <c r="AC131760" i="1"/>
  <c r="AC131761" i="1"/>
  <c r="AC131762" i="1"/>
  <c r="AC131763" i="1"/>
  <c r="AC131764" i="1"/>
  <c r="AC131765" i="1"/>
  <c r="AC131766" i="1"/>
  <c r="AC131767" i="1"/>
  <c r="AC131768" i="1"/>
  <c r="AC131769" i="1"/>
  <c r="AC131770" i="1"/>
  <c r="AC131771" i="1"/>
  <c r="AC131772" i="1"/>
  <c r="AC131773" i="1"/>
  <c r="AC131774" i="1"/>
  <c r="AC131775" i="1"/>
  <c r="AC131776" i="1"/>
  <c r="AC131777" i="1"/>
  <c r="AC131778" i="1"/>
  <c r="AC131779" i="1"/>
  <c r="AC131780" i="1"/>
  <c r="AC131781" i="1"/>
  <c r="AC131782" i="1"/>
  <c r="AC131783" i="1"/>
  <c r="AC131784" i="1"/>
  <c r="AC131785" i="1"/>
  <c r="AC131786" i="1"/>
  <c r="AC131787" i="1"/>
  <c r="AC131788" i="1"/>
  <c r="AC131789" i="1"/>
  <c r="AC131790" i="1"/>
  <c r="AC131791" i="1"/>
  <c r="AC131792" i="1"/>
  <c r="AC131793" i="1"/>
  <c r="AC131794" i="1"/>
  <c r="AC131795" i="1"/>
  <c r="AC131796" i="1"/>
  <c r="AC131797" i="1"/>
  <c r="AC131798" i="1"/>
  <c r="AC131799" i="1"/>
  <c r="AC131800" i="1"/>
  <c r="AC131801" i="1"/>
  <c r="AC131802" i="1"/>
  <c r="AC131803" i="1"/>
  <c r="AC131804" i="1"/>
  <c r="AC131805" i="1"/>
  <c r="AC131806" i="1"/>
  <c r="AC131807" i="1"/>
  <c r="AC131808" i="1"/>
  <c r="AC131809" i="1"/>
  <c r="AC131810" i="1"/>
  <c r="AC131811" i="1"/>
  <c r="AC131812" i="1"/>
  <c r="AC131813" i="1"/>
  <c r="AC131814" i="1"/>
  <c r="AC131815" i="1"/>
  <c r="AC131816" i="1"/>
  <c r="AC131817" i="1"/>
  <c r="AC131818" i="1"/>
  <c r="AC131819" i="1"/>
  <c r="AC131820" i="1"/>
  <c r="AC131821" i="1"/>
  <c r="AC131822" i="1"/>
  <c r="AC131823" i="1"/>
  <c r="AC131824" i="1"/>
  <c r="AC131825" i="1"/>
  <c r="AC131826" i="1"/>
  <c r="AC131827" i="1"/>
  <c r="AC131828" i="1"/>
  <c r="AC131829" i="1"/>
  <c r="AC131830" i="1"/>
  <c r="AC131831" i="1"/>
  <c r="AC131832" i="1"/>
  <c r="AC131833" i="1"/>
  <c r="AC131834" i="1"/>
  <c r="AC131835" i="1"/>
  <c r="AC131836" i="1"/>
  <c r="AC131837" i="1"/>
  <c r="AC131838" i="1"/>
  <c r="AC131839" i="1"/>
  <c r="AC131840" i="1"/>
  <c r="AC131841" i="1"/>
  <c r="AC131842" i="1"/>
  <c r="AC131843" i="1"/>
  <c r="AC131844" i="1"/>
  <c r="AC131845" i="1"/>
  <c r="AC131846" i="1"/>
  <c r="AC131847" i="1"/>
  <c r="AC131848" i="1"/>
  <c r="AC131849" i="1"/>
  <c r="AC131850" i="1"/>
  <c r="AC131851" i="1"/>
  <c r="AC131852" i="1"/>
  <c r="AC131853" i="1"/>
  <c r="AC131854" i="1"/>
  <c r="AC131855" i="1"/>
  <c r="AC131856" i="1"/>
  <c r="AC131857" i="1"/>
  <c r="AC131858" i="1"/>
  <c r="AC131859" i="1"/>
  <c r="AC131860" i="1"/>
  <c r="AC131861" i="1"/>
  <c r="AC131862" i="1"/>
  <c r="AC131863" i="1"/>
  <c r="AC131864" i="1"/>
  <c r="AC131865" i="1"/>
  <c r="AC131866" i="1"/>
  <c r="AC131867" i="1"/>
  <c r="AC131868" i="1"/>
  <c r="AC131869" i="1"/>
  <c r="AC131870" i="1"/>
  <c r="AC131871" i="1"/>
  <c r="AC131872" i="1"/>
  <c r="AC131873" i="1"/>
  <c r="AC131874" i="1"/>
  <c r="AC131875" i="1"/>
  <c r="AC131876" i="1"/>
  <c r="AC131877" i="1"/>
  <c r="AC131878" i="1"/>
  <c r="AC131879" i="1"/>
  <c r="AC131880" i="1"/>
  <c r="AC131881" i="1"/>
  <c r="AC131882" i="1"/>
  <c r="AC131883" i="1"/>
  <c r="AC131884" i="1"/>
  <c r="AC131885" i="1"/>
  <c r="AC131886" i="1"/>
  <c r="AC131887" i="1"/>
  <c r="AC131888" i="1"/>
  <c r="AC131889" i="1"/>
  <c r="AC131890" i="1"/>
  <c r="AC131891" i="1"/>
  <c r="AC131892" i="1"/>
  <c r="AC131893" i="1"/>
  <c r="AC131894" i="1"/>
  <c r="AC131895" i="1"/>
  <c r="AC131896" i="1"/>
  <c r="AC131897" i="1"/>
  <c r="AC131898" i="1"/>
  <c r="AC131899" i="1"/>
  <c r="AC131900" i="1"/>
  <c r="AC131901" i="1"/>
  <c r="AC131902" i="1"/>
  <c r="AC131903" i="1"/>
  <c r="AC131904" i="1"/>
  <c r="AC131905" i="1"/>
  <c r="AC131906" i="1"/>
  <c r="AC131907" i="1"/>
  <c r="AC131908" i="1"/>
  <c r="AC131909" i="1"/>
  <c r="AC131910" i="1"/>
  <c r="AC131911" i="1"/>
  <c r="AC131912" i="1"/>
  <c r="AC131913" i="1"/>
  <c r="AC131914" i="1"/>
  <c r="AC131915" i="1"/>
  <c r="AC131916" i="1"/>
  <c r="AC131917" i="1"/>
  <c r="AC131918" i="1"/>
  <c r="AC131919" i="1"/>
  <c r="AC131920" i="1"/>
  <c r="AC131921" i="1"/>
  <c r="AC131922" i="1"/>
  <c r="AC131923" i="1"/>
  <c r="AC131924" i="1"/>
  <c r="AC131925" i="1"/>
  <c r="AC131926" i="1"/>
  <c r="AC131927" i="1"/>
  <c r="AC131928" i="1"/>
  <c r="AC131929" i="1"/>
  <c r="AC131930" i="1"/>
  <c r="AC131931" i="1"/>
  <c r="AC131932" i="1"/>
  <c r="AC131933" i="1"/>
  <c r="AC131934" i="1"/>
  <c r="AC131935" i="1"/>
  <c r="AC131936" i="1"/>
  <c r="AC131937" i="1"/>
  <c r="AC131938" i="1"/>
  <c r="AC131939" i="1"/>
  <c r="AC131940" i="1"/>
  <c r="AC131941" i="1"/>
  <c r="AC131942" i="1"/>
  <c r="AC131943" i="1"/>
  <c r="AC131944" i="1"/>
  <c r="AC131945" i="1"/>
  <c r="AC131946" i="1"/>
  <c r="AC131947" i="1"/>
  <c r="AC131948" i="1"/>
  <c r="AC131949" i="1"/>
  <c r="AC131950" i="1"/>
  <c r="AC131951" i="1"/>
  <c r="AC131952" i="1"/>
  <c r="AC131953" i="1"/>
  <c r="AC131954" i="1"/>
  <c r="AC131955" i="1"/>
  <c r="AC131956" i="1"/>
  <c r="AC131957" i="1"/>
  <c r="AC131958" i="1"/>
  <c r="AC131959" i="1"/>
  <c r="AC131960" i="1"/>
  <c r="AC131961" i="1"/>
  <c r="AC131962" i="1"/>
  <c r="AC131963" i="1"/>
  <c r="AC131964" i="1"/>
  <c r="AC131965" i="1"/>
  <c r="AC131966" i="1"/>
  <c r="AC131967" i="1"/>
  <c r="AC131968" i="1"/>
  <c r="AC131969" i="1"/>
  <c r="AC131970" i="1"/>
  <c r="AC131971" i="1"/>
  <c r="AC131972" i="1"/>
  <c r="AC131973" i="1"/>
  <c r="AC131974" i="1"/>
  <c r="AC131975" i="1"/>
  <c r="AC131976" i="1"/>
  <c r="AC131977" i="1"/>
  <c r="AC131978" i="1"/>
  <c r="AC131979" i="1"/>
  <c r="AC131980" i="1"/>
  <c r="AC131981" i="1"/>
  <c r="AC131982" i="1"/>
  <c r="AC131983" i="1"/>
  <c r="AC131984" i="1"/>
  <c r="AC131985" i="1"/>
  <c r="AC131986" i="1"/>
  <c r="AC131987" i="1"/>
  <c r="AC131988" i="1"/>
  <c r="AC131989" i="1"/>
  <c r="AC131990" i="1"/>
  <c r="AC131991" i="1"/>
  <c r="AC131992" i="1"/>
  <c r="AC131993" i="1"/>
  <c r="AC131994" i="1"/>
  <c r="AC131995" i="1"/>
  <c r="AC131996" i="1"/>
  <c r="AC131997" i="1"/>
  <c r="AC131998" i="1"/>
  <c r="AC131999" i="1"/>
  <c r="AC132000" i="1"/>
  <c r="AC132001" i="1"/>
  <c r="AC132002" i="1"/>
  <c r="AC132003" i="1"/>
  <c r="AC132004" i="1"/>
  <c r="AC132005" i="1"/>
  <c r="AC132006" i="1"/>
  <c r="AC132007" i="1"/>
  <c r="AC132008" i="1"/>
  <c r="AC132009" i="1"/>
  <c r="AC132010" i="1"/>
  <c r="AC132011" i="1"/>
  <c r="AC132012" i="1"/>
  <c r="AC132013" i="1"/>
  <c r="AC132014" i="1"/>
  <c r="AC132015" i="1"/>
  <c r="AC132016" i="1"/>
  <c r="AC132017" i="1"/>
  <c r="AC132018" i="1"/>
  <c r="AC132019" i="1"/>
  <c r="AC132020" i="1"/>
  <c r="AC132021" i="1"/>
  <c r="AC132022" i="1"/>
  <c r="AC132023" i="1"/>
  <c r="AC132024" i="1"/>
  <c r="AC132025" i="1"/>
  <c r="AC132026" i="1"/>
  <c r="AC132027" i="1"/>
  <c r="AC132028" i="1"/>
  <c r="AC132029" i="1"/>
  <c r="AC132030" i="1"/>
  <c r="AC132031" i="1"/>
  <c r="AC132032" i="1"/>
  <c r="AC132033" i="1"/>
  <c r="AC132034" i="1"/>
  <c r="AC132035" i="1"/>
  <c r="AC132036" i="1"/>
  <c r="AC132037" i="1"/>
  <c r="AC132038" i="1"/>
  <c r="AC132039" i="1"/>
  <c r="AC132040" i="1"/>
  <c r="AC132041" i="1"/>
  <c r="AC132042" i="1"/>
  <c r="AC132043" i="1"/>
  <c r="AC132044" i="1"/>
  <c r="AC132045" i="1"/>
  <c r="AC132046" i="1"/>
  <c r="AC132047" i="1"/>
  <c r="AC132048" i="1"/>
  <c r="AC132049" i="1"/>
  <c r="AC132050" i="1"/>
  <c r="AC132051" i="1"/>
  <c r="AC132052" i="1"/>
  <c r="AC132053" i="1"/>
  <c r="AC132054" i="1"/>
  <c r="AC132055" i="1"/>
  <c r="AC132056" i="1"/>
  <c r="AC132057" i="1"/>
  <c r="AC132058" i="1"/>
  <c r="AC132059" i="1"/>
  <c r="AC132060" i="1"/>
  <c r="AC132061" i="1"/>
  <c r="AC132062" i="1"/>
  <c r="AC132063" i="1"/>
  <c r="AC132064" i="1"/>
  <c r="AC132065" i="1"/>
  <c r="AC132066" i="1"/>
  <c r="AC132067" i="1"/>
  <c r="AC132068" i="1"/>
  <c r="AC132069" i="1"/>
  <c r="AC132070" i="1"/>
  <c r="AC132071" i="1"/>
  <c r="AC132072" i="1"/>
  <c r="AC132073" i="1"/>
  <c r="AC132074" i="1"/>
  <c r="AC132075" i="1"/>
  <c r="AC132076" i="1"/>
  <c r="AC132077" i="1"/>
  <c r="AC132078" i="1"/>
  <c r="AC132079" i="1"/>
  <c r="AC132080" i="1"/>
  <c r="AC132081" i="1"/>
  <c r="AC132082" i="1"/>
  <c r="AC132083" i="1"/>
  <c r="AC132084" i="1"/>
  <c r="AC132085" i="1"/>
  <c r="AC132086" i="1"/>
  <c r="AC132087" i="1"/>
  <c r="AC132088" i="1"/>
  <c r="AC132089" i="1"/>
  <c r="AC132090" i="1"/>
  <c r="AC132091" i="1"/>
  <c r="AC132092" i="1"/>
  <c r="AC132093" i="1"/>
  <c r="AC132094" i="1"/>
  <c r="AC132095" i="1"/>
  <c r="AC132096" i="1"/>
  <c r="AC132097" i="1"/>
  <c r="AC132098" i="1"/>
  <c r="AC132099" i="1"/>
  <c r="AC132100" i="1"/>
  <c r="AC132101" i="1"/>
  <c r="AC132102" i="1"/>
  <c r="AC132103" i="1"/>
  <c r="AC132104" i="1"/>
  <c r="AC132105" i="1"/>
  <c r="AC132106" i="1"/>
  <c r="AC132107" i="1"/>
  <c r="AC132108" i="1"/>
  <c r="AC132109" i="1"/>
  <c r="AC132110" i="1"/>
  <c r="AC132111" i="1"/>
  <c r="AC132112" i="1"/>
  <c r="AC132113" i="1"/>
  <c r="AC132114" i="1"/>
  <c r="AC132115" i="1"/>
  <c r="AC132116" i="1"/>
  <c r="AC132117" i="1"/>
  <c r="AC132118" i="1"/>
  <c r="AC132119" i="1"/>
  <c r="AC132120" i="1"/>
  <c r="AC132121" i="1"/>
  <c r="AC132122" i="1"/>
  <c r="AC132123" i="1"/>
  <c r="AC132124" i="1"/>
  <c r="AC132125" i="1"/>
  <c r="AC132126" i="1"/>
  <c r="AC132127" i="1"/>
  <c r="AC132128" i="1"/>
  <c r="AC132129" i="1"/>
  <c r="AC132130" i="1"/>
  <c r="AC132131" i="1"/>
  <c r="AC132132" i="1"/>
  <c r="AC132133" i="1"/>
  <c r="AC132134" i="1"/>
  <c r="AC132135" i="1"/>
  <c r="AC132136" i="1"/>
  <c r="AC132137" i="1"/>
  <c r="AC132138" i="1"/>
  <c r="AC132139" i="1"/>
  <c r="AC132140" i="1"/>
  <c r="AC132141" i="1"/>
  <c r="AC132142" i="1"/>
  <c r="AC132143" i="1"/>
  <c r="AC132144" i="1"/>
  <c r="AC132145" i="1"/>
  <c r="AC132146" i="1"/>
  <c r="AC132147" i="1"/>
  <c r="AC132148" i="1"/>
  <c r="AC132149" i="1"/>
  <c r="AC132150" i="1"/>
  <c r="AC132151" i="1"/>
  <c r="AC132152" i="1"/>
  <c r="AC132153" i="1"/>
  <c r="AC132154" i="1"/>
  <c r="AC132155" i="1"/>
  <c r="AC132156" i="1"/>
  <c r="AC132157" i="1"/>
  <c r="AC132158" i="1"/>
  <c r="AC132159" i="1"/>
  <c r="AC132160" i="1"/>
  <c r="AC132161" i="1"/>
  <c r="AC132162" i="1"/>
  <c r="AC132163" i="1"/>
  <c r="AC132164" i="1"/>
  <c r="AC132165" i="1"/>
  <c r="AC132166" i="1"/>
  <c r="AC132167" i="1"/>
  <c r="AC132168" i="1"/>
  <c r="AC132169" i="1"/>
  <c r="AC132170" i="1"/>
  <c r="AC132171" i="1"/>
  <c r="AC132172" i="1"/>
  <c r="AC132173" i="1"/>
  <c r="AC132174" i="1"/>
  <c r="AC132175" i="1"/>
  <c r="AC132176" i="1"/>
  <c r="AC132177" i="1"/>
  <c r="AC132178" i="1"/>
  <c r="AC132179" i="1"/>
  <c r="AC132180" i="1"/>
  <c r="AC132181" i="1"/>
  <c r="AC132182" i="1"/>
  <c r="AC132183" i="1"/>
  <c r="AC132184" i="1"/>
  <c r="AC132185" i="1"/>
  <c r="AC132186" i="1"/>
  <c r="AC132187" i="1"/>
  <c r="AC132188" i="1"/>
  <c r="AC132189" i="1"/>
  <c r="AC132190" i="1"/>
  <c r="AC132191" i="1"/>
  <c r="AC132192" i="1"/>
  <c r="AC132193" i="1"/>
  <c r="AC132194" i="1"/>
  <c r="AC132195" i="1"/>
  <c r="AC132196" i="1"/>
  <c r="AC132197" i="1"/>
  <c r="AC132198" i="1"/>
  <c r="AC132199" i="1"/>
  <c r="AC132200" i="1"/>
  <c r="AC132201" i="1"/>
  <c r="AC132202" i="1"/>
  <c r="AC132203" i="1"/>
  <c r="AC132204" i="1"/>
  <c r="AC132205" i="1"/>
  <c r="AC132206" i="1"/>
  <c r="AC132207" i="1"/>
  <c r="AC132208" i="1"/>
  <c r="AC132209" i="1"/>
  <c r="AC132210" i="1"/>
  <c r="AC132211" i="1"/>
  <c r="AC132212" i="1"/>
  <c r="AC132213" i="1"/>
  <c r="AC132214" i="1"/>
  <c r="AC132215" i="1"/>
  <c r="AC132216" i="1"/>
  <c r="AC132217" i="1"/>
  <c r="AC132218" i="1"/>
  <c r="AC132219" i="1"/>
  <c r="AC132220" i="1"/>
  <c r="AC132221" i="1"/>
  <c r="AC132222" i="1"/>
  <c r="AC132223" i="1"/>
  <c r="AC132224" i="1"/>
  <c r="AC132225" i="1"/>
  <c r="AC132226" i="1"/>
  <c r="AC132227" i="1"/>
  <c r="AC132228" i="1"/>
  <c r="AC132229" i="1"/>
  <c r="AC132230" i="1"/>
  <c r="AC132231" i="1"/>
  <c r="AC132232" i="1"/>
  <c r="AC132233" i="1"/>
  <c r="AC132234" i="1"/>
  <c r="AC132235" i="1"/>
  <c r="AC132236" i="1"/>
  <c r="AC132237" i="1"/>
  <c r="AC132238" i="1"/>
  <c r="AC132239" i="1"/>
  <c r="AC132240" i="1"/>
  <c r="AC132241" i="1"/>
  <c r="AC132242" i="1"/>
  <c r="AC132243" i="1"/>
  <c r="AC132244" i="1"/>
  <c r="AC132245" i="1"/>
  <c r="AC132246" i="1"/>
  <c r="AC132247" i="1"/>
  <c r="AC132248" i="1"/>
  <c r="AC132249" i="1"/>
  <c r="AC132250" i="1"/>
  <c r="AC132251" i="1"/>
  <c r="AC132252" i="1"/>
  <c r="AC132253" i="1"/>
  <c r="AC132254" i="1"/>
  <c r="AC132255" i="1"/>
  <c r="AC132256" i="1"/>
  <c r="AC132257" i="1"/>
  <c r="AC132258" i="1"/>
  <c r="AC132259" i="1"/>
  <c r="AC132260" i="1"/>
  <c r="AC132261" i="1"/>
  <c r="AC132262" i="1"/>
  <c r="AC132263" i="1"/>
  <c r="AC132264" i="1"/>
  <c r="AC132265" i="1"/>
  <c r="AC132266" i="1"/>
  <c r="AC132267" i="1"/>
  <c r="AC132268" i="1"/>
  <c r="AC132269" i="1"/>
  <c r="AC132270" i="1"/>
  <c r="AC132271" i="1"/>
  <c r="AC132272" i="1"/>
  <c r="AC132273" i="1"/>
  <c r="AC132274" i="1"/>
  <c r="AC132275" i="1"/>
  <c r="AC132276" i="1"/>
  <c r="AC132277" i="1"/>
  <c r="AC132278" i="1"/>
  <c r="AC132279" i="1"/>
  <c r="AC132280" i="1"/>
  <c r="AC132281" i="1"/>
  <c r="AC132282" i="1"/>
  <c r="AC132283" i="1"/>
  <c r="AC132284" i="1"/>
  <c r="AC132285" i="1"/>
  <c r="AC132286" i="1"/>
  <c r="AC132287" i="1"/>
  <c r="AC132288" i="1"/>
  <c r="AC132289" i="1"/>
  <c r="AC132290" i="1"/>
  <c r="AC132291" i="1"/>
  <c r="AC132292" i="1"/>
  <c r="AC132293" i="1"/>
  <c r="AC132294" i="1"/>
  <c r="AC132295" i="1"/>
  <c r="AC132296" i="1"/>
  <c r="AC132297" i="1"/>
  <c r="AC132298" i="1"/>
  <c r="AC132299" i="1"/>
  <c r="AC132300" i="1"/>
  <c r="AC132301" i="1"/>
  <c r="AC132302" i="1"/>
  <c r="AC132303" i="1"/>
  <c r="AC132304" i="1"/>
  <c r="AC132305" i="1"/>
  <c r="AC132306" i="1"/>
  <c r="AC132307" i="1"/>
  <c r="AC132308" i="1"/>
  <c r="AC132309" i="1"/>
  <c r="AC132310" i="1"/>
  <c r="AC132311" i="1"/>
  <c r="AC132312" i="1"/>
  <c r="AC132313" i="1"/>
  <c r="AC132314" i="1"/>
  <c r="AC132315" i="1"/>
  <c r="AC132316" i="1"/>
  <c r="AC132317" i="1"/>
  <c r="AC132318" i="1"/>
  <c r="AC132319" i="1"/>
  <c r="AC132320" i="1"/>
  <c r="AC132321" i="1"/>
  <c r="AC132322" i="1"/>
  <c r="AC132323" i="1"/>
  <c r="AC132324" i="1"/>
  <c r="AC132325" i="1"/>
  <c r="AC132326" i="1"/>
  <c r="AC132327" i="1"/>
  <c r="AC132328" i="1"/>
  <c r="AC132329" i="1"/>
  <c r="AC132330" i="1"/>
  <c r="AC132331" i="1"/>
  <c r="AC132332" i="1"/>
  <c r="AC132333" i="1"/>
  <c r="AC132334" i="1"/>
  <c r="AC132335" i="1"/>
  <c r="AC132336" i="1"/>
  <c r="AC132337" i="1"/>
  <c r="AC132338" i="1"/>
  <c r="AC132339" i="1"/>
  <c r="AC132340" i="1"/>
  <c r="AC132341" i="1"/>
  <c r="AC132342" i="1"/>
  <c r="AC132343" i="1"/>
  <c r="AC132344" i="1"/>
  <c r="AC132345" i="1"/>
  <c r="AC132346" i="1"/>
  <c r="AC132347" i="1"/>
  <c r="AC132348" i="1"/>
  <c r="AC132349" i="1"/>
  <c r="AC132350" i="1"/>
  <c r="AC132351" i="1"/>
  <c r="AC132352" i="1"/>
  <c r="AC132353" i="1"/>
  <c r="AC132354" i="1"/>
  <c r="AC132355" i="1"/>
  <c r="AC132356" i="1"/>
  <c r="AC132357" i="1"/>
  <c r="AC132358" i="1"/>
  <c r="AC132359" i="1"/>
  <c r="AC132360" i="1"/>
  <c r="AC132361" i="1"/>
  <c r="AC132362" i="1"/>
  <c r="AC132363" i="1"/>
  <c r="AC132364" i="1"/>
  <c r="AC132365" i="1"/>
  <c r="AC132366" i="1"/>
  <c r="AC132367" i="1"/>
  <c r="AC132368" i="1"/>
  <c r="AC132369" i="1"/>
  <c r="AC132370" i="1"/>
  <c r="AC132371" i="1"/>
  <c r="AC132372" i="1"/>
  <c r="AC132373" i="1"/>
  <c r="AC132374" i="1"/>
  <c r="AC132375" i="1"/>
  <c r="AC132376" i="1"/>
  <c r="AC132377" i="1"/>
  <c r="AC132378" i="1"/>
  <c r="AC132379" i="1"/>
  <c r="AC132380" i="1"/>
  <c r="AC132381" i="1"/>
  <c r="AC132382" i="1"/>
  <c r="AC132383" i="1"/>
  <c r="AC132384" i="1"/>
  <c r="AC132385" i="1"/>
  <c r="AC132386" i="1"/>
  <c r="AC132387" i="1"/>
  <c r="AC132388" i="1"/>
  <c r="AC132389" i="1"/>
  <c r="AC132390" i="1"/>
  <c r="AC132391" i="1"/>
  <c r="AC132392" i="1"/>
  <c r="AC132393" i="1"/>
  <c r="AC132394" i="1"/>
  <c r="AC132395" i="1"/>
  <c r="AC132396" i="1"/>
  <c r="AC132397" i="1"/>
  <c r="AC132398" i="1"/>
  <c r="AC132399" i="1"/>
  <c r="AC132400" i="1"/>
  <c r="AC132401" i="1"/>
  <c r="AC132402" i="1"/>
  <c r="AC132403" i="1"/>
  <c r="AC132404" i="1"/>
  <c r="AC132405" i="1"/>
  <c r="AC132406" i="1"/>
  <c r="AC132407" i="1"/>
  <c r="AC132408" i="1"/>
  <c r="AC132409" i="1"/>
  <c r="AC132410" i="1"/>
  <c r="AC132411" i="1"/>
  <c r="AC132412" i="1"/>
  <c r="AC132413" i="1"/>
  <c r="AC132414" i="1"/>
  <c r="AC132415" i="1"/>
  <c r="AC132416" i="1"/>
  <c r="AC132417" i="1"/>
  <c r="AC132418" i="1"/>
  <c r="AC132419" i="1"/>
  <c r="AC132420" i="1"/>
  <c r="AC132421" i="1"/>
  <c r="AC132422" i="1"/>
  <c r="AC132423" i="1"/>
  <c r="AC132424" i="1"/>
  <c r="AC132425" i="1"/>
  <c r="AC132426" i="1"/>
  <c r="AC132427" i="1"/>
  <c r="AC132428" i="1"/>
  <c r="AC132429" i="1"/>
  <c r="AC132430" i="1"/>
  <c r="AC132431" i="1"/>
  <c r="AC132432" i="1"/>
  <c r="AC132433" i="1"/>
  <c r="AC132434" i="1"/>
  <c r="AC132435" i="1"/>
  <c r="AC132436" i="1"/>
  <c r="AC132437" i="1"/>
  <c r="AC132438" i="1"/>
  <c r="AC132439" i="1"/>
  <c r="AC132440" i="1"/>
  <c r="AC132441" i="1"/>
  <c r="AC132442" i="1"/>
  <c r="AC132443" i="1"/>
  <c r="AC132444" i="1"/>
  <c r="AC132445" i="1"/>
  <c r="AC132446" i="1"/>
  <c r="AC132447" i="1"/>
  <c r="AC132448" i="1"/>
  <c r="AC132449" i="1"/>
  <c r="AC132450" i="1"/>
  <c r="AC132451" i="1"/>
  <c r="AC132452" i="1"/>
  <c r="AC132453" i="1"/>
  <c r="AC132454" i="1"/>
  <c r="AC132455" i="1"/>
  <c r="AC132456" i="1"/>
  <c r="AC132457" i="1"/>
  <c r="AC132458" i="1"/>
  <c r="AC132459" i="1"/>
  <c r="AC132460" i="1"/>
  <c r="AC132461" i="1"/>
  <c r="AC132462" i="1"/>
  <c r="AC132463" i="1"/>
  <c r="AC132464" i="1"/>
  <c r="AC132465" i="1"/>
  <c r="AC132466" i="1"/>
  <c r="AC132467" i="1"/>
  <c r="AC132468" i="1"/>
  <c r="AC132469" i="1"/>
  <c r="AC132470" i="1"/>
  <c r="AC132471" i="1"/>
  <c r="AC132472" i="1"/>
  <c r="AC132473" i="1"/>
  <c r="AC132474" i="1"/>
  <c r="AC132475" i="1"/>
  <c r="AC132476" i="1"/>
  <c r="AC132477" i="1"/>
  <c r="AC132478" i="1"/>
  <c r="AC132479" i="1"/>
  <c r="AC132480" i="1"/>
  <c r="AC132481" i="1"/>
  <c r="AC132482" i="1"/>
  <c r="AC132483" i="1"/>
  <c r="AC132484" i="1"/>
  <c r="AC132485" i="1"/>
  <c r="AC132486" i="1"/>
  <c r="AC132487" i="1"/>
  <c r="AC132488" i="1"/>
  <c r="AC132489" i="1"/>
  <c r="AC132490" i="1"/>
  <c r="AC132491" i="1"/>
  <c r="AC132492" i="1"/>
  <c r="AC132493" i="1"/>
  <c r="AC132494" i="1"/>
  <c r="AC132495" i="1"/>
  <c r="AC132496" i="1"/>
  <c r="AC132497" i="1"/>
  <c r="AC132498" i="1"/>
  <c r="AC132499" i="1"/>
  <c r="AC132500" i="1"/>
  <c r="AC132501" i="1"/>
  <c r="AC132502" i="1"/>
  <c r="AC132503" i="1"/>
  <c r="AC132504" i="1"/>
  <c r="AC132505" i="1"/>
  <c r="AC132506" i="1"/>
  <c r="AC132507" i="1"/>
  <c r="AC132508" i="1"/>
  <c r="AC132509" i="1"/>
  <c r="AC132510" i="1"/>
  <c r="AC132511" i="1"/>
  <c r="AC132512" i="1"/>
  <c r="AC132513" i="1"/>
  <c r="AC132514" i="1"/>
  <c r="AC132515" i="1"/>
  <c r="AC132516" i="1"/>
  <c r="AC132517" i="1"/>
  <c r="AC132518" i="1"/>
  <c r="AC132519" i="1"/>
  <c r="AC132520" i="1"/>
  <c r="AC132521" i="1"/>
  <c r="AC132522" i="1"/>
  <c r="AC132523" i="1"/>
  <c r="AC132524" i="1"/>
  <c r="AC132525" i="1"/>
  <c r="AC132526" i="1"/>
  <c r="AC132527" i="1"/>
  <c r="AC132528" i="1"/>
  <c r="AC132529" i="1"/>
  <c r="AC132530" i="1"/>
  <c r="AC132531" i="1"/>
  <c r="AC132532" i="1"/>
  <c r="AC132533" i="1"/>
  <c r="AC132534" i="1"/>
  <c r="AC132535" i="1"/>
  <c r="AC132536" i="1"/>
  <c r="AC132537" i="1"/>
  <c r="AC132538" i="1"/>
  <c r="AC132539" i="1"/>
  <c r="AC132540" i="1"/>
  <c r="AC132541" i="1"/>
  <c r="AC132542" i="1"/>
  <c r="AC132543" i="1"/>
  <c r="AC132544" i="1"/>
  <c r="AC132545" i="1"/>
  <c r="AC132546" i="1"/>
  <c r="AC132547" i="1"/>
  <c r="AC132548" i="1"/>
  <c r="AC132549" i="1"/>
  <c r="AC132550" i="1"/>
  <c r="AC132551" i="1"/>
  <c r="AC132552" i="1"/>
  <c r="AC132553" i="1"/>
  <c r="AC132554" i="1"/>
  <c r="AC132555" i="1"/>
  <c r="AC132556" i="1"/>
  <c r="AC132557" i="1"/>
  <c r="AC132558" i="1"/>
  <c r="AC132559" i="1"/>
  <c r="AC132560" i="1"/>
  <c r="AC132561" i="1"/>
  <c r="AC132562" i="1"/>
  <c r="AC132563" i="1"/>
  <c r="AC132564" i="1"/>
  <c r="AC132565" i="1"/>
  <c r="AC132566" i="1"/>
  <c r="AC132567" i="1"/>
  <c r="AC132568" i="1"/>
  <c r="AC132569" i="1"/>
  <c r="AC132570" i="1"/>
  <c r="AC132571" i="1"/>
  <c r="AC132572" i="1"/>
  <c r="AC132573" i="1"/>
  <c r="AC132574" i="1"/>
  <c r="AC132575" i="1"/>
  <c r="AC132576" i="1"/>
  <c r="AC132577" i="1"/>
  <c r="AC132578" i="1"/>
  <c r="AC132579" i="1"/>
  <c r="AC132580" i="1"/>
  <c r="AC132581" i="1"/>
  <c r="AC132582" i="1"/>
  <c r="AC132583" i="1"/>
  <c r="AC132584" i="1"/>
  <c r="AC132585" i="1"/>
  <c r="AC132586" i="1"/>
  <c r="AC132587" i="1"/>
  <c r="AC132588" i="1"/>
  <c r="AC132589" i="1"/>
  <c r="AC132590" i="1"/>
  <c r="AC132591" i="1"/>
  <c r="AC132592" i="1"/>
  <c r="AC132593" i="1"/>
  <c r="AC132594" i="1"/>
  <c r="AC132595" i="1"/>
  <c r="AC132596" i="1"/>
  <c r="AC132597" i="1"/>
  <c r="AC132598" i="1"/>
  <c r="AC132599" i="1"/>
  <c r="AC132600" i="1"/>
  <c r="AC132601" i="1"/>
  <c r="AC132602" i="1"/>
  <c r="AC132603" i="1"/>
  <c r="AC132604" i="1"/>
  <c r="AC132605" i="1"/>
  <c r="AC132606" i="1"/>
  <c r="AC132607" i="1"/>
  <c r="AC132608" i="1"/>
  <c r="AC132609" i="1"/>
  <c r="AC132610" i="1"/>
  <c r="AC132611" i="1"/>
  <c r="AC132612" i="1"/>
  <c r="AC132613" i="1"/>
  <c r="AC132614" i="1"/>
  <c r="AC132615" i="1"/>
  <c r="AC132616" i="1"/>
  <c r="AC132617" i="1"/>
  <c r="AC132618" i="1"/>
  <c r="AC132619" i="1"/>
  <c r="AC132620" i="1"/>
  <c r="AC132621" i="1"/>
  <c r="AC132622" i="1"/>
  <c r="AC132623" i="1"/>
  <c r="AC132624" i="1"/>
  <c r="AC132625" i="1"/>
  <c r="AC132626" i="1"/>
  <c r="AC132627" i="1"/>
  <c r="AC132628" i="1"/>
  <c r="AC132629" i="1"/>
  <c r="AC132630" i="1"/>
  <c r="AC132631" i="1"/>
  <c r="AC132632" i="1"/>
  <c r="AC132633" i="1"/>
  <c r="AC132634" i="1"/>
  <c r="AC132635" i="1"/>
  <c r="AC132636" i="1"/>
  <c r="AC132637" i="1"/>
  <c r="AC132638" i="1"/>
  <c r="AC132639" i="1"/>
  <c r="AC132640" i="1"/>
  <c r="AC132641" i="1"/>
  <c r="AC132642" i="1"/>
  <c r="AC132643" i="1"/>
  <c r="AC132644" i="1"/>
  <c r="AC132645" i="1"/>
  <c r="AC132646" i="1"/>
  <c r="AC132647" i="1"/>
  <c r="AC132648" i="1"/>
  <c r="AC132649" i="1"/>
  <c r="AC132650" i="1"/>
  <c r="AC132651" i="1"/>
  <c r="AC132652" i="1"/>
  <c r="AC132653" i="1"/>
  <c r="AC132654" i="1"/>
  <c r="AC132655" i="1"/>
  <c r="AC132656" i="1"/>
  <c r="AC132657" i="1"/>
  <c r="AC132658" i="1"/>
  <c r="AC132659" i="1"/>
  <c r="AC132660" i="1"/>
  <c r="AC132661" i="1"/>
  <c r="AC132662" i="1"/>
  <c r="AC132663" i="1"/>
  <c r="AC132664" i="1"/>
  <c r="AC132665" i="1"/>
  <c r="AC132666" i="1"/>
  <c r="AC132667" i="1"/>
  <c r="AC132668" i="1"/>
  <c r="AC132669" i="1"/>
  <c r="AC132670" i="1"/>
  <c r="AC132671" i="1"/>
  <c r="AC132672" i="1"/>
  <c r="AC132673" i="1"/>
  <c r="AC132674" i="1"/>
  <c r="AC132675" i="1"/>
  <c r="AC132676" i="1"/>
  <c r="AC132677" i="1"/>
  <c r="AC132678" i="1"/>
  <c r="AC132679" i="1"/>
  <c r="AC132680" i="1"/>
  <c r="AC132681" i="1"/>
  <c r="AC132682" i="1"/>
  <c r="AC132683" i="1"/>
  <c r="AC132684" i="1"/>
  <c r="AC132685" i="1"/>
  <c r="AC132686" i="1"/>
  <c r="AC132687" i="1"/>
  <c r="AC132688" i="1"/>
  <c r="AC132689" i="1"/>
  <c r="AC132690" i="1"/>
  <c r="AC132691" i="1"/>
  <c r="AC132692" i="1"/>
  <c r="AC132693" i="1"/>
  <c r="AC132694" i="1"/>
  <c r="AC132695" i="1"/>
  <c r="AC132696" i="1"/>
  <c r="AC132697" i="1"/>
  <c r="AC132698" i="1"/>
  <c r="AC132699" i="1"/>
  <c r="AC132700" i="1"/>
  <c r="AC132701" i="1"/>
  <c r="AC132702" i="1"/>
  <c r="AC132703" i="1"/>
  <c r="AC132704" i="1"/>
  <c r="AC132705" i="1"/>
  <c r="AC132706" i="1"/>
  <c r="AC132707" i="1"/>
  <c r="AC132708" i="1"/>
  <c r="AC132709" i="1"/>
  <c r="AC132710" i="1"/>
  <c r="AC132711" i="1"/>
  <c r="AC132712" i="1"/>
  <c r="AC132713" i="1"/>
  <c r="AC132714" i="1"/>
  <c r="AC132715" i="1"/>
  <c r="AC132716" i="1"/>
  <c r="AC132717" i="1"/>
  <c r="AC132718" i="1"/>
  <c r="AC132719" i="1"/>
  <c r="AC132720" i="1"/>
  <c r="AC132721" i="1"/>
  <c r="AC132722" i="1"/>
  <c r="AC132723" i="1"/>
  <c r="AC132724" i="1"/>
  <c r="AC132725" i="1"/>
  <c r="AC132726" i="1"/>
  <c r="AC132727" i="1"/>
  <c r="AC132728" i="1"/>
  <c r="AC132729" i="1"/>
  <c r="AC132730" i="1"/>
  <c r="AC132731" i="1"/>
  <c r="AC132732" i="1"/>
  <c r="AC132733" i="1"/>
  <c r="AC132734" i="1"/>
  <c r="AC132735" i="1"/>
  <c r="AC132736" i="1"/>
  <c r="AC132737" i="1"/>
  <c r="AC132738" i="1"/>
  <c r="AC132739" i="1"/>
  <c r="AC132740" i="1"/>
  <c r="AC132741" i="1"/>
  <c r="AC132742" i="1"/>
  <c r="AC132743" i="1"/>
  <c r="AC132744" i="1"/>
  <c r="AC132745" i="1"/>
  <c r="AC132746" i="1"/>
  <c r="AC132747" i="1"/>
  <c r="AC132748" i="1"/>
  <c r="AC132749" i="1"/>
  <c r="AC132750" i="1"/>
  <c r="AC132751" i="1"/>
  <c r="AC132752" i="1"/>
  <c r="AC132753" i="1"/>
  <c r="AC132754" i="1"/>
  <c r="AC132755" i="1"/>
  <c r="AC132756" i="1"/>
  <c r="AC132757" i="1"/>
  <c r="AC132758" i="1"/>
  <c r="AC132759" i="1"/>
  <c r="AC132760" i="1"/>
  <c r="AC132761" i="1"/>
  <c r="AC132762" i="1"/>
  <c r="AC132763" i="1"/>
  <c r="AC132764" i="1"/>
  <c r="AC132765" i="1"/>
  <c r="AC132766" i="1"/>
  <c r="AC132767" i="1"/>
  <c r="AC132768" i="1"/>
  <c r="AC132769" i="1"/>
  <c r="AC132770" i="1"/>
  <c r="AC132771" i="1"/>
  <c r="AC132772" i="1"/>
  <c r="AC132773" i="1"/>
  <c r="AC132774" i="1"/>
  <c r="AC132775" i="1"/>
  <c r="AC132776" i="1"/>
  <c r="AC132777" i="1"/>
  <c r="AC132778" i="1"/>
  <c r="AC132779" i="1"/>
  <c r="AC132780" i="1"/>
  <c r="AC132781" i="1"/>
  <c r="AC132782" i="1"/>
  <c r="AC132783" i="1"/>
  <c r="AC132784" i="1"/>
  <c r="AC132785" i="1"/>
  <c r="AC132786" i="1"/>
  <c r="AC132787" i="1"/>
  <c r="AC132788" i="1"/>
  <c r="AC132789" i="1"/>
  <c r="AC132790" i="1"/>
  <c r="AC132791" i="1"/>
  <c r="AC132792" i="1"/>
  <c r="AC132793" i="1"/>
  <c r="AC132794" i="1"/>
  <c r="AC132795" i="1"/>
  <c r="AC132796" i="1"/>
  <c r="AC132797" i="1"/>
  <c r="AC132798" i="1"/>
  <c r="AC132799" i="1"/>
  <c r="AC132800" i="1"/>
  <c r="AC132801" i="1"/>
  <c r="AC132802" i="1"/>
  <c r="AC132803" i="1"/>
  <c r="AC132804" i="1"/>
  <c r="AC132805" i="1"/>
  <c r="AC132806" i="1"/>
  <c r="AC132807" i="1"/>
  <c r="AC132808" i="1"/>
  <c r="AC132809" i="1"/>
  <c r="AC132810" i="1"/>
  <c r="AC132811" i="1"/>
  <c r="AC132812" i="1"/>
  <c r="AC132813" i="1"/>
  <c r="AC132814" i="1"/>
  <c r="AC132815" i="1"/>
  <c r="AC132816" i="1"/>
  <c r="AC132817" i="1"/>
  <c r="AC132818" i="1"/>
  <c r="AC132819" i="1"/>
  <c r="AC132820" i="1"/>
  <c r="AC132821" i="1"/>
  <c r="AC132822" i="1"/>
  <c r="AC132823" i="1"/>
  <c r="AC132824" i="1"/>
  <c r="AC132825" i="1"/>
  <c r="AC132826" i="1"/>
  <c r="AC132827" i="1"/>
  <c r="AC132828" i="1"/>
  <c r="AC132829" i="1"/>
  <c r="AC132830" i="1"/>
  <c r="AC132831" i="1"/>
  <c r="AC132832" i="1"/>
  <c r="AC132833" i="1"/>
  <c r="AC132834" i="1"/>
  <c r="AC132835" i="1"/>
  <c r="AC132836" i="1"/>
  <c r="AC132837" i="1"/>
  <c r="AC132838" i="1"/>
  <c r="AC132839" i="1"/>
  <c r="AC132840" i="1"/>
  <c r="AC132841" i="1"/>
  <c r="AC132842" i="1"/>
  <c r="AC132843" i="1"/>
  <c r="AC132844" i="1"/>
  <c r="AC132845" i="1"/>
  <c r="AC132846" i="1"/>
  <c r="AC132847" i="1"/>
  <c r="AC132848" i="1"/>
  <c r="AC132849" i="1"/>
  <c r="AC132850" i="1"/>
  <c r="AC132851" i="1"/>
  <c r="AC132852" i="1"/>
  <c r="AC132853" i="1"/>
  <c r="AC132854" i="1"/>
  <c r="AC132855" i="1"/>
  <c r="AC132856" i="1"/>
  <c r="AC132857" i="1"/>
  <c r="AC132858" i="1"/>
  <c r="AC132859" i="1"/>
  <c r="AC132860" i="1"/>
  <c r="AC132861" i="1"/>
  <c r="AC132862" i="1"/>
  <c r="AC132863" i="1"/>
  <c r="AC132864" i="1"/>
  <c r="AC132865" i="1"/>
  <c r="AC132866" i="1"/>
  <c r="AC132867" i="1"/>
  <c r="AC132868" i="1"/>
  <c r="AC132869" i="1"/>
  <c r="AC132870" i="1"/>
  <c r="AC132871" i="1"/>
  <c r="AC132872" i="1"/>
  <c r="AC132873" i="1"/>
  <c r="AC132874" i="1"/>
  <c r="AC132875" i="1"/>
  <c r="AC132876" i="1"/>
  <c r="AC132877" i="1"/>
  <c r="AC132878" i="1"/>
  <c r="AC132879" i="1"/>
  <c r="AC132880" i="1"/>
  <c r="AC132881" i="1"/>
  <c r="AC132882" i="1"/>
  <c r="AC132883" i="1"/>
  <c r="AC132884" i="1"/>
  <c r="AC132885" i="1"/>
  <c r="AC132886" i="1"/>
  <c r="AC132887" i="1"/>
  <c r="AC132888" i="1"/>
  <c r="AC132889" i="1"/>
  <c r="AC132890" i="1"/>
  <c r="AC132891" i="1"/>
  <c r="AC132892" i="1"/>
  <c r="AC132893" i="1"/>
  <c r="AC132894" i="1"/>
  <c r="AC132895" i="1"/>
  <c r="AC132896" i="1"/>
  <c r="AC132897" i="1"/>
  <c r="AC132898" i="1"/>
  <c r="AC132899" i="1"/>
  <c r="AC132900" i="1"/>
  <c r="AC132901" i="1"/>
  <c r="AC132902" i="1"/>
  <c r="AC132903" i="1"/>
  <c r="AC132904" i="1"/>
  <c r="AC132905" i="1"/>
  <c r="AC132906" i="1"/>
  <c r="AC132907" i="1"/>
  <c r="AC132908" i="1"/>
  <c r="AC132909" i="1"/>
  <c r="AC132910" i="1"/>
  <c r="AC132911" i="1"/>
  <c r="AC132912" i="1"/>
  <c r="AC132913" i="1"/>
  <c r="AC132914" i="1"/>
  <c r="AC132915" i="1"/>
  <c r="AC132916" i="1"/>
  <c r="AC132917" i="1"/>
  <c r="AC132918" i="1"/>
  <c r="AC132919" i="1"/>
  <c r="AC132920" i="1"/>
  <c r="AC132921" i="1"/>
  <c r="AC132922" i="1"/>
  <c r="AC132923" i="1"/>
  <c r="AC132924" i="1"/>
  <c r="AC132925" i="1"/>
  <c r="AC132926" i="1"/>
  <c r="AC132927" i="1"/>
  <c r="AC132928" i="1"/>
  <c r="AC132929" i="1"/>
  <c r="AC132930" i="1"/>
  <c r="AC132931" i="1"/>
  <c r="AC132932" i="1"/>
  <c r="AC132933" i="1"/>
  <c r="AC132934" i="1"/>
  <c r="AC132935" i="1"/>
  <c r="AC132936" i="1"/>
  <c r="AC132937" i="1"/>
  <c r="AC132938" i="1"/>
  <c r="AC132939" i="1"/>
  <c r="AC132940" i="1"/>
  <c r="AC132941" i="1"/>
  <c r="AC132942" i="1"/>
  <c r="AC132943" i="1"/>
  <c r="AC132944" i="1"/>
  <c r="AC132945" i="1"/>
  <c r="AC132946" i="1"/>
  <c r="AC132947" i="1"/>
  <c r="AC132948" i="1"/>
  <c r="AC132949" i="1"/>
  <c r="AC132950" i="1"/>
  <c r="AC132951" i="1"/>
  <c r="AC132952" i="1"/>
  <c r="AC132953" i="1"/>
  <c r="AC132954" i="1"/>
  <c r="AC132955" i="1"/>
  <c r="AC132956" i="1"/>
  <c r="AC132957" i="1"/>
  <c r="AC132958" i="1"/>
  <c r="AC132959" i="1"/>
  <c r="AC132960" i="1"/>
  <c r="AC132961" i="1"/>
  <c r="AC132962" i="1"/>
  <c r="AC132963" i="1"/>
  <c r="AC132964" i="1"/>
  <c r="AC132965" i="1"/>
  <c r="AC132966" i="1"/>
  <c r="AC132967" i="1"/>
  <c r="AC132968" i="1"/>
  <c r="AC132969" i="1"/>
  <c r="AC132970" i="1"/>
  <c r="AC132971" i="1"/>
  <c r="AC132972" i="1"/>
  <c r="AC132973" i="1"/>
  <c r="AC132974" i="1"/>
  <c r="AC132975" i="1"/>
  <c r="AC132976" i="1"/>
  <c r="AC132977" i="1"/>
  <c r="AC132978" i="1"/>
  <c r="AC132979" i="1"/>
  <c r="AC132980" i="1"/>
  <c r="AC132981" i="1"/>
  <c r="AC132982" i="1"/>
  <c r="AC132983" i="1"/>
  <c r="AC132984" i="1"/>
  <c r="AC132985" i="1"/>
  <c r="AC132986" i="1"/>
  <c r="AC132987" i="1"/>
  <c r="AC132988" i="1"/>
  <c r="AC132989" i="1"/>
  <c r="AC132990" i="1"/>
  <c r="AC132991" i="1"/>
  <c r="AC132992" i="1"/>
  <c r="AC132993" i="1"/>
  <c r="AC132994" i="1"/>
  <c r="AC132995" i="1"/>
  <c r="AC132996" i="1"/>
  <c r="AC132997" i="1"/>
  <c r="AC132998" i="1"/>
  <c r="AC132999" i="1"/>
  <c r="AC133000" i="1"/>
  <c r="AC133001" i="1"/>
  <c r="AC133002" i="1"/>
  <c r="AC133003" i="1"/>
  <c r="AC133004" i="1"/>
  <c r="AC133005" i="1"/>
  <c r="AC133006" i="1"/>
  <c r="AC133007" i="1"/>
  <c r="AC133008" i="1"/>
  <c r="AC133009" i="1"/>
  <c r="AC133010" i="1"/>
  <c r="AC133011" i="1"/>
  <c r="AC133012" i="1"/>
  <c r="AC133013" i="1"/>
  <c r="AC133014" i="1"/>
  <c r="AC133015" i="1"/>
  <c r="AC133016" i="1"/>
  <c r="AC133017" i="1"/>
  <c r="AC133018" i="1"/>
  <c r="AC133019" i="1"/>
  <c r="AC133020" i="1"/>
  <c r="AC133021" i="1"/>
  <c r="AC133022" i="1"/>
  <c r="AC133023" i="1"/>
  <c r="AC133024" i="1"/>
  <c r="AC133025" i="1"/>
  <c r="AC133026" i="1"/>
  <c r="AC133027" i="1"/>
  <c r="AC133028" i="1"/>
  <c r="AC133029" i="1"/>
  <c r="AC133030" i="1"/>
  <c r="AC133031" i="1"/>
  <c r="AC133032" i="1"/>
  <c r="AC133033" i="1"/>
  <c r="AC133034" i="1"/>
  <c r="AC133035" i="1"/>
  <c r="AC133036" i="1"/>
  <c r="AC133037" i="1"/>
  <c r="AC133038" i="1"/>
  <c r="AC133039" i="1"/>
  <c r="AC133040" i="1"/>
  <c r="AC133041" i="1"/>
  <c r="AC133042" i="1"/>
  <c r="AC133043" i="1"/>
  <c r="AC133044" i="1"/>
  <c r="AC133045" i="1"/>
  <c r="AC133046" i="1"/>
  <c r="AC133047" i="1"/>
  <c r="AC133048" i="1"/>
  <c r="AC133049" i="1"/>
  <c r="AC133050" i="1"/>
  <c r="AC133051" i="1"/>
  <c r="AC133052" i="1"/>
  <c r="AC133053" i="1"/>
  <c r="AC133054" i="1"/>
  <c r="AC133055" i="1"/>
  <c r="AC133056" i="1"/>
  <c r="AC133057" i="1"/>
  <c r="AC133058" i="1"/>
  <c r="AC133059" i="1"/>
  <c r="AC133060" i="1"/>
  <c r="AC133061" i="1"/>
  <c r="AC133062" i="1"/>
  <c r="AC133063" i="1"/>
  <c r="AC133064" i="1"/>
  <c r="AC133065" i="1"/>
  <c r="AC133066" i="1"/>
  <c r="AC133067" i="1"/>
  <c r="AC133068" i="1"/>
  <c r="AC133069" i="1"/>
  <c r="AC133070" i="1"/>
  <c r="AC133071" i="1"/>
  <c r="AC133072" i="1"/>
  <c r="AC133073" i="1"/>
  <c r="AC133074" i="1"/>
  <c r="AC133075" i="1"/>
  <c r="AC133076" i="1"/>
  <c r="AC133077" i="1"/>
  <c r="AC133078" i="1"/>
  <c r="AC133079" i="1"/>
  <c r="AC133080" i="1"/>
  <c r="AC133081" i="1"/>
  <c r="AC133082" i="1"/>
  <c r="AC133083" i="1"/>
  <c r="AC133084" i="1"/>
  <c r="AC133085" i="1"/>
  <c r="AC133086" i="1"/>
  <c r="AC133087" i="1"/>
  <c r="AC133088" i="1"/>
  <c r="AC133089" i="1"/>
  <c r="AC133090" i="1"/>
  <c r="AC133091" i="1"/>
  <c r="AC133092" i="1"/>
  <c r="AC133093" i="1"/>
  <c r="AC133094" i="1"/>
  <c r="AC133095" i="1"/>
  <c r="AC133096" i="1"/>
  <c r="AC133097" i="1"/>
  <c r="AC133098" i="1"/>
  <c r="AC133099" i="1"/>
  <c r="AC133100" i="1"/>
  <c r="AC133101" i="1"/>
  <c r="AC133102" i="1"/>
  <c r="AC133103" i="1"/>
  <c r="AC133104" i="1"/>
  <c r="AC133105" i="1"/>
  <c r="AC133106" i="1"/>
  <c r="AC133107" i="1"/>
  <c r="AC133108" i="1"/>
  <c r="AC133109" i="1"/>
  <c r="AC133110" i="1"/>
  <c r="AC133111" i="1"/>
  <c r="AC133112" i="1"/>
  <c r="AC133113" i="1"/>
  <c r="AC133114" i="1"/>
  <c r="AC133115" i="1"/>
  <c r="AC133116" i="1"/>
  <c r="AC133117" i="1"/>
  <c r="AC133118" i="1"/>
  <c r="AC133119" i="1"/>
  <c r="AC133120" i="1"/>
  <c r="AC133121" i="1"/>
  <c r="AC133122" i="1"/>
  <c r="AC133123" i="1"/>
  <c r="AC133124" i="1"/>
  <c r="AC133125" i="1"/>
  <c r="AC133126" i="1"/>
  <c r="AC133127" i="1"/>
  <c r="AC133128" i="1"/>
  <c r="AC133129" i="1"/>
  <c r="AC133130" i="1"/>
  <c r="AC133131" i="1"/>
  <c r="AC133132" i="1"/>
  <c r="AC133133" i="1"/>
  <c r="AC133134" i="1"/>
  <c r="AC133135" i="1"/>
  <c r="AC133136" i="1"/>
  <c r="AC133137" i="1"/>
  <c r="AC133138" i="1"/>
  <c r="AC133139" i="1"/>
  <c r="AC133140" i="1"/>
  <c r="AC133141" i="1"/>
  <c r="AC133142" i="1"/>
  <c r="AC133143" i="1"/>
  <c r="AC133144" i="1"/>
  <c r="AC133145" i="1"/>
  <c r="AC133146" i="1"/>
  <c r="AC133147" i="1"/>
  <c r="AC133148" i="1"/>
  <c r="AC133149" i="1"/>
  <c r="AC133150" i="1"/>
  <c r="AC133151" i="1"/>
  <c r="AC133152" i="1"/>
  <c r="AC133153" i="1"/>
  <c r="AC133154" i="1"/>
  <c r="AC133155" i="1"/>
  <c r="AC133156" i="1"/>
  <c r="AC133157" i="1"/>
  <c r="AC133158" i="1"/>
  <c r="AC133159" i="1"/>
  <c r="AC133160" i="1"/>
  <c r="AC133161" i="1"/>
  <c r="AC133162" i="1"/>
  <c r="AC133163" i="1"/>
  <c r="AC133164" i="1"/>
  <c r="AC133165" i="1"/>
  <c r="AC133166" i="1"/>
  <c r="AC133167" i="1"/>
  <c r="AC133168" i="1"/>
  <c r="AC133169" i="1"/>
  <c r="AC133170" i="1"/>
  <c r="AC133171" i="1"/>
  <c r="AC133172" i="1"/>
  <c r="AC133173" i="1"/>
  <c r="AC133174" i="1"/>
  <c r="AC133175" i="1"/>
  <c r="AC133176" i="1"/>
  <c r="AC133177" i="1"/>
  <c r="AC133178" i="1"/>
  <c r="AC133179" i="1"/>
  <c r="AC133180" i="1"/>
  <c r="AC133181" i="1"/>
  <c r="AC133182" i="1"/>
  <c r="AC133183" i="1"/>
  <c r="AC133184" i="1"/>
  <c r="AC133185" i="1"/>
  <c r="AC133186" i="1"/>
  <c r="AC133187" i="1"/>
  <c r="AC133188" i="1"/>
  <c r="AC133189" i="1"/>
  <c r="AC133190" i="1"/>
  <c r="AC133191" i="1"/>
  <c r="AC133192" i="1"/>
  <c r="AC133193" i="1"/>
  <c r="AC133194" i="1"/>
  <c r="AC133195" i="1"/>
  <c r="AC133196" i="1"/>
  <c r="AC133197" i="1"/>
  <c r="AC133198" i="1"/>
  <c r="AC133199" i="1"/>
  <c r="AC133200" i="1"/>
  <c r="AC133201" i="1"/>
  <c r="AC133202" i="1"/>
  <c r="AC133203" i="1"/>
  <c r="AC133204" i="1"/>
  <c r="AC133205" i="1"/>
  <c r="AC133206" i="1"/>
  <c r="AC133207" i="1"/>
  <c r="AC133208" i="1"/>
  <c r="AC133209" i="1"/>
  <c r="AC133210" i="1"/>
  <c r="AC133211" i="1"/>
  <c r="AC133212" i="1"/>
  <c r="AC133213" i="1"/>
  <c r="AC133214" i="1"/>
  <c r="AC133215" i="1"/>
  <c r="AC133216" i="1"/>
  <c r="AC133217" i="1"/>
  <c r="AC133218" i="1"/>
  <c r="AC133219" i="1"/>
  <c r="AC133220" i="1"/>
  <c r="AC133221" i="1"/>
  <c r="AC133222" i="1"/>
  <c r="AC133223" i="1"/>
  <c r="AC133224" i="1"/>
  <c r="AC133225" i="1"/>
  <c r="AC133226" i="1"/>
  <c r="AC133227" i="1"/>
  <c r="AC133228" i="1"/>
  <c r="AC133229" i="1"/>
  <c r="AC133230" i="1"/>
  <c r="AC133231" i="1"/>
  <c r="AC133232" i="1"/>
  <c r="AC133233" i="1"/>
  <c r="AC133234" i="1"/>
  <c r="AC133235" i="1"/>
  <c r="AC133236" i="1"/>
  <c r="AC133237" i="1"/>
  <c r="AC133238" i="1"/>
  <c r="AC133239" i="1"/>
  <c r="AC133240" i="1"/>
  <c r="AC133241" i="1"/>
  <c r="AC133242" i="1"/>
  <c r="AC133243" i="1"/>
  <c r="AC133244" i="1"/>
  <c r="AC133245" i="1"/>
  <c r="AC133246" i="1"/>
  <c r="AC133247" i="1"/>
  <c r="AC133248" i="1"/>
  <c r="AC133249" i="1"/>
  <c r="AC133250" i="1"/>
  <c r="AC133251" i="1"/>
  <c r="AC133252" i="1"/>
  <c r="AC133253" i="1"/>
  <c r="AC133254" i="1"/>
  <c r="AC133255" i="1"/>
  <c r="AC133256" i="1"/>
  <c r="AC133257" i="1"/>
  <c r="AC133258" i="1"/>
  <c r="AC133259" i="1"/>
  <c r="AC133260" i="1"/>
  <c r="AC133261" i="1"/>
  <c r="AC133262" i="1"/>
  <c r="AC133263" i="1"/>
  <c r="AC133264" i="1"/>
  <c r="AC133265" i="1"/>
  <c r="AC133266" i="1"/>
  <c r="AC133267" i="1"/>
  <c r="AC133268" i="1"/>
  <c r="AC133269" i="1"/>
  <c r="AC133270" i="1"/>
  <c r="AC133271" i="1"/>
  <c r="AC133272" i="1"/>
  <c r="AC133273" i="1"/>
  <c r="AC133274" i="1"/>
  <c r="AC133275" i="1"/>
  <c r="AC133276" i="1"/>
  <c r="AC133277" i="1"/>
  <c r="AC133278" i="1"/>
  <c r="AC133279" i="1"/>
  <c r="AC133280" i="1"/>
  <c r="AC133281" i="1"/>
  <c r="AC133282" i="1"/>
  <c r="AC133283" i="1"/>
  <c r="AC133284" i="1"/>
  <c r="AC133285" i="1"/>
  <c r="AC133286" i="1"/>
  <c r="AC133287" i="1"/>
  <c r="AC133288" i="1"/>
  <c r="AC133289" i="1"/>
  <c r="AC133290" i="1"/>
  <c r="AC133291" i="1"/>
  <c r="AC133292" i="1"/>
  <c r="AC133293" i="1"/>
  <c r="AC133294" i="1"/>
  <c r="AC133295" i="1"/>
  <c r="AC133296" i="1"/>
  <c r="AC133297" i="1"/>
  <c r="AC133298" i="1"/>
  <c r="AC133299" i="1"/>
  <c r="AC133300" i="1"/>
  <c r="AC133301" i="1"/>
  <c r="AC133302" i="1"/>
  <c r="AC133303" i="1"/>
  <c r="AC133304" i="1"/>
  <c r="AC133305" i="1"/>
  <c r="AC133306" i="1"/>
  <c r="AC133307" i="1"/>
  <c r="AC133308" i="1"/>
  <c r="AC133309" i="1"/>
  <c r="AC133310" i="1"/>
  <c r="AC133311" i="1"/>
  <c r="AC133312" i="1"/>
  <c r="AC133313" i="1"/>
  <c r="AC133314" i="1"/>
  <c r="AC133315" i="1"/>
  <c r="AC133316" i="1"/>
  <c r="AC133317" i="1"/>
  <c r="AC133318" i="1"/>
  <c r="AC133319" i="1"/>
  <c r="AC133320" i="1"/>
  <c r="AC133321" i="1"/>
  <c r="AC133322" i="1"/>
  <c r="AC133323" i="1"/>
  <c r="AC133324" i="1"/>
  <c r="AC133325" i="1"/>
  <c r="AC133326" i="1"/>
  <c r="AC133327" i="1"/>
  <c r="AC133328" i="1"/>
  <c r="AC133329" i="1"/>
  <c r="AC133330" i="1"/>
  <c r="AC133331" i="1"/>
  <c r="AC133332" i="1"/>
  <c r="AC133333" i="1"/>
  <c r="AC133334" i="1"/>
  <c r="AC133335" i="1"/>
  <c r="AC133336" i="1"/>
  <c r="AC133337" i="1"/>
  <c r="AC133338" i="1"/>
  <c r="AC133339" i="1"/>
  <c r="AC133340" i="1"/>
  <c r="AC133341" i="1"/>
  <c r="AC133342" i="1"/>
  <c r="AC133343" i="1"/>
  <c r="AC133344" i="1"/>
  <c r="AC133345" i="1"/>
  <c r="AC133346" i="1"/>
  <c r="AC133347" i="1"/>
  <c r="AC133348" i="1"/>
  <c r="AC133349" i="1"/>
  <c r="AC133350" i="1"/>
  <c r="AC133351" i="1"/>
  <c r="AC133352" i="1"/>
  <c r="AC133353" i="1"/>
  <c r="AC133354" i="1"/>
  <c r="AC133355" i="1"/>
  <c r="AC133356" i="1"/>
  <c r="AC133357" i="1"/>
  <c r="AC133358" i="1"/>
  <c r="AC133359" i="1"/>
  <c r="AC133360" i="1"/>
  <c r="AC133361" i="1"/>
  <c r="AC133362" i="1"/>
  <c r="AC133363" i="1"/>
  <c r="AC133364" i="1"/>
  <c r="AC133365" i="1"/>
  <c r="AC133366" i="1"/>
  <c r="AC133367" i="1"/>
  <c r="AC133368" i="1"/>
  <c r="AC133369" i="1"/>
  <c r="AC133370" i="1"/>
  <c r="AC133371" i="1"/>
  <c r="AC133372" i="1"/>
  <c r="AC133373" i="1"/>
  <c r="AC133374" i="1"/>
  <c r="AC133375" i="1"/>
  <c r="AC133376" i="1"/>
  <c r="AC133377" i="1"/>
  <c r="AC133378" i="1"/>
  <c r="AC133379" i="1"/>
  <c r="AC133380" i="1"/>
  <c r="AC133381" i="1"/>
  <c r="AC133382" i="1"/>
  <c r="AC133383" i="1"/>
  <c r="AC133384" i="1"/>
  <c r="AC133385" i="1"/>
  <c r="AC133386" i="1"/>
  <c r="AC133387" i="1"/>
  <c r="AC133388" i="1"/>
  <c r="AC133389" i="1"/>
  <c r="AC133390" i="1"/>
  <c r="AC133391" i="1"/>
  <c r="AC133392" i="1"/>
  <c r="AC133393" i="1"/>
  <c r="AC133394" i="1"/>
  <c r="AC133395" i="1"/>
  <c r="AC133396" i="1"/>
  <c r="AC133397" i="1"/>
  <c r="AC133398" i="1"/>
  <c r="AC133399" i="1"/>
  <c r="AC133400" i="1"/>
  <c r="AC133401" i="1"/>
  <c r="AC133402" i="1"/>
  <c r="AC133403" i="1"/>
  <c r="AC133404" i="1"/>
  <c r="AC133405" i="1"/>
  <c r="AC133406" i="1"/>
  <c r="AC133407" i="1"/>
  <c r="AC133408" i="1"/>
  <c r="AC133409" i="1"/>
  <c r="AC133410" i="1"/>
  <c r="AC133411" i="1"/>
  <c r="AC133412" i="1"/>
  <c r="AC133413" i="1"/>
  <c r="AC133414" i="1"/>
  <c r="AC133415" i="1"/>
  <c r="AC133416" i="1"/>
  <c r="AC133417" i="1"/>
  <c r="AC133418" i="1"/>
  <c r="AC133419" i="1"/>
  <c r="AC133420" i="1"/>
  <c r="AC133421" i="1"/>
  <c r="AC133422" i="1"/>
  <c r="AC133423" i="1"/>
  <c r="AC133424" i="1"/>
  <c r="AC133425" i="1"/>
  <c r="AC133426" i="1"/>
  <c r="AC133427" i="1"/>
  <c r="AC133428" i="1"/>
  <c r="AC133429" i="1"/>
  <c r="AC133430" i="1"/>
  <c r="AC133431" i="1"/>
  <c r="AC133432" i="1"/>
  <c r="AC133433" i="1"/>
  <c r="AC133434" i="1"/>
  <c r="AC133435" i="1"/>
  <c r="AC133436" i="1"/>
  <c r="AC133437" i="1"/>
  <c r="AC133438" i="1"/>
  <c r="AC133439" i="1"/>
  <c r="AC133440" i="1"/>
  <c r="AC133441" i="1"/>
  <c r="AC133442" i="1"/>
  <c r="AC133443" i="1"/>
  <c r="AC133444" i="1"/>
  <c r="AC133445" i="1"/>
  <c r="AC133446" i="1"/>
  <c r="AC133447" i="1"/>
  <c r="AC133448" i="1"/>
  <c r="AC133449" i="1"/>
  <c r="AC133450" i="1"/>
  <c r="AC133451" i="1"/>
  <c r="AC133452" i="1"/>
  <c r="AC133453" i="1"/>
  <c r="AC133454" i="1"/>
  <c r="AC133455" i="1"/>
  <c r="AC133456" i="1"/>
  <c r="AC133457" i="1"/>
  <c r="AC133458" i="1"/>
  <c r="AC133459" i="1"/>
  <c r="AC133460" i="1"/>
  <c r="AC133461" i="1"/>
  <c r="AC133462" i="1"/>
  <c r="AC133463" i="1"/>
  <c r="AC133464" i="1"/>
  <c r="AC133465" i="1"/>
  <c r="AC133466" i="1"/>
  <c r="AC133467" i="1"/>
  <c r="AC133468" i="1"/>
  <c r="AC133469" i="1"/>
  <c r="AC133470" i="1"/>
  <c r="AC133471" i="1"/>
  <c r="AC133472" i="1"/>
  <c r="AC133473" i="1"/>
  <c r="AC133474" i="1"/>
  <c r="AC133475" i="1"/>
  <c r="AC133476" i="1"/>
  <c r="AC133477" i="1"/>
  <c r="AC133478" i="1"/>
  <c r="AC133479" i="1"/>
  <c r="AC133480" i="1"/>
  <c r="AC133481" i="1"/>
  <c r="AC133482" i="1"/>
  <c r="AC133483" i="1"/>
  <c r="AC133484" i="1"/>
  <c r="AC133485" i="1"/>
  <c r="AC133486" i="1"/>
  <c r="AC133487" i="1"/>
  <c r="AC133488" i="1"/>
  <c r="AC133489" i="1"/>
  <c r="AC133490" i="1"/>
  <c r="AC133491" i="1"/>
  <c r="AC133492" i="1"/>
  <c r="AC133493" i="1"/>
  <c r="AC133494" i="1"/>
  <c r="AC133495" i="1"/>
  <c r="AC133496" i="1"/>
  <c r="AC133497" i="1"/>
  <c r="AC133498" i="1"/>
  <c r="AC133499" i="1"/>
  <c r="AC133500" i="1"/>
  <c r="AC133501" i="1"/>
  <c r="AC133502" i="1"/>
  <c r="AC133503" i="1"/>
  <c r="AC133504" i="1"/>
  <c r="AC133505" i="1"/>
  <c r="AC133506" i="1"/>
  <c r="AC133507" i="1"/>
  <c r="AC133508" i="1"/>
  <c r="AC133509" i="1"/>
  <c r="AC133510" i="1"/>
  <c r="AC133511" i="1"/>
  <c r="AC133512" i="1"/>
  <c r="AC133513" i="1"/>
  <c r="AC133514" i="1"/>
  <c r="AC133515" i="1"/>
  <c r="AC133516" i="1"/>
  <c r="AC133517" i="1"/>
  <c r="AC133518" i="1"/>
  <c r="AC133519" i="1"/>
  <c r="AC133520" i="1"/>
  <c r="AC133521" i="1"/>
  <c r="AC133522" i="1"/>
  <c r="AC133523" i="1"/>
  <c r="AC133524" i="1"/>
  <c r="AC133525" i="1"/>
  <c r="AC133526" i="1"/>
  <c r="AC133527" i="1"/>
  <c r="AC133528" i="1"/>
  <c r="AC133529" i="1"/>
  <c r="AC133530" i="1"/>
  <c r="AC133531" i="1"/>
  <c r="AC133532" i="1"/>
  <c r="AC133533" i="1"/>
  <c r="AC133534" i="1"/>
  <c r="AC133535" i="1"/>
  <c r="AC133536" i="1"/>
  <c r="AC133537" i="1"/>
  <c r="AC133538" i="1"/>
  <c r="AC133539" i="1"/>
  <c r="AC133540" i="1"/>
  <c r="AC133541" i="1"/>
  <c r="AC133542" i="1"/>
  <c r="AC133543" i="1"/>
  <c r="AC133544" i="1"/>
  <c r="AC133545" i="1"/>
  <c r="AC133546" i="1"/>
  <c r="AC133547" i="1"/>
  <c r="AC133548" i="1"/>
  <c r="AC133549" i="1"/>
  <c r="AC133550" i="1"/>
  <c r="AC133551" i="1"/>
  <c r="AC133552" i="1"/>
  <c r="AC133553" i="1"/>
  <c r="AC133554" i="1"/>
  <c r="AC133555" i="1"/>
  <c r="AC133556" i="1"/>
  <c r="AC133557" i="1"/>
  <c r="AC133558" i="1"/>
  <c r="AC133559" i="1"/>
  <c r="AC133560" i="1"/>
  <c r="AC133561" i="1"/>
  <c r="AC133562" i="1"/>
  <c r="AC133563" i="1"/>
  <c r="AC133564" i="1"/>
  <c r="AC133565" i="1"/>
  <c r="AC133566" i="1"/>
  <c r="AC133567" i="1"/>
  <c r="AC133568" i="1"/>
  <c r="AC133569" i="1"/>
  <c r="AC133570" i="1"/>
  <c r="AC133571" i="1"/>
  <c r="AC133572" i="1"/>
  <c r="AC133573" i="1"/>
  <c r="AC133574" i="1"/>
  <c r="AC133575" i="1"/>
  <c r="AC133576" i="1"/>
  <c r="AC133577" i="1"/>
  <c r="AC133578" i="1"/>
  <c r="AC133579" i="1"/>
  <c r="AC133580" i="1"/>
  <c r="AC133581" i="1"/>
  <c r="AC133582" i="1"/>
  <c r="AC133583" i="1"/>
  <c r="AC133584" i="1"/>
  <c r="AC133585" i="1"/>
  <c r="AC133586" i="1"/>
  <c r="AC133587" i="1"/>
  <c r="AC133588" i="1"/>
  <c r="AC133589" i="1"/>
  <c r="AC133590" i="1"/>
  <c r="AC133591" i="1"/>
  <c r="AC133592" i="1"/>
  <c r="AC133593" i="1"/>
  <c r="AC133594" i="1"/>
  <c r="AC133595" i="1"/>
  <c r="AC133596" i="1"/>
  <c r="AC133597" i="1"/>
  <c r="AC133598" i="1"/>
  <c r="AC133599" i="1"/>
  <c r="AC133600" i="1"/>
  <c r="AC133601" i="1"/>
  <c r="AC133602" i="1"/>
  <c r="AC133603" i="1"/>
  <c r="AC133604" i="1"/>
  <c r="AC133605" i="1"/>
  <c r="AC133606" i="1"/>
  <c r="AC133607" i="1"/>
  <c r="AC133608" i="1"/>
  <c r="AC133609" i="1"/>
  <c r="AC133610" i="1"/>
  <c r="AC133611" i="1"/>
  <c r="AC133612" i="1"/>
  <c r="AC133613" i="1"/>
  <c r="AC133614" i="1"/>
  <c r="AC133615" i="1"/>
  <c r="AC133616" i="1"/>
  <c r="AC133617" i="1"/>
  <c r="AC133618" i="1"/>
  <c r="AC133619" i="1"/>
  <c r="AC133620" i="1"/>
  <c r="AC133621" i="1"/>
  <c r="AC133622" i="1"/>
  <c r="AC133623" i="1"/>
  <c r="AC133624" i="1"/>
  <c r="AC133625" i="1"/>
  <c r="AC133626" i="1"/>
  <c r="AC133627" i="1"/>
  <c r="AC133628" i="1"/>
  <c r="AC133629" i="1"/>
  <c r="AC133630" i="1"/>
  <c r="AC133631" i="1"/>
  <c r="AC133632" i="1"/>
  <c r="AC133633" i="1"/>
  <c r="AC133634" i="1"/>
  <c r="AC133635" i="1"/>
  <c r="AC133636" i="1"/>
  <c r="AC133637" i="1"/>
  <c r="AC133638" i="1"/>
  <c r="AC133639" i="1"/>
  <c r="AC133640" i="1"/>
  <c r="AC133641" i="1"/>
  <c r="AC133642" i="1"/>
  <c r="AC133643" i="1"/>
  <c r="AC133644" i="1"/>
  <c r="AC133645" i="1"/>
  <c r="AC133646" i="1"/>
  <c r="AC133647" i="1"/>
  <c r="AC133648" i="1"/>
  <c r="AC133649" i="1"/>
  <c r="AC133650" i="1"/>
  <c r="AC133651" i="1"/>
  <c r="AC133652" i="1"/>
  <c r="AC133653" i="1"/>
  <c r="AC133654" i="1"/>
  <c r="AC133655" i="1"/>
  <c r="AC133656" i="1"/>
  <c r="AC133657" i="1"/>
  <c r="AC133658" i="1"/>
  <c r="AC133659" i="1"/>
  <c r="AC133660" i="1"/>
  <c r="AC133661" i="1"/>
  <c r="AC133662" i="1"/>
  <c r="AC133663" i="1"/>
  <c r="AC133664" i="1"/>
  <c r="AC133665" i="1"/>
  <c r="AC133666" i="1"/>
  <c r="AC133667" i="1"/>
  <c r="AC133668" i="1"/>
  <c r="AC133669" i="1"/>
  <c r="AC133670" i="1"/>
  <c r="AC133671" i="1"/>
  <c r="AC133672" i="1"/>
  <c r="AC133673" i="1"/>
  <c r="AC133674" i="1"/>
  <c r="AC133675" i="1"/>
  <c r="AC133676" i="1"/>
  <c r="AC133677" i="1"/>
  <c r="AC133678" i="1"/>
  <c r="AC133679" i="1"/>
  <c r="AC133680" i="1"/>
  <c r="AC133681" i="1"/>
  <c r="AC133682" i="1"/>
  <c r="AC133683" i="1"/>
  <c r="AC133684" i="1"/>
  <c r="AC133685" i="1"/>
  <c r="AC133686" i="1"/>
  <c r="AC133687" i="1"/>
  <c r="AC133688" i="1"/>
  <c r="AC133689" i="1"/>
  <c r="AC133690" i="1"/>
  <c r="AC133691" i="1"/>
  <c r="AC133692" i="1"/>
  <c r="AC133693" i="1"/>
  <c r="AC133694" i="1"/>
  <c r="AC133695" i="1"/>
  <c r="AC133696" i="1"/>
  <c r="AC133697" i="1"/>
  <c r="AC133698" i="1"/>
  <c r="AC133699" i="1"/>
  <c r="AC133700" i="1"/>
  <c r="AC133701" i="1"/>
  <c r="AC133702" i="1"/>
  <c r="AC133703" i="1"/>
  <c r="AC133704" i="1"/>
  <c r="AC133705" i="1"/>
  <c r="AC133706" i="1"/>
  <c r="AC133707" i="1"/>
  <c r="AC133708" i="1"/>
  <c r="AC133709" i="1"/>
  <c r="AC133710" i="1"/>
  <c r="AC133711" i="1"/>
  <c r="AC133712" i="1"/>
  <c r="AC133713" i="1"/>
  <c r="AC133714" i="1"/>
  <c r="AC133715" i="1"/>
  <c r="AC133716" i="1"/>
  <c r="AC133717" i="1"/>
  <c r="AC133718" i="1"/>
  <c r="AC133719" i="1"/>
  <c r="AC133720" i="1"/>
  <c r="AC133721" i="1"/>
  <c r="AC133722" i="1"/>
  <c r="AC133723" i="1"/>
  <c r="AC133724" i="1"/>
  <c r="AC133725" i="1"/>
  <c r="AC133726" i="1"/>
  <c r="AC133727" i="1"/>
  <c r="AC133728" i="1"/>
  <c r="AC133729" i="1"/>
  <c r="AC133730" i="1"/>
  <c r="AC133731" i="1"/>
  <c r="AC133732" i="1"/>
  <c r="AC133733" i="1"/>
  <c r="AC133734" i="1"/>
  <c r="AC133735" i="1"/>
  <c r="AC133736" i="1"/>
  <c r="AC133737" i="1"/>
  <c r="AC133738" i="1"/>
  <c r="AC133739" i="1"/>
  <c r="AC133740" i="1"/>
  <c r="AC133741" i="1"/>
  <c r="AC133742" i="1"/>
  <c r="AC133743" i="1"/>
  <c r="AC133744" i="1"/>
  <c r="AC133745" i="1"/>
  <c r="AC133746" i="1"/>
  <c r="AC133747" i="1"/>
  <c r="AC133748" i="1"/>
  <c r="AC133749" i="1"/>
  <c r="AC133750" i="1"/>
  <c r="AC133751" i="1"/>
  <c r="AC133752" i="1"/>
  <c r="AC133753" i="1"/>
  <c r="AC133754" i="1"/>
  <c r="AC133755" i="1"/>
  <c r="AC133756" i="1"/>
  <c r="AC133757" i="1"/>
  <c r="AC133758" i="1"/>
  <c r="AC133759" i="1"/>
  <c r="AC133760" i="1"/>
  <c r="AC133761" i="1"/>
  <c r="AC133762" i="1"/>
  <c r="AC133763" i="1"/>
  <c r="AC133764" i="1"/>
  <c r="AC133765" i="1"/>
  <c r="AC133766" i="1"/>
  <c r="AC133767" i="1"/>
  <c r="AC133768" i="1"/>
  <c r="AC133769" i="1"/>
  <c r="AC133770" i="1"/>
  <c r="AC133771" i="1"/>
  <c r="AC133772" i="1"/>
  <c r="AC133773" i="1"/>
  <c r="AC133774" i="1"/>
  <c r="AC133775" i="1"/>
  <c r="AC133776" i="1"/>
  <c r="AC133777" i="1"/>
  <c r="AC133778" i="1"/>
  <c r="AC133779" i="1"/>
  <c r="AC133780" i="1"/>
  <c r="AC133781" i="1"/>
  <c r="AC133782" i="1"/>
  <c r="AC133783" i="1"/>
  <c r="AC133784" i="1"/>
  <c r="AC133785" i="1"/>
  <c r="AC133786" i="1"/>
  <c r="AC133787" i="1"/>
  <c r="AC133788" i="1"/>
  <c r="AC133789" i="1"/>
  <c r="AC133790" i="1"/>
  <c r="AC133791" i="1"/>
  <c r="AC133792" i="1"/>
  <c r="AC133793" i="1"/>
  <c r="AC133794" i="1"/>
  <c r="AC133795" i="1"/>
  <c r="AC133796" i="1"/>
  <c r="AC133797" i="1"/>
  <c r="AC133798" i="1"/>
  <c r="AC133799" i="1"/>
  <c r="AC133800" i="1"/>
  <c r="AC133801" i="1"/>
  <c r="AC133802" i="1"/>
  <c r="AC133803" i="1"/>
  <c r="AC133804" i="1"/>
  <c r="AC133805" i="1"/>
  <c r="AC133806" i="1"/>
  <c r="AC133807" i="1"/>
  <c r="AC133808" i="1"/>
  <c r="AC133809" i="1"/>
  <c r="AC133810" i="1"/>
  <c r="AC133811" i="1"/>
  <c r="AC133812" i="1"/>
  <c r="AC133813" i="1"/>
  <c r="AC133814" i="1"/>
  <c r="AC133815" i="1"/>
  <c r="AC133816" i="1"/>
  <c r="AC133817" i="1"/>
  <c r="AC133818" i="1"/>
  <c r="AC133819" i="1"/>
  <c r="AC133820" i="1"/>
  <c r="AC133821" i="1"/>
  <c r="AC133822" i="1"/>
  <c r="AC133823" i="1"/>
  <c r="AC133824" i="1"/>
  <c r="AC133825" i="1"/>
  <c r="AC133826" i="1"/>
  <c r="AC133827" i="1"/>
  <c r="AC133828" i="1"/>
  <c r="AC133829" i="1"/>
  <c r="AC133830" i="1"/>
  <c r="AC133831" i="1"/>
  <c r="AC133832" i="1"/>
  <c r="AC133833" i="1"/>
  <c r="AC133834" i="1"/>
  <c r="AC133835" i="1"/>
  <c r="AC133836" i="1"/>
  <c r="AC133837" i="1"/>
  <c r="AC133838" i="1"/>
  <c r="AC133839" i="1"/>
  <c r="AC133840" i="1"/>
  <c r="AC133841" i="1"/>
  <c r="AC133842" i="1"/>
  <c r="AC133843" i="1"/>
  <c r="AC133844" i="1"/>
  <c r="AC133845" i="1"/>
  <c r="AC133846" i="1"/>
  <c r="AC133847" i="1"/>
  <c r="AC133848" i="1"/>
  <c r="AC133849" i="1"/>
  <c r="AC133850" i="1"/>
  <c r="AC133851" i="1"/>
  <c r="AC133852" i="1"/>
  <c r="AC133853" i="1"/>
  <c r="AC133854" i="1"/>
  <c r="AC133855" i="1"/>
  <c r="AC133856" i="1"/>
  <c r="AC133857" i="1"/>
  <c r="AC133858" i="1"/>
  <c r="AC133859" i="1"/>
  <c r="AC133860" i="1"/>
  <c r="AC133861" i="1"/>
  <c r="AC133862" i="1"/>
  <c r="AC133863" i="1"/>
  <c r="AC133864" i="1"/>
  <c r="AC133865" i="1"/>
  <c r="AC133866" i="1"/>
  <c r="AC133867" i="1"/>
  <c r="AC133868" i="1"/>
  <c r="AC133869" i="1"/>
  <c r="AC133870" i="1"/>
  <c r="AC133871" i="1"/>
  <c r="AC133872" i="1"/>
  <c r="AC133873" i="1"/>
  <c r="AC133874" i="1"/>
  <c r="AC133875" i="1"/>
  <c r="AC133876" i="1"/>
  <c r="AC133877" i="1"/>
  <c r="AC133878" i="1"/>
  <c r="AC133879" i="1"/>
  <c r="AC133880" i="1"/>
  <c r="AC133881" i="1"/>
  <c r="AC133882" i="1"/>
  <c r="AC133883" i="1"/>
  <c r="AC133884" i="1"/>
  <c r="AC133885" i="1"/>
  <c r="AC133886" i="1"/>
  <c r="AC133887" i="1"/>
  <c r="AC133888" i="1"/>
  <c r="AC133889" i="1"/>
  <c r="AC133890" i="1"/>
  <c r="AC133891" i="1"/>
  <c r="AC133892" i="1"/>
  <c r="AC133893" i="1"/>
  <c r="AC133894" i="1"/>
  <c r="AC133895" i="1"/>
  <c r="AC133896" i="1"/>
  <c r="AC133897" i="1"/>
  <c r="AC133898" i="1"/>
  <c r="AC133899" i="1"/>
  <c r="AC133900" i="1"/>
  <c r="AC133901" i="1"/>
  <c r="AC133902" i="1"/>
  <c r="AC133903" i="1"/>
  <c r="AC133904" i="1"/>
  <c r="AC133905" i="1"/>
  <c r="AC133906" i="1"/>
  <c r="AC133907" i="1"/>
  <c r="AC133908" i="1"/>
  <c r="AC133909" i="1"/>
  <c r="AC133910" i="1"/>
  <c r="AC133911" i="1"/>
  <c r="AC133912" i="1"/>
  <c r="AC133913" i="1"/>
  <c r="AC133914" i="1"/>
  <c r="AC133915" i="1"/>
  <c r="AC133916" i="1"/>
  <c r="AC133917" i="1"/>
  <c r="AC133918" i="1"/>
  <c r="AC133919" i="1"/>
  <c r="AC133920" i="1"/>
  <c r="AC133921" i="1"/>
  <c r="AC133922" i="1"/>
  <c r="AC133923" i="1"/>
  <c r="AC133924" i="1"/>
  <c r="AC133925" i="1"/>
  <c r="AC133926" i="1"/>
  <c r="AC133927" i="1"/>
  <c r="AC133928" i="1"/>
  <c r="AC133929" i="1"/>
  <c r="AC133930" i="1"/>
  <c r="AC133931" i="1"/>
  <c r="AC133932" i="1"/>
  <c r="AC133933" i="1"/>
  <c r="AC133934" i="1"/>
  <c r="AC133935" i="1"/>
  <c r="AC133936" i="1"/>
  <c r="AC133937" i="1"/>
  <c r="AC133938" i="1"/>
  <c r="AC133939" i="1"/>
  <c r="AC133940" i="1"/>
  <c r="AC133941" i="1"/>
  <c r="AC133942" i="1"/>
  <c r="AC133943" i="1"/>
  <c r="AC133944" i="1"/>
  <c r="AC133945" i="1"/>
  <c r="AC133946" i="1"/>
  <c r="AC133947" i="1"/>
  <c r="AC133948" i="1"/>
  <c r="AC133949" i="1"/>
  <c r="AC133950" i="1"/>
  <c r="AC133951" i="1"/>
  <c r="AC133952" i="1"/>
  <c r="AC133953" i="1"/>
  <c r="AC133954" i="1"/>
  <c r="AC133955" i="1"/>
  <c r="AC133956" i="1"/>
  <c r="AC133957" i="1"/>
  <c r="AC133958" i="1"/>
  <c r="AC133959" i="1"/>
  <c r="AC133960" i="1"/>
  <c r="AC133961" i="1"/>
  <c r="AC133962" i="1"/>
  <c r="AC133963" i="1"/>
  <c r="AC133964" i="1"/>
  <c r="AC133965" i="1"/>
  <c r="AC133966" i="1"/>
  <c r="AC133967" i="1"/>
  <c r="AC133968" i="1"/>
  <c r="AC133969" i="1"/>
  <c r="AC133970" i="1"/>
  <c r="AC133971" i="1"/>
  <c r="AC133972" i="1"/>
  <c r="AC133973" i="1"/>
  <c r="AC133974" i="1"/>
  <c r="AC133975" i="1"/>
  <c r="AC133976" i="1"/>
  <c r="AC133977" i="1"/>
  <c r="AC133978" i="1"/>
  <c r="AC133979" i="1"/>
  <c r="AC133980" i="1"/>
  <c r="AC133981" i="1"/>
  <c r="AC133982" i="1"/>
  <c r="AC133983" i="1"/>
  <c r="AC133984" i="1"/>
  <c r="AC133985" i="1"/>
  <c r="AC133986" i="1"/>
  <c r="AC133987" i="1"/>
  <c r="AC133988" i="1"/>
  <c r="AC133989" i="1"/>
  <c r="AC133990" i="1"/>
  <c r="AC133991" i="1"/>
  <c r="AC133992" i="1"/>
  <c r="AC133993" i="1"/>
  <c r="AC133994" i="1"/>
  <c r="AC133995" i="1"/>
  <c r="AC133996" i="1"/>
  <c r="AC133997" i="1"/>
  <c r="AC133998" i="1"/>
  <c r="AC133999" i="1"/>
  <c r="AC134000" i="1"/>
  <c r="AC134001" i="1"/>
  <c r="AC134002" i="1"/>
  <c r="AC134003" i="1"/>
  <c r="AC134004" i="1"/>
  <c r="AC134005" i="1"/>
  <c r="AC134006" i="1"/>
  <c r="AC134007" i="1"/>
  <c r="AC134008" i="1"/>
  <c r="AC134009" i="1"/>
  <c r="AC134010" i="1"/>
  <c r="AC134011" i="1"/>
  <c r="AC134012" i="1"/>
  <c r="AC134013" i="1"/>
  <c r="AC134014" i="1"/>
  <c r="AC134015" i="1"/>
  <c r="AC134016" i="1"/>
  <c r="AC134017" i="1"/>
  <c r="AC134018" i="1"/>
  <c r="AC134019" i="1"/>
  <c r="AC134020" i="1"/>
  <c r="AC134021" i="1"/>
  <c r="AC134022" i="1"/>
  <c r="AC134023" i="1"/>
  <c r="AC134024" i="1"/>
  <c r="AC134025" i="1"/>
  <c r="AC134026" i="1"/>
  <c r="AC134027" i="1"/>
  <c r="AC134028" i="1"/>
  <c r="AC134029" i="1"/>
  <c r="AC134030" i="1"/>
  <c r="AC134031" i="1"/>
  <c r="AC134032" i="1"/>
  <c r="AC134033" i="1"/>
  <c r="AC134034" i="1"/>
  <c r="AC134035" i="1"/>
  <c r="AC134036" i="1"/>
  <c r="AC134037" i="1"/>
  <c r="AC134038" i="1"/>
  <c r="AC134039" i="1"/>
  <c r="AC134040" i="1"/>
  <c r="AC134041" i="1"/>
  <c r="AC134042" i="1"/>
  <c r="AC134043" i="1"/>
  <c r="AC134044" i="1"/>
  <c r="AC134045" i="1"/>
  <c r="AC134046" i="1"/>
  <c r="AC134047" i="1"/>
  <c r="AC134048" i="1"/>
  <c r="AC134049" i="1"/>
  <c r="AC134050" i="1"/>
  <c r="AC134051" i="1"/>
  <c r="AC134052" i="1"/>
  <c r="AC134053" i="1"/>
  <c r="AC134054" i="1"/>
  <c r="AC134055" i="1"/>
  <c r="AC134056" i="1"/>
  <c r="AC134057" i="1"/>
  <c r="AC134058" i="1"/>
  <c r="AC134059" i="1"/>
  <c r="AC134060" i="1"/>
  <c r="AC134061" i="1"/>
  <c r="AC134062" i="1"/>
  <c r="AC134063" i="1"/>
  <c r="AC134064" i="1"/>
  <c r="AC134065" i="1"/>
  <c r="AC134066" i="1"/>
  <c r="AC134067" i="1"/>
  <c r="AC134068" i="1"/>
  <c r="AC134069" i="1"/>
  <c r="AC134070" i="1"/>
  <c r="AC134071" i="1"/>
  <c r="AC134072" i="1"/>
  <c r="AC134073" i="1"/>
  <c r="AC134074" i="1"/>
  <c r="AC134075" i="1"/>
  <c r="AC134076" i="1"/>
  <c r="AC134077" i="1"/>
  <c r="AC134078" i="1"/>
  <c r="AC134079" i="1"/>
  <c r="AC134080" i="1"/>
  <c r="AC134081" i="1"/>
  <c r="AC134082" i="1"/>
  <c r="AC134083" i="1"/>
  <c r="AC134084" i="1"/>
  <c r="AC134085" i="1"/>
  <c r="AC134086" i="1"/>
  <c r="AC134087" i="1"/>
  <c r="AC134088" i="1"/>
  <c r="AC134089" i="1"/>
  <c r="AC134090" i="1"/>
  <c r="AC134091" i="1"/>
  <c r="AC134092" i="1"/>
  <c r="AC134093" i="1"/>
  <c r="AC134094" i="1"/>
  <c r="AC134095" i="1"/>
  <c r="AC134096" i="1"/>
  <c r="AC134097" i="1"/>
  <c r="AC134098" i="1"/>
  <c r="AC134099" i="1"/>
  <c r="AC134100" i="1"/>
  <c r="AC134101" i="1"/>
  <c r="AC134102" i="1"/>
  <c r="AC134103" i="1"/>
  <c r="AC134104" i="1"/>
  <c r="AC134105" i="1"/>
  <c r="AC134106" i="1"/>
  <c r="AC134107" i="1"/>
  <c r="AC134108" i="1"/>
  <c r="AC134109" i="1"/>
  <c r="AC134110" i="1"/>
  <c r="AC134111" i="1"/>
  <c r="AC134112" i="1"/>
  <c r="AC134113" i="1"/>
  <c r="AC134114" i="1"/>
  <c r="AC134115" i="1"/>
  <c r="AC134116" i="1"/>
  <c r="AC134117" i="1"/>
  <c r="AC134118" i="1"/>
  <c r="AC134119" i="1"/>
  <c r="AC134120" i="1"/>
  <c r="AC134121" i="1"/>
  <c r="AC134122" i="1"/>
  <c r="AC134123" i="1"/>
  <c r="AC134124" i="1"/>
  <c r="AC134125" i="1"/>
  <c r="AC134126" i="1"/>
  <c r="AC134127" i="1"/>
  <c r="AC134128" i="1"/>
  <c r="AC134129" i="1"/>
  <c r="AC134130" i="1"/>
  <c r="AC134131" i="1"/>
  <c r="AC134132" i="1"/>
  <c r="AC134133" i="1"/>
  <c r="AC134134" i="1"/>
  <c r="AC134135" i="1"/>
  <c r="AC134136" i="1"/>
  <c r="AC134137" i="1"/>
  <c r="AC134138" i="1"/>
  <c r="AC134139" i="1"/>
  <c r="AC134140" i="1"/>
  <c r="AC134141" i="1"/>
  <c r="AC134142" i="1"/>
  <c r="AC134143" i="1"/>
  <c r="AC134144" i="1"/>
  <c r="AC134145" i="1"/>
  <c r="AC134146" i="1"/>
  <c r="AC134147" i="1"/>
  <c r="AC134148" i="1"/>
  <c r="AC134149" i="1"/>
  <c r="AC134150" i="1"/>
  <c r="AC134151" i="1"/>
  <c r="AC134152" i="1"/>
  <c r="AC134153" i="1"/>
  <c r="AC134154" i="1"/>
  <c r="AC134155" i="1"/>
  <c r="AC134156" i="1"/>
  <c r="AC134157" i="1"/>
  <c r="AC134158" i="1"/>
  <c r="AC134159" i="1"/>
  <c r="AC134160" i="1"/>
  <c r="AC134161" i="1"/>
  <c r="AC134162" i="1"/>
  <c r="AC134163" i="1"/>
  <c r="AC134164" i="1"/>
  <c r="AC134165" i="1"/>
  <c r="AC134166" i="1"/>
  <c r="AC134167" i="1"/>
  <c r="AC134168" i="1"/>
  <c r="AC134169" i="1"/>
  <c r="AC134170" i="1"/>
  <c r="AC134171" i="1"/>
  <c r="AC134172" i="1"/>
  <c r="AC134173" i="1"/>
  <c r="AC134174" i="1"/>
  <c r="AC134175" i="1"/>
  <c r="AC134176" i="1"/>
  <c r="AC134177" i="1"/>
  <c r="AC134178" i="1"/>
  <c r="AC134179" i="1"/>
  <c r="AC134180" i="1"/>
  <c r="AC134181" i="1"/>
  <c r="AC134182" i="1"/>
  <c r="AC134183" i="1"/>
  <c r="AC134184" i="1"/>
  <c r="AC134185" i="1"/>
  <c r="AC134186" i="1"/>
  <c r="AC134187" i="1"/>
  <c r="AC134188" i="1"/>
  <c r="AC134189" i="1"/>
  <c r="AC134190" i="1"/>
  <c r="AC134191" i="1"/>
  <c r="AC134192" i="1"/>
  <c r="AC134193" i="1"/>
  <c r="AC134194" i="1"/>
  <c r="AC134195" i="1"/>
  <c r="AC134196" i="1"/>
  <c r="AC134197" i="1"/>
  <c r="AC134198" i="1"/>
  <c r="AC134199" i="1"/>
  <c r="AC134200" i="1"/>
  <c r="AC134201" i="1"/>
  <c r="AC134202" i="1"/>
  <c r="AC134203" i="1"/>
  <c r="AC134204" i="1"/>
  <c r="AC134205" i="1"/>
  <c r="AC134206" i="1"/>
  <c r="AC134207" i="1"/>
  <c r="AC134208" i="1"/>
  <c r="AC134209" i="1"/>
  <c r="AC134210" i="1"/>
  <c r="AC134211" i="1"/>
  <c r="AC134212" i="1"/>
  <c r="AC134213" i="1"/>
  <c r="AC134214" i="1"/>
  <c r="AC134215" i="1"/>
  <c r="AC134216" i="1"/>
  <c r="AC134217" i="1"/>
  <c r="AC134218" i="1"/>
  <c r="AC134219" i="1"/>
  <c r="AC134220" i="1"/>
  <c r="AC134221" i="1"/>
  <c r="AC134222" i="1"/>
  <c r="AC134223" i="1"/>
  <c r="AC134224" i="1"/>
  <c r="AC134225" i="1"/>
  <c r="AC134226" i="1"/>
  <c r="AC134227" i="1"/>
  <c r="AC134228" i="1"/>
  <c r="AC134229" i="1"/>
  <c r="AC134230" i="1"/>
  <c r="AC134231" i="1"/>
  <c r="AC134232" i="1"/>
  <c r="AC134233" i="1"/>
  <c r="AC134234" i="1"/>
  <c r="AC134235" i="1"/>
  <c r="AC134236" i="1"/>
  <c r="AC134237" i="1"/>
  <c r="AC134238" i="1"/>
  <c r="AC134239" i="1"/>
  <c r="AC134240" i="1"/>
  <c r="AC134241" i="1"/>
  <c r="AC134242" i="1"/>
  <c r="AC134243" i="1"/>
  <c r="AC134244" i="1"/>
  <c r="AC134245" i="1"/>
  <c r="AC134246" i="1"/>
  <c r="AC134247" i="1"/>
  <c r="AC134248" i="1"/>
  <c r="AC134249" i="1"/>
  <c r="AC134250" i="1"/>
  <c r="AC134251" i="1"/>
  <c r="AC134252" i="1"/>
  <c r="AC134253" i="1"/>
  <c r="AC134254" i="1"/>
  <c r="AC134255" i="1"/>
  <c r="AC134256" i="1"/>
  <c r="AC134257" i="1"/>
  <c r="AC134258" i="1"/>
  <c r="AC134259" i="1"/>
  <c r="AC134260" i="1"/>
  <c r="AC134261" i="1"/>
  <c r="AC134262" i="1"/>
  <c r="AC134263" i="1"/>
  <c r="AC134264" i="1"/>
  <c r="AC134265" i="1"/>
  <c r="AC134266" i="1"/>
  <c r="AC134267" i="1"/>
  <c r="AC134268" i="1"/>
  <c r="AC134269" i="1"/>
  <c r="AC134270" i="1"/>
  <c r="AC134271" i="1"/>
  <c r="AC134272" i="1"/>
  <c r="AC134273" i="1"/>
  <c r="AC134274" i="1"/>
  <c r="AC134275" i="1"/>
  <c r="AC134276" i="1"/>
  <c r="AC134277" i="1"/>
  <c r="AC134278" i="1"/>
  <c r="AC134279" i="1"/>
  <c r="AC134280" i="1"/>
  <c r="AC134281" i="1"/>
  <c r="AC134282" i="1"/>
  <c r="AC134283" i="1"/>
  <c r="AC134284" i="1"/>
  <c r="AC134285" i="1"/>
  <c r="AC134286" i="1"/>
  <c r="AC134287" i="1"/>
  <c r="AC134288" i="1"/>
  <c r="AC134289" i="1"/>
  <c r="AC134290" i="1"/>
  <c r="AC134291" i="1"/>
  <c r="AC134292" i="1"/>
  <c r="AC134293" i="1"/>
  <c r="AC134294" i="1"/>
  <c r="AC134295" i="1"/>
  <c r="AC134296" i="1"/>
  <c r="AC134297" i="1"/>
  <c r="AC134298" i="1"/>
  <c r="AC134299" i="1"/>
  <c r="AC134300" i="1"/>
  <c r="AC134301" i="1"/>
  <c r="AC134302" i="1"/>
  <c r="AC134303" i="1"/>
  <c r="AC134304" i="1"/>
  <c r="AC134305" i="1"/>
  <c r="AC134306" i="1"/>
  <c r="AC134307" i="1"/>
  <c r="AC134308" i="1"/>
  <c r="AC134309" i="1"/>
  <c r="AC134310" i="1"/>
  <c r="AC134311" i="1"/>
  <c r="AC134312" i="1"/>
  <c r="AC134313" i="1"/>
  <c r="AC134314" i="1"/>
  <c r="AC134315" i="1"/>
  <c r="AC134316" i="1"/>
  <c r="AC134317" i="1"/>
  <c r="AC134318" i="1"/>
  <c r="AC134319" i="1"/>
  <c r="AC134320" i="1"/>
  <c r="AC134321" i="1"/>
  <c r="AC134322" i="1"/>
  <c r="AC134323" i="1"/>
  <c r="AC134324" i="1"/>
  <c r="AC134325" i="1"/>
  <c r="AC134326" i="1"/>
  <c r="AC134327" i="1"/>
  <c r="AC134328" i="1"/>
  <c r="AC134329" i="1"/>
  <c r="AC134330" i="1"/>
  <c r="AC134331" i="1"/>
  <c r="AC134332" i="1"/>
  <c r="AC134333" i="1"/>
  <c r="AC134334" i="1"/>
  <c r="AC134335" i="1"/>
  <c r="AC134336" i="1"/>
  <c r="AC134337" i="1"/>
  <c r="AC134338" i="1"/>
  <c r="AC134339" i="1"/>
  <c r="AC134340" i="1"/>
  <c r="AC134341" i="1"/>
  <c r="AC134342" i="1"/>
  <c r="AC134343" i="1"/>
  <c r="AC134344" i="1"/>
  <c r="AC134345" i="1"/>
  <c r="AC134346" i="1"/>
  <c r="AC134347" i="1"/>
  <c r="AC134348" i="1"/>
  <c r="AC134349" i="1"/>
  <c r="AC134350" i="1"/>
  <c r="AC134351" i="1"/>
  <c r="AC134352" i="1"/>
  <c r="AC134353" i="1"/>
  <c r="AC134354" i="1"/>
  <c r="AC134355" i="1"/>
  <c r="AC134356" i="1"/>
  <c r="AC134357" i="1"/>
  <c r="AC134358" i="1"/>
  <c r="AC134359" i="1"/>
  <c r="AC134360" i="1"/>
  <c r="AC134361" i="1"/>
  <c r="AC134362" i="1"/>
  <c r="AC134363" i="1"/>
  <c r="AC134364" i="1"/>
  <c r="AC134365" i="1"/>
  <c r="AC134366" i="1"/>
  <c r="AC134367" i="1"/>
  <c r="AC134368" i="1"/>
  <c r="AC134369" i="1"/>
  <c r="AC134370" i="1"/>
  <c r="AC134371" i="1"/>
  <c r="AC134372" i="1"/>
  <c r="AC134373" i="1"/>
  <c r="AC134374" i="1"/>
  <c r="AC134375" i="1"/>
  <c r="AC134376" i="1"/>
  <c r="AC134377" i="1"/>
  <c r="AC134378" i="1"/>
  <c r="AC134379" i="1"/>
  <c r="AC134380" i="1"/>
  <c r="AC134381" i="1"/>
  <c r="AC134382" i="1"/>
  <c r="AC134383" i="1"/>
  <c r="AC134384" i="1"/>
  <c r="AC134385" i="1"/>
  <c r="AC134386" i="1"/>
  <c r="AC134387" i="1"/>
  <c r="AC134388" i="1"/>
  <c r="AC134389" i="1"/>
  <c r="AC134390" i="1"/>
  <c r="AC134391" i="1"/>
  <c r="AC134392" i="1"/>
  <c r="AC134393" i="1"/>
  <c r="AC134394" i="1"/>
  <c r="AC134395" i="1"/>
  <c r="AC134396" i="1"/>
  <c r="AC134397" i="1"/>
  <c r="AC134398" i="1"/>
  <c r="AC134399" i="1"/>
  <c r="AC134400" i="1"/>
  <c r="AC134401" i="1"/>
  <c r="AC134402" i="1"/>
  <c r="AC134403" i="1"/>
  <c r="AC134404" i="1"/>
  <c r="AC134405" i="1"/>
  <c r="AC134406" i="1"/>
  <c r="AC134407" i="1"/>
  <c r="AC134408" i="1"/>
  <c r="AC134409" i="1"/>
  <c r="AC134410" i="1"/>
  <c r="AC134411" i="1"/>
  <c r="AC134412" i="1"/>
  <c r="AC134413" i="1"/>
  <c r="AC134414" i="1"/>
  <c r="AC134415" i="1"/>
  <c r="AC134416" i="1"/>
  <c r="AC134417" i="1"/>
  <c r="AC134418" i="1"/>
  <c r="AC134419" i="1"/>
  <c r="AC134420" i="1"/>
  <c r="AC134421" i="1"/>
  <c r="AC134422" i="1"/>
  <c r="AC134423" i="1"/>
  <c r="AC134424" i="1"/>
  <c r="AC134425" i="1"/>
  <c r="AC134426" i="1"/>
  <c r="AC134427" i="1"/>
  <c r="AC134428" i="1"/>
  <c r="AC134429" i="1"/>
  <c r="AC134430" i="1"/>
  <c r="AC134431" i="1"/>
  <c r="AC134432" i="1"/>
  <c r="AC134433" i="1"/>
  <c r="AC134434" i="1"/>
  <c r="AC134435" i="1"/>
  <c r="AC134436" i="1"/>
  <c r="AC134437" i="1"/>
  <c r="AC134438" i="1"/>
  <c r="AC134439" i="1"/>
  <c r="AC134440" i="1"/>
  <c r="AC134441" i="1"/>
  <c r="AC134442" i="1"/>
  <c r="AC134443" i="1"/>
  <c r="AC134444" i="1"/>
  <c r="AC134445" i="1"/>
  <c r="AC134446" i="1"/>
  <c r="AC134447" i="1"/>
  <c r="AC134448" i="1"/>
  <c r="AC134449" i="1"/>
  <c r="AC134450" i="1"/>
  <c r="AC134451" i="1"/>
  <c r="AC134452" i="1"/>
  <c r="AC134453" i="1"/>
  <c r="AC134454" i="1"/>
  <c r="AC134455" i="1"/>
  <c r="AC134456" i="1"/>
  <c r="AC134457" i="1"/>
  <c r="AC134458" i="1"/>
  <c r="AC134459" i="1"/>
  <c r="AC134460" i="1"/>
  <c r="AC134461" i="1"/>
  <c r="AC134462" i="1"/>
  <c r="AC134463" i="1"/>
  <c r="AC134464" i="1"/>
  <c r="AC134465" i="1"/>
  <c r="AC134466" i="1"/>
  <c r="AC134467" i="1"/>
  <c r="AC134468" i="1"/>
  <c r="AC134469" i="1"/>
  <c r="AC134470" i="1"/>
  <c r="AC134471" i="1"/>
  <c r="AC134472" i="1"/>
  <c r="AC134473" i="1"/>
  <c r="AC134474" i="1"/>
  <c r="AC134475" i="1"/>
  <c r="AC134476" i="1"/>
  <c r="AC134477" i="1"/>
  <c r="AC134478" i="1"/>
  <c r="AC134479" i="1"/>
  <c r="AC134480" i="1"/>
  <c r="AC134481" i="1"/>
  <c r="AC134482" i="1"/>
  <c r="AC134483" i="1"/>
  <c r="AC134484" i="1"/>
  <c r="AC134485" i="1"/>
  <c r="AC134486" i="1"/>
  <c r="AC134487" i="1"/>
  <c r="AC134488" i="1"/>
  <c r="AC134489" i="1"/>
  <c r="AC134490" i="1"/>
  <c r="AC134491" i="1"/>
  <c r="AC134492" i="1"/>
  <c r="AC134493" i="1"/>
  <c r="AC134494" i="1"/>
  <c r="AC134495" i="1"/>
  <c r="AC134496" i="1"/>
  <c r="AC134497" i="1"/>
  <c r="AC134498" i="1"/>
  <c r="AC134499" i="1"/>
  <c r="AC134500" i="1"/>
  <c r="AC134501" i="1"/>
  <c r="AC134502" i="1"/>
  <c r="AC134503" i="1"/>
  <c r="AC134504" i="1"/>
  <c r="AC134505" i="1"/>
  <c r="AC134506" i="1"/>
  <c r="AC134507" i="1"/>
  <c r="AC134508" i="1"/>
  <c r="AC134509" i="1"/>
  <c r="AC134510" i="1"/>
  <c r="AC134511" i="1"/>
  <c r="AC134512" i="1"/>
  <c r="AC134513" i="1"/>
  <c r="AC134514" i="1"/>
  <c r="AC134515" i="1"/>
  <c r="AC134516" i="1"/>
  <c r="AC134517" i="1"/>
  <c r="AC134518" i="1"/>
  <c r="AC134519" i="1"/>
  <c r="AC134520" i="1"/>
  <c r="AC134521" i="1"/>
  <c r="AC134522" i="1"/>
  <c r="AC134523" i="1"/>
  <c r="AC134524" i="1"/>
  <c r="AC134525" i="1"/>
  <c r="AC134526" i="1"/>
  <c r="AC134527" i="1"/>
  <c r="AC134528" i="1"/>
  <c r="AC134529" i="1"/>
  <c r="AC134530" i="1"/>
  <c r="AC134531" i="1"/>
  <c r="AC134532" i="1"/>
  <c r="AC134533" i="1"/>
  <c r="AC134534" i="1"/>
  <c r="AC134535" i="1"/>
  <c r="AC134536" i="1"/>
  <c r="AC134537" i="1"/>
  <c r="AC134538" i="1"/>
  <c r="AC134539" i="1"/>
  <c r="AC134540" i="1"/>
  <c r="AC134541" i="1"/>
  <c r="AC134542" i="1"/>
  <c r="AC134543" i="1"/>
  <c r="AC134544" i="1"/>
  <c r="AC134545" i="1"/>
  <c r="AC134546" i="1"/>
  <c r="AC134547" i="1"/>
  <c r="AC134548" i="1"/>
  <c r="AC134549" i="1"/>
  <c r="AC134550" i="1"/>
  <c r="AC134551" i="1"/>
  <c r="AC134552" i="1"/>
  <c r="AC134553" i="1"/>
  <c r="AC134554" i="1"/>
  <c r="AC134555" i="1"/>
  <c r="AC134556" i="1"/>
  <c r="AC134557" i="1"/>
  <c r="AC134558" i="1"/>
  <c r="AC134559" i="1"/>
  <c r="AC134560" i="1"/>
  <c r="AC134561" i="1"/>
  <c r="AC134562" i="1"/>
  <c r="AC134563" i="1"/>
  <c r="AC134564" i="1"/>
  <c r="AC134565" i="1"/>
  <c r="AC134566" i="1"/>
  <c r="AC134567" i="1"/>
  <c r="AC134568" i="1"/>
  <c r="AC134569" i="1"/>
  <c r="AC134570" i="1"/>
  <c r="AC134571" i="1"/>
  <c r="AC134572" i="1"/>
  <c r="AC134573" i="1"/>
  <c r="AC134574" i="1"/>
  <c r="AC134575" i="1"/>
  <c r="AC134576" i="1"/>
  <c r="AC134577" i="1"/>
  <c r="AC134578" i="1"/>
  <c r="AC134579" i="1"/>
  <c r="AC134580" i="1"/>
  <c r="AC134581" i="1"/>
  <c r="AC134582" i="1"/>
  <c r="AC134583" i="1"/>
  <c r="AC134584" i="1"/>
  <c r="AC134585" i="1"/>
  <c r="AC134586" i="1"/>
  <c r="AC134587" i="1"/>
  <c r="AC134588" i="1"/>
  <c r="AC134589" i="1"/>
  <c r="AC134590" i="1"/>
  <c r="AC134591" i="1"/>
  <c r="AC134592" i="1"/>
  <c r="AC134593" i="1"/>
  <c r="AC134594" i="1"/>
  <c r="AC134595" i="1"/>
  <c r="AC134596" i="1"/>
  <c r="AC134597" i="1"/>
  <c r="AC134598" i="1"/>
  <c r="AC134599" i="1"/>
  <c r="AC134600" i="1"/>
  <c r="AC134601" i="1"/>
  <c r="AC134602" i="1"/>
  <c r="AC134603" i="1"/>
  <c r="AC134604" i="1"/>
  <c r="AC134605" i="1"/>
  <c r="AC134606" i="1"/>
  <c r="AC134607" i="1"/>
  <c r="AC134608" i="1"/>
  <c r="AC134609" i="1"/>
  <c r="AC134610" i="1"/>
  <c r="AC134611" i="1"/>
  <c r="AC134612" i="1"/>
  <c r="AC134613" i="1"/>
  <c r="AC134614" i="1"/>
  <c r="AC134615" i="1"/>
  <c r="AC134616" i="1"/>
  <c r="AC134617" i="1"/>
  <c r="AC134618" i="1"/>
  <c r="AC134619" i="1"/>
  <c r="AC134620" i="1"/>
  <c r="AC134621" i="1"/>
  <c r="AC134622" i="1"/>
  <c r="AC134623" i="1"/>
  <c r="AC134624" i="1"/>
  <c r="AC134625" i="1"/>
  <c r="AC134626" i="1"/>
  <c r="AC134627" i="1"/>
  <c r="AC134628" i="1"/>
  <c r="AC134629" i="1"/>
  <c r="AC134630" i="1"/>
  <c r="AC134631" i="1"/>
  <c r="AC134632" i="1"/>
  <c r="AC134633" i="1"/>
  <c r="AC134634" i="1"/>
  <c r="AC134635" i="1"/>
  <c r="AC134636" i="1"/>
  <c r="AC134637" i="1"/>
  <c r="AC134638" i="1"/>
  <c r="AC134639" i="1"/>
  <c r="AC134640" i="1"/>
  <c r="AC134641" i="1"/>
  <c r="AC134642" i="1"/>
  <c r="AC134643" i="1"/>
  <c r="AC134644" i="1"/>
  <c r="AC134645" i="1"/>
  <c r="AC134646" i="1"/>
  <c r="AC134647" i="1"/>
  <c r="AC134648" i="1"/>
  <c r="AC134649" i="1"/>
  <c r="AC134650" i="1"/>
  <c r="AC134651" i="1"/>
  <c r="AC134652" i="1"/>
  <c r="AC134653" i="1"/>
  <c r="AC134654" i="1"/>
  <c r="AC134655" i="1"/>
  <c r="AC134656" i="1"/>
  <c r="AC134657" i="1"/>
  <c r="AC134658" i="1"/>
  <c r="AC134659" i="1"/>
  <c r="AC134660" i="1"/>
  <c r="AC134661" i="1"/>
  <c r="AC134662" i="1"/>
  <c r="AC134663" i="1"/>
  <c r="AC134664" i="1"/>
  <c r="AC134665" i="1"/>
  <c r="AC134666" i="1"/>
  <c r="AC134667" i="1"/>
  <c r="AC134668" i="1"/>
  <c r="AC134669" i="1"/>
  <c r="AC134670" i="1"/>
  <c r="AC134671" i="1"/>
  <c r="AC134672" i="1"/>
  <c r="AC134673" i="1"/>
  <c r="AC134674" i="1"/>
  <c r="AC134675" i="1"/>
  <c r="AC134676" i="1"/>
  <c r="AC134677" i="1"/>
  <c r="AC134678" i="1"/>
  <c r="AC134679" i="1"/>
  <c r="AC134680" i="1"/>
  <c r="AC134681" i="1"/>
  <c r="AC134682" i="1"/>
  <c r="AC134683" i="1"/>
  <c r="AC134684" i="1"/>
  <c r="AC134685" i="1"/>
  <c r="AC134686" i="1"/>
  <c r="AC134687" i="1"/>
  <c r="AC134688" i="1"/>
  <c r="AC134689" i="1"/>
  <c r="AC134690" i="1"/>
  <c r="AC134691" i="1"/>
  <c r="AC134692" i="1"/>
  <c r="AC134693" i="1"/>
  <c r="AC134694" i="1"/>
  <c r="AC134695" i="1"/>
  <c r="AC134696" i="1"/>
  <c r="AC134697" i="1"/>
  <c r="AC134698" i="1"/>
  <c r="AC134699" i="1"/>
  <c r="AC134700" i="1"/>
  <c r="AC134701" i="1"/>
  <c r="AC134702" i="1"/>
  <c r="AC134703" i="1"/>
  <c r="AC134704" i="1"/>
  <c r="AC134705" i="1"/>
  <c r="AC134706" i="1"/>
  <c r="AC134707" i="1"/>
  <c r="AC134708" i="1"/>
  <c r="AC134709" i="1"/>
  <c r="AC134710" i="1"/>
  <c r="AC134711" i="1"/>
  <c r="AC134712" i="1"/>
  <c r="AC134713" i="1"/>
  <c r="AC134714" i="1"/>
  <c r="AC134715" i="1"/>
  <c r="AC134716" i="1"/>
  <c r="AC134717" i="1"/>
  <c r="AC134718" i="1"/>
  <c r="AC134719" i="1"/>
  <c r="AC134720" i="1"/>
  <c r="AC134721" i="1"/>
  <c r="AC134722" i="1"/>
  <c r="AC134723" i="1"/>
  <c r="AC134724" i="1"/>
  <c r="AC134725" i="1"/>
  <c r="AC134726" i="1"/>
  <c r="AC134727" i="1"/>
  <c r="AC134728" i="1"/>
  <c r="AC134729" i="1"/>
  <c r="AC134730" i="1"/>
  <c r="AC134731" i="1"/>
  <c r="AC134732" i="1"/>
  <c r="AC134733" i="1"/>
  <c r="AC134734" i="1"/>
  <c r="AC134735" i="1"/>
  <c r="AC134736" i="1"/>
  <c r="AC134737" i="1"/>
  <c r="AC134738" i="1"/>
  <c r="AC134739" i="1"/>
  <c r="AC134740" i="1"/>
  <c r="AC134741" i="1"/>
  <c r="AC134742" i="1"/>
  <c r="AC134743" i="1"/>
  <c r="AC134744" i="1"/>
  <c r="AC134745" i="1"/>
  <c r="AC134746" i="1"/>
  <c r="AC134747" i="1"/>
  <c r="AC134748" i="1"/>
  <c r="AC134749" i="1"/>
  <c r="AC134750" i="1"/>
  <c r="AC134751" i="1"/>
  <c r="AC134752" i="1"/>
  <c r="AC134753" i="1"/>
  <c r="AC134754" i="1"/>
  <c r="AC134755" i="1"/>
  <c r="AC134756" i="1"/>
  <c r="AC134757" i="1"/>
  <c r="AC134758" i="1"/>
  <c r="AC134759" i="1"/>
  <c r="AC134760" i="1"/>
  <c r="AC134761" i="1"/>
  <c r="AC134762" i="1"/>
  <c r="AC134763" i="1"/>
  <c r="AC134764" i="1"/>
  <c r="AC134765" i="1"/>
  <c r="AC134766" i="1"/>
  <c r="AC134767" i="1"/>
  <c r="AC134768" i="1"/>
  <c r="AC134769" i="1"/>
  <c r="AC134770" i="1"/>
  <c r="AC134771" i="1"/>
  <c r="AC134772" i="1"/>
  <c r="AC134773" i="1"/>
  <c r="AC134774" i="1"/>
  <c r="AC134775" i="1"/>
  <c r="AC134776" i="1"/>
  <c r="AC134777" i="1"/>
  <c r="AC134778" i="1"/>
  <c r="AC134779" i="1"/>
  <c r="AC134780" i="1"/>
  <c r="AC134781" i="1"/>
  <c r="AC134782" i="1"/>
  <c r="AC134783" i="1"/>
  <c r="AC134784" i="1"/>
  <c r="AC134785" i="1"/>
  <c r="AC134786" i="1"/>
  <c r="AC134787" i="1"/>
  <c r="AC134788" i="1"/>
  <c r="AC134789" i="1"/>
  <c r="AC134790" i="1"/>
  <c r="AC134791" i="1"/>
  <c r="AC134792" i="1"/>
  <c r="AC134793" i="1"/>
  <c r="AC134794" i="1"/>
  <c r="AC134795" i="1"/>
  <c r="AC134796" i="1"/>
  <c r="AC134797" i="1"/>
  <c r="AC134798" i="1"/>
  <c r="AC134799" i="1"/>
  <c r="AC134800" i="1"/>
  <c r="AC134801" i="1"/>
  <c r="AC134802" i="1"/>
  <c r="AC134803" i="1"/>
  <c r="AC134804" i="1"/>
  <c r="AC134805" i="1"/>
  <c r="AC134806" i="1"/>
  <c r="AC134807" i="1"/>
  <c r="AC134808" i="1"/>
  <c r="AC134809" i="1"/>
  <c r="AC134810" i="1"/>
  <c r="AC134811" i="1"/>
  <c r="AC134812" i="1"/>
  <c r="AC134813" i="1"/>
  <c r="AC134814" i="1"/>
  <c r="AC134815" i="1"/>
  <c r="AC134816" i="1"/>
  <c r="AC134817" i="1"/>
  <c r="AC134818" i="1"/>
  <c r="AC134819" i="1"/>
  <c r="AC134820" i="1"/>
  <c r="AC134821" i="1"/>
  <c r="AC134822" i="1"/>
  <c r="AC134823" i="1"/>
  <c r="AC134824" i="1"/>
  <c r="AC134825" i="1"/>
  <c r="AC134826" i="1"/>
  <c r="AC134827" i="1"/>
  <c r="AC134828" i="1"/>
  <c r="AC134829" i="1"/>
  <c r="AC134830" i="1"/>
  <c r="AC134831" i="1"/>
  <c r="AC134832" i="1"/>
  <c r="AC134833" i="1"/>
  <c r="AC134834" i="1"/>
  <c r="AC134835" i="1"/>
  <c r="AC134836" i="1"/>
  <c r="AC134837" i="1"/>
  <c r="AC134838" i="1"/>
  <c r="AC134839" i="1"/>
  <c r="AC134840" i="1"/>
  <c r="AC134841" i="1"/>
  <c r="AC134842" i="1"/>
  <c r="AC134843" i="1"/>
  <c r="AC134844" i="1"/>
  <c r="AC134845" i="1"/>
  <c r="AC134846" i="1"/>
  <c r="AC134847" i="1"/>
  <c r="AC134848" i="1"/>
  <c r="AC134849" i="1"/>
  <c r="AC134850" i="1"/>
  <c r="AC134851" i="1"/>
  <c r="AC134852" i="1"/>
  <c r="AC134853" i="1"/>
  <c r="AC134854" i="1"/>
  <c r="AC134855" i="1"/>
  <c r="AC134856" i="1"/>
  <c r="AC134857" i="1"/>
  <c r="AC134858" i="1"/>
  <c r="AC134859" i="1"/>
  <c r="AC134860" i="1"/>
  <c r="AC134861" i="1"/>
  <c r="AC134862" i="1"/>
  <c r="AC134863" i="1"/>
  <c r="AC134864" i="1"/>
  <c r="AC134865" i="1"/>
  <c r="AC134866" i="1"/>
  <c r="AC134867" i="1"/>
  <c r="AC134868" i="1"/>
  <c r="AC134869" i="1"/>
  <c r="AC134870" i="1"/>
  <c r="AC134871" i="1"/>
  <c r="AC134872" i="1"/>
  <c r="AC134873" i="1"/>
  <c r="AC134874" i="1"/>
  <c r="AC134875" i="1"/>
  <c r="AC134876" i="1"/>
  <c r="AC134877" i="1"/>
  <c r="AC134878" i="1"/>
  <c r="AC134879" i="1"/>
  <c r="AC134880" i="1"/>
  <c r="AC134881" i="1"/>
  <c r="AC134882" i="1"/>
  <c r="AC134883" i="1"/>
  <c r="AC134884" i="1"/>
  <c r="AC134885" i="1"/>
  <c r="AC134886" i="1"/>
  <c r="AC134887" i="1"/>
  <c r="AC134888" i="1"/>
  <c r="AC134889" i="1"/>
  <c r="AC134890" i="1"/>
  <c r="AC134891" i="1"/>
  <c r="AC134892" i="1"/>
  <c r="AC134893" i="1"/>
  <c r="AC134894" i="1"/>
  <c r="AC134895" i="1"/>
  <c r="AC134896" i="1"/>
  <c r="AC134897" i="1"/>
  <c r="AC134898" i="1"/>
  <c r="AC134899" i="1"/>
  <c r="AC134900" i="1"/>
  <c r="AC134901" i="1"/>
  <c r="AC134902" i="1"/>
  <c r="AC134903" i="1"/>
  <c r="AC134904" i="1"/>
  <c r="AC134905" i="1"/>
  <c r="AC134906" i="1"/>
  <c r="AC134907" i="1"/>
  <c r="AC134908" i="1"/>
  <c r="AC134909" i="1"/>
  <c r="AC134910" i="1"/>
  <c r="AC134911" i="1"/>
  <c r="AC134912" i="1"/>
  <c r="AC134913" i="1"/>
  <c r="AC134914" i="1"/>
  <c r="AC134915" i="1"/>
  <c r="AC134916" i="1"/>
  <c r="AC134917" i="1"/>
  <c r="AC134918" i="1"/>
  <c r="AC134919" i="1"/>
  <c r="AC134920" i="1"/>
  <c r="AC134921" i="1"/>
  <c r="AC134922" i="1"/>
  <c r="AC134923" i="1"/>
  <c r="AC134924" i="1"/>
  <c r="AC134925" i="1"/>
  <c r="AC134926" i="1"/>
  <c r="AC134927" i="1"/>
  <c r="AC134928" i="1"/>
  <c r="AC134929" i="1"/>
  <c r="AC134930" i="1"/>
  <c r="AC134931" i="1"/>
  <c r="AC134932" i="1"/>
  <c r="AC134933" i="1"/>
  <c r="AC134934" i="1"/>
  <c r="AC134935" i="1"/>
  <c r="AC134936" i="1"/>
  <c r="AC134937" i="1"/>
  <c r="AC134938" i="1"/>
  <c r="AC134939" i="1"/>
  <c r="AC134940" i="1"/>
  <c r="AC134941" i="1"/>
  <c r="AC134942" i="1"/>
  <c r="AC134943" i="1"/>
  <c r="AC134944" i="1"/>
  <c r="AC134945" i="1"/>
  <c r="AC134946" i="1"/>
  <c r="AC134947" i="1"/>
  <c r="AC134948" i="1"/>
  <c r="AC134949" i="1"/>
  <c r="AC134950" i="1"/>
  <c r="AC134951" i="1"/>
  <c r="AC134952" i="1"/>
  <c r="AC134953" i="1"/>
  <c r="AC134954" i="1"/>
  <c r="AC134955" i="1"/>
  <c r="AC134956" i="1"/>
  <c r="AC134957" i="1"/>
  <c r="AC134958" i="1"/>
  <c r="AC134959" i="1"/>
  <c r="AC134960" i="1"/>
  <c r="AC134961" i="1"/>
  <c r="AC134962" i="1"/>
  <c r="AC134963" i="1"/>
  <c r="AC134964" i="1"/>
  <c r="AC134965" i="1"/>
  <c r="AC134966" i="1"/>
  <c r="AC134967" i="1"/>
  <c r="AC134968" i="1"/>
  <c r="AC134969" i="1"/>
  <c r="AC134970" i="1"/>
  <c r="AC134971" i="1"/>
  <c r="AC134972" i="1"/>
  <c r="AC134973" i="1"/>
  <c r="AC134974" i="1"/>
  <c r="AC134975" i="1"/>
  <c r="AC134976" i="1"/>
  <c r="AC134977" i="1"/>
  <c r="AC134978" i="1"/>
  <c r="AC134979" i="1"/>
  <c r="AC134980" i="1"/>
  <c r="AC134981" i="1"/>
  <c r="AC134982" i="1"/>
  <c r="AC134983" i="1"/>
  <c r="AC134984" i="1"/>
  <c r="AC134985" i="1"/>
  <c r="AC134986" i="1"/>
  <c r="AC134987" i="1"/>
  <c r="AC134988" i="1"/>
  <c r="AC134989" i="1"/>
  <c r="AC134990" i="1"/>
  <c r="AC134991" i="1"/>
  <c r="AC134992" i="1"/>
  <c r="AC134993" i="1"/>
  <c r="AC134994" i="1"/>
  <c r="AC134995" i="1"/>
  <c r="AC134996" i="1"/>
  <c r="AC134997" i="1"/>
  <c r="AC134998" i="1"/>
  <c r="AC134999" i="1"/>
  <c r="AC135000" i="1"/>
  <c r="AC135001" i="1"/>
  <c r="AC135002" i="1"/>
  <c r="AC135003" i="1"/>
  <c r="AC135004" i="1"/>
  <c r="AC135005" i="1"/>
  <c r="AC135006" i="1"/>
  <c r="AC135007" i="1"/>
  <c r="AC135008" i="1"/>
  <c r="AC135009" i="1"/>
  <c r="AC135010" i="1"/>
  <c r="AC135011" i="1"/>
  <c r="AC135012" i="1"/>
  <c r="AC135013" i="1"/>
  <c r="AC135014" i="1"/>
  <c r="AC135015" i="1"/>
  <c r="AC135016" i="1"/>
  <c r="AC135017" i="1"/>
  <c r="AC135018" i="1"/>
  <c r="AC135019" i="1"/>
  <c r="AC135020" i="1"/>
  <c r="AC135021" i="1"/>
  <c r="AC135022" i="1"/>
  <c r="AC135023" i="1"/>
  <c r="AC135024" i="1"/>
  <c r="AC135025" i="1"/>
  <c r="AC135026" i="1"/>
  <c r="AC135027" i="1"/>
  <c r="AC135028" i="1"/>
  <c r="AC135029" i="1"/>
  <c r="AC135030" i="1"/>
  <c r="AC135031" i="1"/>
  <c r="AC135032" i="1"/>
  <c r="AC135033" i="1"/>
  <c r="AC135034" i="1"/>
  <c r="AC135035" i="1"/>
  <c r="AC135036" i="1"/>
  <c r="AC135037" i="1"/>
  <c r="AC135038" i="1"/>
  <c r="AC135039" i="1"/>
  <c r="AC135040" i="1"/>
  <c r="AC135041" i="1"/>
  <c r="AC135042" i="1"/>
  <c r="AC135043" i="1"/>
  <c r="AC135044" i="1"/>
  <c r="AC135045" i="1"/>
  <c r="AC135046" i="1"/>
  <c r="AC135047" i="1"/>
  <c r="AC135048" i="1"/>
  <c r="AC135049" i="1"/>
  <c r="AC135050" i="1"/>
  <c r="AC135051" i="1"/>
  <c r="AC135052" i="1"/>
  <c r="AC135053" i="1"/>
  <c r="AC135054" i="1"/>
  <c r="AC135055" i="1"/>
  <c r="AC135056" i="1"/>
  <c r="AC135057" i="1"/>
  <c r="AC135058" i="1"/>
  <c r="AC135059" i="1"/>
  <c r="AC135060" i="1"/>
  <c r="AC135061" i="1"/>
  <c r="AC135062" i="1"/>
  <c r="AC135063" i="1"/>
  <c r="AC135064" i="1"/>
  <c r="AC135065" i="1"/>
  <c r="AC135066" i="1"/>
  <c r="AC135067" i="1"/>
  <c r="AC135068" i="1"/>
  <c r="AC135069" i="1"/>
  <c r="AC135070" i="1"/>
  <c r="AC135071" i="1"/>
  <c r="AC135072" i="1"/>
  <c r="AC135073" i="1"/>
  <c r="AC135074" i="1"/>
  <c r="AC135075" i="1"/>
  <c r="AC135076" i="1"/>
  <c r="AC135077" i="1"/>
  <c r="AC135078" i="1"/>
  <c r="AC135079" i="1"/>
  <c r="AC135080" i="1"/>
  <c r="AC135081" i="1"/>
  <c r="AC135082" i="1"/>
  <c r="AC135083" i="1"/>
  <c r="AC135084" i="1"/>
  <c r="AC135085" i="1"/>
  <c r="AC135086" i="1"/>
  <c r="AC135087" i="1"/>
  <c r="AC135088" i="1"/>
  <c r="AC135089" i="1"/>
  <c r="AC135090" i="1"/>
  <c r="AC135091" i="1"/>
  <c r="AC135092" i="1"/>
  <c r="AC135093" i="1"/>
  <c r="AC135094" i="1"/>
  <c r="AC135095" i="1"/>
  <c r="AC135096" i="1"/>
  <c r="AC135097" i="1"/>
  <c r="AC135098" i="1"/>
  <c r="AC135099" i="1"/>
  <c r="AC135100" i="1"/>
  <c r="AC135101" i="1"/>
  <c r="AC135102" i="1"/>
  <c r="AC135103" i="1"/>
  <c r="AC135104" i="1"/>
  <c r="AC135105" i="1"/>
  <c r="AC135106" i="1"/>
  <c r="AC135107" i="1"/>
  <c r="AC135108" i="1"/>
  <c r="AC135109" i="1"/>
  <c r="AC135110" i="1"/>
  <c r="AC135111" i="1"/>
  <c r="AC135112" i="1"/>
  <c r="AC135113" i="1"/>
  <c r="AC135114" i="1"/>
  <c r="AC135115" i="1"/>
  <c r="AC135116" i="1"/>
  <c r="AC135117" i="1"/>
  <c r="AC135118" i="1"/>
  <c r="AC135119" i="1"/>
  <c r="AC135120" i="1"/>
  <c r="AC135121" i="1"/>
  <c r="AC135122" i="1"/>
  <c r="AC135123" i="1"/>
  <c r="AC135124" i="1"/>
  <c r="AC135125" i="1"/>
  <c r="AC135126" i="1"/>
  <c r="AC135127" i="1"/>
  <c r="AC135128" i="1"/>
  <c r="AC135129" i="1"/>
  <c r="AC135130" i="1"/>
  <c r="AC135131" i="1"/>
  <c r="AC135132" i="1"/>
  <c r="AC135133" i="1"/>
  <c r="AC135134" i="1"/>
  <c r="AC135135" i="1"/>
  <c r="AC135136" i="1"/>
  <c r="AC135137" i="1"/>
  <c r="AC135138" i="1"/>
  <c r="AC135139" i="1"/>
  <c r="AC135140" i="1"/>
  <c r="AC135141" i="1"/>
  <c r="AC135142" i="1"/>
  <c r="AC135143" i="1"/>
  <c r="AC135144" i="1"/>
  <c r="AC135145" i="1"/>
  <c r="AC135146" i="1"/>
  <c r="AC135147" i="1"/>
  <c r="AC135148" i="1"/>
  <c r="AC135149" i="1"/>
  <c r="AC135150" i="1"/>
  <c r="AC135151" i="1"/>
  <c r="AC135152" i="1"/>
  <c r="AC135153" i="1"/>
  <c r="AC135154" i="1"/>
  <c r="AC135155" i="1"/>
  <c r="AC135156" i="1"/>
  <c r="AC135157" i="1"/>
  <c r="AC135158" i="1"/>
  <c r="AC135159" i="1"/>
  <c r="AC135160" i="1"/>
  <c r="AC135161" i="1"/>
  <c r="AC135162" i="1"/>
  <c r="AC135163" i="1"/>
  <c r="AC135164" i="1"/>
  <c r="AC135165" i="1"/>
  <c r="AC135166" i="1"/>
  <c r="AC135167" i="1"/>
  <c r="AC135168" i="1"/>
  <c r="AC135169" i="1"/>
  <c r="AC135170" i="1"/>
  <c r="AC135171" i="1"/>
  <c r="AC135172" i="1"/>
  <c r="AC135173" i="1"/>
  <c r="AC135174" i="1"/>
  <c r="AC135175" i="1"/>
  <c r="AC135176" i="1"/>
  <c r="AC135177" i="1"/>
  <c r="AC135178" i="1"/>
  <c r="AC135179" i="1"/>
  <c r="AC135180" i="1"/>
  <c r="AC135181" i="1"/>
  <c r="AC135182" i="1"/>
  <c r="AC135183" i="1"/>
  <c r="AC135184" i="1"/>
  <c r="AC135185" i="1"/>
  <c r="AC135186" i="1"/>
  <c r="AC135187" i="1"/>
  <c r="AC135188" i="1"/>
  <c r="AC135189" i="1"/>
  <c r="AC135190" i="1"/>
  <c r="AC135191" i="1"/>
  <c r="AC135192" i="1"/>
  <c r="AC135193" i="1"/>
  <c r="AC135194" i="1"/>
  <c r="AC135195" i="1"/>
  <c r="AC135196" i="1"/>
  <c r="AC135197" i="1"/>
  <c r="AC135198" i="1"/>
  <c r="AC135199" i="1"/>
  <c r="AC135200" i="1"/>
  <c r="AC135201" i="1"/>
  <c r="AC135202" i="1"/>
  <c r="AC135203" i="1"/>
  <c r="AC135204" i="1"/>
  <c r="AC135205" i="1"/>
  <c r="AC135206" i="1"/>
  <c r="AC135207" i="1"/>
  <c r="AC135208" i="1"/>
  <c r="AC135209" i="1"/>
  <c r="AC135210" i="1"/>
  <c r="AC135211" i="1"/>
  <c r="AC135212" i="1"/>
  <c r="AC135213" i="1"/>
  <c r="AC135214" i="1"/>
  <c r="AC135215" i="1"/>
  <c r="AC135216" i="1"/>
  <c r="AC135217" i="1"/>
  <c r="AC135218" i="1"/>
  <c r="AC135219" i="1"/>
  <c r="AC135220" i="1"/>
  <c r="AC135221" i="1"/>
  <c r="AC135222" i="1"/>
  <c r="AC135223" i="1"/>
  <c r="AC135224" i="1"/>
  <c r="AC135225" i="1"/>
  <c r="AC135226" i="1"/>
  <c r="AC135227" i="1"/>
  <c r="AC135228" i="1"/>
  <c r="AC135229" i="1"/>
  <c r="AC135230" i="1"/>
  <c r="AC135231" i="1"/>
  <c r="AC135232" i="1"/>
  <c r="AC135233" i="1"/>
  <c r="AC135234" i="1"/>
  <c r="AC135235" i="1"/>
  <c r="AC135236" i="1"/>
  <c r="AC135237" i="1"/>
  <c r="AC135238" i="1"/>
  <c r="AC135239" i="1"/>
  <c r="AC135240" i="1"/>
  <c r="AC135241" i="1"/>
  <c r="AC135242" i="1"/>
  <c r="AC135243" i="1"/>
  <c r="AC135244" i="1"/>
  <c r="AC135245" i="1"/>
  <c r="AC135246" i="1"/>
  <c r="AC135247" i="1"/>
  <c r="AC135248" i="1"/>
  <c r="AC135249" i="1"/>
  <c r="AC135250" i="1"/>
  <c r="AC135251" i="1"/>
  <c r="AC135252" i="1"/>
  <c r="AC135253" i="1"/>
  <c r="AC135254" i="1"/>
  <c r="AC135255" i="1"/>
  <c r="AC135256" i="1"/>
  <c r="AC135257" i="1"/>
  <c r="AC135258" i="1"/>
  <c r="AC135259" i="1"/>
  <c r="AC135260" i="1"/>
  <c r="AC135261" i="1"/>
  <c r="AC135262" i="1"/>
  <c r="AC135263" i="1"/>
  <c r="AC135264" i="1"/>
  <c r="AC135265" i="1"/>
  <c r="AC135266" i="1"/>
  <c r="AC135267" i="1"/>
  <c r="AC135268" i="1"/>
  <c r="AC135269" i="1"/>
  <c r="AC135270" i="1"/>
  <c r="AC135271" i="1"/>
  <c r="AC135272" i="1"/>
  <c r="AC135273" i="1"/>
  <c r="AC135274" i="1"/>
  <c r="AC135275" i="1"/>
  <c r="AC135276" i="1"/>
  <c r="AC135277" i="1"/>
  <c r="AC135278" i="1"/>
  <c r="AC135279" i="1"/>
  <c r="AC135280" i="1"/>
  <c r="AC135281" i="1"/>
  <c r="AC135282" i="1"/>
  <c r="AC135283" i="1"/>
  <c r="AC135284" i="1"/>
  <c r="AC135285" i="1"/>
  <c r="AC135286" i="1"/>
  <c r="AC135287" i="1"/>
  <c r="AC135288" i="1"/>
  <c r="AC135289" i="1"/>
  <c r="AC135290" i="1"/>
  <c r="AC135291" i="1"/>
  <c r="AC135292" i="1"/>
  <c r="AC135293" i="1"/>
  <c r="AC135294" i="1"/>
  <c r="AC135295" i="1"/>
  <c r="AC135296" i="1"/>
  <c r="AC135297" i="1"/>
  <c r="AC135298" i="1"/>
  <c r="AC135299" i="1"/>
  <c r="AC135300" i="1"/>
  <c r="AC135301" i="1"/>
  <c r="AC135302" i="1"/>
  <c r="AC135303" i="1"/>
  <c r="AC135304" i="1"/>
  <c r="AC135305" i="1"/>
  <c r="AC135306" i="1"/>
  <c r="AC135307" i="1"/>
  <c r="AC135308" i="1"/>
  <c r="AC135309" i="1"/>
  <c r="AC135310" i="1"/>
  <c r="AC135311" i="1"/>
  <c r="AC135312" i="1"/>
  <c r="AC135313" i="1"/>
  <c r="AC135314" i="1"/>
  <c r="AC135315" i="1"/>
  <c r="AC135316" i="1"/>
  <c r="AC135317" i="1"/>
  <c r="AC135318" i="1"/>
  <c r="AC135319" i="1"/>
  <c r="AC135320" i="1"/>
  <c r="AC135321" i="1"/>
  <c r="AC135322" i="1"/>
  <c r="AC135323" i="1"/>
  <c r="AC135324" i="1"/>
  <c r="AC135325" i="1"/>
  <c r="AC135326" i="1"/>
  <c r="AC135327" i="1"/>
  <c r="AC135328" i="1"/>
  <c r="AC135329" i="1"/>
  <c r="AC135330" i="1"/>
  <c r="AC135331" i="1"/>
  <c r="AC135332" i="1"/>
  <c r="AC135333" i="1"/>
  <c r="AC135334" i="1"/>
  <c r="AC135335" i="1"/>
  <c r="AC135336" i="1"/>
  <c r="AC135337" i="1"/>
  <c r="AC135338" i="1"/>
  <c r="AC135339" i="1"/>
  <c r="AC135340" i="1"/>
  <c r="AC135341" i="1"/>
  <c r="AC135342" i="1"/>
  <c r="AC135343" i="1"/>
  <c r="AC135344" i="1"/>
  <c r="AC135345" i="1"/>
  <c r="AC135346" i="1"/>
  <c r="AC135347" i="1"/>
  <c r="AC135348" i="1"/>
  <c r="AC135349" i="1"/>
  <c r="AC135350" i="1"/>
  <c r="AC135351" i="1"/>
  <c r="AC135352" i="1"/>
  <c r="AC135353" i="1"/>
  <c r="AC135354" i="1"/>
  <c r="AC135355" i="1"/>
  <c r="AC135356" i="1"/>
  <c r="AC135357" i="1"/>
  <c r="AC135358" i="1"/>
  <c r="AC135359" i="1"/>
  <c r="AC135360" i="1"/>
  <c r="AC135361" i="1"/>
  <c r="AC135362" i="1"/>
  <c r="AC135363" i="1"/>
  <c r="AC135364" i="1"/>
  <c r="AC135365" i="1"/>
  <c r="AC135366" i="1"/>
  <c r="AC135367" i="1"/>
  <c r="AC135368" i="1"/>
  <c r="AC135369" i="1"/>
  <c r="AC135370" i="1"/>
  <c r="AC135371" i="1"/>
  <c r="AC135372" i="1"/>
  <c r="AC135373" i="1"/>
  <c r="AC135374" i="1"/>
  <c r="AC135375" i="1"/>
  <c r="AC135376" i="1"/>
  <c r="AC135377" i="1"/>
  <c r="AC135378" i="1"/>
  <c r="AC135379" i="1"/>
  <c r="AC135380" i="1"/>
  <c r="AC135381" i="1"/>
  <c r="AC135382" i="1"/>
  <c r="AC135383" i="1"/>
  <c r="AC135384" i="1"/>
  <c r="AC135385" i="1"/>
  <c r="AC135386" i="1"/>
  <c r="AC135387" i="1"/>
  <c r="AC135388" i="1"/>
  <c r="AC135389" i="1"/>
  <c r="AC135390" i="1"/>
  <c r="AC135391" i="1"/>
  <c r="AC135392" i="1"/>
  <c r="AC135393" i="1"/>
  <c r="AC135394" i="1"/>
  <c r="AC135395" i="1"/>
  <c r="AC135396" i="1"/>
  <c r="AC135397" i="1"/>
  <c r="AC135398" i="1"/>
  <c r="AC135399" i="1"/>
  <c r="AC135400" i="1"/>
  <c r="AC135401" i="1"/>
  <c r="AC135402" i="1"/>
  <c r="AC135403" i="1"/>
  <c r="AC135404" i="1"/>
  <c r="AC135405" i="1"/>
  <c r="AC135406" i="1"/>
  <c r="AC135407" i="1"/>
  <c r="AC135408" i="1"/>
  <c r="AC135409" i="1"/>
  <c r="AC135410" i="1"/>
  <c r="AC135411" i="1"/>
  <c r="AC135412" i="1"/>
  <c r="AC135413" i="1"/>
  <c r="AC135414" i="1"/>
  <c r="AC135415" i="1"/>
  <c r="AC135416" i="1"/>
  <c r="AC135417" i="1"/>
  <c r="AC135418" i="1"/>
  <c r="AC135419" i="1"/>
  <c r="AC135420" i="1"/>
  <c r="AC135421" i="1"/>
  <c r="AC135422" i="1"/>
  <c r="AC135423" i="1"/>
  <c r="AC135424" i="1"/>
  <c r="AC135425" i="1"/>
  <c r="AC135426" i="1"/>
  <c r="AC135427" i="1"/>
  <c r="AC135428" i="1"/>
  <c r="AC135429" i="1"/>
  <c r="AC135430" i="1"/>
  <c r="AC135431" i="1"/>
  <c r="AC135432" i="1"/>
  <c r="AC135433" i="1"/>
  <c r="AC135434" i="1"/>
  <c r="AC135435" i="1"/>
  <c r="AC135436" i="1"/>
  <c r="AC135437" i="1"/>
  <c r="AC135438" i="1"/>
  <c r="AC135439" i="1"/>
  <c r="AC135440" i="1"/>
  <c r="AC135441" i="1"/>
  <c r="AC135442" i="1"/>
  <c r="AC135443" i="1"/>
  <c r="AC135444" i="1"/>
  <c r="AC135445" i="1"/>
  <c r="AC135446" i="1"/>
  <c r="AC135447" i="1"/>
  <c r="AC135448" i="1"/>
  <c r="AC135449" i="1"/>
  <c r="AC135450" i="1"/>
  <c r="AC135451" i="1"/>
  <c r="AC135452" i="1"/>
  <c r="AC135453" i="1"/>
  <c r="AC135454" i="1"/>
  <c r="AC135455" i="1"/>
  <c r="AC135456" i="1"/>
  <c r="AC135457" i="1"/>
  <c r="AC135458" i="1"/>
  <c r="AC135459" i="1"/>
  <c r="AC135460" i="1"/>
  <c r="AC135461" i="1"/>
  <c r="AC135462" i="1"/>
  <c r="AC135463" i="1"/>
  <c r="AC135464" i="1"/>
  <c r="AC135465" i="1"/>
  <c r="AC135466" i="1"/>
  <c r="AC135467" i="1"/>
  <c r="AC135468" i="1"/>
  <c r="AC135469" i="1"/>
  <c r="AC135470" i="1"/>
  <c r="AC135471" i="1"/>
  <c r="AC135472" i="1"/>
  <c r="AC135473" i="1"/>
  <c r="AC135474" i="1"/>
  <c r="AC135475" i="1"/>
  <c r="AC135476" i="1"/>
  <c r="AC135477" i="1"/>
  <c r="AC135478" i="1"/>
  <c r="AC135479" i="1"/>
  <c r="AC135480" i="1"/>
  <c r="AC135481" i="1"/>
  <c r="AC135482" i="1"/>
  <c r="AC135483" i="1"/>
  <c r="AC135484" i="1"/>
  <c r="AC135485" i="1"/>
  <c r="AC135486" i="1"/>
  <c r="AC135487" i="1"/>
  <c r="AC135488" i="1"/>
  <c r="AC135489" i="1"/>
  <c r="AC135490" i="1"/>
  <c r="AC135491" i="1"/>
  <c r="AC135492" i="1"/>
  <c r="AC135493" i="1"/>
  <c r="AC135494" i="1"/>
  <c r="AC135495" i="1"/>
  <c r="AC135496" i="1"/>
  <c r="AC135497" i="1"/>
  <c r="AC135498" i="1"/>
  <c r="AC135499" i="1"/>
  <c r="AC135500" i="1"/>
  <c r="AC135501" i="1"/>
  <c r="AC135502" i="1"/>
  <c r="AC135503" i="1"/>
  <c r="AC135504" i="1"/>
  <c r="AC135505" i="1"/>
  <c r="AC135506" i="1"/>
  <c r="AC135507" i="1"/>
  <c r="AC135508" i="1"/>
  <c r="AC135509" i="1"/>
  <c r="AC135510" i="1"/>
  <c r="AC135511" i="1"/>
  <c r="AC135512" i="1"/>
  <c r="AC135513" i="1"/>
  <c r="AC135514" i="1"/>
  <c r="AC135515" i="1"/>
  <c r="AC135516" i="1"/>
  <c r="AC135517" i="1"/>
  <c r="AC135518" i="1"/>
  <c r="AC135519" i="1"/>
  <c r="AC135520" i="1"/>
  <c r="AC135521" i="1"/>
  <c r="AC135522" i="1"/>
  <c r="AC135523" i="1"/>
  <c r="AC135524" i="1"/>
  <c r="AC135525" i="1"/>
  <c r="AC135526" i="1"/>
  <c r="AC135527" i="1"/>
  <c r="AC135528" i="1"/>
  <c r="AC135529" i="1"/>
  <c r="AC135530" i="1"/>
  <c r="AC135531" i="1"/>
  <c r="AC135532" i="1"/>
  <c r="AC135533" i="1"/>
  <c r="AC135534" i="1"/>
  <c r="AC135535" i="1"/>
  <c r="AC135536" i="1"/>
  <c r="AC135537" i="1"/>
  <c r="AC135538" i="1"/>
  <c r="AC135539" i="1"/>
  <c r="AC135540" i="1"/>
  <c r="AC135541" i="1"/>
  <c r="AC135542" i="1"/>
  <c r="AC135543" i="1"/>
  <c r="AC135544" i="1"/>
  <c r="AC135545" i="1"/>
  <c r="AC135546" i="1"/>
  <c r="AC135547" i="1"/>
  <c r="AC135548" i="1"/>
  <c r="AC135549" i="1"/>
  <c r="AC135550" i="1"/>
  <c r="AC135551" i="1"/>
  <c r="AC135552" i="1"/>
  <c r="AC135553" i="1"/>
  <c r="AC135554" i="1"/>
  <c r="AC135555" i="1"/>
  <c r="AC135556" i="1"/>
  <c r="AC135557" i="1"/>
  <c r="AC135558" i="1"/>
  <c r="AC135559" i="1"/>
  <c r="AC135560" i="1"/>
  <c r="AC135561" i="1"/>
  <c r="AC135562" i="1"/>
  <c r="AC135563" i="1"/>
  <c r="AC135564" i="1"/>
  <c r="AC135565" i="1"/>
  <c r="AC135566" i="1"/>
  <c r="AC135567" i="1"/>
  <c r="AC135568" i="1"/>
  <c r="AC135569" i="1"/>
  <c r="AC135570" i="1"/>
  <c r="AC135571" i="1"/>
  <c r="AC135572" i="1"/>
  <c r="AC135573" i="1"/>
  <c r="AC135574" i="1"/>
  <c r="AC135575" i="1"/>
  <c r="AC135576" i="1"/>
  <c r="AC135577" i="1"/>
  <c r="AC135578" i="1"/>
  <c r="AC135579" i="1"/>
  <c r="AC135580" i="1"/>
  <c r="AC135581" i="1"/>
  <c r="AC135582" i="1"/>
  <c r="AC135583" i="1"/>
  <c r="AC135584" i="1"/>
  <c r="AC135585" i="1"/>
  <c r="AC135586" i="1"/>
  <c r="AC135587" i="1"/>
  <c r="AC135588" i="1"/>
  <c r="AC135589" i="1"/>
  <c r="AC135590" i="1"/>
  <c r="AC135591" i="1"/>
  <c r="AC135592" i="1"/>
  <c r="AC135593" i="1"/>
  <c r="AC135594" i="1"/>
  <c r="AC135595" i="1"/>
  <c r="AC135596" i="1"/>
  <c r="AC135597" i="1"/>
  <c r="AC135598" i="1"/>
  <c r="AC135599" i="1"/>
  <c r="AC135600" i="1"/>
  <c r="AC135601" i="1"/>
  <c r="AC135602" i="1"/>
  <c r="AC135603" i="1"/>
  <c r="AC135604" i="1"/>
  <c r="AC135605" i="1"/>
  <c r="AC135606" i="1"/>
  <c r="AC135607" i="1"/>
  <c r="AC135608" i="1"/>
  <c r="AC135609" i="1"/>
  <c r="AC135610" i="1"/>
  <c r="AC135611" i="1"/>
  <c r="AC135612" i="1"/>
  <c r="AC135613" i="1"/>
  <c r="AC135614" i="1"/>
  <c r="AC135615" i="1"/>
  <c r="AC135616" i="1"/>
  <c r="AC135617" i="1"/>
  <c r="AC135618" i="1"/>
  <c r="AC135619" i="1"/>
  <c r="AC135620" i="1"/>
  <c r="AC135621" i="1"/>
  <c r="AC135622" i="1"/>
  <c r="AC135623" i="1"/>
  <c r="AC135624" i="1"/>
  <c r="AC135625" i="1"/>
  <c r="AC135626" i="1"/>
  <c r="AC135627" i="1"/>
  <c r="AC135628" i="1"/>
  <c r="AC135629" i="1"/>
  <c r="AC135630" i="1"/>
  <c r="AC135631" i="1"/>
  <c r="AC135632" i="1"/>
  <c r="AC135633" i="1"/>
  <c r="AC135634" i="1"/>
  <c r="AC135635" i="1"/>
  <c r="AC135636" i="1"/>
  <c r="AC135637" i="1"/>
  <c r="AC135638" i="1"/>
  <c r="AC135639" i="1"/>
  <c r="AC135640" i="1"/>
  <c r="AC135641" i="1"/>
  <c r="AC135642" i="1"/>
  <c r="AC135643" i="1"/>
  <c r="AC135644" i="1"/>
  <c r="AC135645" i="1"/>
  <c r="AC135646" i="1"/>
  <c r="AC135647" i="1"/>
  <c r="AC135648" i="1"/>
  <c r="AC135649" i="1"/>
  <c r="AC135650" i="1"/>
  <c r="AC135651" i="1"/>
  <c r="AC135652" i="1"/>
  <c r="AC135653" i="1"/>
  <c r="AC135654" i="1"/>
  <c r="AC135655" i="1"/>
  <c r="AC135656" i="1"/>
  <c r="AC135657" i="1"/>
  <c r="AC135658" i="1"/>
  <c r="AC135659" i="1"/>
  <c r="AC135660" i="1"/>
  <c r="AC135661" i="1"/>
  <c r="AC135662" i="1"/>
  <c r="AC135663" i="1"/>
  <c r="AC135664" i="1"/>
  <c r="AC135665" i="1"/>
  <c r="AC135666" i="1"/>
  <c r="AC135667" i="1"/>
  <c r="AC135668" i="1"/>
  <c r="AC135669" i="1"/>
  <c r="AC135670" i="1"/>
  <c r="AC135671" i="1"/>
  <c r="AC135672" i="1"/>
  <c r="AC135673" i="1"/>
  <c r="AC135674" i="1"/>
  <c r="AC135675" i="1"/>
  <c r="AC135676" i="1"/>
  <c r="AC135677" i="1"/>
  <c r="AC135678" i="1"/>
  <c r="AC135679" i="1"/>
  <c r="AC135680" i="1"/>
  <c r="AC135681" i="1"/>
  <c r="AC135682" i="1"/>
  <c r="AC135683" i="1"/>
  <c r="AC135684" i="1"/>
  <c r="AC135685" i="1"/>
  <c r="AC135686" i="1"/>
  <c r="AC135687" i="1"/>
  <c r="AC135688" i="1"/>
  <c r="AC135689" i="1"/>
  <c r="AC135690" i="1"/>
  <c r="AC135691" i="1"/>
  <c r="AC135692" i="1"/>
  <c r="AC135693" i="1"/>
  <c r="AC135694" i="1"/>
  <c r="AC135695" i="1"/>
  <c r="AC135696" i="1"/>
  <c r="AC135697" i="1"/>
  <c r="AC135698" i="1"/>
  <c r="AC135699" i="1"/>
  <c r="AC135700" i="1"/>
  <c r="AC135701" i="1"/>
  <c r="AC135702" i="1"/>
  <c r="AC135703" i="1"/>
  <c r="AC135704" i="1"/>
  <c r="AC135705" i="1"/>
  <c r="AC135706" i="1"/>
  <c r="AC135707" i="1"/>
  <c r="AC135708" i="1"/>
  <c r="AC135709" i="1"/>
  <c r="AC135710" i="1"/>
  <c r="AC135711" i="1"/>
  <c r="AC135712" i="1"/>
  <c r="AC135713" i="1"/>
  <c r="AC135714" i="1"/>
  <c r="AC135715" i="1"/>
  <c r="AC135716" i="1"/>
  <c r="AC135717" i="1"/>
  <c r="AC135718" i="1"/>
  <c r="AC135719" i="1"/>
  <c r="AC135720" i="1"/>
  <c r="AC135721" i="1"/>
  <c r="AC135722" i="1"/>
  <c r="AC135723" i="1"/>
  <c r="AC135724" i="1"/>
  <c r="AC135725" i="1"/>
  <c r="AC135726" i="1"/>
  <c r="AC135727" i="1"/>
  <c r="AC135728" i="1"/>
  <c r="AC135729" i="1"/>
  <c r="AC135730" i="1"/>
  <c r="AC135731" i="1"/>
  <c r="AC135732" i="1"/>
  <c r="AC135733" i="1"/>
  <c r="AC135734" i="1"/>
  <c r="AC135735" i="1"/>
  <c r="AC135736" i="1"/>
  <c r="AC135737" i="1"/>
  <c r="AC135738" i="1"/>
  <c r="AC135739" i="1"/>
  <c r="AC135740" i="1"/>
  <c r="AC135741" i="1"/>
  <c r="AC135742" i="1"/>
  <c r="AC135743" i="1"/>
  <c r="AC135744" i="1"/>
  <c r="AC135745" i="1"/>
  <c r="AC135746" i="1"/>
  <c r="AC135747" i="1"/>
  <c r="AC135748" i="1"/>
  <c r="AC135749" i="1"/>
  <c r="AC135750" i="1"/>
  <c r="AC135751" i="1"/>
  <c r="AC135752" i="1"/>
  <c r="AC135753" i="1"/>
  <c r="AC135754" i="1"/>
  <c r="AC135755" i="1"/>
  <c r="AC135756" i="1"/>
  <c r="AC135757" i="1"/>
  <c r="AC135758" i="1"/>
  <c r="AC135759" i="1"/>
  <c r="AC135760" i="1"/>
  <c r="AC135761" i="1"/>
  <c r="AC135762" i="1"/>
  <c r="AC135763" i="1"/>
  <c r="AC135764" i="1"/>
  <c r="AC135765" i="1"/>
  <c r="AC135766" i="1"/>
  <c r="AC135767" i="1"/>
  <c r="AC135768" i="1"/>
  <c r="AC135769" i="1"/>
  <c r="AC135770" i="1"/>
  <c r="AC135771" i="1"/>
  <c r="AC135772" i="1"/>
  <c r="AC135773" i="1"/>
  <c r="AC135774" i="1"/>
  <c r="AC135775" i="1"/>
  <c r="AC135776" i="1"/>
  <c r="AC135777" i="1"/>
  <c r="AC135778" i="1"/>
  <c r="AC135779" i="1"/>
  <c r="AC135780" i="1"/>
  <c r="AC135781" i="1"/>
  <c r="AC135782" i="1"/>
  <c r="AC135783" i="1"/>
  <c r="AC135784" i="1"/>
  <c r="AC135785" i="1"/>
  <c r="AC135786" i="1"/>
  <c r="AC135787" i="1"/>
  <c r="AC135788" i="1"/>
  <c r="AC135789" i="1"/>
  <c r="AC135790" i="1"/>
  <c r="AC135791" i="1"/>
  <c r="AC135792" i="1"/>
  <c r="AC135793" i="1"/>
  <c r="AC135794" i="1"/>
  <c r="AC135795" i="1"/>
  <c r="AC135796" i="1"/>
  <c r="AC135797" i="1"/>
  <c r="AC135798" i="1"/>
  <c r="AC135799" i="1"/>
  <c r="AC135800" i="1"/>
  <c r="AC135801" i="1"/>
  <c r="AC135802" i="1"/>
  <c r="AC135803" i="1"/>
  <c r="AC135804" i="1"/>
  <c r="AC135805" i="1"/>
  <c r="AC135806" i="1"/>
  <c r="AC135807" i="1"/>
  <c r="AC135808" i="1"/>
  <c r="AC135809" i="1"/>
  <c r="AC135810" i="1"/>
  <c r="AC135811" i="1"/>
  <c r="AC135812" i="1"/>
  <c r="AC135813" i="1"/>
  <c r="AC135814" i="1"/>
  <c r="AC135815" i="1"/>
  <c r="AC135816" i="1"/>
  <c r="AC135817" i="1"/>
  <c r="AC135818" i="1"/>
  <c r="AC135819" i="1"/>
  <c r="AC135820" i="1"/>
  <c r="AC135821" i="1"/>
  <c r="AC135822" i="1"/>
  <c r="AC135823" i="1"/>
  <c r="AC135824" i="1"/>
  <c r="AC135825" i="1"/>
  <c r="AC135826" i="1"/>
  <c r="AC135827" i="1"/>
  <c r="AC135828" i="1"/>
  <c r="AC135829" i="1"/>
  <c r="AC135830" i="1"/>
  <c r="AC135831" i="1"/>
  <c r="AC135832" i="1"/>
  <c r="AC135833" i="1"/>
  <c r="AC135834" i="1"/>
  <c r="AC135835" i="1"/>
  <c r="AC135836" i="1"/>
  <c r="AC135837" i="1"/>
  <c r="AC135838" i="1"/>
  <c r="AC135839" i="1"/>
  <c r="AC135840" i="1"/>
  <c r="AC135841" i="1"/>
  <c r="AC135842" i="1"/>
  <c r="AC135843" i="1"/>
  <c r="AC135844" i="1"/>
  <c r="AC135845" i="1"/>
  <c r="AC135846" i="1"/>
  <c r="AC135847" i="1"/>
  <c r="AC135848" i="1"/>
  <c r="AC135849" i="1"/>
  <c r="AC135850" i="1"/>
  <c r="AC135851" i="1"/>
  <c r="AC135852" i="1"/>
  <c r="AC135853" i="1"/>
  <c r="AC135854" i="1"/>
  <c r="AC135855" i="1"/>
  <c r="AC135856" i="1"/>
  <c r="AC135857" i="1"/>
  <c r="AC135858" i="1"/>
  <c r="AC135859" i="1"/>
  <c r="AC135860" i="1"/>
  <c r="AC135861" i="1"/>
  <c r="AC135862" i="1"/>
  <c r="AC135863" i="1"/>
  <c r="AC135864" i="1"/>
  <c r="AC135865" i="1"/>
  <c r="AC135866" i="1"/>
  <c r="AC135867" i="1"/>
  <c r="AC135868" i="1"/>
  <c r="AC135869" i="1"/>
  <c r="AC135870" i="1"/>
  <c r="AC135871" i="1"/>
  <c r="AC135872" i="1"/>
  <c r="AC135873" i="1"/>
  <c r="AC135874" i="1"/>
  <c r="AC135875" i="1"/>
  <c r="AC135876" i="1"/>
  <c r="AC135877" i="1"/>
  <c r="AC135878" i="1"/>
  <c r="AC135879" i="1"/>
  <c r="AC135880" i="1"/>
  <c r="AC135881" i="1"/>
  <c r="AC135882" i="1"/>
  <c r="AC135883" i="1"/>
  <c r="AC135884" i="1"/>
  <c r="AC135885" i="1"/>
  <c r="AC135886" i="1"/>
  <c r="AC135887" i="1"/>
  <c r="AC135888" i="1"/>
  <c r="AC135889" i="1"/>
  <c r="AC135890" i="1"/>
  <c r="AC135891" i="1"/>
  <c r="AC135892" i="1"/>
  <c r="AC135893" i="1"/>
  <c r="AC135894" i="1"/>
  <c r="AC135895" i="1"/>
  <c r="AC135896" i="1"/>
  <c r="AC135897" i="1"/>
  <c r="AC135898" i="1"/>
  <c r="AC135899" i="1"/>
  <c r="AC135900" i="1"/>
  <c r="AC135901" i="1"/>
  <c r="AC135902" i="1"/>
  <c r="AC135903" i="1"/>
  <c r="AC135904" i="1"/>
  <c r="AC135905" i="1"/>
  <c r="AC135906" i="1"/>
  <c r="AC135907" i="1"/>
  <c r="AC135908" i="1"/>
  <c r="AC135909" i="1"/>
  <c r="AC135910" i="1"/>
  <c r="AC135911" i="1"/>
  <c r="AC135912" i="1"/>
  <c r="AC135913" i="1"/>
  <c r="AC135914" i="1"/>
  <c r="AC135915" i="1"/>
  <c r="AC135916" i="1"/>
  <c r="AC135917" i="1"/>
  <c r="AC135918" i="1"/>
  <c r="AC135919" i="1"/>
  <c r="AC135920" i="1"/>
  <c r="AC135921" i="1"/>
  <c r="AC135922" i="1"/>
  <c r="AC135923" i="1"/>
  <c r="AC135924" i="1"/>
  <c r="AC135925" i="1"/>
  <c r="AC135926" i="1"/>
  <c r="AC135927" i="1"/>
  <c r="AC135928" i="1"/>
  <c r="AC135929" i="1"/>
  <c r="AC135930" i="1"/>
  <c r="AC135931" i="1"/>
  <c r="AC135932" i="1"/>
  <c r="AC135933" i="1"/>
  <c r="AC135934" i="1"/>
  <c r="AC135935" i="1"/>
  <c r="AC135936" i="1"/>
  <c r="AC135937" i="1"/>
  <c r="AC135938" i="1"/>
  <c r="AC135939" i="1"/>
  <c r="AC135940" i="1"/>
  <c r="AC135941" i="1"/>
  <c r="AC135942" i="1"/>
  <c r="AC135943" i="1"/>
  <c r="AC135944" i="1"/>
  <c r="AC135945" i="1"/>
  <c r="AC135946" i="1"/>
  <c r="AC135947" i="1"/>
  <c r="AC135948" i="1"/>
  <c r="AC135949" i="1"/>
  <c r="AC135950" i="1"/>
  <c r="AC135951" i="1"/>
  <c r="AC135952" i="1"/>
  <c r="AC135953" i="1"/>
  <c r="AC135954" i="1"/>
  <c r="AC135955" i="1"/>
  <c r="AC135956" i="1"/>
  <c r="AC135957" i="1"/>
  <c r="AC135958" i="1"/>
  <c r="AC135959" i="1"/>
  <c r="AC135960" i="1"/>
  <c r="AC135961" i="1"/>
  <c r="AC135962" i="1"/>
  <c r="AC135963" i="1"/>
  <c r="AC135964" i="1"/>
  <c r="AC135965" i="1"/>
  <c r="AC135966" i="1"/>
  <c r="AC135967" i="1"/>
  <c r="AC135968" i="1"/>
  <c r="AC135969" i="1"/>
  <c r="AC135970" i="1"/>
  <c r="AC135971" i="1"/>
  <c r="AC135972" i="1"/>
  <c r="AC135973" i="1"/>
  <c r="AC135974" i="1"/>
  <c r="AC135975" i="1"/>
  <c r="AC135976" i="1"/>
  <c r="AC135977" i="1"/>
  <c r="AC135978" i="1"/>
  <c r="AC135979" i="1"/>
  <c r="AC135980" i="1"/>
  <c r="AC135981" i="1"/>
  <c r="AC135982" i="1"/>
  <c r="AC135983" i="1"/>
  <c r="AC135984" i="1"/>
  <c r="AC135985" i="1"/>
  <c r="AC135986" i="1"/>
  <c r="AC135987" i="1"/>
  <c r="AC135988" i="1"/>
  <c r="AC135989" i="1"/>
  <c r="AC135990" i="1"/>
  <c r="AC135991" i="1"/>
  <c r="AC135992" i="1"/>
  <c r="AC135993" i="1"/>
  <c r="AC135994" i="1"/>
  <c r="AC135995" i="1"/>
  <c r="AC135996" i="1"/>
  <c r="AC135997" i="1"/>
  <c r="AC135998" i="1"/>
  <c r="AC135999" i="1"/>
  <c r="AC136000" i="1"/>
  <c r="AC136001" i="1"/>
  <c r="AC136002" i="1"/>
  <c r="AC136003" i="1"/>
  <c r="AC136004" i="1"/>
  <c r="AC136005" i="1"/>
  <c r="AC136006" i="1"/>
  <c r="AC136007" i="1"/>
  <c r="AC136008" i="1"/>
  <c r="AC136009" i="1"/>
  <c r="AC136010" i="1"/>
  <c r="AC136011" i="1"/>
  <c r="AC136012" i="1"/>
  <c r="AC136013" i="1"/>
  <c r="AC136014" i="1"/>
  <c r="AC136015" i="1"/>
  <c r="AC136016" i="1"/>
  <c r="AC136017" i="1"/>
  <c r="AC136018" i="1"/>
  <c r="AC136019" i="1"/>
  <c r="AC136020" i="1"/>
  <c r="AC136021" i="1"/>
  <c r="AC136022" i="1"/>
  <c r="AC136023" i="1"/>
  <c r="AC136024" i="1"/>
  <c r="AC136025" i="1"/>
  <c r="AC136026" i="1"/>
  <c r="AC136027" i="1"/>
  <c r="AC136028" i="1"/>
  <c r="AC136029" i="1"/>
  <c r="AC136030" i="1"/>
  <c r="AC136031" i="1"/>
  <c r="AC136032" i="1"/>
  <c r="AC136033" i="1"/>
  <c r="AC136034" i="1"/>
  <c r="AC136035" i="1"/>
  <c r="AC136036" i="1"/>
  <c r="AC136037" i="1"/>
  <c r="AC136038" i="1"/>
  <c r="AC136039" i="1"/>
  <c r="AC136040" i="1"/>
  <c r="AC136041" i="1"/>
  <c r="AC136042" i="1"/>
  <c r="AC136043" i="1"/>
  <c r="AC136044" i="1"/>
  <c r="AC136045" i="1"/>
  <c r="AC136046" i="1"/>
  <c r="AC136047" i="1"/>
  <c r="AC136048" i="1"/>
  <c r="AC136049" i="1"/>
  <c r="AC136050" i="1"/>
  <c r="AC136051" i="1"/>
  <c r="AC136052" i="1"/>
  <c r="AC136053" i="1"/>
  <c r="AC136054" i="1"/>
  <c r="AC136055" i="1"/>
  <c r="AC136056" i="1"/>
  <c r="AC136057" i="1"/>
  <c r="AC136058" i="1"/>
  <c r="AC136059" i="1"/>
  <c r="AC136060" i="1"/>
  <c r="AC136061" i="1"/>
  <c r="AC136062" i="1"/>
  <c r="AC136063" i="1"/>
  <c r="AC136064" i="1"/>
  <c r="AC136065" i="1"/>
  <c r="AC136066" i="1"/>
  <c r="AC136067" i="1"/>
  <c r="AC136068" i="1"/>
  <c r="AC136069" i="1"/>
  <c r="AC136070" i="1"/>
  <c r="AC136071" i="1"/>
  <c r="AC136072" i="1"/>
  <c r="AC136073" i="1"/>
  <c r="AC136074" i="1"/>
  <c r="AC136075" i="1"/>
  <c r="AC136076" i="1"/>
  <c r="AC136077" i="1"/>
  <c r="AC136078" i="1"/>
  <c r="AC136079" i="1"/>
  <c r="AC136080" i="1"/>
  <c r="AC136081" i="1"/>
  <c r="AC136082" i="1"/>
  <c r="AC136083" i="1"/>
  <c r="AC136084" i="1"/>
  <c r="AC136085" i="1"/>
  <c r="AC136086" i="1"/>
  <c r="AC136087" i="1"/>
  <c r="AC136088" i="1"/>
  <c r="AC136089" i="1"/>
  <c r="AC136090" i="1"/>
  <c r="AC136091" i="1"/>
  <c r="AC136092" i="1"/>
  <c r="AC136093" i="1"/>
  <c r="AC136094" i="1"/>
  <c r="AC136095" i="1"/>
  <c r="AC136096" i="1"/>
  <c r="AC136097" i="1"/>
  <c r="AC136098" i="1"/>
  <c r="AC136099" i="1"/>
  <c r="AC136100" i="1"/>
  <c r="AC136101" i="1"/>
  <c r="AC136102" i="1"/>
  <c r="AC136103" i="1"/>
  <c r="AC136104" i="1"/>
  <c r="AC136105" i="1"/>
  <c r="AC136106" i="1"/>
  <c r="AC136107" i="1"/>
  <c r="AC136108" i="1"/>
  <c r="AC136109" i="1"/>
  <c r="AC136110" i="1"/>
  <c r="AC136111" i="1"/>
  <c r="AC136112" i="1"/>
  <c r="AC136113" i="1"/>
  <c r="AC136114" i="1"/>
  <c r="AC136115" i="1"/>
  <c r="AC136116" i="1"/>
  <c r="AC136117" i="1"/>
  <c r="AC136118" i="1"/>
  <c r="AC136119" i="1"/>
  <c r="AC136120" i="1"/>
  <c r="AC136121" i="1"/>
  <c r="AC136122" i="1"/>
  <c r="AC136123" i="1"/>
  <c r="AC136124" i="1"/>
  <c r="AC136125" i="1"/>
  <c r="AC136126" i="1"/>
  <c r="AC136127" i="1"/>
  <c r="AC136128" i="1"/>
  <c r="AC136129" i="1"/>
  <c r="AC136130" i="1"/>
  <c r="AC136131" i="1"/>
  <c r="AC136132" i="1"/>
  <c r="AC136133" i="1"/>
  <c r="AC136134" i="1"/>
  <c r="AC136135" i="1"/>
  <c r="AC136136" i="1"/>
  <c r="AC136137" i="1"/>
  <c r="AC136138" i="1"/>
  <c r="AC136139" i="1"/>
  <c r="AC136140" i="1"/>
  <c r="AC136141" i="1"/>
  <c r="AC136142" i="1"/>
  <c r="AC136143" i="1"/>
  <c r="AC136144" i="1"/>
  <c r="AC136145" i="1"/>
  <c r="AC136146" i="1"/>
  <c r="AC136147" i="1"/>
  <c r="AC136148" i="1"/>
  <c r="AC136149" i="1"/>
  <c r="AC136150" i="1"/>
  <c r="AC136151" i="1"/>
  <c r="AC136152" i="1"/>
  <c r="AC136153" i="1"/>
  <c r="AC136154" i="1"/>
  <c r="AC136155" i="1"/>
  <c r="AC136156" i="1"/>
  <c r="AC136157" i="1"/>
  <c r="AC136158" i="1"/>
  <c r="AC136159" i="1"/>
  <c r="AC136160" i="1"/>
  <c r="AC136161" i="1"/>
  <c r="AC136162" i="1"/>
  <c r="AC136163" i="1"/>
  <c r="AC136164" i="1"/>
  <c r="AC136165" i="1"/>
  <c r="AC136166" i="1"/>
  <c r="AC136167" i="1"/>
  <c r="AC136168" i="1"/>
  <c r="AC136169" i="1"/>
  <c r="AC136170" i="1"/>
  <c r="AC136171" i="1"/>
  <c r="AC136172" i="1"/>
  <c r="AC136173" i="1"/>
  <c r="AC136174" i="1"/>
  <c r="AC136175" i="1"/>
  <c r="AC136176" i="1"/>
  <c r="AC136177" i="1"/>
  <c r="AC136178" i="1"/>
  <c r="AC136179" i="1"/>
  <c r="AC136180" i="1"/>
  <c r="AC136181" i="1"/>
  <c r="AC136182" i="1"/>
  <c r="AC136183" i="1"/>
  <c r="AC136184" i="1"/>
  <c r="AC136185" i="1"/>
  <c r="AC136186" i="1"/>
  <c r="AC136187" i="1"/>
  <c r="AC136188" i="1"/>
  <c r="AC136189" i="1"/>
  <c r="AC136190" i="1"/>
  <c r="AC136191" i="1"/>
  <c r="AC136192" i="1"/>
  <c r="AC136193" i="1"/>
  <c r="AC136194" i="1"/>
  <c r="AC136195" i="1"/>
  <c r="AC136196" i="1"/>
  <c r="AC136197" i="1"/>
  <c r="AC136198" i="1"/>
  <c r="AC136199" i="1"/>
  <c r="AC136200" i="1"/>
  <c r="AC136201" i="1"/>
  <c r="AC136202" i="1"/>
  <c r="AC136203" i="1"/>
  <c r="AC136204" i="1"/>
  <c r="AC136205" i="1"/>
  <c r="AC136206" i="1"/>
  <c r="AC136207" i="1"/>
  <c r="AC136208" i="1"/>
  <c r="AC136209" i="1"/>
  <c r="AC136210" i="1"/>
  <c r="AC136211" i="1"/>
  <c r="AC136212" i="1"/>
  <c r="AC136213" i="1"/>
  <c r="AC136214" i="1"/>
  <c r="AC136215" i="1"/>
  <c r="AC136216" i="1"/>
  <c r="AC136217" i="1"/>
  <c r="AC136218" i="1"/>
  <c r="AC136219" i="1"/>
  <c r="AC136220" i="1"/>
  <c r="AC136221" i="1"/>
  <c r="AC136222" i="1"/>
  <c r="AC136223" i="1"/>
  <c r="AC136224" i="1"/>
  <c r="AC136225" i="1"/>
  <c r="AC136226" i="1"/>
  <c r="AC136227" i="1"/>
  <c r="AC136228" i="1"/>
  <c r="AC136229" i="1"/>
  <c r="AC136230" i="1"/>
  <c r="AC136231" i="1"/>
  <c r="AC136232" i="1"/>
  <c r="AC136233" i="1"/>
  <c r="AC136234" i="1"/>
  <c r="AC136235" i="1"/>
  <c r="AC136236" i="1"/>
  <c r="AC136237" i="1"/>
  <c r="AC136238" i="1"/>
  <c r="AC136239" i="1"/>
  <c r="AC136240" i="1"/>
  <c r="AC136241" i="1"/>
  <c r="AC136242" i="1"/>
  <c r="AC136243" i="1"/>
  <c r="AC136244" i="1"/>
  <c r="AC136245" i="1"/>
  <c r="AC136246" i="1"/>
  <c r="AC136247" i="1"/>
  <c r="AC136248" i="1"/>
  <c r="AC136249" i="1"/>
  <c r="AC136250" i="1"/>
  <c r="AC136251" i="1"/>
  <c r="AC136252" i="1"/>
  <c r="AC136253" i="1"/>
  <c r="AC136254" i="1"/>
  <c r="AC136255" i="1"/>
  <c r="AC136256" i="1"/>
  <c r="AC136257" i="1"/>
  <c r="AC136258" i="1"/>
  <c r="AC136259" i="1"/>
  <c r="AC136260" i="1"/>
  <c r="AC136261" i="1"/>
  <c r="AC136262" i="1"/>
  <c r="AC136263" i="1"/>
  <c r="AC136264" i="1"/>
  <c r="AC136265" i="1"/>
  <c r="AC136266" i="1"/>
  <c r="AC136267" i="1"/>
  <c r="AC136268" i="1"/>
  <c r="AC136269" i="1"/>
  <c r="AC136270" i="1"/>
  <c r="AC136271" i="1"/>
  <c r="AC136272" i="1"/>
  <c r="AC136273" i="1"/>
  <c r="AC136274" i="1"/>
  <c r="AC136275" i="1"/>
  <c r="AC136276" i="1"/>
  <c r="AC136277" i="1"/>
  <c r="AC136278" i="1"/>
  <c r="AC136279" i="1"/>
  <c r="AC136280" i="1"/>
  <c r="AC136281" i="1"/>
  <c r="AC136282" i="1"/>
  <c r="AC136283" i="1"/>
  <c r="AC136284" i="1"/>
  <c r="AC136285" i="1"/>
  <c r="AC136286" i="1"/>
  <c r="AC136287" i="1"/>
  <c r="AC136288" i="1"/>
  <c r="AC136289" i="1"/>
  <c r="AC136290" i="1"/>
  <c r="AC136291" i="1"/>
  <c r="AC136292" i="1"/>
  <c r="AC136293" i="1"/>
  <c r="AC136294" i="1"/>
  <c r="AC136295" i="1"/>
  <c r="AC136296" i="1"/>
  <c r="AC136297" i="1"/>
  <c r="AC136298" i="1"/>
  <c r="AC136299" i="1"/>
  <c r="AC136300" i="1"/>
  <c r="AC136301" i="1"/>
  <c r="AC136302" i="1"/>
  <c r="AC136303" i="1"/>
  <c r="AC136304" i="1"/>
  <c r="AC136305" i="1"/>
  <c r="AC136306" i="1"/>
  <c r="AC136307" i="1"/>
  <c r="AC136308" i="1"/>
  <c r="AC136309" i="1"/>
  <c r="AC136310" i="1"/>
  <c r="AC136311" i="1"/>
  <c r="AC136312" i="1"/>
  <c r="AC136313" i="1"/>
  <c r="AC136314" i="1"/>
  <c r="AC136315" i="1"/>
  <c r="AC136316" i="1"/>
  <c r="AC136317" i="1"/>
  <c r="AC136318" i="1"/>
  <c r="AC136319" i="1"/>
  <c r="AC136320" i="1"/>
  <c r="AC136321" i="1"/>
  <c r="AC136322" i="1"/>
  <c r="AC136323" i="1"/>
  <c r="AC136324" i="1"/>
  <c r="AC136325" i="1"/>
  <c r="AC136326" i="1"/>
  <c r="AC136327" i="1"/>
  <c r="AC136328" i="1"/>
  <c r="AC136329" i="1"/>
  <c r="AC136330" i="1"/>
  <c r="AC136331" i="1"/>
  <c r="AC136332" i="1"/>
  <c r="AC136333" i="1"/>
  <c r="AC136334" i="1"/>
  <c r="AC136335" i="1"/>
  <c r="AC136336" i="1"/>
  <c r="AC136337" i="1"/>
  <c r="AC136338" i="1"/>
  <c r="AC136339" i="1"/>
  <c r="AC136340" i="1"/>
  <c r="AC136341" i="1"/>
  <c r="AC136342" i="1"/>
  <c r="AC136343" i="1"/>
  <c r="AC136344" i="1"/>
  <c r="AC136345" i="1"/>
  <c r="AC136346" i="1"/>
  <c r="AC136347" i="1"/>
  <c r="AC136348" i="1"/>
  <c r="AC136349" i="1"/>
  <c r="AC136350" i="1"/>
  <c r="AC136351" i="1"/>
  <c r="AC136352" i="1"/>
  <c r="AC136353" i="1"/>
  <c r="AC136354" i="1"/>
  <c r="AC136355" i="1"/>
  <c r="AC136356" i="1"/>
  <c r="AC136357" i="1"/>
  <c r="AC136358" i="1"/>
  <c r="AC136359" i="1"/>
  <c r="AC136360" i="1"/>
  <c r="AC136361" i="1"/>
  <c r="AC136362" i="1"/>
  <c r="AC136363" i="1"/>
  <c r="AC136364" i="1"/>
  <c r="AC136365" i="1"/>
  <c r="AC136366" i="1"/>
  <c r="AC136367" i="1"/>
  <c r="AC136368" i="1"/>
  <c r="AC136369" i="1"/>
  <c r="AC136370" i="1"/>
  <c r="AC136371" i="1"/>
  <c r="AC136372" i="1"/>
  <c r="AC136373" i="1"/>
  <c r="AC136374" i="1"/>
  <c r="AC136375" i="1"/>
  <c r="AC136376" i="1"/>
  <c r="AC136377" i="1"/>
  <c r="AC136378" i="1"/>
  <c r="AC136379" i="1"/>
  <c r="AC136380" i="1"/>
  <c r="AC136381" i="1"/>
  <c r="AC136382" i="1"/>
  <c r="AC136383" i="1"/>
  <c r="AC136384" i="1"/>
  <c r="AC136385" i="1"/>
  <c r="AC136386" i="1"/>
  <c r="AC136387" i="1"/>
  <c r="AC136388" i="1"/>
  <c r="AC136389" i="1"/>
  <c r="AC136390" i="1"/>
  <c r="AC136391" i="1"/>
  <c r="AC136392" i="1"/>
  <c r="AC136393" i="1"/>
  <c r="AC136394" i="1"/>
  <c r="AC136395" i="1"/>
  <c r="AC136396" i="1"/>
  <c r="AC136397" i="1"/>
  <c r="AC136398" i="1"/>
  <c r="AC136399" i="1"/>
  <c r="AC136400" i="1"/>
  <c r="AC136401" i="1"/>
  <c r="AC136402" i="1"/>
  <c r="AC136403" i="1"/>
  <c r="AC136404" i="1"/>
  <c r="AC136405" i="1"/>
  <c r="AC136406" i="1"/>
  <c r="AC136407" i="1"/>
  <c r="AC136408" i="1"/>
  <c r="AC136409" i="1"/>
  <c r="AC136410" i="1"/>
  <c r="AC136411" i="1"/>
  <c r="AC136412" i="1"/>
  <c r="AC136413" i="1"/>
  <c r="AC136414" i="1"/>
  <c r="AC136415" i="1"/>
  <c r="AC136416" i="1"/>
  <c r="AC136417" i="1"/>
  <c r="AC136418" i="1"/>
  <c r="AC136419" i="1"/>
  <c r="AC136420" i="1"/>
  <c r="AC136421" i="1"/>
  <c r="AC136422" i="1"/>
  <c r="AC136423" i="1"/>
  <c r="AC136424" i="1"/>
  <c r="AC136425" i="1"/>
  <c r="AC136426" i="1"/>
  <c r="AC136427" i="1"/>
  <c r="AC136428" i="1"/>
  <c r="AC136429" i="1"/>
  <c r="AC136430" i="1"/>
  <c r="AC136431" i="1"/>
  <c r="AC136432" i="1"/>
  <c r="AC136433" i="1"/>
  <c r="AC136434" i="1"/>
  <c r="AC136435" i="1"/>
  <c r="AC136436" i="1"/>
  <c r="AC136437" i="1"/>
  <c r="AC136438" i="1"/>
  <c r="AC136439" i="1"/>
  <c r="AC136440" i="1"/>
  <c r="AC136441" i="1"/>
  <c r="AC136442" i="1"/>
  <c r="AC136443" i="1"/>
  <c r="AC136444" i="1"/>
  <c r="AC136445" i="1"/>
  <c r="AC136446" i="1"/>
  <c r="AC136447" i="1"/>
  <c r="AC136448" i="1"/>
  <c r="AC136449" i="1"/>
  <c r="AC136450" i="1"/>
  <c r="AC136451" i="1"/>
  <c r="AC136452" i="1"/>
  <c r="AC136453" i="1"/>
  <c r="AC136454" i="1"/>
  <c r="AC136455" i="1"/>
  <c r="AC136456" i="1"/>
  <c r="AC136457" i="1"/>
  <c r="AC136458" i="1"/>
  <c r="AC136459" i="1"/>
  <c r="AC136460" i="1"/>
  <c r="AC136461" i="1"/>
  <c r="AC136462" i="1"/>
  <c r="AC136463" i="1"/>
  <c r="AC136464" i="1"/>
  <c r="AC136465" i="1"/>
  <c r="AC136466" i="1"/>
  <c r="AC136467" i="1"/>
  <c r="AC136468" i="1"/>
  <c r="AC136469" i="1"/>
  <c r="AC136470" i="1"/>
  <c r="AC136471" i="1"/>
  <c r="AC136472" i="1"/>
  <c r="AC136473" i="1"/>
  <c r="AC136474" i="1"/>
  <c r="AC136475" i="1"/>
  <c r="AC136476" i="1"/>
  <c r="AC136477" i="1"/>
  <c r="AC136478" i="1"/>
  <c r="AC136479" i="1"/>
  <c r="AC136480" i="1"/>
  <c r="AC136481" i="1"/>
  <c r="AC136482" i="1"/>
  <c r="AC136483" i="1"/>
  <c r="AC136484" i="1"/>
  <c r="AC136485" i="1"/>
  <c r="AC136486" i="1"/>
  <c r="AC136487" i="1"/>
  <c r="AC136488" i="1"/>
  <c r="AC136489" i="1"/>
  <c r="AC136490" i="1"/>
  <c r="AC136491" i="1"/>
  <c r="AC136492" i="1"/>
  <c r="AC136493" i="1"/>
  <c r="AC136494" i="1"/>
  <c r="AC136495" i="1"/>
  <c r="AC136496" i="1"/>
  <c r="AC136497" i="1"/>
  <c r="AC136498" i="1"/>
  <c r="AC136499" i="1"/>
  <c r="AC136500" i="1"/>
  <c r="AC136501" i="1"/>
  <c r="AC136502" i="1"/>
  <c r="AC136503" i="1"/>
  <c r="AC136504" i="1"/>
  <c r="AC136505" i="1"/>
  <c r="AC136506" i="1"/>
  <c r="AC136507" i="1"/>
  <c r="AC136508" i="1"/>
  <c r="AC136509" i="1"/>
  <c r="AC136510" i="1"/>
  <c r="AC136511" i="1"/>
  <c r="AC136512" i="1"/>
  <c r="AC136513" i="1"/>
  <c r="AC136514" i="1"/>
  <c r="AC136515" i="1"/>
  <c r="AC136516" i="1"/>
  <c r="AC136517" i="1"/>
  <c r="AC136518" i="1"/>
  <c r="AC136519" i="1"/>
  <c r="AC136520" i="1"/>
  <c r="AC136521" i="1"/>
  <c r="AC136522" i="1"/>
  <c r="AC136523" i="1"/>
  <c r="AC136524" i="1"/>
  <c r="AC136525" i="1"/>
  <c r="AC136526" i="1"/>
  <c r="AC136527" i="1"/>
  <c r="AC136528" i="1"/>
  <c r="AC136529" i="1"/>
  <c r="AC136530" i="1"/>
  <c r="AC136531" i="1"/>
  <c r="AC136532" i="1"/>
  <c r="AC136533" i="1"/>
  <c r="AC136534" i="1"/>
  <c r="AC136535" i="1"/>
  <c r="AC136536" i="1"/>
  <c r="AC136537" i="1"/>
  <c r="AC136538" i="1"/>
  <c r="AC136539" i="1"/>
  <c r="AC136540" i="1"/>
  <c r="AC136541" i="1"/>
  <c r="AC136542" i="1"/>
  <c r="AC136543" i="1"/>
  <c r="AC136544" i="1"/>
  <c r="AC136545" i="1"/>
  <c r="AC136546" i="1"/>
  <c r="AC136547" i="1"/>
  <c r="AC136548" i="1"/>
  <c r="AC136549" i="1"/>
  <c r="AC136550" i="1"/>
  <c r="AC136551" i="1"/>
  <c r="AC136552" i="1"/>
  <c r="AC136553" i="1"/>
  <c r="AC136554" i="1"/>
  <c r="AC136555" i="1"/>
  <c r="AC136556" i="1"/>
  <c r="AC136557" i="1"/>
  <c r="AC136558" i="1"/>
  <c r="AC136559" i="1"/>
  <c r="AC136560" i="1"/>
  <c r="AC136561" i="1"/>
  <c r="AC136562" i="1"/>
  <c r="AC136563" i="1"/>
  <c r="AC136564" i="1"/>
  <c r="AC136565" i="1"/>
  <c r="AC136566" i="1"/>
  <c r="AC136567" i="1"/>
  <c r="AC136568" i="1"/>
  <c r="AC136569" i="1"/>
  <c r="AC136570" i="1"/>
  <c r="AC136571" i="1"/>
  <c r="AC136572" i="1"/>
  <c r="AC136573" i="1"/>
  <c r="AC136574" i="1"/>
  <c r="AC136575" i="1"/>
  <c r="AC136576" i="1"/>
  <c r="AC136577" i="1"/>
  <c r="AC136578" i="1"/>
  <c r="AC136579" i="1"/>
  <c r="AC136580" i="1"/>
  <c r="AC136581" i="1"/>
  <c r="AC136582" i="1"/>
  <c r="AC136583" i="1"/>
  <c r="AC136584" i="1"/>
  <c r="AC136585" i="1"/>
  <c r="AC136586" i="1"/>
  <c r="AC136587" i="1"/>
  <c r="AC136588" i="1"/>
  <c r="AC136589" i="1"/>
  <c r="AC136590" i="1"/>
  <c r="AC136591" i="1"/>
  <c r="AC136592" i="1"/>
  <c r="AC136593" i="1"/>
  <c r="AC136594" i="1"/>
  <c r="AC136595" i="1"/>
  <c r="AC136596" i="1"/>
  <c r="AC136597" i="1"/>
  <c r="AC136598" i="1"/>
  <c r="AC136599" i="1"/>
  <c r="AC136600" i="1"/>
  <c r="AC136601" i="1"/>
  <c r="AC136602" i="1"/>
  <c r="AC136603" i="1"/>
  <c r="AC136604" i="1"/>
  <c r="AC136605" i="1"/>
  <c r="AC136606" i="1"/>
  <c r="AC136607" i="1"/>
  <c r="AC136608" i="1"/>
  <c r="AC136609" i="1"/>
  <c r="AC136610" i="1"/>
  <c r="AC136611" i="1"/>
  <c r="AC136612" i="1"/>
  <c r="AC136613" i="1"/>
  <c r="AC136614" i="1"/>
  <c r="AC136615" i="1"/>
  <c r="AC136616" i="1"/>
  <c r="AC136617" i="1"/>
  <c r="AC136618" i="1"/>
  <c r="AC136619" i="1"/>
  <c r="AC136620" i="1"/>
  <c r="AC136621" i="1"/>
  <c r="AC136622" i="1"/>
  <c r="AC136623" i="1"/>
  <c r="AC136624" i="1"/>
  <c r="AC136625" i="1"/>
  <c r="AC136626" i="1"/>
  <c r="AC136627" i="1"/>
  <c r="AC136628" i="1"/>
  <c r="AC136629" i="1"/>
  <c r="AC136630" i="1"/>
  <c r="AC136631" i="1"/>
  <c r="AC136632" i="1"/>
  <c r="AC136633" i="1"/>
  <c r="AC136634" i="1"/>
  <c r="AC136635" i="1"/>
  <c r="AC136636" i="1"/>
  <c r="AC136637" i="1"/>
  <c r="AC136638" i="1"/>
  <c r="AC136639" i="1"/>
  <c r="AC136640" i="1"/>
  <c r="AC136641" i="1"/>
  <c r="AC136642" i="1"/>
  <c r="AC136643" i="1"/>
  <c r="AC136644" i="1"/>
  <c r="AC136645" i="1"/>
  <c r="AC136646" i="1"/>
  <c r="AC136647" i="1"/>
  <c r="AC136648" i="1"/>
  <c r="AC136649" i="1"/>
  <c r="AC136650" i="1"/>
  <c r="AC136651" i="1"/>
  <c r="AC136652" i="1"/>
  <c r="AC136653" i="1"/>
  <c r="AC136654" i="1"/>
  <c r="AC136655" i="1"/>
  <c r="AC136656" i="1"/>
  <c r="AC136657" i="1"/>
  <c r="AC136658" i="1"/>
  <c r="AC136659" i="1"/>
  <c r="AC136660" i="1"/>
  <c r="AC136661" i="1"/>
  <c r="AC136662" i="1"/>
  <c r="AC136663" i="1"/>
  <c r="AC136664" i="1"/>
  <c r="AC136665" i="1"/>
  <c r="AC136666" i="1"/>
  <c r="AC136667" i="1"/>
  <c r="AC136668" i="1"/>
  <c r="AC136669" i="1"/>
  <c r="AC136670" i="1"/>
  <c r="AC136671" i="1"/>
  <c r="AC136672" i="1"/>
  <c r="AC136673" i="1"/>
  <c r="AC136674" i="1"/>
  <c r="AC136675" i="1"/>
  <c r="AC136676" i="1"/>
  <c r="AC136677" i="1"/>
  <c r="AC136678" i="1"/>
  <c r="AC136679" i="1"/>
  <c r="AC136680" i="1"/>
  <c r="AC136681" i="1"/>
  <c r="AC136682" i="1"/>
  <c r="AC136683" i="1"/>
  <c r="AC136684" i="1"/>
  <c r="AC136685" i="1"/>
  <c r="AC136686" i="1"/>
  <c r="AC136687" i="1"/>
  <c r="AC136688" i="1"/>
  <c r="AC136689" i="1"/>
  <c r="AC136690" i="1"/>
  <c r="AC136691" i="1"/>
  <c r="AC136692" i="1"/>
  <c r="AC136693" i="1"/>
  <c r="AC136694" i="1"/>
  <c r="AC136695" i="1"/>
  <c r="AC136696" i="1"/>
  <c r="AC136697" i="1"/>
  <c r="AC136698" i="1"/>
  <c r="AC136699" i="1"/>
  <c r="AC136700" i="1"/>
  <c r="AC136701" i="1"/>
  <c r="AC136702" i="1"/>
  <c r="AC136703" i="1"/>
  <c r="AC136704" i="1"/>
  <c r="AC136705" i="1"/>
  <c r="AC136706" i="1"/>
  <c r="AC136707" i="1"/>
  <c r="AC136708" i="1"/>
  <c r="AC136709" i="1"/>
  <c r="AC136710" i="1"/>
  <c r="AC136711" i="1"/>
  <c r="AC136712" i="1"/>
  <c r="AC136713" i="1"/>
  <c r="AC136714" i="1"/>
  <c r="AC136715" i="1"/>
  <c r="AC136716" i="1"/>
  <c r="AC136717" i="1"/>
  <c r="AC136718" i="1"/>
  <c r="AC136719" i="1"/>
  <c r="AC136720" i="1"/>
  <c r="AC136721" i="1"/>
  <c r="AC136722" i="1"/>
  <c r="AC136723" i="1"/>
  <c r="AC136724" i="1"/>
  <c r="AC136725" i="1"/>
  <c r="AC136726" i="1"/>
  <c r="AC136727" i="1"/>
  <c r="AC136728" i="1"/>
  <c r="AC136729" i="1"/>
  <c r="AC136730" i="1"/>
  <c r="AC136731" i="1"/>
  <c r="AC136732" i="1"/>
  <c r="AC136733" i="1"/>
  <c r="AC136734" i="1"/>
  <c r="AC136735" i="1"/>
  <c r="AC136736" i="1"/>
  <c r="AC136737" i="1"/>
  <c r="AC136738" i="1"/>
  <c r="AC136739" i="1"/>
  <c r="AC136740" i="1"/>
  <c r="AC136741" i="1"/>
  <c r="AC136742" i="1"/>
  <c r="AC136743" i="1"/>
  <c r="AC136744" i="1"/>
  <c r="AC136745" i="1"/>
  <c r="AC136746" i="1"/>
  <c r="AC136747" i="1"/>
  <c r="AC136748" i="1"/>
  <c r="AC136749" i="1"/>
  <c r="AC136750" i="1"/>
  <c r="AC136751" i="1"/>
  <c r="AC136752" i="1"/>
  <c r="AC136753" i="1"/>
  <c r="AC136754" i="1"/>
  <c r="AC136755" i="1"/>
  <c r="AC136756" i="1"/>
  <c r="AC136757" i="1"/>
  <c r="AC136758" i="1"/>
  <c r="AC136759" i="1"/>
  <c r="AC136760" i="1"/>
  <c r="AC136761" i="1"/>
  <c r="AC136762" i="1"/>
  <c r="AC136763" i="1"/>
  <c r="AC136764" i="1"/>
  <c r="AC136765" i="1"/>
  <c r="AC136766" i="1"/>
  <c r="AC136767" i="1"/>
  <c r="AC136768" i="1"/>
  <c r="AC136769" i="1"/>
  <c r="AC136770" i="1"/>
  <c r="AC136771" i="1"/>
  <c r="AC136772" i="1"/>
  <c r="AC136773" i="1"/>
  <c r="AC136774" i="1"/>
  <c r="AC136775" i="1"/>
  <c r="AC136776" i="1"/>
  <c r="AC136777" i="1"/>
  <c r="AC136778" i="1"/>
  <c r="AC136779" i="1"/>
  <c r="AC136780" i="1"/>
  <c r="AC136781" i="1"/>
  <c r="AC136782" i="1"/>
  <c r="AC136783" i="1"/>
  <c r="AC136784" i="1"/>
  <c r="AC136785" i="1"/>
  <c r="AC136786" i="1"/>
  <c r="AC136787" i="1"/>
  <c r="AC136788" i="1"/>
  <c r="AC136789" i="1"/>
  <c r="AC136790" i="1"/>
  <c r="AC136791" i="1"/>
  <c r="AC136792" i="1"/>
  <c r="AC136793" i="1"/>
  <c r="AC136794" i="1"/>
  <c r="AC136795" i="1"/>
  <c r="AC136796" i="1"/>
  <c r="AC136797" i="1"/>
  <c r="AC136798" i="1"/>
  <c r="AC136799" i="1"/>
  <c r="AC136800" i="1"/>
  <c r="AC136801" i="1"/>
  <c r="AC136802" i="1"/>
  <c r="AC136803" i="1"/>
  <c r="AC136804" i="1"/>
  <c r="AC136805" i="1"/>
  <c r="AC136806" i="1"/>
  <c r="AC136807" i="1"/>
  <c r="AC136808" i="1"/>
  <c r="AC136809" i="1"/>
  <c r="AC136810" i="1"/>
  <c r="AC136811" i="1"/>
  <c r="AC136812" i="1"/>
  <c r="AC136813" i="1"/>
  <c r="AC136814" i="1"/>
  <c r="AC136815" i="1"/>
  <c r="AC136816" i="1"/>
  <c r="AC136817" i="1"/>
  <c r="AC136818" i="1"/>
  <c r="AC136819" i="1"/>
  <c r="AC136820" i="1"/>
  <c r="AC136821" i="1"/>
  <c r="AC136822" i="1"/>
  <c r="AC136823" i="1"/>
  <c r="AC136824" i="1"/>
  <c r="AC136825" i="1"/>
  <c r="AC136826" i="1"/>
  <c r="AC136827" i="1"/>
  <c r="AC136828" i="1"/>
  <c r="AC136829" i="1"/>
  <c r="AC136830" i="1"/>
  <c r="AC136831" i="1"/>
  <c r="AC136832" i="1"/>
  <c r="AC136833" i="1"/>
  <c r="AC136834" i="1"/>
  <c r="AC136835" i="1"/>
  <c r="AC136836" i="1"/>
  <c r="AC136837" i="1"/>
  <c r="AC136838" i="1"/>
  <c r="AC136839" i="1"/>
  <c r="AC136840" i="1"/>
  <c r="AC136841" i="1"/>
  <c r="AC136842" i="1"/>
  <c r="AC136843" i="1"/>
  <c r="AC136844" i="1"/>
  <c r="AC136845" i="1"/>
  <c r="AC136846" i="1"/>
  <c r="AC136847" i="1"/>
  <c r="AC136848" i="1"/>
  <c r="AC136849" i="1"/>
  <c r="AC136850" i="1"/>
  <c r="AC136851" i="1"/>
  <c r="AC136852" i="1"/>
  <c r="AC136853" i="1"/>
  <c r="AC136854" i="1"/>
  <c r="AC136855" i="1"/>
  <c r="AC136856" i="1"/>
  <c r="AC136857" i="1"/>
  <c r="AC136858" i="1"/>
  <c r="AC136859" i="1"/>
  <c r="AC136860" i="1"/>
  <c r="AC136861" i="1"/>
  <c r="AC136862" i="1"/>
  <c r="AC136863" i="1"/>
  <c r="AC136864" i="1"/>
  <c r="AC136865" i="1"/>
  <c r="AC136866" i="1"/>
  <c r="AC136867" i="1"/>
  <c r="AC136868" i="1"/>
  <c r="AC136869" i="1"/>
  <c r="AC136870" i="1"/>
  <c r="AC136871" i="1"/>
  <c r="AC136872" i="1"/>
  <c r="AC136873" i="1"/>
  <c r="AC136874" i="1"/>
  <c r="AC136875" i="1"/>
  <c r="AC136876" i="1"/>
  <c r="AC136877" i="1"/>
  <c r="AC136878" i="1"/>
  <c r="AC136879" i="1"/>
  <c r="AC136880" i="1"/>
  <c r="AC136881" i="1"/>
  <c r="AC136882" i="1"/>
  <c r="AC136883" i="1"/>
  <c r="AC136884" i="1"/>
  <c r="AC136885" i="1"/>
  <c r="AC136886" i="1"/>
  <c r="AC136887" i="1"/>
  <c r="AC136888" i="1"/>
  <c r="AC136889" i="1"/>
  <c r="AC136890" i="1"/>
  <c r="AC136891" i="1"/>
  <c r="AC136892" i="1"/>
  <c r="AC136893" i="1"/>
  <c r="AC136894" i="1"/>
  <c r="AC136895" i="1"/>
  <c r="AC136896" i="1"/>
  <c r="AC136897" i="1"/>
  <c r="AC136898" i="1"/>
  <c r="AC136899" i="1"/>
  <c r="AC136900" i="1"/>
  <c r="AC136901" i="1"/>
  <c r="AC136902" i="1"/>
  <c r="AC136903" i="1"/>
  <c r="AC136904" i="1"/>
  <c r="AC136905" i="1"/>
  <c r="AC136906" i="1"/>
  <c r="AC136907" i="1"/>
  <c r="AC136908" i="1"/>
  <c r="AC136909" i="1"/>
  <c r="AC136910" i="1"/>
  <c r="AC136911" i="1"/>
  <c r="AC136912" i="1"/>
  <c r="AC136913" i="1"/>
  <c r="AC136914" i="1"/>
  <c r="AC136915" i="1"/>
  <c r="AC136916" i="1"/>
  <c r="AC136917" i="1"/>
  <c r="AC136918" i="1"/>
  <c r="AC136919" i="1"/>
  <c r="AC136920" i="1"/>
  <c r="AC136921" i="1"/>
  <c r="AC136922" i="1"/>
  <c r="AC136923" i="1"/>
  <c r="AC136924" i="1"/>
  <c r="AC136925" i="1"/>
  <c r="AC136926" i="1"/>
  <c r="AC136927" i="1"/>
  <c r="AC136928" i="1"/>
  <c r="AC136929" i="1"/>
  <c r="AC136930" i="1"/>
  <c r="AC136931" i="1"/>
  <c r="AC136932" i="1"/>
  <c r="AC136933" i="1"/>
  <c r="AC136934" i="1"/>
  <c r="AC136935" i="1"/>
  <c r="AC136936" i="1"/>
  <c r="AC136937" i="1"/>
  <c r="AC136938" i="1"/>
  <c r="AC136939" i="1"/>
  <c r="AC136940" i="1"/>
  <c r="AC136941" i="1"/>
  <c r="AC136942" i="1"/>
  <c r="AC136943" i="1"/>
  <c r="AC136944" i="1"/>
  <c r="AC136945" i="1"/>
  <c r="AC136946" i="1"/>
  <c r="AC136947" i="1"/>
  <c r="AC136948" i="1"/>
  <c r="AC136949" i="1"/>
  <c r="AC136950" i="1"/>
  <c r="AC136951" i="1"/>
  <c r="AC136952" i="1"/>
  <c r="AC136953" i="1"/>
  <c r="AC136954" i="1"/>
  <c r="AC136955" i="1"/>
  <c r="AC136956" i="1"/>
  <c r="AC136957" i="1"/>
  <c r="AC136958" i="1"/>
  <c r="AC136959" i="1"/>
  <c r="AC136960" i="1"/>
  <c r="AC136961" i="1"/>
  <c r="AC136962" i="1"/>
  <c r="AC136963" i="1"/>
  <c r="AC136964" i="1"/>
  <c r="AC136965" i="1"/>
  <c r="AC136966" i="1"/>
  <c r="AC136967" i="1"/>
  <c r="AC136968" i="1"/>
  <c r="AC136969" i="1"/>
  <c r="AC136970" i="1"/>
  <c r="AC136971" i="1"/>
  <c r="AC136972" i="1"/>
  <c r="AC136973" i="1"/>
  <c r="AC136974" i="1"/>
  <c r="AC136975" i="1"/>
  <c r="AC136976" i="1"/>
  <c r="AC136977" i="1"/>
  <c r="AC136978" i="1"/>
  <c r="AC136979" i="1"/>
  <c r="AC136980" i="1"/>
  <c r="AC136981" i="1"/>
  <c r="AC136982" i="1"/>
  <c r="AC136983" i="1"/>
  <c r="AC136984" i="1"/>
  <c r="AC136985" i="1"/>
  <c r="AC136986" i="1"/>
  <c r="AC136987" i="1"/>
  <c r="AC136988" i="1"/>
  <c r="AC136989" i="1"/>
  <c r="AC136990" i="1"/>
  <c r="AC136991" i="1"/>
  <c r="AC136992" i="1"/>
  <c r="AC136993" i="1"/>
  <c r="AC136994" i="1"/>
  <c r="AC136995" i="1"/>
  <c r="AC136996" i="1"/>
  <c r="AC136997" i="1"/>
  <c r="AC136998" i="1"/>
  <c r="AC136999" i="1"/>
  <c r="AC137000" i="1"/>
  <c r="AC137001" i="1"/>
  <c r="AC137002" i="1"/>
  <c r="AC137003" i="1"/>
  <c r="AC137004" i="1"/>
  <c r="AC137005" i="1"/>
  <c r="AC137006" i="1"/>
  <c r="AC137007" i="1"/>
  <c r="AC137008" i="1"/>
  <c r="AC137009" i="1"/>
  <c r="AC137010" i="1"/>
  <c r="AC137011" i="1"/>
  <c r="AC137012" i="1"/>
  <c r="AC137013" i="1"/>
  <c r="AC137014" i="1"/>
  <c r="AC137015" i="1"/>
  <c r="AC137016" i="1"/>
  <c r="AC137017" i="1"/>
  <c r="AC137018" i="1"/>
  <c r="AC137019" i="1"/>
  <c r="AC137020" i="1"/>
  <c r="AC137021" i="1"/>
  <c r="AC137022" i="1"/>
  <c r="AC137023" i="1"/>
  <c r="AC137024" i="1"/>
  <c r="AC137025" i="1"/>
  <c r="AC137026" i="1"/>
  <c r="AC137027" i="1"/>
  <c r="AC137028" i="1"/>
  <c r="AC137029" i="1"/>
  <c r="AC137030" i="1"/>
  <c r="AC137031" i="1"/>
  <c r="AC137032" i="1"/>
  <c r="AC137033" i="1"/>
  <c r="AC137034" i="1"/>
  <c r="AC137035" i="1"/>
  <c r="AC137036" i="1"/>
  <c r="AC137037" i="1"/>
  <c r="AC137038" i="1"/>
  <c r="AC137039" i="1"/>
  <c r="AC137040" i="1"/>
  <c r="AC137041" i="1"/>
  <c r="AC137042" i="1"/>
  <c r="AC137043" i="1"/>
  <c r="AC137044" i="1"/>
  <c r="AC137045" i="1"/>
  <c r="AC137046" i="1"/>
  <c r="AC137047" i="1"/>
  <c r="AC137048" i="1"/>
  <c r="AC137049" i="1"/>
  <c r="AC137050" i="1"/>
  <c r="AC137051" i="1"/>
  <c r="AC137052" i="1"/>
  <c r="AC137053" i="1"/>
  <c r="AC137054" i="1"/>
  <c r="AC137055" i="1"/>
  <c r="AC137056" i="1"/>
  <c r="AC137057" i="1"/>
  <c r="AC137058" i="1"/>
  <c r="AC137059" i="1"/>
  <c r="AC137060" i="1"/>
  <c r="AC137061" i="1"/>
  <c r="AC137062" i="1"/>
  <c r="AC137063" i="1"/>
  <c r="AC137064" i="1"/>
  <c r="AC137065" i="1"/>
  <c r="AC137066" i="1"/>
  <c r="AC137067" i="1"/>
  <c r="AC137068" i="1"/>
  <c r="AC137069" i="1"/>
  <c r="AC137070" i="1"/>
  <c r="AC137071" i="1"/>
  <c r="AC137072" i="1"/>
  <c r="AC137073" i="1"/>
  <c r="AC137074" i="1"/>
  <c r="AC137075" i="1"/>
  <c r="AC137076" i="1"/>
  <c r="AC137077" i="1"/>
  <c r="AC137078" i="1"/>
  <c r="AC137079" i="1"/>
  <c r="AC137080" i="1"/>
  <c r="AC137081" i="1"/>
  <c r="AC137082" i="1"/>
  <c r="AC137083" i="1"/>
  <c r="AC137084" i="1"/>
  <c r="AC137085" i="1"/>
  <c r="AC137086" i="1"/>
  <c r="AC137087" i="1"/>
  <c r="AC137088" i="1"/>
  <c r="AC137089" i="1"/>
  <c r="AC137090" i="1"/>
  <c r="AC137091" i="1"/>
  <c r="AC137092" i="1"/>
  <c r="AC137093" i="1"/>
  <c r="AC137094" i="1"/>
  <c r="AC137095" i="1"/>
  <c r="AC137096" i="1"/>
  <c r="AC137097" i="1"/>
  <c r="AC137098" i="1"/>
  <c r="AC137099" i="1"/>
  <c r="AC137100" i="1"/>
  <c r="AC137101" i="1"/>
  <c r="AC137102" i="1"/>
  <c r="AC137103" i="1"/>
  <c r="AC137104" i="1"/>
  <c r="AC137105" i="1"/>
  <c r="AC137106" i="1"/>
  <c r="AC137107" i="1"/>
  <c r="AC137108" i="1"/>
  <c r="AC137109" i="1"/>
  <c r="AC137110" i="1"/>
  <c r="AC137111" i="1"/>
  <c r="AC137112" i="1"/>
  <c r="AC137113" i="1"/>
  <c r="AC137114" i="1"/>
  <c r="AC137115" i="1"/>
  <c r="AC137116" i="1"/>
  <c r="AC137117" i="1"/>
  <c r="AC137118" i="1"/>
  <c r="AC137119" i="1"/>
  <c r="AC137120" i="1"/>
  <c r="AC137121" i="1"/>
  <c r="AC137122" i="1"/>
  <c r="AC137123" i="1"/>
  <c r="AC137124" i="1"/>
  <c r="AC137125" i="1"/>
  <c r="AC137126" i="1"/>
  <c r="AC137127" i="1"/>
  <c r="AC137128" i="1"/>
  <c r="AC137129" i="1"/>
  <c r="AC137130" i="1"/>
  <c r="AC137131" i="1"/>
  <c r="AC137132" i="1"/>
  <c r="AC137133" i="1"/>
  <c r="AC137134" i="1"/>
  <c r="AC137135" i="1"/>
  <c r="AC137136" i="1"/>
  <c r="AC137137" i="1"/>
  <c r="AC137138" i="1"/>
  <c r="AC137139" i="1"/>
  <c r="AC137140" i="1"/>
  <c r="AC137141" i="1"/>
  <c r="AC137142" i="1"/>
  <c r="AC137143" i="1"/>
  <c r="AC137144" i="1"/>
  <c r="AC137145" i="1"/>
  <c r="AC137146" i="1"/>
  <c r="AC137147" i="1"/>
  <c r="AC137148" i="1"/>
  <c r="AC137149" i="1"/>
  <c r="AC137150" i="1"/>
  <c r="AC137151" i="1"/>
  <c r="AC137152" i="1"/>
  <c r="AC137153" i="1"/>
  <c r="AC137154" i="1"/>
  <c r="AC137155" i="1"/>
  <c r="AC137156" i="1"/>
  <c r="AC137157" i="1"/>
  <c r="AC137158" i="1"/>
  <c r="AC137159" i="1"/>
  <c r="AC137160" i="1"/>
  <c r="AC137161" i="1"/>
  <c r="AC137162" i="1"/>
  <c r="AC137163" i="1"/>
  <c r="AC137164" i="1"/>
  <c r="AC137165" i="1"/>
  <c r="AC137166" i="1"/>
  <c r="AC137167" i="1"/>
  <c r="AC137168" i="1"/>
  <c r="AC137169" i="1"/>
  <c r="AC137170" i="1"/>
  <c r="AC137171" i="1"/>
  <c r="AC137172" i="1"/>
  <c r="AC137173" i="1"/>
  <c r="AC137174" i="1"/>
  <c r="AC137175" i="1"/>
  <c r="AC137176" i="1"/>
  <c r="AC137177" i="1"/>
  <c r="AC137178" i="1"/>
  <c r="AC137179" i="1"/>
  <c r="AC137180" i="1"/>
  <c r="AC137181" i="1"/>
  <c r="AC137182" i="1"/>
  <c r="AC137183" i="1"/>
  <c r="AC137184" i="1"/>
  <c r="AC137185" i="1"/>
  <c r="AC137186" i="1"/>
  <c r="AC137187" i="1"/>
  <c r="AC137188" i="1"/>
  <c r="AC137189" i="1"/>
  <c r="AC137190" i="1"/>
  <c r="AC137191" i="1"/>
  <c r="AC137192" i="1"/>
  <c r="AC137193" i="1"/>
  <c r="AC137194" i="1"/>
  <c r="AC137195" i="1"/>
  <c r="AC137196" i="1"/>
  <c r="AC137197" i="1"/>
  <c r="AC137198" i="1"/>
  <c r="AC137199" i="1"/>
  <c r="AC137200" i="1"/>
  <c r="AC137201" i="1"/>
  <c r="AC137202" i="1"/>
  <c r="AC137203" i="1"/>
  <c r="AC137204" i="1"/>
  <c r="AC137205" i="1"/>
  <c r="AC137206" i="1"/>
  <c r="AC137207" i="1"/>
  <c r="AC137208" i="1"/>
  <c r="AC137209" i="1"/>
  <c r="AC137210" i="1"/>
  <c r="AC137211" i="1"/>
  <c r="AC137212" i="1"/>
  <c r="AC137213" i="1"/>
  <c r="AC137214" i="1"/>
  <c r="AC137215" i="1"/>
  <c r="AC137216" i="1"/>
  <c r="AC137217" i="1"/>
  <c r="AC137218" i="1"/>
  <c r="AC137219" i="1"/>
  <c r="AC137220" i="1"/>
  <c r="AC137221" i="1"/>
  <c r="AC137222" i="1"/>
  <c r="AC137223" i="1"/>
  <c r="AC137224" i="1"/>
  <c r="AC137225" i="1"/>
  <c r="AC137226" i="1"/>
  <c r="AC137227" i="1"/>
  <c r="AC137228" i="1"/>
  <c r="AC137229" i="1"/>
  <c r="AC137230" i="1"/>
  <c r="AC137231" i="1"/>
  <c r="AC137232" i="1"/>
  <c r="AC137233" i="1"/>
  <c r="AC137234" i="1"/>
  <c r="AC137235" i="1"/>
  <c r="AC137236" i="1"/>
  <c r="AC137237" i="1"/>
  <c r="AC137238" i="1"/>
  <c r="AC137239" i="1"/>
  <c r="AC137240" i="1"/>
  <c r="AC137241" i="1"/>
  <c r="AC137242" i="1"/>
  <c r="AC137243" i="1"/>
  <c r="AC137244" i="1"/>
  <c r="AC137245" i="1"/>
  <c r="AC137246" i="1"/>
  <c r="AC137247" i="1"/>
  <c r="AC137248" i="1"/>
  <c r="AC137249" i="1"/>
  <c r="AC137250" i="1"/>
  <c r="AC137251" i="1"/>
  <c r="AC137252" i="1"/>
  <c r="AC137253" i="1"/>
  <c r="AC137254" i="1"/>
  <c r="AC137255" i="1"/>
  <c r="AC137256" i="1"/>
  <c r="AC137257" i="1"/>
  <c r="AC137258" i="1"/>
  <c r="AC137259" i="1"/>
  <c r="AC137260" i="1"/>
  <c r="AC137261" i="1"/>
  <c r="AC137262" i="1"/>
  <c r="AC137263" i="1"/>
  <c r="AC137264" i="1"/>
  <c r="AC137265" i="1"/>
  <c r="AC137266" i="1"/>
  <c r="AC137267" i="1"/>
  <c r="AC137268" i="1"/>
  <c r="AC137269" i="1"/>
  <c r="AC137270" i="1"/>
  <c r="AC137271" i="1"/>
  <c r="AC137272" i="1"/>
  <c r="AC137273" i="1"/>
  <c r="AC137274" i="1"/>
  <c r="AC137275" i="1"/>
  <c r="AC137276" i="1"/>
  <c r="AC137277" i="1"/>
  <c r="AC137278" i="1"/>
  <c r="AC137279" i="1"/>
  <c r="AC137280" i="1"/>
  <c r="AC137281" i="1"/>
  <c r="AC137282" i="1"/>
  <c r="AC137283" i="1"/>
  <c r="AC137284" i="1"/>
  <c r="AC137285" i="1"/>
  <c r="AC137286" i="1"/>
  <c r="AC137287" i="1"/>
  <c r="AC137288" i="1"/>
  <c r="AC137289" i="1"/>
  <c r="AC137290" i="1"/>
  <c r="AC137291" i="1"/>
  <c r="AC137292" i="1"/>
  <c r="AC137293" i="1"/>
  <c r="AC137294" i="1"/>
  <c r="AC137295" i="1"/>
  <c r="AC137296" i="1"/>
  <c r="AC137297" i="1"/>
  <c r="AC137298" i="1"/>
  <c r="AC137299" i="1"/>
  <c r="AC137300" i="1"/>
  <c r="AC137301" i="1"/>
  <c r="AC137302" i="1"/>
  <c r="AC137303" i="1"/>
  <c r="AC137304" i="1"/>
  <c r="AC137305" i="1"/>
  <c r="AC137306" i="1"/>
  <c r="AC137307" i="1"/>
  <c r="AC137308" i="1"/>
  <c r="AC137309" i="1"/>
  <c r="AC137310" i="1"/>
  <c r="AC137311" i="1"/>
  <c r="AC137312" i="1"/>
  <c r="AC137313" i="1"/>
  <c r="AC137314" i="1"/>
  <c r="AC137315" i="1"/>
  <c r="AC137316" i="1"/>
  <c r="AC137317" i="1"/>
  <c r="AC137318" i="1"/>
  <c r="AC137319" i="1"/>
  <c r="AC137320" i="1"/>
  <c r="AC137321" i="1"/>
  <c r="AC137322" i="1"/>
  <c r="AC137323" i="1"/>
  <c r="AC137324" i="1"/>
  <c r="AC137325" i="1"/>
  <c r="AC137326" i="1"/>
  <c r="AC137327" i="1"/>
  <c r="AC137328" i="1"/>
  <c r="AC137329" i="1"/>
  <c r="AC137330" i="1"/>
  <c r="AC137331" i="1"/>
  <c r="AC137332" i="1"/>
  <c r="AC137333" i="1"/>
  <c r="AC137334" i="1"/>
  <c r="AC137335" i="1"/>
  <c r="AC137336" i="1"/>
  <c r="AC137337" i="1"/>
  <c r="AC137338" i="1"/>
  <c r="AC137339" i="1"/>
  <c r="AC137340" i="1"/>
  <c r="AC137341" i="1"/>
  <c r="AC137342" i="1"/>
  <c r="AC137343" i="1"/>
  <c r="AC137344" i="1"/>
  <c r="AC137345" i="1"/>
  <c r="AC137346" i="1"/>
  <c r="AC137347" i="1"/>
  <c r="AC137348" i="1"/>
  <c r="AC137349" i="1"/>
  <c r="AC137350" i="1"/>
  <c r="AC137351" i="1"/>
  <c r="AC137352" i="1"/>
  <c r="AC137353" i="1"/>
  <c r="AC137354" i="1"/>
  <c r="AC137355" i="1"/>
  <c r="AC137356" i="1"/>
  <c r="AC137357" i="1"/>
  <c r="AC137358" i="1"/>
  <c r="AC137359" i="1"/>
  <c r="AC137360" i="1"/>
  <c r="AC137361" i="1"/>
  <c r="AC137362" i="1"/>
  <c r="AC137363" i="1"/>
  <c r="AC137364" i="1"/>
  <c r="AC137365" i="1"/>
  <c r="AC137366" i="1"/>
  <c r="AC137367" i="1"/>
  <c r="AC137368" i="1"/>
  <c r="AC137369" i="1"/>
  <c r="AC137370" i="1"/>
  <c r="AC137371" i="1"/>
  <c r="AC137372" i="1"/>
  <c r="AC137373" i="1"/>
  <c r="AC137374" i="1"/>
  <c r="AC137375" i="1"/>
  <c r="AC137376" i="1"/>
  <c r="AC137377" i="1"/>
  <c r="AC137378" i="1"/>
  <c r="AC137379" i="1"/>
  <c r="AC137380" i="1"/>
  <c r="AC137381" i="1"/>
  <c r="AC137382" i="1"/>
  <c r="AC137383" i="1"/>
  <c r="AC137384" i="1"/>
  <c r="AC137385" i="1"/>
  <c r="AC137386" i="1"/>
  <c r="AC137387" i="1"/>
  <c r="AC137388" i="1"/>
  <c r="AC137389" i="1"/>
  <c r="AC137390" i="1"/>
  <c r="AC137391" i="1"/>
  <c r="AC137392" i="1"/>
  <c r="AC137393" i="1"/>
  <c r="AC137394" i="1"/>
  <c r="AC137395" i="1"/>
  <c r="AC137396" i="1"/>
  <c r="AC137397" i="1"/>
  <c r="AC137398" i="1"/>
  <c r="AC137399" i="1"/>
  <c r="AC137400" i="1"/>
  <c r="AC137401" i="1"/>
  <c r="AC137402" i="1"/>
  <c r="AC137403" i="1"/>
  <c r="AC137404" i="1"/>
  <c r="AC137405" i="1"/>
  <c r="AC137406" i="1"/>
  <c r="AC137407" i="1"/>
  <c r="AC137408" i="1"/>
  <c r="AC137409" i="1"/>
  <c r="AC137410" i="1"/>
  <c r="AC137411" i="1"/>
  <c r="AC137412" i="1"/>
  <c r="AC137413" i="1"/>
  <c r="AC137414" i="1"/>
  <c r="AC137415" i="1"/>
  <c r="AC137416" i="1"/>
  <c r="AC137417" i="1"/>
  <c r="AC137418" i="1"/>
  <c r="AC137419" i="1"/>
  <c r="AC137420" i="1"/>
  <c r="AC137421" i="1"/>
  <c r="AC137422" i="1"/>
  <c r="AC137423" i="1"/>
  <c r="AC137424" i="1"/>
  <c r="AC137425" i="1"/>
  <c r="AC137426" i="1"/>
  <c r="AC137427" i="1"/>
  <c r="AC137428" i="1"/>
  <c r="AC137429" i="1"/>
  <c r="AC137430" i="1"/>
  <c r="AC137431" i="1"/>
  <c r="AC137432" i="1"/>
  <c r="AC137433" i="1"/>
  <c r="AC137434" i="1"/>
  <c r="AC137435" i="1"/>
  <c r="AC137436" i="1"/>
  <c r="AC137437" i="1"/>
  <c r="AC137438" i="1"/>
  <c r="AC137439" i="1"/>
  <c r="AC137440" i="1"/>
  <c r="AC137441" i="1"/>
  <c r="AC137442" i="1"/>
  <c r="AC137443" i="1"/>
  <c r="AC137444" i="1"/>
  <c r="AC137445" i="1"/>
  <c r="AC137446" i="1"/>
  <c r="AC137447" i="1"/>
  <c r="AC137448" i="1"/>
  <c r="AC137449" i="1"/>
  <c r="AC137450" i="1"/>
  <c r="AC137451" i="1"/>
  <c r="AC137452" i="1"/>
  <c r="AC137453" i="1"/>
  <c r="AC137454" i="1"/>
  <c r="AC137455" i="1"/>
  <c r="AC137456" i="1"/>
  <c r="AC137457" i="1"/>
  <c r="AC137458" i="1"/>
  <c r="AC137459" i="1"/>
  <c r="AC137460" i="1"/>
  <c r="AC137461" i="1"/>
  <c r="AC137462" i="1"/>
  <c r="AC137463" i="1"/>
  <c r="AC137464" i="1"/>
  <c r="AC137465" i="1"/>
  <c r="AC137466" i="1"/>
  <c r="AC137467" i="1"/>
  <c r="AC137468" i="1"/>
  <c r="AC137469" i="1"/>
  <c r="AC137470" i="1"/>
  <c r="AC137471" i="1"/>
  <c r="AC137472" i="1"/>
  <c r="AC137473" i="1"/>
  <c r="AC137474" i="1"/>
  <c r="AC137475" i="1"/>
  <c r="AC137476" i="1"/>
  <c r="AC137477" i="1"/>
  <c r="AC137478" i="1"/>
  <c r="AC137479" i="1"/>
  <c r="AC137480" i="1"/>
  <c r="AC137481" i="1"/>
  <c r="AC137482" i="1"/>
  <c r="AC137483" i="1"/>
  <c r="AC137484" i="1"/>
  <c r="AC137485" i="1"/>
  <c r="AC137486" i="1"/>
  <c r="AC137487" i="1"/>
  <c r="AC137488" i="1"/>
  <c r="AC137489" i="1"/>
  <c r="AC137490" i="1"/>
  <c r="AC137491" i="1"/>
  <c r="AC137492" i="1"/>
  <c r="AC137493" i="1"/>
  <c r="AC137494" i="1"/>
  <c r="AC137495" i="1"/>
  <c r="AC137496" i="1"/>
  <c r="AC137497" i="1"/>
  <c r="AC137498" i="1"/>
  <c r="AC137499" i="1"/>
  <c r="AC137500" i="1"/>
  <c r="AC137501" i="1"/>
  <c r="AC137502" i="1"/>
  <c r="AC137503" i="1"/>
  <c r="AC137504" i="1"/>
  <c r="AC137505" i="1"/>
  <c r="AC137506" i="1"/>
  <c r="AC137507" i="1"/>
  <c r="AC137508" i="1"/>
  <c r="AC137509" i="1"/>
  <c r="AC137510" i="1"/>
  <c r="AC137511" i="1"/>
  <c r="AC137512" i="1"/>
  <c r="AC137513" i="1"/>
  <c r="AC137514" i="1"/>
  <c r="AC137515" i="1"/>
  <c r="AC137516" i="1"/>
  <c r="AC137517" i="1"/>
  <c r="AC137518" i="1"/>
  <c r="AC137519" i="1"/>
  <c r="AC137520" i="1"/>
  <c r="AC137521" i="1"/>
  <c r="AC137522" i="1"/>
  <c r="AC137523" i="1"/>
  <c r="AC137524" i="1"/>
  <c r="AC137525" i="1"/>
  <c r="AC137526" i="1"/>
  <c r="AC137527" i="1"/>
  <c r="AC137528" i="1"/>
  <c r="AC137529" i="1"/>
  <c r="AC137530" i="1"/>
  <c r="AC137531" i="1"/>
  <c r="AC137532" i="1"/>
  <c r="AC137533" i="1"/>
  <c r="AC137534" i="1"/>
  <c r="AC137535" i="1"/>
  <c r="AC137536" i="1"/>
  <c r="AC137537" i="1"/>
  <c r="AC137538" i="1"/>
  <c r="AC137539" i="1"/>
  <c r="AC137540" i="1"/>
  <c r="AC137541" i="1"/>
  <c r="AC137542" i="1"/>
  <c r="AC137543" i="1"/>
  <c r="AC137544" i="1"/>
  <c r="AC137545" i="1"/>
  <c r="AC137546" i="1"/>
  <c r="AC137547" i="1"/>
  <c r="AC137548" i="1"/>
  <c r="AC137549" i="1"/>
  <c r="AC137550" i="1"/>
  <c r="AC137551" i="1"/>
  <c r="AC137552" i="1"/>
  <c r="AC137553" i="1"/>
  <c r="AC137554" i="1"/>
  <c r="AC137555" i="1"/>
  <c r="AC137556" i="1"/>
  <c r="AC137557" i="1"/>
  <c r="AC137558" i="1"/>
  <c r="AC137559" i="1"/>
  <c r="AC137560" i="1"/>
  <c r="AC137561" i="1"/>
  <c r="AC137562" i="1"/>
  <c r="AC137563" i="1"/>
  <c r="AC137564" i="1"/>
  <c r="AC137565" i="1"/>
  <c r="AC137566" i="1"/>
  <c r="AC137567" i="1"/>
  <c r="AC137568" i="1"/>
  <c r="AC137569" i="1"/>
  <c r="AC137570" i="1"/>
  <c r="AC137571" i="1"/>
  <c r="AC137572" i="1"/>
  <c r="AC137573" i="1"/>
  <c r="AC137574" i="1"/>
  <c r="AC137575" i="1"/>
  <c r="AC137576" i="1"/>
  <c r="AC137577" i="1"/>
  <c r="AC137578" i="1"/>
  <c r="AC137579" i="1"/>
  <c r="AC137580" i="1"/>
  <c r="AC137581" i="1"/>
  <c r="AC137582" i="1"/>
  <c r="AC137583" i="1"/>
  <c r="AC137584" i="1"/>
  <c r="AC137585" i="1"/>
  <c r="AC137586" i="1"/>
  <c r="AC137587" i="1"/>
  <c r="AC137588" i="1"/>
  <c r="AC137589" i="1"/>
  <c r="AC137590" i="1"/>
  <c r="AC137591" i="1"/>
  <c r="AC137592" i="1"/>
  <c r="AC137593" i="1"/>
  <c r="AC137594" i="1"/>
  <c r="AC137595" i="1"/>
  <c r="AC137596" i="1"/>
  <c r="AC137597" i="1"/>
  <c r="AC137598" i="1"/>
  <c r="AC137599" i="1"/>
  <c r="AC137600" i="1"/>
  <c r="AC137601" i="1"/>
  <c r="AC137602" i="1"/>
  <c r="AC137603" i="1"/>
  <c r="AC137604" i="1"/>
  <c r="AC137605" i="1"/>
  <c r="AC137606" i="1"/>
  <c r="AC137607" i="1"/>
  <c r="AC137608" i="1"/>
  <c r="AC137609" i="1"/>
  <c r="AC137610" i="1"/>
  <c r="AC137611" i="1"/>
  <c r="AC137612" i="1"/>
  <c r="AC137613" i="1"/>
  <c r="AC137614" i="1"/>
  <c r="AC137615" i="1"/>
  <c r="AC137616" i="1"/>
  <c r="AC137617" i="1"/>
  <c r="AC137618" i="1"/>
  <c r="AC137619" i="1"/>
  <c r="AC137620" i="1"/>
  <c r="AC137621" i="1"/>
  <c r="AC137622" i="1"/>
  <c r="AC137623" i="1"/>
  <c r="AC137624" i="1"/>
  <c r="AC137625" i="1"/>
  <c r="AC137626" i="1"/>
  <c r="AC137627" i="1"/>
  <c r="AC137628" i="1"/>
  <c r="AC137629" i="1"/>
  <c r="AC137630" i="1"/>
  <c r="AC137631" i="1"/>
  <c r="AC137632" i="1"/>
  <c r="AC137633" i="1"/>
  <c r="AC137634" i="1"/>
  <c r="AC137635" i="1"/>
  <c r="AC137636" i="1"/>
  <c r="AC137637" i="1"/>
  <c r="AC137638" i="1"/>
  <c r="AC137639" i="1"/>
  <c r="AC137640" i="1"/>
  <c r="AC137641" i="1"/>
  <c r="AC137642" i="1"/>
  <c r="AC137643" i="1"/>
  <c r="AC137644" i="1"/>
  <c r="AC137645" i="1"/>
  <c r="AC137646" i="1"/>
  <c r="AC137647" i="1"/>
  <c r="AC137648" i="1"/>
  <c r="AC137649" i="1"/>
  <c r="AC137650" i="1"/>
  <c r="AC137651" i="1"/>
  <c r="AC137652" i="1"/>
  <c r="AC137653" i="1"/>
  <c r="AC137654" i="1"/>
  <c r="AC137655" i="1"/>
  <c r="AC137656" i="1"/>
  <c r="AC137657" i="1"/>
  <c r="AC137658" i="1"/>
  <c r="AC137659" i="1"/>
  <c r="AC137660" i="1"/>
  <c r="AC137661" i="1"/>
  <c r="AC137662" i="1"/>
  <c r="AC137663" i="1"/>
  <c r="AC137664" i="1"/>
  <c r="AC137665" i="1"/>
  <c r="AC137666" i="1"/>
  <c r="AC137667" i="1"/>
  <c r="AC137668" i="1"/>
  <c r="AC137669" i="1"/>
  <c r="AC137670" i="1"/>
  <c r="AC137671" i="1"/>
  <c r="AC137672" i="1"/>
  <c r="AC137673" i="1"/>
  <c r="AC137674" i="1"/>
  <c r="AC137675" i="1"/>
  <c r="AC137676" i="1"/>
  <c r="AC137677" i="1"/>
  <c r="AC137678" i="1"/>
  <c r="AC137679" i="1"/>
  <c r="AC137680" i="1"/>
  <c r="AC137681" i="1"/>
  <c r="AC137682" i="1"/>
  <c r="AC137683" i="1"/>
  <c r="AC137684" i="1"/>
  <c r="AC137685" i="1"/>
  <c r="AC137686" i="1"/>
  <c r="AC137687" i="1"/>
  <c r="AC137688" i="1"/>
  <c r="AC137689" i="1"/>
  <c r="AC137690" i="1"/>
  <c r="AC137691" i="1"/>
  <c r="AC137692" i="1"/>
  <c r="AC137693" i="1"/>
  <c r="AC137694" i="1"/>
  <c r="AC137695" i="1"/>
  <c r="AC137696" i="1"/>
  <c r="AC137697" i="1"/>
  <c r="AC137698" i="1"/>
  <c r="AC137699" i="1"/>
  <c r="AC137700" i="1"/>
  <c r="AC137701" i="1"/>
  <c r="AC137702" i="1"/>
  <c r="AC137703" i="1"/>
  <c r="AC137704" i="1"/>
  <c r="AC137705" i="1"/>
  <c r="AC137706" i="1"/>
  <c r="AC137707" i="1"/>
  <c r="AC137708" i="1"/>
  <c r="AC137709" i="1"/>
  <c r="AC137710" i="1"/>
  <c r="AC137711" i="1"/>
  <c r="AC137712" i="1"/>
  <c r="AC137713" i="1"/>
  <c r="AC137714" i="1"/>
  <c r="AC137715" i="1"/>
  <c r="AC137716" i="1"/>
  <c r="AC137717" i="1"/>
  <c r="AC137718" i="1"/>
  <c r="AC137719" i="1"/>
  <c r="AC137720" i="1"/>
  <c r="AC137721" i="1"/>
  <c r="AC137722" i="1"/>
  <c r="AC137723" i="1"/>
  <c r="AC137724" i="1"/>
  <c r="AC137725" i="1"/>
  <c r="AC137726" i="1"/>
  <c r="AC137727" i="1"/>
  <c r="AC137728" i="1"/>
  <c r="AC137729" i="1"/>
  <c r="AC137730" i="1"/>
  <c r="AC137731" i="1"/>
  <c r="AC137732" i="1"/>
  <c r="AC137733" i="1"/>
  <c r="AC137734" i="1"/>
  <c r="AC137735" i="1"/>
  <c r="AC137736" i="1"/>
  <c r="AC137737" i="1"/>
  <c r="AC137738" i="1"/>
  <c r="AC137739" i="1"/>
  <c r="AC137740" i="1"/>
  <c r="AC137741" i="1"/>
  <c r="AC137742" i="1"/>
  <c r="AC137743" i="1"/>
  <c r="AC137744" i="1"/>
  <c r="AC137745" i="1"/>
  <c r="AC137746" i="1"/>
  <c r="AC137747" i="1"/>
  <c r="AC137748" i="1"/>
  <c r="AC137749" i="1"/>
  <c r="AC137750" i="1"/>
  <c r="AC137751" i="1"/>
  <c r="AC137752" i="1"/>
  <c r="AC137753" i="1"/>
  <c r="AC137754" i="1"/>
  <c r="AC137755" i="1"/>
  <c r="AC137756" i="1"/>
  <c r="AC137757" i="1"/>
  <c r="AC137758" i="1"/>
  <c r="AC137759" i="1"/>
  <c r="AC137760" i="1"/>
  <c r="AC137761" i="1"/>
  <c r="AC137762" i="1"/>
  <c r="AC137763" i="1"/>
  <c r="AC137764" i="1"/>
  <c r="AC137765" i="1"/>
  <c r="AC137766" i="1"/>
  <c r="AC137767" i="1"/>
  <c r="AC137768" i="1"/>
  <c r="AC137769" i="1"/>
  <c r="AC137770" i="1"/>
  <c r="AC137771" i="1"/>
  <c r="AC137772" i="1"/>
  <c r="AC137773" i="1"/>
  <c r="AC137774" i="1"/>
  <c r="AC137775" i="1"/>
  <c r="AC137776" i="1"/>
  <c r="AC137777" i="1"/>
  <c r="AC137778" i="1"/>
  <c r="AC137779" i="1"/>
  <c r="AC137780" i="1"/>
  <c r="AC137781" i="1"/>
  <c r="AC137782" i="1"/>
  <c r="AC137783" i="1"/>
  <c r="AC137784" i="1"/>
  <c r="AC137785" i="1"/>
  <c r="AC137786" i="1"/>
  <c r="AC137787" i="1"/>
  <c r="AC137788" i="1"/>
  <c r="AC137789" i="1"/>
  <c r="AC137790" i="1"/>
  <c r="AC137791" i="1"/>
  <c r="AC137792" i="1"/>
  <c r="AC137793" i="1"/>
  <c r="AC137794" i="1"/>
  <c r="AC137795" i="1"/>
  <c r="AC137796" i="1"/>
  <c r="AC137797" i="1"/>
  <c r="AC137798" i="1"/>
  <c r="AC137799" i="1"/>
  <c r="AC137800" i="1"/>
  <c r="AC137801" i="1"/>
  <c r="AC137802" i="1"/>
  <c r="AC137803" i="1"/>
  <c r="AC137804" i="1"/>
  <c r="AC137805" i="1"/>
  <c r="AC137806" i="1"/>
  <c r="AC137807" i="1"/>
  <c r="AC137808" i="1"/>
  <c r="AC137809" i="1"/>
  <c r="AC137810" i="1"/>
  <c r="AC137811" i="1"/>
  <c r="AC137812" i="1"/>
  <c r="AC137813" i="1"/>
  <c r="AC137814" i="1"/>
  <c r="AC137815" i="1"/>
  <c r="AC137816" i="1"/>
  <c r="AC137817" i="1"/>
  <c r="AC137818" i="1"/>
  <c r="AC137819" i="1"/>
  <c r="AC137820" i="1"/>
  <c r="AC137821" i="1"/>
  <c r="AC137822" i="1"/>
  <c r="AC137823" i="1"/>
  <c r="AC137824" i="1"/>
  <c r="AC137825" i="1"/>
  <c r="AC137826" i="1"/>
  <c r="AC137827" i="1"/>
  <c r="AC137828" i="1"/>
  <c r="AC137829" i="1"/>
  <c r="AC137830" i="1"/>
  <c r="AC137831" i="1"/>
  <c r="AC137832" i="1"/>
  <c r="AC137833" i="1"/>
  <c r="AC137834" i="1"/>
  <c r="AC137835" i="1"/>
  <c r="AC137836" i="1"/>
  <c r="AC137837" i="1"/>
  <c r="AC137838" i="1"/>
  <c r="AC137839" i="1"/>
  <c r="AC137840" i="1"/>
  <c r="AC137841" i="1"/>
  <c r="AC137842" i="1"/>
  <c r="AC137843" i="1"/>
  <c r="AC137844" i="1"/>
  <c r="AC137845" i="1"/>
  <c r="AC137846" i="1"/>
  <c r="AC137847" i="1"/>
  <c r="AC137848" i="1"/>
  <c r="AC137849" i="1"/>
  <c r="AC137850" i="1"/>
  <c r="AC137851" i="1"/>
  <c r="AC137852" i="1"/>
  <c r="AC137853" i="1"/>
  <c r="AC137854" i="1"/>
  <c r="AC137855" i="1"/>
  <c r="AC137856" i="1"/>
  <c r="AC137857" i="1"/>
  <c r="AC137858" i="1"/>
  <c r="AC137859" i="1"/>
  <c r="AC137860" i="1"/>
  <c r="AC137861" i="1"/>
  <c r="AC137862" i="1"/>
  <c r="AC137863" i="1"/>
  <c r="AC137864" i="1"/>
  <c r="AC137865" i="1"/>
  <c r="AC137866" i="1"/>
  <c r="AC137867" i="1"/>
  <c r="AC137868" i="1"/>
  <c r="AC137869" i="1"/>
  <c r="AC137870" i="1"/>
  <c r="AC137871" i="1"/>
  <c r="AC137872" i="1"/>
  <c r="AC137873" i="1"/>
  <c r="AC137874" i="1"/>
  <c r="AC137875" i="1"/>
  <c r="AC137876" i="1"/>
  <c r="AC137877" i="1"/>
  <c r="AC137878" i="1"/>
  <c r="AC137879" i="1"/>
  <c r="AC137880" i="1"/>
  <c r="AC137881" i="1"/>
  <c r="AC137882" i="1"/>
  <c r="AC137883" i="1"/>
  <c r="AC137884" i="1"/>
  <c r="AC137885" i="1"/>
  <c r="AC137886" i="1"/>
  <c r="AC137887" i="1"/>
  <c r="AC137888" i="1"/>
  <c r="AC137889" i="1"/>
  <c r="AC137890" i="1"/>
  <c r="AC137891" i="1"/>
  <c r="AC137892" i="1"/>
  <c r="AC137893" i="1"/>
  <c r="AC137894" i="1"/>
  <c r="AC137895" i="1"/>
  <c r="AC137896" i="1"/>
  <c r="AC137897" i="1"/>
  <c r="AC137898" i="1"/>
  <c r="AC137899" i="1"/>
  <c r="AC137900" i="1"/>
  <c r="AC137901" i="1"/>
  <c r="AC137902" i="1"/>
  <c r="AC137903" i="1"/>
  <c r="AC137904" i="1"/>
  <c r="AC137905" i="1"/>
  <c r="AC137906" i="1"/>
  <c r="AC137907" i="1"/>
  <c r="AC137908" i="1"/>
  <c r="AC137909" i="1"/>
  <c r="AC137910" i="1"/>
  <c r="AC137911" i="1"/>
  <c r="AC137912" i="1"/>
  <c r="AC137913" i="1"/>
  <c r="AC137914" i="1"/>
  <c r="AC137915" i="1"/>
  <c r="AC137916" i="1"/>
  <c r="AC137917" i="1"/>
  <c r="AC137918" i="1"/>
  <c r="AC137919" i="1"/>
  <c r="AC137920" i="1"/>
  <c r="AC137921" i="1"/>
  <c r="AC137922" i="1"/>
  <c r="AC137923" i="1"/>
  <c r="AC137924" i="1"/>
  <c r="AC137925" i="1"/>
  <c r="AC137926" i="1"/>
  <c r="AC137927" i="1"/>
  <c r="AC137928" i="1"/>
  <c r="AC137929" i="1"/>
  <c r="AC137930" i="1"/>
  <c r="AC137931" i="1"/>
  <c r="AC137932" i="1"/>
  <c r="AC137933" i="1"/>
  <c r="AC137934" i="1"/>
  <c r="AC137935" i="1"/>
  <c r="AC137936" i="1"/>
  <c r="AC137937" i="1"/>
  <c r="AC137938" i="1"/>
  <c r="AC137939" i="1"/>
  <c r="AC137940" i="1"/>
  <c r="AC137941" i="1"/>
  <c r="AC137942" i="1"/>
  <c r="AC137943" i="1"/>
  <c r="AC137944" i="1"/>
  <c r="AC137945" i="1"/>
  <c r="AC137946" i="1"/>
  <c r="AC137947" i="1"/>
  <c r="AC137948" i="1"/>
  <c r="AC137949" i="1"/>
  <c r="AC137950" i="1"/>
  <c r="AC137951" i="1"/>
  <c r="AC137952" i="1"/>
  <c r="AC137953" i="1"/>
  <c r="AC137954" i="1"/>
  <c r="AC137955" i="1"/>
  <c r="AC137956" i="1"/>
  <c r="AC137957" i="1"/>
  <c r="AC137958" i="1"/>
  <c r="AC137959" i="1"/>
  <c r="AC137960" i="1"/>
  <c r="AC137961" i="1"/>
  <c r="AC137962" i="1"/>
  <c r="AC137963" i="1"/>
  <c r="AC137964" i="1"/>
  <c r="AC137965" i="1"/>
  <c r="AC137966" i="1"/>
  <c r="AC137967" i="1"/>
  <c r="AC137968" i="1"/>
  <c r="AC137969" i="1"/>
  <c r="AC137970" i="1"/>
  <c r="AC137971" i="1"/>
  <c r="AC137972" i="1"/>
  <c r="AC137973" i="1"/>
  <c r="AC137974" i="1"/>
  <c r="AC137975" i="1"/>
  <c r="AC137976" i="1"/>
  <c r="AC137977" i="1"/>
  <c r="AC137978" i="1"/>
  <c r="AC137979" i="1"/>
  <c r="AC137980" i="1"/>
  <c r="AC137981" i="1"/>
  <c r="AC137982" i="1"/>
  <c r="AC137983" i="1"/>
  <c r="AC137984" i="1"/>
  <c r="AC137985" i="1"/>
  <c r="AC137986" i="1"/>
  <c r="AC137987" i="1"/>
  <c r="AC137988" i="1"/>
  <c r="AC137989" i="1"/>
  <c r="AC137990" i="1"/>
  <c r="AC137991" i="1"/>
  <c r="AC137992" i="1"/>
  <c r="AC137993" i="1"/>
  <c r="AC137994" i="1"/>
  <c r="AC137995" i="1"/>
  <c r="AC137996" i="1"/>
  <c r="AC137997" i="1"/>
  <c r="AC137998" i="1"/>
  <c r="AC137999" i="1"/>
  <c r="AC138000" i="1"/>
  <c r="AC138001" i="1"/>
  <c r="AC138002" i="1"/>
  <c r="AC138003" i="1"/>
  <c r="AC138004" i="1"/>
  <c r="AC138005" i="1"/>
  <c r="AC138006" i="1"/>
  <c r="AC138007" i="1"/>
  <c r="AC138008" i="1"/>
  <c r="AC138009" i="1"/>
  <c r="AC138010" i="1"/>
  <c r="AC138011" i="1"/>
  <c r="AC138012" i="1"/>
  <c r="AC138013" i="1"/>
  <c r="AC138014" i="1"/>
  <c r="AC138015" i="1"/>
  <c r="AC138016" i="1"/>
  <c r="AC138017" i="1"/>
  <c r="AC138018" i="1"/>
  <c r="AC138019" i="1"/>
  <c r="AC138020" i="1"/>
  <c r="AC138021" i="1"/>
  <c r="AC138022" i="1"/>
  <c r="AC138023" i="1"/>
  <c r="AC138024" i="1"/>
  <c r="AC138025" i="1"/>
  <c r="AC138026" i="1"/>
  <c r="AC138027" i="1"/>
  <c r="AC138028" i="1"/>
  <c r="AC138029" i="1"/>
  <c r="AC138030" i="1"/>
  <c r="AC138031" i="1"/>
  <c r="AC138032" i="1"/>
  <c r="AC138033" i="1"/>
  <c r="AC138034" i="1"/>
  <c r="AC138035" i="1"/>
  <c r="AC138036" i="1"/>
  <c r="AC138037" i="1"/>
  <c r="AC138038" i="1"/>
  <c r="AC138039" i="1"/>
  <c r="AC138040" i="1"/>
  <c r="AC138041" i="1"/>
  <c r="AC138042" i="1"/>
  <c r="AC138043" i="1"/>
  <c r="AC138044" i="1"/>
  <c r="AC138045" i="1"/>
  <c r="AC138046" i="1"/>
  <c r="AC138047" i="1"/>
  <c r="AC138048" i="1"/>
  <c r="AC138049" i="1"/>
  <c r="AC138050" i="1"/>
  <c r="AC138051" i="1"/>
  <c r="AC138052" i="1"/>
  <c r="AC138053" i="1"/>
  <c r="AC138054" i="1"/>
  <c r="AC138055" i="1"/>
  <c r="AC138056" i="1"/>
  <c r="AC138057" i="1"/>
  <c r="AC138058" i="1"/>
  <c r="AC138059" i="1"/>
  <c r="AC138060" i="1"/>
  <c r="AC138061" i="1"/>
  <c r="AC138062" i="1"/>
  <c r="AC138063" i="1"/>
  <c r="AC138064" i="1"/>
  <c r="AC138065" i="1"/>
  <c r="AC138066" i="1"/>
  <c r="AC138067" i="1"/>
  <c r="AC138068" i="1"/>
  <c r="AC138069" i="1"/>
  <c r="AC138070" i="1"/>
  <c r="AC138071" i="1"/>
  <c r="AC138072" i="1"/>
  <c r="AC138073" i="1"/>
  <c r="AC138074" i="1"/>
  <c r="AC138075" i="1"/>
  <c r="AC138076" i="1"/>
  <c r="AC138077" i="1"/>
  <c r="AC138078" i="1"/>
  <c r="AC138079" i="1"/>
  <c r="AC138080" i="1"/>
  <c r="AC138081" i="1"/>
  <c r="AC138082" i="1"/>
  <c r="AC138083" i="1"/>
  <c r="AC138084" i="1"/>
  <c r="AC138085" i="1"/>
  <c r="AC138086" i="1"/>
  <c r="AC138087" i="1"/>
  <c r="AC138088" i="1"/>
  <c r="AC138089" i="1"/>
  <c r="AC138090" i="1"/>
  <c r="AC138091" i="1"/>
  <c r="AC138092" i="1"/>
  <c r="AC138093" i="1"/>
  <c r="AC138094" i="1"/>
  <c r="AC138095" i="1"/>
  <c r="AC138096" i="1"/>
  <c r="AC138097" i="1"/>
  <c r="AC138098" i="1"/>
  <c r="AC138099" i="1"/>
  <c r="AC138100" i="1"/>
  <c r="AC138101" i="1"/>
  <c r="AC138102" i="1"/>
  <c r="AC138103" i="1"/>
  <c r="AC138104" i="1"/>
  <c r="AC138105" i="1"/>
  <c r="AC138106" i="1"/>
  <c r="AC138107" i="1"/>
  <c r="AC138108" i="1"/>
  <c r="AC138109" i="1"/>
  <c r="AC138110" i="1"/>
  <c r="AC138111" i="1"/>
  <c r="AC138112" i="1"/>
  <c r="AC138113" i="1"/>
  <c r="AC138114" i="1"/>
  <c r="AC138115" i="1"/>
  <c r="AC138116" i="1"/>
  <c r="AC138117" i="1"/>
  <c r="AC138118" i="1"/>
  <c r="AC138119" i="1"/>
  <c r="AC138120" i="1"/>
  <c r="AC138121" i="1"/>
  <c r="AC138122" i="1"/>
  <c r="AC138123" i="1"/>
  <c r="AC138124" i="1"/>
  <c r="AC138125" i="1"/>
  <c r="AC138126" i="1"/>
  <c r="AC138127" i="1"/>
  <c r="AC138128" i="1"/>
  <c r="AC138129" i="1"/>
  <c r="AC138130" i="1"/>
  <c r="AC138131" i="1"/>
  <c r="AC138132" i="1"/>
  <c r="AC138133" i="1"/>
  <c r="AC138134" i="1"/>
  <c r="AC138135" i="1"/>
  <c r="AC138136" i="1"/>
  <c r="AC138137" i="1"/>
  <c r="AC138138" i="1"/>
  <c r="AC138139" i="1"/>
  <c r="AC138140" i="1"/>
  <c r="AC138141" i="1"/>
  <c r="AC138142" i="1"/>
  <c r="AC138143" i="1"/>
  <c r="AC138144" i="1"/>
  <c r="AC138145" i="1"/>
  <c r="AC138146" i="1"/>
  <c r="AC138147" i="1"/>
  <c r="AC138148" i="1"/>
  <c r="AC138149" i="1"/>
  <c r="AC138150" i="1"/>
  <c r="AC138151" i="1"/>
  <c r="AC138152" i="1"/>
  <c r="AC138153" i="1"/>
  <c r="AC138154" i="1"/>
  <c r="AC138155" i="1"/>
  <c r="AC138156" i="1"/>
  <c r="AC138157" i="1"/>
  <c r="AC138158" i="1"/>
  <c r="AC138159" i="1"/>
  <c r="AC138160" i="1"/>
  <c r="AC138161" i="1"/>
  <c r="AC138162" i="1"/>
  <c r="AC138163" i="1"/>
  <c r="AC138164" i="1"/>
  <c r="AC138165" i="1"/>
  <c r="AC138166" i="1"/>
  <c r="AC138167" i="1"/>
  <c r="AC138168" i="1"/>
  <c r="AC138169" i="1"/>
  <c r="AC138170" i="1"/>
  <c r="AC138171" i="1"/>
  <c r="AC138172" i="1"/>
  <c r="AC138173" i="1"/>
  <c r="AC138174" i="1"/>
  <c r="AC138175" i="1"/>
  <c r="AC138176" i="1"/>
  <c r="AC138177" i="1"/>
  <c r="AC138178" i="1"/>
  <c r="AC138179" i="1"/>
  <c r="AC138180" i="1"/>
  <c r="AC138181" i="1"/>
  <c r="AC138182" i="1"/>
  <c r="AC138183" i="1"/>
  <c r="AC138184" i="1"/>
  <c r="AC138185" i="1"/>
  <c r="AC138186" i="1"/>
  <c r="AC138187" i="1"/>
  <c r="AC138188" i="1"/>
  <c r="AC138189" i="1"/>
  <c r="AC138190" i="1"/>
  <c r="AC138191" i="1"/>
  <c r="AC138192" i="1"/>
  <c r="AC138193" i="1"/>
  <c r="AC138194" i="1"/>
  <c r="AC138195" i="1"/>
  <c r="AC138196" i="1"/>
  <c r="AC138197" i="1"/>
  <c r="AC138198" i="1"/>
  <c r="AC138199" i="1"/>
  <c r="AC138200" i="1"/>
  <c r="AC138201" i="1"/>
  <c r="AC138202" i="1"/>
  <c r="AC138203" i="1"/>
  <c r="AC138204" i="1"/>
  <c r="AC138205" i="1"/>
  <c r="AC138206" i="1"/>
  <c r="AC138207" i="1"/>
  <c r="AC138208" i="1"/>
  <c r="AC138209" i="1"/>
  <c r="AC138210" i="1"/>
  <c r="AC138211" i="1"/>
  <c r="AC138212" i="1"/>
  <c r="AC138213" i="1"/>
  <c r="AC138214" i="1"/>
  <c r="AC138215" i="1"/>
  <c r="AC138216" i="1"/>
  <c r="AC138217" i="1"/>
  <c r="AC138218" i="1"/>
  <c r="AC138219" i="1"/>
  <c r="AC138220" i="1"/>
  <c r="AC138221" i="1"/>
  <c r="AC138222" i="1"/>
  <c r="AC138223" i="1"/>
  <c r="AC138224" i="1"/>
  <c r="AC138225" i="1"/>
  <c r="AC138226" i="1"/>
  <c r="AC138227" i="1"/>
  <c r="AC138228" i="1"/>
  <c r="AC138229" i="1"/>
  <c r="AC138230" i="1"/>
  <c r="AC138231" i="1"/>
  <c r="AC138232" i="1"/>
  <c r="AC138233" i="1"/>
  <c r="AC138234" i="1"/>
  <c r="AC138235" i="1"/>
  <c r="AC138236" i="1"/>
  <c r="AC138237" i="1"/>
  <c r="AC138238" i="1"/>
  <c r="AC138239" i="1"/>
  <c r="AC138240" i="1"/>
  <c r="AC138241" i="1"/>
  <c r="AC138242" i="1"/>
  <c r="AC138243" i="1"/>
  <c r="AC138244" i="1"/>
  <c r="AC138245" i="1"/>
  <c r="AC138246" i="1"/>
  <c r="AC138247" i="1"/>
  <c r="AC138248" i="1"/>
  <c r="AC138249" i="1"/>
  <c r="AC138250" i="1"/>
  <c r="AC138251" i="1"/>
  <c r="AC138252" i="1"/>
  <c r="AC138253" i="1"/>
  <c r="AC138254" i="1"/>
  <c r="AC138255" i="1"/>
  <c r="AC138256" i="1"/>
  <c r="AC138257" i="1"/>
  <c r="AC138258" i="1"/>
  <c r="AC138259" i="1"/>
  <c r="AC138260" i="1"/>
  <c r="AC138261" i="1"/>
  <c r="AC138262" i="1"/>
  <c r="AC138263" i="1"/>
  <c r="AC138264" i="1"/>
  <c r="AC138265" i="1"/>
  <c r="AC138266" i="1"/>
  <c r="AC138267" i="1"/>
  <c r="AC138268" i="1"/>
  <c r="AC138269" i="1"/>
  <c r="AC138270" i="1"/>
  <c r="AC138271" i="1"/>
  <c r="AC138272" i="1"/>
  <c r="AC138273" i="1"/>
  <c r="AC138274" i="1"/>
  <c r="AC138275" i="1"/>
  <c r="AC138276" i="1"/>
  <c r="AC138277" i="1"/>
  <c r="AC138278" i="1"/>
  <c r="AC138279" i="1"/>
  <c r="AC138280" i="1"/>
  <c r="AC138281" i="1"/>
  <c r="AC138282" i="1"/>
  <c r="AC138283" i="1"/>
  <c r="AC138284" i="1"/>
  <c r="AC138285" i="1"/>
  <c r="AC138286" i="1"/>
  <c r="AC138287" i="1"/>
  <c r="AC138288" i="1"/>
  <c r="AC138289" i="1"/>
  <c r="AC138290" i="1"/>
  <c r="AC138291" i="1"/>
  <c r="AC138292" i="1"/>
  <c r="AC138293" i="1"/>
  <c r="AC138294" i="1"/>
  <c r="AC138295" i="1"/>
  <c r="AC138296" i="1"/>
  <c r="AC138297" i="1"/>
  <c r="AC138298" i="1"/>
  <c r="AC138299" i="1"/>
  <c r="AC138300" i="1"/>
  <c r="AC138301" i="1"/>
  <c r="AC138302" i="1"/>
  <c r="AC138303" i="1"/>
  <c r="AC138304" i="1"/>
  <c r="AC138305" i="1"/>
  <c r="AC138306" i="1"/>
  <c r="AC138307" i="1"/>
  <c r="AC138308" i="1"/>
  <c r="AC138309" i="1"/>
  <c r="AC138310" i="1"/>
  <c r="AC138311" i="1"/>
  <c r="AC138312" i="1"/>
  <c r="AC138313" i="1"/>
  <c r="AC138314" i="1"/>
  <c r="AC138315" i="1"/>
  <c r="AC138316" i="1"/>
  <c r="AC138317" i="1"/>
  <c r="AC138318" i="1"/>
  <c r="AC138319" i="1"/>
  <c r="AC138320" i="1"/>
  <c r="AC138321" i="1"/>
  <c r="AC138322" i="1"/>
  <c r="AC138323" i="1"/>
  <c r="AC138324" i="1"/>
  <c r="AC138325" i="1"/>
  <c r="AC138326" i="1"/>
  <c r="AC138327" i="1"/>
  <c r="AC138328" i="1"/>
  <c r="AC138329" i="1"/>
  <c r="AC138330" i="1"/>
  <c r="AC138331" i="1"/>
  <c r="AC138332" i="1"/>
  <c r="AC138333" i="1"/>
  <c r="AC138334" i="1"/>
  <c r="AC138335" i="1"/>
  <c r="AC138336" i="1"/>
  <c r="AC138337" i="1"/>
  <c r="AC138338" i="1"/>
  <c r="AC138339" i="1"/>
  <c r="AC138340" i="1"/>
  <c r="AC138341" i="1"/>
  <c r="AC138342" i="1"/>
  <c r="AC138343" i="1"/>
  <c r="AC138344" i="1"/>
  <c r="AC138345" i="1"/>
  <c r="AC138346" i="1"/>
  <c r="AC138347" i="1"/>
  <c r="AC138348" i="1"/>
  <c r="AC138349" i="1"/>
  <c r="AC138350" i="1"/>
  <c r="AC138351" i="1"/>
  <c r="AC138352" i="1"/>
  <c r="AC138353" i="1"/>
  <c r="AC138354" i="1"/>
  <c r="AC138355" i="1"/>
  <c r="AC138356" i="1"/>
  <c r="AC138357" i="1"/>
  <c r="AC138358" i="1"/>
  <c r="AC138359" i="1"/>
  <c r="AC138360" i="1"/>
  <c r="AC138361" i="1"/>
  <c r="AC138362" i="1"/>
  <c r="AC138363" i="1"/>
  <c r="AC138364" i="1"/>
  <c r="AC138365" i="1"/>
  <c r="AC138366" i="1"/>
  <c r="AC138367" i="1"/>
  <c r="AC138368" i="1"/>
  <c r="AC138369" i="1"/>
  <c r="AC138370" i="1"/>
  <c r="AC138371" i="1"/>
  <c r="AC138372" i="1"/>
  <c r="AC138373" i="1"/>
  <c r="AC138374" i="1"/>
  <c r="AC138375" i="1"/>
  <c r="AC138376" i="1"/>
  <c r="AC138377" i="1"/>
  <c r="AC138378" i="1"/>
  <c r="AC138379" i="1"/>
  <c r="AC138380" i="1"/>
  <c r="AC138381" i="1"/>
  <c r="AC138382" i="1"/>
  <c r="AC138383" i="1"/>
  <c r="AC138384" i="1"/>
  <c r="AC138385" i="1"/>
  <c r="AC138386" i="1"/>
  <c r="AC138387" i="1"/>
  <c r="AC138388" i="1"/>
  <c r="AC138389" i="1"/>
  <c r="AC138390" i="1"/>
  <c r="AC138391" i="1"/>
  <c r="AC138392" i="1"/>
  <c r="AC138393" i="1"/>
  <c r="AC138394" i="1"/>
  <c r="AC138395" i="1"/>
  <c r="AC138396" i="1"/>
  <c r="AC138397" i="1"/>
  <c r="AC138398" i="1"/>
  <c r="AC138399" i="1"/>
  <c r="AC138400" i="1"/>
  <c r="AC138401" i="1"/>
  <c r="AC138402" i="1"/>
  <c r="AC138403" i="1"/>
  <c r="AC138404" i="1"/>
  <c r="AC138405" i="1"/>
  <c r="AC138406" i="1"/>
  <c r="AC138407" i="1"/>
  <c r="AC138408" i="1"/>
  <c r="AC138409" i="1"/>
  <c r="AC138410" i="1"/>
  <c r="AC138411" i="1"/>
  <c r="AC138412" i="1"/>
  <c r="AC138413" i="1"/>
  <c r="AC138414" i="1"/>
  <c r="AC138415" i="1"/>
  <c r="AC138416" i="1"/>
  <c r="AC138417" i="1"/>
  <c r="AC138418" i="1"/>
  <c r="AC138419" i="1"/>
  <c r="AC138420" i="1"/>
  <c r="AC138421" i="1"/>
  <c r="AC138422" i="1"/>
  <c r="AC138423" i="1"/>
  <c r="AC138424" i="1"/>
  <c r="AC138425" i="1"/>
  <c r="AC138426" i="1"/>
  <c r="AC138427" i="1"/>
  <c r="AC138428" i="1"/>
  <c r="AC138429" i="1"/>
  <c r="AC138430" i="1"/>
  <c r="AC138431" i="1"/>
  <c r="AC138432" i="1"/>
  <c r="AC138433" i="1"/>
  <c r="AC138434" i="1"/>
  <c r="AC138435" i="1"/>
  <c r="AC138436" i="1"/>
  <c r="AC138437" i="1"/>
  <c r="AC138438" i="1"/>
  <c r="AC138439" i="1"/>
  <c r="AC138440" i="1"/>
  <c r="AC138441" i="1"/>
  <c r="AC138442" i="1"/>
  <c r="AC138443" i="1"/>
  <c r="AC138444" i="1"/>
  <c r="AC138445" i="1"/>
  <c r="AC138446" i="1"/>
  <c r="AC138447" i="1"/>
  <c r="AC138448" i="1"/>
  <c r="AC138449" i="1"/>
  <c r="AC138450" i="1"/>
  <c r="AC138451" i="1"/>
  <c r="AC138452" i="1"/>
  <c r="AC138453" i="1"/>
  <c r="AC138454" i="1"/>
  <c r="AC138455" i="1"/>
  <c r="AC138456" i="1"/>
  <c r="AC138457" i="1"/>
  <c r="AC138458" i="1"/>
  <c r="AC138459" i="1"/>
  <c r="AC138460" i="1"/>
  <c r="AC138461" i="1"/>
  <c r="AC138462" i="1"/>
  <c r="AC138463" i="1"/>
  <c r="AC138464" i="1"/>
  <c r="AC138465" i="1"/>
  <c r="AC138466" i="1"/>
  <c r="AC138467" i="1"/>
  <c r="AC138468" i="1"/>
  <c r="AC138469" i="1"/>
  <c r="AC138470" i="1"/>
  <c r="AC138471" i="1"/>
  <c r="AC138472" i="1"/>
  <c r="AC138473" i="1"/>
  <c r="AC138474" i="1"/>
  <c r="AC138475" i="1"/>
  <c r="AC138476" i="1"/>
  <c r="AC138477" i="1"/>
  <c r="AC138478" i="1"/>
  <c r="AC138479" i="1"/>
  <c r="AC138480" i="1"/>
  <c r="AC138481" i="1"/>
  <c r="AC138482" i="1"/>
  <c r="AC138483" i="1"/>
  <c r="AC138484" i="1"/>
  <c r="AC138485" i="1"/>
  <c r="AC138486" i="1"/>
  <c r="AC138487" i="1"/>
  <c r="AC138488" i="1"/>
  <c r="AC138489" i="1"/>
  <c r="AC138490" i="1"/>
  <c r="AC138491" i="1"/>
  <c r="AC138492" i="1"/>
  <c r="AC138493" i="1"/>
  <c r="AC138494" i="1"/>
  <c r="AC138495" i="1"/>
  <c r="AC138496" i="1"/>
  <c r="AC138497" i="1"/>
  <c r="AC138498" i="1"/>
  <c r="AC138499" i="1"/>
  <c r="AC138500" i="1"/>
  <c r="AC138501" i="1"/>
  <c r="AC138502" i="1"/>
  <c r="AC138503" i="1"/>
  <c r="AC138504" i="1"/>
  <c r="AC138505" i="1"/>
  <c r="AC138506" i="1"/>
  <c r="AC138507" i="1"/>
  <c r="AC138508" i="1"/>
  <c r="AC138509" i="1"/>
  <c r="AC138510" i="1"/>
  <c r="AC138511" i="1"/>
  <c r="AC138512" i="1"/>
  <c r="AC138513" i="1"/>
  <c r="AC138514" i="1"/>
  <c r="AC138515" i="1"/>
  <c r="AC138516" i="1"/>
  <c r="AC138517" i="1"/>
  <c r="AC138518" i="1"/>
  <c r="AC138519" i="1"/>
  <c r="AC138520" i="1"/>
  <c r="AC138521" i="1"/>
  <c r="AC138522" i="1"/>
  <c r="AC138523" i="1"/>
  <c r="AC138524" i="1"/>
  <c r="AC138525" i="1"/>
  <c r="AC138526" i="1"/>
  <c r="AC138527" i="1"/>
  <c r="AC138528" i="1"/>
  <c r="AC138529" i="1"/>
  <c r="AC138530" i="1"/>
  <c r="AC138531" i="1"/>
  <c r="AC138532" i="1"/>
  <c r="AC138533" i="1"/>
  <c r="AC138534" i="1"/>
  <c r="AC138535" i="1"/>
  <c r="AC138536" i="1"/>
  <c r="AC138537" i="1"/>
  <c r="AC138538" i="1"/>
  <c r="AC138539" i="1"/>
  <c r="AC138540" i="1"/>
  <c r="AC138541" i="1"/>
  <c r="AC138542" i="1"/>
  <c r="AC138543" i="1"/>
  <c r="AC138544" i="1"/>
  <c r="AC138545" i="1"/>
  <c r="AC138546" i="1"/>
  <c r="AC138547" i="1"/>
  <c r="AC138548" i="1"/>
  <c r="AC138549" i="1"/>
  <c r="AC138550" i="1"/>
  <c r="AC138551" i="1"/>
  <c r="AC138552" i="1"/>
  <c r="AC138553" i="1"/>
  <c r="AC138554" i="1"/>
  <c r="AC138555" i="1"/>
  <c r="AC138556" i="1"/>
  <c r="AC138557" i="1"/>
  <c r="AC138558" i="1"/>
  <c r="AC138559" i="1"/>
  <c r="AC138560" i="1"/>
  <c r="AC138561" i="1"/>
  <c r="AC138562" i="1"/>
  <c r="AC138563" i="1"/>
  <c r="AC138564" i="1"/>
  <c r="AC138565" i="1"/>
  <c r="AC138566" i="1"/>
  <c r="AC138567" i="1"/>
  <c r="AC138568" i="1"/>
  <c r="AC138569" i="1"/>
  <c r="AC138570" i="1"/>
  <c r="AC138571" i="1"/>
  <c r="AC138572" i="1"/>
  <c r="AC138573" i="1"/>
  <c r="AC138574" i="1"/>
  <c r="AC138575" i="1"/>
  <c r="AC138576" i="1"/>
  <c r="AC138577" i="1"/>
  <c r="AC138578" i="1"/>
  <c r="AC138579" i="1"/>
  <c r="AC138580" i="1"/>
  <c r="AC138581" i="1"/>
  <c r="AC138582" i="1"/>
  <c r="AC138583" i="1"/>
  <c r="AC138584" i="1"/>
  <c r="AC138585" i="1"/>
  <c r="AC138586" i="1"/>
  <c r="AC138587" i="1"/>
  <c r="AC138588" i="1"/>
  <c r="AC138589" i="1"/>
  <c r="AC138590" i="1"/>
  <c r="AC138591" i="1"/>
  <c r="AC138592" i="1"/>
  <c r="AC138593" i="1"/>
  <c r="AC138594" i="1"/>
  <c r="AC138595" i="1"/>
  <c r="AC138596" i="1"/>
  <c r="AC138597" i="1"/>
  <c r="AC138598" i="1"/>
  <c r="AC138599" i="1"/>
  <c r="AC138600" i="1"/>
  <c r="AC138601" i="1"/>
  <c r="AC138602" i="1"/>
  <c r="AC138603" i="1"/>
  <c r="AC138604" i="1"/>
  <c r="AC138605" i="1"/>
  <c r="AC138606" i="1"/>
  <c r="AC138607" i="1"/>
  <c r="AC138608" i="1"/>
  <c r="AC138609" i="1"/>
  <c r="AC138610" i="1"/>
  <c r="AC138611" i="1"/>
  <c r="AC138612" i="1"/>
  <c r="AC138613" i="1"/>
  <c r="AC138614" i="1"/>
  <c r="AC138615" i="1"/>
  <c r="AC138616" i="1"/>
  <c r="AC138617" i="1"/>
  <c r="AC138618" i="1"/>
  <c r="AC138619" i="1"/>
  <c r="AC138620" i="1"/>
  <c r="AC138621" i="1"/>
  <c r="AC138622" i="1"/>
  <c r="AC138623" i="1"/>
  <c r="AC138624" i="1"/>
  <c r="AC138625" i="1"/>
  <c r="AC138626" i="1"/>
  <c r="AC138627" i="1"/>
  <c r="AC138628" i="1"/>
  <c r="AC138629" i="1"/>
  <c r="AC138630" i="1"/>
  <c r="AC138631" i="1"/>
  <c r="AC138632" i="1"/>
  <c r="AC138633" i="1"/>
  <c r="AC138634" i="1"/>
  <c r="AC138635" i="1"/>
  <c r="AC138636" i="1"/>
  <c r="AC138637" i="1"/>
  <c r="AC138638" i="1"/>
  <c r="AC138639" i="1"/>
  <c r="AC138640" i="1"/>
  <c r="AC138641" i="1"/>
  <c r="AC138642" i="1"/>
  <c r="AC138643" i="1"/>
  <c r="AC138644" i="1"/>
  <c r="AC138645" i="1"/>
  <c r="AC138646" i="1"/>
  <c r="AC138647" i="1"/>
  <c r="AC138648" i="1"/>
  <c r="AC138649" i="1"/>
  <c r="AC138650" i="1"/>
  <c r="AC138651" i="1"/>
  <c r="AC138652" i="1"/>
  <c r="AC138653" i="1"/>
  <c r="AC138654" i="1"/>
  <c r="AC138655" i="1"/>
  <c r="AC138656" i="1"/>
  <c r="AC138657" i="1"/>
  <c r="AC138658" i="1"/>
  <c r="AC138659" i="1"/>
  <c r="AC138660" i="1"/>
  <c r="AC138661" i="1"/>
  <c r="AC138662" i="1"/>
  <c r="AC138663" i="1"/>
  <c r="AC138664" i="1"/>
  <c r="AC138665" i="1"/>
  <c r="AC138666" i="1"/>
  <c r="AC138667" i="1"/>
  <c r="AC138668" i="1"/>
  <c r="AC138669" i="1"/>
  <c r="AC138670" i="1"/>
  <c r="AC138671" i="1"/>
  <c r="AC138672" i="1"/>
  <c r="AC138673" i="1"/>
  <c r="AC138674" i="1"/>
  <c r="AC138675" i="1"/>
  <c r="AC138676" i="1"/>
  <c r="AC138677" i="1"/>
  <c r="AC138678" i="1"/>
  <c r="AC138679" i="1"/>
  <c r="AC138680" i="1"/>
  <c r="AC138681" i="1"/>
  <c r="AC138682" i="1"/>
  <c r="AC138683" i="1"/>
  <c r="AC138684" i="1"/>
  <c r="AC138685" i="1"/>
  <c r="AC138686" i="1"/>
  <c r="AC138687" i="1"/>
  <c r="AC138688" i="1"/>
  <c r="AC138689" i="1"/>
  <c r="AC138690" i="1"/>
  <c r="AC138691" i="1"/>
  <c r="AC138692" i="1"/>
  <c r="AC138693" i="1"/>
  <c r="AC138694" i="1"/>
  <c r="AC138695" i="1"/>
  <c r="AC138696" i="1"/>
  <c r="AC138697" i="1"/>
  <c r="AC138698" i="1"/>
  <c r="AC138699" i="1"/>
  <c r="AC138700" i="1"/>
  <c r="AC138701" i="1"/>
  <c r="AC138702" i="1"/>
  <c r="AC138703" i="1"/>
  <c r="AC138704" i="1"/>
  <c r="AC138705" i="1"/>
  <c r="AC138706" i="1"/>
  <c r="AC138707" i="1"/>
  <c r="AC138708" i="1"/>
  <c r="AC138709" i="1"/>
  <c r="AC138710" i="1"/>
  <c r="AC138711" i="1"/>
  <c r="AC138712" i="1"/>
  <c r="AC138713" i="1"/>
  <c r="AC138714" i="1"/>
  <c r="AC138715" i="1"/>
  <c r="AC138716" i="1"/>
  <c r="AC138717" i="1"/>
  <c r="AC138718" i="1"/>
  <c r="AC138719" i="1"/>
  <c r="AC138720" i="1"/>
  <c r="AC138721" i="1"/>
  <c r="AC138722" i="1"/>
  <c r="AC138723" i="1"/>
  <c r="AC138724" i="1"/>
  <c r="AC138725" i="1"/>
  <c r="AC138726" i="1"/>
  <c r="AC138727" i="1"/>
  <c r="AC138728" i="1"/>
  <c r="AC138729" i="1"/>
  <c r="AC138730" i="1"/>
  <c r="AC138731" i="1"/>
  <c r="AC138732" i="1"/>
  <c r="AC138733" i="1"/>
  <c r="AC138734" i="1"/>
  <c r="AC138735" i="1"/>
  <c r="AC138736" i="1"/>
  <c r="AC138737" i="1"/>
  <c r="AC138738" i="1"/>
  <c r="AC138739" i="1"/>
  <c r="AC138740" i="1"/>
  <c r="AC138741" i="1"/>
  <c r="AC138742" i="1"/>
  <c r="AC138743" i="1"/>
  <c r="AC138744" i="1"/>
  <c r="AC138745" i="1"/>
  <c r="AC138746" i="1"/>
  <c r="AC138747" i="1"/>
  <c r="AC138748" i="1"/>
  <c r="AC138749" i="1"/>
  <c r="AC138750" i="1"/>
  <c r="AC138751" i="1"/>
  <c r="AC138752" i="1"/>
  <c r="AC138753" i="1"/>
  <c r="AC138754" i="1"/>
  <c r="AC138755" i="1"/>
  <c r="AC138756" i="1"/>
  <c r="AC138757" i="1"/>
  <c r="AC138758" i="1"/>
  <c r="AC138759" i="1"/>
  <c r="AC138760" i="1"/>
  <c r="AC138761" i="1"/>
  <c r="AC138762" i="1"/>
  <c r="AC138763" i="1"/>
  <c r="AC138764" i="1"/>
  <c r="AC138765" i="1"/>
  <c r="AC138766" i="1"/>
  <c r="AC138767" i="1"/>
  <c r="AC138768" i="1"/>
  <c r="AC138769" i="1"/>
  <c r="AC138770" i="1"/>
  <c r="AC138771" i="1"/>
  <c r="AC138772" i="1"/>
  <c r="AC138773" i="1"/>
  <c r="AC138774" i="1"/>
  <c r="AC138775" i="1"/>
  <c r="AC138776" i="1"/>
  <c r="AC138777" i="1"/>
  <c r="AC138778" i="1"/>
  <c r="AC138779" i="1"/>
  <c r="AC138780" i="1"/>
  <c r="AC138781" i="1"/>
  <c r="AC138782" i="1"/>
  <c r="AC138783" i="1"/>
  <c r="AC138784" i="1"/>
  <c r="AC138785" i="1"/>
  <c r="AC138786" i="1"/>
  <c r="AC138787" i="1"/>
  <c r="AC138788" i="1"/>
  <c r="AC138789" i="1"/>
  <c r="AC138790" i="1"/>
  <c r="AC138791" i="1"/>
  <c r="AC138792" i="1"/>
  <c r="AC138793" i="1"/>
  <c r="AC138794" i="1"/>
  <c r="AC138795" i="1"/>
  <c r="AC138796" i="1"/>
  <c r="AC138797" i="1"/>
  <c r="AC138798" i="1"/>
  <c r="AC138799" i="1"/>
  <c r="AC138800" i="1"/>
  <c r="AC138801" i="1"/>
  <c r="AC138802" i="1"/>
  <c r="AC138803" i="1"/>
  <c r="AC138804" i="1"/>
  <c r="AC138805" i="1"/>
  <c r="AC138806" i="1"/>
  <c r="AC138807" i="1"/>
  <c r="AC138808" i="1"/>
  <c r="AC138809" i="1"/>
  <c r="AC138810" i="1"/>
  <c r="AC138811" i="1"/>
  <c r="AC138812" i="1"/>
  <c r="AC138813" i="1"/>
  <c r="AC138814" i="1"/>
  <c r="AC138815" i="1"/>
  <c r="AC138816" i="1"/>
  <c r="AC138817" i="1"/>
  <c r="AC138818" i="1"/>
  <c r="AC138819" i="1"/>
  <c r="AC138820" i="1"/>
  <c r="AC138821" i="1"/>
  <c r="AC138822" i="1"/>
  <c r="AC138823" i="1"/>
  <c r="AC138824" i="1"/>
  <c r="AC138825" i="1"/>
  <c r="AC138826" i="1"/>
  <c r="AC138827" i="1"/>
  <c r="AC138828" i="1"/>
  <c r="AC138829" i="1"/>
  <c r="AC138830" i="1"/>
  <c r="AC138831" i="1"/>
  <c r="AC138832" i="1"/>
  <c r="AC138833" i="1"/>
  <c r="AC138834" i="1"/>
  <c r="AC138835" i="1"/>
  <c r="AC138836" i="1"/>
  <c r="AC138837" i="1"/>
  <c r="AC138838" i="1"/>
  <c r="AC138839" i="1"/>
  <c r="AC138840" i="1"/>
  <c r="AC138841" i="1"/>
  <c r="AC138842" i="1"/>
  <c r="AC138843" i="1"/>
  <c r="AC138844" i="1"/>
  <c r="AC138845" i="1"/>
  <c r="AC138846" i="1"/>
  <c r="AC138847" i="1"/>
  <c r="AC138848" i="1"/>
  <c r="AC138849" i="1"/>
  <c r="AC138850" i="1"/>
  <c r="AC138851" i="1"/>
  <c r="AC138852" i="1"/>
  <c r="AC138853" i="1"/>
  <c r="AC138854" i="1"/>
  <c r="AC138855" i="1"/>
  <c r="AC138856" i="1"/>
  <c r="AC138857" i="1"/>
  <c r="AC138858" i="1"/>
  <c r="AC138859" i="1"/>
  <c r="AC138860" i="1"/>
  <c r="AC138861" i="1"/>
  <c r="AC138862" i="1"/>
  <c r="AC138863" i="1"/>
  <c r="AC138864" i="1"/>
  <c r="AC138865" i="1"/>
  <c r="AC138866" i="1"/>
  <c r="AC138867" i="1"/>
  <c r="AC138868" i="1"/>
  <c r="AC138869" i="1"/>
  <c r="AC138870" i="1"/>
  <c r="AC138871" i="1"/>
  <c r="AC138872" i="1"/>
  <c r="AC138873" i="1"/>
  <c r="AC138874" i="1"/>
  <c r="AC138875" i="1"/>
  <c r="AC138876" i="1"/>
  <c r="AC138877" i="1"/>
  <c r="AC138878" i="1"/>
  <c r="AC138879" i="1"/>
  <c r="AC138880" i="1"/>
  <c r="AC138881" i="1"/>
  <c r="AC138882" i="1"/>
  <c r="AC138883" i="1"/>
  <c r="AC138884" i="1"/>
  <c r="AC138885" i="1"/>
  <c r="AC138886" i="1"/>
  <c r="AC138887" i="1"/>
  <c r="AC138888" i="1"/>
  <c r="AC138889" i="1"/>
  <c r="AC138890" i="1"/>
  <c r="AC138891" i="1"/>
  <c r="AC138892" i="1"/>
  <c r="AC138893" i="1"/>
  <c r="AC138894" i="1"/>
  <c r="AC138895" i="1"/>
  <c r="AC138896" i="1"/>
  <c r="AC138897" i="1"/>
  <c r="AC138898" i="1"/>
  <c r="AC138899" i="1"/>
  <c r="AC138900" i="1"/>
  <c r="AC138901" i="1"/>
  <c r="AC138902" i="1"/>
  <c r="AC138903" i="1"/>
  <c r="AC138904" i="1"/>
  <c r="AC138905" i="1"/>
  <c r="AC138906" i="1"/>
  <c r="AC138907" i="1"/>
  <c r="AC138908" i="1"/>
  <c r="AC138909" i="1"/>
  <c r="AC138910" i="1"/>
  <c r="AC138911" i="1"/>
  <c r="AC138912" i="1"/>
  <c r="AC138913" i="1"/>
  <c r="AC138914" i="1"/>
  <c r="AC138915" i="1"/>
  <c r="AC138916" i="1"/>
  <c r="AC138917" i="1"/>
  <c r="AC138918" i="1"/>
  <c r="AC138919" i="1"/>
  <c r="AC138920" i="1"/>
  <c r="AC138921" i="1"/>
  <c r="AC138922" i="1"/>
  <c r="AC138923" i="1"/>
  <c r="AC138924" i="1"/>
  <c r="AC138925" i="1"/>
  <c r="AC138926" i="1"/>
  <c r="AC138927" i="1"/>
  <c r="AC138928" i="1"/>
  <c r="AC138929" i="1"/>
  <c r="AC138930" i="1"/>
  <c r="AC138931" i="1"/>
  <c r="AC138932" i="1"/>
  <c r="AC138933" i="1"/>
  <c r="AC138934" i="1"/>
  <c r="AC138935" i="1"/>
  <c r="AC138936" i="1"/>
  <c r="AC138937" i="1"/>
  <c r="AC138938" i="1"/>
  <c r="AC138939" i="1"/>
  <c r="AC138940" i="1"/>
  <c r="AC138941" i="1"/>
  <c r="AC138942" i="1"/>
  <c r="AC138943" i="1"/>
  <c r="AC138944" i="1"/>
  <c r="AC138945" i="1"/>
  <c r="AC138946" i="1"/>
  <c r="AC138947" i="1"/>
  <c r="AC138948" i="1"/>
  <c r="AC138949" i="1"/>
  <c r="AC138950" i="1"/>
  <c r="AC138951" i="1"/>
  <c r="AC138952" i="1"/>
  <c r="AC138953" i="1"/>
  <c r="AC138954" i="1"/>
  <c r="AC138955" i="1"/>
  <c r="AC138956" i="1"/>
  <c r="AC138957" i="1"/>
  <c r="AC138958" i="1"/>
  <c r="AC138959" i="1"/>
  <c r="AC138960" i="1"/>
  <c r="AC138961" i="1"/>
  <c r="AC138962" i="1"/>
  <c r="AC138963" i="1"/>
  <c r="AC138964" i="1"/>
  <c r="AC138965" i="1"/>
  <c r="AC138966" i="1"/>
  <c r="AC138967" i="1"/>
  <c r="AC138968" i="1"/>
  <c r="AC138969" i="1"/>
  <c r="AC138970" i="1"/>
  <c r="AC138971" i="1"/>
  <c r="AC138972" i="1"/>
  <c r="AC138973" i="1"/>
  <c r="AC138974" i="1"/>
  <c r="AC138975" i="1"/>
  <c r="AC138976" i="1"/>
  <c r="AC138977" i="1"/>
  <c r="AC138978" i="1"/>
  <c r="AC138979" i="1"/>
  <c r="AC138980" i="1"/>
  <c r="AC138981" i="1"/>
  <c r="AC138982" i="1"/>
  <c r="AC138983" i="1"/>
  <c r="AC138984" i="1"/>
  <c r="AC138985" i="1"/>
  <c r="AC138986" i="1"/>
  <c r="AC138987" i="1"/>
  <c r="AC138988" i="1"/>
  <c r="AC138989" i="1"/>
  <c r="AC138990" i="1"/>
  <c r="AC138991" i="1"/>
  <c r="AC138992" i="1"/>
  <c r="AC138993" i="1"/>
  <c r="AC138994" i="1"/>
  <c r="AC138995" i="1"/>
  <c r="AC138996" i="1"/>
  <c r="AC138997" i="1"/>
  <c r="AC138998" i="1"/>
  <c r="AC138999" i="1"/>
  <c r="AC139000" i="1"/>
  <c r="AC139001" i="1"/>
  <c r="AC139002" i="1"/>
  <c r="AC139003" i="1"/>
  <c r="AC139004" i="1"/>
  <c r="AC139005" i="1"/>
  <c r="AC139006" i="1"/>
  <c r="AC139007" i="1"/>
  <c r="AC139008" i="1"/>
  <c r="AC139009" i="1"/>
  <c r="AC139010" i="1"/>
  <c r="AC139011" i="1"/>
  <c r="AC139012" i="1"/>
  <c r="AC139013" i="1"/>
  <c r="AC139014" i="1"/>
  <c r="AC139015" i="1"/>
  <c r="AC139016" i="1"/>
  <c r="AC139017" i="1"/>
  <c r="AC139018" i="1"/>
  <c r="AC139019" i="1"/>
  <c r="AC139020" i="1"/>
  <c r="AC139021" i="1"/>
  <c r="AC139022" i="1"/>
  <c r="AC139023" i="1"/>
  <c r="AC139024" i="1"/>
  <c r="AC139025" i="1"/>
  <c r="AC139026" i="1"/>
  <c r="AC139027" i="1"/>
  <c r="AC139028" i="1"/>
  <c r="AC139029" i="1"/>
  <c r="AC139030" i="1"/>
  <c r="AC139031" i="1"/>
  <c r="AC139032" i="1"/>
  <c r="AC139033" i="1"/>
  <c r="AC139034" i="1"/>
  <c r="AC139035" i="1"/>
  <c r="AC139036" i="1"/>
  <c r="AC139037" i="1"/>
  <c r="AC139038" i="1"/>
  <c r="AC139039" i="1"/>
  <c r="AC139040" i="1"/>
  <c r="AC139041" i="1"/>
  <c r="AC139042" i="1"/>
  <c r="AC139043" i="1"/>
  <c r="AC139044" i="1"/>
  <c r="AC139045" i="1"/>
  <c r="AC139046" i="1"/>
  <c r="AC139047" i="1"/>
  <c r="AC139048" i="1"/>
  <c r="AC139049" i="1"/>
  <c r="AC139050" i="1"/>
  <c r="AC139051" i="1"/>
  <c r="AC139052" i="1"/>
  <c r="AC139053" i="1"/>
  <c r="AC139054" i="1"/>
  <c r="AC139055" i="1"/>
  <c r="AC139056" i="1"/>
  <c r="AC139057" i="1"/>
  <c r="AC139058" i="1"/>
  <c r="AC139059" i="1"/>
  <c r="AC139060" i="1"/>
  <c r="AC139061" i="1"/>
  <c r="AC139062" i="1"/>
  <c r="AC139063" i="1"/>
  <c r="AC139064" i="1"/>
  <c r="AC139065" i="1"/>
  <c r="AC139066" i="1"/>
  <c r="AC139067" i="1"/>
  <c r="AC139068" i="1"/>
  <c r="AC139069" i="1"/>
  <c r="AC139070" i="1"/>
  <c r="AC139071" i="1"/>
  <c r="AC139072" i="1"/>
  <c r="AC139073" i="1"/>
  <c r="AC139074" i="1"/>
  <c r="AC139075" i="1"/>
  <c r="AC139076" i="1"/>
  <c r="AC139077" i="1"/>
  <c r="AC139078" i="1"/>
  <c r="AC139079" i="1"/>
  <c r="AC139080" i="1"/>
  <c r="AC139081" i="1"/>
  <c r="AC139082" i="1"/>
  <c r="AC139083" i="1"/>
  <c r="AC139084" i="1"/>
  <c r="AC139085" i="1"/>
  <c r="AC139086" i="1"/>
  <c r="AC139087" i="1"/>
  <c r="AC139088" i="1"/>
  <c r="AC139089" i="1"/>
  <c r="AC139090" i="1"/>
  <c r="AC139091" i="1"/>
  <c r="AC139092" i="1"/>
  <c r="AC139093" i="1"/>
  <c r="AC139094" i="1"/>
  <c r="AC139095" i="1"/>
  <c r="AC139096" i="1"/>
  <c r="AC139097" i="1"/>
  <c r="AC139098" i="1"/>
  <c r="AC139099" i="1"/>
  <c r="AC139100" i="1"/>
  <c r="AC139101" i="1"/>
  <c r="AC139102" i="1"/>
  <c r="AC139103" i="1"/>
  <c r="AC139104" i="1"/>
  <c r="AC139105" i="1"/>
  <c r="AC139106" i="1"/>
  <c r="AC139107" i="1"/>
  <c r="AC139108" i="1"/>
  <c r="AC139109" i="1"/>
  <c r="AC139110" i="1"/>
  <c r="AC139111" i="1"/>
  <c r="AC139112" i="1"/>
  <c r="AC139113" i="1"/>
  <c r="AC139114" i="1"/>
  <c r="AC139115" i="1"/>
  <c r="AC139116" i="1"/>
  <c r="AC139117" i="1"/>
  <c r="AC139118" i="1"/>
  <c r="AC139119" i="1"/>
  <c r="AC139120" i="1"/>
  <c r="AC139121" i="1"/>
  <c r="AC139122" i="1"/>
  <c r="AC139123" i="1"/>
  <c r="AC139124" i="1"/>
  <c r="AC139125" i="1"/>
  <c r="AC139126" i="1"/>
  <c r="AC139127" i="1"/>
  <c r="AC139128" i="1"/>
  <c r="AC139129" i="1"/>
  <c r="AC139130" i="1"/>
  <c r="AC139131" i="1"/>
  <c r="AC139132" i="1"/>
  <c r="AC139133" i="1"/>
  <c r="AC139134" i="1"/>
  <c r="AC139135" i="1"/>
  <c r="AC139136" i="1"/>
  <c r="AC139137" i="1"/>
  <c r="AC139138" i="1"/>
  <c r="AC139139" i="1"/>
  <c r="AC139140" i="1"/>
  <c r="AC139141" i="1"/>
  <c r="AC139142" i="1"/>
  <c r="AC139143" i="1"/>
  <c r="AC139144" i="1"/>
  <c r="AC139145" i="1"/>
  <c r="AC139146" i="1"/>
  <c r="AC139147" i="1"/>
  <c r="AC139148" i="1"/>
  <c r="AC139149" i="1"/>
  <c r="AC139150" i="1"/>
  <c r="AC139151" i="1"/>
  <c r="AC139152" i="1"/>
  <c r="AC139153" i="1"/>
  <c r="AC139154" i="1"/>
  <c r="AC139155" i="1"/>
  <c r="AC139156" i="1"/>
  <c r="AC139157" i="1"/>
  <c r="AC139158" i="1"/>
  <c r="AC139159" i="1"/>
  <c r="AC139160" i="1"/>
  <c r="AC139161" i="1"/>
  <c r="AC139162" i="1"/>
  <c r="AC139163" i="1"/>
  <c r="AC139164" i="1"/>
  <c r="AC139165" i="1"/>
  <c r="AC139166" i="1"/>
  <c r="AC139167" i="1"/>
  <c r="AC139168" i="1"/>
  <c r="AC139169" i="1"/>
  <c r="AC139170" i="1"/>
  <c r="AC139171" i="1"/>
  <c r="AC139172" i="1"/>
  <c r="AC139173" i="1"/>
  <c r="AC139174" i="1"/>
  <c r="AC139175" i="1"/>
  <c r="AC139176" i="1"/>
  <c r="AC139177" i="1"/>
  <c r="AC139178" i="1"/>
  <c r="AC139179" i="1"/>
  <c r="AC139180" i="1"/>
  <c r="AC139181" i="1"/>
  <c r="AC139182" i="1"/>
  <c r="AC139183" i="1"/>
  <c r="AC139184" i="1"/>
  <c r="AC139185" i="1"/>
  <c r="AC139186" i="1"/>
  <c r="AC139187" i="1"/>
  <c r="AC139188" i="1"/>
  <c r="AC139189" i="1"/>
  <c r="AC139190" i="1"/>
  <c r="AC139191" i="1"/>
  <c r="AC139192" i="1"/>
  <c r="AC139193" i="1"/>
  <c r="AC139194" i="1"/>
  <c r="AC139195" i="1"/>
  <c r="AC139196" i="1"/>
  <c r="AC139197" i="1"/>
  <c r="AC139198" i="1"/>
  <c r="AC139199" i="1"/>
  <c r="AC139200" i="1"/>
  <c r="AC139201" i="1"/>
  <c r="AC139202" i="1"/>
  <c r="AC139203" i="1"/>
  <c r="AC139204" i="1"/>
  <c r="AC139205" i="1"/>
  <c r="AC139206" i="1"/>
  <c r="AC139207" i="1"/>
  <c r="AC139208" i="1"/>
  <c r="AC139209" i="1"/>
  <c r="AC139210" i="1"/>
  <c r="AC139211" i="1"/>
  <c r="AC139212" i="1"/>
  <c r="AC139213" i="1"/>
  <c r="AC139214" i="1"/>
  <c r="AC139215" i="1"/>
  <c r="AC139216" i="1"/>
  <c r="AC139217" i="1"/>
  <c r="AC139218" i="1"/>
  <c r="AC139219" i="1"/>
  <c r="AC139220" i="1"/>
  <c r="AC139221" i="1"/>
  <c r="AC139222" i="1"/>
  <c r="AC139223" i="1"/>
  <c r="AC139224" i="1"/>
  <c r="AC139225" i="1"/>
  <c r="AC139226" i="1"/>
  <c r="AC139227" i="1"/>
  <c r="AC139228" i="1"/>
  <c r="AC139229" i="1"/>
  <c r="AC139230" i="1"/>
  <c r="AC139231" i="1"/>
  <c r="AC139232" i="1"/>
  <c r="AC139233" i="1"/>
  <c r="AC139234" i="1"/>
  <c r="AC139235" i="1"/>
  <c r="AC139236" i="1"/>
  <c r="AC139237" i="1"/>
  <c r="AC139238" i="1"/>
  <c r="AC139239" i="1"/>
  <c r="AC139240" i="1"/>
  <c r="AC139241" i="1"/>
  <c r="AC139242" i="1"/>
  <c r="AC139243" i="1"/>
  <c r="AC139244" i="1"/>
  <c r="AC139245" i="1"/>
  <c r="AC139246" i="1"/>
  <c r="AC139247" i="1"/>
  <c r="AC139248" i="1"/>
  <c r="AC139249" i="1"/>
  <c r="AC139250" i="1"/>
  <c r="AC139251" i="1"/>
  <c r="AC139252" i="1"/>
  <c r="AC139253" i="1"/>
  <c r="AC139254" i="1"/>
  <c r="AC139255" i="1"/>
  <c r="AC139256" i="1"/>
  <c r="AC139257" i="1"/>
  <c r="AC139258" i="1"/>
  <c r="AC139259" i="1"/>
  <c r="AC139260" i="1"/>
  <c r="AC139261" i="1"/>
  <c r="AC139262" i="1"/>
  <c r="AC139263" i="1"/>
  <c r="AC139264" i="1"/>
  <c r="AC139265" i="1"/>
  <c r="AC139266" i="1"/>
  <c r="AC139267" i="1"/>
  <c r="AC139268" i="1"/>
  <c r="AC139269" i="1"/>
  <c r="AC139270" i="1"/>
  <c r="AC139271" i="1"/>
  <c r="AC139272" i="1"/>
  <c r="AC139273" i="1"/>
  <c r="AC139274" i="1"/>
  <c r="AC139275" i="1"/>
  <c r="AC139276" i="1"/>
  <c r="AC139277" i="1"/>
  <c r="AC139278" i="1"/>
  <c r="AC139279" i="1"/>
  <c r="AC139280" i="1"/>
  <c r="AC139281" i="1"/>
  <c r="AC139282" i="1"/>
  <c r="AC139283" i="1"/>
  <c r="AC139284" i="1"/>
  <c r="AC139285" i="1"/>
  <c r="AC139286" i="1"/>
  <c r="AC139287" i="1"/>
  <c r="AC139288" i="1"/>
  <c r="AC139289" i="1"/>
  <c r="AC139290" i="1"/>
  <c r="AC139291" i="1"/>
  <c r="AC139292" i="1"/>
  <c r="AC139293" i="1"/>
  <c r="AC139294" i="1"/>
  <c r="AC139295" i="1"/>
  <c r="AC139296" i="1"/>
  <c r="AC139297" i="1"/>
  <c r="AC139298" i="1"/>
  <c r="AC139299" i="1"/>
  <c r="AC139300" i="1"/>
  <c r="AC139301" i="1"/>
  <c r="AC139302" i="1"/>
  <c r="AC139303" i="1"/>
  <c r="AC139304" i="1"/>
  <c r="AC139305" i="1"/>
  <c r="AC139306" i="1"/>
  <c r="AC139307" i="1"/>
  <c r="AC139308" i="1"/>
  <c r="AC139309" i="1"/>
  <c r="AC139310" i="1"/>
  <c r="AC139311" i="1"/>
  <c r="AC139312" i="1"/>
  <c r="AC139313" i="1"/>
  <c r="AC139314" i="1"/>
  <c r="AC139315" i="1"/>
  <c r="AC139316" i="1"/>
  <c r="AC139317" i="1"/>
  <c r="AC139318" i="1"/>
  <c r="AC139319" i="1"/>
  <c r="AC139320" i="1"/>
  <c r="AC139321" i="1"/>
  <c r="AC139322" i="1"/>
  <c r="AC139323" i="1"/>
  <c r="AC139324" i="1"/>
  <c r="AC139325" i="1"/>
  <c r="AC139326" i="1"/>
  <c r="AC139327" i="1"/>
  <c r="AC139328" i="1"/>
  <c r="AC139329" i="1"/>
  <c r="AC139330" i="1"/>
  <c r="AC139331" i="1"/>
  <c r="AC139332" i="1"/>
  <c r="AC139333" i="1"/>
  <c r="AC139334" i="1"/>
  <c r="AC139335" i="1"/>
  <c r="AC139336" i="1"/>
  <c r="AC139337" i="1"/>
  <c r="AC139338" i="1"/>
  <c r="AC139339" i="1"/>
  <c r="AC139340" i="1"/>
  <c r="AC139341" i="1"/>
  <c r="AC139342" i="1"/>
  <c r="AC139343" i="1"/>
  <c r="AC139344" i="1"/>
  <c r="AC139345" i="1"/>
  <c r="AC139346" i="1"/>
  <c r="AC139347" i="1"/>
  <c r="AC139348" i="1"/>
  <c r="AC139349" i="1"/>
  <c r="AC139350" i="1"/>
  <c r="AC139351" i="1"/>
  <c r="AC139352" i="1"/>
  <c r="AC139353" i="1"/>
  <c r="AC139354" i="1"/>
  <c r="AC139355" i="1"/>
  <c r="AC139356" i="1"/>
  <c r="AC139357" i="1"/>
  <c r="AC139358" i="1"/>
  <c r="AC139359" i="1"/>
  <c r="AC139360" i="1"/>
  <c r="AC139361" i="1"/>
  <c r="AC139362" i="1"/>
  <c r="AC139363" i="1"/>
  <c r="AC139364" i="1"/>
  <c r="AC139365" i="1"/>
  <c r="AC139366" i="1"/>
  <c r="AC139367" i="1"/>
  <c r="AC139368" i="1"/>
  <c r="AC139369" i="1"/>
  <c r="AC139370" i="1"/>
  <c r="AC139371" i="1"/>
  <c r="AC139372" i="1"/>
  <c r="AC139373" i="1"/>
  <c r="AC139374" i="1"/>
  <c r="AC139375" i="1"/>
  <c r="AC139376" i="1"/>
  <c r="AC139377" i="1"/>
  <c r="AC139378" i="1"/>
  <c r="AC139379" i="1"/>
  <c r="AC139380" i="1"/>
  <c r="AC139381" i="1"/>
  <c r="AC139382" i="1"/>
  <c r="AC139383" i="1"/>
  <c r="AC139384" i="1"/>
  <c r="AC139385" i="1"/>
  <c r="AC139386" i="1"/>
  <c r="AC139387" i="1"/>
  <c r="AC139388" i="1"/>
  <c r="AC139389" i="1"/>
  <c r="AC139390" i="1"/>
  <c r="AC139391" i="1"/>
  <c r="AC139392" i="1"/>
  <c r="AC139393" i="1"/>
  <c r="AC139394" i="1"/>
  <c r="AC139395" i="1"/>
  <c r="AC139396" i="1"/>
  <c r="AC139397" i="1"/>
  <c r="AC139398" i="1"/>
  <c r="AC139399" i="1"/>
  <c r="AC139400" i="1"/>
  <c r="AC139401" i="1"/>
  <c r="AC139402" i="1"/>
  <c r="AC139403" i="1"/>
  <c r="AC139404" i="1"/>
  <c r="AC139405" i="1"/>
  <c r="AC139406" i="1"/>
  <c r="AC139407" i="1"/>
  <c r="AC139408" i="1"/>
  <c r="AC139409" i="1"/>
  <c r="AC139410" i="1"/>
  <c r="AC139411" i="1"/>
  <c r="AC139412" i="1"/>
  <c r="AC139413" i="1"/>
  <c r="AC139414" i="1"/>
  <c r="AC139415" i="1"/>
  <c r="AC139416" i="1"/>
  <c r="AC139417" i="1"/>
  <c r="AC139418" i="1"/>
  <c r="AC139419" i="1"/>
  <c r="AC139420" i="1"/>
  <c r="AC139421" i="1"/>
  <c r="AC139422" i="1"/>
  <c r="AC139423" i="1"/>
  <c r="AC139424" i="1"/>
  <c r="AC139425" i="1"/>
  <c r="AC139426" i="1"/>
  <c r="AC139427" i="1"/>
  <c r="AC139428" i="1"/>
  <c r="AC139429" i="1"/>
  <c r="AC139430" i="1"/>
  <c r="AC139431" i="1"/>
  <c r="AC139432" i="1"/>
  <c r="AC139433" i="1"/>
  <c r="AC139434" i="1"/>
  <c r="AC139435" i="1"/>
  <c r="AC139436" i="1"/>
  <c r="AC139437" i="1"/>
  <c r="AC139438" i="1"/>
  <c r="AC139439" i="1"/>
  <c r="AC139440" i="1"/>
  <c r="AC139441" i="1"/>
  <c r="AC139442" i="1"/>
  <c r="AC139443" i="1"/>
  <c r="AC139444" i="1"/>
  <c r="AC139445" i="1"/>
  <c r="AC139446" i="1"/>
  <c r="AC139447" i="1"/>
  <c r="AC139448" i="1"/>
  <c r="AC139449" i="1"/>
  <c r="AC139450" i="1"/>
  <c r="AC139451" i="1"/>
  <c r="AC139452" i="1"/>
  <c r="AC139453" i="1"/>
  <c r="AC139454" i="1"/>
  <c r="AC139455" i="1"/>
  <c r="AC139456" i="1"/>
  <c r="AC139457" i="1"/>
  <c r="AC139458" i="1"/>
  <c r="AC139459" i="1"/>
  <c r="AC139460" i="1"/>
  <c r="AC139461" i="1"/>
  <c r="AC139462" i="1"/>
  <c r="AC139463" i="1"/>
  <c r="AC139464" i="1"/>
  <c r="AC139465" i="1"/>
  <c r="AC139466" i="1"/>
  <c r="AC139467" i="1"/>
  <c r="AC139468" i="1"/>
  <c r="AC139469" i="1"/>
  <c r="AC139470" i="1"/>
  <c r="AC139471" i="1"/>
  <c r="AC139472" i="1"/>
  <c r="AC139473" i="1"/>
  <c r="AC139474" i="1"/>
  <c r="AC139475" i="1"/>
  <c r="AC139476" i="1"/>
  <c r="AC139477" i="1"/>
  <c r="AC139478" i="1"/>
  <c r="AC139479" i="1"/>
  <c r="AC139480" i="1"/>
  <c r="AC139481" i="1"/>
  <c r="AC139482" i="1"/>
  <c r="AC139483" i="1"/>
  <c r="AC139484" i="1"/>
  <c r="AC139485" i="1"/>
  <c r="AC139486" i="1"/>
  <c r="AC139487" i="1"/>
  <c r="AC139488" i="1"/>
  <c r="AC139489" i="1"/>
  <c r="AC139490" i="1"/>
  <c r="AC139491" i="1"/>
  <c r="AC139492" i="1"/>
  <c r="AC139493" i="1"/>
  <c r="AC139494" i="1"/>
  <c r="AC139495" i="1"/>
  <c r="AC139496" i="1"/>
  <c r="AC139497" i="1"/>
  <c r="AC139498" i="1"/>
  <c r="AC139499" i="1"/>
  <c r="AC139500" i="1"/>
  <c r="AC139501" i="1"/>
  <c r="AC139502" i="1"/>
  <c r="AC139503" i="1"/>
  <c r="AC139504" i="1"/>
  <c r="AC139505" i="1"/>
  <c r="AC139506" i="1"/>
  <c r="AC139507" i="1"/>
  <c r="AC139508" i="1"/>
  <c r="AC139509" i="1"/>
  <c r="AC139510" i="1"/>
  <c r="AC139511" i="1"/>
  <c r="AC139512" i="1"/>
  <c r="AC139513" i="1"/>
  <c r="AC139514" i="1"/>
  <c r="AC139515" i="1"/>
  <c r="AC139516" i="1"/>
  <c r="AC139517" i="1"/>
  <c r="AC139518" i="1"/>
  <c r="AC139519" i="1"/>
  <c r="AC139520" i="1"/>
  <c r="AC139521" i="1"/>
  <c r="AC139522" i="1"/>
  <c r="AC139523" i="1"/>
  <c r="AC139524" i="1"/>
  <c r="AC139525" i="1"/>
  <c r="AC139526" i="1"/>
  <c r="AC139527" i="1"/>
  <c r="AC139528" i="1"/>
  <c r="AC139529" i="1"/>
  <c r="AC139530" i="1"/>
  <c r="AC139531" i="1"/>
  <c r="AC139532" i="1"/>
  <c r="AC139533" i="1"/>
  <c r="AC139534" i="1"/>
  <c r="AC139535" i="1"/>
  <c r="AC139536" i="1"/>
  <c r="AC139537" i="1"/>
  <c r="AC139538" i="1"/>
  <c r="AC139539" i="1"/>
  <c r="AC139540" i="1"/>
  <c r="AC139541" i="1"/>
  <c r="AC139542" i="1"/>
  <c r="AC139543" i="1"/>
  <c r="AC139544" i="1"/>
  <c r="AC139545" i="1"/>
  <c r="AC139546" i="1"/>
  <c r="AC139547" i="1"/>
  <c r="AC139548" i="1"/>
  <c r="AC139549" i="1"/>
  <c r="AC139550" i="1"/>
  <c r="AC139551" i="1"/>
  <c r="AC139552" i="1"/>
  <c r="AC139553" i="1"/>
  <c r="AC139554" i="1"/>
  <c r="AC139555" i="1"/>
  <c r="AC139556" i="1"/>
  <c r="AC139557" i="1"/>
  <c r="AC139558" i="1"/>
  <c r="AC139559" i="1"/>
  <c r="AC139560" i="1"/>
  <c r="AC139561" i="1"/>
  <c r="AC139562" i="1"/>
  <c r="AC139563" i="1"/>
  <c r="AC139564" i="1"/>
  <c r="AC139565" i="1"/>
  <c r="AC139566" i="1"/>
  <c r="AC139567" i="1"/>
  <c r="AC139568" i="1"/>
  <c r="AC139569" i="1"/>
  <c r="AC139570" i="1"/>
  <c r="AC139571" i="1"/>
  <c r="AC139572" i="1"/>
  <c r="AC139573" i="1"/>
  <c r="AC139574" i="1"/>
  <c r="AC139575" i="1"/>
  <c r="AC139576" i="1"/>
  <c r="AC139577" i="1"/>
  <c r="AC139578" i="1"/>
  <c r="AC139579" i="1"/>
  <c r="AC139580" i="1"/>
  <c r="AC139581" i="1"/>
  <c r="AC139582" i="1"/>
  <c r="AC139583" i="1"/>
  <c r="AC139584" i="1"/>
  <c r="AC139585" i="1"/>
  <c r="AC139586" i="1"/>
  <c r="AC139587" i="1"/>
  <c r="AC139588" i="1"/>
  <c r="AC139589" i="1"/>
  <c r="AC139590" i="1"/>
  <c r="AC139591" i="1"/>
  <c r="AC139592" i="1"/>
  <c r="AC139593" i="1"/>
  <c r="AC139594" i="1"/>
  <c r="AC139595" i="1"/>
  <c r="AC139596" i="1"/>
  <c r="AC139597" i="1"/>
  <c r="AC139598" i="1"/>
  <c r="AC139599" i="1"/>
  <c r="AC139600" i="1"/>
  <c r="AC139601" i="1"/>
  <c r="AC139602" i="1"/>
  <c r="AC139603" i="1"/>
  <c r="AC139604" i="1"/>
  <c r="AC139605" i="1"/>
  <c r="AC139606" i="1"/>
  <c r="AC139607" i="1"/>
  <c r="AC139608" i="1"/>
  <c r="AC139609" i="1"/>
  <c r="AC139610" i="1"/>
  <c r="AC139611" i="1"/>
  <c r="AC139612" i="1"/>
  <c r="AC139613" i="1"/>
  <c r="AC139614" i="1"/>
  <c r="AC139615" i="1"/>
  <c r="AC139616" i="1"/>
  <c r="AC139617" i="1"/>
  <c r="AC139618" i="1"/>
  <c r="AC139619" i="1"/>
  <c r="AC139620" i="1"/>
  <c r="AC139621" i="1"/>
  <c r="AC139622" i="1"/>
  <c r="AC139623" i="1"/>
  <c r="AC139624" i="1"/>
  <c r="AC139625" i="1"/>
  <c r="AC139626" i="1"/>
  <c r="AC139627" i="1"/>
  <c r="AC139628" i="1"/>
  <c r="AC139629" i="1"/>
  <c r="AC139630" i="1"/>
  <c r="AC139631" i="1"/>
  <c r="AC139632" i="1"/>
  <c r="AC139633" i="1"/>
  <c r="AC139634" i="1"/>
  <c r="AC139635" i="1"/>
  <c r="AC139636" i="1"/>
  <c r="AC139637" i="1"/>
  <c r="AC139638" i="1"/>
  <c r="AC139639" i="1"/>
  <c r="AC139640" i="1"/>
  <c r="AC139641" i="1"/>
  <c r="AC139642" i="1"/>
  <c r="AC139643" i="1"/>
  <c r="AC139644" i="1"/>
  <c r="AC139645" i="1"/>
  <c r="AC139646" i="1"/>
  <c r="AC139647" i="1"/>
  <c r="AC139648" i="1"/>
  <c r="AC139649" i="1"/>
  <c r="AC139650" i="1"/>
  <c r="AC139651" i="1"/>
  <c r="AC139652" i="1"/>
  <c r="AC139653" i="1"/>
  <c r="AC139654" i="1"/>
  <c r="AC139655" i="1"/>
  <c r="AC139656" i="1"/>
  <c r="AC139657" i="1"/>
  <c r="AC139658" i="1"/>
  <c r="AC139659" i="1"/>
  <c r="AC139660" i="1"/>
  <c r="AC139661" i="1"/>
  <c r="AC139662" i="1"/>
  <c r="AC139663" i="1"/>
  <c r="AC139664" i="1"/>
  <c r="AC139665" i="1"/>
  <c r="AC139666" i="1"/>
  <c r="AC139667" i="1"/>
  <c r="AC139668" i="1"/>
  <c r="AC139669" i="1"/>
  <c r="AC139670" i="1"/>
  <c r="AC139671" i="1"/>
  <c r="AC139672" i="1"/>
  <c r="AC139673" i="1"/>
  <c r="AC139674" i="1"/>
  <c r="AC139675" i="1"/>
  <c r="AC139676" i="1"/>
  <c r="AC139677" i="1"/>
  <c r="AC139678" i="1"/>
  <c r="AC139679" i="1"/>
  <c r="AC139680" i="1"/>
  <c r="AC139681" i="1"/>
  <c r="AC139682" i="1"/>
  <c r="AC139683" i="1"/>
  <c r="AC139684" i="1"/>
  <c r="AC139685" i="1"/>
  <c r="AC139686" i="1"/>
  <c r="AC139687" i="1"/>
  <c r="AC139688" i="1"/>
  <c r="AC139689" i="1"/>
  <c r="AC139690" i="1"/>
  <c r="AC139691" i="1"/>
  <c r="AC139692" i="1"/>
  <c r="AC139693" i="1"/>
  <c r="AC139694" i="1"/>
  <c r="AC139695" i="1"/>
  <c r="AC139696" i="1"/>
  <c r="AC139697" i="1"/>
  <c r="AC139698" i="1"/>
  <c r="AC139699" i="1"/>
  <c r="AC139700" i="1"/>
  <c r="AC139701" i="1"/>
  <c r="AC139702" i="1"/>
  <c r="AC139703" i="1"/>
  <c r="AC139704" i="1"/>
  <c r="AC139705" i="1"/>
  <c r="AC139706" i="1"/>
  <c r="AC139707" i="1"/>
  <c r="AC139708" i="1"/>
  <c r="AC139709" i="1"/>
  <c r="AC139710" i="1"/>
  <c r="AC139711" i="1"/>
  <c r="AC139712" i="1"/>
  <c r="AC139713" i="1"/>
  <c r="AC139714" i="1"/>
  <c r="AC139715" i="1"/>
  <c r="AC139716" i="1"/>
  <c r="AC139717" i="1"/>
  <c r="AC139718" i="1"/>
  <c r="AC139719" i="1"/>
  <c r="AC139720" i="1"/>
  <c r="AC139721" i="1"/>
  <c r="AC139722" i="1"/>
  <c r="AC139723" i="1"/>
  <c r="AC139724" i="1"/>
  <c r="AC139725" i="1"/>
  <c r="AC139726" i="1"/>
  <c r="AC139727" i="1"/>
  <c r="AC139728" i="1"/>
  <c r="AC139729" i="1"/>
  <c r="AC139730" i="1"/>
  <c r="AC139731" i="1"/>
  <c r="AC139732" i="1"/>
  <c r="AC139733" i="1"/>
  <c r="AC139734" i="1"/>
  <c r="AC139735" i="1"/>
  <c r="AC139736" i="1"/>
  <c r="AC139737" i="1"/>
  <c r="AC139738" i="1"/>
  <c r="AC139739" i="1"/>
  <c r="AC139740" i="1"/>
  <c r="AC139741" i="1"/>
  <c r="AC139742" i="1"/>
  <c r="AC139743" i="1"/>
  <c r="AC139744" i="1"/>
  <c r="AC139745" i="1"/>
  <c r="AC139746" i="1"/>
  <c r="AC139747" i="1"/>
  <c r="AC139748" i="1"/>
  <c r="AC139749" i="1"/>
  <c r="AC139750" i="1"/>
  <c r="AC139751" i="1"/>
  <c r="AC139752" i="1"/>
  <c r="AC139753" i="1"/>
  <c r="AC139754" i="1"/>
  <c r="AC139755" i="1"/>
  <c r="AC139756" i="1"/>
  <c r="AC139757" i="1"/>
  <c r="AC139758" i="1"/>
  <c r="AC139759" i="1"/>
  <c r="AC139760" i="1"/>
  <c r="AC139761" i="1"/>
  <c r="AC139762" i="1"/>
  <c r="AC139763" i="1"/>
  <c r="AC139764" i="1"/>
  <c r="AC139765" i="1"/>
  <c r="AC139766" i="1"/>
  <c r="AC139767" i="1"/>
  <c r="AC139768" i="1"/>
  <c r="AC139769" i="1"/>
  <c r="AC139770" i="1"/>
  <c r="AC139771" i="1"/>
  <c r="AC139772" i="1"/>
  <c r="AC139773" i="1"/>
  <c r="AC139774" i="1"/>
  <c r="AC139775" i="1"/>
  <c r="AC139776" i="1"/>
  <c r="AC139777" i="1"/>
  <c r="AC139778" i="1"/>
  <c r="AC139779" i="1"/>
  <c r="AC139780" i="1"/>
  <c r="AC139781" i="1"/>
  <c r="AC139782" i="1"/>
  <c r="AC139783" i="1"/>
  <c r="AC139784" i="1"/>
  <c r="AC139785" i="1"/>
  <c r="AC139786" i="1"/>
  <c r="AC139787" i="1"/>
  <c r="AC139788" i="1"/>
  <c r="AC139789" i="1"/>
  <c r="AC139790" i="1"/>
  <c r="AC139791" i="1"/>
  <c r="AC139792" i="1"/>
  <c r="AC139793" i="1"/>
  <c r="AC139794" i="1"/>
  <c r="AC139795" i="1"/>
  <c r="AC139796" i="1"/>
  <c r="AC139797" i="1"/>
  <c r="AC139798" i="1"/>
  <c r="AC139799" i="1"/>
  <c r="AC139800" i="1"/>
  <c r="AC139801" i="1"/>
  <c r="AC139802" i="1"/>
  <c r="AC139803" i="1"/>
  <c r="AC139804" i="1"/>
  <c r="AC139805" i="1"/>
  <c r="AC139806" i="1"/>
  <c r="AC139807" i="1"/>
  <c r="AC139808" i="1"/>
  <c r="AC139809" i="1"/>
  <c r="AC139810" i="1"/>
  <c r="AC139811" i="1"/>
  <c r="AC139812" i="1"/>
  <c r="AC139813" i="1"/>
  <c r="AC139814" i="1"/>
  <c r="AC139815" i="1"/>
  <c r="AC139816" i="1"/>
  <c r="AC139817" i="1"/>
  <c r="AC139818" i="1"/>
  <c r="AC139819" i="1"/>
  <c r="AC139820" i="1"/>
  <c r="AC139821" i="1"/>
  <c r="AC139822" i="1"/>
  <c r="AC139823" i="1"/>
  <c r="AC139824" i="1"/>
  <c r="AC139825" i="1"/>
  <c r="AC139826" i="1"/>
  <c r="AC139827" i="1"/>
  <c r="AC139828" i="1"/>
  <c r="AC139829" i="1"/>
  <c r="AC139830" i="1"/>
  <c r="AC139831" i="1"/>
  <c r="AC139832" i="1"/>
  <c r="AC139833" i="1"/>
  <c r="AC139834" i="1"/>
  <c r="AC139835" i="1"/>
  <c r="AC139836" i="1"/>
  <c r="AC139837" i="1"/>
  <c r="AC139838" i="1"/>
  <c r="AC139839" i="1"/>
  <c r="AC139840" i="1"/>
  <c r="AC139841" i="1"/>
  <c r="AC139842" i="1"/>
  <c r="AC139843" i="1"/>
  <c r="AC139844" i="1"/>
  <c r="AC139845" i="1"/>
  <c r="AC139846" i="1"/>
  <c r="AC139847" i="1"/>
  <c r="AC139848" i="1"/>
  <c r="AC139849" i="1"/>
  <c r="AC139850" i="1"/>
  <c r="AC139851" i="1"/>
  <c r="AC139852" i="1"/>
  <c r="AC139853" i="1"/>
  <c r="AC139854" i="1"/>
  <c r="AC139855" i="1"/>
  <c r="AC139856" i="1"/>
  <c r="AC139857" i="1"/>
  <c r="AC139858" i="1"/>
  <c r="AC139859" i="1"/>
  <c r="AC139860" i="1"/>
  <c r="AC139861" i="1"/>
  <c r="AC139862" i="1"/>
  <c r="AC139863" i="1"/>
  <c r="AC139864" i="1"/>
  <c r="AC139865" i="1"/>
  <c r="AC139866" i="1"/>
  <c r="AC139867" i="1"/>
  <c r="AC139868" i="1"/>
  <c r="AC139869" i="1"/>
  <c r="AC139870" i="1"/>
  <c r="AC139871" i="1"/>
  <c r="AC139872" i="1"/>
  <c r="AC139873" i="1"/>
  <c r="AC139874" i="1"/>
  <c r="AC139875" i="1"/>
  <c r="AC139876" i="1"/>
  <c r="AC139877" i="1"/>
  <c r="AC139878" i="1"/>
  <c r="AC139879" i="1"/>
  <c r="AC139880" i="1"/>
  <c r="AC139881" i="1"/>
  <c r="AC139882" i="1"/>
  <c r="AC139883" i="1"/>
  <c r="AC139884" i="1"/>
  <c r="AC139885" i="1"/>
  <c r="AC139886" i="1"/>
  <c r="AC139887" i="1"/>
  <c r="AC139888" i="1"/>
  <c r="AC139889" i="1"/>
  <c r="AC139890" i="1"/>
  <c r="AC139891" i="1"/>
  <c r="AC139892" i="1"/>
  <c r="AC139893" i="1"/>
  <c r="AC139894" i="1"/>
  <c r="AC139895" i="1"/>
  <c r="AC139896" i="1"/>
  <c r="AC139897" i="1"/>
  <c r="AC139898" i="1"/>
  <c r="AC139899" i="1"/>
  <c r="AC139900" i="1"/>
  <c r="AC139901" i="1"/>
  <c r="AC139902" i="1"/>
  <c r="AC139903" i="1"/>
  <c r="AC139904" i="1"/>
  <c r="AC139905" i="1"/>
  <c r="AC139906" i="1"/>
  <c r="AC139907" i="1"/>
  <c r="AC139908" i="1"/>
  <c r="AC139909" i="1"/>
  <c r="AC139910" i="1"/>
  <c r="AC139911" i="1"/>
  <c r="AC139912" i="1"/>
  <c r="AC139913" i="1"/>
  <c r="AC139914" i="1"/>
  <c r="AC139915" i="1"/>
  <c r="AC139916" i="1"/>
  <c r="AC139917" i="1"/>
  <c r="AC139918" i="1"/>
  <c r="AC139919" i="1"/>
  <c r="AC139920" i="1"/>
  <c r="AC139921" i="1"/>
  <c r="AC139922" i="1"/>
  <c r="AC139923" i="1"/>
  <c r="AC139924" i="1"/>
  <c r="AC139925" i="1"/>
  <c r="AC139926" i="1"/>
  <c r="AC139927" i="1"/>
  <c r="AC139928" i="1"/>
  <c r="AC139929" i="1"/>
  <c r="AC139930" i="1"/>
  <c r="AC139931" i="1"/>
  <c r="AC139932" i="1"/>
  <c r="AC139933" i="1"/>
  <c r="AC139934" i="1"/>
  <c r="AC139935" i="1"/>
  <c r="AC139936" i="1"/>
  <c r="AC139937" i="1"/>
  <c r="AC139938" i="1"/>
  <c r="AC139939" i="1"/>
  <c r="AC139940" i="1"/>
  <c r="AC139941" i="1"/>
  <c r="AC139942" i="1"/>
  <c r="AC139943" i="1"/>
  <c r="AC139944" i="1"/>
  <c r="AC139945" i="1"/>
  <c r="AC139946" i="1"/>
  <c r="AC139947" i="1"/>
  <c r="AC139948" i="1"/>
  <c r="AC139949" i="1"/>
  <c r="AC139950" i="1"/>
  <c r="AC139951" i="1"/>
  <c r="AC139952" i="1"/>
  <c r="AC139953" i="1"/>
  <c r="AC139954" i="1"/>
  <c r="AC139955" i="1"/>
  <c r="AC139956" i="1"/>
  <c r="AC139957" i="1"/>
  <c r="AC139958" i="1"/>
  <c r="AC139959" i="1"/>
  <c r="AC139960" i="1"/>
  <c r="AC139961" i="1"/>
  <c r="AC139962" i="1"/>
  <c r="AC139963" i="1"/>
  <c r="AC139964" i="1"/>
  <c r="AC139965" i="1"/>
  <c r="AC139966" i="1"/>
  <c r="AC139967" i="1"/>
  <c r="AC139968" i="1"/>
  <c r="AC139969" i="1"/>
  <c r="AC139970" i="1"/>
  <c r="AC139971" i="1"/>
  <c r="AC139972" i="1"/>
  <c r="AC139973" i="1"/>
  <c r="AC139974" i="1"/>
  <c r="AC139975" i="1"/>
  <c r="AC139976" i="1"/>
  <c r="AC139977" i="1"/>
  <c r="AC139978" i="1"/>
  <c r="AC139979" i="1"/>
  <c r="AC139980" i="1"/>
  <c r="AC139981" i="1"/>
  <c r="AC139982" i="1"/>
  <c r="AC139983" i="1"/>
  <c r="AC139984" i="1"/>
  <c r="AC139985" i="1"/>
  <c r="AC139986" i="1"/>
  <c r="AC139987" i="1"/>
  <c r="AC139988" i="1"/>
  <c r="AC139989" i="1"/>
  <c r="AC139990" i="1"/>
  <c r="AC139991" i="1"/>
  <c r="AC139992" i="1"/>
  <c r="AC139993" i="1"/>
  <c r="AC139994" i="1"/>
  <c r="AC139995" i="1"/>
  <c r="AC139996" i="1"/>
  <c r="AC139997" i="1"/>
  <c r="AC139998" i="1"/>
  <c r="AC139999" i="1"/>
  <c r="AC140000" i="1"/>
  <c r="AC140001" i="1"/>
  <c r="AC140002" i="1"/>
  <c r="AC140003" i="1"/>
  <c r="AC140004" i="1"/>
  <c r="AC140005" i="1"/>
  <c r="AC140006" i="1"/>
  <c r="AC140007" i="1"/>
  <c r="AC140008" i="1"/>
  <c r="AC140009" i="1"/>
  <c r="AC140010" i="1"/>
  <c r="AC140011" i="1"/>
  <c r="AC140012" i="1"/>
  <c r="AC140013" i="1"/>
  <c r="AC140014" i="1"/>
  <c r="AC140015" i="1"/>
  <c r="AC140016" i="1"/>
  <c r="AC140017" i="1"/>
  <c r="AC140018" i="1"/>
  <c r="AC140019" i="1"/>
  <c r="AC140020" i="1"/>
  <c r="AC140021" i="1"/>
  <c r="AC140022" i="1"/>
  <c r="AC140023" i="1"/>
  <c r="AC140024" i="1"/>
  <c r="AC140025" i="1"/>
  <c r="AC140026" i="1"/>
  <c r="AC140027" i="1"/>
  <c r="AC140028" i="1"/>
  <c r="AC140029" i="1"/>
  <c r="AC140030" i="1"/>
  <c r="AC140031" i="1"/>
  <c r="AC140032" i="1"/>
  <c r="AC140033" i="1"/>
  <c r="AC140034" i="1"/>
  <c r="AC140035" i="1"/>
  <c r="AC140036" i="1"/>
  <c r="AC140037" i="1"/>
  <c r="AC140038" i="1"/>
  <c r="AC140039" i="1"/>
  <c r="AC140040" i="1"/>
  <c r="AC140041" i="1"/>
  <c r="AC140042" i="1"/>
  <c r="AC140043" i="1"/>
  <c r="AC140044" i="1"/>
  <c r="AC140045" i="1"/>
  <c r="AC140046" i="1"/>
  <c r="AC140047" i="1"/>
  <c r="AC140048" i="1"/>
  <c r="AC140049" i="1"/>
  <c r="AC140050" i="1"/>
  <c r="AC140051" i="1"/>
  <c r="AC140052" i="1"/>
  <c r="AC140053" i="1"/>
  <c r="AC140054" i="1"/>
  <c r="AC140055" i="1"/>
  <c r="AC140056" i="1"/>
  <c r="AC140057" i="1"/>
  <c r="AC140058" i="1"/>
  <c r="AC140059" i="1"/>
  <c r="AC140060" i="1"/>
  <c r="AC140061" i="1"/>
  <c r="AC140062" i="1"/>
  <c r="AC140063" i="1"/>
  <c r="AC140064" i="1"/>
  <c r="AC140065" i="1"/>
  <c r="AC140066" i="1"/>
  <c r="AC140067" i="1"/>
  <c r="AC140068" i="1"/>
  <c r="AC140069" i="1"/>
  <c r="AC140070" i="1"/>
  <c r="AC140071" i="1"/>
  <c r="AC140072" i="1"/>
  <c r="AC140073" i="1"/>
  <c r="AC140074" i="1"/>
  <c r="AC140075" i="1"/>
  <c r="AC140076" i="1"/>
  <c r="AC140077" i="1"/>
  <c r="AC140078" i="1"/>
  <c r="AC140079" i="1"/>
  <c r="AC140080" i="1"/>
  <c r="AC140081" i="1"/>
  <c r="AC140082" i="1"/>
  <c r="AC140083" i="1"/>
  <c r="AC140084" i="1"/>
  <c r="AC140085" i="1"/>
  <c r="AC140086" i="1"/>
  <c r="AC140087" i="1"/>
  <c r="AC140088" i="1"/>
  <c r="AC140089" i="1"/>
  <c r="AC140090" i="1"/>
  <c r="AC140091" i="1"/>
  <c r="AC140092" i="1"/>
  <c r="AC140093" i="1"/>
  <c r="AC140094" i="1"/>
  <c r="AC140095" i="1"/>
  <c r="AC140096" i="1"/>
  <c r="AC140097" i="1"/>
  <c r="AC140098" i="1"/>
  <c r="AC140099" i="1"/>
  <c r="AC140100" i="1"/>
  <c r="AC140101" i="1"/>
  <c r="AC140102" i="1"/>
  <c r="AC140103" i="1"/>
  <c r="AC140104" i="1"/>
  <c r="AC140105" i="1"/>
  <c r="AC140106" i="1"/>
  <c r="AC140107" i="1"/>
  <c r="AC140108" i="1"/>
  <c r="AC140109" i="1"/>
  <c r="AC140110" i="1"/>
  <c r="AC140111" i="1"/>
  <c r="AC140112" i="1"/>
  <c r="AC140113" i="1"/>
  <c r="AC140114" i="1"/>
  <c r="AC140115" i="1"/>
  <c r="AC140116" i="1"/>
  <c r="AC140117" i="1"/>
  <c r="AC140118" i="1"/>
  <c r="AC140119" i="1"/>
  <c r="AC140120" i="1"/>
  <c r="AC140121" i="1"/>
  <c r="AC140122" i="1"/>
  <c r="AC140123" i="1"/>
  <c r="AC140124" i="1"/>
  <c r="AC140125" i="1"/>
  <c r="AC140126" i="1"/>
  <c r="AC140127" i="1"/>
  <c r="AC140128" i="1"/>
  <c r="AC140129" i="1"/>
  <c r="AC140130" i="1"/>
  <c r="AC140131" i="1"/>
  <c r="AC140132" i="1"/>
  <c r="AC140133" i="1"/>
  <c r="AC140134" i="1"/>
  <c r="AC140135" i="1"/>
  <c r="AC140136" i="1"/>
  <c r="AC140137" i="1"/>
  <c r="AC140138" i="1"/>
  <c r="AC140139" i="1"/>
  <c r="AC140140" i="1"/>
  <c r="AC140141" i="1"/>
  <c r="AC140142" i="1"/>
  <c r="AC140143" i="1"/>
  <c r="AC140144" i="1"/>
  <c r="AC140145" i="1"/>
  <c r="AC140146" i="1"/>
  <c r="AC140147" i="1"/>
  <c r="AC140148" i="1"/>
  <c r="AC140149" i="1"/>
  <c r="AC140150" i="1"/>
  <c r="AC140151" i="1"/>
  <c r="AC140152" i="1"/>
  <c r="AC140153" i="1"/>
  <c r="AC140154" i="1"/>
  <c r="AC140155" i="1"/>
  <c r="AC140156" i="1"/>
  <c r="AC140157" i="1"/>
  <c r="AC140158" i="1"/>
  <c r="AC140159" i="1"/>
  <c r="AC140160" i="1"/>
  <c r="AC140161" i="1"/>
  <c r="AC140162" i="1"/>
  <c r="AC140163" i="1"/>
  <c r="AC140164" i="1"/>
  <c r="AC140165" i="1"/>
  <c r="AC140166" i="1"/>
  <c r="AC140167" i="1"/>
  <c r="AC140168" i="1"/>
  <c r="AC140169" i="1"/>
  <c r="AC140170" i="1"/>
  <c r="AC140171" i="1"/>
  <c r="AC140172" i="1"/>
  <c r="AC140173" i="1"/>
  <c r="AC140174" i="1"/>
  <c r="AC140175" i="1"/>
  <c r="AC140176" i="1"/>
  <c r="AC140177" i="1"/>
  <c r="AC140178" i="1"/>
  <c r="AC140179" i="1"/>
  <c r="AC140180" i="1"/>
  <c r="AC140181" i="1"/>
  <c r="AC140182" i="1"/>
  <c r="AC140183" i="1"/>
  <c r="AC140184" i="1"/>
  <c r="AC140185" i="1"/>
  <c r="AC140186" i="1"/>
  <c r="AC140187" i="1"/>
  <c r="AC140188" i="1"/>
  <c r="AC140189" i="1"/>
  <c r="AC140190" i="1"/>
  <c r="AC140191" i="1"/>
  <c r="AC140192" i="1"/>
  <c r="AC140193" i="1"/>
  <c r="AC140194" i="1"/>
  <c r="AC140195" i="1"/>
  <c r="AC140196" i="1"/>
  <c r="AC140197" i="1"/>
  <c r="AC140198" i="1"/>
  <c r="AC140199" i="1"/>
  <c r="AC140200" i="1"/>
  <c r="AC140201" i="1"/>
  <c r="AC140202" i="1"/>
  <c r="AC140203" i="1"/>
  <c r="AC140204" i="1"/>
  <c r="AC140205" i="1"/>
  <c r="AC140206" i="1"/>
  <c r="AC140207" i="1"/>
  <c r="AC140208" i="1"/>
  <c r="AC140209" i="1"/>
  <c r="AC140210" i="1"/>
  <c r="AC140211" i="1"/>
  <c r="AC140212" i="1"/>
  <c r="AC140213" i="1"/>
  <c r="AC140214" i="1"/>
  <c r="AC140215" i="1"/>
  <c r="AC140216" i="1"/>
  <c r="AC140217" i="1"/>
  <c r="AC140218" i="1"/>
  <c r="AC140219" i="1"/>
  <c r="AC140220" i="1"/>
  <c r="AC140221" i="1"/>
  <c r="AC140222" i="1"/>
  <c r="AC140223" i="1"/>
  <c r="AC140224" i="1"/>
  <c r="AC140225" i="1"/>
  <c r="AC140226" i="1"/>
  <c r="AC140227" i="1"/>
  <c r="AC140228" i="1"/>
  <c r="AC140229" i="1"/>
  <c r="AC140230" i="1"/>
  <c r="AC140231" i="1"/>
  <c r="AC140232" i="1"/>
  <c r="AC140233" i="1"/>
  <c r="AC140234" i="1"/>
  <c r="AC140235" i="1"/>
  <c r="AC140236" i="1"/>
  <c r="AC140237" i="1"/>
  <c r="AC140238" i="1"/>
  <c r="AC140239" i="1"/>
  <c r="AC140240" i="1"/>
  <c r="AC140241" i="1"/>
  <c r="AC140242" i="1"/>
  <c r="AC140243" i="1"/>
  <c r="AC140244" i="1"/>
  <c r="AC140245" i="1"/>
  <c r="AC140246" i="1"/>
  <c r="AC140247" i="1"/>
  <c r="AC140248" i="1"/>
  <c r="AC140249" i="1"/>
  <c r="AC140250" i="1"/>
  <c r="AC140251" i="1"/>
  <c r="AC140252" i="1"/>
  <c r="AC140253" i="1"/>
  <c r="AC140254" i="1"/>
  <c r="AC140255" i="1"/>
  <c r="AC140256" i="1"/>
  <c r="AC140257" i="1"/>
  <c r="AC140258" i="1"/>
  <c r="AC140259" i="1"/>
  <c r="AC140260" i="1"/>
  <c r="AC140261" i="1"/>
  <c r="AC140262" i="1"/>
  <c r="AC140263" i="1"/>
  <c r="AC140264" i="1"/>
  <c r="AC140265" i="1"/>
  <c r="AC140266" i="1"/>
  <c r="AC140267" i="1"/>
  <c r="AC140268" i="1"/>
  <c r="AC140269" i="1"/>
  <c r="AC140270" i="1"/>
  <c r="AC140271" i="1"/>
  <c r="AC140272" i="1"/>
  <c r="AC140273" i="1"/>
  <c r="AC140274" i="1"/>
  <c r="AC140275" i="1"/>
  <c r="AC140276" i="1"/>
  <c r="AC140277" i="1"/>
  <c r="AC140278" i="1"/>
  <c r="AC140279" i="1"/>
  <c r="AC140280" i="1"/>
  <c r="AC140281" i="1"/>
  <c r="AC140282" i="1"/>
  <c r="AC140283" i="1"/>
  <c r="AC140284" i="1"/>
  <c r="AC140285" i="1"/>
  <c r="AC140286" i="1"/>
  <c r="AC140287" i="1"/>
  <c r="AC140288" i="1"/>
  <c r="AC140289" i="1"/>
  <c r="AC140290" i="1"/>
  <c r="AC140291" i="1"/>
  <c r="AC140292" i="1"/>
  <c r="AC140293" i="1"/>
  <c r="AC140294" i="1"/>
  <c r="AC140295" i="1"/>
  <c r="AC140296" i="1"/>
  <c r="AC140297" i="1"/>
  <c r="AC140298" i="1"/>
  <c r="AC140299" i="1"/>
  <c r="AC140300" i="1"/>
  <c r="AC140301" i="1"/>
  <c r="AC140302" i="1"/>
  <c r="AC140303" i="1"/>
  <c r="AC140304" i="1"/>
  <c r="AC140305" i="1"/>
  <c r="AC140306" i="1"/>
  <c r="AC140307" i="1"/>
  <c r="AC140308" i="1"/>
  <c r="AC140309" i="1"/>
  <c r="AC140310" i="1"/>
  <c r="AC140311" i="1"/>
  <c r="AC140312" i="1"/>
  <c r="AC140313" i="1"/>
  <c r="AC140314" i="1"/>
  <c r="AC140315" i="1"/>
  <c r="AC140316" i="1"/>
  <c r="AC140317" i="1"/>
  <c r="AC140318" i="1"/>
  <c r="AC140319" i="1"/>
  <c r="AC140320" i="1"/>
  <c r="AC140321" i="1"/>
  <c r="AC140322" i="1"/>
  <c r="AC140323" i="1"/>
  <c r="AC140324" i="1"/>
  <c r="AC140325" i="1"/>
  <c r="AC140326" i="1"/>
  <c r="AC140327" i="1"/>
  <c r="AC140328" i="1"/>
  <c r="AC140329" i="1"/>
  <c r="AC140330" i="1"/>
  <c r="AC140331" i="1"/>
  <c r="AC140332" i="1"/>
  <c r="AC140333" i="1"/>
  <c r="AC140334" i="1"/>
  <c r="AC140335" i="1"/>
  <c r="AC140336" i="1"/>
  <c r="AC140337" i="1"/>
  <c r="AC140338" i="1"/>
  <c r="AC140339" i="1"/>
  <c r="AC140340" i="1"/>
  <c r="AC140341" i="1"/>
  <c r="AC140342" i="1"/>
  <c r="AC140343" i="1"/>
  <c r="AC140344" i="1"/>
  <c r="AC140345" i="1"/>
  <c r="AC140346" i="1"/>
  <c r="AC140347" i="1"/>
  <c r="AC140348" i="1"/>
  <c r="AC140349" i="1"/>
  <c r="AC140350" i="1"/>
  <c r="AC140351" i="1"/>
  <c r="AC140352" i="1"/>
  <c r="AC140353" i="1"/>
  <c r="AC140354" i="1"/>
  <c r="AC140355" i="1"/>
  <c r="AC140356" i="1"/>
  <c r="AC140357" i="1"/>
  <c r="AC140358" i="1"/>
  <c r="AC140359" i="1"/>
  <c r="AC140360" i="1"/>
  <c r="AC140361" i="1"/>
  <c r="AC140362" i="1"/>
  <c r="AC140363" i="1"/>
  <c r="AC140364" i="1"/>
  <c r="AC140365" i="1"/>
  <c r="AC140366" i="1"/>
  <c r="AC140367" i="1"/>
  <c r="AC140368" i="1"/>
  <c r="AC140369" i="1"/>
  <c r="AC140370" i="1"/>
  <c r="AC140371" i="1"/>
  <c r="AC140372" i="1"/>
  <c r="AC140373" i="1"/>
  <c r="AC140374" i="1"/>
  <c r="AC140375" i="1"/>
  <c r="AC140376" i="1"/>
  <c r="AC140377" i="1"/>
  <c r="AC140378" i="1"/>
  <c r="AC140379" i="1"/>
  <c r="AC140380" i="1"/>
  <c r="AC140381" i="1"/>
  <c r="AC140382" i="1"/>
  <c r="AC140383" i="1"/>
  <c r="AC140384" i="1"/>
  <c r="AC140385" i="1"/>
  <c r="AC140386" i="1"/>
  <c r="AC140387" i="1"/>
  <c r="AC140388" i="1"/>
  <c r="AC140389" i="1"/>
  <c r="AC140390" i="1"/>
  <c r="AC140391" i="1"/>
  <c r="AC140392" i="1"/>
  <c r="AC140393" i="1"/>
  <c r="AC140394" i="1"/>
  <c r="AC140395" i="1"/>
  <c r="AC140396" i="1"/>
  <c r="AC140397" i="1"/>
  <c r="AC140398" i="1"/>
  <c r="AC140399" i="1"/>
  <c r="AC140400" i="1"/>
  <c r="AC140401" i="1"/>
  <c r="AC140402" i="1"/>
  <c r="AC140403" i="1"/>
  <c r="AC140404" i="1"/>
  <c r="AC140405" i="1"/>
  <c r="AC140406" i="1"/>
  <c r="AC140407" i="1"/>
  <c r="AC140408" i="1"/>
  <c r="AC140409" i="1"/>
  <c r="AC140410" i="1"/>
  <c r="AC140411" i="1"/>
  <c r="AC140412" i="1"/>
  <c r="AC140413" i="1"/>
  <c r="AC140414" i="1"/>
  <c r="AC140415" i="1"/>
  <c r="AC140416" i="1"/>
  <c r="AC140417" i="1"/>
  <c r="AC140418" i="1"/>
  <c r="AC140419" i="1"/>
  <c r="AC140420" i="1"/>
  <c r="AC140421" i="1"/>
  <c r="AC140422" i="1"/>
  <c r="AC140423" i="1"/>
  <c r="AC140424" i="1"/>
  <c r="AC140425" i="1"/>
  <c r="AC140426" i="1"/>
  <c r="AC140427" i="1"/>
  <c r="AC140428" i="1"/>
  <c r="AC140429" i="1"/>
  <c r="AC140430" i="1"/>
  <c r="AC140431" i="1"/>
  <c r="AC140432" i="1"/>
  <c r="AC140433" i="1"/>
  <c r="AC140434" i="1"/>
  <c r="AC140435" i="1"/>
  <c r="AC140436" i="1"/>
  <c r="AC140437" i="1"/>
  <c r="AC140438" i="1"/>
  <c r="AC140439" i="1"/>
  <c r="AC140440" i="1"/>
  <c r="AC140441" i="1"/>
  <c r="AC140442" i="1"/>
  <c r="AC140443" i="1"/>
  <c r="AC140444" i="1"/>
  <c r="AC140445" i="1"/>
  <c r="AC140446" i="1"/>
  <c r="AC140447" i="1"/>
  <c r="AC140448" i="1"/>
  <c r="AC140449" i="1"/>
  <c r="AC140450" i="1"/>
  <c r="AC140451" i="1"/>
  <c r="AC140452" i="1"/>
  <c r="AC140453" i="1"/>
  <c r="AC140454" i="1"/>
  <c r="AC140455" i="1"/>
  <c r="AC140456" i="1"/>
  <c r="AC140457" i="1"/>
  <c r="AC140458" i="1"/>
  <c r="AC140459" i="1"/>
  <c r="AC140460" i="1"/>
  <c r="AC140461" i="1"/>
  <c r="AC140462" i="1"/>
  <c r="AC140463" i="1"/>
  <c r="AC140464" i="1"/>
  <c r="AC140465" i="1"/>
  <c r="AC140466" i="1"/>
  <c r="AC140467" i="1"/>
  <c r="AC140468" i="1"/>
  <c r="AC140469" i="1"/>
  <c r="AC140470" i="1"/>
  <c r="AC140471" i="1"/>
  <c r="AC140472" i="1"/>
  <c r="AC140473" i="1"/>
  <c r="AC140474" i="1"/>
  <c r="AC140475" i="1"/>
  <c r="AC140476" i="1"/>
  <c r="AC140477" i="1"/>
  <c r="AC140478" i="1"/>
  <c r="AC140479" i="1"/>
  <c r="AC140480" i="1"/>
  <c r="AC140481" i="1"/>
  <c r="AC140482" i="1"/>
  <c r="AC140483" i="1"/>
  <c r="AC140484" i="1"/>
  <c r="AC140485" i="1"/>
  <c r="AC140486" i="1"/>
  <c r="AC140487" i="1"/>
  <c r="AC140488" i="1"/>
  <c r="AC140489" i="1"/>
  <c r="AC140490" i="1"/>
  <c r="AC140491" i="1"/>
  <c r="AC140492" i="1"/>
  <c r="AC140493" i="1"/>
  <c r="AC140494" i="1"/>
  <c r="AC140495" i="1"/>
  <c r="AC140496" i="1"/>
  <c r="AC140497" i="1"/>
  <c r="AC140498" i="1"/>
  <c r="AC140499" i="1"/>
  <c r="AC140500" i="1"/>
  <c r="AC140501" i="1"/>
  <c r="AC140502" i="1"/>
  <c r="AC140503" i="1"/>
  <c r="AC140504" i="1"/>
  <c r="AC140505" i="1"/>
  <c r="AC140506" i="1"/>
  <c r="AC140507" i="1"/>
  <c r="AC140508" i="1"/>
  <c r="AC140509" i="1"/>
  <c r="AC140510" i="1"/>
  <c r="AC140511" i="1"/>
  <c r="AC140512" i="1"/>
  <c r="AC140513" i="1"/>
  <c r="AC140514" i="1"/>
  <c r="AC140515" i="1"/>
  <c r="AC140516" i="1"/>
  <c r="AC140517" i="1"/>
  <c r="AC140518" i="1"/>
  <c r="AC140519" i="1"/>
  <c r="AC140520" i="1"/>
  <c r="AC140521" i="1"/>
  <c r="AC140522" i="1"/>
  <c r="AC140523" i="1"/>
  <c r="AC140524" i="1"/>
  <c r="AC140525" i="1"/>
  <c r="AC140526" i="1"/>
  <c r="AC140527" i="1"/>
  <c r="AC140528" i="1"/>
  <c r="AC140529" i="1"/>
  <c r="AC140530" i="1"/>
  <c r="AC140531" i="1"/>
  <c r="AC140532" i="1"/>
  <c r="AC140533" i="1"/>
  <c r="AC140534" i="1"/>
  <c r="AC140535" i="1"/>
  <c r="AC140536" i="1"/>
  <c r="AC140537" i="1"/>
  <c r="AC140538" i="1"/>
  <c r="AC140539" i="1"/>
  <c r="AC140540" i="1"/>
  <c r="AC140541" i="1"/>
  <c r="AC140542" i="1"/>
  <c r="AC140543" i="1"/>
  <c r="AC140544" i="1"/>
  <c r="AC140545" i="1"/>
  <c r="AC140546" i="1"/>
  <c r="AC140547" i="1"/>
  <c r="AC140548" i="1"/>
  <c r="AC140549" i="1"/>
  <c r="AC140550" i="1"/>
  <c r="AC140551" i="1"/>
  <c r="AC140552" i="1"/>
  <c r="AC140553" i="1"/>
  <c r="AC140554" i="1"/>
  <c r="AC140555" i="1"/>
  <c r="AC140556" i="1"/>
  <c r="AC140557" i="1"/>
  <c r="AC140558" i="1"/>
  <c r="AC140559" i="1"/>
  <c r="AC140560" i="1"/>
  <c r="AC140561" i="1"/>
  <c r="AC140562" i="1"/>
  <c r="AC140563" i="1"/>
  <c r="AC140564" i="1"/>
  <c r="AC140565" i="1"/>
  <c r="AC140566" i="1"/>
  <c r="AC140567" i="1"/>
  <c r="AC140568" i="1"/>
  <c r="AC140569" i="1"/>
  <c r="AC140570" i="1"/>
  <c r="AC140571" i="1"/>
  <c r="AC140572" i="1"/>
  <c r="AC140573" i="1"/>
  <c r="AC140574" i="1"/>
  <c r="AC140575" i="1"/>
  <c r="AC140576" i="1"/>
  <c r="AC140577" i="1"/>
  <c r="AC140578" i="1"/>
  <c r="AC140579" i="1"/>
  <c r="AC140580" i="1"/>
  <c r="AC140581" i="1"/>
  <c r="AC140582" i="1"/>
  <c r="AC140583" i="1"/>
  <c r="AC140584" i="1"/>
  <c r="AC140585" i="1"/>
  <c r="AC140586" i="1"/>
  <c r="AC140587" i="1"/>
  <c r="AC140588" i="1"/>
  <c r="AC140589" i="1"/>
  <c r="AC140590" i="1"/>
  <c r="AC140591" i="1"/>
  <c r="AC140592" i="1"/>
  <c r="AC140593" i="1"/>
  <c r="AC140594" i="1"/>
  <c r="AC140595" i="1"/>
  <c r="AC140596" i="1"/>
  <c r="AC140597" i="1"/>
  <c r="AC140598" i="1"/>
  <c r="AC140599" i="1"/>
  <c r="AC140600" i="1"/>
  <c r="AC140601" i="1"/>
  <c r="AC140602" i="1"/>
  <c r="AC140603" i="1"/>
  <c r="AC140604" i="1"/>
  <c r="AC140605" i="1"/>
  <c r="AC140606" i="1"/>
  <c r="AC140607" i="1"/>
  <c r="AC140608" i="1"/>
  <c r="AC140609" i="1"/>
  <c r="AC140610" i="1"/>
  <c r="AC140611" i="1"/>
  <c r="AC140612" i="1"/>
  <c r="AC140613" i="1"/>
  <c r="AC140614" i="1"/>
  <c r="AC140615" i="1"/>
  <c r="AC140616" i="1"/>
  <c r="AC140617" i="1"/>
  <c r="AC140618" i="1"/>
  <c r="AC140619" i="1"/>
  <c r="AC140620" i="1"/>
  <c r="AC140621" i="1"/>
  <c r="AC140622" i="1"/>
  <c r="AC140623" i="1"/>
  <c r="AC140624" i="1"/>
  <c r="AC140625" i="1"/>
  <c r="AC140626" i="1"/>
  <c r="AC140627" i="1"/>
  <c r="AC140628" i="1"/>
  <c r="AC140629" i="1"/>
  <c r="AC140630" i="1"/>
  <c r="AC140631" i="1"/>
  <c r="AC140632" i="1"/>
  <c r="AC140633" i="1"/>
  <c r="AC140634" i="1"/>
  <c r="AC140635" i="1"/>
  <c r="AC140636" i="1"/>
  <c r="AC140637" i="1"/>
  <c r="AC140638" i="1"/>
  <c r="AC140639" i="1"/>
  <c r="AC140640" i="1"/>
  <c r="AC140641" i="1"/>
  <c r="AC140642" i="1"/>
  <c r="AC140643" i="1"/>
  <c r="AC140644" i="1"/>
  <c r="AC140645" i="1"/>
  <c r="AC140646" i="1"/>
  <c r="AC140647" i="1"/>
  <c r="AC140648" i="1"/>
  <c r="AC140649" i="1"/>
  <c r="AC140650" i="1"/>
  <c r="AC140651" i="1"/>
  <c r="AC140652" i="1"/>
  <c r="AC140653" i="1"/>
  <c r="AC140654" i="1"/>
  <c r="AC140655" i="1"/>
  <c r="AC140656" i="1"/>
  <c r="AC140657" i="1"/>
  <c r="AC140658" i="1"/>
  <c r="AC140659" i="1"/>
  <c r="AC140660" i="1"/>
  <c r="AC140661" i="1"/>
  <c r="AC140662" i="1"/>
  <c r="AC140663" i="1"/>
  <c r="AC140664" i="1"/>
  <c r="AC140665" i="1"/>
  <c r="AC140666" i="1"/>
  <c r="AC140667" i="1"/>
  <c r="AC140668" i="1"/>
  <c r="AC140669" i="1"/>
  <c r="AC140670" i="1"/>
  <c r="AC140671" i="1"/>
  <c r="AC140672" i="1"/>
  <c r="AC140673" i="1"/>
  <c r="AC140674" i="1"/>
  <c r="AC140675" i="1"/>
  <c r="AC140676" i="1"/>
  <c r="AC140677" i="1"/>
  <c r="AC140678" i="1"/>
  <c r="AC140679" i="1"/>
  <c r="AC140680" i="1"/>
  <c r="AC140681" i="1"/>
  <c r="AC140682" i="1"/>
  <c r="AC140683" i="1"/>
  <c r="AC140684" i="1"/>
  <c r="AC140685" i="1"/>
  <c r="AC140686" i="1"/>
  <c r="AC140687" i="1"/>
  <c r="AC140688" i="1"/>
  <c r="AC140689" i="1"/>
  <c r="AC140690" i="1"/>
  <c r="AC140691" i="1"/>
  <c r="AC140692" i="1"/>
  <c r="AC140693" i="1"/>
  <c r="AC140694" i="1"/>
  <c r="AC140695" i="1"/>
  <c r="AC140696" i="1"/>
  <c r="AC140697" i="1"/>
  <c r="AC140698" i="1"/>
  <c r="AC140699" i="1"/>
  <c r="AC140700" i="1"/>
  <c r="AC140701" i="1"/>
  <c r="AC140702" i="1"/>
  <c r="AC140703" i="1"/>
  <c r="AC140704" i="1"/>
  <c r="AC140705" i="1"/>
  <c r="AC140706" i="1"/>
  <c r="AC140707" i="1"/>
  <c r="AC140708" i="1"/>
  <c r="AC140709" i="1"/>
  <c r="AC140710" i="1"/>
  <c r="AC140711" i="1"/>
  <c r="AC140712" i="1"/>
  <c r="AC140713" i="1"/>
  <c r="AC140714" i="1"/>
  <c r="AC140715" i="1"/>
  <c r="AC140716" i="1"/>
  <c r="AC140717" i="1"/>
  <c r="AC140718" i="1"/>
  <c r="AC140719" i="1"/>
  <c r="AC140720" i="1"/>
  <c r="AC140721" i="1"/>
  <c r="AC140722" i="1"/>
  <c r="AC140723" i="1"/>
  <c r="AC140724" i="1"/>
  <c r="AC140725" i="1"/>
  <c r="AC140726" i="1"/>
  <c r="AC140727" i="1"/>
  <c r="AC140728" i="1"/>
  <c r="AC140729" i="1"/>
  <c r="AC140730" i="1"/>
  <c r="AC140731" i="1"/>
  <c r="AC140732" i="1"/>
  <c r="AC140733" i="1"/>
  <c r="AC140734" i="1"/>
  <c r="AC140735" i="1"/>
  <c r="AC140736" i="1"/>
  <c r="AC140737" i="1"/>
  <c r="AC140738" i="1"/>
  <c r="AC140739" i="1"/>
  <c r="AC140740" i="1"/>
  <c r="AC140741" i="1"/>
  <c r="AC140742" i="1"/>
  <c r="AC140743" i="1"/>
  <c r="AC140744" i="1"/>
  <c r="AC140745" i="1"/>
  <c r="AC140746" i="1"/>
  <c r="AC140747" i="1"/>
  <c r="AC140748" i="1"/>
  <c r="AC140749" i="1"/>
  <c r="AC140750" i="1"/>
  <c r="AC140751" i="1"/>
  <c r="AC140752" i="1"/>
  <c r="AC140753" i="1"/>
  <c r="AC140754" i="1"/>
  <c r="AC140755" i="1"/>
  <c r="AC140756" i="1"/>
  <c r="AC140757" i="1"/>
  <c r="AC140758" i="1"/>
  <c r="AC140759" i="1"/>
  <c r="AC140760" i="1"/>
  <c r="AC140761" i="1"/>
  <c r="AC140762" i="1"/>
  <c r="AC140763" i="1"/>
  <c r="AC140764" i="1"/>
  <c r="AC140765" i="1"/>
  <c r="AC140766" i="1"/>
  <c r="AC140767" i="1"/>
  <c r="AC140768" i="1"/>
  <c r="AC140769" i="1"/>
  <c r="AC140770" i="1"/>
  <c r="AC140771" i="1"/>
  <c r="AC140772" i="1"/>
  <c r="AC140773" i="1"/>
  <c r="AC140774" i="1"/>
  <c r="AC140775" i="1"/>
  <c r="AC140776" i="1"/>
  <c r="AC140777" i="1"/>
  <c r="AC140778" i="1"/>
  <c r="AC140779" i="1"/>
  <c r="AC140780" i="1"/>
  <c r="AC140781" i="1"/>
  <c r="AC140782" i="1"/>
  <c r="AC140783" i="1"/>
  <c r="AC140784" i="1"/>
  <c r="AC140785" i="1"/>
  <c r="AC140786" i="1"/>
  <c r="AC140787" i="1"/>
  <c r="AC140788" i="1"/>
  <c r="AC140789" i="1"/>
  <c r="AC140790" i="1"/>
  <c r="AC140791" i="1"/>
  <c r="AC140792" i="1"/>
  <c r="AC140793" i="1"/>
  <c r="AC140794" i="1"/>
  <c r="AC140795" i="1"/>
  <c r="AC140796" i="1"/>
  <c r="AC140797" i="1"/>
  <c r="AC140798" i="1"/>
  <c r="AC140799" i="1"/>
  <c r="AC140800" i="1"/>
  <c r="AC140801" i="1"/>
  <c r="AC140802" i="1"/>
  <c r="AC140803" i="1"/>
  <c r="AC140804" i="1"/>
  <c r="AC140805" i="1"/>
  <c r="AC140806" i="1"/>
  <c r="AC140807" i="1"/>
  <c r="AC140808" i="1"/>
  <c r="AC140809" i="1"/>
  <c r="AC140810" i="1"/>
  <c r="AC140811" i="1"/>
  <c r="AC140812" i="1"/>
  <c r="AC140813" i="1"/>
  <c r="AC140814" i="1"/>
  <c r="AC140815" i="1"/>
  <c r="AC140816" i="1"/>
  <c r="AC140817" i="1"/>
  <c r="AC140818" i="1"/>
  <c r="AC140819" i="1"/>
  <c r="AC140820" i="1"/>
  <c r="AC140821" i="1"/>
  <c r="AC140822" i="1"/>
  <c r="AC140823" i="1"/>
  <c r="AC140824" i="1"/>
  <c r="AC140825" i="1"/>
  <c r="AC140826" i="1"/>
  <c r="AC140827" i="1"/>
  <c r="AC140828" i="1"/>
  <c r="AC140829" i="1"/>
  <c r="AC140830" i="1"/>
  <c r="AC140831" i="1"/>
  <c r="AC140832" i="1"/>
  <c r="AC140833" i="1"/>
  <c r="AC140834" i="1"/>
  <c r="AC140835" i="1"/>
  <c r="AC140836" i="1"/>
  <c r="AC140837" i="1"/>
  <c r="AC140838" i="1"/>
  <c r="AC140839" i="1"/>
  <c r="AC140840" i="1"/>
  <c r="AC140841" i="1"/>
  <c r="AC140842" i="1"/>
  <c r="AC140843" i="1"/>
  <c r="AC140844" i="1"/>
  <c r="AC140845" i="1"/>
  <c r="AC140846" i="1"/>
  <c r="AC140847" i="1"/>
  <c r="AC140848" i="1"/>
  <c r="AC140849" i="1"/>
  <c r="AC140850" i="1"/>
  <c r="AC140851" i="1"/>
  <c r="AC140852" i="1"/>
  <c r="AC140853" i="1"/>
  <c r="AC140854" i="1"/>
  <c r="AC140855" i="1"/>
  <c r="AC140856" i="1"/>
  <c r="AC140857" i="1"/>
  <c r="AC140858" i="1"/>
  <c r="AC140859" i="1"/>
  <c r="AC140860" i="1"/>
  <c r="AC140861" i="1"/>
  <c r="AC140862" i="1"/>
  <c r="AC140863" i="1"/>
  <c r="AC140864" i="1"/>
  <c r="AC140865" i="1"/>
  <c r="AC140866" i="1"/>
  <c r="AC140867" i="1"/>
  <c r="AC140868" i="1"/>
  <c r="AC140869" i="1"/>
  <c r="AC140870" i="1"/>
  <c r="AC140871" i="1"/>
  <c r="AC140872" i="1"/>
  <c r="AC140873" i="1"/>
  <c r="AC140874" i="1"/>
  <c r="AC140875" i="1"/>
  <c r="AC140876" i="1"/>
  <c r="AC140877" i="1"/>
  <c r="AC140878" i="1"/>
  <c r="AC140879" i="1"/>
  <c r="AC140880" i="1"/>
  <c r="AC140881" i="1"/>
  <c r="AC140882" i="1"/>
  <c r="AC140883" i="1"/>
  <c r="AC140884" i="1"/>
  <c r="AC140885" i="1"/>
  <c r="AC140886" i="1"/>
  <c r="AC140887" i="1"/>
  <c r="AC140888" i="1"/>
  <c r="AC140889" i="1"/>
  <c r="AC140890" i="1"/>
  <c r="AC140891" i="1"/>
  <c r="AC140892" i="1"/>
  <c r="AC140893" i="1"/>
  <c r="AC140894" i="1"/>
  <c r="AC140895" i="1"/>
  <c r="AC140896" i="1"/>
  <c r="AC140897" i="1"/>
  <c r="AC140898" i="1"/>
  <c r="AC140899" i="1"/>
  <c r="AC140900" i="1"/>
  <c r="AC140901" i="1"/>
  <c r="AC140902" i="1"/>
  <c r="AC140903" i="1"/>
  <c r="AC140904" i="1"/>
  <c r="AC140905" i="1"/>
  <c r="AC140906" i="1"/>
  <c r="AC140907" i="1"/>
  <c r="AC140908" i="1"/>
  <c r="AC140909" i="1"/>
  <c r="AC140910" i="1"/>
  <c r="AC140911" i="1"/>
  <c r="AC140912" i="1"/>
  <c r="AC140913" i="1"/>
  <c r="AC140914" i="1"/>
  <c r="AC140915" i="1"/>
  <c r="AC140916" i="1"/>
  <c r="AC140917" i="1"/>
  <c r="AC140918" i="1"/>
  <c r="AC140919" i="1"/>
  <c r="AC140920" i="1"/>
  <c r="AC140921" i="1"/>
  <c r="AC140922" i="1"/>
  <c r="AC140923" i="1"/>
  <c r="AC140924" i="1"/>
  <c r="AC140925" i="1"/>
  <c r="AC140926" i="1"/>
  <c r="AC140927" i="1"/>
  <c r="AC140928" i="1"/>
  <c r="AC140929" i="1"/>
  <c r="AC140930" i="1"/>
  <c r="AC140931" i="1"/>
  <c r="AC140932" i="1"/>
  <c r="AC140933" i="1"/>
  <c r="AC140934" i="1"/>
  <c r="AC140935" i="1"/>
  <c r="AC140936" i="1"/>
  <c r="AC140937" i="1"/>
  <c r="AC140938" i="1"/>
  <c r="AC140939" i="1"/>
  <c r="AC140940" i="1"/>
  <c r="AC140941" i="1"/>
  <c r="AC140942" i="1"/>
  <c r="AC140943" i="1"/>
  <c r="AC140944" i="1"/>
  <c r="AC140945" i="1"/>
  <c r="AC140946" i="1"/>
  <c r="AC140947" i="1"/>
  <c r="AC140948" i="1"/>
  <c r="AC140949" i="1"/>
  <c r="AC140950" i="1"/>
  <c r="AC140951" i="1"/>
  <c r="AC140952" i="1"/>
  <c r="AC140953" i="1"/>
  <c r="AC140954" i="1"/>
  <c r="AC140955" i="1"/>
  <c r="AC140956" i="1"/>
  <c r="AC140957" i="1"/>
  <c r="AC140958" i="1"/>
  <c r="AC140959" i="1"/>
  <c r="AC140960" i="1"/>
  <c r="AC140961" i="1"/>
  <c r="AC140962" i="1"/>
  <c r="AC140963" i="1"/>
  <c r="AC140964" i="1"/>
  <c r="AC140965" i="1"/>
  <c r="AC140966" i="1"/>
  <c r="AC140967" i="1"/>
  <c r="AC140968" i="1"/>
  <c r="AC140969" i="1"/>
  <c r="AC140970" i="1"/>
  <c r="AC140971" i="1"/>
  <c r="AC140972" i="1"/>
  <c r="AC140973" i="1"/>
  <c r="AC140974" i="1"/>
  <c r="AC140975" i="1"/>
  <c r="AC140976" i="1"/>
  <c r="AC140977" i="1"/>
  <c r="AC140978" i="1"/>
  <c r="AC140979" i="1"/>
  <c r="AC140980" i="1"/>
  <c r="AC140981" i="1"/>
  <c r="AC140982" i="1"/>
  <c r="AC140983" i="1"/>
  <c r="AC140984" i="1"/>
  <c r="AC140985" i="1"/>
  <c r="AC140986" i="1"/>
  <c r="AC140987" i="1"/>
  <c r="AC140988" i="1"/>
  <c r="AC140989" i="1"/>
  <c r="AC140990" i="1"/>
  <c r="AC140991" i="1"/>
  <c r="AC140992" i="1"/>
  <c r="AC140993" i="1"/>
  <c r="AC140994" i="1"/>
  <c r="AC140995" i="1"/>
  <c r="AC140996" i="1"/>
  <c r="AC140997" i="1"/>
  <c r="AC140998" i="1"/>
  <c r="AC140999" i="1"/>
  <c r="AC141000" i="1"/>
  <c r="AC141001" i="1"/>
  <c r="AC141002" i="1"/>
  <c r="AC141003" i="1"/>
  <c r="AC141004" i="1"/>
  <c r="AC141005" i="1"/>
  <c r="AC141006" i="1"/>
  <c r="AC141007" i="1"/>
  <c r="AC141008" i="1"/>
  <c r="AC141009" i="1"/>
  <c r="AC141010" i="1"/>
  <c r="AC141011" i="1"/>
  <c r="AC141012" i="1"/>
  <c r="AC141013" i="1"/>
  <c r="AC141014" i="1"/>
  <c r="AC141015" i="1"/>
  <c r="AC141016" i="1"/>
  <c r="AC141017" i="1"/>
  <c r="AC141018" i="1"/>
  <c r="AC141019" i="1"/>
  <c r="AC141020" i="1"/>
  <c r="AC141021" i="1"/>
  <c r="AC141022" i="1"/>
  <c r="AC141023" i="1"/>
  <c r="AC141024" i="1"/>
  <c r="AC141025" i="1"/>
  <c r="AC141026" i="1"/>
  <c r="AC141027" i="1"/>
  <c r="AC141028" i="1"/>
  <c r="AC141029" i="1"/>
  <c r="AC141030" i="1"/>
  <c r="AC141031" i="1"/>
  <c r="AC141032" i="1"/>
  <c r="AC141033" i="1"/>
  <c r="AC141034" i="1"/>
  <c r="AC141035" i="1"/>
  <c r="AC141036" i="1"/>
  <c r="AC141037" i="1"/>
  <c r="AC141038" i="1"/>
  <c r="AC141039" i="1"/>
  <c r="AC141040" i="1"/>
  <c r="AC141041" i="1"/>
  <c r="AC141042" i="1"/>
  <c r="AC141043" i="1"/>
  <c r="AC141044" i="1"/>
  <c r="AC141045" i="1"/>
  <c r="AC141046" i="1"/>
  <c r="AC141047" i="1"/>
  <c r="AC141048" i="1"/>
  <c r="AC141049" i="1"/>
  <c r="AC141050" i="1"/>
  <c r="AC141051" i="1"/>
  <c r="AC141052" i="1"/>
  <c r="AC141053" i="1"/>
  <c r="AC141054" i="1"/>
  <c r="AC141055" i="1"/>
  <c r="AC141056" i="1"/>
  <c r="AC141057" i="1"/>
  <c r="AC141058" i="1"/>
  <c r="AC141059" i="1"/>
  <c r="AC141060" i="1"/>
  <c r="AC141061" i="1"/>
  <c r="AC141062" i="1"/>
  <c r="AC141063" i="1"/>
  <c r="AC141064" i="1"/>
  <c r="AC141065" i="1"/>
  <c r="AC141066" i="1"/>
  <c r="AC141067" i="1"/>
  <c r="AC141068" i="1"/>
  <c r="AC141069" i="1"/>
  <c r="AC141070" i="1"/>
  <c r="AC141071" i="1"/>
  <c r="AC141072" i="1"/>
  <c r="AC141073" i="1"/>
  <c r="AC141074" i="1"/>
  <c r="AC141075" i="1"/>
  <c r="AC141076" i="1"/>
  <c r="AC141077" i="1"/>
  <c r="AC141078" i="1"/>
  <c r="AC141079" i="1"/>
  <c r="AC141080" i="1"/>
  <c r="AC141081" i="1"/>
  <c r="AC141082" i="1"/>
  <c r="AC141083" i="1"/>
  <c r="AC141084" i="1"/>
  <c r="AC141085" i="1"/>
  <c r="AC141086" i="1"/>
  <c r="AC141087" i="1"/>
  <c r="AC141088" i="1"/>
  <c r="AC141089" i="1"/>
  <c r="AC141090" i="1"/>
  <c r="AC141091" i="1"/>
  <c r="AC141092" i="1"/>
  <c r="AC141093" i="1"/>
  <c r="AC141094" i="1"/>
  <c r="AC141095" i="1"/>
  <c r="AC141096" i="1"/>
  <c r="AC141097" i="1"/>
  <c r="AC141098" i="1"/>
  <c r="AC141099" i="1"/>
  <c r="AC141100" i="1"/>
  <c r="AC141101" i="1"/>
  <c r="AC141102" i="1"/>
  <c r="AC141103" i="1"/>
  <c r="AC141104" i="1"/>
  <c r="AC141105" i="1"/>
  <c r="AC141106" i="1"/>
  <c r="AC141107" i="1"/>
  <c r="AC141108" i="1"/>
  <c r="AC141109" i="1"/>
  <c r="AC141110" i="1"/>
  <c r="AC141111" i="1"/>
  <c r="AC141112" i="1"/>
  <c r="AC141113" i="1"/>
  <c r="AC141114" i="1"/>
  <c r="AC141115" i="1"/>
  <c r="AC141116" i="1"/>
  <c r="AC141117" i="1"/>
  <c r="AC141118" i="1"/>
  <c r="AC141119" i="1"/>
  <c r="AC141120" i="1"/>
  <c r="AC141121" i="1"/>
  <c r="AC141122" i="1"/>
  <c r="AC141123" i="1"/>
  <c r="AC141124" i="1"/>
  <c r="AC141125" i="1"/>
  <c r="AC141126" i="1"/>
  <c r="AC141127" i="1"/>
  <c r="AC141128" i="1"/>
  <c r="AC141129" i="1"/>
  <c r="AC141130" i="1"/>
  <c r="AC141131" i="1"/>
  <c r="AC141132" i="1"/>
  <c r="AC141133" i="1"/>
  <c r="AC141134" i="1"/>
  <c r="AC141135" i="1"/>
  <c r="AC141136" i="1"/>
  <c r="AC141137" i="1"/>
  <c r="AC141138" i="1"/>
  <c r="AC141139" i="1"/>
  <c r="AC141140" i="1"/>
  <c r="AC141141" i="1"/>
  <c r="AC141142" i="1"/>
  <c r="AC141143" i="1"/>
  <c r="AC141144" i="1"/>
  <c r="AC141145" i="1"/>
  <c r="AC141146" i="1"/>
  <c r="AC141147" i="1"/>
  <c r="AC141148" i="1"/>
  <c r="AC141149" i="1"/>
  <c r="AC141150" i="1"/>
  <c r="AC141151" i="1"/>
  <c r="AC141152" i="1"/>
  <c r="AC141153" i="1"/>
  <c r="AC141154" i="1"/>
  <c r="AC141155" i="1"/>
  <c r="AC141156" i="1"/>
  <c r="AC141157" i="1"/>
  <c r="AC141158" i="1"/>
  <c r="AC141159" i="1"/>
  <c r="AC141160" i="1"/>
  <c r="AC141161" i="1"/>
  <c r="AC141162" i="1"/>
  <c r="AC141163" i="1"/>
  <c r="AC141164" i="1"/>
  <c r="AC141165" i="1"/>
  <c r="AC141166" i="1"/>
  <c r="AC141167" i="1"/>
  <c r="AC141168" i="1"/>
  <c r="AC141169" i="1"/>
  <c r="AC141170" i="1"/>
  <c r="AC141171" i="1"/>
  <c r="AC141172" i="1"/>
  <c r="AC141173" i="1"/>
  <c r="AC141174" i="1"/>
  <c r="AC141175" i="1"/>
  <c r="AC141176" i="1"/>
  <c r="AC141177" i="1"/>
  <c r="AC141178" i="1"/>
  <c r="AC141179" i="1"/>
  <c r="AC141180" i="1"/>
  <c r="AC141181" i="1"/>
  <c r="AC141182" i="1"/>
  <c r="AC141183" i="1"/>
  <c r="AC141184" i="1"/>
  <c r="AC141185" i="1"/>
  <c r="AC141186" i="1"/>
  <c r="AC141187" i="1"/>
  <c r="AC141188" i="1"/>
  <c r="AC141189" i="1"/>
  <c r="AC141190" i="1"/>
  <c r="AC141191" i="1"/>
  <c r="AC141192" i="1"/>
  <c r="AC141193" i="1"/>
  <c r="AC141194" i="1"/>
  <c r="AC141195" i="1"/>
  <c r="AC141196" i="1"/>
  <c r="AC141197" i="1"/>
  <c r="AC141198" i="1"/>
  <c r="AC141199" i="1"/>
  <c r="AC141200" i="1"/>
  <c r="AC141201" i="1"/>
  <c r="AC141202" i="1"/>
  <c r="AC141203" i="1"/>
  <c r="AC141204" i="1"/>
  <c r="AC141205" i="1"/>
  <c r="AC141206" i="1"/>
  <c r="AC141207" i="1"/>
  <c r="AC141208" i="1"/>
  <c r="AC141209" i="1"/>
  <c r="AC141210" i="1"/>
  <c r="AC141211" i="1"/>
  <c r="AC141212" i="1"/>
  <c r="AC141213" i="1"/>
  <c r="AC141214" i="1"/>
  <c r="AC141215" i="1"/>
  <c r="AC141216" i="1"/>
  <c r="AC141217" i="1"/>
  <c r="AC141218" i="1"/>
  <c r="AC141219" i="1"/>
  <c r="AC141220" i="1"/>
  <c r="AC141221" i="1"/>
  <c r="AC141222" i="1"/>
  <c r="AC141223" i="1"/>
  <c r="AC141224" i="1"/>
  <c r="AC141225" i="1"/>
  <c r="AC141226" i="1"/>
  <c r="AC141227" i="1"/>
  <c r="AC141228" i="1"/>
  <c r="AC141229" i="1"/>
  <c r="AC141230" i="1"/>
  <c r="AC141231" i="1"/>
  <c r="AC141232" i="1"/>
  <c r="AC141233" i="1"/>
  <c r="AC141234" i="1"/>
  <c r="AC141235" i="1"/>
  <c r="AC141236" i="1"/>
  <c r="AC141237" i="1"/>
  <c r="AC141238" i="1"/>
  <c r="AC141239" i="1"/>
  <c r="AC141240" i="1"/>
  <c r="AC141241" i="1"/>
  <c r="AC141242" i="1"/>
  <c r="AC141243" i="1"/>
  <c r="AC141244" i="1"/>
  <c r="AC141245" i="1"/>
  <c r="AC141246" i="1"/>
  <c r="AC141247" i="1"/>
  <c r="AC141248" i="1"/>
  <c r="AC141249" i="1"/>
  <c r="AC141250" i="1"/>
  <c r="AC141251" i="1"/>
  <c r="AC141252" i="1"/>
  <c r="AC141253" i="1"/>
  <c r="AC141254" i="1"/>
  <c r="AC141255" i="1"/>
  <c r="AC141256" i="1"/>
  <c r="AC141257" i="1"/>
  <c r="AC141258" i="1"/>
  <c r="AC141259" i="1"/>
  <c r="AC141260" i="1"/>
  <c r="AC141261" i="1"/>
  <c r="AC141262" i="1"/>
  <c r="AC141263" i="1"/>
  <c r="AC141264" i="1"/>
  <c r="AC141265" i="1"/>
  <c r="AC141266" i="1"/>
  <c r="AC141267" i="1"/>
  <c r="AC141268" i="1"/>
  <c r="AC141269" i="1"/>
  <c r="AC141270" i="1"/>
  <c r="AC141271" i="1"/>
  <c r="AC141272" i="1"/>
  <c r="AC141273" i="1"/>
  <c r="AC141274" i="1"/>
  <c r="AC141275" i="1"/>
  <c r="AC141276" i="1"/>
  <c r="AC141277" i="1"/>
  <c r="AC141278" i="1"/>
  <c r="AC141279" i="1"/>
  <c r="AC141280" i="1"/>
  <c r="AC141281" i="1"/>
  <c r="AC141282" i="1"/>
  <c r="AC141283" i="1"/>
  <c r="AC141284" i="1"/>
  <c r="AC141285" i="1"/>
  <c r="AC141286" i="1"/>
  <c r="AC141287" i="1"/>
  <c r="AC141288" i="1"/>
  <c r="AC141289" i="1"/>
  <c r="AC141290" i="1"/>
  <c r="AC141291" i="1"/>
  <c r="AC141292" i="1"/>
  <c r="AC141293" i="1"/>
  <c r="AC141294" i="1"/>
  <c r="AC141295" i="1"/>
  <c r="AC141296" i="1"/>
  <c r="AC141297" i="1"/>
  <c r="AC141298" i="1"/>
  <c r="AC141299" i="1"/>
  <c r="AC141300" i="1"/>
  <c r="AC141301" i="1"/>
  <c r="AC141302" i="1"/>
  <c r="AC141303" i="1"/>
  <c r="AC141304" i="1"/>
  <c r="AC141305" i="1"/>
  <c r="AC141306" i="1"/>
  <c r="AC141307" i="1"/>
  <c r="AC141308" i="1"/>
  <c r="AC141309" i="1"/>
  <c r="AC141310" i="1"/>
  <c r="AC141311" i="1"/>
  <c r="AC141312" i="1"/>
  <c r="AC141313" i="1"/>
  <c r="AC141314" i="1"/>
  <c r="AC141315" i="1"/>
  <c r="AC141316" i="1"/>
  <c r="AC141317" i="1"/>
  <c r="AC141318" i="1"/>
  <c r="AC141319" i="1"/>
  <c r="AC141320" i="1"/>
  <c r="AC141321" i="1"/>
  <c r="AC141322" i="1"/>
  <c r="AC141323" i="1"/>
  <c r="AC141324" i="1"/>
  <c r="AC141325" i="1"/>
  <c r="AC141326" i="1"/>
  <c r="AC141327" i="1"/>
  <c r="AC141328" i="1"/>
  <c r="AC141329" i="1"/>
  <c r="AC141330" i="1"/>
  <c r="AC141331" i="1"/>
  <c r="AC141332" i="1"/>
  <c r="AC141333" i="1"/>
  <c r="AC141334" i="1"/>
  <c r="AC141335" i="1"/>
  <c r="AC141336" i="1"/>
  <c r="AC141337" i="1"/>
  <c r="AC141338" i="1"/>
  <c r="AC141339" i="1"/>
  <c r="AC141340" i="1"/>
  <c r="AC141341" i="1"/>
  <c r="AC141342" i="1"/>
  <c r="AC141343" i="1"/>
  <c r="AC141344" i="1"/>
  <c r="AC141345" i="1"/>
  <c r="AC141346" i="1"/>
  <c r="AC141347" i="1"/>
  <c r="AC141348" i="1"/>
  <c r="AC141349" i="1"/>
  <c r="AC141350" i="1"/>
  <c r="AC141351" i="1"/>
  <c r="AC141352" i="1"/>
  <c r="AC141353" i="1"/>
  <c r="AC141354" i="1"/>
  <c r="AC141355" i="1"/>
  <c r="AC141356" i="1"/>
  <c r="AC141357" i="1"/>
  <c r="AC141358" i="1"/>
  <c r="AC141359" i="1"/>
  <c r="AC141360" i="1"/>
  <c r="AC141361" i="1"/>
  <c r="AC141362" i="1"/>
  <c r="AC141363" i="1"/>
  <c r="AC141364" i="1"/>
  <c r="AC141365" i="1"/>
  <c r="AC141366" i="1"/>
  <c r="AC141367" i="1"/>
  <c r="AC141368" i="1"/>
  <c r="AC141369" i="1"/>
  <c r="AC141370" i="1"/>
  <c r="AC141371" i="1"/>
  <c r="AC141372" i="1"/>
  <c r="AC141373" i="1"/>
  <c r="AC141374" i="1"/>
  <c r="AC141375" i="1"/>
  <c r="AC141376" i="1"/>
  <c r="AC141377" i="1"/>
  <c r="AC141378" i="1"/>
  <c r="AC141379" i="1"/>
  <c r="AC141380" i="1"/>
  <c r="AC141381" i="1"/>
  <c r="AC141382" i="1"/>
  <c r="AC141383" i="1"/>
  <c r="AC141384" i="1"/>
  <c r="AC141385" i="1"/>
  <c r="AC141386" i="1"/>
  <c r="AC141387" i="1"/>
  <c r="AC141388" i="1"/>
  <c r="AC141389" i="1"/>
  <c r="AC141390" i="1"/>
  <c r="AC141391" i="1"/>
  <c r="AC141392" i="1"/>
  <c r="AC141393" i="1"/>
  <c r="AC141394" i="1"/>
  <c r="AC141395" i="1"/>
  <c r="AC141396" i="1"/>
  <c r="AC141397" i="1"/>
  <c r="AC141398" i="1"/>
  <c r="AC141399" i="1"/>
  <c r="AC141400" i="1"/>
  <c r="AC141401" i="1"/>
  <c r="AC141402" i="1"/>
  <c r="AC141403" i="1"/>
  <c r="AC141404" i="1"/>
  <c r="AC141405" i="1"/>
  <c r="AC141406" i="1"/>
  <c r="AC141407" i="1"/>
  <c r="AC141408" i="1"/>
  <c r="AC141409" i="1"/>
  <c r="AC141410" i="1"/>
  <c r="AC141411" i="1"/>
  <c r="AC141412" i="1"/>
  <c r="AC141413" i="1"/>
  <c r="AC141414" i="1"/>
  <c r="AC141415" i="1"/>
  <c r="AC141416" i="1"/>
  <c r="AC141417" i="1"/>
  <c r="AC141418" i="1"/>
  <c r="AC141419" i="1"/>
  <c r="AC141420" i="1"/>
  <c r="AC141421" i="1"/>
  <c r="AC141422" i="1"/>
  <c r="AC141423" i="1"/>
  <c r="AC141424" i="1"/>
  <c r="AC141425" i="1"/>
  <c r="AC141426" i="1"/>
  <c r="AC141427" i="1"/>
  <c r="AC141428" i="1"/>
  <c r="AC141429" i="1"/>
  <c r="AC141430" i="1"/>
  <c r="AC141431" i="1"/>
  <c r="AC141432" i="1"/>
  <c r="AC141433" i="1"/>
  <c r="AC141434" i="1"/>
  <c r="AC141435" i="1"/>
  <c r="AC141436" i="1"/>
  <c r="AC141437" i="1"/>
  <c r="AC141438" i="1"/>
  <c r="AC141439" i="1"/>
  <c r="AC141440" i="1"/>
  <c r="AC141441" i="1"/>
  <c r="AC141442" i="1"/>
  <c r="AC141443" i="1"/>
  <c r="AC141444" i="1"/>
  <c r="AC141445" i="1"/>
  <c r="AC141446" i="1"/>
  <c r="AC141447" i="1"/>
  <c r="AC141448" i="1"/>
  <c r="AC141449" i="1"/>
  <c r="AC141450" i="1"/>
  <c r="AC141451" i="1"/>
  <c r="AC141452" i="1"/>
  <c r="AC141453" i="1"/>
  <c r="AC141454" i="1"/>
  <c r="AC141455" i="1"/>
  <c r="AC141456" i="1"/>
  <c r="AC141457" i="1"/>
  <c r="AC141458" i="1"/>
  <c r="AC141459" i="1"/>
  <c r="AC141460" i="1"/>
  <c r="AC141461" i="1"/>
  <c r="AC141462" i="1"/>
  <c r="AC141463" i="1"/>
  <c r="AC141464" i="1"/>
  <c r="AC141465" i="1"/>
  <c r="AC141466" i="1"/>
  <c r="AC141467" i="1"/>
  <c r="AC141468" i="1"/>
  <c r="AC141469" i="1"/>
  <c r="AC141470" i="1"/>
  <c r="AC141471" i="1"/>
  <c r="AC141472" i="1"/>
  <c r="AC141473" i="1"/>
  <c r="AC141474" i="1"/>
  <c r="AC141475" i="1"/>
  <c r="AC141476" i="1"/>
  <c r="AC141477" i="1"/>
  <c r="AC141478" i="1"/>
  <c r="AC141479" i="1"/>
  <c r="AC141480" i="1"/>
  <c r="AC141481" i="1"/>
  <c r="AC141482" i="1"/>
  <c r="AC141483" i="1"/>
  <c r="AC141484" i="1"/>
  <c r="AC141485" i="1"/>
  <c r="AC141486" i="1"/>
  <c r="AC141487" i="1"/>
  <c r="AC141488" i="1"/>
  <c r="AC141489" i="1"/>
  <c r="AC141490" i="1"/>
  <c r="AC141491" i="1"/>
  <c r="AC141492" i="1"/>
  <c r="AC141493" i="1"/>
  <c r="AC141494" i="1"/>
  <c r="AC141495" i="1"/>
  <c r="AC141496" i="1"/>
  <c r="AC141497" i="1"/>
  <c r="AC141498" i="1"/>
  <c r="AC141499" i="1"/>
  <c r="AC141500" i="1"/>
  <c r="AC141501" i="1"/>
  <c r="AC141502" i="1"/>
  <c r="AC141503" i="1"/>
  <c r="AC141504" i="1"/>
  <c r="AC141505" i="1"/>
  <c r="AC141506" i="1"/>
  <c r="AC141507" i="1"/>
  <c r="AC141508" i="1"/>
  <c r="AC141509" i="1"/>
  <c r="AC141510" i="1"/>
  <c r="AC141511" i="1"/>
  <c r="AC141512" i="1"/>
  <c r="AC141513" i="1"/>
  <c r="AC141514" i="1"/>
  <c r="AC141515" i="1"/>
  <c r="AC141516" i="1"/>
  <c r="AC141517" i="1"/>
  <c r="AC141518" i="1"/>
  <c r="AC141519" i="1"/>
  <c r="AC141520" i="1"/>
  <c r="AC141521" i="1"/>
  <c r="AC141522" i="1"/>
  <c r="AC141523" i="1"/>
  <c r="AC141524" i="1"/>
  <c r="AC141525" i="1"/>
  <c r="AC141526" i="1"/>
  <c r="AC141527" i="1"/>
  <c r="AC141528" i="1"/>
  <c r="AC141529" i="1"/>
  <c r="AC141530" i="1"/>
  <c r="AC141531" i="1"/>
  <c r="AC141532" i="1"/>
  <c r="AC141533" i="1"/>
  <c r="AC141534" i="1"/>
  <c r="AC141535" i="1"/>
  <c r="AC141536" i="1"/>
  <c r="AC141537" i="1"/>
  <c r="AC141538" i="1"/>
  <c r="AC141539" i="1"/>
  <c r="AC141540" i="1"/>
  <c r="AC141541" i="1"/>
  <c r="AC141542" i="1"/>
  <c r="AC141543" i="1"/>
  <c r="AC141544" i="1"/>
  <c r="AC141545" i="1"/>
  <c r="AC141546" i="1"/>
  <c r="AC141547" i="1"/>
  <c r="AC141548" i="1"/>
  <c r="AC141549" i="1"/>
  <c r="AC141550" i="1"/>
  <c r="AC141551" i="1"/>
  <c r="AC141552" i="1"/>
  <c r="AC141553" i="1"/>
  <c r="AC141554" i="1"/>
  <c r="AC141555" i="1"/>
  <c r="AC141556" i="1"/>
  <c r="AC141557" i="1"/>
  <c r="AC141558" i="1"/>
  <c r="AC141559" i="1"/>
  <c r="AC141560" i="1"/>
  <c r="AC141561" i="1"/>
  <c r="AC141562" i="1"/>
  <c r="AC141563" i="1"/>
  <c r="AC141564" i="1"/>
  <c r="AC141565" i="1"/>
  <c r="AC141566" i="1"/>
  <c r="AC141567" i="1"/>
  <c r="AC141568" i="1"/>
  <c r="AC141569" i="1"/>
  <c r="AC141570" i="1"/>
  <c r="AC141571" i="1"/>
  <c r="AC141572" i="1"/>
  <c r="AC141573" i="1"/>
  <c r="AC141574" i="1"/>
  <c r="AC141575" i="1"/>
  <c r="AC141576" i="1"/>
  <c r="AC141577" i="1"/>
  <c r="AC141578" i="1"/>
  <c r="AC141579" i="1"/>
  <c r="AC141580" i="1"/>
  <c r="AC141581" i="1"/>
  <c r="AC141582" i="1"/>
  <c r="AC141583" i="1"/>
  <c r="AC141584" i="1"/>
  <c r="AC141585" i="1"/>
  <c r="AC141586" i="1"/>
  <c r="AC141587" i="1"/>
  <c r="AC141588" i="1"/>
  <c r="AC141589" i="1"/>
  <c r="AC141590" i="1"/>
  <c r="AC141591" i="1"/>
  <c r="AC141592" i="1"/>
  <c r="AC141593" i="1"/>
  <c r="AC141594" i="1"/>
  <c r="AC141595" i="1"/>
  <c r="AC141596" i="1"/>
  <c r="AC141597" i="1"/>
  <c r="AC141598" i="1"/>
  <c r="AC141599" i="1"/>
  <c r="AC141600" i="1"/>
  <c r="AC141601" i="1"/>
  <c r="AC141602" i="1"/>
  <c r="AC141603" i="1"/>
  <c r="AC141604" i="1"/>
  <c r="AC141605" i="1"/>
  <c r="AC141606" i="1"/>
  <c r="AC141607" i="1"/>
  <c r="AC141608" i="1"/>
  <c r="AC141609" i="1"/>
  <c r="AC141610" i="1"/>
  <c r="AC141611" i="1"/>
  <c r="AC141612" i="1"/>
  <c r="AC141613" i="1"/>
  <c r="AC141614" i="1"/>
  <c r="AC141615" i="1"/>
  <c r="AC141616" i="1"/>
  <c r="AC141617" i="1"/>
  <c r="AC141618" i="1"/>
  <c r="AC141619" i="1"/>
  <c r="AC141620" i="1"/>
  <c r="AC141621" i="1"/>
  <c r="AC141622" i="1"/>
  <c r="AC141623" i="1"/>
  <c r="AC141624" i="1"/>
  <c r="AC141625" i="1"/>
  <c r="AC141626" i="1"/>
  <c r="AC141627" i="1"/>
  <c r="AC141628" i="1"/>
  <c r="AC141629" i="1"/>
  <c r="AC141630" i="1"/>
  <c r="AC141631" i="1"/>
  <c r="AC141632" i="1"/>
  <c r="AC141633" i="1"/>
  <c r="AC141634" i="1"/>
  <c r="AC141635" i="1"/>
  <c r="AC141636" i="1"/>
  <c r="AC141637" i="1"/>
  <c r="AC141638" i="1"/>
  <c r="AC141639" i="1"/>
  <c r="AC141640" i="1"/>
  <c r="AC141641" i="1"/>
  <c r="AC141642" i="1"/>
  <c r="AC141643" i="1"/>
  <c r="AC141644" i="1"/>
  <c r="AC141645" i="1"/>
  <c r="AC141646" i="1"/>
  <c r="AC141647" i="1"/>
  <c r="AC141648" i="1"/>
  <c r="AC141649" i="1"/>
  <c r="AC141650" i="1"/>
  <c r="AC141651" i="1"/>
  <c r="AC141652" i="1"/>
  <c r="AC141653" i="1"/>
  <c r="AC141654" i="1"/>
  <c r="AC141655" i="1"/>
  <c r="AC141656" i="1"/>
  <c r="AC141657" i="1"/>
  <c r="AC141658" i="1"/>
  <c r="AC141659" i="1"/>
  <c r="AC141660" i="1"/>
  <c r="AC141661" i="1"/>
  <c r="AC141662" i="1"/>
  <c r="AC141663" i="1"/>
  <c r="AC141664" i="1"/>
  <c r="AC141665" i="1"/>
  <c r="AC141666" i="1"/>
  <c r="AC141667" i="1"/>
  <c r="AC141668" i="1"/>
  <c r="AC141669" i="1"/>
  <c r="AC141670" i="1"/>
  <c r="AC141671" i="1"/>
  <c r="AC141672" i="1"/>
  <c r="AC141673" i="1"/>
  <c r="AC141674" i="1"/>
  <c r="AC141675" i="1"/>
  <c r="AC141676" i="1"/>
  <c r="AC141677" i="1"/>
  <c r="AC141678" i="1"/>
  <c r="AC141679" i="1"/>
  <c r="AC141680" i="1"/>
  <c r="AC141681" i="1"/>
  <c r="AC141682" i="1"/>
  <c r="AC141683" i="1"/>
  <c r="AC141684" i="1"/>
  <c r="AC141685" i="1"/>
  <c r="AC141686" i="1"/>
  <c r="AC141687" i="1"/>
  <c r="AC141688" i="1"/>
  <c r="AC141689" i="1"/>
  <c r="AC141690" i="1"/>
  <c r="AC141691" i="1"/>
  <c r="AC141692" i="1"/>
  <c r="AC141693" i="1"/>
  <c r="AC141694" i="1"/>
  <c r="AC141695" i="1"/>
  <c r="AC141696" i="1"/>
  <c r="AC141697" i="1"/>
  <c r="AC141698" i="1"/>
  <c r="AC141699" i="1"/>
  <c r="AC141700" i="1"/>
  <c r="AC141701" i="1"/>
  <c r="AC141702" i="1"/>
  <c r="AC141703" i="1"/>
  <c r="AC141704" i="1"/>
  <c r="AC141705" i="1"/>
  <c r="AC141706" i="1"/>
  <c r="AC141707" i="1"/>
  <c r="AC141708" i="1"/>
  <c r="AC141709" i="1"/>
  <c r="AC141710" i="1"/>
  <c r="AC141711" i="1"/>
  <c r="AC141712" i="1"/>
  <c r="AC141713" i="1"/>
  <c r="AC141714" i="1"/>
  <c r="AC141715" i="1"/>
  <c r="AC141716" i="1"/>
  <c r="AC141717" i="1"/>
  <c r="AC141718" i="1"/>
  <c r="AC141719" i="1"/>
  <c r="AC141720" i="1"/>
  <c r="AC141721" i="1"/>
  <c r="AC141722" i="1"/>
  <c r="AC141723" i="1"/>
  <c r="AC141724" i="1"/>
  <c r="AC141725" i="1"/>
  <c r="AC141726" i="1"/>
  <c r="AC141727" i="1"/>
  <c r="AC141728" i="1"/>
  <c r="AC141729" i="1"/>
  <c r="AC141730" i="1"/>
  <c r="AC141731" i="1"/>
  <c r="AC141732" i="1"/>
  <c r="AC141733" i="1"/>
  <c r="AC141734" i="1"/>
  <c r="AC141735" i="1"/>
  <c r="AC141736" i="1"/>
  <c r="AC141737" i="1"/>
  <c r="AC141738" i="1"/>
  <c r="AC141739" i="1"/>
  <c r="AC141740" i="1"/>
  <c r="AC141741" i="1"/>
  <c r="AC141742" i="1"/>
  <c r="AC141743" i="1"/>
  <c r="AC141744" i="1"/>
  <c r="AC141745" i="1"/>
  <c r="AC141746" i="1"/>
  <c r="AC141747" i="1"/>
  <c r="AC141748" i="1"/>
  <c r="AC141749" i="1"/>
  <c r="AC141750" i="1"/>
  <c r="AC141751" i="1"/>
  <c r="AC141752" i="1"/>
  <c r="AC141753" i="1"/>
  <c r="AC141754" i="1"/>
  <c r="AC141755" i="1"/>
  <c r="AC141756" i="1"/>
  <c r="AC141757" i="1"/>
  <c r="AC141758" i="1"/>
  <c r="AC141759" i="1"/>
  <c r="AC141760" i="1"/>
  <c r="AC141761" i="1"/>
  <c r="AC141762" i="1"/>
  <c r="AC141763" i="1"/>
  <c r="AC141764" i="1"/>
  <c r="AC141765" i="1"/>
  <c r="AC141766" i="1"/>
  <c r="AC141767" i="1"/>
  <c r="AC141768" i="1"/>
  <c r="AC141769" i="1"/>
  <c r="AC141770" i="1"/>
  <c r="AC141771" i="1"/>
  <c r="AC141772" i="1"/>
  <c r="AC141773" i="1"/>
  <c r="AC141774" i="1"/>
  <c r="AC141775" i="1"/>
  <c r="AC141776" i="1"/>
  <c r="AC141777" i="1"/>
  <c r="AC141778" i="1"/>
  <c r="AC141779" i="1"/>
  <c r="AC141780" i="1"/>
  <c r="AC141781" i="1"/>
  <c r="AC141782" i="1"/>
  <c r="AC141783" i="1"/>
  <c r="AC141784" i="1"/>
  <c r="AC141785" i="1"/>
  <c r="AC141786" i="1"/>
  <c r="AC141787" i="1"/>
  <c r="AC141788" i="1"/>
  <c r="AC141789" i="1"/>
  <c r="AC141790" i="1"/>
  <c r="AC141791" i="1"/>
  <c r="AC141792" i="1"/>
  <c r="AC141793" i="1"/>
  <c r="AC141794" i="1"/>
  <c r="AC141795" i="1"/>
  <c r="AC141796" i="1"/>
  <c r="AC141797" i="1"/>
  <c r="AC141798" i="1"/>
  <c r="AC141799" i="1"/>
  <c r="AC141800" i="1"/>
  <c r="AC141801" i="1"/>
  <c r="AC141802" i="1"/>
  <c r="AC141803" i="1"/>
  <c r="AC141804" i="1"/>
  <c r="AC141805" i="1"/>
  <c r="AC141806" i="1"/>
  <c r="AC141807" i="1"/>
  <c r="AC141808" i="1"/>
  <c r="AC141809" i="1"/>
  <c r="AC141810" i="1"/>
  <c r="AC141811" i="1"/>
  <c r="AC141812" i="1"/>
  <c r="AC141813" i="1"/>
  <c r="AC141814" i="1"/>
  <c r="AC141815" i="1"/>
  <c r="AC141816" i="1"/>
  <c r="AC141817" i="1"/>
  <c r="AC141818" i="1"/>
  <c r="AC141819" i="1"/>
  <c r="AC141820" i="1"/>
  <c r="AC141821" i="1"/>
  <c r="AC141822" i="1"/>
  <c r="AC141823" i="1"/>
  <c r="AC141824" i="1"/>
  <c r="AC141825" i="1"/>
  <c r="AC141826" i="1"/>
  <c r="AC141827" i="1"/>
  <c r="AC141828" i="1"/>
  <c r="AC141829" i="1"/>
  <c r="AC141830" i="1"/>
  <c r="AC141831" i="1"/>
  <c r="AC141832" i="1"/>
  <c r="AC141833" i="1"/>
  <c r="AC141834" i="1"/>
  <c r="AC141835" i="1"/>
  <c r="AC141836" i="1"/>
  <c r="AC141837" i="1"/>
  <c r="AC141838" i="1"/>
  <c r="AC141839" i="1"/>
  <c r="AC141840" i="1"/>
  <c r="AC141841" i="1"/>
  <c r="AC141842" i="1"/>
  <c r="AC141843" i="1"/>
  <c r="AC141844" i="1"/>
  <c r="AC141845" i="1"/>
  <c r="AC141846" i="1"/>
  <c r="AC141847" i="1"/>
  <c r="AC141848" i="1"/>
  <c r="AC141849" i="1"/>
  <c r="AC141850" i="1"/>
  <c r="AC141851" i="1"/>
  <c r="AC141852" i="1"/>
  <c r="AC141853" i="1"/>
  <c r="AC141854" i="1"/>
  <c r="AC141855" i="1"/>
  <c r="AC141856" i="1"/>
  <c r="AC141857" i="1"/>
  <c r="AC141858" i="1"/>
  <c r="AC141859" i="1"/>
  <c r="AC141860" i="1"/>
  <c r="AC141861" i="1"/>
  <c r="AC141862" i="1"/>
  <c r="AC141863" i="1"/>
  <c r="AC141864" i="1"/>
  <c r="AC141865" i="1"/>
  <c r="AC141866" i="1"/>
  <c r="AC141867" i="1"/>
  <c r="AC141868" i="1"/>
  <c r="AC141869" i="1"/>
  <c r="AC141870" i="1"/>
  <c r="AC141871" i="1"/>
  <c r="AC141872" i="1"/>
  <c r="AC141873" i="1"/>
  <c r="AC141874" i="1"/>
  <c r="AC141875" i="1"/>
  <c r="AC141876" i="1"/>
  <c r="AC141877" i="1"/>
  <c r="AC141878" i="1"/>
  <c r="AC141879" i="1"/>
  <c r="AC141880" i="1"/>
  <c r="AC141881" i="1"/>
  <c r="AC141882" i="1"/>
  <c r="AC141883" i="1"/>
  <c r="AC141884" i="1"/>
  <c r="AC141885" i="1"/>
  <c r="AC141886" i="1"/>
  <c r="AC141887" i="1"/>
  <c r="AC141888" i="1"/>
  <c r="AC141889" i="1"/>
  <c r="AC141890" i="1"/>
  <c r="AC141891" i="1"/>
  <c r="AC141892" i="1"/>
  <c r="AC141893" i="1"/>
  <c r="AC141894" i="1"/>
  <c r="AC141895" i="1"/>
  <c r="AC141896" i="1"/>
  <c r="AC141897" i="1"/>
  <c r="AC141898" i="1"/>
  <c r="AC141899" i="1"/>
  <c r="AC141900" i="1"/>
  <c r="AC141901" i="1"/>
  <c r="AC141902" i="1"/>
  <c r="AC141903" i="1"/>
  <c r="AC141904" i="1"/>
  <c r="AC141905" i="1"/>
  <c r="AC141906" i="1"/>
  <c r="AC141907" i="1"/>
  <c r="AC141908" i="1"/>
  <c r="AC141909" i="1"/>
  <c r="AC141910" i="1"/>
  <c r="AC141911" i="1"/>
  <c r="AC141912" i="1"/>
  <c r="AC141913" i="1"/>
  <c r="AC141914" i="1"/>
  <c r="AC141915" i="1"/>
  <c r="AC141916" i="1"/>
  <c r="AC141917" i="1"/>
  <c r="AC141918" i="1"/>
  <c r="AC141919" i="1"/>
  <c r="AC141920" i="1"/>
  <c r="AC141921" i="1"/>
  <c r="AC141922" i="1"/>
  <c r="AC141923" i="1"/>
  <c r="AC141924" i="1"/>
  <c r="AC141925" i="1"/>
  <c r="AC141926" i="1"/>
  <c r="AC141927" i="1"/>
  <c r="AC141928" i="1"/>
  <c r="AC141929" i="1"/>
  <c r="AC141930" i="1"/>
  <c r="AC141931" i="1"/>
  <c r="AC141932" i="1"/>
  <c r="AC141933" i="1"/>
  <c r="AC141934" i="1"/>
  <c r="AC141935" i="1"/>
  <c r="AC141936" i="1"/>
  <c r="AC141937" i="1"/>
  <c r="AC141938" i="1"/>
  <c r="AC141939" i="1"/>
  <c r="AC141940" i="1"/>
  <c r="AC141941" i="1"/>
  <c r="AC141942" i="1"/>
  <c r="AC141943" i="1"/>
  <c r="AC141944" i="1"/>
  <c r="AC141945" i="1"/>
  <c r="AC141946" i="1"/>
  <c r="AC141947" i="1"/>
  <c r="AC141948" i="1"/>
  <c r="AC141949" i="1"/>
  <c r="AC141950" i="1"/>
  <c r="AC141951" i="1"/>
  <c r="AC141952" i="1"/>
  <c r="AC141953" i="1"/>
  <c r="AC141954" i="1"/>
  <c r="AC141955" i="1"/>
  <c r="AC141956" i="1"/>
  <c r="AC141957" i="1"/>
  <c r="AC141958" i="1"/>
  <c r="AC141959" i="1"/>
  <c r="AC141960" i="1"/>
  <c r="AC141961" i="1"/>
  <c r="AC141962" i="1"/>
  <c r="AC141963" i="1"/>
  <c r="AC141964" i="1"/>
  <c r="AC141965" i="1"/>
  <c r="AC141966" i="1"/>
  <c r="AC141967" i="1"/>
  <c r="AC141968" i="1"/>
  <c r="AC141969" i="1"/>
  <c r="AC141970" i="1"/>
  <c r="AC141971" i="1"/>
  <c r="AC141972" i="1"/>
  <c r="AC141973" i="1"/>
  <c r="AC141974" i="1"/>
  <c r="AC141975" i="1"/>
  <c r="AC141976" i="1"/>
  <c r="AC141977" i="1"/>
  <c r="AC141978" i="1"/>
  <c r="AC141979" i="1"/>
  <c r="AC141980" i="1"/>
  <c r="AC141981" i="1"/>
  <c r="AC141982" i="1"/>
  <c r="AC141983" i="1"/>
  <c r="AC141984" i="1"/>
  <c r="AC141985" i="1"/>
  <c r="AC141986" i="1"/>
  <c r="AC141987" i="1"/>
  <c r="AC141988" i="1"/>
  <c r="AC141989" i="1"/>
  <c r="AC141990" i="1"/>
  <c r="AC141991" i="1"/>
  <c r="AC141992" i="1"/>
  <c r="AC141993" i="1"/>
  <c r="AC141994" i="1"/>
  <c r="AC141995" i="1"/>
  <c r="AC141996" i="1"/>
  <c r="AC141997" i="1"/>
  <c r="AC141998" i="1"/>
  <c r="AC141999" i="1"/>
  <c r="AC142000" i="1"/>
  <c r="AC142001" i="1"/>
  <c r="AC142002" i="1"/>
  <c r="AC142003" i="1"/>
  <c r="AC142004" i="1"/>
  <c r="AC142005" i="1"/>
  <c r="AC142006" i="1"/>
  <c r="AC142007" i="1"/>
  <c r="AC142008" i="1"/>
  <c r="AC142009" i="1"/>
  <c r="AC142010" i="1"/>
  <c r="AC142011" i="1"/>
  <c r="AC142012" i="1"/>
  <c r="AC142013" i="1"/>
  <c r="AC142014" i="1"/>
  <c r="AC142015" i="1"/>
  <c r="AC142016" i="1"/>
  <c r="AC142017" i="1"/>
  <c r="AC142018" i="1"/>
  <c r="AC142019" i="1"/>
  <c r="AC142020" i="1"/>
  <c r="AC142021" i="1"/>
  <c r="AC142022" i="1"/>
  <c r="AC142023" i="1"/>
  <c r="AC142024" i="1"/>
  <c r="AC142025" i="1"/>
  <c r="AC142026" i="1"/>
  <c r="AC142027" i="1"/>
  <c r="AC142028" i="1"/>
  <c r="AC142029" i="1"/>
  <c r="AC142030" i="1"/>
  <c r="AC142031" i="1"/>
  <c r="AC142032" i="1"/>
  <c r="AC142033" i="1"/>
  <c r="AC142034" i="1"/>
  <c r="AC142035" i="1"/>
  <c r="AC142036" i="1"/>
  <c r="AC142037" i="1"/>
  <c r="AC142038" i="1"/>
  <c r="AC142039" i="1"/>
  <c r="AC142040" i="1"/>
  <c r="AC142041" i="1"/>
  <c r="AC142042" i="1"/>
  <c r="AC142043" i="1"/>
  <c r="AC142044" i="1"/>
  <c r="AC142045" i="1"/>
  <c r="AC142046" i="1"/>
  <c r="AC142047" i="1"/>
  <c r="AC142048" i="1"/>
  <c r="AC142049" i="1"/>
  <c r="AC142050" i="1"/>
  <c r="AC142051" i="1"/>
  <c r="AC142052" i="1"/>
  <c r="AC142053" i="1"/>
  <c r="AC142054" i="1"/>
  <c r="AC142055" i="1"/>
  <c r="AC142056" i="1"/>
  <c r="AC142057" i="1"/>
  <c r="AC142058" i="1"/>
  <c r="AC142059" i="1"/>
  <c r="AC142060" i="1"/>
  <c r="AC142061" i="1"/>
  <c r="AC142062" i="1"/>
  <c r="AC142063" i="1"/>
  <c r="AC142064" i="1"/>
  <c r="AC142065" i="1"/>
  <c r="AC142066" i="1"/>
  <c r="AC142067" i="1"/>
  <c r="AC142068" i="1"/>
  <c r="AC142069" i="1"/>
  <c r="AC142070" i="1"/>
  <c r="AC142071" i="1"/>
  <c r="AC142072" i="1"/>
  <c r="AC142073" i="1"/>
  <c r="AC142074" i="1"/>
  <c r="AC142075" i="1"/>
  <c r="AC142076" i="1"/>
  <c r="AC142077" i="1"/>
  <c r="AC142078" i="1"/>
  <c r="AC142079" i="1"/>
  <c r="AC142080" i="1"/>
  <c r="AC142081" i="1"/>
  <c r="AC142082" i="1"/>
  <c r="AC142083" i="1"/>
  <c r="AC142084" i="1"/>
  <c r="AC142085" i="1"/>
  <c r="AC142086" i="1"/>
  <c r="AC142087" i="1"/>
  <c r="AC142088" i="1"/>
  <c r="AC142089" i="1"/>
  <c r="AC142090" i="1"/>
  <c r="AC142091" i="1"/>
  <c r="AC142092" i="1"/>
  <c r="AC142093" i="1"/>
  <c r="AC142094" i="1"/>
  <c r="AC142095" i="1"/>
  <c r="AC142096" i="1"/>
  <c r="AC142097" i="1"/>
  <c r="AC142098" i="1"/>
  <c r="AC142099" i="1"/>
  <c r="AC142100" i="1"/>
  <c r="AC142101" i="1"/>
  <c r="AC142102" i="1"/>
  <c r="AC142103" i="1"/>
  <c r="AC142104" i="1"/>
  <c r="AC142105" i="1"/>
  <c r="AC142106" i="1"/>
  <c r="AC142107" i="1"/>
  <c r="AC142108" i="1"/>
  <c r="AC142109" i="1"/>
  <c r="AC142110" i="1"/>
  <c r="AC142111" i="1"/>
  <c r="AC142112" i="1"/>
  <c r="AC142113" i="1"/>
  <c r="AC142114" i="1"/>
  <c r="AC142115" i="1"/>
  <c r="AC142116" i="1"/>
  <c r="AC142117" i="1"/>
  <c r="AC142118" i="1"/>
  <c r="AC142119" i="1"/>
  <c r="AC142120" i="1"/>
  <c r="AC142121" i="1"/>
  <c r="AC142122" i="1"/>
  <c r="AC142123" i="1"/>
  <c r="AC142124" i="1"/>
  <c r="AC142125" i="1"/>
  <c r="AC142126" i="1"/>
  <c r="AC142127" i="1"/>
  <c r="AC142128" i="1"/>
  <c r="AC142129" i="1"/>
  <c r="AC142130" i="1"/>
  <c r="AC142131" i="1"/>
  <c r="AC142132" i="1"/>
  <c r="AC142133" i="1"/>
  <c r="AC142134" i="1"/>
  <c r="AC142135" i="1"/>
  <c r="AC142136" i="1"/>
  <c r="AC142137" i="1"/>
  <c r="AC142138" i="1"/>
  <c r="AC142139" i="1"/>
  <c r="AC142140" i="1"/>
  <c r="AC142141" i="1"/>
  <c r="AC142142" i="1"/>
  <c r="AC142143" i="1"/>
  <c r="AC142144" i="1"/>
  <c r="AC142145" i="1"/>
  <c r="AC142146" i="1"/>
  <c r="AC142147" i="1"/>
  <c r="AC142148" i="1"/>
  <c r="AC142149" i="1"/>
  <c r="AC142150" i="1"/>
  <c r="AC142151" i="1"/>
  <c r="AC142152" i="1"/>
  <c r="AC142153" i="1"/>
  <c r="AC142154" i="1"/>
  <c r="AC142155" i="1"/>
  <c r="AC142156" i="1"/>
  <c r="AC142157" i="1"/>
  <c r="AC142158" i="1"/>
  <c r="AC142159" i="1"/>
  <c r="AC142160" i="1"/>
  <c r="AC142161" i="1"/>
  <c r="AC142162" i="1"/>
  <c r="AC142163" i="1"/>
  <c r="AC142164" i="1"/>
  <c r="AC142165" i="1"/>
  <c r="AC142166" i="1"/>
  <c r="AC142167" i="1"/>
  <c r="AC142168" i="1"/>
  <c r="AC142169" i="1"/>
  <c r="AC142170" i="1"/>
  <c r="AC142171" i="1"/>
  <c r="AC142172" i="1"/>
  <c r="AC142173" i="1"/>
  <c r="AC142174" i="1"/>
  <c r="AC142175" i="1"/>
  <c r="AC142176" i="1"/>
  <c r="AC142177" i="1"/>
  <c r="AC142178" i="1"/>
  <c r="AC142179" i="1"/>
  <c r="AC142180" i="1"/>
  <c r="AC142181" i="1"/>
  <c r="AC142182" i="1"/>
  <c r="AC142183" i="1"/>
  <c r="AC142184" i="1"/>
  <c r="AC142185" i="1"/>
  <c r="AC142186" i="1"/>
  <c r="AC142187" i="1"/>
  <c r="AC142188" i="1"/>
  <c r="AC142189" i="1"/>
  <c r="AC142190" i="1"/>
  <c r="AC142191" i="1"/>
  <c r="AC142192" i="1"/>
  <c r="AC142193" i="1"/>
  <c r="AC142194" i="1"/>
  <c r="AC142195" i="1"/>
  <c r="AC142196" i="1"/>
  <c r="AC142197" i="1"/>
  <c r="AC142198" i="1"/>
  <c r="AC142199" i="1"/>
  <c r="AC142200" i="1"/>
  <c r="AC142201" i="1"/>
  <c r="AC142202" i="1"/>
  <c r="AC142203" i="1"/>
  <c r="AC142204" i="1"/>
  <c r="AC142205" i="1"/>
  <c r="AC142206" i="1"/>
  <c r="AC142207" i="1"/>
  <c r="AC142208" i="1"/>
  <c r="AC142209" i="1"/>
  <c r="AC142210" i="1"/>
  <c r="AC142211" i="1"/>
  <c r="AC142212" i="1"/>
  <c r="AC142213" i="1"/>
  <c r="AC142214" i="1"/>
  <c r="AC142215" i="1"/>
  <c r="AC142216" i="1"/>
  <c r="AC142217" i="1"/>
  <c r="AC142218" i="1"/>
  <c r="AC142219" i="1"/>
  <c r="AC142220" i="1"/>
  <c r="AC142221" i="1"/>
  <c r="AC142222" i="1"/>
  <c r="AC142223" i="1"/>
  <c r="AC142224" i="1"/>
  <c r="AC142225" i="1"/>
  <c r="AC142226" i="1"/>
  <c r="AC142227" i="1"/>
  <c r="AC142228" i="1"/>
  <c r="AC142229" i="1"/>
  <c r="AC142230" i="1"/>
  <c r="AC142231" i="1"/>
  <c r="AC142232" i="1"/>
  <c r="AC142233" i="1"/>
  <c r="AC142234" i="1"/>
  <c r="AC142235" i="1"/>
  <c r="AC142236" i="1"/>
  <c r="AC142237" i="1"/>
  <c r="AC142238" i="1"/>
  <c r="AC142239" i="1"/>
  <c r="AC142240" i="1"/>
  <c r="AC142241" i="1"/>
  <c r="AC142242" i="1"/>
  <c r="AC142243" i="1"/>
  <c r="AC142244" i="1"/>
  <c r="AC142245" i="1"/>
  <c r="AC142246" i="1"/>
  <c r="AC142247" i="1"/>
  <c r="AC142248" i="1"/>
  <c r="AC142249" i="1"/>
  <c r="AC142250" i="1"/>
  <c r="AC142251" i="1"/>
  <c r="AC142252" i="1"/>
  <c r="AC142253" i="1"/>
  <c r="AC142254" i="1"/>
  <c r="AC142255" i="1"/>
  <c r="AC142256" i="1"/>
  <c r="AC142257" i="1"/>
  <c r="AC142258" i="1"/>
  <c r="AC142259" i="1"/>
  <c r="AC142260" i="1"/>
  <c r="AC142261" i="1"/>
  <c r="AC142262" i="1"/>
  <c r="AC142263" i="1"/>
  <c r="AC142264" i="1"/>
  <c r="AC142265" i="1"/>
  <c r="AC142266" i="1"/>
  <c r="AC142267" i="1"/>
  <c r="AC142268" i="1"/>
  <c r="AC142269" i="1"/>
  <c r="AC142270" i="1"/>
  <c r="AC142271" i="1"/>
  <c r="AC142272" i="1"/>
  <c r="AC142273" i="1"/>
  <c r="AC142274" i="1"/>
  <c r="AC142275" i="1"/>
  <c r="AC142276" i="1"/>
  <c r="AC142277" i="1"/>
  <c r="AC142278" i="1"/>
  <c r="AC142279" i="1"/>
  <c r="AC142280" i="1"/>
  <c r="AC142281" i="1"/>
  <c r="AC142282" i="1"/>
  <c r="AC142283" i="1"/>
  <c r="AC142284" i="1"/>
  <c r="AC142285" i="1"/>
  <c r="AC142286" i="1"/>
  <c r="AC142287" i="1"/>
  <c r="AC142288" i="1"/>
  <c r="AC142289" i="1"/>
  <c r="AC142290" i="1"/>
  <c r="AC142291" i="1"/>
  <c r="AC142292" i="1"/>
  <c r="AC142293" i="1"/>
  <c r="AC142294" i="1"/>
  <c r="AC142295" i="1"/>
  <c r="AC142296" i="1"/>
  <c r="AC142297" i="1"/>
  <c r="AC142298" i="1"/>
  <c r="AC142299" i="1"/>
  <c r="AC142300" i="1"/>
  <c r="AC142301" i="1"/>
  <c r="AC142302" i="1"/>
  <c r="AC142303" i="1"/>
  <c r="AC142304" i="1"/>
  <c r="AC142305" i="1"/>
  <c r="AC142306" i="1"/>
  <c r="AC142307" i="1"/>
  <c r="AC142308" i="1"/>
  <c r="AC142309" i="1"/>
  <c r="AC142310" i="1"/>
  <c r="AC142311" i="1"/>
  <c r="AC142312" i="1"/>
  <c r="AC142313" i="1"/>
  <c r="AC142314" i="1"/>
  <c r="AC142315" i="1"/>
  <c r="AC142316" i="1"/>
  <c r="AC142317" i="1"/>
  <c r="AC142318" i="1"/>
  <c r="AC142319" i="1"/>
  <c r="AC142320" i="1"/>
  <c r="AC142321" i="1"/>
  <c r="AC142322" i="1"/>
  <c r="AC142323" i="1"/>
  <c r="AC142324" i="1"/>
  <c r="AC142325" i="1"/>
  <c r="AC142326" i="1"/>
  <c r="AC142327" i="1"/>
  <c r="AC142328" i="1"/>
  <c r="AC142329" i="1"/>
  <c r="AC142330" i="1"/>
  <c r="AC142331" i="1"/>
  <c r="AC142332" i="1"/>
  <c r="AC142333" i="1"/>
  <c r="AC142334" i="1"/>
  <c r="AC142335" i="1"/>
  <c r="AC142336" i="1"/>
  <c r="AC142337" i="1"/>
  <c r="AC142338" i="1"/>
  <c r="AC142339" i="1"/>
  <c r="AC142340" i="1"/>
  <c r="AC142341" i="1"/>
  <c r="AC142342" i="1"/>
  <c r="AC142343" i="1"/>
  <c r="AC142344" i="1"/>
  <c r="AC142345" i="1"/>
  <c r="AC142346" i="1"/>
  <c r="AC142347" i="1"/>
  <c r="AC142348" i="1"/>
  <c r="AC142349" i="1"/>
  <c r="AC142350" i="1"/>
  <c r="AC142351" i="1"/>
  <c r="AC142352" i="1"/>
  <c r="AC142353" i="1"/>
  <c r="AC142354" i="1"/>
  <c r="AC142355" i="1"/>
  <c r="AC142356" i="1"/>
  <c r="AC142357" i="1"/>
  <c r="AC142358" i="1"/>
  <c r="AC142359" i="1"/>
  <c r="AC142360" i="1"/>
  <c r="AC142361" i="1"/>
  <c r="AC142362" i="1"/>
  <c r="AC142363" i="1"/>
  <c r="AC142364" i="1"/>
  <c r="AC142365" i="1"/>
  <c r="AC142366" i="1"/>
  <c r="AC142367" i="1"/>
  <c r="AC142368" i="1"/>
  <c r="AC142369" i="1"/>
  <c r="AC142370" i="1"/>
  <c r="AC142371" i="1"/>
  <c r="AC142372" i="1"/>
  <c r="AC142373" i="1"/>
  <c r="AC142374" i="1"/>
  <c r="AC142375" i="1"/>
  <c r="AC142376" i="1"/>
  <c r="AC142377" i="1"/>
  <c r="AC142378" i="1"/>
  <c r="AC142379" i="1"/>
  <c r="AC142380" i="1"/>
  <c r="AC142381" i="1"/>
  <c r="AC142382" i="1"/>
  <c r="AC142383" i="1"/>
  <c r="AC142384" i="1"/>
  <c r="AC142385" i="1"/>
  <c r="AC142386" i="1"/>
  <c r="AC142387" i="1"/>
  <c r="AC142388" i="1"/>
  <c r="AC142389" i="1"/>
  <c r="AC142390" i="1"/>
  <c r="AC142391" i="1"/>
  <c r="AC142392" i="1"/>
  <c r="AC142393" i="1"/>
  <c r="AC142394" i="1"/>
  <c r="AC142395" i="1"/>
  <c r="AC142396" i="1"/>
  <c r="AC142397" i="1"/>
  <c r="AC142398" i="1"/>
  <c r="AC142399" i="1"/>
  <c r="AC142400" i="1"/>
  <c r="AC142401" i="1"/>
  <c r="AC142402" i="1"/>
  <c r="AC142403" i="1"/>
  <c r="AC142404" i="1"/>
  <c r="AC142405" i="1"/>
  <c r="AC142406" i="1"/>
  <c r="AC142407" i="1"/>
  <c r="AC142408" i="1"/>
  <c r="AC142409" i="1"/>
  <c r="AC142410" i="1"/>
  <c r="AC142411" i="1"/>
  <c r="AC142412" i="1"/>
  <c r="AC142413" i="1"/>
  <c r="AC142414" i="1"/>
  <c r="AC142415" i="1"/>
  <c r="AC142416" i="1"/>
  <c r="AC142417" i="1"/>
  <c r="AC142418" i="1"/>
  <c r="AC142419" i="1"/>
  <c r="AC142420" i="1"/>
  <c r="AC142421" i="1"/>
  <c r="AC142422" i="1"/>
  <c r="AC142423" i="1"/>
  <c r="AC142424" i="1"/>
  <c r="AC142425" i="1"/>
  <c r="AC142426" i="1"/>
  <c r="AC142427" i="1"/>
  <c r="AC142428" i="1"/>
  <c r="AC142429" i="1"/>
  <c r="AC142430" i="1"/>
  <c r="AC142431" i="1"/>
  <c r="AC142432" i="1"/>
  <c r="AC142433" i="1"/>
  <c r="AC142434" i="1"/>
  <c r="AC142435" i="1"/>
  <c r="AC142436" i="1"/>
  <c r="AC142437" i="1"/>
  <c r="AC142438" i="1"/>
  <c r="AC142439" i="1"/>
  <c r="AC142440" i="1"/>
  <c r="AC142441" i="1"/>
  <c r="AC142442" i="1"/>
  <c r="AC142443" i="1"/>
  <c r="AC142444" i="1"/>
  <c r="AC142445" i="1"/>
  <c r="AC142446" i="1"/>
  <c r="AC142447" i="1"/>
  <c r="AC142448" i="1"/>
  <c r="AC142449" i="1"/>
  <c r="AC142450" i="1"/>
  <c r="AC142451" i="1"/>
  <c r="AC142452" i="1"/>
  <c r="AC142453" i="1"/>
  <c r="AC142454" i="1"/>
  <c r="AC142455" i="1"/>
  <c r="AC142456" i="1"/>
  <c r="AC142457" i="1"/>
  <c r="AC142458" i="1"/>
  <c r="AC142459" i="1"/>
  <c r="AC142460" i="1"/>
  <c r="AC142461" i="1"/>
  <c r="AC142462" i="1"/>
  <c r="AC142463" i="1"/>
  <c r="AC142464" i="1"/>
  <c r="AC142465" i="1"/>
  <c r="AC142466" i="1"/>
  <c r="AC142467" i="1"/>
  <c r="AC142468" i="1"/>
  <c r="AC142469" i="1"/>
  <c r="AC142470" i="1"/>
  <c r="AC142471" i="1"/>
  <c r="AC142472" i="1"/>
  <c r="AC142473" i="1"/>
  <c r="AC142474" i="1"/>
  <c r="AC142475" i="1"/>
  <c r="AC142476" i="1"/>
  <c r="AC142477" i="1"/>
  <c r="AC142478" i="1"/>
  <c r="AC142479" i="1"/>
  <c r="AC142480" i="1"/>
  <c r="AC142481" i="1"/>
  <c r="AC142482" i="1"/>
  <c r="AC142483" i="1"/>
  <c r="AC142484" i="1"/>
  <c r="AC142485" i="1"/>
  <c r="AC142486" i="1"/>
  <c r="AC142487" i="1"/>
  <c r="AC142488" i="1"/>
  <c r="AC142489" i="1"/>
  <c r="AC142490" i="1"/>
  <c r="AC142491" i="1"/>
  <c r="AC142492" i="1"/>
  <c r="AC142493" i="1"/>
  <c r="AC142494" i="1"/>
  <c r="AC142495" i="1"/>
  <c r="AC142496" i="1"/>
  <c r="AC142497" i="1"/>
  <c r="AC142498" i="1"/>
  <c r="AC142499" i="1"/>
  <c r="AC142500" i="1"/>
  <c r="AC142501" i="1"/>
  <c r="AC142502" i="1"/>
  <c r="AC142503" i="1"/>
  <c r="AC142504" i="1"/>
  <c r="AC142505" i="1"/>
  <c r="AC142506" i="1"/>
  <c r="AC142507" i="1"/>
  <c r="AC142508" i="1"/>
  <c r="AC142509" i="1"/>
  <c r="AC142510" i="1"/>
  <c r="AC142511" i="1"/>
  <c r="AC142512" i="1"/>
  <c r="AC142513" i="1"/>
  <c r="AC142514" i="1"/>
  <c r="AC142515" i="1"/>
  <c r="AC142516" i="1"/>
  <c r="AC142517" i="1"/>
  <c r="AC142518" i="1"/>
  <c r="AC142519" i="1"/>
  <c r="AC142520" i="1"/>
  <c r="AC142521" i="1"/>
  <c r="AC142522" i="1"/>
  <c r="AC142523" i="1"/>
  <c r="AC142524" i="1"/>
  <c r="AC142525" i="1"/>
  <c r="AC142526" i="1"/>
  <c r="AC142527" i="1"/>
  <c r="AC142528" i="1"/>
  <c r="AC142529" i="1"/>
  <c r="AC142530" i="1"/>
  <c r="AC142531" i="1"/>
  <c r="AC142532" i="1"/>
  <c r="AC142533" i="1"/>
  <c r="AC142534" i="1"/>
  <c r="AC142535" i="1"/>
  <c r="AC142536" i="1"/>
  <c r="AC142537" i="1"/>
  <c r="AC142538" i="1"/>
  <c r="AC142539" i="1"/>
  <c r="AC142540" i="1"/>
  <c r="AC142541" i="1"/>
  <c r="AC142542" i="1"/>
  <c r="AC142543" i="1"/>
  <c r="AC142544" i="1"/>
  <c r="AC142545" i="1"/>
  <c r="AC142546" i="1"/>
  <c r="AC142547" i="1"/>
  <c r="AC142548" i="1"/>
  <c r="AC142549" i="1"/>
  <c r="AC142550" i="1"/>
  <c r="AC142551" i="1"/>
  <c r="AC142552" i="1"/>
  <c r="AC142553" i="1"/>
  <c r="AC142554" i="1"/>
  <c r="AC142555" i="1"/>
  <c r="AC142556" i="1"/>
  <c r="AC142557" i="1"/>
  <c r="AC142558" i="1"/>
  <c r="AC142559" i="1"/>
  <c r="AC142560" i="1"/>
  <c r="AC142561" i="1"/>
  <c r="AC142562" i="1"/>
  <c r="AC142563" i="1"/>
  <c r="AC142564" i="1"/>
  <c r="AC142565" i="1"/>
  <c r="AC142566" i="1"/>
  <c r="AC142567" i="1"/>
  <c r="AC142568" i="1"/>
  <c r="AC142569" i="1"/>
  <c r="AC142570" i="1"/>
  <c r="AC142571" i="1"/>
  <c r="AC142572" i="1"/>
  <c r="AC142573" i="1"/>
  <c r="AC142574" i="1"/>
  <c r="AC142575" i="1"/>
  <c r="AC142576" i="1"/>
  <c r="AC142577" i="1"/>
  <c r="AC142578" i="1"/>
  <c r="AC142579" i="1"/>
  <c r="AC142580" i="1"/>
  <c r="AC142581" i="1"/>
  <c r="AC142582" i="1"/>
  <c r="AC142583" i="1"/>
  <c r="AC142584" i="1"/>
  <c r="AC142585" i="1"/>
  <c r="AC142586" i="1"/>
  <c r="AC142587" i="1"/>
  <c r="AC142588" i="1"/>
  <c r="AC142589" i="1"/>
  <c r="AC142590" i="1"/>
  <c r="AC142591" i="1"/>
  <c r="AC142592" i="1"/>
  <c r="AC142593" i="1"/>
  <c r="AC142594" i="1"/>
  <c r="AC142595" i="1"/>
  <c r="AC142596" i="1"/>
  <c r="AC142597" i="1"/>
  <c r="AC142598" i="1"/>
  <c r="AC142599" i="1"/>
  <c r="AC142600" i="1"/>
  <c r="AC142601" i="1"/>
  <c r="AC142602" i="1"/>
  <c r="AC142603" i="1"/>
  <c r="AC142604" i="1"/>
  <c r="AC142605" i="1"/>
  <c r="AC142606" i="1"/>
  <c r="AC142607" i="1"/>
  <c r="AC142608" i="1"/>
  <c r="AC142609" i="1"/>
  <c r="AC142610" i="1"/>
  <c r="AC142611" i="1"/>
  <c r="AC142612" i="1"/>
  <c r="AC142613" i="1"/>
  <c r="AC142614" i="1"/>
  <c r="AC142615" i="1"/>
  <c r="AC142616" i="1"/>
  <c r="AC142617" i="1"/>
  <c r="AC142618" i="1"/>
  <c r="AC142619" i="1"/>
  <c r="AC142620" i="1"/>
  <c r="AC142621" i="1"/>
  <c r="AC142622" i="1"/>
  <c r="AC142623" i="1"/>
  <c r="AC142624" i="1"/>
  <c r="AC142625" i="1"/>
  <c r="AC142626" i="1"/>
  <c r="AC142627" i="1"/>
  <c r="AC142628" i="1"/>
  <c r="AC142629" i="1"/>
  <c r="AC142630" i="1"/>
  <c r="AC142631" i="1"/>
  <c r="AC142632" i="1"/>
  <c r="AC142633" i="1"/>
  <c r="AC142634" i="1"/>
  <c r="AC142635" i="1"/>
  <c r="AC142636" i="1"/>
  <c r="AC142637" i="1"/>
  <c r="AC142638" i="1"/>
  <c r="AC142639" i="1"/>
  <c r="AC142640" i="1"/>
  <c r="AC142641" i="1"/>
  <c r="AC142642" i="1"/>
  <c r="AC142643" i="1"/>
  <c r="AC142644" i="1"/>
  <c r="AC142645" i="1"/>
  <c r="AC142646" i="1"/>
  <c r="AC142647" i="1"/>
  <c r="AC142648" i="1"/>
  <c r="AC142649" i="1"/>
  <c r="AC142650" i="1"/>
  <c r="AC142651" i="1"/>
  <c r="AC142652" i="1"/>
  <c r="AC142653" i="1"/>
  <c r="AC142654" i="1"/>
  <c r="AC142655" i="1"/>
  <c r="AC142656" i="1"/>
  <c r="AC142657" i="1"/>
  <c r="AC142658" i="1"/>
  <c r="AC142659" i="1"/>
  <c r="AC142660" i="1"/>
  <c r="AC142661" i="1"/>
  <c r="AC142662" i="1"/>
  <c r="AC142663" i="1"/>
  <c r="AC142664" i="1"/>
  <c r="AC142665" i="1"/>
  <c r="AC142666" i="1"/>
  <c r="AC142667" i="1"/>
  <c r="AC142668" i="1"/>
  <c r="AC142669" i="1"/>
  <c r="AC142670" i="1"/>
  <c r="AC142671" i="1"/>
  <c r="AC142672" i="1"/>
  <c r="AC142673" i="1"/>
  <c r="AC142674" i="1"/>
  <c r="AC142675" i="1"/>
  <c r="AC142676" i="1"/>
  <c r="AC142677" i="1"/>
  <c r="AC142678" i="1"/>
  <c r="AC142679" i="1"/>
  <c r="AC142680" i="1"/>
  <c r="AC142681" i="1"/>
  <c r="AC142682" i="1"/>
  <c r="AC142683" i="1"/>
  <c r="AC142684" i="1"/>
  <c r="AC142685" i="1"/>
  <c r="AC142686" i="1"/>
  <c r="AC142687" i="1"/>
  <c r="AC142688" i="1"/>
  <c r="AC142689" i="1"/>
  <c r="AC142690" i="1"/>
  <c r="AC142691" i="1"/>
  <c r="AC142692" i="1"/>
  <c r="AC142693" i="1"/>
  <c r="AC142694" i="1"/>
  <c r="AC142695" i="1"/>
  <c r="AC142696" i="1"/>
  <c r="AC142697" i="1"/>
  <c r="AC142698" i="1"/>
  <c r="AC142699" i="1"/>
  <c r="AC142700" i="1"/>
  <c r="AC142701" i="1"/>
  <c r="AC142702" i="1"/>
  <c r="AC142703" i="1"/>
  <c r="AC142704" i="1"/>
  <c r="AC142705" i="1"/>
  <c r="AC142706" i="1"/>
  <c r="AC142707" i="1"/>
  <c r="AC142708" i="1"/>
  <c r="AC142709" i="1"/>
  <c r="AC142710" i="1"/>
  <c r="AC142711" i="1"/>
  <c r="AC142712" i="1"/>
  <c r="AC142713" i="1"/>
  <c r="AC142714" i="1"/>
  <c r="AC142715" i="1"/>
  <c r="AC142716" i="1"/>
  <c r="AC142717" i="1"/>
  <c r="AC142718" i="1"/>
  <c r="AC142719" i="1"/>
  <c r="AC142720" i="1"/>
  <c r="AC142721" i="1"/>
  <c r="AC142722" i="1"/>
  <c r="AC142723" i="1"/>
  <c r="AC142724" i="1"/>
  <c r="AC142725" i="1"/>
  <c r="AC142726" i="1"/>
  <c r="AC142727" i="1"/>
  <c r="AC142728" i="1"/>
  <c r="AC142729" i="1"/>
  <c r="AC142730" i="1"/>
  <c r="AC142731" i="1"/>
  <c r="AC142732" i="1"/>
  <c r="AC142733" i="1"/>
  <c r="AC142734" i="1"/>
  <c r="AC142735" i="1"/>
  <c r="AC142736" i="1"/>
  <c r="AC142737" i="1"/>
  <c r="AC142738" i="1"/>
  <c r="AC142739" i="1"/>
  <c r="AC142740" i="1"/>
  <c r="AC142741" i="1"/>
  <c r="AC142742" i="1"/>
  <c r="AC142743" i="1"/>
  <c r="AC142744" i="1"/>
  <c r="AC142745" i="1"/>
  <c r="AC142746" i="1"/>
  <c r="AC142747" i="1"/>
  <c r="AC142748" i="1"/>
  <c r="AC142749" i="1"/>
  <c r="AC142750" i="1"/>
  <c r="AC142751" i="1"/>
  <c r="AC142752" i="1"/>
  <c r="AC142753" i="1"/>
  <c r="AC142754" i="1"/>
  <c r="AC142755" i="1"/>
  <c r="AC142756" i="1"/>
  <c r="AC142757" i="1"/>
  <c r="AC142758" i="1"/>
  <c r="AC142759" i="1"/>
  <c r="AC142760" i="1"/>
  <c r="AC142761" i="1"/>
  <c r="AC142762" i="1"/>
  <c r="AC142763" i="1"/>
  <c r="AC142764" i="1"/>
  <c r="AC142765" i="1"/>
  <c r="AC142766" i="1"/>
  <c r="AC142767" i="1"/>
  <c r="AC142768" i="1"/>
  <c r="AC142769" i="1"/>
  <c r="AC142770" i="1"/>
  <c r="AC142771" i="1"/>
  <c r="AC142772" i="1"/>
  <c r="AC142773" i="1"/>
  <c r="AC142774" i="1"/>
  <c r="AC142775" i="1"/>
  <c r="AC142776" i="1"/>
  <c r="AC142777" i="1"/>
  <c r="AC142778" i="1"/>
  <c r="AC142779" i="1"/>
  <c r="AC142780" i="1"/>
  <c r="AC142781" i="1"/>
  <c r="AC142782" i="1"/>
  <c r="AC142783" i="1"/>
  <c r="AC142784" i="1"/>
  <c r="AC142785" i="1"/>
  <c r="AC142786" i="1"/>
  <c r="AC142787" i="1"/>
  <c r="AC142788" i="1"/>
  <c r="AC142789" i="1"/>
  <c r="AC142790" i="1"/>
  <c r="AC142791" i="1"/>
  <c r="AC142792" i="1"/>
  <c r="AC142793" i="1"/>
  <c r="AC142794" i="1"/>
  <c r="AC142795" i="1"/>
  <c r="AC142796" i="1"/>
  <c r="AC142797" i="1"/>
  <c r="AC142798" i="1"/>
  <c r="AC142799" i="1"/>
  <c r="AC142800" i="1"/>
  <c r="AC142801" i="1"/>
  <c r="AC142802" i="1"/>
  <c r="AC142803" i="1"/>
  <c r="AC142804" i="1"/>
  <c r="AC142805" i="1"/>
  <c r="AC142806" i="1"/>
  <c r="AC142807" i="1"/>
  <c r="AC142808" i="1"/>
  <c r="AC142809" i="1"/>
  <c r="AC142810" i="1"/>
  <c r="AC142811" i="1"/>
  <c r="AC142812" i="1"/>
  <c r="AC142813" i="1"/>
  <c r="AC142814" i="1"/>
  <c r="AC142815" i="1"/>
  <c r="AC142816" i="1"/>
  <c r="AC142817" i="1"/>
  <c r="AC142818" i="1"/>
  <c r="AC142819" i="1"/>
  <c r="AC142820" i="1"/>
  <c r="AC142821" i="1"/>
  <c r="AC142822" i="1"/>
  <c r="AC142823" i="1"/>
  <c r="AC142824" i="1"/>
  <c r="AC142825" i="1"/>
  <c r="AC142826" i="1"/>
  <c r="AC142827" i="1"/>
  <c r="AC142828" i="1"/>
  <c r="AC142829" i="1"/>
  <c r="AC142830" i="1"/>
  <c r="AC142831" i="1"/>
  <c r="AC142832" i="1"/>
  <c r="AC142833" i="1"/>
  <c r="AC142834" i="1"/>
  <c r="AC142835" i="1"/>
  <c r="AC142836" i="1"/>
  <c r="AC142837" i="1"/>
  <c r="AC142838" i="1"/>
  <c r="AC142839" i="1"/>
  <c r="AC142840" i="1"/>
  <c r="AC142841" i="1"/>
  <c r="AC142842" i="1"/>
  <c r="AC142843" i="1"/>
  <c r="AC142844" i="1"/>
  <c r="AC142845" i="1"/>
  <c r="AC142846" i="1"/>
  <c r="AC142847" i="1"/>
  <c r="AC142848" i="1"/>
  <c r="AC142849" i="1"/>
  <c r="AC142850" i="1"/>
  <c r="AC142851" i="1"/>
  <c r="AC142852" i="1"/>
  <c r="AC142853" i="1"/>
  <c r="AC142854" i="1"/>
  <c r="AC142855" i="1"/>
  <c r="AC142856" i="1"/>
  <c r="AC142857" i="1"/>
  <c r="AC142858" i="1"/>
  <c r="AC142859" i="1"/>
  <c r="AC142860" i="1"/>
  <c r="AC142861" i="1"/>
  <c r="AC142862" i="1"/>
  <c r="AC142863" i="1"/>
  <c r="AC142864" i="1"/>
  <c r="AC142865" i="1"/>
  <c r="AC142866" i="1"/>
  <c r="AC142867" i="1"/>
  <c r="AC142868" i="1"/>
  <c r="AC142869" i="1"/>
  <c r="AC142870" i="1"/>
  <c r="AC142871" i="1"/>
  <c r="AC142872" i="1"/>
  <c r="AC142873" i="1"/>
  <c r="AC142874" i="1"/>
  <c r="AC142875" i="1"/>
  <c r="AC142876" i="1"/>
  <c r="AC142877" i="1"/>
  <c r="AC142878" i="1"/>
  <c r="AC142879" i="1"/>
  <c r="AC142880" i="1"/>
  <c r="AC142881" i="1"/>
  <c r="AC142882" i="1"/>
  <c r="AC142883" i="1"/>
  <c r="AC142884" i="1"/>
  <c r="AC142885" i="1"/>
  <c r="AC142886" i="1"/>
  <c r="AC142887" i="1"/>
  <c r="AC142888" i="1"/>
  <c r="AC142889" i="1"/>
  <c r="AC142890" i="1"/>
  <c r="AC142891" i="1"/>
  <c r="AC142892" i="1"/>
  <c r="AC142893" i="1"/>
  <c r="AC142894" i="1"/>
  <c r="AC142895" i="1"/>
  <c r="AC142896" i="1"/>
  <c r="AC142897" i="1"/>
  <c r="AC142898" i="1"/>
  <c r="AC142899" i="1"/>
  <c r="AC142900" i="1"/>
  <c r="AC142901" i="1"/>
  <c r="AC142902" i="1"/>
  <c r="AC142903" i="1"/>
  <c r="AC142904" i="1"/>
  <c r="AC142905" i="1"/>
  <c r="AC142906" i="1"/>
  <c r="AC142907" i="1"/>
  <c r="AC142908" i="1"/>
  <c r="AC142909" i="1"/>
  <c r="AC142910" i="1"/>
  <c r="AC142911" i="1"/>
  <c r="AC142912" i="1"/>
  <c r="AC142913" i="1"/>
  <c r="AC142914" i="1"/>
  <c r="AC142915" i="1"/>
  <c r="AC142916" i="1"/>
  <c r="AC142917" i="1"/>
  <c r="AC142918" i="1"/>
  <c r="AC142919" i="1"/>
  <c r="AC142920" i="1"/>
  <c r="AC142921" i="1"/>
  <c r="AC142922" i="1"/>
  <c r="AC142923" i="1"/>
  <c r="AC142924" i="1"/>
  <c r="AC142925" i="1"/>
  <c r="AC142926" i="1"/>
  <c r="AC142927" i="1"/>
  <c r="AC142928" i="1"/>
  <c r="AC142929" i="1"/>
  <c r="AC142930" i="1"/>
  <c r="AC142931" i="1"/>
  <c r="AC142932" i="1"/>
  <c r="AC142933" i="1"/>
  <c r="AC142934" i="1"/>
  <c r="AC142935" i="1"/>
  <c r="AC142936" i="1"/>
  <c r="AC142937" i="1"/>
  <c r="AC142938" i="1"/>
  <c r="AC142939" i="1"/>
  <c r="AC142940" i="1"/>
  <c r="AC142941" i="1"/>
  <c r="AC142942" i="1"/>
  <c r="AC142943" i="1"/>
  <c r="AC142944" i="1"/>
  <c r="AC142945" i="1"/>
  <c r="AC142946" i="1"/>
  <c r="AC142947" i="1"/>
  <c r="AC142948" i="1"/>
  <c r="AC142949" i="1"/>
  <c r="AC142950" i="1"/>
  <c r="AC142951" i="1"/>
  <c r="AC142952" i="1"/>
  <c r="AC142953" i="1"/>
  <c r="AC142954" i="1"/>
  <c r="AC142955" i="1"/>
  <c r="AC142956" i="1"/>
  <c r="AC142957" i="1"/>
  <c r="AC142958" i="1"/>
  <c r="AC142959" i="1"/>
  <c r="AC142960" i="1"/>
  <c r="AC142961" i="1"/>
  <c r="AC142962" i="1"/>
  <c r="AC142963" i="1"/>
  <c r="AC142964" i="1"/>
  <c r="AC142965" i="1"/>
  <c r="AC142966" i="1"/>
  <c r="AC142967" i="1"/>
  <c r="AC142968" i="1"/>
  <c r="AC142969" i="1"/>
  <c r="AC142970" i="1"/>
  <c r="AC142971" i="1"/>
  <c r="AC142972" i="1"/>
  <c r="AC142973" i="1"/>
  <c r="AC142974" i="1"/>
  <c r="AC142975" i="1"/>
  <c r="AC142976" i="1"/>
  <c r="AC142977" i="1"/>
  <c r="AC142978" i="1"/>
  <c r="AC142979" i="1"/>
  <c r="AC142980" i="1"/>
  <c r="AC142981" i="1"/>
  <c r="AC142982" i="1"/>
  <c r="AC142983" i="1"/>
  <c r="AC142984" i="1"/>
  <c r="AC142985" i="1"/>
  <c r="AC142986" i="1"/>
  <c r="AC142987" i="1"/>
  <c r="AC142988" i="1"/>
  <c r="AC142989" i="1"/>
  <c r="AC142990" i="1"/>
  <c r="AC142991" i="1"/>
  <c r="AC142992" i="1"/>
  <c r="AC142993" i="1"/>
  <c r="AC142994" i="1"/>
  <c r="AC142995" i="1"/>
  <c r="AC142996" i="1"/>
  <c r="AC142997" i="1"/>
  <c r="AC142998" i="1"/>
  <c r="AC142999" i="1"/>
  <c r="AC143000" i="1"/>
  <c r="AC143001" i="1"/>
  <c r="AC143002" i="1"/>
  <c r="AC143003" i="1"/>
  <c r="AC143004" i="1"/>
  <c r="AC143005" i="1"/>
  <c r="AC143006" i="1"/>
  <c r="AC143007" i="1"/>
  <c r="AC143008" i="1"/>
  <c r="AC143009" i="1"/>
  <c r="AC143010" i="1"/>
  <c r="AC143011" i="1"/>
  <c r="AC143012" i="1"/>
  <c r="AC143013" i="1"/>
  <c r="AC143014" i="1"/>
  <c r="AC143015" i="1"/>
  <c r="AC143016" i="1"/>
  <c r="AC143017" i="1"/>
  <c r="AC143018" i="1"/>
  <c r="AC143019" i="1"/>
  <c r="AC143020" i="1"/>
  <c r="AC143021" i="1"/>
  <c r="AC143022" i="1"/>
  <c r="AC143023" i="1"/>
  <c r="AC143024" i="1"/>
  <c r="AC143025" i="1"/>
  <c r="AC143026" i="1"/>
  <c r="AC143027" i="1"/>
  <c r="AC143028" i="1"/>
  <c r="AC143029" i="1"/>
  <c r="AC143030" i="1"/>
  <c r="AC143031" i="1"/>
  <c r="AC143032" i="1"/>
  <c r="AC143033" i="1"/>
  <c r="AC143034" i="1"/>
  <c r="AC143035" i="1"/>
  <c r="AC143036" i="1"/>
  <c r="AC143037" i="1"/>
  <c r="AC143038" i="1"/>
  <c r="AC143039" i="1"/>
  <c r="AC143040" i="1"/>
  <c r="AC143041" i="1"/>
  <c r="AC143042" i="1"/>
  <c r="AC143043" i="1"/>
  <c r="AC143044" i="1"/>
  <c r="AC143045" i="1"/>
  <c r="AC143046" i="1"/>
  <c r="AC143047" i="1"/>
  <c r="AC143048" i="1"/>
  <c r="AC143049" i="1"/>
  <c r="AC143050" i="1"/>
  <c r="AC143051" i="1"/>
  <c r="AC143052" i="1"/>
  <c r="AC143053" i="1"/>
  <c r="AC143054" i="1"/>
  <c r="AC143055" i="1"/>
  <c r="AC143056" i="1"/>
  <c r="AC143057" i="1"/>
  <c r="AC143058" i="1"/>
  <c r="AC143059" i="1"/>
  <c r="AC143060" i="1"/>
  <c r="AC143061" i="1"/>
  <c r="AC143062" i="1"/>
  <c r="AC143063" i="1"/>
  <c r="AC143064" i="1"/>
  <c r="AC143065" i="1"/>
  <c r="AC143066" i="1"/>
  <c r="AC143067" i="1"/>
  <c r="AC143068" i="1"/>
  <c r="AC143069" i="1"/>
  <c r="AC143070" i="1"/>
  <c r="AC143071" i="1"/>
  <c r="AC143072" i="1"/>
  <c r="AC143073" i="1"/>
  <c r="AC143074" i="1"/>
  <c r="AC143075" i="1"/>
  <c r="AC143076" i="1"/>
  <c r="AC143077" i="1"/>
  <c r="AC143078" i="1"/>
  <c r="AC143079" i="1"/>
  <c r="AC143080" i="1"/>
  <c r="AC143081" i="1"/>
  <c r="AC143082" i="1"/>
  <c r="AC143083" i="1"/>
  <c r="AC143084" i="1"/>
  <c r="AC143085" i="1"/>
  <c r="AC143086" i="1"/>
  <c r="AC143087" i="1"/>
  <c r="AC143088" i="1"/>
  <c r="AC143089" i="1"/>
  <c r="AC143090" i="1"/>
  <c r="AC143091" i="1"/>
  <c r="AC143092" i="1"/>
  <c r="AC143093" i="1"/>
  <c r="AC143094" i="1"/>
  <c r="AC143095" i="1"/>
  <c r="AC143096" i="1"/>
  <c r="AC143097" i="1"/>
  <c r="AC143098" i="1"/>
  <c r="AC143099" i="1"/>
  <c r="AC143100" i="1"/>
  <c r="AC143101" i="1"/>
  <c r="AC143102" i="1"/>
  <c r="AC143103" i="1"/>
  <c r="AC143104" i="1"/>
  <c r="AC143105" i="1"/>
  <c r="AC143106" i="1"/>
  <c r="AC143107" i="1"/>
  <c r="AC143108" i="1"/>
  <c r="AC143109" i="1"/>
  <c r="AC143110" i="1"/>
  <c r="AC143111" i="1"/>
  <c r="AC143112" i="1"/>
  <c r="AC143113" i="1"/>
  <c r="AC143114" i="1"/>
  <c r="AC143115" i="1"/>
  <c r="AC143116" i="1"/>
  <c r="AC143117" i="1"/>
  <c r="AC143118" i="1"/>
  <c r="AC143119" i="1"/>
  <c r="AC143120" i="1"/>
  <c r="AC143121" i="1"/>
  <c r="AC143122" i="1"/>
  <c r="AC143123" i="1"/>
  <c r="AC143124" i="1"/>
  <c r="AC143125" i="1"/>
  <c r="AC143126" i="1"/>
  <c r="AC143127" i="1"/>
  <c r="AC143128" i="1"/>
  <c r="AC143129" i="1"/>
  <c r="AC143130" i="1"/>
  <c r="AC143131" i="1"/>
  <c r="AC143132" i="1"/>
  <c r="AC143133" i="1"/>
  <c r="AC143134" i="1"/>
  <c r="AC143135" i="1"/>
  <c r="AC143136" i="1"/>
  <c r="AC143137" i="1"/>
  <c r="AC143138" i="1"/>
  <c r="AC143139" i="1"/>
  <c r="AC143140" i="1"/>
  <c r="AC143141" i="1"/>
  <c r="AC143142" i="1"/>
  <c r="AC143143" i="1"/>
  <c r="AC143144" i="1"/>
  <c r="AC143145" i="1"/>
  <c r="AC143146" i="1"/>
  <c r="AC143147" i="1"/>
  <c r="AC143148" i="1"/>
  <c r="AC143149" i="1"/>
  <c r="AC143150" i="1"/>
  <c r="AC143151" i="1"/>
  <c r="AC143152" i="1"/>
  <c r="AC143153" i="1"/>
  <c r="AC143154" i="1"/>
  <c r="AC143155" i="1"/>
  <c r="AC143156" i="1"/>
  <c r="AC143157" i="1"/>
  <c r="AC143158" i="1"/>
  <c r="AC143159" i="1"/>
  <c r="AC143160" i="1"/>
  <c r="AC143161" i="1"/>
  <c r="AC143162" i="1"/>
  <c r="AC143163" i="1"/>
  <c r="AC143164" i="1"/>
  <c r="AC143165" i="1"/>
  <c r="AC143166" i="1"/>
  <c r="AC143167" i="1"/>
  <c r="AC143168" i="1"/>
  <c r="AC143169" i="1"/>
  <c r="AC143170" i="1"/>
  <c r="AC143171" i="1"/>
  <c r="AC143172" i="1"/>
  <c r="AC143173" i="1"/>
  <c r="AC143174" i="1"/>
  <c r="AC143175" i="1"/>
  <c r="AC143176" i="1"/>
  <c r="AC143177" i="1"/>
  <c r="AC143178" i="1"/>
  <c r="AC143179" i="1"/>
  <c r="AC143180" i="1"/>
  <c r="AC143181" i="1"/>
  <c r="AC143182" i="1"/>
  <c r="AC143183" i="1"/>
  <c r="AC143184" i="1"/>
  <c r="AC143185" i="1"/>
  <c r="AC143186" i="1"/>
  <c r="AC143187" i="1"/>
  <c r="AC143188" i="1"/>
  <c r="AC143189" i="1"/>
  <c r="AC143190" i="1"/>
  <c r="AC143191" i="1"/>
  <c r="AC143192" i="1"/>
  <c r="AC143193" i="1"/>
  <c r="AC143194" i="1"/>
  <c r="AC143195" i="1"/>
  <c r="AC143196" i="1"/>
  <c r="AC143197" i="1"/>
  <c r="AC143198" i="1"/>
  <c r="AC143199" i="1"/>
  <c r="AC143200" i="1"/>
  <c r="AC143201" i="1"/>
  <c r="AC143202" i="1"/>
  <c r="AC143203" i="1"/>
  <c r="AC143204" i="1"/>
  <c r="AC143205" i="1"/>
  <c r="AC143206" i="1"/>
  <c r="AC143207" i="1"/>
  <c r="AC143208" i="1"/>
  <c r="AC143209" i="1"/>
  <c r="AC143210" i="1"/>
  <c r="AC143211" i="1"/>
  <c r="AC143212" i="1"/>
  <c r="AC143213" i="1"/>
  <c r="AC143214" i="1"/>
  <c r="AC143215" i="1"/>
  <c r="AC143216" i="1"/>
  <c r="AC143217" i="1"/>
  <c r="AC143218" i="1"/>
  <c r="AC143219" i="1"/>
  <c r="AC143220" i="1"/>
  <c r="AC143221" i="1"/>
  <c r="AC143222" i="1"/>
  <c r="AC143223" i="1"/>
  <c r="AC143224" i="1"/>
  <c r="AC143225" i="1"/>
  <c r="AC143226" i="1"/>
  <c r="AC143227" i="1"/>
  <c r="AC143228" i="1"/>
  <c r="AC143229" i="1"/>
  <c r="AC143230" i="1"/>
  <c r="AC143231" i="1"/>
  <c r="AC143232" i="1"/>
  <c r="AC143233" i="1"/>
  <c r="AC143234" i="1"/>
  <c r="AC143235" i="1"/>
  <c r="AC143236" i="1"/>
  <c r="AC143237" i="1"/>
  <c r="AC143238" i="1"/>
  <c r="AC143239" i="1"/>
  <c r="AC143240" i="1"/>
  <c r="AC143241" i="1"/>
  <c r="AC143242" i="1"/>
  <c r="AC143243" i="1"/>
  <c r="AC143244" i="1"/>
  <c r="AC143245" i="1"/>
  <c r="AC143246" i="1"/>
  <c r="AC143247" i="1"/>
  <c r="AC143248" i="1"/>
  <c r="AC143249" i="1"/>
  <c r="AC143250" i="1"/>
  <c r="AC143251" i="1"/>
  <c r="AC143252" i="1"/>
  <c r="AC143253" i="1"/>
  <c r="AC143254" i="1"/>
  <c r="AC143255" i="1"/>
  <c r="AC143256" i="1"/>
  <c r="AC143257" i="1"/>
  <c r="AC143258" i="1"/>
  <c r="AC143259" i="1"/>
  <c r="AC143260" i="1"/>
  <c r="AC143261" i="1"/>
  <c r="AC143262" i="1"/>
  <c r="AC143263" i="1"/>
  <c r="AC143264" i="1"/>
  <c r="AC143265" i="1"/>
  <c r="AC143266" i="1"/>
  <c r="AC143267" i="1"/>
  <c r="AC143268" i="1"/>
  <c r="AC143269" i="1"/>
  <c r="AC143270" i="1"/>
  <c r="AC143271" i="1"/>
  <c r="AC143272" i="1"/>
  <c r="AC143273" i="1"/>
  <c r="AC143274" i="1"/>
  <c r="AC143275" i="1"/>
  <c r="AC143276" i="1"/>
  <c r="AC143277" i="1"/>
  <c r="AC143278" i="1"/>
  <c r="AC143279" i="1"/>
  <c r="AC143280" i="1"/>
  <c r="AC143281" i="1"/>
  <c r="AC143282" i="1"/>
  <c r="AC143283" i="1"/>
  <c r="AC143284" i="1"/>
  <c r="AC143285" i="1"/>
  <c r="AC143286" i="1"/>
  <c r="AC143287" i="1"/>
  <c r="AC143288" i="1"/>
  <c r="AC143289" i="1"/>
  <c r="AC143290" i="1"/>
  <c r="AC143291" i="1"/>
  <c r="AC143292" i="1"/>
  <c r="AC143293" i="1"/>
  <c r="AC143294" i="1"/>
  <c r="AC143295" i="1"/>
  <c r="AC143296" i="1"/>
  <c r="AC143297" i="1"/>
  <c r="AC143298" i="1"/>
  <c r="AC143299" i="1"/>
  <c r="AC143300" i="1"/>
  <c r="AC143301" i="1"/>
  <c r="AC143302" i="1"/>
  <c r="AC143303" i="1"/>
  <c r="AC143304" i="1"/>
  <c r="AC143305" i="1"/>
  <c r="AC143306" i="1"/>
  <c r="AC143307" i="1"/>
  <c r="AC143308" i="1"/>
  <c r="AC143309" i="1"/>
  <c r="AC143310" i="1"/>
  <c r="AC143311" i="1"/>
  <c r="AC143312" i="1"/>
  <c r="AC143313" i="1"/>
  <c r="AC143314" i="1"/>
  <c r="AC143315" i="1"/>
  <c r="AC143316" i="1"/>
  <c r="AC143317" i="1"/>
  <c r="AC143318" i="1"/>
  <c r="AC143319" i="1"/>
  <c r="AC143320" i="1"/>
  <c r="AC143321" i="1"/>
  <c r="AC143322" i="1"/>
  <c r="AC143323" i="1"/>
  <c r="AC143324" i="1"/>
  <c r="AC143325" i="1"/>
  <c r="AC143326" i="1"/>
  <c r="AC143327" i="1"/>
  <c r="AC143328" i="1"/>
  <c r="AC143329" i="1"/>
  <c r="AC143330" i="1"/>
  <c r="AC143331" i="1"/>
  <c r="AC143332" i="1"/>
  <c r="AC143333" i="1"/>
  <c r="AC143334" i="1"/>
  <c r="AC143335" i="1"/>
  <c r="AC143336" i="1"/>
  <c r="AC143337" i="1"/>
  <c r="AC143338" i="1"/>
  <c r="AC143339" i="1"/>
  <c r="AC143340" i="1"/>
  <c r="AC143341" i="1"/>
  <c r="AC143342" i="1"/>
  <c r="AC143343" i="1"/>
  <c r="AC143344" i="1"/>
  <c r="AC143345" i="1"/>
  <c r="AC143346" i="1"/>
  <c r="AC143347" i="1"/>
  <c r="AC143348" i="1"/>
  <c r="AC143349" i="1"/>
  <c r="AC143350" i="1"/>
  <c r="AC143351" i="1"/>
  <c r="AC143352" i="1"/>
  <c r="AC143353" i="1"/>
  <c r="AC143354" i="1"/>
  <c r="AC143355" i="1"/>
  <c r="AC143356" i="1"/>
  <c r="AC143357" i="1"/>
  <c r="AC143358" i="1"/>
  <c r="AC143359" i="1"/>
  <c r="AC143360" i="1"/>
  <c r="AC143361" i="1"/>
  <c r="AC143362" i="1"/>
  <c r="AC143363" i="1"/>
  <c r="AC143364" i="1"/>
  <c r="AC143365" i="1"/>
  <c r="AC143366" i="1"/>
  <c r="AC143367" i="1"/>
  <c r="AC143368" i="1"/>
  <c r="AC143369" i="1"/>
  <c r="AC143370" i="1"/>
  <c r="AC143371" i="1"/>
  <c r="AC143372" i="1"/>
  <c r="AC143373" i="1"/>
  <c r="AC143374" i="1"/>
  <c r="AC143375" i="1"/>
  <c r="AC143376" i="1"/>
  <c r="AC143377" i="1"/>
  <c r="AC143378" i="1"/>
  <c r="AC143379" i="1"/>
  <c r="AC143380" i="1"/>
  <c r="AC143381" i="1"/>
  <c r="AC143382" i="1"/>
  <c r="AC143383" i="1"/>
  <c r="AC143384" i="1"/>
  <c r="AC143385" i="1"/>
  <c r="AC143386" i="1"/>
  <c r="AC143387" i="1"/>
  <c r="AC143388" i="1"/>
  <c r="AC143389" i="1"/>
  <c r="AC143390" i="1"/>
  <c r="AC143391" i="1"/>
  <c r="AC143392" i="1"/>
  <c r="AC143393" i="1"/>
  <c r="AC143394" i="1"/>
  <c r="AC143395" i="1"/>
  <c r="AC143396" i="1"/>
  <c r="AC143397" i="1"/>
  <c r="AC143398" i="1"/>
  <c r="AC143399" i="1"/>
  <c r="AC143400" i="1"/>
  <c r="AC143401" i="1"/>
  <c r="AC143402" i="1"/>
  <c r="AC143403" i="1"/>
  <c r="AC143404" i="1"/>
  <c r="AC143405" i="1"/>
  <c r="AC143406" i="1"/>
  <c r="AC143407" i="1"/>
  <c r="AC143408" i="1"/>
  <c r="AC143409" i="1"/>
  <c r="AC143410" i="1"/>
  <c r="AC143411" i="1"/>
  <c r="AC143412" i="1"/>
  <c r="AC143413" i="1"/>
  <c r="AC143414" i="1"/>
  <c r="AC143415" i="1"/>
  <c r="AC143416" i="1"/>
  <c r="AC143417" i="1"/>
  <c r="AC143418" i="1"/>
  <c r="AC143419" i="1"/>
  <c r="AC143420" i="1"/>
  <c r="AC143421" i="1"/>
  <c r="AC143422" i="1"/>
  <c r="AC143423" i="1"/>
  <c r="AC143424" i="1"/>
  <c r="AC143425" i="1"/>
  <c r="AC143426" i="1"/>
  <c r="AC143427" i="1"/>
  <c r="AC143428" i="1"/>
  <c r="AC143429" i="1"/>
  <c r="AC143430" i="1"/>
  <c r="AC143431" i="1"/>
  <c r="AC143432" i="1"/>
  <c r="AC143433" i="1"/>
  <c r="AC143434" i="1"/>
  <c r="AC143435" i="1"/>
  <c r="AC143436" i="1"/>
  <c r="AC143437" i="1"/>
  <c r="AC143438" i="1"/>
  <c r="AC143439" i="1"/>
  <c r="AC143440" i="1"/>
  <c r="AC143441" i="1"/>
  <c r="AC143442" i="1"/>
  <c r="AC143443" i="1"/>
  <c r="AC143444" i="1"/>
  <c r="AC143445" i="1"/>
  <c r="AC143446" i="1"/>
  <c r="AC143447" i="1"/>
  <c r="AC143448" i="1"/>
  <c r="AC143449" i="1"/>
  <c r="AC143450" i="1"/>
  <c r="AC143451" i="1"/>
  <c r="AC143452" i="1"/>
  <c r="AC143453" i="1"/>
  <c r="AC143454" i="1"/>
  <c r="AC143455" i="1"/>
  <c r="AC143456" i="1"/>
  <c r="AC143457" i="1"/>
  <c r="AC143458" i="1"/>
  <c r="AC143459" i="1"/>
  <c r="AC143460" i="1"/>
  <c r="AC143461" i="1"/>
  <c r="AC143462" i="1"/>
  <c r="AC143463" i="1"/>
  <c r="AC143464" i="1"/>
  <c r="AC143465" i="1"/>
  <c r="AC143466" i="1"/>
  <c r="AC143467" i="1"/>
  <c r="AC143468" i="1"/>
  <c r="AC143469" i="1"/>
  <c r="AC143470" i="1"/>
  <c r="AC143471" i="1"/>
  <c r="AC143472" i="1"/>
  <c r="AC143473" i="1"/>
  <c r="AC143474" i="1"/>
  <c r="AC143475" i="1"/>
  <c r="AC143476" i="1"/>
  <c r="AC143477" i="1"/>
  <c r="AC143478" i="1"/>
  <c r="AC143479" i="1"/>
  <c r="AC143480" i="1"/>
  <c r="AC143481" i="1"/>
  <c r="AC143482" i="1"/>
  <c r="AC143483" i="1"/>
  <c r="AC143484" i="1"/>
  <c r="AC143485" i="1"/>
  <c r="AC143486" i="1"/>
  <c r="AC143487" i="1"/>
  <c r="AC143488" i="1"/>
  <c r="AC143489" i="1"/>
  <c r="AC143490" i="1"/>
  <c r="AC143491" i="1"/>
  <c r="AC143492" i="1"/>
  <c r="AC143493" i="1"/>
  <c r="AC143494" i="1"/>
  <c r="AC143495" i="1"/>
  <c r="AC143496" i="1"/>
  <c r="AC143497" i="1"/>
  <c r="AC143498" i="1"/>
  <c r="AC143499" i="1"/>
  <c r="AC143500" i="1"/>
  <c r="AC143501" i="1"/>
  <c r="AC143502" i="1"/>
  <c r="AC143503" i="1"/>
  <c r="AC143504" i="1"/>
  <c r="AC143505" i="1"/>
  <c r="AC143506" i="1"/>
  <c r="AC143507" i="1"/>
  <c r="AC143508" i="1"/>
  <c r="AC143509" i="1"/>
  <c r="AC143510" i="1"/>
  <c r="AC143511" i="1"/>
  <c r="AC143512" i="1"/>
  <c r="AC143513" i="1"/>
  <c r="AC143514" i="1"/>
  <c r="AC143515" i="1"/>
  <c r="AC143516" i="1"/>
  <c r="AC143517" i="1"/>
  <c r="AC143518" i="1"/>
  <c r="AC143519" i="1"/>
  <c r="AC143520" i="1"/>
  <c r="AC143521" i="1"/>
  <c r="AC143522" i="1"/>
  <c r="AC143523" i="1"/>
  <c r="AC143524" i="1"/>
  <c r="AC143525" i="1"/>
  <c r="AC143526" i="1"/>
  <c r="AC143527" i="1"/>
  <c r="AC143528" i="1"/>
  <c r="AC143529" i="1"/>
  <c r="AC143530" i="1"/>
  <c r="AC143531" i="1"/>
  <c r="AC143532" i="1"/>
  <c r="AC143533" i="1"/>
  <c r="AC143534" i="1"/>
  <c r="AC143535" i="1"/>
  <c r="AC143536" i="1"/>
  <c r="AC143537" i="1"/>
  <c r="AC143538" i="1"/>
  <c r="AC143539" i="1"/>
  <c r="AC143540" i="1"/>
  <c r="AC143541" i="1"/>
  <c r="AC143542" i="1"/>
  <c r="AC143543" i="1"/>
  <c r="AC143544" i="1"/>
  <c r="AC143545" i="1"/>
  <c r="AC143546" i="1"/>
  <c r="AC143547" i="1"/>
  <c r="AC143548" i="1"/>
  <c r="AC143549" i="1"/>
  <c r="AC143550" i="1"/>
  <c r="AC143551" i="1"/>
  <c r="AC143552" i="1"/>
  <c r="AC143553" i="1"/>
  <c r="AC143554" i="1"/>
  <c r="AC143555" i="1"/>
  <c r="AC143556" i="1"/>
  <c r="AC143557" i="1"/>
  <c r="AC143558" i="1"/>
  <c r="AC143559" i="1"/>
  <c r="AC143560" i="1"/>
  <c r="AC143561" i="1"/>
  <c r="AC143562" i="1"/>
  <c r="AC143563" i="1"/>
  <c r="AC143564" i="1"/>
  <c r="AC143565" i="1"/>
  <c r="AC143566" i="1"/>
  <c r="AC143567" i="1"/>
  <c r="AC143568" i="1"/>
  <c r="AC143569" i="1"/>
  <c r="AC143570" i="1"/>
  <c r="AC143571" i="1"/>
  <c r="AC143572" i="1"/>
  <c r="AC143573" i="1"/>
  <c r="AC143574" i="1"/>
  <c r="AC143575" i="1"/>
  <c r="AC143576" i="1"/>
  <c r="AC143577" i="1"/>
  <c r="AC143578" i="1"/>
  <c r="AC143579" i="1"/>
  <c r="AC143580" i="1"/>
  <c r="AC143581" i="1"/>
  <c r="AC143582" i="1"/>
  <c r="AC143583" i="1"/>
  <c r="AC143584" i="1"/>
  <c r="AC143585" i="1"/>
  <c r="AC143586" i="1"/>
  <c r="AC143587" i="1"/>
  <c r="AC143588" i="1"/>
  <c r="AC143589" i="1"/>
  <c r="AC143590" i="1"/>
  <c r="AC143591" i="1"/>
  <c r="AC143592" i="1"/>
  <c r="AC143593" i="1"/>
  <c r="AC143594" i="1"/>
  <c r="AC143595" i="1"/>
  <c r="AC143596" i="1"/>
  <c r="AC143597" i="1"/>
  <c r="AC143598" i="1"/>
  <c r="AC143599" i="1"/>
  <c r="AC143600" i="1"/>
  <c r="AC143601" i="1"/>
  <c r="AC143602" i="1"/>
  <c r="AC143603" i="1"/>
  <c r="AC143604" i="1"/>
  <c r="AC143605" i="1"/>
  <c r="AC143606" i="1"/>
  <c r="AC143607" i="1"/>
  <c r="AC143608" i="1"/>
  <c r="AC143609" i="1"/>
  <c r="AC143610" i="1"/>
  <c r="AC143611" i="1"/>
  <c r="AC143612" i="1"/>
  <c r="AC143613" i="1"/>
  <c r="AC143614" i="1"/>
  <c r="AC143615" i="1"/>
  <c r="AC143616" i="1"/>
  <c r="AC143617" i="1"/>
  <c r="AC143618" i="1"/>
  <c r="AC143619" i="1"/>
  <c r="AC143620" i="1"/>
  <c r="AC143621" i="1"/>
  <c r="AC143622" i="1"/>
  <c r="AC143623" i="1"/>
  <c r="AC143624" i="1"/>
  <c r="AC143625" i="1"/>
  <c r="AC143626" i="1"/>
  <c r="AC143627" i="1"/>
  <c r="AC143628" i="1"/>
  <c r="AC143629" i="1"/>
  <c r="AC143630" i="1"/>
  <c r="AC143631" i="1"/>
  <c r="AC143632" i="1"/>
  <c r="AC143633" i="1"/>
  <c r="AC143634" i="1"/>
  <c r="AC143635" i="1"/>
  <c r="AC143636" i="1"/>
  <c r="AC143637" i="1"/>
  <c r="AC143638" i="1"/>
  <c r="AC143639" i="1"/>
  <c r="AC143640" i="1"/>
  <c r="AC143641" i="1"/>
  <c r="AC143642" i="1"/>
  <c r="AC143643" i="1"/>
  <c r="AC143644" i="1"/>
  <c r="AC143645" i="1"/>
  <c r="AC143646" i="1"/>
  <c r="AC143647" i="1"/>
  <c r="AC143648" i="1"/>
  <c r="AC143649" i="1"/>
  <c r="AC143650" i="1"/>
  <c r="AC143651" i="1"/>
  <c r="AC143652" i="1"/>
  <c r="AC143653" i="1"/>
  <c r="AC143654" i="1"/>
  <c r="AC143655" i="1"/>
  <c r="AC143656" i="1"/>
  <c r="AC143657" i="1"/>
  <c r="AC143658" i="1"/>
  <c r="AC143659" i="1"/>
  <c r="AC143660" i="1"/>
  <c r="AC143661" i="1"/>
  <c r="AC143662" i="1"/>
  <c r="AC143663" i="1"/>
  <c r="AC143664" i="1"/>
  <c r="AC143665" i="1"/>
  <c r="AC143666" i="1"/>
  <c r="AC143667" i="1"/>
  <c r="AC143668" i="1"/>
  <c r="AC143669" i="1"/>
  <c r="AC143670" i="1"/>
  <c r="AC143671" i="1"/>
  <c r="AC143672" i="1"/>
  <c r="AC143673" i="1"/>
  <c r="AC143674" i="1"/>
  <c r="AC143675" i="1"/>
  <c r="AC143676" i="1"/>
  <c r="AC143677" i="1"/>
  <c r="AC143678" i="1"/>
  <c r="AC143679" i="1"/>
  <c r="AC143680" i="1"/>
  <c r="AC143681" i="1"/>
  <c r="AC143682" i="1"/>
  <c r="AC143683" i="1"/>
  <c r="AC143684" i="1"/>
  <c r="AC143685" i="1"/>
  <c r="AC143686" i="1"/>
  <c r="AC143687" i="1"/>
  <c r="AC143688" i="1"/>
  <c r="AC143689" i="1"/>
  <c r="AC143690" i="1"/>
  <c r="AC143691" i="1"/>
  <c r="AC143692" i="1"/>
  <c r="AC143693" i="1"/>
  <c r="AC143694" i="1"/>
  <c r="AC143695" i="1"/>
  <c r="AC143696" i="1"/>
  <c r="AC143697" i="1"/>
  <c r="AC143698" i="1"/>
  <c r="AC143699" i="1"/>
  <c r="AC143700" i="1"/>
  <c r="AC143701" i="1"/>
  <c r="AC143702" i="1"/>
  <c r="AC143703" i="1"/>
  <c r="AC143704" i="1"/>
  <c r="AC143705" i="1"/>
  <c r="AC143706" i="1"/>
  <c r="AC143707" i="1"/>
  <c r="AC143708" i="1"/>
  <c r="AC143709" i="1"/>
  <c r="AC143710" i="1"/>
  <c r="AC143711" i="1"/>
  <c r="AC143712" i="1"/>
  <c r="AC143713" i="1"/>
  <c r="AC143714" i="1"/>
  <c r="AC143715" i="1"/>
  <c r="AC143716" i="1"/>
  <c r="AC143717" i="1"/>
  <c r="AC143718" i="1"/>
  <c r="AC143719" i="1"/>
  <c r="AC143720" i="1"/>
  <c r="AC143721" i="1"/>
  <c r="AC143722" i="1"/>
  <c r="AC143723" i="1"/>
  <c r="AC143724" i="1"/>
  <c r="AC143725" i="1"/>
  <c r="AC143726" i="1"/>
  <c r="AC143727" i="1"/>
  <c r="AC143728" i="1"/>
  <c r="AC143729" i="1"/>
  <c r="AC143730" i="1"/>
  <c r="AC143731" i="1"/>
  <c r="AC143732" i="1"/>
  <c r="AC143733" i="1"/>
  <c r="AC143734" i="1"/>
  <c r="AC143735" i="1"/>
  <c r="AC143736" i="1"/>
  <c r="AC143737" i="1"/>
  <c r="AC143738" i="1"/>
  <c r="AC143739" i="1"/>
  <c r="AC143740" i="1"/>
  <c r="AC143741" i="1"/>
  <c r="AC143742" i="1"/>
  <c r="AC143743" i="1"/>
  <c r="AC143744" i="1"/>
  <c r="AC143745" i="1"/>
  <c r="AC143746" i="1"/>
  <c r="AC143747" i="1"/>
  <c r="AC143748" i="1"/>
  <c r="AC143749" i="1"/>
  <c r="AC143750" i="1"/>
  <c r="AC143751" i="1"/>
  <c r="AC143752" i="1"/>
  <c r="AC143753" i="1"/>
  <c r="AC143754" i="1"/>
  <c r="AC143755" i="1"/>
  <c r="AC143756" i="1"/>
  <c r="AC143757" i="1"/>
  <c r="AC143758" i="1"/>
  <c r="AC143759" i="1"/>
  <c r="AC143760" i="1"/>
  <c r="AC143761" i="1"/>
  <c r="AC143762" i="1"/>
  <c r="AC143763" i="1"/>
  <c r="AC143764" i="1"/>
  <c r="AC143765" i="1"/>
  <c r="AC143766" i="1"/>
  <c r="AC143767" i="1"/>
  <c r="AC143768" i="1"/>
  <c r="AC143769" i="1"/>
  <c r="AC143770" i="1"/>
  <c r="AC143771" i="1"/>
  <c r="AC143772" i="1"/>
  <c r="AC143773" i="1"/>
  <c r="AC143774" i="1"/>
  <c r="AC143775" i="1"/>
  <c r="AC143776" i="1"/>
  <c r="AC143777" i="1"/>
  <c r="AC143778" i="1"/>
  <c r="AC143779" i="1"/>
  <c r="AC143780" i="1"/>
  <c r="AC143781" i="1"/>
  <c r="AC143782" i="1"/>
  <c r="AC143783" i="1"/>
  <c r="AC143784" i="1"/>
  <c r="AC143785" i="1"/>
  <c r="AC143786" i="1"/>
  <c r="AC143787" i="1"/>
  <c r="AC143788" i="1"/>
  <c r="AC143789" i="1"/>
  <c r="AC143790" i="1"/>
  <c r="AC143791" i="1"/>
  <c r="AC143792" i="1"/>
  <c r="AC143793" i="1"/>
  <c r="AC143794" i="1"/>
  <c r="AC143795" i="1"/>
  <c r="AC143796" i="1"/>
  <c r="AC143797" i="1"/>
  <c r="AC143798" i="1"/>
  <c r="AC143799" i="1"/>
  <c r="AC143800" i="1"/>
  <c r="AC143801" i="1"/>
  <c r="AC143802" i="1"/>
  <c r="AC143803" i="1"/>
  <c r="AC143804" i="1"/>
  <c r="AC143805" i="1"/>
  <c r="AC143806" i="1"/>
  <c r="AC143807" i="1"/>
  <c r="AC143808" i="1"/>
  <c r="AC143809" i="1"/>
  <c r="AC143810" i="1"/>
  <c r="AC143811" i="1"/>
  <c r="AC143812" i="1"/>
  <c r="AC143813" i="1"/>
  <c r="AC143814" i="1"/>
  <c r="AC143815" i="1"/>
  <c r="AC143816" i="1"/>
  <c r="AC143817" i="1"/>
  <c r="AC143818" i="1"/>
  <c r="AC143819" i="1"/>
  <c r="AC143820" i="1"/>
  <c r="AC143821" i="1"/>
  <c r="AC143822" i="1"/>
  <c r="AC143823" i="1"/>
  <c r="AC143824" i="1"/>
  <c r="AC143825" i="1"/>
  <c r="AC143826" i="1"/>
  <c r="AC143827" i="1"/>
  <c r="AC143828" i="1"/>
  <c r="AC143829" i="1"/>
  <c r="AC143830" i="1"/>
  <c r="AC143831" i="1"/>
  <c r="AC143832" i="1"/>
  <c r="AC143833" i="1"/>
  <c r="AC143834" i="1"/>
  <c r="AC143835" i="1"/>
  <c r="AC143836" i="1"/>
  <c r="AC143837" i="1"/>
  <c r="AC143838" i="1"/>
  <c r="AC143839" i="1"/>
  <c r="AC143840" i="1"/>
  <c r="AC143841" i="1"/>
  <c r="AC143842" i="1"/>
  <c r="AC143843" i="1"/>
  <c r="AC143844" i="1"/>
  <c r="AC143845" i="1"/>
  <c r="AC143846" i="1"/>
  <c r="AC143847" i="1"/>
  <c r="AC143848" i="1"/>
  <c r="AC143849" i="1"/>
  <c r="AC143850" i="1"/>
  <c r="AC143851" i="1"/>
  <c r="AC143852" i="1"/>
  <c r="AC143853" i="1"/>
  <c r="AC143854" i="1"/>
  <c r="AC143855" i="1"/>
  <c r="AC143856" i="1"/>
  <c r="AC143857" i="1"/>
  <c r="AC143858" i="1"/>
  <c r="AC143859" i="1"/>
  <c r="AC143860" i="1"/>
  <c r="AC143861" i="1"/>
  <c r="AC143862" i="1"/>
  <c r="AC143863" i="1"/>
  <c r="AC143864" i="1"/>
  <c r="AC143865" i="1"/>
  <c r="AC143866" i="1"/>
  <c r="AC143867" i="1"/>
  <c r="AC143868" i="1"/>
  <c r="AC143869" i="1"/>
  <c r="AC143870" i="1"/>
  <c r="AC143871" i="1"/>
  <c r="AC143872" i="1"/>
  <c r="AC143873" i="1"/>
  <c r="AC143874" i="1"/>
  <c r="AC143875" i="1"/>
  <c r="AC143876" i="1"/>
  <c r="AC143877" i="1"/>
  <c r="AC143878" i="1"/>
  <c r="AC143879" i="1"/>
  <c r="AC143880" i="1"/>
  <c r="AC143881" i="1"/>
  <c r="AC143882" i="1"/>
  <c r="AC143883" i="1"/>
  <c r="AC143884" i="1"/>
  <c r="AC143885" i="1"/>
  <c r="AC143886" i="1"/>
  <c r="AC143887" i="1"/>
  <c r="AC143888" i="1"/>
  <c r="AC143889" i="1"/>
  <c r="AC143890" i="1"/>
  <c r="AC143891" i="1"/>
  <c r="AC143892" i="1"/>
  <c r="AC143893" i="1"/>
  <c r="AC143894" i="1"/>
  <c r="AC143895" i="1"/>
  <c r="AC143896" i="1"/>
  <c r="AC143897" i="1"/>
  <c r="AC143898" i="1"/>
  <c r="AC143899" i="1"/>
  <c r="AC143900" i="1"/>
  <c r="AC143901" i="1"/>
  <c r="AC143902" i="1"/>
  <c r="AC143903" i="1"/>
  <c r="AC143904" i="1"/>
  <c r="AC143905" i="1"/>
  <c r="AC143906" i="1"/>
  <c r="AC143907" i="1"/>
  <c r="AC143908" i="1"/>
  <c r="AC143909" i="1"/>
  <c r="AC143910" i="1"/>
  <c r="AC143911" i="1"/>
  <c r="AC143912" i="1"/>
  <c r="AC143913" i="1"/>
  <c r="AC143914" i="1"/>
  <c r="AC143915" i="1"/>
  <c r="AC143916" i="1"/>
  <c r="AC143917" i="1"/>
  <c r="AC143918" i="1"/>
  <c r="AC143919" i="1"/>
  <c r="AC143920" i="1"/>
  <c r="AC143921" i="1"/>
  <c r="AC143922" i="1"/>
  <c r="AC143923" i="1"/>
  <c r="AC143924" i="1"/>
  <c r="AC143925" i="1"/>
  <c r="AC143926" i="1"/>
  <c r="AC143927" i="1"/>
  <c r="AC143928" i="1"/>
  <c r="AC143929" i="1"/>
  <c r="AC143930" i="1"/>
  <c r="AC143931" i="1"/>
  <c r="AC143932" i="1"/>
  <c r="AC143933" i="1"/>
  <c r="AC143934" i="1"/>
  <c r="AC143935" i="1"/>
  <c r="AC143936" i="1"/>
  <c r="AC143937" i="1"/>
  <c r="AC143938" i="1"/>
  <c r="AC143939" i="1"/>
  <c r="AC143940" i="1"/>
  <c r="AC143941" i="1"/>
  <c r="AC143942" i="1"/>
  <c r="AC143943" i="1"/>
  <c r="AC143944" i="1"/>
  <c r="AC143945" i="1"/>
  <c r="AC143946" i="1"/>
  <c r="AC143947" i="1"/>
  <c r="AC143948" i="1"/>
  <c r="AC143949" i="1"/>
  <c r="AC143950" i="1"/>
  <c r="AC143951" i="1"/>
  <c r="AC143952" i="1"/>
  <c r="AC143953" i="1"/>
  <c r="AC143954" i="1"/>
  <c r="AC143955" i="1"/>
  <c r="AC143956" i="1"/>
  <c r="AC143957" i="1"/>
  <c r="AC143958" i="1"/>
  <c r="AC143959" i="1"/>
  <c r="AC143960" i="1"/>
  <c r="AC143961" i="1"/>
  <c r="AC143962" i="1"/>
  <c r="AC143963" i="1"/>
  <c r="AC143964" i="1"/>
  <c r="AC143965" i="1"/>
  <c r="AC143966" i="1"/>
  <c r="AC143967" i="1"/>
  <c r="AC143968" i="1"/>
  <c r="AC143969" i="1"/>
  <c r="AC143970" i="1"/>
  <c r="AC143971" i="1"/>
  <c r="AC143972" i="1"/>
  <c r="AC143973" i="1"/>
  <c r="AC143974" i="1"/>
  <c r="AC143975" i="1"/>
  <c r="AC143976" i="1"/>
  <c r="AC143977" i="1"/>
  <c r="AC143978" i="1"/>
  <c r="AC143979" i="1"/>
  <c r="AC143980" i="1"/>
  <c r="AC143981" i="1"/>
  <c r="AC143982" i="1"/>
  <c r="AC143983" i="1"/>
  <c r="AC143984" i="1"/>
  <c r="AC143985" i="1"/>
  <c r="AC143986" i="1"/>
  <c r="AC143987" i="1"/>
  <c r="AC143988" i="1"/>
  <c r="AC143989" i="1"/>
  <c r="AC143990" i="1"/>
  <c r="AC143991" i="1"/>
  <c r="AC143992" i="1"/>
  <c r="AC143993" i="1"/>
  <c r="AC143994" i="1"/>
  <c r="AC143995" i="1"/>
  <c r="AC143996" i="1"/>
  <c r="AC143997" i="1"/>
  <c r="AC143998" i="1"/>
  <c r="AC143999" i="1"/>
  <c r="AC144000" i="1"/>
  <c r="AC144001" i="1"/>
  <c r="AC144002" i="1"/>
  <c r="AC144003" i="1"/>
  <c r="AC144004" i="1"/>
  <c r="AC144005" i="1"/>
  <c r="AC144006" i="1"/>
  <c r="AC144007" i="1"/>
  <c r="AC144008" i="1"/>
  <c r="AC144009" i="1"/>
  <c r="AC144010" i="1"/>
  <c r="AC144011" i="1"/>
  <c r="AC144012" i="1"/>
  <c r="AC144013" i="1"/>
  <c r="AC144014" i="1"/>
  <c r="AC144015" i="1"/>
  <c r="AC144016" i="1"/>
  <c r="AC144017" i="1"/>
  <c r="AC144018" i="1"/>
  <c r="AC144019" i="1"/>
  <c r="AC144020" i="1"/>
  <c r="AC144021" i="1"/>
  <c r="AC144022" i="1"/>
  <c r="AC144023" i="1"/>
  <c r="AC144024" i="1"/>
  <c r="AC144025" i="1"/>
  <c r="AC144026" i="1"/>
  <c r="AC144027" i="1"/>
  <c r="AC144028" i="1"/>
  <c r="AC144029" i="1"/>
  <c r="AC144030" i="1"/>
  <c r="AC144031" i="1"/>
  <c r="AC144032" i="1"/>
  <c r="AC144033" i="1"/>
  <c r="AC144034" i="1"/>
  <c r="AC144035" i="1"/>
  <c r="AC144036" i="1"/>
  <c r="AC144037" i="1"/>
  <c r="AC144038" i="1"/>
  <c r="AC144039" i="1"/>
  <c r="AC144040" i="1"/>
  <c r="AC144041" i="1"/>
  <c r="AC144042" i="1"/>
  <c r="AC144043" i="1"/>
  <c r="AC144044" i="1"/>
  <c r="AC144045" i="1"/>
  <c r="AC144046" i="1"/>
  <c r="AC144047" i="1"/>
  <c r="AC144048" i="1"/>
  <c r="AC144049" i="1"/>
  <c r="AC144050" i="1"/>
  <c r="AC144051" i="1"/>
  <c r="AC144052" i="1"/>
  <c r="AC144053" i="1"/>
  <c r="AC144054" i="1"/>
  <c r="AC144055" i="1"/>
  <c r="AC144056" i="1"/>
  <c r="AC144057" i="1"/>
  <c r="AC144058" i="1"/>
  <c r="AC144059" i="1"/>
  <c r="AC144060" i="1"/>
  <c r="AC144061" i="1"/>
  <c r="AC144062" i="1"/>
  <c r="AC144063" i="1"/>
  <c r="AC144064" i="1"/>
  <c r="AC144065" i="1"/>
  <c r="AC144066" i="1"/>
  <c r="AC144067" i="1"/>
  <c r="AC144068" i="1"/>
  <c r="AC144069" i="1"/>
  <c r="AC144070" i="1"/>
  <c r="AC144071" i="1"/>
  <c r="AC144072" i="1"/>
  <c r="AC144073" i="1"/>
  <c r="AC144074" i="1"/>
  <c r="AC144075" i="1"/>
  <c r="AC144076" i="1"/>
  <c r="AC144077" i="1"/>
  <c r="AC144078" i="1"/>
  <c r="AC144079" i="1"/>
  <c r="AC144080" i="1"/>
  <c r="AC144081" i="1"/>
  <c r="AC144082" i="1"/>
  <c r="AC144083" i="1"/>
  <c r="AC144084" i="1"/>
  <c r="AC144085" i="1"/>
  <c r="AC144086" i="1"/>
  <c r="AC144087" i="1"/>
  <c r="AC144088" i="1"/>
  <c r="AC144089" i="1"/>
  <c r="AC144090" i="1"/>
  <c r="AC144091" i="1"/>
  <c r="AC144092" i="1"/>
  <c r="AC144093" i="1"/>
  <c r="AC144094" i="1"/>
  <c r="AC144095" i="1"/>
  <c r="AC144096" i="1"/>
  <c r="AC144097" i="1"/>
  <c r="AC144098" i="1"/>
  <c r="AC144099" i="1"/>
  <c r="AC144100" i="1"/>
  <c r="AC144101" i="1"/>
  <c r="AC144102" i="1"/>
  <c r="AC144103" i="1"/>
  <c r="AC144104" i="1"/>
  <c r="AC144105" i="1"/>
  <c r="AC144106" i="1"/>
  <c r="AC144107" i="1"/>
  <c r="AC144108" i="1"/>
  <c r="AC144109" i="1"/>
  <c r="AC144110" i="1"/>
  <c r="AC144111" i="1"/>
  <c r="AC144112" i="1"/>
  <c r="AC144113" i="1"/>
  <c r="AC144114" i="1"/>
  <c r="AC144115" i="1"/>
  <c r="AC144116" i="1"/>
  <c r="AC144117" i="1"/>
  <c r="AC144118" i="1"/>
  <c r="AC144119" i="1"/>
  <c r="AC144120" i="1"/>
  <c r="AC144121" i="1"/>
  <c r="AC144122" i="1"/>
  <c r="AC144123" i="1"/>
  <c r="AC144124" i="1"/>
  <c r="AC144125" i="1"/>
  <c r="AC144126" i="1"/>
  <c r="AC144127" i="1"/>
  <c r="AC144128" i="1"/>
  <c r="AC144129" i="1"/>
  <c r="AC144130" i="1"/>
  <c r="AC144131" i="1"/>
  <c r="AC144132" i="1"/>
  <c r="AC144133" i="1"/>
  <c r="AC144134" i="1"/>
  <c r="AC144135" i="1"/>
  <c r="AC144136" i="1"/>
  <c r="AC144137" i="1"/>
  <c r="AC144138" i="1"/>
  <c r="AC144139" i="1"/>
  <c r="AC144140" i="1"/>
  <c r="AC144141" i="1"/>
  <c r="AC144142" i="1"/>
  <c r="AC144143" i="1"/>
  <c r="AC144144" i="1"/>
  <c r="AC144145" i="1"/>
  <c r="AC144146" i="1"/>
  <c r="AC144147" i="1"/>
  <c r="AC144148" i="1"/>
  <c r="AC144149" i="1"/>
  <c r="AC144150" i="1"/>
  <c r="AC144151" i="1"/>
  <c r="AC144152" i="1"/>
  <c r="AC144153" i="1"/>
  <c r="AC144154" i="1"/>
  <c r="AC144155" i="1"/>
  <c r="AC144156" i="1"/>
  <c r="AC144157" i="1"/>
  <c r="AC144158" i="1"/>
  <c r="AC144159" i="1"/>
  <c r="AC144160" i="1"/>
  <c r="AC144161" i="1"/>
  <c r="AC144162" i="1"/>
  <c r="AC144163" i="1"/>
  <c r="AC144164" i="1"/>
  <c r="AC144165" i="1"/>
  <c r="AC144166" i="1"/>
  <c r="AC144167" i="1"/>
  <c r="AC144168" i="1"/>
  <c r="AC144169" i="1"/>
  <c r="AC144170" i="1"/>
  <c r="AC144171" i="1"/>
  <c r="AC144172" i="1"/>
  <c r="AC144173" i="1"/>
  <c r="AC144174" i="1"/>
  <c r="AC144175" i="1"/>
  <c r="AC144176" i="1"/>
  <c r="AC144177" i="1"/>
  <c r="AC144178" i="1"/>
  <c r="AC144179" i="1"/>
  <c r="AC144180" i="1"/>
  <c r="AC144181" i="1"/>
  <c r="AC144182" i="1"/>
  <c r="AC144183" i="1"/>
  <c r="AC144184" i="1"/>
  <c r="AC144185" i="1"/>
  <c r="AC144186" i="1"/>
  <c r="AC144187" i="1"/>
  <c r="AC144188" i="1"/>
  <c r="AC144189" i="1"/>
  <c r="AC144190" i="1"/>
  <c r="AC144191" i="1"/>
  <c r="AC144192" i="1"/>
  <c r="AC144193" i="1"/>
  <c r="AC144194" i="1"/>
  <c r="AC144195" i="1"/>
  <c r="AC144196" i="1"/>
  <c r="AC144197" i="1"/>
  <c r="AC144198" i="1"/>
  <c r="AC144199" i="1"/>
  <c r="AC144200" i="1"/>
  <c r="AC144201" i="1"/>
  <c r="AC144202" i="1"/>
  <c r="AC144203" i="1"/>
  <c r="AC144204" i="1"/>
  <c r="AC144205" i="1"/>
  <c r="AC144206" i="1"/>
  <c r="AC144207" i="1"/>
  <c r="AC144208" i="1"/>
  <c r="AC144209" i="1"/>
  <c r="AC144210" i="1"/>
  <c r="AC144211" i="1"/>
  <c r="AC144212" i="1"/>
  <c r="AC144213" i="1"/>
  <c r="AC144214" i="1"/>
  <c r="AC144215" i="1"/>
  <c r="AC144216" i="1"/>
  <c r="AC144217" i="1"/>
  <c r="AC144218" i="1"/>
  <c r="AC144219" i="1"/>
  <c r="AC144220" i="1"/>
  <c r="AC144221" i="1"/>
  <c r="AC144222" i="1"/>
  <c r="AC144223" i="1"/>
  <c r="AC144224" i="1"/>
  <c r="AC144225" i="1"/>
  <c r="AC144226" i="1"/>
  <c r="AC144227" i="1"/>
  <c r="AC144228" i="1"/>
  <c r="AC144229" i="1"/>
  <c r="AC144230" i="1"/>
  <c r="AC144231" i="1"/>
  <c r="AC144232" i="1"/>
  <c r="AC144233" i="1"/>
  <c r="AC144234" i="1"/>
  <c r="AC144235" i="1"/>
  <c r="AC144236" i="1"/>
  <c r="AC144237" i="1"/>
  <c r="AC144238" i="1"/>
  <c r="AC144239" i="1"/>
  <c r="AC144240" i="1"/>
  <c r="AC144241" i="1"/>
  <c r="AC144242" i="1"/>
  <c r="AC144243" i="1"/>
  <c r="AC144244" i="1"/>
  <c r="AC144245" i="1"/>
  <c r="AC144246" i="1"/>
  <c r="AC144247" i="1"/>
  <c r="AC144248" i="1"/>
  <c r="AC144249" i="1"/>
  <c r="AC144250" i="1"/>
  <c r="AC144251" i="1"/>
  <c r="AC144252" i="1"/>
  <c r="AC144253" i="1"/>
  <c r="AC144254" i="1"/>
  <c r="AC144255" i="1"/>
  <c r="AC144256" i="1"/>
  <c r="AC144257" i="1"/>
  <c r="AC144258" i="1"/>
  <c r="AC144259" i="1"/>
  <c r="AC144260" i="1"/>
  <c r="AC144261" i="1"/>
  <c r="AC144262" i="1"/>
  <c r="AC144263" i="1"/>
  <c r="AC144264" i="1"/>
  <c r="AC144265" i="1"/>
  <c r="AC144266" i="1"/>
  <c r="AC144267" i="1"/>
  <c r="AC144268" i="1"/>
  <c r="AC144269" i="1"/>
  <c r="AC144270" i="1"/>
  <c r="AC144271" i="1"/>
  <c r="AC144272" i="1"/>
  <c r="AC144273" i="1"/>
  <c r="AC144274" i="1"/>
  <c r="AC144275" i="1"/>
  <c r="AC144276" i="1"/>
  <c r="AC144277" i="1"/>
  <c r="AC144278" i="1"/>
  <c r="AC144279" i="1"/>
  <c r="AC144280" i="1"/>
  <c r="AC144281" i="1"/>
  <c r="AC144282" i="1"/>
  <c r="AC144283" i="1"/>
  <c r="AC144284" i="1"/>
  <c r="AC144285" i="1"/>
  <c r="AC144286" i="1"/>
  <c r="AC144287" i="1"/>
  <c r="AC144288" i="1"/>
  <c r="AC144289" i="1"/>
  <c r="AC144290" i="1"/>
  <c r="AC144291" i="1"/>
  <c r="AC144292" i="1"/>
  <c r="AC144293" i="1"/>
  <c r="AC144294" i="1"/>
  <c r="AC144295" i="1"/>
  <c r="AC144296" i="1"/>
  <c r="AC144297" i="1"/>
  <c r="AC144298" i="1"/>
  <c r="AC144299" i="1"/>
  <c r="AC144300" i="1"/>
  <c r="AC144301" i="1"/>
  <c r="AC144302" i="1"/>
  <c r="AC144303" i="1"/>
  <c r="AC144304" i="1"/>
  <c r="AC144305" i="1"/>
  <c r="AC144306" i="1"/>
  <c r="AC144307" i="1"/>
  <c r="AC144308" i="1"/>
  <c r="AC144309" i="1"/>
  <c r="AC144310" i="1"/>
  <c r="AC144311" i="1"/>
  <c r="AC144312" i="1"/>
  <c r="AC144313" i="1"/>
  <c r="AC144314" i="1"/>
  <c r="AC144315" i="1"/>
  <c r="AC144316" i="1"/>
  <c r="AC144317" i="1"/>
  <c r="AC144318" i="1"/>
  <c r="AC144319" i="1"/>
  <c r="AC144320" i="1"/>
  <c r="AC144321" i="1"/>
  <c r="AC144322" i="1"/>
  <c r="AC144323" i="1"/>
  <c r="AC144324" i="1"/>
  <c r="AC144325" i="1"/>
  <c r="AC144326" i="1"/>
  <c r="AC144327" i="1"/>
  <c r="AC144328" i="1"/>
  <c r="AC144329" i="1"/>
  <c r="AC144330" i="1"/>
  <c r="AC144331" i="1"/>
  <c r="AC144332" i="1"/>
  <c r="AC144333" i="1"/>
  <c r="AC144334" i="1"/>
  <c r="AC144335" i="1"/>
  <c r="AC144336" i="1"/>
  <c r="AC144337" i="1"/>
  <c r="AC144338" i="1"/>
  <c r="AC144339" i="1"/>
  <c r="AC144340" i="1"/>
  <c r="AC144341" i="1"/>
  <c r="AC144342" i="1"/>
  <c r="AC144343" i="1"/>
  <c r="AC144344" i="1"/>
  <c r="AC144345" i="1"/>
  <c r="AC144346" i="1"/>
  <c r="AC144347" i="1"/>
  <c r="AC144348" i="1"/>
  <c r="AC144349" i="1"/>
  <c r="AC144350" i="1"/>
  <c r="AC144351" i="1"/>
  <c r="AC144352" i="1"/>
  <c r="AC144353" i="1"/>
  <c r="AC144354" i="1"/>
  <c r="AC144355" i="1"/>
  <c r="AC144356" i="1"/>
  <c r="AC144357" i="1"/>
  <c r="AC144358" i="1"/>
  <c r="AC144359" i="1"/>
  <c r="AC144360" i="1"/>
  <c r="AC144361" i="1"/>
  <c r="AC144362" i="1"/>
  <c r="AC144363" i="1"/>
  <c r="AC144364" i="1"/>
  <c r="AC144365" i="1"/>
  <c r="AC144366" i="1"/>
  <c r="AC144367" i="1"/>
  <c r="AC144368" i="1"/>
  <c r="AC144369" i="1"/>
  <c r="AC144370" i="1"/>
  <c r="AC144371" i="1"/>
  <c r="AC144372" i="1"/>
  <c r="AC144373" i="1"/>
  <c r="AC144374" i="1"/>
  <c r="AC144375" i="1"/>
  <c r="AC144376" i="1"/>
  <c r="AC144377" i="1"/>
  <c r="AC144378" i="1"/>
  <c r="AC144379" i="1"/>
  <c r="AC144380" i="1"/>
  <c r="AC144381" i="1"/>
  <c r="AC144382" i="1"/>
  <c r="AC144383" i="1"/>
  <c r="AC144384" i="1"/>
  <c r="AC144385" i="1"/>
  <c r="AC144386" i="1"/>
  <c r="AC144387" i="1"/>
  <c r="AC144388" i="1"/>
  <c r="AC144389" i="1"/>
  <c r="AC144390" i="1"/>
  <c r="AC144391" i="1"/>
  <c r="AC144392" i="1"/>
  <c r="AC144393" i="1"/>
  <c r="AC144394" i="1"/>
  <c r="AC144395" i="1"/>
  <c r="AC144396" i="1"/>
  <c r="AC144397" i="1"/>
  <c r="AC144398" i="1"/>
  <c r="AC144399" i="1"/>
  <c r="AC144400" i="1"/>
  <c r="AC144401" i="1"/>
  <c r="AC144402" i="1"/>
  <c r="AC144403" i="1"/>
  <c r="AC144404" i="1"/>
  <c r="AC144405" i="1"/>
  <c r="AC144406" i="1"/>
  <c r="AC144407" i="1"/>
  <c r="AC144408" i="1"/>
  <c r="AC144409" i="1"/>
  <c r="AC144410" i="1"/>
  <c r="AC144411" i="1"/>
  <c r="AC144412" i="1"/>
  <c r="AC144413" i="1"/>
  <c r="AC144414" i="1"/>
  <c r="AC144415" i="1"/>
  <c r="AC144416" i="1"/>
  <c r="AC144417" i="1"/>
  <c r="AC144418" i="1"/>
  <c r="AC144419" i="1"/>
  <c r="AC144420" i="1"/>
  <c r="AC144421" i="1"/>
  <c r="AC144422" i="1"/>
  <c r="AC144423" i="1"/>
  <c r="AC144424" i="1"/>
  <c r="AC144425" i="1"/>
  <c r="AC144426" i="1"/>
  <c r="AC144427" i="1"/>
  <c r="AC144428" i="1"/>
  <c r="AC144429" i="1"/>
  <c r="AC144430" i="1"/>
  <c r="AC144431" i="1"/>
  <c r="AC144432" i="1"/>
  <c r="AC144433" i="1"/>
  <c r="AC144434" i="1"/>
  <c r="AC144435" i="1"/>
  <c r="AC144436" i="1"/>
  <c r="AC144437" i="1"/>
  <c r="AC144438" i="1"/>
  <c r="AC144439" i="1"/>
  <c r="AC144440" i="1"/>
  <c r="AC144441" i="1"/>
  <c r="AC144442" i="1"/>
  <c r="AC144443" i="1"/>
  <c r="AC144444" i="1"/>
  <c r="AC144445" i="1"/>
  <c r="AC144446" i="1"/>
  <c r="AC144447" i="1"/>
  <c r="AC144448" i="1"/>
  <c r="AC144449" i="1"/>
  <c r="AC144450" i="1"/>
  <c r="AC144451" i="1"/>
  <c r="AC144452" i="1"/>
  <c r="AC144453" i="1"/>
  <c r="AC144454" i="1"/>
  <c r="AC144455" i="1"/>
  <c r="AC144456" i="1"/>
  <c r="AC144457" i="1"/>
  <c r="AC144458" i="1"/>
  <c r="AC144459" i="1"/>
  <c r="AC144460" i="1"/>
  <c r="AC144461" i="1"/>
  <c r="AC144462" i="1"/>
  <c r="AC144463" i="1"/>
  <c r="AC144464" i="1"/>
  <c r="AC144465" i="1"/>
  <c r="AC144466" i="1"/>
  <c r="AC144467" i="1"/>
  <c r="AC144468" i="1"/>
  <c r="AC144469" i="1"/>
  <c r="AC144470" i="1"/>
  <c r="AC144471" i="1"/>
  <c r="AC144472" i="1"/>
  <c r="AC144473" i="1"/>
  <c r="AC144474" i="1"/>
  <c r="AC144475" i="1"/>
  <c r="AC144476" i="1"/>
  <c r="AC144477" i="1"/>
  <c r="AC144478" i="1"/>
  <c r="AC144479" i="1"/>
  <c r="AC144480" i="1"/>
  <c r="AC144481" i="1"/>
  <c r="AC144482" i="1"/>
  <c r="AC144483" i="1"/>
  <c r="AC144484" i="1"/>
  <c r="AC144485" i="1"/>
  <c r="AC144486" i="1"/>
  <c r="AC144487" i="1"/>
  <c r="AC144488" i="1"/>
  <c r="AC144489" i="1"/>
  <c r="AC144490" i="1"/>
  <c r="AC144491" i="1"/>
  <c r="AC144492" i="1"/>
  <c r="AC144493" i="1"/>
  <c r="AC144494" i="1"/>
  <c r="AC144495" i="1"/>
  <c r="AC144496" i="1"/>
  <c r="AC144497" i="1"/>
  <c r="AC144498" i="1"/>
  <c r="AC144499" i="1"/>
  <c r="AC144500" i="1"/>
  <c r="AC144501" i="1"/>
  <c r="AC144502" i="1"/>
  <c r="AC144503" i="1"/>
  <c r="AC144504" i="1"/>
  <c r="AC144505" i="1"/>
  <c r="AC144506" i="1"/>
  <c r="AC144507" i="1"/>
  <c r="AC144508" i="1"/>
  <c r="AC144509" i="1"/>
  <c r="AC144510" i="1"/>
  <c r="AC144511" i="1"/>
  <c r="AC144512" i="1"/>
  <c r="AC144513" i="1"/>
  <c r="AC144514" i="1"/>
  <c r="AC144515" i="1"/>
  <c r="AC144516" i="1"/>
  <c r="AC144517" i="1"/>
  <c r="AC144518" i="1"/>
  <c r="AC144519" i="1"/>
  <c r="AC144520" i="1"/>
  <c r="AC144521" i="1"/>
  <c r="AC144522" i="1"/>
  <c r="AC144523" i="1"/>
  <c r="AC144524" i="1"/>
  <c r="AC144525" i="1"/>
  <c r="AC144526" i="1"/>
  <c r="AC144527" i="1"/>
  <c r="AC144528" i="1"/>
  <c r="AC144529" i="1"/>
  <c r="AC144530" i="1"/>
  <c r="AC144531" i="1"/>
  <c r="AC144532" i="1"/>
  <c r="AC144533" i="1"/>
  <c r="AC144534" i="1"/>
  <c r="AC144535" i="1"/>
  <c r="AC144536" i="1"/>
  <c r="AC144537" i="1"/>
  <c r="AC144538" i="1"/>
  <c r="AC144539" i="1"/>
  <c r="AC144540" i="1"/>
  <c r="AC144541" i="1"/>
  <c r="AC144542" i="1"/>
  <c r="AC144543" i="1"/>
  <c r="AC144544" i="1"/>
  <c r="AC144545" i="1"/>
  <c r="AC144546" i="1"/>
  <c r="AC144547" i="1"/>
  <c r="AC144548" i="1"/>
  <c r="AC144549" i="1"/>
  <c r="AC144550" i="1"/>
  <c r="AC144551" i="1"/>
  <c r="AC144552" i="1"/>
  <c r="AC144553" i="1"/>
  <c r="AC144554" i="1"/>
  <c r="AC144555" i="1"/>
  <c r="AC144556" i="1"/>
  <c r="AC144557" i="1"/>
  <c r="AC144558" i="1"/>
  <c r="AC144559" i="1"/>
  <c r="AC144560" i="1"/>
  <c r="AC144561" i="1"/>
  <c r="AC144562" i="1"/>
  <c r="AC144563" i="1"/>
  <c r="AC144564" i="1"/>
  <c r="AC144565" i="1"/>
  <c r="AC144566" i="1"/>
  <c r="AC144567" i="1"/>
  <c r="AC144568" i="1"/>
  <c r="AC144569" i="1"/>
  <c r="AC144570" i="1"/>
  <c r="AC144571" i="1"/>
  <c r="AC144572" i="1"/>
  <c r="AC144573" i="1"/>
  <c r="AC144574" i="1"/>
  <c r="AC144575" i="1"/>
  <c r="AC144576" i="1"/>
  <c r="AC144577" i="1"/>
  <c r="AC144578" i="1"/>
  <c r="AC144579" i="1"/>
  <c r="AC144580" i="1"/>
  <c r="AC144581" i="1"/>
  <c r="AC144582" i="1"/>
  <c r="AC144583" i="1"/>
  <c r="AC144584" i="1"/>
  <c r="AC144585" i="1"/>
  <c r="AC144586" i="1"/>
  <c r="AC144587" i="1"/>
  <c r="AC144588" i="1"/>
  <c r="AC144589" i="1"/>
  <c r="AC144590" i="1"/>
  <c r="AC144591" i="1"/>
  <c r="AC144592" i="1"/>
  <c r="AC144593" i="1"/>
  <c r="AC144594" i="1"/>
  <c r="AC144595" i="1"/>
  <c r="AC144596" i="1"/>
  <c r="AC144597" i="1"/>
  <c r="AC144598" i="1"/>
  <c r="AC144599" i="1"/>
  <c r="AC144600" i="1"/>
  <c r="AC144601" i="1"/>
  <c r="AC144602" i="1"/>
  <c r="AC144603" i="1"/>
  <c r="AC144604" i="1"/>
  <c r="AC144605" i="1"/>
  <c r="AC144606" i="1"/>
  <c r="AC144607" i="1"/>
  <c r="AC144608" i="1"/>
  <c r="AC144609" i="1"/>
  <c r="AC144610" i="1"/>
  <c r="AC144611" i="1"/>
  <c r="AC144612" i="1"/>
  <c r="AC144613" i="1"/>
  <c r="AC144614" i="1"/>
  <c r="AC144615" i="1"/>
  <c r="AC144616" i="1"/>
  <c r="AC144617" i="1"/>
  <c r="AC144618" i="1"/>
  <c r="AC144619" i="1"/>
  <c r="AC144620" i="1"/>
  <c r="AC144621" i="1"/>
  <c r="AC144622" i="1"/>
  <c r="AC144623" i="1"/>
  <c r="AC144624" i="1"/>
  <c r="AC144625" i="1"/>
  <c r="AC144626" i="1"/>
  <c r="AC144627" i="1"/>
  <c r="AC144628" i="1"/>
  <c r="AC144629" i="1"/>
  <c r="AC144630" i="1"/>
  <c r="AC144631" i="1"/>
  <c r="AC144632" i="1"/>
  <c r="AC144633" i="1"/>
  <c r="AC144634" i="1"/>
  <c r="AC144635" i="1"/>
  <c r="AC144636" i="1"/>
  <c r="AC144637" i="1"/>
  <c r="AC144638" i="1"/>
  <c r="AC144639" i="1"/>
  <c r="AC144640" i="1"/>
  <c r="AC144641" i="1"/>
  <c r="AC144642" i="1"/>
  <c r="AC144643" i="1"/>
  <c r="AC144644" i="1"/>
  <c r="AC144645" i="1"/>
  <c r="AC144646" i="1"/>
  <c r="AC144647" i="1"/>
  <c r="AC144648" i="1"/>
  <c r="AC144649" i="1"/>
  <c r="AC144650" i="1"/>
  <c r="AC144651" i="1"/>
  <c r="AC144652" i="1"/>
  <c r="AC144653" i="1"/>
  <c r="AC144654" i="1"/>
  <c r="AC144655" i="1"/>
  <c r="AC144656" i="1"/>
  <c r="AC144657" i="1"/>
  <c r="AC144658" i="1"/>
  <c r="AC144659" i="1"/>
  <c r="AC144660" i="1"/>
  <c r="AC144661" i="1"/>
  <c r="AC144662" i="1"/>
  <c r="AC144663" i="1"/>
  <c r="AC144664" i="1"/>
  <c r="AC144665" i="1"/>
  <c r="AC144666" i="1"/>
  <c r="AC144667" i="1"/>
  <c r="AC144668" i="1"/>
  <c r="AC144669" i="1"/>
  <c r="AC144670" i="1"/>
  <c r="AC144671" i="1"/>
  <c r="AC144672" i="1"/>
  <c r="AC144673" i="1"/>
  <c r="AC144674" i="1"/>
  <c r="AC144675" i="1"/>
  <c r="AC144676" i="1"/>
  <c r="AC144677" i="1"/>
  <c r="AC144678" i="1"/>
  <c r="AC144679" i="1"/>
  <c r="AC144680" i="1"/>
  <c r="AC144681" i="1"/>
  <c r="AC144682" i="1"/>
  <c r="AC144683" i="1"/>
  <c r="AC144684" i="1"/>
  <c r="AC144685" i="1"/>
  <c r="AC144686" i="1"/>
  <c r="AC144687" i="1"/>
  <c r="AC144688" i="1"/>
  <c r="AC144689" i="1"/>
  <c r="AC144690" i="1"/>
  <c r="AC144691" i="1"/>
  <c r="AC144692" i="1"/>
  <c r="AC144693" i="1"/>
  <c r="AC144694" i="1"/>
  <c r="AC144695" i="1"/>
  <c r="AC144696" i="1"/>
  <c r="AC144697" i="1"/>
  <c r="AC144698" i="1"/>
  <c r="AC144699" i="1"/>
  <c r="AC144700" i="1"/>
  <c r="AC144701" i="1"/>
  <c r="AC144702" i="1"/>
  <c r="AC144703" i="1"/>
  <c r="AC144704" i="1"/>
  <c r="AC144705" i="1"/>
  <c r="AC144706" i="1"/>
  <c r="AC144707" i="1"/>
  <c r="AC144708" i="1"/>
  <c r="AC144709" i="1"/>
  <c r="AC144710" i="1"/>
  <c r="AC144711" i="1"/>
  <c r="AC144712" i="1"/>
  <c r="AC144713" i="1"/>
  <c r="AC144714" i="1"/>
  <c r="AC144715" i="1"/>
  <c r="AC144716" i="1"/>
  <c r="AC144717" i="1"/>
  <c r="AC144718" i="1"/>
  <c r="AC144719" i="1"/>
  <c r="AC144720" i="1"/>
  <c r="AC144721" i="1"/>
  <c r="AC144722" i="1"/>
  <c r="AC144723" i="1"/>
  <c r="AC144724" i="1"/>
  <c r="AC144725" i="1"/>
  <c r="AC144726" i="1"/>
  <c r="AC144727" i="1"/>
  <c r="AC144728" i="1"/>
  <c r="AC144729" i="1"/>
  <c r="AC144730" i="1"/>
  <c r="AC144731" i="1"/>
  <c r="AC144732" i="1"/>
  <c r="AC144733" i="1"/>
  <c r="AC144734" i="1"/>
  <c r="AC144735" i="1"/>
  <c r="AC144736" i="1"/>
  <c r="AC144737" i="1"/>
  <c r="AC144738" i="1"/>
  <c r="AC144739" i="1"/>
  <c r="AC144740" i="1"/>
  <c r="AC144741" i="1"/>
  <c r="AC144742" i="1"/>
  <c r="AC144743" i="1"/>
  <c r="AC144744" i="1"/>
  <c r="AC144745" i="1"/>
  <c r="AC144746" i="1"/>
  <c r="AC144747" i="1"/>
  <c r="AC144748" i="1"/>
  <c r="AC144749" i="1"/>
  <c r="AC144750" i="1"/>
  <c r="AC144751" i="1"/>
  <c r="AC144752" i="1"/>
  <c r="AC144753" i="1"/>
  <c r="AC144754" i="1"/>
  <c r="AC144755" i="1"/>
  <c r="AC144756" i="1"/>
  <c r="AC144757" i="1"/>
  <c r="AC144758" i="1"/>
  <c r="AC144759" i="1"/>
  <c r="AC144760" i="1"/>
  <c r="AC144761" i="1"/>
  <c r="AC144762" i="1"/>
  <c r="AC144763" i="1"/>
  <c r="AC144764" i="1"/>
  <c r="AC144765" i="1"/>
  <c r="AC144766" i="1"/>
  <c r="AC144767" i="1"/>
  <c r="AC144768" i="1"/>
  <c r="AC144769" i="1"/>
  <c r="AC144770" i="1"/>
  <c r="AC144771" i="1"/>
  <c r="AC144772" i="1"/>
  <c r="AC144773" i="1"/>
  <c r="AC144774" i="1"/>
  <c r="AC144775" i="1"/>
  <c r="AC144776" i="1"/>
  <c r="AC144777" i="1"/>
  <c r="AC144778" i="1"/>
  <c r="AC144779" i="1"/>
  <c r="AC144780" i="1"/>
  <c r="AC144781" i="1"/>
  <c r="AC144782" i="1"/>
  <c r="AC144783" i="1"/>
  <c r="AC144784" i="1"/>
  <c r="AC144785" i="1"/>
  <c r="AC144786" i="1"/>
  <c r="AC144787" i="1"/>
  <c r="AC144788" i="1"/>
  <c r="AC144789" i="1"/>
  <c r="AC144790" i="1"/>
  <c r="AC144791" i="1"/>
  <c r="AC144792" i="1"/>
  <c r="AC144793" i="1"/>
  <c r="AC144794" i="1"/>
  <c r="AC144795" i="1"/>
  <c r="AC144796" i="1"/>
  <c r="AC144797" i="1"/>
  <c r="AC144798" i="1"/>
  <c r="AC144799" i="1"/>
  <c r="AC144800" i="1"/>
  <c r="AC144801" i="1"/>
  <c r="AC144802" i="1"/>
  <c r="AC144803" i="1"/>
  <c r="AC144804" i="1"/>
  <c r="AC144805" i="1"/>
  <c r="AC144806" i="1"/>
  <c r="AC144807" i="1"/>
  <c r="AC144808" i="1"/>
  <c r="AC144809" i="1"/>
  <c r="AC144810" i="1"/>
  <c r="AC144811" i="1"/>
  <c r="AC144812" i="1"/>
  <c r="AC144813" i="1"/>
  <c r="AC144814" i="1"/>
  <c r="AC144815" i="1"/>
  <c r="AC144816" i="1"/>
  <c r="AC144817" i="1"/>
  <c r="AC144818" i="1"/>
  <c r="AC144819" i="1"/>
  <c r="AC144820" i="1"/>
  <c r="AC144821" i="1"/>
  <c r="AC144822" i="1"/>
  <c r="AC144823" i="1"/>
  <c r="AC144824" i="1"/>
  <c r="AC144825" i="1"/>
  <c r="AC144826" i="1"/>
  <c r="AC144827" i="1"/>
  <c r="AC144828" i="1"/>
  <c r="AC144829" i="1"/>
  <c r="AC144830" i="1"/>
  <c r="AC144831" i="1"/>
  <c r="AC144832" i="1"/>
  <c r="AC144833" i="1"/>
  <c r="AC144834" i="1"/>
  <c r="AC144835" i="1"/>
  <c r="AC144836" i="1"/>
  <c r="AC144837" i="1"/>
  <c r="AC144838" i="1"/>
  <c r="AC144839" i="1"/>
  <c r="AC144840" i="1"/>
  <c r="AC144841" i="1"/>
  <c r="AC144842" i="1"/>
  <c r="AC144843" i="1"/>
  <c r="AC144844" i="1"/>
  <c r="AC144845" i="1"/>
  <c r="AC144846" i="1"/>
  <c r="AC144847" i="1"/>
  <c r="AC144848" i="1"/>
  <c r="AC144849" i="1"/>
  <c r="AC144850" i="1"/>
  <c r="AC144851" i="1"/>
  <c r="AC144852" i="1"/>
  <c r="AC144853" i="1"/>
  <c r="AC144854" i="1"/>
  <c r="AC144855" i="1"/>
  <c r="AC144856" i="1"/>
  <c r="AC144857" i="1"/>
  <c r="AC144858" i="1"/>
  <c r="AC144859" i="1"/>
  <c r="AC144860" i="1"/>
  <c r="AC144861" i="1"/>
  <c r="AC144862" i="1"/>
  <c r="AC144863" i="1"/>
  <c r="AC144864" i="1"/>
  <c r="AC144865" i="1"/>
  <c r="AC144866" i="1"/>
  <c r="AC144867" i="1"/>
  <c r="AC144868" i="1"/>
  <c r="AC144869" i="1"/>
  <c r="AC144870" i="1"/>
  <c r="AC144871" i="1"/>
  <c r="AC144872" i="1"/>
  <c r="AC144873" i="1"/>
  <c r="AC144874" i="1"/>
  <c r="AC144875" i="1"/>
  <c r="AC144876" i="1"/>
  <c r="AC144877" i="1"/>
  <c r="AC144878" i="1"/>
  <c r="AC144879" i="1"/>
  <c r="AC144880" i="1"/>
  <c r="AC144881" i="1"/>
  <c r="AC144882" i="1"/>
  <c r="AC144883" i="1"/>
  <c r="AC144884" i="1"/>
  <c r="AC144885" i="1"/>
  <c r="AC144886" i="1"/>
  <c r="AC144887" i="1"/>
  <c r="AC144888" i="1"/>
  <c r="AC144889" i="1"/>
  <c r="AC144890" i="1"/>
  <c r="AC144891" i="1"/>
  <c r="AC144892" i="1"/>
  <c r="AC144893" i="1"/>
  <c r="AC144894" i="1"/>
  <c r="AC144895" i="1"/>
  <c r="AC144896" i="1"/>
  <c r="AC144897" i="1"/>
  <c r="AC144898" i="1"/>
  <c r="AC144899" i="1"/>
  <c r="AC144900" i="1"/>
  <c r="AC144901" i="1"/>
  <c r="AC144902" i="1"/>
  <c r="AC144903" i="1"/>
  <c r="AC144904" i="1"/>
  <c r="AC144905" i="1"/>
  <c r="AC144906" i="1"/>
  <c r="AC144907" i="1"/>
  <c r="AC144908" i="1"/>
  <c r="AC144909" i="1"/>
  <c r="AC144910" i="1"/>
  <c r="AC144911" i="1"/>
  <c r="AC144912" i="1"/>
  <c r="AC144913" i="1"/>
  <c r="AC144914" i="1"/>
  <c r="AC144915" i="1"/>
  <c r="AC144916" i="1"/>
  <c r="AC144917" i="1"/>
  <c r="AC144918" i="1"/>
  <c r="AC144919" i="1"/>
  <c r="AC144920" i="1"/>
  <c r="AC144921" i="1"/>
  <c r="AC144922" i="1"/>
  <c r="AC144923" i="1"/>
  <c r="AC144924" i="1"/>
  <c r="AC144925" i="1"/>
  <c r="AC144926" i="1"/>
  <c r="AC144927" i="1"/>
  <c r="AC144928" i="1"/>
  <c r="AC144929" i="1"/>
  <c r="AC144930" i="1"/>
  <c r="AC144931" i="1"/>
  <c r="AC144932" i="1"/>
  <c r="AC144933" i="1"/>
  <c r="AC144934" i="1"/>
  <c r="AC144935" i="1"/>
  <c r="AC144936" i="1"/>
  <c r="AC144937" i="1"/>
  <c r="AC144938" i="1"/>
  <c r="AC144939" i="1"/>
  <c r="AC144940" i="1"/>
  <c r="AC144941" i="1"/>
  <c r="AC144942" i="1"/>
  <c r="AC144943" i="1"/>
  <c r="AC144944" i="1"/>
  <c r="AC144945" i="1"/>
  <c r="AC144946" i="1"/>
  <c r="AC144947" i="1"/>
  <c r="AC144948" i="1"/>
  <c r="AC144949" i="1"/>
  <c r="AC144950" i="1"/>
  <c r="AC144951" i="1"/>
  <c r="AC144952" i="1"/>
  <c r="AC144953" i="1"/>
  <c r="AC144954" i="1"/>
  <c r="AC144955" i="1"/>
  <c r="AC144956" i="1"/>
  <c r="AC144957" i="1"/>
  <c r="AC144958" i="1"/>
  <c r="AC144959" i="1"/>
  <c r="AC144960" i="1"/>
  <c r="AC144961" i="1"/>
  <c r="AC144962" i="1"/>
  <c r="AC144963" i="1"/>
  <c r="AC144964" i="1"/>
  <c r="AC144965" i="1"/>
  <c r="AC144966" i="1"/>
  <c r="AC144967" i="1"/>
  <c r="AC144968" i="1"/>
  <c r="AC144969" i="1"/>
  <c r="AC144970" i="1"/>
  <c r="AC144971" i="1"/>
  <c r="AC144972" i="1"/>
  <c r="AC144973" i="1"/>
  <c r="AC144974" i="1"/>
  <c r="AC144975" i="1"/>
  <c r="AC144976" i="1"/>
  <c r="AC144977" i="1"/>
  <c r="AC144978" i="1"/>
  <c r="AC144979" i="1"/>
  <c r="AC144980" i="1"/>
  <c r="AC144981" i="1"/>
  <c r="AC144982" i="1"/>
  <c r="AC144983" i="1"/>
  <c r="AC144984" i="1"/>
  <c r="AC144985" i="1"/>
  <c r="AC144986" i="1"/>
  <c r="AC144987" i="1"/>
  <c r="AC144988" i="1"/>
  <c r="AC144989" i="1"/>
  <c r="AC144990" i="1"/>
  <c r="AC144991" i="1"/>
  <c r="AC144992" i="1"/>
  <c r="AC144993" i="1"/>
  <c r="AC144994" i="1"/>
  <c r="AC144995" i="1"/>
  <c r="AC144996" i="1"/>
  <c r="AC144997" i="1"/>
  <c r="AC144998" i="1"/>
  <c r="AC144999" i="1"/>
  <c r="AC145000" i="1"/>
  <c r="AC145001" i="1"/>
  <c r="AC145002" i="1"/>
  <c r="AC145003" i="1"/>
  <c r="AC145004" i="1"/>
  <c r="AC145005" i="1"/>
  <c r="AC145006" i="1"/>
  <c r="AC145007" i="1"/>
  <c r="AC145008" i="1"/>
  <c r="AC145009" i="1"/>
  <c r="AC145010" i="1"/>
  <c r="AC145011" i="1"/>
  <c r="AC145012" i="1"/>
  <c r="AC145013" i="1"/>
  <c r="AC145014" i="1"/>
  <c r="AC145015" i="1"/>
  <c r="AC145016" i="1"/>
  <c r="AC145017" i="1"/>
  <c r="AC145018" i="1"/>
  <c r="AC145019" i="1"/>
  <c r="AC145020" i="1"/>
  <c r="AC145021" i="1"/>
  <c r="AC145022" i="1"/>
  <c r="AC145023" i="1"/>
  <c r="AC145024" i="1"/>
  <c r="AC145025" i="1"/>
  <c r="AC145026" i="1"/>
  <c r="AC145027" i="1"/>
  <c r="AC145028" i="1"/>
  <c r="AC145029" i="1"/>
  <c r="AC145030" i="1"/>
  <c r="AC145031" i="1"/>
  <c r="AC145032" i="1"/>
  <c r="AC145033" i="1"/>
  <c r="AC145034" i="1"/>
  <c r="AC145035" i="1"/>
  <c r="AC145036" i="1"/>
  <c r="AC145037" i="1"/>
  <c r="AC145038" i="1"/>
  <c r="AC145039" i="1"/>
  <c r="AC145040" i="1"/>
  <c r="AC145041" i="1"/>
  <c r="AC145042" i="1"/>
  <c r="AC145043" i="1"/>
  <c r="AC145044" i="1"/>
  <c r="AC145045" i="1"/>
  <c r="AC145046" i="1"/>
  <c r="AC145047" i="1"/>
  <c r="AC145048" i="1"/>
  <c r="AC145049" i="1"/>
  <c r="AC145050" i="1"/>
  <c r="AC145051" i="1"/>
  <c r="AC145052" i="1"/>
  <c r="AC145053" i="1"/>
  <c r="AC145054" i="1"/>
  <c r="AC145055" i="1"/>
  <c r="AC145056" i="1"/>
  <c r="AC145057" i="1"/>
  <c r="AC145058" i="1"/>
  <c r="AC145059" i="1"/>
  <c r="AC145060" i="1"/>
  <c r="AC145061" i="1"/>
  <c r="AC145062" i="1"/>
  <c r="AC145063" i="1"/>
  <c r="AC145064" i="1"/>
  <c r="AC145065" i="1"/>
  <c r="AC145066" i="1"/>
  <c r="AC145067" i="1"/>
  <c r="AC145068" i="1"/>
  <c r="AC145069" i="1"/>
  <c r="AC145070" i="1"/>
  <c r="AC145071" i="1"/>
  <c r="AC145072" i="1"/>
  <c r="AC145073" i="1"/>
  <c r="AC145074" i="1"/>
  <c r="AC145075" i="1"/>
  <c r="AC145076" i="1"/>
  <c r="AC145077" i="1"/>
  <c r="AC145078" i="1"/>
  <c r="AC145079" i="1"/>
  <c r="AC145080" i="1"/>
  <c r="AC145081" i="1"/>
  <c r="AC145082" i="1"/>
  <c r="AC145083" i="1"/>
  <c r="AC145084" i="1"/>
  <c r="AC145085" i="1"/>
  <c r="AC145086" i="1"/>
  <c r="AC145087" i="1"/>
  <c r="AC145088" i="1"/>
  <c r="AC145089" i="1"/>
  <c r="AC145090" i="1"/>
  <c r="AC145091" i="1"/>
  <c r="AC145092" i="1"/>
  <c r="AC145093" i="1"/>
  <c r="AC145094" i="1"/>
  <c r="AC145095" i="1"/>
  <c r="AC145096" i="1"/>
  <c r="AC145097" i="1"/>
  <c r="AC145098" i="1"/>
  <c r="AC145099" i="1"/>
  <c r="AC145100" i="1"/>
  <c r="AC145101" i="1"/>
  <c r="AC145102" i="1"/>
  <c r="AC145103" i="1"/>
  <c r="AC145104" i="1"/>
  <c r="AC145105" i="1"/>
  <c r="AC145106" i="1"/>
  <c r="AC145107" i="1"/>
  <c r="AC145108" i="1"/>
  <c r="AC145109" i="1"/>
  <c r="AC145110" i="1"/>
  <c r="AC145111" i="1"/>
  <c r="AC145112" i="1"/>
  <c r="AC145113" i="1"/>
  <c r="AC145114" i="1"/>
  <c r="AC145115" i="1"/>
  <c r="AC145116" i="1"/>
  <c r="AC145117" i="1"/>
  <c r="AC145118" i="1"/>
  <c r="AC145119" i="1"/>
  <c r="AC145120" i="1"/>
  <c r="AC145121" i="1"/>
  <c r="AC145122" i="1"/>
  <c r="AC145123" i="1"/>
  <c r="AC145124" i="1"/>
  <c r="AC145125" i="1"/>
  <c r="AC145126" i="1"/>
  <c r="AC145127" i="1"/>
  <c r="AC145128" i="1"/>
  <c r="AC145129" i="1"/>
  <c r="AC145130" i="1"/>
  <c r="AC145131" i="1"/>
  <c r="AC145132" i="1"/>
  <c r="AC145133" i="1"/>
  <c r="AC145134" i="1"/>
  <c r="AC145135" i="1"/>
  <c r="AC145136" i="1"/>
  <c r="AC145137" i="1"/>
  <c r="AC145138" i="1"/>
  <c r="AC145139" i="1"/>
  <c r="AC145140" i="1"/>
  <c r="AC145141" i="1"/>
  <c r="AC145142" i="1"/>
  <c r="AC145143" i="1"/>
  <c r="AC145144" i="1"/>
  <c r="AC145145" i="1"/>
  <c r="AC145146" i="1"/>
  <c r="AC145147" i="1"/>
  <c r="AC145148" i="1"/>
  <c r="AC145149" i="1"/>
  <c r="AC145150" i="1"/>
  <c r="AC145151" i="1"/>
  <c r="AC145152" i="1"/>
  <c r="AC145153" i="1"/>
  <c r="AC145154" i="1"/>
  <c r="AC145155" i="1"/>
  <c r="AC145156" i="1"/>
  <c r="AC145157" i="1"/>
  <c r="AC145158" i="1"/>
  <c r="AC145159" i="1"/>
  <c r="AC145160" i="1"/>
  <c r="AC145161" i="1"/>
  <c r="AC145162" i="1"/>
  <c r="AC145163" i="1"/>
  <c r="AC145164" i="1"/>
  <c r="AC145165" i="1"/>
  <c r="AC145166" i="1"/>
  <c r="AC145167" i="1"/>
  <c r="AC145168" i="1"/>
  <c r="AC145169" i="1"/>
  <c r="AC145170" i="1"/>
  <c r="AC145171" i="1"/>
  <c r="AC145172" i="1"/>
  <c r="AC145173" i="1"/>
  <c r="AC145174" i="1"/>
  <c r="AC145175" i="1"/>
  <c r="AC145176" i="1"/>
  <c r="AC145177" i="1"/>
  <c r="AC145178" i="1"/>
  <c r="AC145179" i="1"/>
  <c r="AC145180" i="1"/>
  <c r="AC145181" i="1"/>
  <c r="AC145182" i="1"/>
  <c r="AC145183" i="1"/>
  <c r="AC145184" i="1"/>
  <c r="AC145185" i="1"/>
  <c r="AC145186" i="1"/>
  <c r="AC145187" i="1"/>
  <c r="AC145188" i="1"/>
  <c r="AC145189" i="1"/>
  <c r="AC145190" i="1"/>
  <c r="AC145191" i="1"/>
  <c r="AC145192" i="1"/>
  <c r="AC145193" i="1"/>
  <c r="AC145194" i="1"/>
  <c r="AC145195" i="1"/>
  <c r="AC145196" i="1"/>
  <c r="AC145197" i="1"/>
  <c r="AC145198" i="1"/>
  <c r="AC145199" i="1"/>
  <c r="AC145200" i="1"/>
  <c r="AC145201" i="1"/>
  <c r="AC145202" i="1"/>
  <c r="AC145203" i="1"/>
  <c r="AC145204" i="1"/>
  <c r="AC145205" i="1"/>
  <c r="AC145206" i="1"/>
  <c r="AC145207" i="1"/>
  <c r="AC145208" i="1"/>
  <c r="AC145209" i="1"/>
  <c r="AC145210" i="1"/>
  <c r="AC145211" i="1"/>
  <c r="AC145212" i="1"/>
  <c r="AC145213" i="1"/>
  <c r="AC145214" i="1"/>
  <c r="AC145215" i="1"/>
  <c r="AC145216" i="1"/>
  <c r="AC145217" i="1"/>
  <c r="AC145218" i="1"/>
  <c r="AC145219" i="1"/>
  <c r="AC145220" i="1"/>
  <c r="AC145221" i="1"/>
  <c r="AC145222" i="1"/>
  <c r="AC145223" i="1"/>
  <c r="AC145224" i="1"/>
  <c r="AC145225" i="1"/>
  <c r="AC145226" i="1"/>
  <c r="AC145227" i="1"/>
  <c r="AC145228" i="1"/>
  <c r="AC145229" i="1"/>
  <c r="AC145230" i="1"/>
  <c r="AC145231" i="1"/>
  <c r="AC145232" i="1"/>
  <c r="AC145233" i="1"/>
  <c r="AC145234" i="1"/>
  <c r="AC145235" i="1"/>
  <c r="AC145236" i="1"/>
  <c r="AC145237" i="1"/>
  <c r="AC145238" i="1"/>
  <c r="AC145239" i="1"/>
  <c r="AC145240" i="1"/>
  <c r="AC145241" i="1"/>
  <c r="AC145242" i="1"/>
  <c r="AC145243" i="1"/>
  <c r="AC145244" i="1"/>
  <c r="AC145245" i="1"/>
  <c r="AC145246" i="1"/>
  <c r="AC145247" i="1"/>
  <c r="AC145248" i="1"/>
  <c r="AC145249" i="1"/>
  <c r="AC145250" i="1"/>
  <c r="AC145251" i="1"/>
  <c r="AC145252" i="1"/>
  <c r="AC145253" i="1"/>
  <c r="AC145254" i="1"/>
  <c r="AC145255" i="1"/>
  <c r="AC145256" i="1"/>
  <c r="AC145257" i="1"/>
  <c r="AC145258" i="1"/>
  <c r="AC145259" i="1"/>
  <c r="AC145260" i="1"/>
  <c r="AC145261" i="1"/>
  <c r="AC145262" i="1"/>
  <c r="AC145263" i="1"/>
  <c r="AC145264" i="1"/>
  <c r="AC145265" i="1"/>
  <c r="AC145266" i="1"/>
  <c r="AC145267" i="1"/>
  <c r="AC145268" i="1"/>
  <c r="AC145269" i="1"/>
  <c r="AC145270" i="1"/>
  <c r="AC145271" i="1"/>
  <c r="AC145272" i="1"/>
  <c r="AC145273" i="1"/>
  <c r="AC145274" i="1"/>
  <c r="AC145275" i="1"/>
  <c r="AC145276" i="1"/>
  <c r="AC145277" i="1"/>
  <c r="AC145278" i="1"/>
  <c r="AC145279" i="1"/>
  <c r="AC145280" i="1"/>
  <c r="AC145281" i="1"/>
  <c r="AC145282" i="1"/>
  <c r="AC145283" i="1"/>
  <c r="AC145284" i="1"/>
  <c r="AC145285" i="1"/>
  <c r="AC145286" i="1"/>
  <c r="AC145287" i="1"/>
  <c r="AC145288" i="1"/>
  <c r="AC145289" i="1"/>
  <c r="AC145290" i="1"/>
  <c r="AC145291" i="1"/>
  <c r="AC145292" i="1"/>
  <c r="AC145293" i="1"/>
  <c r="AC145294" i="1"/>
  <c r="AC145295" i="1"/>
  <c r="AC145296" i="1"/>
  <c r="AC145297" i="1"/>
  <c r="AC145298" i="1"/>
  <c r="AC145299" i="1"/>
  <c r="AC145300" i="1"/>
  <c r="AC145301" i="1"/>
  <c r="AC145302" i="1"/>
  <c r="AC145303" i="1"/>
  <c r="AC145304" i="1"/>
  <c r="AC145305" i="1"/>
  <c r="AC145306" i="1"/>
  <c r="AC145307" i="1"/>
  <c r="AC145308" i="1"/>
  <c r="AC145309" i="1"/>
  <c r="AC145310" i="1"/>
  <c r="AC145311" i="1"/>
  <c r="AC145312" i="1"/>
  <c r="AC145313" i="1"/>
  <c r="AC145314" i="1"/>
  <c r="AC145315" i="1"/>
  <c r="AC145316" i="1"/>
  <c r="AC145317" i="1"/>
  <c r="AC145318" i="1"/>
  <c r="AC145319" i="1"/>
  <c r="AC145320" i="1"/>
  <c r="AC145321" i="1"/>
  <c r="AC145322" i="1"/>
  <c r="AC145323" i="1"/>
  <c r="AC145324" i="1"/>
  <c r="AC145325" i="1"/>
  <c r="AC145326" i="1"/>
  <c r="AC145327" i="1"/>
  <c r="AC145328" i="1"/>
  <c r="AC145329" i="1"/>
  <c r="AC145330" i="1"/>
  <c r="AC145331" i="1"/>
  <c r="AC145332" i="1"/>
  <c r="AC145333" i="1"/>
  <c r="AC145334" i="1"/>
  <c r="AC145335" i="1"/>
  <c r="AC145336" i="1"/>
  <c r="AC145337" i="1"/>
  <c r="AC145338" i="1"/>
  <c r="AC145339" i="1"/>
  <c r="AC145340" i="1"/>
  <c r="AC145341" i="1"/>
  <c r="AC145342" i="1"/>
  <c r="AC145343" i="1"/>
  <c r="AC145344" i="1"/>
  <c r="AC145345" i="1"/>
  <c r="AC145346" i="1"/>
  <c r="AC145347" i="1"/>
  <c r="AC145348" i="1"/>
  <c r="AC145349" i="1"/>
  <c r="AC145350" i="1"/>
  <c r="AC145351" i="1"/>
  <c r="AC145352" i="1"/>
  <c r="AC145353" i="1"/>
  <c r="AC145354" i="1"/>
  <c r="AC145355" i="1"/>
  <c r="AC145356" i="1"/>
  <c r="AC145357" i="1"/>
  <c r="AC145358" i="1"/>
  <c r="AC145359" i="1"/>
  <c r="AC145360" i="1"/>
  <c r="AC145361" i="1"/>
  <c r="AC145362" i="1"/>
  <c r="AC145363" i="1"/>
  <c r="AC145364" i="1"/>
  <c r="AC145365" i="1"/>
  <c r="AC145366" i="1"/>
  <c r="AC145367" i="1"/>
  <c r="AC145368" i="1"/>
  <c r="AC145369" i="1"/>
  <c r="AC145370" i="1"/>
  <c r="AC145371" i="1"/>
  <c r="AC145372" i="1"/>
  <c r="AC145373" i="1"/>
  <c r="AC145374" i="1"/>
  <c r="AC145375" i="1"/>
  <c r="AC145376" i="1"/>
  <c r="AC145377" i="1"/>
  <c r="AC145378" i="1"/>
  <c r="AC145379" i="1"/>
  <c r="AC145380" i="1"/>
  <c r="AC145381" i="1"/>
  <c r="AC145382" i="1"/>
  <c r="AC145383" i="1"/>
  <c r="AC145384" i="1"/>
  <c r="AC145385" i="1"/>
  <c r="AC145386" i="1"/>
  <c r="AC145387" i="1"/>
  <c r="AC145388" i="1"/>
  <c r="AC145389" i="1"/>
  <c r="AC145390" i="1"/>
  <c r="AC145391" i="1"/>
  <c r="AC145392" i="1"/>
  <c r="AC145393" i="1"/>
  <c r="AC145394" i="1"/>
  <c r="AC145395" i="1"/>
  <c r="AC145396" i="1"/>
  <c r="AC145397" i="1"/>
  <c r="AC145398" i="1"/>
  <c r="AC145399" i="1"/>
  <c r="AC145400" i="1"/>
  <c r="AC145401" i="1"/>
  <c r="AC145402" i="1"/>
  <c r="AC145403" i="1"/>
  <c r="AC145404" i="1"/>
  <c r="AC145405" i="1"/>
  <c r="AC145406" i="1"/>
  <c r="AC145407" i="1"/>
  <c r="AC145408" i="1"/>
  <c r="AC145409" i="1"/>
  <c r="AC145410" i="1"/>
  <c r="AC145411" i="1"/>
  <c r="AC145412" i="1"/>
  <c r="AC145413" i="1"/>
  <c r="AC145414" i="1"/>
  <c r="AC145415" i="1"/>
  <c r="AC145416" i="1"/>
  <c r="AC145417" i="1"/>
  <c r="AC145418" i="1"/>
  <c r="AC145419" i="1"/>
  <c r="AC145420" i="1"/>
  <c r="AC145421" i="1"/>
  <c r="AC145422" i="1"/>
  <c r="AC145423" i="1"/>
  <c r="AC145424" i="1"/>
  <c r="AC145425" i="1"/>
  <c r="AC145426" i="1"/>
  <c r="AC145427" i="1"/>
  <c r="AC145428" i="1"/>
  <c r="AC145429" i="1"/>
  <c r="AC145430" i="1"/>
  <c r="AC145431" i="1"/>
  <c r="AC145432" i="1"/>
  <c r="AC145433" i="1"/>
  <c r="AC145434" i="1"/>
  <c r="AC145435" i="1"/>
  <c r="AC145436" i="1"/>
  <c r="AC145437" i="1"/>
  <c r="AC145438" i="1"/>
  <c r="AC145439" i="1"/>
  <c r="AC145440" i="1"/>
  <c r="AC145441" i="1"/>
  <c r="AC145442" i="1"/>
  <c r="AC145443" i="1"/>
  <c r="AC145444" i="1"/>
  <c r="AC145445" i="1"/>
  <c r="AC145446" i="1"/>
  <c r="AC145447" i="1"/>
  <c r="AC145448" i="1"/>
  <c r="AC145449" i="1"/>
  <c r="AC145450" i="1"/>
  <c r="AC145451" i="1"/>
  <c r="AC145452" i="1"/>
  <c r="AC145453" i="1"/>
  <c r="AC145454" i="1"/>
  <c r="AC145455" i="1"/>
  <c r="AC145456" i="1"/>
  <c r="AC145457" i="1"/>
  <c r="AC145458" i="1"/>
  <c r="AC145459" i="1"/>
  <c r="AC145460" i="1"/>
  <c r="AC145461" i="1"/>
  <c r="AC145462" i="1"/>
  <c r="AC145463" i="1"/>
  <c r="AC145464" i="1"/>
  <c r="AC145465" i="1"/>
  <c r="AC145466" i="1"/>
  <c r="AC145467" i="1"/>
  <c r="AC145468" i="1"/>
  <c r="AC145469" i="1"/>
  <c r="AC145470" i="1"/>
  <c r="AC145471" i="1"/>
  <c r="AC145472" i="1"/>
  <c r="AC145473" i="1"/>
  <c r="AC145474" i="1"/>
  <c r="AC145475" i="1"/>
  <c r="AC145476" i="1"/>
  <c r="AC145477" i="1"/>
  <c r="AC145478" i="1"/>
  <c r="AC145479" i="1"/>
  <c r="AC145480" i="1"/>
  <c r="AC145481" i="1"/>
  <c r="AC145482" i="1"/>
  <c r="AC145483" i="1"/>
  <c r="AC145484" i="1"/>
  <c r="AC145485" i="1"/>
  <c r="AC145486" i="1"/>
  <c r="AC145487" i="1"/>
  <c r="AC145488" i="1"/>
  <c r="AC145489" i="1"/>
  <c r="AC145490" i="1"/>
  <c r="AC145491" i="1"/>
  <c r="AC145492" i="1"/>
  <c r="AC145493" i="1"/>
  <c r="AC145494" i="1"/>
  <c r="AC145495" i="1"/>
  <c r="AC145496" i="1"/>
  <c r="AC145497" i="1"/>
  <c r="AC145498" i="1"/>
  <c r="AC145499" i="1"/>
  <c r="AC145500" i="1"/>
  <c r="AC145501" i="1"/>
  <c r="AC145502" i="1"/>
  <c r="AC145503" i="1"/>
  <c r="AC145504" i="1"/>
  <c r="AC145505" i="1"/>
  <c r="AC145506" i="1"/>
  <c r="AC145507" i="1"/>
  <c r="AC145508" i="1"/>
  <c r="AC145509" i="1"/>
  <c r="AC145510" i="1"/>
  <c r="AC145511" i="1"/>
  <c r="AC145512" i="1"/>
  <c r="AC145513" i="1"/>
  <c r="AC145514" i="1"/>
  <c r="AC145515" i="1"/>
  <c r="AC145516" i="1"/>
  <c r="AC145517" i="1"/>
  <c r="AC145518" i="1"/>
  <c r="AC145519" i="1"/>
  <c r="AC145520" i="1"/>
  <c r="AC145521" i="1"/>
  <c r="AC145522" i="1"/>
  <c r="AC145523" i="1"/>
  <c r="AC145524" i="1"/>
  <c r="AC145525" i="1"/>
  <c r="AC145526" i="1"/>
  <c r="AC145527" i="1"/>
  <c r="AC145528" i="1"/>
  <c r="AC145529" i="1"/>
  <c r="AC145530" i="1"/>
  <c r="AC145531" i="1"/>
  <c r="AC145532" i="1"/>
  <c r="AC145533" i="1"/>
  <c r="AC145534" i="1"/>
  <c r="AC145535" i="1"/>
  <c r="AC145536" i="1"/>
  <c r="AC145537" i="1"/>
  <c r="AC145538" i="1"/>
  <c r="AC145539" i="1"/>
  <c r="AC145540" i="1"/>
  <c r="AC145541" i="1"/>
  <c r="AC145542" i="1"/>
  <c r="AC145543" i="1"/>
  <c r="AC145544" i="1"/>
  <c r="AC145545" i="1"/>
  <c r="AC145546" i="1"/>
  <c r="AC145547" i="1"/>
  <c r="AC145548" i="1"/>
  <c r="AC145549" i="1"/>
  <c r="AC145550" i="1"/>
  <c r="AC145551" i="1"/>
  <c r="AC145552" i="1"/>
  <c r="AC145553" i="1"/>
  <c r="AC145554" i="1"/>
  <c r="AC145555" i="1"/>
  <c r="AC145556" i="1"/>
  <c r="AC145557" i="1"/>
  <c r="AC145558" i="1"/>
  <c r="AC145559" i="1"/>
  <c r="AC145560" i="1"/>
  <c r="AC145561" i="1"/>
  <c r="AC145562" i="1"/>
  <c r="AC145563" i="1"/>
  <c r="AC145564" i="1"/>
  <c r="AC145565" i="1"/>
  <c r="AC145566" i="1"/>
  <c r="AC145567" i="1"/>
  <c r="AC145568" i="1"/>
  <c r="AC145569" i="1"/>
  <c r="AC145570" i="1"/>
  <c r="AC145571" i="1"/>
  <c r="AC145572" i="1"/>
  <c r="AC145573" i="1"/>
  <c r="AC145574" i="1"/>
  <c r="AC145575" i="1"/>
  <c r="AC145576" i="1"/>
  <c r="AC145577" i="1"/>
  <c r="AC145578" i="1"/>
  <c r="AC145579" i="1"/>
  <c r="AC145580" i="1"/>
  <c r="AC145581" i="1"/>
  <c r="AC145582" i="1"/>
  <c r="AC145583" i="1"/>
  <c r="AC145584" i="1"/>
  <c r="AC145585" i="1"/>
  <c r="AC145586" i="1"/>
  <c r="AC145587" i="1"/>
  <c r="AC145588" i="1"/>
  <c r="AC145589" i="1"/>
  <c r="AC145590" i="1"/>
  <c r="AC145591" i="1"/>
  <c r="AC145592" i="1"/>
  <c r="AC145593" i="1"/>
  <c r="AC145594" i="1"/>
  <c r="AC145595" i="1"/>
  <c r="AC145596" i="1"/>
  <c r="AC145597" i="1"/>
  <c r="AC145598" i="1"/>
  <c r="AC145599" i="1"/>
  <c r="AC145600" i="1"/>
  <c r="AC145601" i="1"/>
  <c r="AC145602" i="1"/>
  <c r="AC145603" i="1"/>
  <c r="AC145604" i="1"/>
  <c r="AC145605" i="1"/>
  <c r="AC145606" i="1"/>
  <c r="AC145607" i="1"/>
  <c r="AC145608" i="1"/>
  <c r="AC145609" i="1"/>
  <c r="AC145610" i="1"/>
  <c r="AC145611" i="1"/>
  <c r="AC145612" i="1"/>
  <c r="AC145613" i="1"/>
  <c r="AC145614" i="1"/>
  <c r="AC145615" i="1"/>
  <c r="AC145616" i="1"/>
  <c r="AC145617" i="1"/>
  <c r="AC145618" i="1"/>
  <c r="AC145619" i="1"/>
  <c r="AC145620" i="1"/>
  <c r="AC145621" i="1"/>
  <c r="AC145622" i="1"/>
  <c r="AC145623" i="1"/>
  <c r="AC145624" i="1"/>
  <c r="AC145625" i="1"/>
  <c r="AC145626" i="1"/>
  <c r="AC145627" i="1"/>
  <c r="AC145628" i="1"/>
  <c r="AC145629" i="1"/>
  <c r="AC145630" i="1"/>
  <c r="AC145631" i="1"/>
  <c r="AC145632" i="1"/>
  <c r="AC145633" i="1"/>
  <c r="AC145634" i="1"/>
  <c r="AC145635" i="1"/>
  <c r="AC145636" i="1"/>
  <c r="AC145637" i="1"/>
  <c r="AC145638" i="1"/>
  <c r="AC145639" i="1"/>
  <c r="AC145640" i="1"/>
  <c r="AC145641" i="1"/>
  <c r="AC145642" i="1"/>
  <c r="AC145643" i="1"/>
  <c r="AC145644" i="1"/>
  <c r="AC145645" i="1"/>
  <c r="AC145646" i="1"/>
  <c r="AC145647" i="1"/>
  <c r="AC145648" i="1"/>
  <c r="AC145649" i="1"/>
  <c r="AC145650" i="1"/>
  <c r="AC145651" i="1"/>
  <c r="AC145652" i="1"/>
  <c r="AC145653" i="1"/>
  <c r="AC145654" i="1"/>
  <c r="AC145655" i="1"/>
  <c r="AC145656" i="1"/>
  <c r="AC145657" i="1"/>
  <c r="AC145658" i="1"/>
  <c r="AC145659" i="1"/>
  <c r="AC145660" i="1"/>
  <c r="AC145661" i="1"/>
  <c r="AC145662" i="1"/>
  <c r="AC145663" i="1"/>
  <c r="AC145664" i="1"/>
  <c r="AC145665" i="1"/>
  <c r="AC145666" i="1"/>
  <c r="AC145667" i="1"/>
  <c r="AC145668" i="1"/>
  <c r="AC145669" i="1"/>
  <c r="AC145670" i="1"/>
  <c r="AC145671" i="1"/>
  <c r="AC145672" i="1"/>
  <c r="AC145673" i="1"/>
  <c r="AC145674" i="1"/>
  <c r="AC145675" i="1"/>
  <c r="AC145676" i="1"/>
  <c r="AC145677" i="1"/>
  <c r="AC145678" i="1"/>
  <c r="AC145679" i="1"/>
  <c r="AC145680" i="1"/>
  <c r="AC145681" i="1"/>
  <c r="AC145682" i="1"/>
  <c r="AC145683" i="1"/>
  <c r="AC145684" i="1"/>
  <c r="AC145685" i="1"/>
  <c r="AC145686" i="1"/>
  <c r="AC145687" i="1"/>
  <c r="AC145688" i="1"/>
  <c r="AC145689" i="1"/>
  <c r="AC145690" i="1"/>
  <c r="AC145691" i="1"/>
  <c r="AC145692" i="1"/>
  <c r="AC145693" i="1"/>
  <c r="AC145694" i="1"/>
  <c r="AC145695" i="1"/>
  <c r="AC145696" i="1"/>
  <c r="AC145697" i="1"/>
  <c r="AC145698" i="1"/>
  <c r="AC145699" i="1"/>
  <c r="AC145700" i="1"/>
  <c r="AC145701" i="1"/>
  <c r="AC145702" i="1"/>
  <c r="AC145703" i="1"/>
  <c r="AC145704" i="1"/>
  <c r="AC145705" i="1"/>
  <c r="AC145706" i="1"/>
  <c r="AC145707" i="1"/>
  <c r="AC145708" i="1"/>
  <c r="AC145709" i="1"/>
  <c r="AC145710" i="1"/>
  <c r="AC145711" i="1"/>
  <c r="AC145712" i="1"/>
  <c r="AC145713" i="1"/>
  <c r="AC145714" i="1"/>
  <c r="AC145715" i="1"/>
  <c r="AC145716" i="1"/>
  <c r="AC145717" i="1"/>
  <c r="AC145718" i="1"/>
  <c r="AC145719" i="1"/>
  <c r="AC145720" i="1"/>
  <c r="AC145721" i="1"/>
  <c r="AC145722" i="1"/>
  <c r="AC145723" i="1"/>
  <c r="AC145724" i="1"/>
  <c r="AC145725" i="1"/>
  <c r="AC145726" i="1"/>
  <c r="AC145727" i="1"/>
  <c r="AC145728" i="1"/>
  <c r="AC145729" i="1"/>
  <c r="AC145730" i="1"/>
  <c r="AC145731" i="1"/>
  <c r="AC145732" i="1"/>
  <c r="AC145733" i="1"/>
  <c r="AC145734" i="1"/>
  <c r="AC145735" i="1"/>
  <c r="AC145736" i="1"/>
  <c r="AC145737" i="1"/>
  <c r="AC145738" i="1"/>
  <c r="AC145739" i="1"/>
  <c r="AC145740" i="1"/>
  <c r="AC145741" i="1"/>
  <c r="AC145742" i="1"/>
  <c r="AC145743" i="1"/>
  <c r="AC145744" i="1"/>
  <c r="AC145745" i="1"/>
  <c r="AC145746" i="1"/>
  <c r="AC145747" i="1"/>
  <c r="AC145748" i="1"/>
  <c r="AC145749" i="1"/>
  <c r="AC145750" i="1"/>
  <c r="AC145751" i="1"/>
  <c r="AC145752" i="1"/>
  <c r="AC145753" i="1"/>
  <c r="AC145754" i="1"/>
  <c r="AC145755" i="1"/>
  <c r="AC145756" i="1"/>
  <c r="AC145757" i="1"/>
  <c r="AC145758" i="1"/>
  <c r="AC145759" i="1"/>
  <c r="AC145760" i="1"/>
  <c r="AC145761" i="1"/>
  <c r="AC145762" i="1"/>
  <c r="AC145763" i="1"/>
  <c r="AC145764" i="1"/>
  <c r="AC145765" i="1"/>
  <c r="AC145766" i="1"/>
  <c r="AC145767" i="1"/>
  <c r="AC145768" i="1"/>
  <c r="AC145769" i="1"/>
  <c r="AC145770" i="1"/>
  <c r="AC145771" i="1"/>
  <c r="AC145772" i="1"/>
  <c r="AC145773" i="1"/>
  <c r="AC145774" i="1"/>
  <c r="AC145775" i="1"/>
  <c r="AC145776" i="1"/>
  <c r="AC145777" i="1"/>
  <c r="AC145778" i="1"/>
  <c r="AC145779" i="1"/>
  <c r="AC145780" i="1"/>
  <c r="AC145781" i="1"/>
  <c r="AC145782" i="1"/>
  <c r="AC145783" i="1"/>
  <c r="AC145784" i="1"/>
  <c r="AC145785" i="1"/>
  <c r="AC145786" i="1"/>
  <c r="AC145787" i="1"/>
  <c r="AC145788" i="1"/>
  <c r="AC145789" i="1"/>
  <c r="AC145790" i="1"/>
  <c r="AC145791" i="1"/>
  <c r="AC145792" i="1"/>
  <c r="AC145793" i="1"/>
  <c r="AC145794" i="1"/>
  <c r="AC145795" i="1"/>
  <c r="AC145796" i="1"/>
  <c r="AC145797" i="1"/>
  <c r="AC145798" i="1"/>
  <c r="AC145799" i="1"/>
  <c r="AC145800" i="1"/>
  <c r="AC145801" i="1"/>
  <c r="AC145802" i="1"/>
  <c r="AC145803" i="1"/>
  <c r="AC145804" i="1"/>
  <c r="AC145805" i="1"/>
  <c r="AC145806" i="1"/>
  <c r="AC145807" i="1"/>
  <c r="AC145808" i="1"/>
  <c r="AC145809" i="1"/>
  <c r="AC145810" i="1"/>
  <c r="AC145811" i="1"/>
  <c r="AC145812" i="1"/>
  <c r="AC145813" i="1"/>
  <c r="AC145814" i="1"/>
  <c r="AC145815" i="1"/>
  <c r="AC145816" i="1"/>
  <c r="AC145817" i="1"/>
  <c r="AC145818" i="1"/>
  <c r="AC145819" i="1"/>
  <c r="AC145820" i="1"/>
  <c r="AC145821" i="1"/>
  <c r="AC145822" i="1"/>
  <c r="AC145823" i="1"/>
  <c r="AC145824" i="1"/>
  <c r="AC145825" i="1"/>
  <c r="AC145826" i="1"/>
  <c r="AC145827" i="1"/>
  <c r="AC145828" i="1"/>
  <c r="AC145829" i="1"/>
  <c r="AC145830" i="1"/>
  <c r="AC145831" i="1"/>
  <c r="AC145832" i="1"/>
  <c r="AC145833" i="1"/>
  <c r="AC145834" i="1"/>
  <c r="AC145835" i="1"/>
  <c r="AC145836" i="1"/>
  <c r="AC145837" i="1"/>
  <c r="AC145838" i="1"/>
  <c r="AC145839" i="1"/>
  <c r="AC145840" i="1"/>
  <c r="AC145841" i="1"/>
  <c r="AC145842" i="1"/>
  <c r="AC145843" i="1"/>
  <c r="AC145844" i="1"/>
  <c r="AC145845" i="1"/>
  <c r="AC145846" i="1"/>
  <c r="AC145847" i="1"/>
  <c r="AC145848" i="1"/>
  <c r="AC145849" i="1"/>
  <c r="AC145850" i="1"/>
  <c r="AC145851" i="1"/>
  <c r="AC145852" i="1"/>
  <c r="AC145853" i="1"/>
  <c r="AC145854" i="1"/>
  <c r="AC145855" i="1"/>
  <c r="AC145856" i="1"/>
  <c r="AC145857" i="1"/>
  <c r="AC145858" i="1"/>
  <c r="AC145859" i="1"/>
  <c r="AC145860" i="1"/>
  <c r="AC145861" i="1"/>
  <c r="AC145862" i="1"/>
  <c r="AC145863" i="1"/>
  <c r="AC145864" i="1"/>
  <c r="AC145865" i="1"/>
  <c r="AC145866" i="1"/>
  <c r="AC145867" i="1"/>
  <c r="AC145868" i="1"/>
  <c r="AC145869" i="1"/>
  <c r="AC145870" i="1"/>
  <c r="AC145871" i="1"/>
  <c r="AC145872" i="1"/>
  <c r="AC145873" i="1"/>
  <c r="AC145874" i="1"/>
  <c r="AC145875" i="1"/>
  <c r="AC145876" i="1"/>
  <c r="AC145877" i="1"/>
  <c r="AC145878" i="1"/>
  <c r="AC145879" i="1"/>
  <c r="AC145880" i="1"/>
  <c r="AC145881" i="1"/>
  <c r="AC145882" i="1"/>
  <c r="AC145883" i="1"/>
  <c r="AC145884" i="1"/>
  <c r="AC145885" i="1"/>
  <c r="AC145886" i="1"/>
  <c r="AC145887" i="1"/>
  <c r="AC145888" i="1"/>
  <c r="AC145889" i="1"/>
  <c r="AC145890" i="1"/>
  <c r="AC145891" i="1"/>
  <c r="AC145892" i="1"/>
  <c r="AC145893" i="1"/>
  <c r="AC145894" i="1"/>
  <c r="AC145895" i="1"/>
  <c r="AC145896" i="1"/>
  <c r="AC145897" i="1"/>
  <c r="AC145898" i="1"/>
  <c r="AC145899" i="1"/>
  <c r="AC145900" i="1"/>
  <c r="AC145901" i="1"/>
  <c r="AC145902" i="1"/>
  <c r="AC145903" i="1"/>
  <c r="AC145904" i="1"/>
  <c r="AC145905" i="1"/>
  <c r="AC145906" i="1"/>
  <c r="AC145907" i="1"/>
  <c r="AC145908" i="1"/>
  <c r="AC145909" i="1"/>
  <c r="AC145910" i="1"/>
  <c r="AC145911" i="1"/>
  <c r="AC145912" i="1"/>
  <c r="AC145913" i="1"/>
  <c r="AC145914" i="1"/>
  <c r="AC145915" i="1"/>
  <c r="AC145916" i="1"/>
  <c r="AC145917" i="1"/>
  <c r="AC145918" i="1"/>
  <c r="AC145919" i="1"/>
  <c r="AC145920" i="1"/>
  <c r="AC145921" i="1"/>
  <c r="AC145922" i="1"/>
  <c r="AC145923" i="1"/>
  <c r="AC145924" i="1"/>
  <c r="AC145925" i="1"/>
  <c r="AC145926" i="1"/>
  <c r="AC145927" i="1"/>
  <c r="AC145928" i="1"/>
  <c r="AC145929" i="1"/>
  <c r="AC145930" i="1"/>
  <c r="AC145931" i="1"/>
  <c r="AC145932" i="1"/>
  <c r="AC145933" i="1"/>
  <c r="AC145934" i="1"/>
  <c r="AC145935" i="1"/>
  <c r="AC145936" i="1"/>
  <c r="AC145937" i="1"/>
  <c r="AC145938" i="1"/>
  <c r="AC145939" i="1"/>
  <c r="AC145940" i="1"/>
  <c r="AC145941" i="1"/>
  <c r="AC145942" i="1"/>
  <c r="AC145943" i="1"/>
  <c r="AC145944" i="1"/>
  <c r="AC145945" i="1"/>
  <c r="AC145946" i="1"/>
  <c r="AC145947" i="1"/>
  <c r="AC145948" i="1"/>
  <c r="AC145949" i="1"/>
  <c r="AC145950" i="1"/>
  <c r="AC145951" i="1"/>
  <c r="AC145952" i="1"/>
  <c r="AC145953" i="1"/>
  <c r="AC145954" i="1"/>
  <c r="AC145955" i="1"/>
  <c r="AC145956" i="1"/>
  <c r="AC145957" i="1"/>
  <c r="AC145958" i="1"/>
  <c r="AC145959" i="1"/>
  <c r="AC145960" i="1"/>
  <c r="AC145961" i="1"/>
  <c r="AC145962" i="1"/>
  <c r="AC145963" i="1"/>
  <c r="AC145964" i="1"/>
  <c r="AC145965" i="1"/>
  <c r="AC145966" i="1"/>
  <c r="AC145967" i="1"/>
  <c r="AC145968" i="1"/>
  <c r="AC145969" i="1"/>
  <c r="AC145970" i="1"/>
  <c r="AC145971" i="1"/>
  <c r="AC145972" i="1"/>
  <c r="AC145973" i="1"/>
  <c r="AC145974" i="1"/>
  <c r="AC145975" i="1"/>
  <c r="AC145976" i="1"/>
  <c r="AC145977" i="1"/>
  <c r="AC145978" i="1"/>
  <c r="AC145979" i="1"/>
  <c r="AC145980" i="1"/>
  <c r="AC145981" i="1"/>
  <c r="AC145982" i="1"/>
  <c r="AC145983" i="1"/>
  <c r="AC145984" i="1"/>
  <c r="AC145985" i="1"/>
  <c r="AC145986" i="1"/>
  <c r="AC145987" i="1"/>
  <c r="AC145988" i="1"/>
  <c r="AC145989" i="1"/>
  <c r="AC145990" i="1"/>
  <c r="AC145991" i="1"/>
  <c r="AC145992" i="1"/>
  <c r="AC145993" i="1"/>
  <c r="AC145994" i="1"/>
  <c r="AC145995" i="1"/>
  <c r="AC145996" i="1"/>
  <c r="AC145997" i="1"/>
  <c r="AC145998" i="1"/>
  <c r="AC145999" i="1"/>
  <c r="AC146000" i="1"/>
  <c r="AC146001" i="1"/>
  <c r="AC146002" i="1"/>
  <c r="AC146003" i="1"/>
  <c r="AC146004" i="1"/>
  <c r="AC146005" i="1"/>
  <c r="AC146006" i="1"/>
  <c r="AC146007" i="1"/>
  <c r="AC146008" i="1"/>
  <c r="AC146009" i="1"/>
  <c r="AC146010" i="1"/>
  <c r="AC146011" i="1"/>
  <c r="AC146012" i="1"/>
  <c r="AC146013" i="1"/>
  <c r="AC146014" i="1"/>
  <c r="AC146015" i="1"/>
  <c r="AC146016" i="1"/>
  <c r="AC146017" i="1"/>
  <c r="AC146018" i="1"/>
  <c r="AC146019" i="1"/>
  <c r="AC146020" i="1"/>
  <c r="AC146021" i="1"/>
  <c r="AC146022" i="1"/>
  <c r="AC146023" i="1"/>
  <c r="AC146024" i="1"/>
  <c r="AC146025" i="1"/>
  <c r="AC146026" i="1"/>
  <c r="AC146027" i="1"/>
  <c r="AC146028" i="1"/>
  <c r="AC146029" i="1"/>
  <c r="AC146030" i="1"/>
  <c r="AC146031" i="1"/>
  <c r="AC146032" i="1"/>
  <c r="AC146033" i="1"/>
  <c r="AC146034" i="1"/>
  <c r="AC146035" i="1"/>
  <c r="AC146036" i="1"/>
  <c r="AC146037" i="1"/>
  <c r="AC146038" i="1"/>
  <c r="AC146039" i="1"/>
  <c r="AC146040" i="1"/>
  <c r="AC146041" i="1"/>
  <c r="AC146042" i="1"/>
  <c r="AC146043" i="1"/>
  <c r="AC146044" i="1"/>
  <c r="AC146045" i="1"/>
  <c r="AC146046" i="1"/>
  <c r="AC146047" i="1"/>
  <c r="AC146048" i="1"/>
  <c r="AC146049" i="1"/>
  <c r="AC146050" i="1"/>
  <c r="AC146051" i="1"/>
  <c r="AC146052" i="1"/>
  <c r="AC146053" i="1"/>
  <c r="AC146054" i="1"/>
  <c r="AC146055" i="1"/>
  <c r="AC146056" i="1"/>
  <c r="AC146057" i="1"/>
  <c r="AC146058" i="1"/>
  <c r="AC146059" i="1"/>
  <c r="AC146060" i="1"/>
  <c r="AC146061" i="1"/>
  <c r="AC146062" i="1"/>
  <c r="AC146063" i="1"/>
  <c r="AC146064" i="1"/>
  <c r="AC146065" i="1"/>
  <c r="AC146066" i="1"/>
  <c r="AC146067" i="1"/>
  <c r="AC146068" i="1"/>
  <c r="AC146069" i="1"/>
  <c r="AC146070" i="1"/>
  <c r="AC146071" i="1"/>
  <c r="AC146072" i="1"/>
  <c r="AC146073" i="1"/>
  <c r="AC146074" i="1"/>
  <c r="AC146075" i="1"/>
  <c r="AC146076" i="1"/>
  <c r="AC146077" i="1"/>
  <c r="AC146078" i="1"/>
  <c r="AC146079" i="1"/>
  <c r="AC146080" i="1"/>
  <c r="AC146081" i="1"/>
  <c r="AC146082" i="1"/>
  <c r="AC146083" i="1"/>
  <c r="AC146084" i="1"/>
  <c r="AC146085" i="1"/>
  <c r="AC146086" i="1"/>
  <c r="AC146087" i="1"/>
  <c r="AC146088" i="1"/>
  <c r="AC146089" i="1"/>
  <c r="AC146090" i="1"/>
  <c r="AC146091" i="1"/>
  <c r="AC146092" i="1"/>
  <c r="AC146093" i="1"/>
  <c r="AC146094" i="1"/>
  <c r="AC146095" i="1"/>
  <c r="AC146096" i="1"/>
  <c r="AC146097" i="1"/>
  <c r="AC146098" i="1"/>
  <c r="AC146099" i="1"/>
  <c r="AC146100" i="1"/>
  <c r="AC146101" i="1"/>
  <c r="AC146102" i="1"/>
  <c r="AC146103" i="1"/>
  <c r="AC146104" i="1"/>
  <c r="AC146105" i="1"/>
  <c r="AC146106" i="1"/>
  <c r="AC146107" i="1"/>
  <c r="AC146108" i="1"/>
  <c r="AC146109" i="1"/>
  <c r="AC146110" i="1"/>
  <c r="AC146111" i="1"/>
  <c r="AC146112" i="1"/>
  <c r="AC146113" i="1"/>
  <c r="AC146114" i="1"/>
  <c r="AC146115" i="1"/>
  <c r="AC146116" i="1"/>
  <c r="AC146117" i="1"/>
  <c r="AC146118" i="1"/>
  <c r="AC146119" i="1"/>
  <c r="AC146120" i="1"/>
  <c r="AC146121" i="1"/>
  <c r="AC146122" i="1"/>
  <c r="AC146123" i="1"/>
  <c r="AC146124" i="1"/>
  <c r="AC146125" i="1"/>
  <c r="AC146126" i="1"/>
  <c r="AC146127" i="1"/>
  <c r="AC146128" i="1"/>
  <c r="AC146129" i="1"/>
  <c r="AC146130" i="1"/>
  <c r="AC146131" i="1"/>
  <c r="AC146132" i="1"/>
  <c r="AC146133" i="1"/>
  <c r="AC146134" i="1"/>
  <c r="AC146135" i="1"/>
  <c r="AC146136" i="1"/>
  <c r="AC146137" i="1"/>
  <c r="AC146138" i="1"/>
  <c r="AC146139" i="1"/>
  <c r="AC146140" i="1"/>
  <c r="AC146141" i="1"/>
  <c r="AC146142" i="1"/>
  <c r="AC146143" i="1"/>
  <c r="AC146144" i="1"/>
  <c r="AC146145" i="1"/>
  <c r="AC146146" i="1"/>
  <c r="AC146147" i="1"/>
  <c r="AC146148" i="1"/>
  <c r="AC146149" i="1"/>
  <c r="AC146150" i="1"/>
  <c r="AC146151" i="1"/>
  <c r="AC146152" i="1"/>
  <c r="AC146153" i="1"/>
  <c r="AC146154" i="1"/>
  <c r="AC146155" i="1"/>
  <c r="AC146156" i="1"/>
  <c r="AC146157" i="1"/>
  <c r="AC146158" i="1"/>
  <c r="AC146159" i="1"/>
  <c r="AC146160" i="1"/>
  <c r="AC146161" i="1"/>
  <c r="AC146162" i="1"/>
  <c r="AC146163" i="1"/>
  <c r="AC146164" i="1"/>
  <c r="AC146165" i="1"/>
  <c r="AC146166" i="1"/>
  <c r="AC146167" i="1"/>
  <c r="AC146168" i="1"/>
  <c r="AC146169" i="1"/>
  <c r="AC146170" i="1"/>
  <c r="AC146171" i="1"/>
  <c r="AC146172" i="1"/>
  <c r="AC146173" i="1"/>
  <c r="AC146174" i="1"/>
  <c r="AC146175" i="1"/>
  <c r="AC146176" i="1"/>
  <c r="AC146177" i="1"/>
  <c r="AC146178" i="1"/>
  <c r="AC146179" i="1"/>
  <c r="AC146180" i="1"/>
  <c r="AC146181" i="1"/>
  <c r="AC146182" i="1"/>
  <c r="AC146183" i="1"/>
  <c r="AC146184" i="1"/>
  <c r="AC146185" i="1"/>
  <c r="AC146186" i="1"/>
  <c r="AC146187" i="1"/>
  <c r="AC146188" i="1"/>
  <c r="AC146189" i="1"/>
  <c r="AC146190" i="1"/>
  <c r="AC146191" i="1"/>
  <c r="AC146192" i="1"/>
  <c r="AC146193" i="1"/>
  <c r="AC146194" i="1"/>
  <c r="AC146195" i="1"/>
  <c r="AC146196" i="1"/>
  <c r="AC146197" i="1"/>
  <c r="AC146198" i="1"/>
  <c r="AC146199" i="1"/>
  <c r="AC146200" i="1"/>
  <c r="AC146201" i="1"/>
  <c r="AC146202" i="1"/>
  <c r="AC146203" i="1"/>
  <c r="AC146204" i="1"/>
  <c r="AC146205" i="1"/>
  <c r="AC146206" i="1"/>
  <c r="AC146207" i="1"/>
  <c r="AC146208" i="1"/>
  <c r="AC146209" i="1"/>
  <c r="AC146210" i="1"/>
  <c r="AC146211" i="1"/>
  <c r="AC146212" i="1"/>
  <c r="AC146213" i="1"/>
  <c r="AC146214" i="1"/>
  <c r="AC146215" i="1"/>
  <c r="AC146216" i="1"/>
  <c r="AC146217" i="1"/>
  <c r="AC146218" i="1"/>
  <c r="AC146219" i="1"/>
  <c r="AC146220" i="1"/>
  <c r="AC146221" i="1"/>
  <c r="AC146222" i="1"/>
  <c r="AC146223" i="1"/>
  <c r="AC146224" i="1"/>
  <c r="AC146225" i="1"/>
  <c r="AC146226" i="1"/>
  <c r="AC146227" i="1"/>
  <c r="AC146228" i="1"/>
  <c r="AC146229" i="1"/>
  <c r="AC146230" i="1"/>
  <c r="AC146231" i="1"/>
  <c r="AC146232" i="1"/>
  <c r="AC146233" i="1"/>
  <c r="AC146234" i="1"/>
  <c r="AC146235" i="1"/>
  <c r="AC146236" i="1"/>
  <c r="AC146237" i="1"/>
  <c r="AC146238" i="1"/>
  <c r="AC146239" i="1"/>
  <c r="AC146240" i="1"/>
  <c r="AC146241" i="1"/>
  <c r="AC146242" i="1"/>
  <c r="AC146243" i="1"/>
  <c r="AC146244" i="1"/>
  <c r="AC146245" i="1"/>
  <c r="AC146246" i="1"/>
  <c r="AC146247" i="1"/>
  <c r="AC146248" i="1"/>
  <c r="AC146249" i="1"/>
  <c r="AC146250" i="1"/>
  <c r="AC146251" i="1"/>
  <c r="AC146252" i="1"/>
  <c r="AC146253" i="1"/>
  <c r="AC146254" i="1"/>
  <c r="AC146255" i="1"/>
  <c r="AC146256" i="1"/>
  <c r="AC146257" i="1"/>
  <c r="AC146258" i="1"/>
  <c r="AC146259" i="1"/>
  <c r="AC146260" i="1"/>
  <c r="AC146261" i="1"/>
  <c r="AC146262" i="1"/>
  <c r="AC146263" i="1"/>
  <c r="AC146264" i="1"/>
  <c r="AC146265" i="1"/>
  <c r="AC146266" i="1"/>
  <c r="AC146267" i="1"/>
  <c r="AC146268" i="1"/>
  <c r="AC146269" i="1"/>
  <c r="AC146270" i="1"/>
  <c r="AC146271" i="1"/>
  <c r="AC146272" i="1"/>
  <c r="AC146273" i="1"/>
  <c r="AC146274" i="1"/>
  <c r="AC146275" i="1"/>
  <c r="AC146276" i="1"/>
  <c r="AC146277" i="1"/>
  <c r="AC146278" i="1"/>
  <c r="AC146279" i="1"/>
  <c r="AC146280" i="1"/>
  <c r="AC146281" i="1"/>
  <c r="AC146282" i="1"/>
  <c r="AC146283" i="1"/>
  <c r="AC146284" i="1"/>
  <c r="AC146285" i="1"/>
  <c r="AC146286" i="1"/>
  <c r="AC146287" i="1"/>
  <c r="AC146288" i="1"/>
  <c r="AC146289" i="1"/>
  <c r="AC146290" i="1"/>
  <c r="AC146291" i="1"/>
  <c r="AC146292" i="1"/>
  <c r="AC146293" i="1"/>
  <c r="AC146294" i="1"/>
  <c r="AC146295" i="1"/>
  <c r="AC146296" i="1"/>
  <c r="AC146297" i="1"/>
  <c r="AC146298" i="1"/>
  <c r="AC146299" i="1"/>
  <c r="AC146300" i="1"/>
  <c r="AC146301" i="1"/>
  <c r="AC146302" i="1"/>
  <c r="AC146303" i="1"/>
  <c r="AC146304" i="1"/>
  <c r="AC146305" i="1"/>
  <c r="AC146306" i="1"/>
  <c r="AC146307" i="1"/>
  <c r="AC146308" i="1"/>
  <c r="AC146309" i="1"/>
  <c r="AC146310" i="1"/>
  <c r="AC146311" i="1"/>
  <c r="AC146312" i="1"/>
  <c r="AC146313" i="1"/>
  <c r="AC146314" i="1"/>
  <c r="AC146315" i="1"/>
  <c r="AC146316" i="1"/>
  <c r="AC146317" i="1"/>
  <c r="AC146318" i="1"/>
  <c r="AC146319" i="1"/>
  <c r="AC146320" i="1"/>
  <c r="AC146321" i="1"/>
  <c r="AC146322" i="1"/>
  <c r="AC146323" i="1"/>
  <c r="AC146324" i="1"/>
  <c r="AC146325" i="1"/>
  <c r="AC146326" i="1"/>
  <c r="AC146327" i="1"/>
  <c r="AC146328" i="1"/>
  <c r="AC146329" i="1"/>
  <c r="AC146330" i="1"/>
  <c r="AC146331" i="1"/>
  <c r="AC146332" i="1"/>
  <c r="AC146333" i="1"/>
  <c r="AC146334" i="1"/>
  <c r="AC146335" i="1"/>
  <c r="AC146336" i="1"/>
  <c r="AC146337" i="1"/>
  <c r="AC146338" i="1"/>
  <c r="AC146339" i="1"/>
  <c r="AC146340" i="1"/>
  <c r="AC146341" i="1"/>
  <c r="AC146342" i="1"/>
  <c r="AC146343" i="1"/>
  <c r="AC146344" i="1"/>
  <c r="AC146345" i="1"/>
  <c r="AC146346" i="1"/>
  <c r="AC146347" i="1"/>
  <c r="AC146348" i="1"/>
  <c r="AC146349" i="1"/>
  <c r="AC146350" i="1"/>
  <c r="AC146351" i="1"/>
  <c r="AC146352" i="1"/>
  <c r="AC146353" i="1"/>
  <c r="AC146354" i="1"/>
  <c r="AC146355" i="1"/>
  <c r="AC146356" i="1"/>
  <c r="AC146357" i="1"/>
  <c r="AC146358" i="1"/>
  <c r="AC146359" i="1"/>
  <c r="AC146360" i="1"/>
  <c r="AC146361" i="1"/>
  <c r="AC146362" i="1"/>
  <c r="AC146363" i="1"/>
  <c r="AC146364" i="1"/>
  <c r="AC146365" i="1"/>
  <c r="AC146366" i="1"/>
  <c r="AC146367" i="1"/>
  <c r="AC146368" i="1"/>
  <c r="AC146369" i="1"/>
  <c r="AC146370" i="1"/>
  <c r="AC146371" i="1"/>
  <c r="AC146372" i="1"/>
  <c r="AC146373" i="1"/>
  <c r="AC146374" i="1"/>
  <c r="AC146375" i="1"/>
  <c r="AC146376" i="1"/>
  <c r="AC146377" i="1"/>
  <c r="AC146378" i="1"/>
  <c r="AC146379" i="1"/>
  <c r="AC146380" i="1"/>
  <c r="AC146381" i="1"/>
  <c r="AC146382" i="1"/>
  <c r="AC146383" i="1"/>
  <c r="AC146384" i="1"/>
  <c r="AC146385" i="1"/>
  <c r="AC146386" i="1"/>
  <c r="AC146387" i="1"/>
  <c r="AC146388" i="1"/>
  <c r="AC146389" i="1"/>
  <c r="AC146390" i="1"/>
  <c r="AC146391" i="1"/>
  <c r="AC146392" i="1"/>
  <c r="AC146393" i="1"/>
  <c r="AC146394" i="1"/>
  <c r="AC146395" i="1"/>
  <c r="AC146396" i="1"/>
  <c r="AC146397" i="1"/>
  <c r="AC146398" i="1"/>
  <c r="AC146399" i="1"/>
  <c r="AC146400" i="1"/>
  <c r="AC146401" i="1"/>
  <c r="AC146402" i="1"/>
  <c r="AC146403" i="1"/>
  <c r="AC146404" i="1"/>
  <c r="AC146405" i="1"/>
  <c r="AC146406" i="1"/>
  <c r="AC146407" i="1"/>
  <c r="AC146408" i="1"/>
  <c r="AC146409" i="1"/>
  <c r="AC146410" i="1"/>
  <c r="AC146411" i="1"/>
  <c r="AC146412" i="1"/>
  <c r="AC146413" i="1"/>
  <c r="AC146414" i="1"/>
  <c r="AC146415" i="1"/>
  <c r="AC146416" i="1"/>
  <c r="AC146417" i="1"/>
  <c r="AC146418" i="1"/>
  <c r="AC146419" i="1"/>
  <c r="AC146420" i="1"/>
  <c r="AC146421" i="1"/>
  <c r="AC146422" i="1"/>
  <c r="AC146423" i="1"/>
  <c r="AC146424" i="1"/>
  <c r="AC146425" i="1"/>
  <c r="AC146426" i="1"/>
  <c r="AC146427" i="1"/>
  <c r="AC146428" i="1"/>
  <c r="AC146429" i="1"/>
  <c r="AC146430" i="1"/>
  <c r="AC146431" i="1"/>
  <c r="AC146432" i="1"/>
  <c r="AC146433" i="1"/>
  <c r="AC146434" i="1"/>
  <c r="AC146435" i="1"/>
  <c r="AC146436" i="1"/>
  <c r="AC146437" i="1"/>
  <c r="AC146438" i="1"/>
  <c r="AC146439" i="1"/>
  <c r="AC146440" i="1"/>
  <c r="AC146441" i="1"/>
  <c r="AC146442" i="1"/>
  <c r="AC146443" i="1"/>
  <c r="AC146444" i="1"/>
  <c r="AC146445" i="1"/>
  <c r="AC146446" i="1"/>
  <c r="AC146447" i="1"/>
  <c r="AC146448" i="1"/>
  <c r="AC146449" i="1"/>
  <c r="AC146450" i="1"/>
  <c r="AC146451" i="1"/>
  <c r="AC146452" i="1"/>
  <c r="AC146453" i="1"/>
  <c r="AC146454" i="1"/>
  <c r="AC146455" i="1"/>
  <c r="AC146456" i="1"/>
  <c r="AC146457" i="1"/>
  <c r="AC146458" i="1"/>
  <c r="AC146459" i="1"/>
  <c r="AC146460" i="1"/>
  <c r="AC146461" i="1"/>
  <c r="AC146462" i="1"/>
  <c r="AC146463" i="1"/>
  <c r="AC146464" i="1"/>
  <c r="AC146465" i="1"/>
  <c r="AC146466" i="1"/>
  <c r="AC146467" i="1"/>
  <c r="AC146468" i="1"/>
  <c r="AC146469" i="1"/>
  <c r="AC146470" i="1"/>
  <c r="AC146471" i="1"/>
  <c r="AC146472" i="1"/>
  <c r="AC146473" i="1"/>
  <c r="AC146474" i="1"/>
  <c r="AC146475" i="1"/>
  <c r="AC146476" i="1"/>
  <c r="AC146477" i="1"/>
  <c r="AC146478" i="1"/>
  <c r="AC146479" i="1"/>
  <c r="AC146480" i="1"/>
  <c r="AC146481" i="1"/>
  <c r="AC146482" i="1"/>
  <c r="AC146483" i="1"/>
  <c r="AC146484" i="1"/>
  <c r="AC146485" i="1"/>
  <c r="AC146486" i="1"/>
  <c r="AC146487" i="1"/>
  <c r="AC146488" i="1"/>
  <c r="AC146489" i="1"/>
  <c r="AC146490" i="1"/>
  <c r="AC146491" i="1"/>
  <c r="AC146492" i="1"/>
  <c r="AC146493" i="1"/>
  <c r="AC146494" i="1"/>
  <c r="AC146495" i="1"/>
  <c r="AC146496" i="1"/>
  <c r="AC146497" i="1"/>
  <c r="AC146498" i="1"/>
  <c r="AC146499" i="1"/>
  <c r="AC146500" i="1"/>
  <c r="AC146501" i="1"/>
  <c r="AC146502" i="1"/>
  <c r="AC146503" i="1"/>
  <c r="AC146504" i="1"/>
  <c r="AC146505" i="1"/>
  <c r="AC146506" i="1"/>
  <c r="AC146507" i="1"/>
  <c r="AC146508" i="1"/>
  <c r="AC146509" i="1"/>
  <c r="AC146510" i="1"/>
  <c r="AC146511" i="1"/>
  <c r="AC146512" i="1"/>
  <c r="AC146513" i="1"/>
  <c r="AC146514" i="1"/>
  <c r="AC146515" i="1"/>
  <c r="AC146516" i="1"/>
  <c r="AC146517" i="1"/>
  <c r="AC146518" i="1"/>
  <c r="AC146519" i="1"/>
  <c r="AC146520" i="1"/>
  <c r="AC146521" i="1"/>
  <c r="AC146522" i="1"/>
  <c r="AC146523" i="1"/>
  <c r="AC146524" i="1"/>
  <c r="AC146525" i="1"/>
  <c r="AC146526" i="1"/>
  <c r="AC146527" i="1"/>
  <c r="AC146528" i="1"/>
  <c r="AC146529" i="1"/>
  <c r="AC146530" i="1"/>
  <c r="AC146531" i="1"/>
  <c r="AC146532" i="1"/>
  <c r="AC146533" i="1"/>
  <c r="AC146534" i="1"/>
  <c r="AC146535" i="1"/>
  <c r="AC146536" i="1"/>
  <c r="AC146537" i="1"/>
  <c r="AC146538" i="1"/>
  <c r="AC146539" i="1"/>
  <c r="AC146540" i="1"/>
  <c r="AC146541" i="1"/>
  <c r="AC146542" i="1"/>
  <c r="AC146543" i="1"/>
  <c r="AC146544" i="1"/>
  <c r="AC146545" i="1"/>
  <c r="AC146546" i="1"/>
  <c r="AC146547" i="1"/>
  <c r="AC146548" i="1"/>
  <c r="AC146549" i="1"/>
  <c r="AC146550" i="1"/>
  <c r="AC146551" i="1"/>
  <c r="AC146552" i="1"/>
  <c r="AC146553" i="1"/>
  <c r="AC146554" i="1"/>
  <c r="AC146555" i="1"/>
  <c r="AC146556" i="1"/>
  <c r="AC146557" i="1"/>
  <c r="AC146558" i="1"/>
  <c r="AC146559" i="1"/>
  <c r="AC146560" i="1"/>
  <c r="AC146561" i="1"/>
  <c r="AC146562" i="1"/>
  <c r="AC146563" i="1"/>
  <c r="AC146564" i="1"/>
  <c r="AC146565" i="1"/>
  <c r="AC146566" i="1"/>
  <c r="AC146567" i="1"/>
  <c r="AC146568" i="1"/>
  <c r="AC146569" i="1"/>
  <c r="AC146570" i="1"/>
  <c r="AC146571" i="1"/>
  <c r="AC146572" i="1"/>
  <c r="AC146573" i="1"/>
  <c r="AC146574" i="1"/>
  <c r="AC146575" i="1"/>
  <c r="AC146576" i="1"/>
  <c r="AC146577" i="1"/>
  <c r="AC146578" i="1"/>
  <c r="AC146579" i="1"/>
  <c r="AC146580" i="1"/>
  <c r="AC146581" i="1"/>
  <c r="AC146582" i="1"/>
  <c r="AC146583" i="1"/>
  <c r="AC146584" i="1"/>
  <c r="AC146585" i="1"/>
  <c r="AC146586" i="1"/>
  <c r="AC146587" i="1"/>
  <c r="AC146588" i="1"/>
  <c r="AC146589" i="1"/>
  <c r="AC146590" i="1"/>
  <c r="AC146591" i="1"/>
  <c r="AC146592" i="1"/>
  <c r="AC146593" i="1"/>
  <c r="AC146594" i="1"/>
  <c r="AC146595" i="1"/>
  <c r="AC146596" i="1"/>
  <c r="AC146597" i="1"/>
  <c r="AC146598" i="1"/>
  <c r="AC146599" i="1"/>
  <c r="AC146600" i="1"/>
  <c r="AC146601" i="1"/>
  <c r="AC146602" i="1"/>
  <c r="AC146603" i="1"/>
  <c r="AC146604" i="1"/>
  <c r="AC146605" i="1"/>
  <c r="AC146606" i="1"/>
  <c r="AC146607" i="1"/>
  <c r="AC146608" i="1"/>
  <c r="AC146609" i="1"/>
  <c r="AC146610" i="1"/>
  <c r="AC146611" i="1"/>
  <c r="AC146612" i="1"/>
  <c r="AC146613" i="1"/>
  <c r="AC146614" i="1"/>
  <c r="AC146615" i="1"/>
  <c r="AC146616" i="1"/>
  <c r="AC146617" i="1"/>
  <c r="AC146618" i="1"/>
  <c r="AC146619" i="1"/>
  <c r="AC146620" i="1"/>
  <c r="AC146621" i="1"/>
  <c r="AC146622" i="1"/>
  <c r="AC146623" i="1"/>
  <c r="AC146624" i="1"/>
  <c r="AC146625" i="1"/>
  <c r="AC146626" i="1"/>
  <c r="AC146627" i="1"/>
  <c r="AC146628" i="1"/>
  <c r="AC146629" i="1"/>
  <c r="AC146630" i="1"/>
  <c r="AC146631" i="1"/>
  <c r="AC146632" i="1"/>
  <c r="AC146633" i="1"/>
  <c r="AC146634" i="1"/>
  <c r="AC146635" i="1"/>
  <c r="AC146636" i="1"/>
  <c r="AC146637" i="1"/>
  <c r="AC146638" i="1"/>
  <c r="AC146639" i="1"/>
  <c r="AC146640" i="1"/>
  <c r="AC146641" i="1"/>
  <c r="AC146642" i="1"/>
  <c r="AC146643" i="1"/>
  <c r="AC146644" i="1"/>
  <c r="AC146645" i="1"/>
  <c r="AC146646" i="1"/>
  <c r="AC146647" i="1"/>
  <c r="AC146648" i="1"/>
  <c r="AC146649" i="1"/>
  <c r="AC146650" i="1"/>
  <c r="AC146651" i="1"/>
  <c r="AC146652" i="1"/>
  <c r="AC146653" i="1"/>
  <c r="AC146654" i="1"/>
  <c r="AC146655" i="1"/>
  <c r="AC146656" i="1"/>
  <c r="AC146657" i="1"/>
  <c r="AC146658" i="1"/>
  <c r="AC146659" i="1"/>
  <c r="AC146660" i="1"/>
  <c r="AC146661" i="1"/>
  <c r="AC146662" i="1"/>
  <c r="AC146663" i="1"/>
  <c r="AC146664" i="1"/>
  <c r="AC146665" i="1"/>
  <c r="AC146666" i="1"/>
  <c r="AC146667" i="1"/>
  <c r="AC146668" i="1"/>
  <c r="AC146669" i="1"/>
  <c r="AC146670" i="1"/>
  <c r="AC146671" i="1"/>
  <c r="AC146672" i="1"/>
  <c r="AC146673" i="1"/>
  <c r="AC146674" i="1"/>
  <c r="AC146675" i="1"/>
  <c r="AC146676" i="1"/>
  <c r="AC146677" i="1"/>
  <c r="AC146678" i="1"/>
  <c r="AC146679" i="1"/>
  <c r="AC146680" i="1"/>
  <c r="AC146681" i="1"/>
  <c r="AC146682" i="1"/>
  <c r="AC146683" i="1"/>
  <c r="AC146684" i="1"/>
  <c r="AC146685" i="1"/>
  <c r="AC146686" i="1"/>
  <c r="AC146687" i="1"/>
  <c r="AC146688" i="1"/>
  <c r="AC146689" i="1"/>
  <c r="AC146690" i="1"/>
  <c r="AC146691" i="1"/>
  <c r="AC146692" i="1"/>
  <c r="AC146693" i="1"/>
  <c r="AC146694" i="1"/>
  <c r="AC146695" i="1"/>
  <c r="AC146696" i="1"/>
  <c r="AC146697" i="1"/>
  <c r="AC146698" i="1"/>
  <c r="AC146699" i="1"/>
  <c r="AC146700" i="1"/>
  <c r="AC146701" i="1"/>
  <c r="AC146702" i="1"/>
  <c r="AC146703" i="1"/>
  <c r="AC146704" i="1"/>
  <c r="AC146705" i="1"/>
  <c r="AC146706" i="1"/>
  <c r="AC146707" i="1"/>
  <c r="AC146708" i="1"/>
  <c r="AC146709" i="1"/>
  <c r="AC146710" i="1"/>
  <c r="AC146711" i="1"/>
  <c r="AC146712" i="1"/>
  <c r="AC146713" i="1"/>
  <c r="AC146714" i="1"/>
  <c r="AC146715" i="1"/>
  <c r="AC146716" i="1"/>
  <c r="AC146717" i="1"/>
  <c r="AC146718" i="1"/>
  <c r="AC146719" i="1"/>
  <c r="AC146720" i="1"/>
  <c r="AC146721" i="1"/>
  <c r="AC146722" i="1"/>
  <c r="AC146723" i="1"/>
  <c r="AC146724" i="1"/>
  <c r="AC146725" i="1"/>
  <c r="AC146726" i="1"/>
  <c r="AC146727" i="1"/>
  <c r="AC146728" i="1"/>
  <c r="AC146729" i="1"/>
  <c r="AC146730" i="1"/>
  <c r="AC146731" i="1"/>
  <c r="AC146732" i="1"/>
  <c r="AC146733" i="1"/>
  <c r="AC146734" i="1"/>
  <c r="AC146735" i="1"/>
  <c r="AC146736" i="1"/>
  <c r="AC146737" i="1"/>
  <c r="AC146738" i="1"/>
  <c r="AC146739" i="1"/>
  <c r="AC146740" i="1"/>
  <c r="AC146741" i="1"/>
  <c r="AC146742" i="1"/>
  <c r="AC146743" i="1"/>
  <c r="AC146744" i="1"/>
  <c r="AC146745" i="1"/>
  <c r="AC146746" i="1"/>
  <c r="AC146747" i="1"/>
  <c r="AC146748" i="1"/>
  <c r="AC146749" i="1"/>
  <c r="AC146750" i="1"/>
  <c r="AC146751" i="1"/>
  <c r="AC146752" i="1"/>
  <c r="AC146753" i="1"/>
  <c r="AC146754" i="1"/>
  <c r="AC146755" i="1"/>
  <c r="AC146756" i="1"/>
  <c r="AC146757" i="1"/>
  <c r="AC146758" i="1"/>
  <c r="AC146759" i="1"/>
  <c r="AC146760" i="1"/>
  <c r="AC146761" i="1"/>
  <c r="AC146762" i="1"/>
  <c r="AC146763" i="1"/>
  <c r="AC146764" i="1"/>
  <c r="AC146765" i="1"/>
  <c r="AC146766" i="1"/>
  <c r="AC146767" i="1"/>
  <c r="AC146768" i="1"/>
  <c r="AC146769" i="1"/>
  <c r="AC146770" i="1"/>
  <c r="AC146771" i="1"/>
  <c r="AC146772" i="1"/>
  <c r="AC146773" i="1"/>
  <c r="AC146774" i="1"/>
  <c r="AC146775" i="1"/>
  <c r="AC146776" i="1"/>
  <c r="AC146777" i="1"/>
  <c r="AC146778" i="1"/>
  <c r="AC146779" i="1"/>
  <c r="AC146780" i="1"/>
  <c r="AC146781" i="1"/>
  <c r="AC146782" i="1"/>
  <c r="AC146783" i="1"/>
  <c r="AC146784" i="1"/>
  <c r="AC146785" i="1"/>
  <c r="AC146786" i="1"/>
  <c r="AC146787" i="1"/>
  <c r="AC146788" i="1"/>
  <c r="AC146789" i="1"/>
  <c r="AC146790" i="1"/>
  <c r="AC146791" i="1"/>
  <c r="AC146792" i="1"/>
  <c r="AC146793" i="1"/>
  <c r="AC146794" i="1"/>
  <c r="AC146795" i="1"/>
  <c r="AC146796" i="1"/>
  <c r="AC146797" i="1"/>
  <c r="AC146798" i="1"/>
  <c r="AC146799" i="1"/>
  <c r="AC146800" i="1"/>
  <c r="AC146801" i="1"/>
  <c r="AC146802" i="1"/>
  <c r="AC146803" i="1"/>
  <c r="AC146804" i="1"/>
  <c r="AC146805" i="1"/>
  <c r="AC146806" i="1"/>
  <c r="AC146807" i="1"/>
  <c r="AC146808" i="1"/>
  <c r="AC146809" i="1"/>
  <c r="AC146810" i="1"/>
  <c r="AC146811" i="1"/>
  <c r="AC146812" i="1"/>
  <c r="AC146813" i="1"/>
  <c r="AC146814" i="1"/>
  <c r="AC146815" i="1"/>
  <c r="AC146816" i="1"/>
  <c r="AC146817" i="1"/>
  <c r="AC146818" i="1"/>
  <c r="AC146819" i="1"/>
  <c r="AC146820" i="1"/>
  <c r="AC146821" i="1"/>
  <c r="AC146822" i="1"/>
  <c r="AC146823" i="1"/>
  <c r="AC146824" i="1"/>
  <c r="AC146825" i="1"/>
  <c r="AC146826" i="1"/>
  <c r="AC146827" i="1"/>
  <c r="AC146828" i="1"/>
  <c r="AC146829" i="1"/>
  <c r="AC146830" i="1"/>
  <c r="AC146831" i="1"/>
  <c r="AC146832" i="1"/>
  <c r="AC146833" i="1"/>
  <c r="AC146834" i="1"/>
  <c r="AC146835" i="1"/>
  <c r="AC146836" i="1"/>
  <c r="AC146837" i="1"/>
  <c r="AC146838" i="1"/>
  <c r="AC146839" i="1"/>
  <c r="AC146840" i="1"/>
  <c r="AC146841" i="1"/>
  <c r="AC146842" i="1"/>
  <c r="AC146843" i="1"/>
  <c r="AC146844" i="1"/>
  <c r="AC146845" i="1"/>
  <c r="AC146846" i="1"/>
  <c r="AC146847" i="1"/>
  <c r="AC146848" i="1"/>
  <c r="AC146849" i="1"/>
  <c r="AC146850" i="1"/>
  <c r="AC146851" i="1"/>
  <c r="AC146852" i="1"/>
  <c r="AC146853" i="1"/>
  <c r="AC146854" i="1"/>
  <c r="AC146855" i="1"/>
  <c r="AC146856" i="1"/>
  <c r="AC146857" i="1"/>
  <c r="AC146858" i="1"/>
  <c r="AC146859" i="1"/>
  <c r="AC146860" i="1"/>
  <c r="AC146861" i="1"/>
  <c r="AC146862" i="1"/>
  <c r="AC146863" i="1"/>
  <c r="AC146864" i="1"/>
  <c r="AC146865" i="1"/>
  <c r="AC146866" i="1"/>
  <c r="AC146867" i="1"/>
  <c r="AC146868" i="1"/>
  <c r="AC146869" i="1"/>
  <c r="AC146870" i="1"/>
  <c r="AC146871" i="1"/>
  <c r="AC146872" i="1"/>
  <c r="AC146873" i="1"/>
  <c r="AC146874" i="1"/>
  <c r="AC146875" i="1"/>
  <c r="AC146876" i="1"/>
  <c r="AC146877" i="1"/>
  <c r="AC146878" i="1"/>
  <c r="AC146879" i="1"/>
  <c r="AC146880" i="1"/>
  <c r="AC146881" i="1"/>
  <c r="AC146882" i="1"/>
  <c r="AC146883" i="1"/>
  <c r="AC146884" i="1"/>
  <c r="AC146885" i="1"/>
  <c r="AC146886" i="1"/>
  <c r="AC146887" i="1"/>
  <c r="AC146888" i="1"/>
  <c r="AC146889" i="1"/>
  <c r="AC146890" i="1"/>
  <c r="AC146891" i="1"/>
  <c r="AC146892" i="1"/>
  <c r="AC146893" i="1"/>
  <c r="AC146894" i="1"/>
  <c r="AC146895" i="1"/>
  <c r="AC146896" i="1"/>
  <c r="AC146897" i="1"/>
  <c r="AC146898" i="1"/>
  <c r="AC146899" i="1"/>
  <c r="AC146900" i="1"/>
  <c r="AC146901" i="1"/>
  <c r="AC146902" i="1"/>
  <c r="AC146903" i="1"/>
  <c r="AC146904" i="1"/>
  <c r="AC146905" i="1"/>
  <c r="AC146906" i="1"/>
  <c r="AC146907" i="1"/>
  <c r="AC146908" i="1"/>
  <c r="AC146909" i="1"/>
  <c r="AC146910" i="1"/>
  <c r="AC146911" i="1"/>
  <c r="AC146912" i="1"/>
  <c r="AC146913" i="1"/>
  <c r="AC146914" i="1"/>
  <c r="AC146915" i="1"/>
  <c r="AC146916" i="1"/>
  <c r="AC146917" i="1"/>
  <c r="AC146918" i="1"/>
  <c r="AC146919" i="1"/>
  <c r="AC146920" i="1"/>
  <c r="AC146921" i="1"/>
  <c r="AC146922" i="1"/>
  <c r="AC146923" i="1"/>
  <c r="AC146924" i="1"/>
  <c r="AC146925" i="1"/>
  <c r="AC146926" i="1"/>
  <c r="AC146927" i="1"/>
  <c r="AC146928" i="1"/>
  <c r="AC146929" i="1"/>
  <c r="AC146930" i="1"/>
  <c r="AC146931" i="1"/>
  <c r="AC146932" i="1"/>
  <c r="AC146933" i="1"/>
  <c r="AC146934" i="1"/>
  <c r="AC146935" i="1"/>
  <c r="AC146936" i="1"/>
  <c r="AC146937" i="1"/>
  <c r="AC146938" i="1"/>
  <c r="AC146939" i="1"/>
  <c r="AC146940" i="1"/>
  <c r="AC146941" i="1"/>
  <c r="AC146942" i="1"/>
  <c r="AC146943" i="1"/>
  <c r="AC146944" i="1"/>
  <c r="AC146945" i="1"/>
  <c r="AC146946" i="1"/>
  <c r="AC146947" i="1"/>
  <c r="AC146948" i="1"/>
  <c r="AC146949" i="1"/>
  <c r="AC146950" i="1"/>
  <c r="AC146951" i="1"/>
  <c r="AC146952" i="1"/>
  <c r="AC146953" i="1"/>
  <c r="AC146954" i="1"/>
  <c r="AC146955" i="1"/>
  <c r="AC146956" i="1"/>
  <c r="AC146957" i="1"/>
  <c r="AC146958" i="1"/>
  <c r="AC146959" i="1"/>
  <c r="AC146960" i="1"/>
  <c r="AC146961" i="1"/>
  <c r="AC146962" i="1"/>
  <c r="AC146963" i="1"/>
  <c r="AC146964" i="1"/>
  <c r="AC146965" i="1"/>
  <c r="AC146966" i="1"/>
  <c r="AC146967" i="1"/>
  <c r="AC146968" i="1"/>
  <c r="AC146969" i="1"/>
  <c r="AC146970" i="1"/>
  <c r="AC146971" i="1"/>
  <c r="AC146972" i="1"/>
  <c r="AC146973" i="1"/>
  <c r="AC146974" i="1"/>
  <c r="AC146975" i="1"/>
  <c r="AC146976" i="1"/>
  <c r="AC146977" i="1"/>
  <c r="AC146978" i="1"/>
  <c r="AC146979" i="1"/>
  <c r="AC146980" i="1"/>
  <c r="AC146981" i="1"/>
  <c r="AC146982" i="1"/>
  <c r="AC146983" i="1"/>
  <c r="AC146984" i="1"/>
  <c r="AC146985" i="1"/>
  <c r="AC146986" i="1"/>
  <c r="AC146987" i="1"/>
  <c r="AC146988" i="1"/>
  <c r="AC146989" i="1"/>
  <c r="AC146990" i="1"/>
  <c r="AC146991" i="1"/>
  <c r="AC146992" i="1"/>
  <c r="AC146993" i="1"/>
  <c r="AC146994" i="1"/>
  <c r="AC146995" i="1"/>
  <c r="AC146996" i="1"/>
  <c r="AC146997" i="1"/>
  <c r="AC146998" i="1"/>
  <c r="AC146999" i="1"/>
  <c r="AC147000" i="1"/>
  <c r="AC147001" i="1"/>
  <c r="AC147002" i="1"/>
  <c r="AC147003" i="1"/>
  <c r="AC147004" i="1"/>
  <c r="AC147005" i="1"/>
  <c r="AC147006" i="1"/>
  <c r="AC147007" i="1"/>
  <c r="AC147008" i="1"/>
  <c r="AC147009" i="1"/>
  <c r="AC147010" i="1"/>
  <c r="AC147011" i="1"/>
  <c r="AC147012" i="1"/>
  <c r="AC147013" i="1"/>
  <c r="AC147014" i="1"/>
  <c r="AC147015" i="1"/>
  <c r="AC147016" i="1"/>
  <c r="AC147017" i="1"/>
  <c r="AC147018" i="1"/>
  <c r="AC147019" i="1"/>
  <c r="AC147020" i="1"/>
  <c r="AC147021" i="1"/>
  <c r="AC147022" i="1"/>
  <c r="AC147023" i="1"/>
  <c r="AC147024" i="1"/>
  <c r="AC147025" i="1"/>
  <c r="AC147026" i="1"/>
  <c r="AC147027" i="1"/>
  <c r="AC147028" i="1"/>
  <c r="AC147029" i="1"/>
  <c r="AC147030" i="1"/>
  <c r="AC147031" i="1"/>
  <c r="AC147032" i="1"/>
  <c r="AC147033" i="1"/>
  <c r="AC147034" i="1"/>
  <c r="AC147035" i="1"/>
  <c r="AC147036" i="1"/>
  <c r="AC147037" i="1"/>
  <c r="AC147038" i="1"/>
  <c r="AC147039" i="1"/>
  <c r="AC147040" i="1"/>
  <c r="AC147041" i="1"/>
  <c r="AC147042" i="1"/>
  <c r="AC147043" i="1"/>
  <c r="AC147044" i="1"/>
  <c r="AC147045" i="1"/>
  <c r="AC147046" i="1"/>
  <c r="AC147047" i="1"/>
  <c r="AC147048" i="1"/>
  <c r="AC147049" i="1"/>
  <c r="AC147050" i="1"/>
  <c r="AC147051" i="1"/>
  <c r="AC147052" i="1"/>
  <c r="AC147053" i="1"/>
  <c r="AC147054" i="1"/>
  <c r="AC147055" i="1"/>
  <c r="AC147056" i="1"/>
  <c r="AC147057" i="1"/>
  <c r="AC147058" i="1"/>
  <c r="AC147059" i="1"/>
  <c r="AC147060" i="1"/>
  <c r="AC147061" i="1"/>
  <c r="AC147062" i="1"/>
  <c r="AC147063" i="1"/>
  <c r="AC147064" i="1"/>
  <c r="AC147065" i="1"/>
  <c r="AC147066" i="1"/>
  <c r="AC147067" i="1"/>
  <c r="AC147068" i="1"/>
  <c r="AC147069" i="1"/>
  <c r="AC147070" i="1"/>
  <c r="AC147071" i="1"/>
  <c r="AC147072" i="1"/>
  <c r="AC147073" i="1"/>
  <c r="AC147074" i="1"/>
  <c r="AC147075" i="1"/>
  <c r="AC147076" i="1"/>
  <c r="AC147077" i="1"/>
  <c r="AC147078" i="1"/>
  <c r="AC147079" i="1"/>
  <c r="AC147080" i="1"/>
  <c r="AC147081" i="1"/>
  <c r="AC147082" i="1"/>
  <c r="AC147083" i="1"/>
  <c r="AC147084" i="1"/>
  <c r="AC147085" i="1"/>
  <c r="AC147086" i="1"/>
  <c r="AC147087" i="1"/>
  <c r="AC147088" i="1"/>
  <c r="AC147089" i="1"/>
  <c r="AC147090" i="1"/>
  <c r="AC147091" i="1"/>
  <c r="AC147092" i="1"/>
  <c r="AC147093" i="1"/>
  <c r="AC147094" i="1"/>
  <c r="AC147095" i="1"/>
  <c r="AC147096" i="1"/>
  <c r="AC147097" i="1"/>
  <c r="AC147098" i="1"/>
  <c r="AC147099" i="1"/>
  <c r="AC147100" i="1"/>
  <c r="AC147101" i="1"/>
  <c r="AC147102" i="1"/>
  <c r="AC147103" i="1"/>
  <c r="AC147104" i="1"/>
  <c r="AC147105" i="1"/>
  <c r="AC147106" i="1"/>
  <c r="AC147107" i="1"/>
  <c r="AC147108" i="1"/>
  <c r="AC147109" i="1"/>
  <c r="AC147110" i="1"/>
  <c r="AC147111" i="1"/>
  <c r="AC147112" i="1"/>
  <c r="AC147113" i="1"/>
  <c r="AC147114" i="1"/>
  <c r="AC147115" i="1"/>
  <c r="AC147116" i="1"/>
  <c r="AC147117" i="1"/>
  <c r="AC147118" i="1"/>
  <c r="AC147119" i="1"/>
  <c r="AC147120" i="1"/>
  <c r="AC147121" i="1"/>
  <c r="AC147122" i="1"/>
  <c r="AC147123" i="1"/>
  <c r="AC147124" i="1"/>
  <c r="AC147125" i="1"/>
  <c r="AC147126" i="1"/>
  <c r="AC147127" i="1"/>
  <c r="AC147128" i="1"/>
  <c r="AC147129" i="1"/>
  <c r="AC147130" i="1"/>
  <c r="AC147131" i="1"/>
  <c r="AC147132" i="1"/>
  <c r="AC147133" i="1"/>
  <c r="AC147134" i="1"/>
  <c r="AC147135" i="1"/>
  <c r="AC147136" i="1"/>
  <c r="AC147137" i="1"/>
  <c r="AC147138" i="1"/>
  <c r="AC147139" i="1"/>
  <c r="AC147140" i="1"/>
  <c r="AC147141" i="1"/>
  <c r="AC147142" i="1"/>
  <c r="AC147143" i="1"/>
  <c r="AC147144" i="1"/>
  <c r="AC147145" i="1"/>
  <c r="AC147146" i="1"/>
  <c r="AC147147" i="1"/>
  <c r="AC147148" i="1"/>
  <c r="AC147149" i="1"/>
  <c r="AC147150" i="1"/>
  <c r="AC147151" i="1"/>
  <c r="AC147152" i="1"/>
  <c r="AC147153" i="1"/>
  <c r="AC147154" i="1"/>
  <c r="AC147155" i="1"/>
  <c r="AC147156" i="1"/>
  <c r="AC147157" i="1"/>
  <c r="AC147158" i="1"/>
  <c r="AC147159" i="1"/>
  <c r="AC147160" i="1"/>
  <c r="AC147161" i="1"/>
  <c r="AC147162" i="1"/>
  <c r="AC147163" i="1"/>
  <c r="AC147164" i="1"/>
  <c r="AC147165" i="1"/>
  <c r="AC147166" i="1"/>
  <c r="AC147167" i="1"/>
  <c r="AC147168" i="1"/>
  <c r="AC147169" i="1"/>
  <c r="AC147170" i="1"/>
  <c r="AC147171" i="1"/>
  <c r="AC147172" i="1"/>
  <c r="AC147173" i="1"/>
  <c r="AC147174" i="1"/>
  <c r="AC147175" i="1"/>
  <c r="AC147176" i="1"/>
  <c r="AC147177" i="1"/>
  <c r="AC147178" i="1"/>
  <c r="AC147179" i="1"/>
  <c r="AC147180" i="1"/>
  <c r="AC147181" i="1"/>
  <c r="AC147182" i="1"/>
  <c r="AC147183" i="1"/>
  <c r="AC147184" i="1"/>
  <c r="AC147185" i="1"/>
  <c r="AC147186" i="1"/>
  <c r="AC147187" i="1"/>
  <c r="AC147188" i="1"/>
  <c r="AC147189" i="1"/>
  <c r="AC147190" i="1"/>
  <c r="AC147191" i="1"/>
  <c r="AC147192" i="1"/>
  <c r="AC147193" i="1"/>
  <c r="AC147194" i="1"/>
  <c r="AC147195" i="1"/>
  <c r="AC147196" i="1"/>
  <c r="AC147197" i="1"/>
  <c r="AC147198" i="1"/>
  <c r="AC147199" i="1"/>
  <c r="AC147200" i="1"/>
  <c r="AC147201" i="1"/>
  <c r="AC147202" i="1"/>
  <c r="AC147203" i="1"/>
  <c r="AC147204" i="1"/>
  <c r="AC147205" i="1"/>
  <c r="AC147206" i="1"/>
  <c r="AC147207" i="1"/>
  <c r="AC147208" i="1"/>
  <c r="AC147209" i="1"/>
  <c r="AC147210" i="1"/>
  <c r="AC147211" i="1"/>
  <c r="AC147212" i="1"/>
  <c r="AC147213" i="1"/>
  <c r="AC147214" i="1"/>
  <c r="AC147215" i="1"/>
  <c r="AC147216" i="1"/>
  <c r="AC147217" i="1"/>
  <c r="AC147218" i="1"/>
  <c r="AC147219" i="1"/>
  <c r="AC147220" i="1"/>
  <c r="AC147221" i="1"/>
  <c r="AC147222" i="1"/>
  <c r="AC147223" i="1"/>
  <c r="AC147224" i="1"/>
  <c r="AC147225" i="1"/>
  <c r="AC147226" i="1"/>
  <c r="AC147227" i="1"/>
  <c r="AC147228" i="1"/>
  <c r="AC147229" i="1"/>
  <c r="AC147230" i="1"/>
  <c r="AC147231" i="1"/>
  <c r="AC147232" i="1"/>
  <c r="AC147233" i="1"/>
  <c r="AC147234" i="1"/>
  <c r="AC147235" i="1"/>
  <c r="AC147236" i="1"/>
  <c r="AC147237" i="1"/>
  <c r="AC147238" i="1"/>
  <c r="AC147239" i="1"/>
  <c r="AC147240" i="1"/>
  <c r="AC147241" i="1"/>
  <c r="AC147242" i="1"/>
  <c r="AC147243" i="1"/>
  <c r="AC147244" i="1"/>
  <c r="AC147245" i="1"/>
  <c r="AC147246" i="1"/>
  <c r="AC147247" i="1"/>
  <c r="AC147248" i="1"/>
  <c r="AC147249" i="1"/>
  <c r="AC147250" i="1"/>
  <c r="AC147251" i="1"/>
  <c r="AC147252" i="1"/>
  <c r="AC147253" i="1"/>
  <c r="AC147254" i="1"/>
  <c r="AC147255" i="1"/>
  <c r="AC147256" i="1"/>
  <c r="AC147257" i="1"/>
  <c r="AC147258" i="1"/>
  <c r="AC147259" i="1"/>
  <c r="AC147260" i="1"/>
  <c r="AC147261" i="1"/>
  <c r="AC147262" i="1"/>
  <c r="AC147263" i="1"/>
  <c r="AC147264" i="1"/>
  <c r="AC147265" i="1"/>
  <c r="AC147266" i="1"/>
  <c r="AC147267" i="1"/>
  <c r="AC147268" i="1"/>
  <c r="AC147269" i="1"/>
  <c r="AC147270" i="1"/>
  <c r="AC147271" i="1"/>
  <c r="AC147272" i="1"/>
  <c r="AC147273" i="1"/>
  <c r="AC147274" i="1"/>
  <c r="AC147275" i="1"/>
  <c r="AC147276" i="1"/>
  <c r="AC147277" i="1"/>
  <c r="AC147278" i="1"/>
  <c r="AC147279" i="1"/>
  <c r="AC147280" i="1"/>
  <c r="AC147281" i="1"/>
  <c r="AC147282" i="1"/>
  <c r="AC147283" i="1"/>
  <c r="AC147284" i="1"/>
  <c r="AC147285" i="1"/>
  <c r="AC147286" i="1"/>
  <c r="AC147287" i="1"/>
  <c r="AC147288" i="1"/>
  <c r="AC147289" i="1"/>
  <c r="AC147290" i="1"/>
  <c r="AC147291" i="1"/>
  <c r="AC147292" i="1"/>
  <c r="AC147293" i="1"/>
  <c r="AC147294" i="1"/>
  <c r="AC147295" i="1"/>
  <c r="AC147296" i="1"/>
  <c r="AC147297" i="1"/>
  <c r="AC147298" i="1"/>
  <c r="AC147299" i="1"/>
  <c r="AC147300" i="1"/>
  <c r="AC147301" i="1"/>
  <c r="AC147302" i="1"/>
  <c r="AC147303" i="1"/>
  <c r="AC147304" i="1"/>
  <c r="AC147305" i="1"/>
  <c r="AC147306" i="1"/>
  <c r="AC147307" i="1"/>
  <c r="AC147308" i="1"/>
  <c r="AC147309" i="1"/>
  <c r="AC147310" i="1"/>
  <c r="AC147311" i="1"/>
  <c r="AC147312" i="1"/>
  <c r="AC147313" i="1"/>
  <c r="AC147314" i="1"/>
  <c r="AC147315" i="1"/>
  <c r="AC147316" i="1"/>
  <c r="AC147317" i="1"/>
  <c r="AC147318" i="1"/>
  <c r="AC147319" i="1"/>
  <c r="AC147320" i="1"/>
  <c r="AC147321" i="1"/>
  <c r="AC147322" i="1"/>
  <c r="AC147323" i="1"/>
  <c r="AC147324" i="1"/>
  <c r="AC147325" i="1"/>
  <c r="AC147326" i="1"/>
  <c r="AC147327" i="1"/>
  <c r="AC147328" i="1"/>
  <c r="AC147329" i="1"/>
  <c r="AC147330" i="1"/>
  <c r="AC147331" i="1"/>
  <c r="AC147332" i="1"/>
  <c r="AC147333" i="1"/>
  <c r="AC147334" i="1"/>
  <c r="AC147335" i="1"/>
  <c r="AC147336" i="1"/>
  <c r="AC147337" i="1"/>
  <c r="AC147338" i="1"/>
  <c r="AC147339" i="1"/>
  <c r="AC147340" i="1"/>
  <c r="AC147341" i="1"/>
  <c r="AC147342" i="1"/>
  <c r="AC147343" i="1"/>
  <c r="AC147344" i="1"/>
  <c r="AC147345" i="1"/>
  <c r="AC147346" i="1"/>
  <c r="AC147347" i="1"/>
  <c r="AC147348" i="1"/>
  <c r="AC147349" i="1"/>
  <c r="AC147350" i="1"/>
  <c r="AC147351" i="1"/>
  <c r="AC147352" i="1"/>
  <c r="AC147353" i="1"/>
  <c r="AC147354" i="1"/>
  <c r="AC147355" i="1"/>
  <c r="AC147356" i="1"/>
  <c r="AC147357" i="1"/>
  <c r="AC147358" i="1"/>
  <c r="AC147359" i="1"/>
  <c r="AC147360" i="1"/>
  <c r="AC147361" i="1"/>
  <c r="AC147362" i="1"/>
  <c r="AC147363" i="1"/>
  <c r="AC147364" i="1"/>
  <c r="AC147365" i="1"/>
  <c r="AC147366" i="1"/>
  <c r="AC147367" i="1"/>
  <c r="AC147368" i="1"/>
  <c r="AC147369" i="1"/>
  <c r="AC147370" i="1"/>
  <c r="AC147371" i="1"/>
  <c r="AC147372" i="1"/>
  <c r="AC147373" i="1"/>
  <c r="AC147374" i="1"/>
  <c r="AC147375" i="1"/>
  <c r="AC147376" i="1"/>
  <c r="AC147377" i="1"/>
  <c r="AC147378" i="1"/>
  <c r="AC147379" i="1"/>
  <c r="AC147380" i="1"/>
  <c r="AC147381" i="1"/>
  <c r="AC147382" i="1"/>
  <c r="AC147383" i="1"/>
  <c r="AC147384" i="1"/>
  <c r="AC147385" i="1"/>
  <c r="AC147386" i="1"/>
  <c r="AC147387" i="1"/>
  <c r="AC147388" i="1"/>
  <c r="AC147389" i="1"/>
  <c r="AC147390" i="1"/>
  <c r="AC147391" i="1"/>
  <c r="AC147392" i="1"/>
  <c r="AC147393" i="1"/>
  <c r="AC147394" i="1"/>
  <c r="AC147395" i="1"/>
  <c r="AC147396" i="1"/>
  <c r="AC147397" i="1"/>
  <c r="AC147398" i="1"/>
  <c r="AC147399" i="1"/>
  <c r="AC147400" i="1"/>
  <c r="AC147401" i="1"/>
  <c r="AC147402" i="1"/>
  <c r="AC147403" i="1"/>
  <c r="AC147404" i="1"/>
  <c r="AC147405" i="1"/>
  <c r="AC147406" i="1"/>
  <c r="AC147407" i="1"/>
  <c r="AC147408" i="1"/>
  <c r="AC147409" i="1"/>
  <c r="AC147410" i="1"/>
  <c r="AC147411" i="1"/>
  <c r="AC147412" i="1"/>
  <c r="AC147413" i="1"/>
  <c r="AC147414" i="1"/>
  <c r="AC147415" i="1"/>
  <c r="AC147416" i="1"/>
  <c r="AC147417" i="1"/>
  <c r="AC147418" i="1"/>
  <c r="AC147419" i="1"/>
  <c r="AC147420" i="1"/>
  <c r="AC147421" i="1"/>
  <c r="AC147422" i="1"/>
  <c r="AC147423" i="1"/>
  <c r="AC147424" i="1"/>
  <c r="AC147425" i="1"/>
  <c r="AC147426" i="1"/>
  <c r="AC147427" i="1"/>
  <c r="AC147428" i="1"/>
  <c r="AC147429" i="1"/>
  <c r="AC147430" i="1"/>
  <c r="AC147431" i="1"/>
  <c r="AC147432" i="1"/>
  <c r="AC147433" i="1"/>
  <c r="AC147434" i="1"/>
  <c r="AC147435" i="1"/>
  <c r="AC147436" i="1"/>
  <c r="AC147437" i="1"/>
  <c r="AC147438" i="1"/>
  <c r="AC147439" i="1"/>
  <c r="AC147440" i="1"/>
  <c r="AC147441" i="1"/>
  <c r="AC147442" i="1"/>
  <c r="AC147443" i="1"/>
  <c r="AC147444" i="1"/>
  <c r="AC147445" i="1"/>
  <c r="AC147446" i="1"/>
  <c r="AC147447" i="1"/>
  <c r="AC147448" i="1"/>
  <c r="AC147449" i="1"/>
  <c r="AC147450" i="1"/>
  <c r="AC147451" i="1"/>
  <c r="AC147452" i="1"/>
  <c r="AC147453" i="1"/>
  <c r="AC147454" i="1"/>
  <c r="AC147455" i="1"/>
  <c r="AC147456" i="1"/>
  <c r="AC147457" i="1"/>
  <c r="AC147458" i="1"/>
  <c r="AC147459" i="1"/>
  <c r="AC147460" i="1"/>
  <c r="AC147461" i="1"/>
  <c r="AC147462" i="1"/>
  <c r="AC147463" i="1"/>
  <c r="AC147464" i="1"/>
  <c r="AC147465" i="1"/>
  <c r="AC147466" i="1"/>
  <c r="AC147467" i="1"/>
  <c r="AC147468" i="1"/>
  <c r="AC147469" i="1"/>
  <c r="AC147470" i="1"/>
  <c r="AC147471" i="1"/>
  <c r="AC147472" i="1"/>
  <c r="AC147473" i="1"/>
  <c r="AC147474" i="1"/>
  <c r="AC147475" i="1"/>
  <c r="AC147476" i="1"/>
  <c r="AC147477" i="1"/>
  <c r="AC147478" i="1"/>
  <c r="AC147479" i="1"/>
  <c r="AC147480" i="1"/>
  <c r="AC147481" i="1"/>
  <c r="AC147482" i="1"/>
  <c r="AC147483" i="1"/>
  <c r="AC147484" i="1"/>
  <c r="AC147485" i="1"/>
  <c r="AC147486" i="1"/>
  <c r="AC147487" i="1"/>
  <c r="AC147488" i="1"/>
  <c r="AC147489" i="1"/>
  <c r="AC147490" i="1"/>
  <c r="AC147491" i="1"/>
  <c r="AC147492" i="1"/>
  <c r="AC147493" i="1"/>
  <c r="AC147494" i="1"/>
  <c r="AC147495" i="1"/>
  <c r="AC147496" i="1"/>
  <c r="AC147497" i="1"/>
  <c r="AC147498" i="1"/>
  <c r="AC147499" i="1"/>
  <c r="AC147500" i="1"/>
  <c r="AC147501" i="1"/>
  <c r="AC147502" i="1"/>
  <c r="AC147503" i="1"/>
  <c r="AC147504" i="1"/>
  <c r="AC147505" i="1"/>
  <c r="AC147506" i="1"/>
  <c r="AC147507" i="1"/>
  <c r="AC147508" i="1"/>
  <c r="AC147509" i="1"/>
  <c r="AC147510" i="1"/>
  <c r="AC147511" i="1"/>
  <c r="AC147512" i="1"/>
  <c r="AC147513" i="1"/>
  <c r="AC147514" i="1"/>
  <c r="AC147515" i="1"/>
  <c r="AC147516" i="1"/>
  <c r="AC147517" i="1"/>
  <c r="AC147518" i="1"/>
  <c r="AC147519" i="1"/>
  <c r="AC147520" i="1"/>
  <c r="AC147521" i="1"/>
  <c r="AC147522" i="1"/>
  <c r="AC147523" i="1"/>
  <c r="AC147524" i="1"/>
  <c r="AC147525" i="1"/>
  <c r="AC147526" i="1"/>
  <c r="AC147527" i="1"/>
  <c r="AC147528" i="1"/>
  <c r="AC147529" i="1"/>
  <c r="AC147530" i="1"/>
  <c r="AC147531" i="1"/>
  <c r="AC147532" i="1"/>
  <c r="AC147533" i="1"/>
  <c r="AC147534" i="1"/>
  <c r="AC147535" i="1"/>
  <c r="AC147536" i="1"/>
  <c r="AC147537" i="1"/>
  <c r="AC147538" i="1"/>
  <c r="AC147539" i="1"/>
  <c r="AC147540" i="1"/>
  <c r="AC147541" i="1"/>
  <c r="AC147542" i="1"/>
  <c r="AC147543" i="1"/>
  <c r="AC147544" i="1"/>
  <c r="AC147545" i="1"/>
  <c r="AC147546" i="1"/>
  <c r="AC147547" i="1"/>
  <c r="AC147548" i="1"/>
  <c r="AC147549" i="1"/>
  <c r="AC147550" i="1"/>
  <c r="AC147551" i="1"/>
  <c r="AC147552" i="1"/>
  <c r="AC147553" i="1"/>
  <c r="AC147554" i="1"/>
  <c r="AC147555" i="1"/>
  <c r="AC147556" i="1"/>
  <c r="AC147557" i="1"/>
  <c r="AC147558" i="1"/>
  <c r="AC147559" i="1"/>
  <c r="AC147560" i="1"/>
  <c r="AC147561" i="1"/>
  <c r="AC147562" i="1"/>
  <c r="AC147563" i="1"/>
  <c r="AC147564" i="1"/>
  <c r="AC147565" i="1"/>
  <c r="AC147566" i="1"/>
  <c r="AC147567" i="1"/>
  <c r="AC147568" i="1"/>
  <c r="AC147569" i="1"/>
  <c r="AC147570" i="1"/>
  <c r="AC147571" i="1"/>
  <c r="AC147572" i="1"/>
  <c r="AC147573" i="1"/>
  <c r="AC147574" i="1"/>
  <c r="AC147575" i="1"/>
  <c r="AC147576" i="1"/>
  <c r="AC147577" i="1"/>
  <c r="AC147578" i="1"/>
  <c r="AC147579" i="1"/>
  <c r="AC147580" i="1"/>
  <c r="AC147581" i="1"/>
  <c r="AC147582" i="1"/>
  <c r="AC147583" i="1"/>
  <c r="AC147584" i="1"/>
  <c r="AC147585" i="1"/>
  <c r="AC147586" i="1"/>
  <c r="AC147587" i="1"/>
  <c r="AC147588" i="1"/>
  <c r="AC147589" i="1"/>
  <c r="AC147590" i="1"/>
  <c r="AC147591" i="1"/>
  <c r="AC147592" i="1"/>
  <c r="AC147593" i="1"/>
  <c r="AC147594" i="1"/>
  <c r="AC147595" i="1"/>
  <c r="AC147596" i="1"/>
  <c r="AC147597" i="1"/>
  <c r="AC147598" i="1"/>
  <c r="AC147599" i="1"/>
  <c r="AC147600" i="1"/>
  <c r="AC147601" i="1"/>
  <c r="AC147602" i="1"/>
  <c r="AC147603" i="1"/>
  <c r="AC147604" i="1"/>
  <c r="AC147605" i="1"/>
  <c r="AC147606" i="1"/>
  <c r="AC147607" i="1"/>
  <c r="AC147608" i="1"/>
  <c r="AC147609" i="1"/>
  <c r="AC147610" i="1"/>
  <c r="AC147611" i="1"/>
  <c r="AC147612" i="1"/>
  <c r="AC147613" i="1"/>
  <c r="AC147614" i="1"/>
  <c r="AC147615" i="1"/>
  <c r="AC147616" i="1"/>
  <c r="AC147617" i="1"/>
  <c r="AC147618" i="1"/>
  <c r="AC147619" i="1"/>
  <c r="AC147620" i="1"/>
  <c r="AC147621" i="1"/>
  <c r="AC147622" i="1"/>
  <c r="AC147623" i="1"/>
  <c r="AC147624" i="1"/>
  <c r="AC147625" i="1"/>
  <c r="AC147626" i="1"/>
  <c r="AC147627" i="1"/>
  <c r="AC147628" i="1"/>
  <c r="AC147629" i="1"/>
  <c r="AC147630" i="1"/>
  <c r="AC147631" i="1"/>
  <c r="AC147632" i="1"/>
  <c r="AC147633" i="1"/>
  <c r="AC147634" i="1"/>
  <c r="AC147635" i="1"/>
  <c r="AC147636" i="1"/>
  <c r="AC147637" i="1"/>
  <c r="AC147638" i="1"/>
  <c r="AC147639" i="1"/>
  <c r="AC147640" i="1"/>
  <c r="AC147641" i="1"/>
  <c r="AC147642" i="1"/>
  <c r="AC147643" i="1"/>
  <c r="AC147644" i="1"/>
  <c r="AC147645" i="1"/>
  <c r="AC147646" i="1"/>
  <c r="AC147647" i="1"/>
  <c r="AC147648" i="1"/>
  <c r="AC147649" i="1"/>
  <c r="AC147650" i="1"/>
  <c r="AC147651" i="1"/>
  <c r="AC147652" i="1"/>
  <c r="AC147653" i="1"/>
  <c r="AC147654" i="1"/>
  <c r="AC147655" i="1"/>
  <c r="AC147656" i="1"/>
  <c r="AC147657" i="1"/>
  <c r="AC147658" i="1"/>
  <c r="AC147659" i="1"/>
  <c r="AC147660" i="1"/>
  <c r="AC147661" i="1"/>
  <c r="AC147662" i="1"/>
  <c r="AC147663" i="1"/>
  <c r="AC147664" i="1"/>
  <c r="AC147665" i="1"/>
  <c r="AC147666" i="1"/>
  <c r="AC147667" i="1"/>
  <c r="AC147668" i="1"/>
  <c r="AC147669" i="1"/>
  <c r="AC147670" i="1"/>
  <c r="AC147671" i="1"/>
  <c r="AC147672" i="1"/>
  <c r="AC147673" i="1"/>
  <c r="AC147674" i="1"/>
  <c r="AC147675" i="1"/>
  <c r="AC147676" i="1"/>
  <c r="AC147677" i="1"/>
  <c r="AC147678" i="1"/>
  <c r="AC147679" i="1"/>
  <c r="AC147680" i="1"/>
  <c r="AC147681" i="1"/>
  <c r="AC147682" i="1"/>
  <c r="AC147683" i="1"/>
  <c r="AC147684" i="1"/>
  <c r="AC147685" i="1"/>
  <c r="AC147686" i="1"/>
  <c r="AC147687" i="1"/>
  <c r="AC147688" i="1"/>
  <c r="AC147689" i="1"/>
  <c r="AC147690" i="1"/>
  <c r="AC147691" i="1"/>
  <c r="AC147692" i="1"/>
  <c r="AC147693" i="1"/>
  <c r="AC147694" i="1"/>
  <c r="AC147695" i="1"/>
  <c r="AC147696" i="1"/>
  <c r="AC147697" i="1"/>
  <c r="AC147698" i="1"/>
  <c r="AC147699" i="1"/>
  <c r="AC147700" i="1"/>
  <c r="AC147701" i="1"/>
  <c r="AC147702" i="1"/>
  <c r="AC147703" i="1"/>
  <c r="AC147704" i="1"/>
  <c r="AC147705" i="1"/>
  <c r="AC147706" i="1"/>
  <c r="AC147707" i="1"/>
  <c r="AC147708" i="1"/>
  <c r="AC147709" i="1"/>
  <c r="AC147710" i="1"/>
  <c r="AC147711" i="1"/>
  <c r="AC147712" i="1"/>
  <c r="AC147713" i="1"/>
  <c r="AC147714" i="1"/>
  <c r="AC147715" i="1"/>
  <c r="AC147716" i="1"/>
  <c r="AC147717" i="1"/>
  <c r="AC147718" i="1"/>
  <c r="AC147719" i="1"/>
  <c r="AC147720" i="1"/>
  <c r="AC147721" i="1"/>
  <c r="AC147722" i="1"/>
  <c r="AC147723" i="1"/>
  <c r="AC147724" i="1"/>
  <c r="AC147725" i="1"/>
  <c r="AC147726" i="1"/>
  <c r="AC147727" i="1"/>
  <c r="AC147728" i="1"/>
  <c r="AC147729" i="1"/>
  <c r="AC147730" i="1"/>
  <c r="AC147731" i="1"/>
  <c r="AC147732" i="1"/>
  <c r="AC147733" i="1"/>
  <c r="AC147734" i="1"/>
  <c r="AC147735" i="1"/>
  <c r="AC147736" i="1"/>
  <c r="AC147737" i="1"/>
  <c r="AC147738" i="1"/>
  <c r="AC147739" i="1"/>
  <c r="AC147740" i="1"/>
  <c r="AC147741" i="1"/>
  <c r="AC147742" i="1"/>
  <c r="AC147743" i="1"/>
  <c r="AC147744" i="1"/>
  <c r="AC147745" i="1"/>
  <c r="AC147746" i="1"/>
  <c r="AC147747" i="1"/>
  <c r="AC147748" i="1"/>
  <c r="AC147749" i="1"/>
  <c r="AC147750" i="1"/>
  <c r="AC147751" i="1"/>
  <c r="AC147752" i="1"/>
  <c r="AC147753" i="1"/>
  <c r="AC147754" i="1"/>
  <c r="AC147755" i="1"/>
  <c r="AC147756" i="1"/>
  <c r="AC147757" i="1"/>
  <c r="AC147758" i="1"/>
  <c r="AC147759" i="1"/>
  <c r="AC147760" i="1"/>
  <c r="AC147761" i="1"/>
  <c r="AC147762" i="1"/>
  <c r="AC147763" i="1"/>
  <c r="AC147764" i="1"/>
  <c r="AC147765" i="1"/>
  <c r="AC147766" i="1"/>
  <c r="AC147767" i="1"/>
  <c r="AC147768" i="1"/>
  <c r="AC147769" i="1"/>
  <c r="AC147770" i="1"/>
  <c r="AC147771" i="1"/>
  <c r="AC147772" i="1"/>
  <c r="AC147773" i="1"/>
  <c r="AC147774" i="1"/>
  <c r="AC147775" i="1"/>
  <c r="AC147776" i="1"/>
  <c r="AC147777" i="1"/>
  <c r="AC147778" i="1"/>
  <c r="AC147779" i="1"/>
  <c r="AC147780" i="1"/>
  <c r="AC147781" i="1"/>
  <c r="AC147782" i="1"/>
  <c r="AC147783" i="1"/>
  <c r="AC147784" i="1"/>
  <c r="AC147785" i="1"/>
  <c r="AC147786" i="1"/>
  <c r="AC147787" i="1"/>
  <c r="AC147788" i="1"/>
  <c r="AC147789" i="1"/>
  <c r="AC147790" i="1"/>
  <c r="AC147791" i="1"/>
  <c r="AC147792" i="1"/>
  <c r="AC147793" i="1"/>
  <c r="AC147794" i="1"/>
  <c r="AC147795" i="1"/>
  <c r="AC147796" i="1"/>
  <c r="AC147797" i="1"/>
  <c r="AC147798" i="1"/>
  <c r="AC147799" i="1"/>
  <c r="AC147800" i="1"/>
  <c r="AC147801" i="1"/>
  <c r="AC147802" i="1"/>
  <c r="AC147803" i="1"/>
  <c r="AC147804" i="1"/>
  <c r="AC147805" i="1"/>
  <c r="AC147806" i="1"/>
  <c r="AC147807" i="1"/>
  <c r="AC147808" i="1"/>
  <c r="AC147809" i="1"/>
  <c r="AC147810" i="1"/>
  <c r="AC147811" i="1"/>
  <c r="AC147812" i="1"/>
  <c r="AC147813" i="1"/>
  <c r="AC147814" i="1"/>
  <c r="AC147815" i="1"/>
  <c r="AC147816" i="1"/>
  <c r="AC147817" i="1"/>
  <c r="AC147818" i="1"/>
  <c r="AC147819" i="1"/>
  <c r="AC147820" i="1"/>
  <c r="AC147821" i="1"/>
  <c r="AC147822" i="1"/>
  <c r="AC147823" i="1"/>
  <c r="AC147824" i="1"/>
  <c r="AC147825" i="1"/>
  <c r="AC147826" i="1"/>
  <c r="AC147827" i="1"/>
  <c r="AC147828" i="1"/>
  <c r="AC147829" i="1"/>
  <c r="AC147830" i="1"/>
  <c r="AC147831" i="1"/>
  <c r="AC147832" i="1"/>
  <c r="AC147833" i="1"/>
  <c r="AC147834" i="1"/>
  <c r="AC147835" i="1"/>
  <c r="AC147836" i="1"/>
  <c r="AC147837" i="1"/>
  <c r="AC147838" i="1"/>
  <c r="AC147839" i="1"/>
  <c r="AC147840" i="1"/>
  <c r="AC147841" i="1"/>
  <c r="AC147842" i="1"/>
  <c r="AC147843" i="1"/>
  <c r="AC147844" i="1"/>
  <c r="AC147845" i="1"/>
  <c r="AC147846" i="1"/>
  <c r="AC147847" i="1"/>
  <c r="AC147848" i="1"/>
  <c r="AC147849" i="1"/>
  <c r="AC147850" i="1"/>
  <c r="AC147851" i="1"/>
  <c r="AC147852" i="1"/>
  <c r="AC147853" i="1"/>
  <c r="AC147854" i="1"/>
  <c r="AC147855" i="1"/>
  <c r="AC147856" i="1"/>
  <c r="AC147857" i="1"/>
  <c r="AC147858" i="1"/>
  <c r="AC147859" i="1"/>
  <c r="AC147860" i="1"/>
  <c r="AC147861" i="1"/>
  <c r="AC147862" i="1"/>
  <c r="AC147863" i="1"/>
  <c r="AC147864" i="1"/>
  <c r="AC147865" i="1"/>
  <c r="AC147866" i="1"/>
  <c r="AC147867" i="1"/>
  <c r="AC147868" i="1"/>
  <c r="AC147869" i="1"/>
  <c r="AC147870" i="1"/>
  <c r="AC147871" i="1"/>
  <c r="AC147872" i="1"/>
  <c r="AC147873" i="1"/>
  <c r="AC147874" i="1"/>
  <c r="AC147875" i="1"/>
  <c r="AC147876" i="1"/>
  <c r="AC147877" i="1"/>
  <c r="AC147878" i="1"/>
  <c r="AC147879" i="1"/>
  <c r="AC147880" i="1"/>
  <c r="AC147881" i="1"/>
  <c r="AC147882" i="1"/>
  <c r="AC147883" i="1"/>
  <c r="AC147884" i="1"/>
  <c r="AC147885" i="1"/>
  <c r="AC147886" i="1"/>
  <c r="AC147887" i="1"/>
  <c r="AC147888" i="1"/>
  <c r="AC147889" i="1"/>
  <c r="AC147890" i="1"/>
  <c r="AC147891" i="1"/>
  <c r="AC147892" i="1"/>
  <c r="AC147893" i="1"/>
  <c r="AC147894" i="1"/>
  <c r="AC147895" i="1"/>
  <c r="AC147896" i="1"/>
  <c r="AC147897" i="1"/>
  <c r="AC147898" i="1"/>
  <c r="AC147899" i="1"/>
  <c r="AC147900" i="1"/>
  <c r="AC147901" i="1"/>
  <c r="AC147902" i="1"/>
  <c r="AC147903" i="1"/>
  <c r="AC147904" i="1"/>
  <c r="AC147905" i="1"/>
  <c r="AC147906" i="1"/>
  <c r="AC147907" i="1"/>
  <c r="AC147908" i="1"/>
  <c r="AC147909" i="1"/>
  <c r="AC147910" i="1"/>
  <c r="AC147911" i="1"/>
  <c r="AC147912" i="1"/>
  <c r="AC147913" i="1"/>
  <c r="AC147914" i="1"/>
  <c r="AC147915" i="1"/>
  <c r="AC147916" i="1"/>
  <c r="AC147917" i="1"/>
  <c r="AC147918" i="1"/>
  <c r="AC147919" i="1"/>
  <c r="AC147920" i="1"/>
  <c r="AC147921" i="1"/>
  <c r="AC147922" i="1"/>
  <c r="AC147923" i="1"/>
  <c r="AC147924" i="1"/>
  <c r="AC147925" i="1"/>
  <c r="AC147926" i="1"/>
  <c r="AC147927" i="1"/>
  <c r="AC147928" i="1"/>
  <c r="AC147929" i="1"/>
  <c r="AC147930" i="1"/>
  <c r="AC147931" i="1"/>
  <c r="AC147932" i="1"/>
  <c r="AC147933" i="1"/>
  <c r="AC147934" i="1"/>
  <c r="AC147935" i="1"/>
  <c r="AC147936" i="1"/>
  <c r="AC147937" i="1"/>
  <c r="AC147938" i="1"/>
  <c r="AC147939" i="1"/>
  <c r="AC147940" i="1"/>
  <c r="AC147941" i="1"/>
  <c r="AC147942" i="1"/>
  <c r="AC147943" i="1"/>
  <c r="AC147944" i="1"/>
  <c r="AC147945" i="1"/>
  <c r="AC147946" i="1"/>
  <c r="AC147947" i="1"/>
  <c r="AC147948" i="1"/>
  <c r="AC147949" i="1"/>
  <c r="AC147950" i="1"/>
  <c r="AC147951" i="1"/>
  <c r="AC147952" i="1"/>
  <c r="AC147953" i="1"/>
  <c r="AC147954" i="1"/>
  <c r="AC147955" i="1"/>
  <c r="AC147956" i="1"/>
  <c r="AC147957" i="1"/>
  <c r="AC147958" i="1"/>
  <c r="AC147959" i="1"/>
  <c r="AC147960" i="1"/>
  <c r="AC147961" i="1"/>
  <c r="AC147962" i="1"/>
  <c r="AC147963" i="1"/>
  <c r="AC147964" i="1"/>
  <c r="AC147965" i="1"/>
  <c r="AC147966" i="1"/>
  <c r="AC147967" i="1"/>
  <c r="AC147968" i="1"/>
  <c r="AC147969" i="1"/>
  <c r="AC147970" i="1"/>
  <c r="AC147971" i="1"/>
  <c r="AC147972" i="1"/>
  <c r="AC147973" i="1"/>
  <c r="AC147974" i="1"/>
  <c r="AC147975" i="1"/>
  <c r="AC147976" i="1"/>
  <c r="AC147977" i="1"/>
  <c r="AC147978" i="1"/>
  <c r="AC147979" i="1"/>
  <c r="AC147980" i="1"/>
  <c r="AC147981" i="1"/>
  <c r="AC147982" i="1"/>
  <c r="AC147983" i="1"/>
  <c r="AC147984" i="1"/>
  <c r="AC147985" i="1"/>
  <c r="AC147986" i="1"/>
  <c r="AC147987" i="1"/>
  <c r="AC147988" i="1"/>
  <c r="AC147989" i="1"/>
  <c r="AC147990" i="1"/>
  <c r="AC147991" i="1"/>
  <c r="AC147992" i="1"/>
  <c r="AC147993" i="1"/>
  <c r="AC147994" i="1"/>
  <c r="AC147995" i="1"/>
  <c r="AC147996" i="1"/>
  <c r="AC147997" i="1"/>
  <c r="AC147998" i="1"/>
  <c r="AC147999" i="1"/>
  <c r="AC148000" i="1"/>
  <c r="AC148001" i="1"/>
  <c r="AC148002" i="1"/>
  <c r="AC148003" i="1"/>
  <c r="AC148004" i="1"/>
  <c r="AC148005" i="1"/>
  <c r="AC148006" i="1"/>
  <c r="AC148007" i="1"/>
  <c r="AC148008" i="1"/>
  <c r="AC148009" i="1"/>
  <c r="AC148010" i="1"/>
  <c r="AC148011" i="1"/>
  <c r="AC148012" i="1"/>
  <c r="AC148013" i="1"/>
  <c r="AC148014" i="1"/>
  <c r="AC148015" i="1"/>
  <c r="AC148016" i="1"/>
  <c r="AC148017" i="1"/>
  <c r="AC148018" i="1"/>
  <c r="AC148019" i="1"/>
  <c r="AC148020" i="1"/>
  <c r="AC148021" i="1"/>
  <c r="AC148022" i="1"/>
  <c r="AC148023" i="1"/>
  <c r="AC148024" i="1"/>
  <c r="AC148025" i="1"/>
  <c r="AC148026" i="1"/>
  <c r="AC148027" i="1"/>
  <c r="AC148028" i="1"/>
  <c r="AC148029" i="1"/>
  <c r="AC148030" i="1"/>
  <c r="AC148031" i="1"/>
  <c r="AC148032" i="1"/>
  <c r="AC148033" i="1"/>
  <c r="AC148034" i="1"/>
  <c r="AC148035" i="1"/>
  <c r="AC148036" i="1"/>
  <c r="AC148037" i="1"/>
  <c r="AC148038" i="1"/>
  <c r="AC148039" i="1"/>
  <c r="AC148040" i="1"/>
  <c r="AC148041" i="1"/>
  <c r="AC148042" i="1"/>
  <c r="AC148043" i="1"/>
  <c r="AC148044" i="1"/>
  <c r="AC148045" i="1"/>
  <c r="AC148046" i="1"/>
  <c r="AC148047" i="1"/>
  <c r="AC148048" i="1"/>
  <c r="AC148049" i="1"/>
  <c r="AC148050" i="1"/>
  <c r="AC148051" i="1"/>
  <c r="AC148052" i="1"/>
  <c r="AC148053" i="1"/>
  <c r="AC148054" i="1"/>
  <c r="AC148055" i="1"/>
  <c r="AC148056" i="1"/>
  <c r="AC148057" i="1"/>
  <c r="AC148058" i="1"/>
  <c r="AC148059" i="1"/>
  <c r="AC148060" i="1"/>
  <c r="AC148061" i="1"/>
  <c r="AC148062" i="1"/>
  <c r="AC148063" i="1"/>
  <c r="AC148064" i="1"/>
  <c r="AC148065" i="1"/>
  <c r="AC148066" i="1"/>
  <c r="AC148067" i="1"/>
  <c r="AC148068" i="1"/>
  <c r="AC148069" i="1"/>
  <c r="AC148070" i="1"/>
  <c r="AC148071" i="1"/>
  <c r="AC148072" i="1"/>
  <c r="AC148073" i="1"/>
  <c r="AC148074" i="1"/>
  <c r="AC148075" i="1"/>
  <c r="AC148076" i="1"/>
  <c r="AC148077" i="1"/>
  <c r="AC148078" i="1"/>
  <c r="AC148079" i="1"/>
  <c r="AC148080" i="1"/>
  <c r="AC148081" i="1"/>
  <c r="AC148082" i="1"/>
  <c r="AC148083" i="1"/>
  <c r="AC148084" i="1"/>
  <c r="AC148085" i="1"/>
  <c r="AC148086" i="1"/>
  <c r="AC148087" i="1"/>
  <c r="AC148088" i="1"/>
  <c r="AC148089" i="1"/>
  <c r="AC148090" i="1"/>
  <c r="AC148091" i="1"/>
  <c r="AC148092" i="1"/>
  <c r="AC148093" i="1"/>
  <c r="AC148094" i="1"/>
  <c r="AC148095" i="1"/>
  <c r="AC148096" i="1"/>
  <c r="AC148097" i="1"/>
  <c r="AC148098" i="1"/>
  <c r="AC148099" i="1"/>
  <c r="AC148100" i="1"/>
  <c r="AC148101" i="1"/>
  <c r="AC148102" i="1"/>
  <c r="AC148103" i="1"/>
  <c r="AC148104" i="1"/>
  <c r="AC148105" i="1"/>
  <c r="AC148106" i="1"/>
  <c r="AC148107" i="1"/>
  <c r="AC148108" i="1"/>
  <c r="AC148109" i="1"/>
  <c r="AC148110" i="1"/>
  <c r="AC148111" i="1"/>
  <c r="AC148112" i="1"/>
  <c r="AC148113" i="1"/>
  <c r="AC148114" i="1"/>
  <c r="AC148115" i="1"/>
  <c r="AC148116" i="1"/>
  <c r="AC148117" i="1"/>
  <c r="AC148118" i="1"/>
  <c r="AC148119" i="1"/>
  <c r="AC148120" i="1"/>
  <c r="AC148121" i="1"/>
  <c r="AC148122" i="1"/>
  <c r="AC148123" i="1"/>
  <c r="AC148124" i="1"/>
  <c r="AC148125" i="1"/>
  <c r="AC148126" i="1"/>
  <c r="AC148127" i="1"/>
  <c r="AC148128" i="1"/>
  <c r="AC148129" i="1"/>
  <c r="AC148130" i="1"/>
  <c r="AC148131" i="1"/>
  <c r="AC148132" i="1"/>
  <c r="AC148133" i="1"/>
  <c r="AC148134" i="1"/>
  <c r="AC148135" i="1"/>
  <c r="AC148136" i="1"/>
  <c r="AC148137" i="1"/>
  <c r="AC148138" i="1"/>
  <c r="AC148139" i="1"/>
  <c r="AC148140" i="1"/>
  <c r="AC148141" i="1"/>
  <c r="AC148142" i="1"/>
  <c r="AC148143" i="1"/>
  <c r="AC148144" i="1"/>
  <c r="AC148145" i="1"/>
  <c r="AC148146" i="1"/>
  <c r="AC148147" i="1"/>
  <c r="AC148148" i="1"/>
  <c r="AC148149" i="1"/>
  <c r="AC148150" i="1"/>
  <c r="AC148151" i="1"/>
  <c r="AC148152" i="1"/>
  <c r="AC148153" i="1"/>
  <c r="AC148154" i="1"/>
  <c r="AC148155" i="1"/>
  <c r="AC148156" i="1"/>
  <c r="AC148157" i="1"/>
  <c r="AC148158" i="1"/>
  <c r="AC148159" i="1"/>
  <c r="AC148160" i="1"/>
  <c r="AC148161" i="1"/>
  <c r="AC148162" i="1"/>
  <c r="AC148163" i="1"/>
  <c r="AC148164" i="1"/>
  <c r="AC148165" i="1"/>
  <c r="AC148166" i="1"/>
  <c r="AC148167" i="1"/>
  <c r="AC148168" i="1"/>
  <c r="AC148169" i="1"/>
  <c r="AC148170" i="1"/>
  <c r="AC148171" i="1"/>
  <c r="AC148172" i="1"/>
  <c r="AC148173" i="1"/>
  <c r="AC148174" i="1"/>
  <c r="AC148175" i="1"/>
  <c r="AC148176" i="1"/>
  <c r="AC148177" i="1"/>
  <c r="AC148178" i="1"/>
  <c r="AC148179" i="1"/>
  <c r="AC148180" i="1"/>
  <c r="AC148181" i="1"/>
  <c r="AC148182" i="1"/>
  <c r="AC148183" i="1"/>
  <c r="AC148184" i="1"/>
  <c r="AC148185" i="1"/>
  <c r="AC148186" i="1"/>
  <c r="AC148187" i="1"/>
  <c r="AC148188" i="1"/>
  <c r="AC148189" i="1"/>
  <c r="AC148190" i="1"/>
  <c r="AC148191" i="1"/>
  <c r="AC148192" i="1"/>
  <c r="AC148193" i="1"/>
  <c r="AC148194" i="1"/>
  <c r="AC148195" i="1"/>
  <c r="AC148196" i="1"/>
  <c r="AC148197" i="1"/>
  <c r="AC148198" i="1"/>
  <c r="AC148199" i="1"/>
  <c r="AC148200" i="1"/>
  <c r="AC148201" i="1"/>
  <c r="AC148202" i="1"/>
  <c r="AC148203" i="1"/>
  <c r="AC148204" i="1"/>
  <c r="AC148205" i="1"/>
  <c r="AC148206" i="1"/>
  <c r="AC148207" i="1"/>
  <c r="AC148208" i="1"/>
  <c r="AC148209" i="1"/>
  <c r="AC148210" i="1"/>
  <c r="AC148211" i="1"/>
  <c r="AC148212" i="1"/>
  <c r="AC148213" i="1"/>
  <c r="AC148214" i="1"/>
  <c r="AC148215" i="1"/>
  <c r="AC148216" i="1"/>
  <c r="AC148217" i="1"/>
  <c r="AC148218" i="1"/>
  <c r="AC148219" i="1"/>
  <c r="AC148220" i="1"/>
  <c r="AC148221" i="1"/>
  <c r="AC148222" i="1"/>
  <c r="AC148223" i="1"/>
  <c r="AC148224" i="1"/>
  <c r="AC148225" i="1"/>
  <c r="AC148226" i="1"/>
  <c r="AC148227" i="1"/>
  <c r="AC148228" i="1"/>
  <c r="AC148229" i="1"/>
  <c r="AC148230" i="1"/>
  <c r="AC148231" i="1"/>
  <c r="AC148232" i="1"/>
  <c r="AC148233" i="1"/>
  <c r="AC148234" i="1"/>
  <c r="AC148235" i="1"/>
  <c r="AC148236" i="1"/>
  <c r="AC148237" i="1"/>
  <c r="AC148238" i="1"/>
  <c r="AC148239" i="1"/>
  <c r="AC148240" i="1"/>
  <c r="AC148241" i="1"/>
  <c r="AC148242" i="1"/>
  <c r="AC148243" i="1"/>
  <c r="AC148244" i="1"/>
  <c r="AC148245" i="1"/>
  <c r="AC148246" i="1"/>
  <c r="AC148247" i="1"/>
  <c r="AC148248" i="1"/>
  <c r="AC148249" i="1"/>
  <c r="AC148250" i="1"/>
  <c r="AC148251" i="1"/>
  <c r="AC148252" i="1"/>
  <c r="AC148253" i="1"/>
  <c r="AC148254" i="1"/>
  <c r="AC148255" i="1"/>
  <c r="AC148256" i="1"/>
  <c r="AC148257" i="1"/>
  <c r="AC148258" i="1"/>
  <c r="AC148259" i="1"/>
  <c r="AC148260" i="1"/>
  <c r="AC148261" i="1"/>
  <c r="AC148262" i="1"/>
  <c r="AC148263" i="1"/>
  <c r="AC148264" i="1"/>
  <c r="AC148265" i="1"/>
  <c r="AC148266" i="1"/>
  <c r="AC148267" i="1"/>
  <c r="AC148268" i="1"/>
  <c r="AC148269" i="1"/>
  <c r="AC148270" i="1"/>
  <c r="AC148271" i="1"/>
  <c r="AC148272" i="1"/>
  <c r="AC148273" i="1"/>
  <c r="AC148274" i="1"/>
  <c r="AC148275" i="1"/>
  <c r="AC148276" i="1"/>
  <c r="AC148277" i="1"/>
  <c r="AC148278" i="1"/>
  <c r="AC148279" i="1"/>
  <c r="AC148280" i="1"/>
  <c r="AC148281" i="1"/>
  <c r="AC148282" i="1"/>
  <c r="AC148283" i="1"/>
  <c r="AC148284" i="1"/>
  <c r="AC148285" i="1"/>
  <c r="AC148286" i="1"/>
  <c r="AC148287" i="1"/>
  <c r="AC148288" i="1"/>
  <c r="AC148289" i="1"/>
  <c r="AC148290" i="1"/>
  <c r="AC148291" i="1"/>
  <c r="AC148292" i="1"/>
  <c r="AC148293" i="1"/>
  <c r="AC148294" i="1"/>
  <c r="AC148295" i="1"/>
  <c r="AC148296" i="1"/>
  <c r="AC148297" i="1"/>
  <c r="AC148298" i="1"/>
  <c r="AC148299" i="1"/>
  <c r="AC148300" i="1"/>
  <c r="AC148301" i="1"/>
  <c r="AC148302" i="1"/>
  <c r="AC148303" i="1"/>
  <c r="AC148304" i="1"/>
  <c r="AC148305" i="1"/>
  <c r="AC148306" i="1"/>
  <c r="AC148307" i="1"/>
  <c r="AC148308" i="1"/>
  <c r="AC148309" i="1"/>
  <c r="AC148310" i="1"/>
  <c r="AC148311" i="1"/>
  <c r="AC148312" i="1"/>
  <c r="AC148313" i="1"/>
  <c r="AC148314" i="1"/>
  <c r="AC148315" i="1"/>
  <c r="AC148316" i="1"/>
  <c r="AC148317" i="1"/>
  <c r="AC148318" i="1"/>
  <c r="AC148319" i="1"/>
  <c r="AC148320" i="1"/>
  <c r="AC148321" i="1"/>
  <c r="AC148322" i="1"/>
  <c r="AC148323" i="1"/>
  <c r="AC148324" i="1"/>
  <c r="AC148325" i="1"/>
  <c r="AC148326" i="1"/>
  <c r="AC148327" i="1"/>
  <c r="AC148328" i="1"/>
  <c r="AC148329" i="1"/>
  <c r="AC148330" i="1"/>
  <c r="AC148331" i="1"/>
  <c r="AC148332" i="1"/>
  <c r="AC148333" i="1"/>
  <c r="AC148334" i="1"/>
  <c r="AC148335" i="1"/>
  <c r="AC148336" i="1"/>
  <c r="AC148337" i="1"/>
  <c r="AC148338" i="1"/>
  <c r="AC148339" i="1"/>
  <c r="AC148340" i="1"/>
  <c r="AC148341" i="1"/>
  <c r="AC148342" i="1"/>
  <c r="AC148343" i="1"/>
  <c r="AC148344" i="1"/>
  <c r="AC148345" i="1"/>
  <c r="AC148346" i="1"/>
  <c r="AC148347" i="1"/>
  <c r="AC148348" i="1"/>
  <c r="AC148349" i="1"/>
  <c r="AC148350" i="1"/>
  <c r="AC148351" i="1"/>
  <c r="AC148352" i="1"/>
  <c r="AC148353" i="1"/>
  <c r="AC148354" i="1"/>
  <c r="AC148355" i="1"/>
  <c r="AC148356" i="1"/>
  <c r="AC148357" i="1"/>
  <c r="AC148358" i="1"/>
  <c r="AC148359" i="1"/>
  <c r="AC148360" i="1"/>
  <c r="AC148361" i="1"/>
  <c r="AC148362" i="1"/>
  <c r="AC148363" i="1"/>
  <c r="AC148364" i="1"/>
  <c r="AC148365" i="1"/>
  <c r="AC148366" i="1"/>
  <c r="AC148367" i="1"/>
  <c r="AC148368" i="1"/>
  <c r="AC148369" i="1"/>
  <c r="AC148370" i="1"/>
  <c r="AC148371" i="1"/>
  <c r="AC148372" i="1"/>
  <c r="AC148373" i="1"/>
  <c r="AC148374" i="1"/>
  <c r="AC148375" i="1"/>
  <c r="AC148376" i="1"/>
  <c r="AC148377" i="1"/>
  <c r="AC148378" i="1"/>
  <c r="AC148379" i="1"/>
  <c r="AC148380" i="1"/>
  <c r="AC148381" i="1"/>
  <c r="AC148382" i="1"/>
  <c r="AC148383" i="1"/>
  <c r="AC148384" i="1"/>
  <c r="AC148385" i="1"/>
  <c r="AC148386" i="1"/>
  <c r="AC148387" i="1"/>
  <c r="AC148388" i="1"/>
  <c r="AC148389" i="1"/>
  <c r="AC148390" i="1"/>
  <c r="AC148391" i="1"/>
  <c r="AC148392" i="1"/>
  <c r="AC148393" i="1"/>
  <c r="AC148394" i="1"/>
  <c r="AC148395" i="1"/>
  <c r="AC148396" i="1"/>
  <c r="AC148397" i="1"/>
  <c r="AC148398" i="1"/>
  <c r="AC148399" i="1"/>
  <c r="AC148400" i="1"/>
  <c r="AC148401" i="1"/>
  <c r="AC148402" i="1"/>
  <c r="AC148403" i="1"/>
  <c r="AC148404" i="1"/>
  <c r="AC148405" i="1"/>
  <c r="AC148406" i="1"/>
  <c r="AC148407" i="1"/>
  <c r="AC148408" i="1"/>
  <c r="AC148409" i="1"/>
  <c r="AC148410" i="1"/>
  <c r="AC148411" i="1"/>
  <c r="AC148412" i="1"/>
  <c r="AC148413" i="1"/>
  <c r="AC148414" i="1"/>
  <c r="AC148415" i="1"/>
  <c r="AC148416" i="1"/>
  <c r="AC148417" i="1"/>
  <c r="AC148418" i="1"/>
  <c r="AC148419" i="1"/>
  <c r="AC148420" i="1"/>
  <c r="AC148421" i="1"/>
  <c r="AC148422" i="1"/>
  <c r="AC148423" i="1"/>
  <c r="AC148424" i="1"/>
  <c r="AC148425" i="1"/>
  <c r="AC148426" i="1"/>
  <c r="AC148427" i="1"/>
  <c r="AC148428" i="1"/>
  <c r="AC148429" i="1"/>
  <c r="AC148430" i="1"/>
  <c r="AC148431" i="1"/>
  <c r="AC148432" i="1"/>
  <c r="AC148433" i="1"/>
  <c r="AC148434" i="1"/>
  <c r="AC148435" i="1"/>
  <c r="AC148436" i="1"/>
  <c r="AC148437" i="1"/>
  <c r="AC148438" i="1"/>
  <c r="AC148439" i="1"/>
  <c r="AC148440" i="1"/>
  <c r="AC148441" i="1"/>
  <c r="AC148442" i="1"/>
  <c r="AC148443" i="1"/>
  <c r="AC148444" i="1"/>
  <c r="AC148445" i="1"/>
  <c r="AC148446" i="1"/>
  <c r="AC148447" i="1"/>
  <c r="AC148448" i="1"/>
  <c r="AC148449" i="1"/>
  <c r="AC148450" i="1"/>
  <c r="AC148451" i="1"/>
  <c r="AC148452" i="1"/>
  <c r="AC148453" i="1"/>
  <c r="AC148454" i="1"/>
  <c r="AC148455" i="1"/>
  <c r="AC148456" i="1"/>
  <c r="AC148457" i="1"/>
  <c r="AC148458" i="1"/>
  <c r="AC148459" i="1"/>
  <c r="AC148460" i="1"/>
  <c r="AC148461" i="1"/>
  <c r="AC148462" i="1"/>
  <c r="AC148463" i="1"/>
  <c r="AC148464" i="1"/>
  <c r="AC148465" i="1"/>
  <c r="AC148466" i="1"/>
  <c r="AC148467" i="1"/>
  <c r="AC148468" i="1"/>
  <c r="AC148469" i="1"/>
  <c r="AC148470" i="1"/>
  <c r="AC148471" i="1"/>
  <c r="AC148472" i="1"/>
  <c r="AC148473" i="1"/>
  <c r="AC148474" i="1"/>
  <c r="AC148475" i="1"/>
  <c r="AC148476" i="1"/>
  <c r="AC148477" i="1"/>
  <c r="AC148478" i="1"/>
  <c r="AC148479" i="1"/>
  <c r="AC148480" i="1"/>
  <c r="AC148481" i="1"/>
  <c r="AC148482" i="1"/>
  <c r="AC148483" i="1"/>
  <c r="AC148484" i="1"/>
  <c r="AC148485" i="1"/>
  <c r="AC148486" i="1"/>
  <c r="AC148487" i="1"/>
  <c r="AC148488" i="1"/>
  <c r="AC148489" i="1"/>
  <c r="AC148490" i="1"/>
  <c r="AC148491" i="1"/>
  <c r="AC148492" i="1"/>
  <c r="AC148493" i="1"/>
  <c r="AC148494" i="1"/>
  <c r="AC148495" i="1"/>
  <c r="AC148496" i="1"/>
  <c r="AC148497" i="1"/>
  <c r="AC148498" i="1"/>
  <c r="AC148499" i="1"/>
  <c r="AC148500" i="1"/>
  <c r="AC148501" i="1"/>
  <c r="AC148502" i="1"/>
  <c r="AC148503" i="1"/>
  <c r="AC148504" i="1"/>
  <c r="AC148505" i="1"/>
  <c r="AC148506" i="1"/>
  <c r="AC148507" i="1"/>
  <c r="AC148508" i="1"/>
  <c r="AC148509" i="1"/>
  <c r="AC148510" i="1"/>
  <c r="AC148511" i="1"/>
  <c r="AC148512" i="1"/>
  <c r="AC148513" i="1"/>
  <c r="AC148514" i="1"/>
  <c r="AC148515" i="1"/>
  <c r="AC148516" i="1"/>
  <c r="AC148517" i="1"/>
  <c r="AC148518" i="1"/>
  <c r="AC148519" i="1"/>
  <c r="AC148520" i="1"/>
  <c r="AC148521" i="1"/>
  <c r="AC148522" i="1"/>
  <c r="AC148523" i="1"/>
  <c r="AC148524" i="1"/>
  <c r="AC148525" i="1"/>
  <c r="AC148526" i="1"/>
  <c r="AC148527" i="1"/>
  <c r="AC148528" i="1"/>
  <c r="AC148529" i="1"/>
  <c r="AC148530" i="1"/>
  <c r="AC148531" i="1"/>
  <c r="AC148532" i="1"/>
  <c r="AC148533" i="1"/>
  <c r="AC148534" i="1"/>
  <c r="AC148535" i="1"/>
  <c r="AC148536" i="1"/>
  <c r="AC148537" i="1"/>
  <c r="AC148538" i="1"/>
  <c r="AC148539" i="1"/>
  <c r="AC148540" i="1"/>
  <c r="AC148541" i="1"/>
  <c r="AC148542" i="1"/>
  <c r="AC148543" i="1"/>
  <c r="AC148544" i="1"/>
  <c r="AC148545" i="1"/>
  <c r="AC148546" i="1"/>
  <c r="AC148547" i="1"/>
  <c r="AC148548" i="1"/>
  <c r="AC148549" i="1"/>
  <c r="AC148550" i="1"/>
  <c r="AC148551" i="1"/>
  <c r="AC148552" i="1"/>
  <c r="AC148553" i="1"/>
  <c r="AC148554" i="1"/>
  <c r="AC148555" i="1"/>
  <c r="AC148556" i="1"/>
  <c r="AC148557" i="1"/>
  <c r="AC148558" i="1"/>
  <c r="AC148559" i="1"/>
  <c r="AC148560" i="1"/>
  <c r="AC148561" i="1"/>
  <c r="AC148562" i="1"/>
  <c r="AC148563" i="1"/>
  <c r="AC148564" i="1"/>
  <c r="AC148565" i="1"/>
  <c r="AC148566" i="1"/>
  <c r="AC148567" i="1"/>
  <c r="AC148568" i="1"/>
  <c r="AC148569" i="1"/>
  <c r="AC148570" i="1"/>
  <c r="AC148571" i="1"/>
  <c r="AC148572" i="1"/>
  <c r="AC148573" i="1"/>
  <c r="AC148574" i="1"/>
  <c r="AC148575" i="1"/>
  <c r="AC148576" i="1"/>
  <c r="AC148577" i="1"/>
  <c r="AC148578" i="1"/>
  <c r="AC148579" i="1"/>
  <c r="AC148580" i="1"/>
  <c r="AC148581" i="1"/>
  <c r="AC148582" i="1"/>
  <c r="AC148583" i="1"/>
  <c r="AC148584" i="1"/>
  <c r="AC148585" i="1"/>
  <c r="AC148586" i="1"/>
  <c r="AC148587" i="1"/>
  <c r="AC148588" i="1"/>
  <c r="AC148589" i="1"/>
  <c r="AC148590" i="1"/>
  <c r="AC148591" i="1"/>
  <c r="AC148592" i="1"/>
  <c r="AC148593" i="1"/>
  <c r="AC148594" i="1"/>
  <c r="AC148595" i="1"/>
  <c r="AC148596" i="1"/>
  <c r="AC148597" i="1"/>
  <c r="AC148598" i="1"/>
  <c r="AC148599" i="1"/>
  <c r="AC148600" i="1"/>
  <c r="AC148601" i="1"/>
  <c r="AC148602" i="1"/>
  <c r="AC148603" i="1"/>
  <c r="AC148604" i="1"/>
  <c r="AC148605" i="1"/>
  <c r="AC148606" i="1"/>
  <c r="AC148607" i="1"/>
  <c r="AC148608" i="1"/>
  <c r="AC148609" i="1"/>
  <c r="AC148610" i="1"/>
  <c r="AC148611" i="1"/>
  <c r="AC148612" i="1"/>
  <c r="AC148613" i="1"/>
  <c r="AC148614" i="1"/>
  <c r="AC148615" i="1"/>
  <c r="AC148616" i="1"/>
  <c r="AC148617" i="1"/>
  <c r="AC148618" i="1"/>
  <c r="AC148619" i="1"/>
  <c r="AC148620" i="1"/>
  <c r="AC148621" i="1"/>
  <c r="AC148622" i="1"/>
  <c r="AC148623" i="1"/>
  <c r="AC148624" i="1"/>
  <c r="AC148625" i="1"/>
  <c r="AC148626" i="1"/>
  <c r="AC148627" i="1"/>
  <c r="AC148628" i="1"/>
  <c r="AC148629" i="1"/>
  <c r="AC148630" i="1"/>
  <c r="AC148631" i="1"/>
  <c r="AC148632" i="1"/>
  <c r="AC148633" i="1"/>
  <c r="AC148634" i="1"/>
  <c r="AC148635" i="1"/>
  <c r="AC148636" i="1"/>
  <c r="AC148637" i="1"/>
  <c r="AC148638" i="1"/>
  <c r="AC148639" i="1"/>
  <c r="AC148640" i="1"/>
  <c r="AC148641" i="1"/>
  <c r="AC148642" i="1"/>
  <c r="AC148643" i="1"/>
  <c r="AC148644" i="1"/>
  <c r="AC148645" i="1"/>
  <c r="AC148646" i="1"/>
  <c r="AC148647" i="1"/>
  <c r="AC148648" i="1"/>
  <c r="AC148649" i="1"/>
  <c r="AC148650" i="1"/>
  <c r="AC148651" i="1"/>
  <c r="AC148652" i="1"/>
  <c r="AC148653" i="1"/>
  <c r="AC148654" i="1"/>
  <c r="AC148655" i="1"/>
  <c r="AC148656" i="1"/>
  <c r="AC148657" i="1"/>
  <c r="AC148658" i="1"/>
  <c r="AC148659" i="1"/>
  <c r="AC148660" i="1"/>
  <c r="AC148661" i="1"/>
  <c r="AC148662" i="1"/>
  <c r="AC148663" i="1"/>
  <c r="AC148664" i="1"/>
  <c r="AC148665" i="1"/>
  <c r="AC148666" i="1"/>
  <c r="AC148667" i="1"/>
  <c r="AC148668" i="1"/>
  <c r="AC148669" i="1"/>
  <c r="AC148670" i="1"/>
  <c r="AC148671" i="1"/>
  <c r="AC148672" i="1"/>
  <c r="AC148673" i="1"/>
  <c r="AC148674" i="1"/>
  <c r="AC148675" i="1"/>
  <c r="AC148676" i="1"/>
  <c r="AC148677" i="1"/>
  <c r="AC148678" i="1"/>
  <c r="AC148679" i="1"/>
  <c r="AC148680" i="1"/>
  <c r="AC148681" i="1"/>
  <c r="AC148682" i="1"/>
  <c r="AC148683" i="1"/>
  <c r="AC148684" i="1"/>
  <c r="AC148685" i="1"/>
  <c r="AC148686" i="1"/>
  <c r="AC148687" i="1"/>
  <c r="AC148688" i="1"/>
  <c r="AC148689" i="1"/>
  <c r="AC148690" i="1"/>
  <c r="AC148691" i="1"/>
  <c r="AC148692" i="1"/>
  <c r="AC148693" i="1"/>
  <c r="AC148694" i="1"/>
  <c r="AC148695" i="1"/>
  <c r="AC148696" i="1"/>
  <c r="AC148697" i="1"/>
  <c r="AC148698" i="1"/>
  <c r="AC148699" i="1"/>
  <c r="AC148700" i="1"/>
  <c r="AC148701" i="1"/>
  <c r="AC148702" i="1"/>
  <c r="AC148703" i="1"/>
  <c r="AC148704" i="1"/>
  <c r="AC148705" i="1"/>
  <c r="AC148706" i="1"/>
  <c r="AC148707" i="1"/>
  <c r="AC148708" i="1"/>
  <c r="AC148709" i="1"/>
  <c r="AC148710" i="1"/>
  <c r="AC148711" i="1"/>
  <c r="AC148712" i="1"/>
  <c r="AC148713" i="1"/>
  <c r="AC148714" i="1"/>
  <c r="AC148715" i="1"/>
  <c r="AC148716" i="1"/>
  <c r="AC148717" i="1"/>
  <c r="AC148718" i="1"/>
  <c r="AC148719" i="1"/>
  <c r="AC148720" i="1"/>
  <c r="AC148721" i="1"/>
  <c r="AC148722" i="1"/>
  <c r="AC148723" i="1"/>
  <c r="AC148724" i="1"/>
  <c r="AC148725" i="1"/>
  <c r="AC148726" i="1"/>
  <c r="AC148727" i="1"/>
  <c r="AC148728" i="1"/>
  <c r="AC148729" i="1"/>
  <c r="AC148730" i="1"/>
  <c r="AC148731" i="1"/>
  <c r="AC148732" i="1"/>
  <c r="AC148733" i="1"/>
  <c r="AC148734" i="1"/>
  <c r="AC148735" i="1"/>
  <c r="AC148736" i="1"/>
  <c r="AC148737" i="1"/>
  <c r="AC148738" i="1"/>
  <c r="AC148739" i="1"/>
  <c r="AC148740" i="1"/>
  <c r="AC148741" i="1"/>
  <c r="AC148742" i="1"/>
  <c r="AC148743" i="1"/>
  <c r="AC148744" i="1"/>
  <c r="AC148745" i="1"/>
  <c r="AC148746" i="1"/>
  <c r="AC148747" i="1"/>
  <c r="AC148748" i="1"/>
  <c r="AC148749" i="1"/>
  <c r="AC148750" i="1"/>
  <c r="AC148751" i="1"/>
  <c r="AC148752" i="1"/>
  <c r="AC148753" i="1"/>
  <c r="AC148754" i="1"/>
  <c r="AC148755" i="1"/>
  <c r="AC148756" i="1"/>
  <c r="AC148757" i="1"/>
  <c r="AC148758" i="1"/>
  <c r="AC148759" i="1"/>
  <c r="AC148760" i="1"/>
  <c r="AC148761" i="1"/>
  <c r="AC148762" i="1"/>
  <c r="AC148763" i="1"/>
  <c r="AC148764" i="1"/>
  <c r="AC148765" i="1"/>
  <c r="AC148766" i="1"/>
  <c r="AC148767" i="1"/>
  <c r="AC148768" i="1"/>
  <c r="AC148769" i="1"/>
  <c r="AC148770" i="1"/>
  <c r="AC148771" i="1"/>
  <c r="AC148772" i="1"/>
  <c r="AC148773" i="1"/>
  <c r="AC148774" i="1"/>
  <c r="AC148775" i="1"/>
  <c r="AC148776" i="1"/>
  <c r="AC148777" i="1"/>
  <c r="AC148778" i="1"/>
  <c r="AC148779" i="1"/>
  <c r="AC148780" i="1"/>
  <c r="AC148781" i="1"/>
  <c r="AC148782" i="1"/>
  <c r="AC148783" i="1"/>
  <c r="AC148784" i="1"/>
  <c r="AC148785" i="1"/>
  <c r="AC148786" i="1"/>
  <c r="AC148787" i="1"/>
  <c r="AC148788" i="1"/>
  <c r="AC148789" i="1"/>
  <c r="AC148790" i="1"/>
  <c r="AC148791" i="1"/>
  <c r="AC148792" i="1"/>
  <c r="AC148793" i="1"/>
  <c r="AC148794" i="1"/>
  <c r="AC148795" i="1"/>
  <c r="AC148796" i="1"/>
  <c r="AC148797" i="1"/>
  <c r="AC148798" i="1"/>
  <c r="AC148799" i="1"/>
  <c r="AC148800" i="1"/>
  <c r="AC148801" i="1"/>
  <c r="AC148802" i="1"/>
  <c r="AC148803" i="1"/>
  <c r="AC148804" i="1"/>
  <c r="AC148805" i="1"/>
  <c r="AC148806" i="1"/>
  <c r="AC148807" i="1"/>
  <c r="AC148808" i="1"/>
  <c r="AC148809" i="1"/>
  <c r="AC148810" i="1"/>
  <c r="AC148811" i="1"/>
  <c r="AC148812" i="1"/>
  <c r="AC148813" i="1"/>
  <c r="AC148814" i="1"/>
  <c r="AC148815" i="1"/>
  <c r="AC148816" i="1"/>
  <c r="AC148817" i="1"/>
  <c r="AC148818" i="1"/>
  <c r="AC148819" i="1"/>
  <c r="AC148820" i="1"/>
  <c r="AC148821" i="1"/>
  <c r="AC148822" i="1"/>
  <c r="AC148823" i="1"/>
  <c r="AC148824" i="1"/>
  <c r="AC148825" i="1"/>
  <c r="AC148826" i="1"/>
  <c r="AC148827" i="1"/>
  <c r="AC148828" i="1"/>
  <c r="AC148829" i="1"/>
  <c r="AC148830" i="1"/>
  <c r="AC148831" i="1"/>
  <c r="AC148832" i="1"/>
  <c r="AC148833" i="1"/>
  <c r="AC148834" i="1"/>
  <c r="AC148835" i="1"/>
  <c r="AC148836" i="1"/>
  <c r="AC148837" i="1"/>
  <c r="AC148838" i="1"/>
  <c r="AC148839" i="1"/>
  <c r="AC148840" i="1"/>
  <c r="AC148841" i="1"/>
  <c r="AC148842" i="1"/>
  <c r="AC148843" i="1"/>
  <c r="AC148844" i="1"/>
  <c r="AC148845" i="1"/>
  <c r="AC148846" i="1"/>
  <c r="AC148847" i="1"/>
  <c r="AC148848" i="1"/>
  <c r="AC148849" i="1"/>
  <c r="AC148850" i="1"/>
  <c r="AC148851" i="1"/>
  <c r="AC148852" i="1"/>
  <c r="AC148853" i="1"/>
  <c r="AC148854" i="1"/>
  <c r="AC148855" i="1"/>
  <c r="AC148856" i="1"/>
  <c r="AC148857" i="1"/>
  <c r="AC148858" i="1"/>
  <c r="AC148859" i="1"/>
  <c r="AC148860" i="1"/>
  <c r="AC148861" i="1"/>
  <c r="AC148862" i="1"/>
  <c r="AC148863" i="1"/>
  <c r="AC148864" i="1"/>
  <c r="AC148865" i="1"/>
  <c r="AC148866" i="1"/>
  <c r="AC148867" i="1"/>
  <c r="AC148868" i="1"/>
  <c r="AC148869" i="1"/>
  <c r="AC148870" i="1"/>
  <c r="AC148871" i="1"/>
  <c r="AC148872" i="1"/>
  <c r="AC148873" i="1"/>
  <c r="AC148874" i="1"/>
  <c r="AC148875" i="1"/>
  <c r="AC148876" i="1"/>
  <c r="AC148877" i="1"/>
  <c r="AC148878" i="1"/>
  <c r="AC148879" i="1"/>
  <c r="AC148880" i="1"/>
  <c r="AC148881" i="1"/>
  <c r="AC148882" i="1"/>
  <c r="AC148883" i="1"/>
  <c r="AC148884" i="1"/>
  <c r="AC148885" i="1"/>
  <c r="AC148886" i="1"/>
  <c r="AC148887" i="1"/>
  <c r="AC148888" i="1"/>
  <c r="AC148889" i="1"/>
  <c r="AC148890" i="1"/>
  <c r="AC148891" i="1"/>
  <c r="AC148892" i="1"/>
  <c r="AC148893" i="1"/>
  <c r="AC148894" i="1"/>
  <c r="AC148895" i="1"/>
  <c r="AC148896" i="1"/>
  <c r="AC148897" i="1"/>
  <c r="AC148898" i="1"/>
  <c r="AC148899" i="1"/>
  <c r="AC148900" i="1"/>
  <c r="AC148901" i="1"/>
  <c r="AC148902" i="1"/>
  <c r="AC148903" i="1"/>
  <c r="AC148904" i="1"/>
  <c r="AC148905" i="1"/>
  <c r="AC148906" i="1"/>
  <c r="AC148907" i="1"/>
  <c r="AC148908" i="1"/>
  <c r="AC148909" i="1"/>
  <c r="AC148910" i="1"/>
  <c r="AC148911" i="1"/>
  <c r="AC148912" i="1"/>
  <c r="AC148913" i="1"/>
  <c r="AC148914" i="1"/>
  <c r="AC148915" i="1"/>
  <c r="AC148916" i="1"/>
  <c r="AC148917" i="1"/>
  <c r="AC148918" i="1"/>
  <c r="AC148919" i="1"/>
  <c r="AC148920" i="1"/>
  <c r="AC148921" i="1"/>
  <c r="AC148922" i="1"/>
  <c r="AC148923" i="1"/>
  <c r="AC148924" i="1"/>
  <c r="AC148925" i="1"/>
  <c r="AC148926" i="1"/>
  <c r="AC148927" i="1"/>
  <c r="AC148928" i="1"/>
  <c r="AC148929" i="1"/>
  <c r="AC148930" i="1"/>
  <c r="AC148931" i="1"/>
  <c r="AC148932" i="1"/>
  <c r="AC148933" i="1"/>
  <c r="AC148934" i="1"/>
  <c r="AC148935" i="1"/>
  <c r="AC148936" i="1"/>
  <c r="AC148937" i="1"/>
  <c r="AC148938" i="1"/>
  <c r="AC148939" i="1"/>
  <c r="AC148940" i="1"/>
  <c r="AC148941" i="1"/>
  <c r="AC148942" i="1"/>
  <c r="AC148943" i="1"/>
  <c r="AC148944" i="1"/>
  <c r="AC148945" i="1"/>
  <c r="AC148946" i="1"/>
  <c r="AC148947" i="1"/>
  <c r="AC148948" i="1"/>
  <c r="AC148949" i="1"/>
  <c r="AC148950" i="1"/>
  <c r="AC148951" i="1"/>
  <c r="AC148952" i="1"/>
  <c r="AC148953" i="1"/>
  <c r="AC148954" i="1"/>
  <c r="AC148955" i="1"/>
  <c r="AC148956" i="1"/>
  <c r="AC148957" i="1"/>
  <c r="AC148958" i="1"/>
  <c r="AC148959" i="1"/>
  <c r="AC148960" i="1"/>
  <c r="AC148961" i="1"/>
  <c r="AC148962" i="1"/>
  <c r="AC148963" i="1"/>
  <c r="AC148964" i="1"/>
  <c r="AC148965" i="1"/>
  <c r="AC148966" i="1"/>
  <c r="AC148967" i="1"/>
  <c r="AC148968" i="1"/>
  <c r="AC148969" i="1"/>
  <c r="AC148970" i="1"/>
  <c r="AC148971" i="1"/>
  <c r="AC148972" i="1"/>
  <c r="AC148973" i="1"/>
  <c r="AC148974" i="1"/>
  <c r="AC148975" i="1"/>
  <c r="AC148976" i="1"/>
  <c r="AC148977" i="1"/>
  <c r="AC148978" i="1"/>
  <c r="AC148979" i="1"/>
  <c r="AC148980" i="1"/>
  <c r="AC148981" i="1"/>
  <c r="AC148982" i="1"/>
  <c r="AC148983" i="1"/>
  <c r="AC148984" i="1"/>
  <c r="AC148985" i="1"/>
  <c r="AC148986" i="1"/>
  <c r="AC148987" i="1"/>
  <c r="AC148988" i="1"/>
  <c r="AC148989" i="1"/>
  <c r="AC148990" i="1"/>
  <c r="AC148991" i="1"/>
  <c r="AC148992" i="1"/>
  <c r="AC148993" i="1"/>
  <c r="AC148994" i="1"/>
  <c r="AC148995" i="1"/>
  <c r="AC148996" i="1"/>
  <c r="AC148997" i="1"/>
  <c r="AC148998" i="1"/>
  <c r="AC148999" i="1"/>
  <c r="AC149000" i="1"/>
  <c r="AC149001" i="1"/>
  <c r="AC149002" i="1"/>
  <c r="AC149003" i="1"/>
  <c r="AC149004" i="1"/>
  <c r="AC149005" i="1"/>
  <c r="AC149006" i="1"/>
  <c r="AC149007" i="1"/>
  <c r="AC149008" i="1"/>
  <c r="AC149009" i="1"/>
  <c r="AC149010" i="1"/>
  <c r="AC149011" i="1"/>
  <c r="AC149012" i="1"/>
  <c r="AC149013" i="1"/>
  <c r="AC149014" i="1"/>
  <c r="AC149015" i="1"/>
  <c r="AC149016" i="1"/>
  <c r="AC149017" i="1"/>
  <c r="AC149018" i="1"/>
  <c r="AC149019" i="1"/>
  <c r="AC149020" i="1"/>
  <c r="AC149021" i="1"/>
  <c r="AC149022" i="1"/>
  <c r="AC149023" i="1"/>
  <c r="AC149024" i="1"/>
  <c r="AC149025" i="1"/>
  <c r="AC149026" i="1"/>
  <c r="AC149027" i="1"/>
  <c r="AC149028" i="1"/>
  <c r="AC149029" i="1"/>
  <c r="AC149030" i="1"/>
  <c r="AC149031" i="1"/>
  <c r="AC149032" i="1"/>
  <c r="AC149033" i="1"/>
  <c r="AC149034" i="1"/>
  <c r="AC149035" i="1"/>
  <c r="AC149036" i="1"/>
  <c r="AC149037" i="1"/>
  <c r="AC149038" i="1"/>
  <c r="AC149039" i="1"/>
  <c r="AC149040" i="1"/>
  <c r="AC149041" i="1"/>
  <c r="AC149042" i="1"/>
  <c r="AC149043" i="1"/>
  <c r="AC149044" i="1"/>
  <c r="AC149045" i="1"/>
  <c r="AC149046" i="1"/>
  <c r="AC149047" i="1"/>
  <c r="AC149048" i="1"/>
  <c r="AC149049" i="1"/>
  <c r="AC149050" i="1"/>
  <c r="AC149051" i="1"/>
  <c r="AC149052" i="1"/>
  <c r="AC149053" i="1"/>
  <c r="AC149054" i="1"/>
  <c r="AC149055" i="1"/>
  <c r="AC149056" i="1"/>
  <c r="AC149057" i="1"/>
  <c r="AC149058" i="1"/>
  <c r="AC149059" i="1"/>
  <c r="AC149060" i="1"/>
  <c r="AC149061" i="1"/>
  <c r="AC149062" i="1"/>
  <c r="AC149063" i="1"/>
  <c r="AC149064" i="1"/>
  <c r="AC149065" i="1"/>
  <c r="AC149066" i="1"/>
  <c r="AC149067" i="1"/>
  <c r="AC149068" i="1"/>
  <c r="AC149069" i="1"/>
  <c r="AC149070" i="1"/>
  <c r="AC149071" i="1"/>
  <c r="AC149072" i="1"/>
  <c r="AC149073" i="1"/>
  <c r="AC149074" i="1"/>
  <c r="AC149075" i="1"/>
  <c r="AC149076" i="1"/>
  <c r="AC149077" i="1"/>
  <c r="AC149078" i="1"/>
  <c r="AC149079" i="1"/>
  <c r="AC149080" i="1"/>
  <c r="AC149081" i="1"/>
  <c r="AC149082" i="1"/>
  <c r="AC149083" i="1"/>
  <c r="AC149084" i="1"/>
  <c r="AC149085" i="1"/>
  <c r="AC149086" i="1"/>
  <c r="AC149087" i="1"/>
  <c r="AC149088" i="1"/>
  <c r="AC149089" i="1"/>
  <c r="AC149090" i="1"/>
  <c r="AC149091" i="1"/>
  <c r="AC149092" i="1"/>
  <c r="AC149093" i="1"/>
  <c r="AC149094" i="1"/>
  <c r="AC149095" i="1"/>
  <c r="AC149096" i="1"/>
  <c r="AC149097" i="1"/>
  <c r="AC149098" i="1"/>
  <c r="AC149099" i="1"/>
  <c r="AC149100" i="1"/>
  <c r="AC149101" i="1"/>
  <c r="AC149102" i="1"/>
  <c r="AC149103" i="1"/>
  <c r="AC149104" i="1"/>
  <c r="AC149105" i="1"/>
  <c r="AC149106" i="1"/>
  <c r="AC149107" i="1"/>
  <c r="AC149108" i="1"/>
  <c r="AC149109" i="1"/>
  <c r="AC149110" i="1"/>
  <c r="AC149111" i="1"/>
  <c r="AC149112" i="1"/>
  <c r="AC149113" i="1"/>
  <c r="AC149114" i="1"/>
  <c r="AC149115" i="1"/>
  <c r="AC149116" i="1"/>
  <c r="AC149117" i="1"/>
  <c r="AC149118" i="1"/>
  <c r="AC149119" i="1"/>
  <c r="AC149120" i="1"/>
  <c r="AC149121" i="1"/>
  <c r="AC149122" i="1"/>
  <c r="AC149123" i="1"/>
  <c r="AC149124" i="1"/>
  <c r="AC149125" i="1"/>
  <c r="AC149126" i="1"/>
  <c r="AC149127" i="1"/>
  <c r="AC149128" i="1"/>
  <c r="AC149129" i="1"/>
  <c r="AC149130" i="1"/>
  <c r="AC149131" i="1"/>
  <c r="AC149132" i="1"/>
  <c r="AC149133" i="1"/>
  <c r="AC149134" i="1"/>
  <c r="AC149135" i="1"/>
  <c r="AC149136" i="1"/>
  <c r="AC149137" i="1"/>
  <c r="AC149138" i="1"/>
  <c r="AC149139" i="1"/>
  <c r="AC149140" i="1"/>
  <c r="AC149141" i="1"/>
  <c r="AC149142" i="1"/>
  <c r="AC149143" i="1"/>
  <c r="AC149144" i="1"/>
  <c r="AC149145" i="1"/>
  <c r="AC149146" i="1"/>
  <c r="AC149147" i="1"/>
  <c r="AC149148" i="1"/>
  <c r="AC149149" i="1"/>
  <c r="AC149150" i="1"/>
  <c r="AC149151" i="1"/>
  <c r="AC149152" i="1"/>
  <c r="AC149153" i="1"/>
  <c r="AC149154" i="1"/>
  <c r="AC149155" i="1"/>
  <c r="AC149156" i="1"/>
  <c r="AC149157" i="1"/>
  <c r="AC149158" i="1"/>
  <c r="AC149159" i="1"/>
  <c r="AC149160" i="1"/>
  <c r="AC149161" i="1"/>
  <c r="AC149162" i="1"/>
  <c r="AC149163" i="1"/>
  <c r="AC149164" i="1"/>
  <c r="AC149165" i="1"/>
  <c r="AC149166" i="1"/>
  <c r="AC149167" i="1"/>
  <c r="AC149168" i="1"/>
  <c r="AC149169" i="1"/>
  <c r="AC149170" i="1"/>
  <c r="AC149171" i="1"/>
  <c r="AC149172" i="1"/>
  <c r="AC149173" i="1"/>
  <c r="AC149174" i="1"/>
  <c r="AC149175" i="1"/>
  <c r="AC149176" i="1"/>
  <c r="AC149177" i="1"/>
  <c r="AC149178" i="1"/>
  <c r="AC149179" i="1"/>
  <c r="AC149180" i="1"/>
  <c r="AC149181" i="1"/>
  <c r="AC149182" i="1"/>
  <c r="AC149183" i="1"/>
  <c r="AC149184" i="1"/>
  <c r="AC149185" i="1"/>
  <c r="AC149186" i="1"/>
  <c r="AC149187" i="1"/>
  <c r="AC149188" i="1"/>
  <c r="AC149189" i="1"/>
  <c r="AC149190" i="1"/>
  <c r="AC149191" i="1"/>
  <c r="AC149192" i="1"/>
  <c r="AC149193" i="1"/>
  <c r="AC149194" i="1"/>
  <c r="AC149195" i="1"/>
  <c r="AC149196" i="1"/>
  <c r="AC149197" i="1"/>
  <c r="AC149198" i="1"/>
  <c r="AC149199" i="1"/>
  <c r="AC149200" i="1"/>
  <c r="AC149201" i="1"/>
  <c r="AC149202" i="1"/>
  <c r="AC149203" i="1"/>
  <c r="AC149204" i="1"/>
  <c r="AC149205" i="1"/>
  <c r="AC149206" i="1"/>
  <c r="AC149207" i="1"/>
  <c r="AC149208" i="1"/>
  <c r="AC149209" i="1"/>
  <c r="AC149210" i="1"/>
  <c r="AC149211" i="1"/>
  <c r="AC149212" i="1"/>
  <c r="AC149213" i="1"/>
  <c r="AC149214" i="1"/>
  <c r="AC149215" i="1"/>
  <c r="AC149216" i="1"/>
  <c r="AC149217" i="1"/>
  <c r="AC149218" i="1"/>
  <c r="AC149219" i="1"/>
  <c r="AC149220" i="1"/>
  <c r="AC149221" i="1"/>
  <c r="AC149222" i="1"/>
  <c r="AC149223" i="1"/>
  <c r="AC149224" i="1"/>
  <c r="AC149225" i="1"/>
  <c r="AC149226" i="1"/>
  <c r="AC149227" i="1"/>
  <c r="AC149228" i="1"/>
  <c r="AC149229" i="1"/>
  <c r="AC149230" i="1"/>
  <c r="AC149231" i="1"/>
  <c r="AC149232" i="1"/>
  <c r="AC149233" i="1"/>
  <c r="AC149234" i="1"/>
  <c r="AC149235" i="1"/>
  <c r="AC149236" i="1"/>
  <c r="AC149237" i="1"/>
  <c r="AC149238" i="1"/>
  <c r="AC149239" i="1"/>
  <c r="AC149240" i="1"/>
  <c r="AC149241" i="1"/>
  <c r="AC149242" i="1"/>
  <c r="AC149243" i="1"/>
  <c r="AC149244" i="1"/>
  <c r="AC149245" i="1"/>
  <c r="AC149246" i="1"/>
  <c r="AC149247" i="1"/>
  <c r="AC149248" i="1"/>
  <c r="AC149249" i="1"/>
  <c r="AC149250" i="1"/>
  <c r="AC149251" i="1"/>
  <c r="AC149252" i="1"/>
  <c r="AC149253" i="1"/>
  <c r="AC149254" i="1"/>
  <c r="AC149255" i="1"/>
  <c r="AC149256" i="1"/>
  <c r="AC149257" i="1"/>
  <c r="AC149258" i="1"/>
  <c r="AC149259" i="1"/>
  <c r="AC149260" i="1"/>
  <c r="AC149261" i="1"/>
  <c r="AC149262" i="1"/>
  <c r="AC149263" i="1"/>
  <c r="AC149264" i="1"/>
  <c r="AC149265" i="1"/>
  <c r="AC149266" i="1"/>
  <c r="AC149267" i="1"/>
  <c r="AC149268" i="1"/>
  <c r="AC149269" i="1"/>
  <c r="AC149270" i="1"/>
  <c r="AC149271" i="1"/>
  <c r="AC149272" i="1"/>
  <c r="AC149273" i="1"/>
  <c r="AC149274" i="1"/>
  <c r="AC149275" i="1"/>
  <c r="AC149276" i="1"/>
  <c r="AC149277" i="1"/>
  <c r="AC149278" i="1"/>
  <c r="AC149279" i="1"/>
  <c r="AC149280" i="1"/>
  <c r="AC149281" i="1"/>
  <c r="AC149282" i="1"/>
  <c r="AC149283" i="1"/>
  <c r="AC149284" i="1"/>
  <c r="AC149285" i="1"/>
  <c r="AC149286" i="1"/>
  <c r="AC149287" i="1"/>
  <c r="AC149288" i="1"/>
  <c r="AC149289" i="1"/>
  <c r="AC149290" i="1"/>
  <c r="AC149291" i="1"/>
  <c r="AC149292" i="1"/>
  <c r="AC149293" i="1"/>
  <c r="AC149294" i="1"/>
  <c r="AC149295" i="1"/>
  <c r="AC149296" i="1"/>
  <c r="AC149297" i="1"/>
  <c r="AC149298" i="1"/>
  <c r="AC149299" i="1"/>
  <c r="AC149300" i="1"/>
  <c r="AC149301" i="1"/>
  <c r="AC149302" i="1"/>
  <c r="AC149303" i="1"/>
  <c r="AC149304" i="1"/>
  <c r="AC149305" i="1"/>
  <c r="AC149306" i="1"/>
  <c r="AC149307" i="1"/>
  <c r="AC149308" i="1"/>
  <c r="AC149309" i="1"/>
  <c r="AC149310" i="1"/>
  <c r="AC149311" i="1"/>
  <c r="AC149312" i="1"/>
  <c r="AC149313" i="1"/>
  <c r="AC149314" i="1"/>
  <c r="AC149315" i="1"/>
  <c r="AC149316" i="1"/>
  <c r="AC149317" i="1"/>
  <c r="AC149318" i="1"/>
  <c r="AC149319" i="1"/>
  <c r="AC149320" i="1"/>
  <c r="AC149321" i="1"/>
  <c r="AC149322" i="1"/>
  <c r="AC149323" i="1"/>
  <c r="AC149324" i="1"/>
  <c r="AC149325" i="1"/>
  <c r="AC149326" i="1"/>
  <c r="AC149327" i="1"/>
  <c r="AC149328" i="1"/>
  <c r="AC149329" i="1"/>
  <c r="AC149330" i="1"/>
  <c r="AC149331" i="1"/>
  <c r="AC149332" i="1"/>
  <c r="AC149333" i="1"/>
  <c r="AC149334" i="1"/>
  <c r="AC149335" i="1"/>
  <c r="AC149336" i="1"/>
  <c r="AC149337" i="1"/>
  <c r="AC149338" i="1"/>
  <c r="AC149339" i="1"/>
  <c r="AC149340" i="1"/>
  <c r="AC149341" i="1"/>
  <c r="AC149342" i="1"/>
  <c r="AC149343" i="1"/>
  <c r="AC149344" i="1"/>
  <c r="AC149345" i="1"/>
  <c r="AC149346" i="1"/>
  <c r="AC149347" i="1"/>
  <c r="AC149348" i="1"/>
  <c r="AC149349" i="1"/>
  <c r="AC149350" i="1"/>
  <c r="AC149351" i="1"/>
  <c r="AC149352" i="1"/>
  <c r="AC149353" i="1"/>
  <c r="AC149354" i="1"/>
  <c r="AC149355" i="1"/>
  <c r="AC149356" i="1"/>
  <c r="AC149357" i="1"/>
  <c r="AC149358" i="1"/>
  <c r="AC149359" i="1"/>
  <c r="AC149360" i="1"/>
  <c r="AC149361" i="1"/>
  <c r="AC149362" i="1"/>
  <c r="AC149363" i="1"/>
  <c r="AC149364" i="1"/>
  <c r="AC149365" i="1"/>
  <c r="AC149366" i="1"/>
  <c r="AC149367" i="1"/>
  <c r="AC149368" i="1"/>
  <c r="AC149369" i="1"/>
  <c r="AC149370" i="1"/>
  <c r="AC149371" i="1"/>
  <c r="AC149372" i="1"/>
  <c r="AC149373" i="1"/>
  <c r="AC149374" i="1"/>
  <c r="AC149375" i="1"/>
  <c r="AC149376" i="1"/>
  <c r="AC149377" i="1"/>
  <c r="AC149378" i="1"/>
  <c r="AC149379" i="1"/>
  <c r="AC149380" i="1"/>
  <c r="AC149381" i="1"/>
  <c r="AC149382" i="1"/>
  <c r="AC149383" i="1"/>
  <c r="AC149384" i="1"/>
  <c r="AC149385" i="1"/>
  <c r="AC149386" i="1"/>
  <c r="AC149387" i="1"/>
  <c r="AC149388" i="1"/>
  <c r="AC149389" i="1"/>
  <c r="AC149390" i="1"/>
  <c r="AC149391" i="1"/>
  <c r="AC149392" i="1"/>
  <c r="AC149393" i="1"/>
  <c r="AC149394" i="1"/>
  <c r="AC149395" i="1"/>
  <c r="AC149396" i="1"/>
  <c r="AC149397" i="1"/>
  <c r="AC149398" i="1"/>
  <c r="AC149399" i="1"/>
  <c r="AC149400" i="1"/>
  <c r="AC149401" i="1"/>
  <c r="AC149402" i="1"/>
  <c r="AC149403" i="1"/>
  <c r="AC149404" i="1"/>
  <c r="AC149405" i="1"/>
  <c r="AC149406" i="1"/>
  <c r="AC149407" i="1"/>
  <c r="AC149408" i="1"/>
  <c r="AC149409" i="1"/>
  <c r="AC149410" i="1"/>
  <c r="AC149411" i="1"/>
  <c r="AC149412" i="1"/>
  <c r="AC149413" i="1"/>
  <c r="AC149414" i="1"/>
  <c r="AC149415" i="1"/>
  <c r="AC149416" i="1"/>
  <c r="AC149417" i="1"/>
  <c r="AC149418" i="1"/>
  <c r="AC149419" i="1"/>
  <c r="AC149420" i="1"/>
  <c r="AC149421" i="1"/>
  <c r="AC149422" i="1"/>
  <c r="AC149423" i="1"/>
  <c r="AC149424" i="1"/>
  <c r="AC149425" i="1"/>
  <c r="AC149426" i="1"/>
  <c r="AC149427" i="1"/>
  <c r="AC149428" i="1"/>
  <c r="AC149429" i="1"/>
  <c r="AC149430" i="1"/>
  <c r="AC149431" i="1"/>
  <c r="AC149432" i="1"/>
  <c r="AC149433" i="1"/>
  <c r="AC149434" i="1"/>
  <c r="AC149435" i="1"/>
  <c r="AC149436" i="1"/>
  <c r="AC149437" i="1"/>
  <c r="AC149438" i="1"/>
  <c r="AC149439" i="1"/>
  <c r="AC149440" i="1"/>
  <c r="AC149441" i="1"/>
  <c r="AC149442" i="1"/>
  <c r="AC149443" i="1"/>
  <c r="AC149444" i="1"/>
  <c r="AC149445" i="1"/>
  <c r="AC149446" i="1"/>
  <c r="AC149447" i="1"/>
  <c r="AC149448" i="1"/>
  <c r="AC149449" i="1"/>
  <c r="AC149450" i="1"/>
  <c r="AC149451" i="1"/>
  <c r="AC149452" i="1"/>
  <c r="AC149453" i="1"/>
  <c r="AC149454" i="1"/>
  <c r="AC149455" i="1"/>
  <c r="AC149456" i="1"/>
  <c r="AC149457" i="1"/>
  <c r="AC149458" i="1"/>
  <c r="AC149459" i="1"/>
  <c r="AC149460" i="1"/>
  <c r="AC149461" i="1"/>
  <c r="AC149462" i="1"/>
  <c r="AC149463" i="1"/>
  <c r="AC149464" i="1"/>
  <c r="AC149465" i="1"/>
  <c r="AC149466" i="1"/>
  <c r="AC149467" i="1"/>
  <c r="AC149468" i="1"/>
  <c r="AC149469" i="1"/>
  <c r="AC149470" i="1"/>
  <c r="AC149471" i="1"/>
  <c r="AC149472" i="1"/>
  <c r="AC149473" i="1"/>
  <c r="AC149474" i="1"/>
  <c r="AC149475" i="1"/>
  <c r="AC149476" i="1"/>
  <c r="AC149477" i="1"/>
  <c r="AC149478" i="1"/>
  <c r="AC149479" i="1"/>
  <c r="AC149480" i="1"/>
  <c r="AC149481" i="1"/>
  <c r="AC149482" i="1"/>
  <c r="AC149483" i="1"/>
  <c r="AC149484" i="1"/>
  <c r="AC149485" i="1"/>
  <c r="AC149486" i="1"/>
  <c r="AC149487" i="1"/>
  <c r="AC149488" i="1"/>
  <c r="AC149489" i="1"/>
  <c r="AC149490" i="1"/>
  <c r="AC149491" i="1"/>
  <c r="AC149492" i="1"/>
  <c r="AC149493" i="1"/>
  <c r="AC149494" i="1"/>
  <c r="AC149495" i="1"/>
  <c r="AC149496" i="1"/>
  <c r="AC149497" i="1"/>
  <c r="AC149498" i="1"/>
  <c r="AC149499" i="1"/>
  <c r="AC149500" i="1"/>
  <c r="AC149501" i="1"/>
  <c r="AC149502" i="1"/>
  <c r="AC149503" i="1"/>
  <c r="AC149504" i="1"/>
  <c r="AC149505" i="1"/>
  <c r="AC149506" i="1"/>
  <c r="AC149507" i="1"/>
  <c r="AC149508" i="1"/>
  <c r="AC149509" i="1"/>
  <c r="AC149510" i="1"/>
  <c r="AC149511" i="1"/>
  <c r="AC149512" i="1"/>
  <c r="AC149513" i="1"/>
  <c r="AC149514" i="1"/>
  <c r="AC149515" i="1"/>
  <c r="AC149516" i="1"/>
  <c r="AC149517" i="1"/>
  <c r="AC149518" i="1"/>
  <c r="AC149519" i="1"/>
  <c r="AC149520" i="1"/>
  <c r="AC149521" i="1"/>
  <c r="AC149522" i="1"/>
  <c r="AC149523" i="1"/>
  <c r="AC149524" i="1"/>
  <c r="AC149525" i="1"/>
  <c r="AC149526" i="1"/>
  <c r="AC149527" i="1"/>
  <c r="AC149528" i="1"/>
  <c r="AC149529" i="1"/>
  <c r="AC149530" i="1"/>
  <c r="AC149531" i="1"/>
  <c r="AC149532" i="1"/>
  <c r="AC149533" i="1"/>
  <c r="AC149534" i="1"/>
  <c r="AC149535" i="1"/>
  <c r="AC149536" i="1"/>
  <c r="AC149537" i="1"/>
  <c r="AC149538" i="1"/>
  <c r="AC149539" i="1"/>
  <c r="AC149540" i="1"/>
  <c r="AC149541" i="1"/>
  <c r="AC149542" i="1"/>
  <c r="AC149543" i="1"/>
  <c r="AC149544" i="1"/>
  <c r="AC149545" i="1"/>
  <c r="AC149546" i="1"/>
  <c r="AC149547" i="1"/>
  <c r="AC149548" i="1"/>
  <c r="AC149549" i="1"/>
  <c r="AC149550" i="1"/>
  <c r="AC149551" i="1"/>
  <c r="AC149552" i="1"/>
  <c r="AC149553" i="1"/>
  <c r="AC149554" i="1"/>
  <c r="AC149555" i="1"/>
  <c r="AC149556" i="1"/>
  <c r="AC149557" i="1"/>
  <c r="AC149558" i="1"/>
  <c r="AC149559" i="1"/>
  <c r="AC149560" i="1"/>
  <c r="AC149561" i="1"/>
  <c r="AC149562" i="1"/>
  <c r="AC149563" i="1"/>
  <c r="AC149564" i="1"/>
  <c r="AC149565" i="1"/>
  <c r="AC149566" i="1"/>
  <c r="AC149567" i="1"/>
  <c r="AC149568" i="1"/>
  <c r="AC149569" i="1"/>
  <c r="AC149570" i="1"/>
  <c r="AC149571" i="1"/>
  <c r="AC149572" i="1"/>
  <c r="AC149573" i="1"/>
  <c r="AC149574" i="1"/>
  <c r="AC149575" i="1"/>
  <c r="AC149576" i="1"/>
  <c r="AC149577" i="1"/>
  <c r="AC149578" i="1"/>
  <c r="AC149579" i="1"/>
  <c r="AC149580" i="1"/>
  <c r="AC149581" i="1"/>
  <c r="AC149582" i="1"/>
  <c r="AC149583" i="1"/>
  <c r="AC149584" i="1"/>
  <c r="AC149585" i="1"/>
  <c r="AC149586" i="1"/>
  <c r="AC149587" i="1"/>
  <c r="AC149588" i="1"/>
  <c r="AC149589" i="1"/>
  <c r="AC149590" i="1"/>
  <c r="AC149591" i="1"/>
  <c r="AC149592" i="1"/>
  <c r="AC149593" i="1"/>
  <c r="AC149594" i="1"/>
  <c r="AC149595" i="1"/>
  <c r="AC149596" i="1"/>
  <c r="AC149597" i="1"/>
  <c r="AC149598" i="1"/>
  <c r="AC149599" i="1"/>
  <c r="AC149600" i="1"/>
  <c r="AC149601" i="1"/>
  <c r="AC149602" i="1"/>
  <c r="AC149603" i="1"/>
  <c r="AC149604" i="1"/>
  <c r="AC149605" i="1"/>
  <c r="AC149606" i="1"/>
  <c r="AC149607" i="1"/>
  <c r="AC149608" i="1"/>
  <c r="AC149609" i="1"/>
  <c r="AC149610" i="1"/>
  <c r="AC149611" i="1"/>
  <c r="AC149612" i="1"/>
  <c r="AC149613" i="1"/>
  <c r="AC149614" i="1"/>
  <c r="AC149615" i="1"/>
  <c r="AC149616" i="1"/>
  <c r="AC149617" i="1"/>
  <c r="AC149618" i="1"/>
  <c r="AC149619" i="1"/>
  <c r="AC149620" i="1"/>
  <c r="AC149621" i="1"/>
  <c r="AC149622" i="1"/>
  <c r="AC149623" i="1"/>
  <c r="AC149624" i="1"/>
  <c r="AC149625" i="1"/>
  <c r="AC149626" i="1"/>
  <c r="AC149627" i="1"/>
  <c r="AC149628" i="1"/>
  <c r="AC149629" i="1"/>
  <c r="AC149630" i="1"/>
  <c r="AC149631" i="1"/>
  <c r="AC149632" i="1"/>
  <c r="AC149633" i="1"/>
  <c r="AC149634" i="1"/>
  <c r="AC149635" i="1"/>
  <c r="AC149636" i="1"/>
  <c r="AC149637" i="1"/>
  <c r="AC149638" i="1"/>
  <c r="AC149639" i="1"/>
  <c r="AC149640" i="1"/>
  <c r="AC149641" i="1"/>
  <c r="AC149642" i="1"/>
  <c r="AC149643" i="1"/>
  <c r="AC149644" i="1"/>
  <c r="AC149645" i="1"/>
  <c r="AC149646" i="1"/>
  <c r="AC149647" i="1"/>
  <c r="AC149648" i="1"/>
  <c r="AC149649" i="1"/>
  <c r="AC149650" i="1"/>
  <c r="AC149651" i="1"/>
  <c r="AC149652" i="1"/>
  <c r="AC149653" i="1"/>
  <c r="AC149654" i="1"/>
  <c r="AC149655" i="1"/>
  <c r="AC149656" i="1"/>
  <c r="AC149657" i="1"/>
  <c r="AC149658" i="1"/>
  <c r="AC149659" i="1"/>
  <c r="AC149660" i="1"/>
  <c r="AC149661" i="1"/>
  <c r="AC149662" i="1"/>
  <c r="AC149663" i="1"/>
  <c r="AC149664" i="1"/>
  <c r="AC149665" i="1"/>
  <c r="AC149666" i="1"/>
  <c r="AC149667" i="1"/>
  <c r="AC149668" i="1"/>
  <c r="AC149669" i="1"/>
  <c r="AC149670" i="1"/>
  <c r="AC149671" i="1"/>
  <c r="AC149672" i="1"/>
  <c r="AC149673" i="1"/>
  <c r="AC149674" i="1"/>
  <c r="AC149675" i="1"/>
  <c r="AC149676" i="1"/>
  <c r="AC149677" i="1"/>
  <c r="AC149678" i="1"/>
  <c r="AC149679" i="1"/>
  <c r="AC149680" i="1"/>
  <c r="AC149681" i="1"/>
  <c r="AC149682" i="1"/>
  <c r="AC149683" i="1"/>
  <c r="AC149684" i="1"/>
  <c r="AC149685" i="1"/>
  <c r="AC149686" i="1"/>
  <c r="AC149687" i="1"/>
  <c r="AC149688" i="1"/>
  <c r="AC149689" i="1"/>
  <c r="AC149690" i="1"/>
  <c r="AC149691" i="1"/>
  <c r="AC149692" i="1"/>
  <c r="AC149693" i="1"/>
  <c r="AC149694" i="1"/>
  <c r="AC149695" i="1"/>
  <c r="AC149696" i="1"/>
  <c r="AC149697" i="1"/>
  <c r="AC149698" i="1"/>
  <c r="AC149699" i="1"/>
  <c r="AC149700" i="1"/>
  <c r="AC149701" i="1"/>
  <c r="AC149702" i="1"/>
  <c r="AC149703" i="1"/>
  <c r="AC149704" i="1"/>
  <c r="AC149705" i="1"/>
  <c r="AC149706" i="1"/>
  <c r="AC149707" i="1"/>
  <c r="AC149708" i="1"/>
  <c r="AC149709" i="1"/>
  <c r="AC149710" i="1"/>
  <c r="AC149711" i="1"/>
  <c r="AC149712" i="1"/>
  <c r="AC149713" i="1"/>
  <c r="AC149714" i="1"/>
  <c r="AC149715" i="1"/>
  <c r="AC149716" i="1"/>
  <c r="AC149717" i="1"/>
  <c r="AC149718" i="1"/>
  <c r="AC149719" i="1"/>
  <c r="AC149720" i="1"/>
  <c r="AC149721" i="1"/>
  <c r="AC149722" i="1"/>
  <c r="AC149723" i="1"/>
  <c r="AC149724" i="1"/>
  <c r="AC149725" i="1"/>
  <c r="AC149726" i="1"/>
  <c r="AC149727" i="1"/>
  <c r="AC149728" i="1"/>
  <c r="AC149729" i="1"/>
  <c r="AC149730" i="1"/>
  <c r="AC149731" i="1"/>
  <c r="AC149732" i="1"/>
  <c r="AC149733" i="1"/>
  <c r="AC149734" i="1"/>
  <c r="AC149735" i="1"/>
  <c r="AC149736" i="1"/>
  <c r="AC149737" i="1"/>
  <c r="AC149738" i="1"/>
  <c r="AC149739" i="1"/>
  <c r="AC149740" i="1"/>
  <c r="AC149741" i="1"/>
  <c r="AC149742" i="1"/>
  <c r="AC149743" i="1"/>
  <c r="AC149744" i="1"/>
  <c r="AC149745" i="1"/>
  <c r="AC149746" i="1"/>
  <c r="AC149747" i="1"/>
  <c r="AC149748" i="1"/>
  <c r="AC149749" i="1"/>
  <c r="AC149750" i="1"/>
  <c r="AC149751" i="1"/>
  <c r="AC149752" i="1"/>
  <c r="AC149753" i="1"/>
  <c r="AC149754" i="1"/>
  <c r="AC149755" i="1"/>
  <c r="AC149756" i="1"/>
  <c r="AC149757" i="1"/>
  <c r="AC149758" i="1"/>
  <c r="AC149759" i="1"/>
  <c r="AC149760" i="1"/>
  <c r="AC149761" i="1"/>
  <c r="AC149762" i="1"/>
  <c r="AC149763" i="1"/>
  <c r="AC149764" i="1"/>
  <c r="AC149765" i="1"/>
  <c r="AC149766" i="1"/>
  <c r="AC149767" i="1"/>
  <c r="AC149768" i="1"/>
  <c r="AC149769" i="1"/>
  <c r="AC149770" i="1"/>
  <c r="AC149771" i="1"/>
  <c r="AC149772" i="1"/>
  <c r="AC149773" i="1"/>
  <c r="AC149774" i="1"/>
  <c r="AC149775" i="1"/>
  <c r="AC149776" i="1"/>
  <c r="AC149777" i="1"/>
  <c r="AC149778" i="1"/>
  <c r="AC149779" i="1"/>
  <c r="AC149780" i="1"/>
  <c r="AC149781" i="1"/>
  <c r="AC149782" i="1"/>
  <c r="AC149783" i="1"/>
  <c r="AC149784" i="1"/>
  <c r="AC149785" i="1"/>
  <c r="AC149786" i="1"/>
  <c r="AC149787" i="1"/>
  <c r="AC149788" i="1"/>
  <c r="AC149789" i="1"/>
  <c r="AC149790" i="1"/>
  <c r="AC149791" i="1"/>
  <c r="AC149792" i="1"/>
  <c r="AC149793" i="1"/>
  <c r="AC149794" i="1"/>
  <c r="AC149795" i="1"/>
  <c r="AC149796" i="1"/>
  <c r="AC149797" i="1"/>
  <c r="AC149798" i="1"/>
  <c r="AC149799" i="1"/>
  <c r="AC149800" i="1"/>
  <c r="AC149801" i="1"/>
  <c r="AC149802" i="1"/>
  <c r="AC149803" i="1"/>
  <c r="AC149804" i="1"/>
  <c r="AC149805" i="1"/>
  <c r="AC149806" i="1"/>
  <c r="AC149807" i="1"/>
  <c r="AC149808" i="1"/>
  <c r="AC149809" i="1"/>
  <c r="AC149810" i="1"/>
  <c r="AC149811" i="1"/>
  <c r="AC149812" i="1"/>
  <c r="AC149813" i="1"/>
  <c r="AC149814" i="1"/>
  <c r="AC149815" i="1"/>
  <c r="AC149816" i="1"/>
  <c r="AC149817" i="1"/>
  <c r="AC149818" i="1"/>
  <c r="AC149819" i="1"/>
  <c r="AC149820" i="1"/>
  <c r="AC149821" i="1"/>
  <c r="AC149822" i="1"/>
  <c r="AC149823" i="1"/>
  <c r="AC149824" i="1"/>
  <c r="AC149825" i="1"/>
  <c r="AC149826" i="1"/>
  <c r="AC149827" i="1"/>
  <c r="AC149828" i="1"/>
  <c r="AC149829" i="1"/>
  <c r="AC149830" i="1"/>
  <c r="AC149831" i="1"/>
  <c r="AC149832" i="1"/>
  <c r="AC149833" i="1"/>
  <c r="AC149834" i="1"/>
  <c r="AC149835" i="1"/>
  <c r="AC149836" i="1"/>
  <c r="AC149837" i="1"/>
  <c r="AC149838" i="1"/>
  <c r="AC149839" i="1"/>
  <c r="AC149840" i="1"/>
  <c r="AC149841" i="1"/>
  <c r="AC149842" i="1"/>
  <c r="AC149843" i="1"/>
  <c r="AC149844" i="1"/>
  <c r="AC149845" i="1"/>
  <c r="AC149846" i="1"/>
  <c r="AC149847" i="1"/>
  <c r="AC149848" i="1"/>
  <c r="AC149849" i="1"/>
  <c r="AC149850" i="1"/>
  <c r="AC149851" i="1"/>
  <c r="AC149852" i="1"/>
  <c r="AC149853" i="1"/>
  <c r="AC149854" i="1"/>
  <c r="AC149855" i="1"/>
  <c r="AC149856" i="1"/>
  <c r="AC149857" i="1"/>
  <c r="AC149858" i="1"/>
  <c r="AC149859" i="1"/>
  <c r="AC149860" i="1"/>
  <c r="AC149861" i="1"/>
  <c r="AC149862" i="1"/>
  <c r="AC149863" i="1"/>
  <c r="AC149864" i="1"/>
  <c r="AC149865" i="1"/>
  <c r="AC149866" i="1"/>
  <c r="AC149867" i="1"/>
  <c r="AC149868" i="1"/>
  <c r="AC149869" i="1"/>
  <c r="AC149870" i="1"/>
  <c r="AC149871" i="1"/>
  <c r="AC149872" i="1"/>
  <c r="AC149873" i="1"/>
  <c r="AC149874" i="1"/>
  <c r="AC149875" i="1"/>
  <c r="AC149876" i="1"/>
  <c r="AC149877" i="1"/>
  <c r="AC149878" i="1"/>
  <c r="AC149879" i="1"/>
  <c r="AC149880" i="1"/>
  <c r="AC149881" i="1"/>
  <c r="AC149882" i="1"/>
  <c r="AC149883" i="1"/>
  <c r="AC149884" i="1"/>
  <c r="AC149885" i="1"/>
  <c r="AC149886" i="1"/>
  <c r="AC149887" i="1"/>
  <c r="AC149888" i="1"/>
  <c r="AC149889" i="1"/>
  <c r="AC149890" i="1"/>
  <c r="AC149891" i="1"/>
  <c r="AC149892" i="1"/>
  <c r="AC149893" i="1"/>
  <c r="AC149894" i="1"/>
  <c r="AC149895" i="1"/>
  <c r="AC149896" i="1"/>
  <c r="AC149897" i="1"/>
  <c r="AC149898" i="1"/>
  <c r="AC149899" i="1"/>
  <c r="AC149900" i="1"/>
  <c r="AC149901" i="1"/>
  <c r="AC149902" i="1"/>
  <c r="AC149903" i="1"/>
  <c r="AC149904" i="1"/>
  <c r="AC149905" i="1"/>
  <c r="AC149906" i="1"/>
  <c r="AC149907" i="1"/>
  <c r="AC149908" i="1"/>
  <c r="AC149909" i="1"/>
  <c r="AC149910" i="1"/>
  <c r="AC149911" i="1"/>
  <c r="AC149912" i="1"/>
  <c r="AC149913" i="1"/>
  <c r="AC149914" i="1"/>
  <c r="AC149915" i="1"/>
  <c r="AC149916" i="1"/>
  <c r="AC149917" i="1"/>
  <c r="AC149918" i="1"/>
  <c r="AC149919" i="1"/>
  <c r="AC149920" i="1"/>
  <c r="AC149921" i="1"/>
  <c r="AC149922" i="1"/>
  <c r="AC149923" i="1"/>
  <c r="AC149924" i="1"/>
  <c r="AC149925" i="1"/>
  <c r="AC149926" i="1"/>
  <c r="AC149927" i="1"/>
  <c r="AC149928" i="1"/>
  <c r="AC149929" i="1"/>
  <c r="AC149930" i="1"/>
  <c r="AC149931" i="1"/>
  <c r="AC149932" i="1"/>
  <c r="AC149933" i="1"/>
  <c r="AC149934" i="1"/>
  <c r="AC149935" i="1"/>
  <c r="AC149936" i="1"/>
  <c r="AC149937" i="1"/>
  <c r="AC149938" i="1"/>
  <c r="AC149939" i="1"/>
  <c r="AC149940" i="1"/>
  <c r="AC149941" i="1"/>
  <c r="AC149942" i="1"/>
  <c r="AC149943" i="1"/>
  <c r="AC149944" i="1"/>
  <c r="AC149945" i="1"/>
  <c r="AC149946" i="1"/>
  <c r="AC149947" i="1"/>
  <c r="AC149948" i="1"/>
  <c r="AC149949" i="1"/>
  <c r="AC149950" i="1"/>
  <c r="AC149951" i="1"/>
  <c r="AC149952" i="1"/>
  <c r="AC149953" i="1"/>
  <c r="AC149954" i="1"/>
  <c r="AC149955" i="1"/>
  <c r="AC149956" i="1"/>
  <c r="AC149957" i="1"/>
  <c r="AC149958" i="1"/>
  <c r="AC149959" i="1"/>
  <c r="AC149960" i="1"/>
  <c r="AC149961" i="1"/>
  <c r="AC149962" i="1"/>
  <c r="AC149963" i="1"/>
  <c r="AC149964" i="1"/>
  <c r="AC149965" i="1"/>
  <c r="AC149966" i="1"/>
  <c r="AC149967" i="1"/>
  <c r="AC149968" i="1"/>
  <c r="AC149969" i="1"/>
  <c r="AC149970" i="1"/>
  <c r="AC149971" i="1"/>
  <c r="AC149972" i="1"/>
  <c r="AC149973" i="1"/>
  <c r="AC149974" i="1"/>
  <c r="AC149975" i="1"/>
  <c r="AC149976" i="1"/>
  <c r="AC149977" i="1"/>
  <c r="AC149978" i="1"/>
  <c r="AC149979" i="1"/>
  <c r="AC149980" i="1"/>
  <c r="AC149981" i="1"/>
  <c r="AC149982" i="1"/>
  <c r="AC149983" i="1"/>
  <c r="AC149984" i="1"/>
  <c r="AC149985" i="1"/>
  <c r="AC149986" i="1"/>
  <c r="AC149987" i="1"/>
  <c r="AC149988" i="1"/>
  <c r="AC149989" i="1"/>
  <c r="AC149990" i="1"/>
  <c r="AC149991" i="1"/>
  <c r="AC149992" i="1"/>
  <c r="AC149993" i="1"/>
  <c r="AC149994" i="1"/>
  <c r="AC149995" i="1"/>
  <c r="AC149996" i="1"/>
  <c r="AC149997" i="1"/>
  <c r="AC149998" i="1"/>
  <c r="AC149999" i="1"/>
  <c r="AC150000" i="1"/>
  <c r="AC150001" i="1"/>
  <c r="AC150002" i="1"/>
  <c r="AC150003" i="1"/>
  <c r="AC150004" i="1"/>
  <c r="AC150005" i="1"/>
  <c r="AC150006" i="1"/>
  <c r="AC150007" i="1"/>
  <c r="AC150008" i="1"/>
  <c r="AC150009" i="1"/>
  <c r="AC150010" i="1"/>
  <c r="AC150011" i="1"/>
  <c r="AC150012" i="1"/>
  <c r="AC150013" i="1"/>
  <c r="AC150014" i="1"/>
  <c r="AC150015" i="1"/>
  <c r="AC150016" i="1"/>
  <c r="AC150017" i="1"/>
  <c r="AC150018" i="1"/>
  <c r="AC150019" i="1"/>
  <c r="AC150020" i="1"/>
  <c r="AC150021" i="1"/>
  <c r="AC150022" i="1"/>
  <c r="AC150023" i="1"/>
  <c r="AC150024" i="1"/>
  <c r="AC150025" i="1"/>
  <c r="AC150026" i="1"/>
  <c r="AC150027" i="1"/>
  <c r="AC150028" i="1"/>
  <c r="AC150029" i="1"/>
  <c r="AC150030" i="1"/>
  <c r="AC150031" i="1"/>
  <c r="AC150032" i="1"/>
  <c r="AC150033" i="1"/>
  <c r="AC150034" i="1"/>
  <c r="AC150035" i="1"/>
  <c r="AC150036" i="1"/>
  <c r="AC150037" i="1"/>
  <c r="AC150038" i="1"/>
  <c r="AC150039" i="1"/>
  <c r="AC150040" i="1"/>
  <c r="AC150041" i="1"/>
  <c r="AC150042" i="1"/>
  <c r="AC150043" i="1"/>
  <c r="AC150044" i="1"/>
  <c r="AC150045" i="1"/>
  <c r="AC150046" i="1"/>
  <c r="AC150047" i="1"/>
  <c r="AC150048" i="1"/>
  <c r="AC150049" i="1"/>
  <c r="AC150050" i="1"/>
  <c r="AC150051" i="1"/>
  <c r="AC150052" i="1"/>
  <c r="AC150053" i="1"/>
  <c r="AC150054" i="1"/>
  <c r="AC150055" i="1"/>
  <c r="AC150056" i="1"/>
  <c r="AC150057" i="1"/>
  <c r="AC150058" i="1"/>
  <c r="AC150059" i="1"/>
  <c r="AC150060" i="1"/>
  <c r="AC150061" i="1"/>
  <c r="AC150062" i="1"/>
  <c r="AC150063" i="1"/>
  <c r="AC150064" i="1"/>
  <c r="AC150065" i="1"/>
  <c r="AC150066" i="1"/>
  <c r="AC150067" i="1"/>
  <c r="AC150068" i="1"/>
  <c r="AC150069" i="1"/>
  <c r="AC150070" i="1"/>
  <c r="AC150071" i="1"/>
  <c r="AC150072" i="1"/>
  <c r="AC150073" i="1"/>
  <c r="AC150074" i="1"/>
  <c r="AC150075" i="1"/>
  <c r="AC150076" i="1"/>
  <c r="AC150077" i="1"/>
  <c r="AC150078" i="1"/>
  <c r="AC150079" i="1"/>
  <c r="AC150080" i="1"/>
  <c r="AC150081" i="1"/>
  <c r="AC150082" i="1"/>
  <c r="AC150083" i="1"/>
  <c r="AC150084" i="1"/>
  <c r="AC150085" i="1"/>
  <c r="AC150086" i="1"/>
  <c r="AC150087" i="1"/>
  <c r="AC150088" i="1"/>
  <c r="AC150089" i="1"/>
  <c r="AC150090" i="1"/>
  <c r="AC150091" i="1"/>
  <c r="AC150092" i="1"/>
  <c r="AC150093" i="1"/>
  <c r="AC150094" i="1"/>
  <c r="AC150095" i="1"/>
  <c r="AC150096" i="1"/>
  <c r="AC150097" i="1"/>
  <c r="AC150098" i="1"/>
  <c r="AC150099" i="1"/>
  <c r="AC150100" i="1"/>
  <c r="AC150101" i="1"/>
  <c r="AC150102" i="1"/>
  <c r="AC150103" i="1"/>
  <c r="AC150104" i="1"/>
  <c r="AC150105" i="1"/>
  <c r="AC150106" i="1"/>
  <c r="AC150107" i="1"/>
  <c r="AC150108" i="1"/>
  <c r="AC150109" i="1"/>
  <c r="AC150110" i="1"/>
  <c r="AC150111" i="1"/>
  <c r="AC150112" i="1"/>
  <c r="AC150113" i="1"/>
  <c r="AC150114" i="1"/>
  <c r="AC150115" i="1"/>
  <c r="AC150116" i="1"/>
  <c r="AC150117" i="1"/>
  <c r="AC150118" i="1"/>
  <c r="AC150119" i="1"/>
  <c r="AC150120" i="1"/>
  <c r="AC150121" i="1"/>
  <c r="AC150122" i="1"/>
  <c r="AC150123" i="1"/>
  <c r="AC150124" i="1"/>
  <c r="AC150125" i="1"/>
  <c r="AC150126" i="1"/>
  <c r="AC150127" i="1"/>
  <c r="AC150128" i="1"/>
  <c r="AC150129" i="1"/>
  <c r="AC150130" i="1"/>
  <c r="AC150131" i="1"/>
  <c r="AC150132" i="1"/>
  <c r="AC150133" i="1"/>
  <c r="AC150134" i="1"/>
  <c r="AC150135" i="1"/>
  <c r="AC150136" i="1"/>
  <c r="AC150137" i="1"/>
  <c r="AC150138" i="1"/>
  <c r="AC150139" i="1"/>
  <c r="AC150140" i="1"/>
  <c r="AC150141" i="1"/>
  <c r="AC150142" i="1"/>
  <c r="AC150143" i="1"/>
  <c r="AC150144" i="1"/>
  <c r="AC150145" i="1"/>
  <c r="AC150146" i="1"/>
  <c r="AC150147" i="1"/>
  <c r="AC150148" i="1"/>
  <c r="AC150149" i="1"/>
  <c r="AC150150" i="1"/>
  <c r="AC150151" i="1"/>
  <c r="AC150152" i="1"/>
  <c r="AC150153" i="1"/>
  <c r="AC150154" i="1"/>
  <c r="AC150155" i="1"/>
  <c r="AC150156" i="1"/>
  <c r="AC150157" i="1"/>
  <c r="AC150158" i="1"/>
  <c r="AC150159" i="1"/>
  <c r="AC150160" i="1"/>
  <c r="AC150161" i="1"/>
  <c r="AC150162" i="1"/>
  <c r="AC150163" i="1"/>
  <c r="AC150164" i="1"/>
  <c r="AC150165" i="1"/>
  <c r="AC150166" i="1"/>
  <c r="AC150167" i="1"/>
  <c r="AC150168" i="1"/>
  <c r="AC150169" i="1"/>
  <c r="AC150170" i="1"/>
  <c r="AC150171" i="1"/>
  <c r="AC150172" i="1"/>
  <c r="AC150173" i="1"/>
  <c r="AC150174" i="1"/>
  <c r="AC150175" i="1"/>
  <c r="AC150176" i="1"/>
  <c r="AC150177" i="1"/>
  <c r="AC150178" i="1"/>
  <c r="AC150179" i="1"/>
  <c r="AC150180" i="1"/>
  <c r="AC150181" i="1"/>
  <c r="AC150182" i="1"/>
  <c r="AC150183" i="1"/>
  <c r="AC150184" i="1"/>
  <c r="AC150185" i="1"/>
  <c r="AC150186" i="1"/>
  <c r="AC150187" i="1"/>
  <c r="AC150188" i="1"/>
  <c r="AC150189" i="1"/>
  <c r="AC150190" i="1"/>
  <c r="AC150191" i="1"/>
  <c r="AC150192" i="1"/>
  <c r="AC150193" i="1"/>
  <c r="AC150194" i="1"/>
  <c r="AC150195" i="1"/>
  <c r="AC150196" i="1"/>
  <c r="AC150197" i="1"/>
  <c r="AC150198" i="1"/>
  <c r="AC150199" i="1"/>
  <c r="AC150200" i="1"/>
  <c r="AC150201" i="1"/>
  <c r="AC150202" i="1"/>
  <c r="AC150203" i="1"/>
  <c r="AC150204" i="1"/>
  <c r="AC150205" i="1"/>
  <c r="AC150206" i="1"/>
  <c r="AC150207" i="1"/>
  <c r="AC150208" i="1"/>
  <c r="AC150209" i="1"/>
  <c r="AC150210" i="1"/>
  <c r="AC150211" i="1"/>
  <c r="AC150212" i="1"/>
  <c r="AC150213" i="1"/>
  <c r="AC150214" i="1"/>
  <c r="AC150215" i="1"/>
  <c r="AC150216" i="1"/>
  <c r="AC150217" i="1"/>
  <c r="AC150218" i="1"/>
  <c r="AC150219" i="1"/>
  <c r="AC150220" i="1"/>
  <c r="AC150221" i="1"/>
  <c r="AC150222" i="1"/>
  <c r="AC150223" i="1"/>
  <c r="AC150224" i="1"/>
  <c r="AC150225" i="1"/>
  <c r="AC150226" i="1"/>
  <c r="AC150227" i="1"/>
  <c r="AC150228" i="1"/>
  <c r="AC150229" i="1"/>
  <c r="AC150230" i="1"/>
  <c r="AC150231" i="1"/>
  <c r="AC150232" i="1"/>
  <c r="AC150233" i="1"/>
  <c r="AC150234" i="1"/>
  <c r="AC150235" i="1"/>
  <c r="AC150236" i="1"/>
  <c r="AC150237" i="1"/>
  <c r="AC150238" i="1"/>
  <c r="AC150239" i="1"/>
  <c r="AC150240" i="1"/>
  <c r="AC150241" i="1"/>
  <c r="AC150242" i="1"/>
  <c r="AC150243" i="1"/>
  <c r="AC150244" i="1"/>
  <c r="AC150245" i="1"/>
  <c r="AC150246" i="1"/>
  <c r="AC150247" i="1"/>
  <c r="AC150248" i="1"/>
  <c r="AC150249" i="1"/>
  <c r="AC150250" i="1"/>
  <c r="AC150251" i="1"/>
  <c r="AC150252" i="1"/>
  <c r="AC150253" i="1"/>
  <c r="AC150254" i="1"/>
  <c r="AC150255" i="1"/>
  <c r="AC150256" i="1"/>
  <c r="AC150257" i="1"/>
  <c r="AC150258" i="1"/>
  <c r="AC150259" i="1"/>
  <c r="AC150260" i="1"/>
  <c r="AC150261" i="1"/>
  <c r="AC150262" i="1"/>
  <c r="AC150263" i="1"/>
  <c r="AC150264" i="1"/>
  <c r="AC150265" i="1"/>
  <c r="AC150266" i="1"/>
  <c r="AC150267" i="1"/>
  <c r="AC150268" i="1"/>
  <c r="AC150269" i="1"/>
  <c r="AC150270" i="1"/>
  <c r="AC150271" i="1"/>
  <c r="AC150272" i="1"/>
  <c r="AC150273" i="1"/>
  <c r="AC150274" i="1"/>
  <c r="AC150275" i="1"/>
  <c r="AC150276" i="1"/>
  <c r="AC150277" i="1"/>
  <c r="AC150278" i="1"/>
  <c r="AC150279" i="1"/>
  <c r="AC150280" i="1"/>
  <c r="AC150281" i="1"/>
  <c r="AC150282" i="1"/>
  <c r="AC150283" i="1"/>
  <c r="AC150284" i="1"/>
  <c r="AC150285" i="1"/>
  <c r="AC150286" i="1"/>
  <c r="AC150287" i="1"/>
  <c r="AC150288" i="1"/>
  <c r="AC150289" i="1"/>
  <c r="AC150290" i="1"/>
  <c r="AC150291" i="1"/>
  <c r="AC150292" i="1"/>
  <c r="AC150293" i="1"/>
  <c r="AC150294" i="1"/>
  <c r="AC150295" i="1"/>
  <c r="AC150296" i="1"/>
  <c r="AC150297" i="1"/>
  <c r="AC150298" i="1"/>
  <c r="AC150299" i="1"/>
  <c r="AC150300" i="1"/>
  <c r="AC150301" i="1"/>
  <c r="AC150302" i="1"/>
  <c r="AC150303" i="1"/>
  <c r="AC150304" i="1"/>
  <c r="AC150305" i="1"/>
  <c r="AC150306" i="1"/>
  <c r="AC150307" i="1"/>
  <c r="AC150308" i="1"/>
  <c r="AC150309" i="1"/>
  <c r="AC150310" i="1"/>
  <c r="AC150311" i="1"/>
  <c r="AC150312" i="1"/>
  <c r="AC150313" i="1"/>
  <c r="AC150314" i="1"/>
  <c r="AC150315" i="1"/>
  <c r="AC150316" i="1"/>
  <c r="AC150317" i="1"/>
  <c r="AC150318" i="1"/>
  <c r="AC150319" i="1"/>
  <c r="AC150320" i="1"/>
  <c r="AC150321" i="1"/>
  <c r="AC150322" i="1"/>
  <c r="AC150323" i="1"/>
  <c r="AC150324" i="1"/>
  <c r="AC150325" i="1"/>
  <c r="AC150326" i="1"/>
  <c r="AC150327" i="1"/>
  <c r="AC150328" i="1"/>
  <c r="AC150329" i="1"/>
  <c r="AC150330" i="1"/>
  <c r="AC150331" i="1"/>
  <c r="AC150332" i="1"/>
  <c r="AC150333" i="1"/>
  <c r="AC150334" i="1"/>
  <c r="AC150335" i="1"/>
  <c r="AC150336" i="1"/>
  <c r="AC150337" i="1"/>
  <c r="AC150338" i="1"/>
  <c r="AC150339" i="1"/>
  <c r="AC150340" i="1"/>
  <c r="AC150341" i="1"/>
  <c r="AC150342" i="1"/>
  <c r="AC150343" i="1"/>
  <c r="AC150344" i="1"/>
  <c r="AC150345" i="1"/>
  <c r="AC150346" i="1"/>
  <c r="AC150347" i="1"/>
  <c r="AC150348" i="1"/>
  <c r="AC150349" i="1"/>
  <c r="AC150350" i="1"/>
  <c r="AC150351" i="1"/>
  <c r="AC150352" i="1"/>
  <c r="AC150353" i="1"/>
  <c r="AC150354" i="1"/>
  <c r="AC150355" i="1"/>
  <c r="AC150356" i="1"/>
  <c r="AC150357" i="1"/>
  <c r="AC150358" i="1"/>
  <c r="AC150359" i="1"/>
  <c r="AC150360" i="1"/>
  <c r="AC150361" i="1"/>
  <c r="AC150362" i="1"/>
  <c r="AC150363" i="1"/>
  <c r="AC150364" i="1"/>
  <c r="AC150365" i="1"/>
  <c r="AC150366" i="1"/>
  <c r="AC150367" i="1"/>
  <c r="AC150368" i="1"/>
  <c r="AC150369" i="1"/>
  <c r="AC150370" i="1"/>
  <c r="AC150371" i="1"/>
  <c r="AC150372" i="1"/>
  <c r="AC150373" i="1"/>
  <c r="AC150374" i="1"/>
  <c r="AC150375" i="1"/>
  <c r="AC150376" i="1"/>
  <c r="AC150377" i="1"/>
  <c r="AC150378" i="1"/>
  <c r="AC150379" i="1"/>
  <c r="AC150380" i="1"/>
  <c r="AC150381" i="1"/>
  <c r="AC150382" i="1"/>
  <c r="AC150383" i="1"/>
  <c r="AC150384" i="1"/>
  <c r="AC150385" i="1"/>
  <c r="AC150386" i="1"/>
  <c r="AC150387" i="1"/>
  <c r="AC150388" i="1"/>
  <c r="AC150389" i="1"/>
  <c r="AC150390" i="1"/>
  <c r="AC150391" i="1"/>
  <c r="AC150392" i="1"/>
  <c r="AC150393" i="1"/>
  <c r="AC150394" i="1"/>
  <c r="AC150395" i="1"/>
  <c r="AC150396" i="1"/>
  <c r="AC150397" i="1"/>
  <c r="AC150398" i="1"/>
  <c r="AC150399" i="1"/>
  <c r="AC150400" i="1"/>
  <c r="AC150401" i="1"/>
  <c r="AC150402" i="1"/>
  <c r="AC150403" i="1"/>
  <c r="AC150404" i="1"/>
  <c r="AC150405" i="1"/>
  <c r="AC150406" i="1"/>
  <c r="AC150407" i="1"/>
  <c r="AC150408" i="1"/>
  <c r="AC150409" i="1"/>
  <c r="AC150410" i="1"/>
  <c r="AC150411" i="1"/>
  <c r="AC150412" i="1"/>
  <c r="AC150413" i="1"/>
  <c r="AC150414" i="1"/>
  <c r="AC150415" i="1"/>
  <c r="AC150416" i="1"/>
  <c r="AC150417" i="1"/>
  <c r="AC150418" i="1"/>
  <c r="AC150419" i="1"/>
  <c r="AC150420" i="1"/>
  <c r="AC150421" i="1"/>
  <c r="AC150422" i="1"/>
  <c r="AC150423" i="1"/>
  <c r="AC150424" i="1"/>
  <c r="AC150425" i="1"/>
  <c r="AC150426" i="1"/>
  <c r="AC150427" i="1"/>
  <c r="AC150428" i="1"/>
  <c r="AC150429" i="1"/>
  <c r="AC150430" i="1"/>
  <c r="AC150431" i="1"/>
  <c r="AC150432" i="1"/>
  <c r="AC150433" i="1"/>
  <c r="AC150434" i="1"/>
  <c r="AC150435" i="1"/>
  <c r="AC150436" i="1"/>
  <c r="AC150437" i="1"/>
  <c r="AC150438" i="1"/>
  <c r="AC150439" i="1"/>
  <c r="AC150440" i="1"/>
  <c r="AC150441" i="1"/>
  <c r="AC150442" i="1"/>
  <c r="AC150443" i="1"/>
  <c r="AC150444" i="1"/>
  <c r="AC150445" i="1"/>
  <c r="AC150446" i="1"/>
  <c r="AC150447" i="1"/>
  <c r="AC150448" i="1"/>
  <c r="AC150449" i="1"/>
  <c r="AC150450" i="1"/>
  <c r="AC150451" i="1"/>
  <c r="AC150452" i="1"/>
  <c r="AC150453" i="1"/>
  <c r="AC150454" i="1"/>
  <c r="AC150455" i="1"/>
  <c r="AC150456" i="1"/>
  <c r="AC150457" i="1"/>
  <c r="AC150458" i="1"/>
  <c r="AC150459" i="1"/>
  <c r="AC150460" i="1"/>
  <c r="AC150461" i="1"/>
  <c r="AC150462" i="1"/>
  <c r="AC150463" i="1"/>
  <c r="AC150464" i="1"/>
  <c r="AC150465" i="1"/>
  <c r="AC150466" i="1"/>
  <c r="AC150467" i="1"/>
  <c r="AC150468" i="1"/>
  <c r="AC150469" i="1"/>
  <c r="AC150470" i="1"/>
  <c r="AC150471" i="1"/>
  <c r="AC150472" i="1"/>
  <c r="AC150473" i="1"/>
  <c r="AC150474" i="1"/>
  <c r="AC150475" i="1"/>
  <c r="AC150476" i="1"/>
  <c r="AC150477" i="1"/>
  <c r="AC150478" i="1"/>
  <c r="AC150479" i="1"/>
  <c r="AC150480" i="1"/>
  <c r="AC150481" i="1"/>
  <c r="AC150482" i="1"/>
  <c r="AC150483" i="1"/>
  <c r="AC150484" i="1"/>
  <c r="AC150485" i="1"/>
  <c r="AC150486" i="1"/>
  <c r="AC150487" i="1"/>
  <c r="AC150488" i="1"/>
  <c r="AC150489" i="1"/>
  <c r="AC150490" i="1"/>
  <c r="AC150491" i="1"/>
  <c r="AC150492" i="1"/>
  <c r="AC150493" i="1"/>
  <c r="AC150494" i="1"/>
  <c r="AC150495" i="1"/>
  <c r="AC150496" i="1"/>
  <c r="AC150497" i="1"/>
  <c r="AC150498" i="1"/>
  <c r="AC150499" i="1"/>
  <c r="AC150500" i="1"/>
  <c r="AC150501" i="1"/>
  <c r="AC150502" i="1"/>
  <c r="AC150503" i="1"/>
  <c r="AC150504" i="1"/>
  <c r="AC150505" i="1"/>
  <c r="AC150506" i="1"/>
  <c r="AC150507" i="1"/>
  <c r="AC150508" i="1"/>
  <c r="AC150509" i="1"/>
  <c r="AC150510" i="1"/>
  <c r="AC150511" i="1"/>
  <c r="AC150512" i="1"/>
  <c r="AC150513" i="1"/>
  <c r="AC150514" i="1"/>
  <c r="AC150515" i="1"/>
  <c r="AC150516" i="1"/>
  <c r="AC150517" i="1"/>
  <c r="AC150518" i="1"/>
  <c r="AC150519" i="1"/>
  <c r="AC150520" i="1"/>
  <c r="AC150521" i="1"/>
  <c r="AC150522" i="1"/>
  <c r="AC150523" i="1"/>
  <c r="AC150524" i="1"/>
  <c r="AC150525" i="1"/>
  <c r="AC150526" i="1"/>
  <c r="AC150527" i="1"/>
  <c r="AC150528" i="1"/>
  <c r="AC150529" i="1"/>
  <c r="AC150530" i="1"/>
  <c r="AC150531" i="1"/>
  <c r="AC150532" i="1"/>
  <c r="AC150533" i="1"/>
  <c r="AC150534" i="1"/>
  <c r="AC150535" i="1"/>
  <c r="AC150536" i="1"/>
  <c r="AC150537" i="1"/>
  <c r="AC150538" i="1"/>
  <c r="AC150539" i="1"/>
  <c r="AC150540" i="1"/>
  <c r="AC150541" i="1"/>
  <c r="AC150542" i="1"/>
  <c r="AC150543" i="1"/>
  <c r="AC150544" i="1"/>
  <c r="AC150545" i="1"/>
  <c r="AC150546" i="1"/>
  <c r="AC150547" i="1"/>
  <c r="AC150548" i="1"/>
  <c r="AC150549" i="1"/>
  <c r="AC150550" i="1"/>
  <c r="AC150551" i="1"/>
  <c r="AC150552" i="1"/>
  <c r="AC150553" i="1"/>
  <c r="AC150554" i="1"/>
  <c r="AC150555" i="1"/>
  <c r="AC150556" i="1"/>
  <c r="AC150557" i="1"/>
  <c r="AC150558" i="1"/>
  <c r="AC150559" i="1"/>
  <c r="AC150560" i="1"/>
  <c r="AC150561" i="1"/>
  <c r="AC150562" i="1"/>
  <c r="AC150563" i="1"/>
  <c r="AC150564" i="1"/>
  <c r="AC150565" i="1"/>
  <c r="AC150566" i="1"/>
  <c r="AC150567" i="1"/>
  <c r="AC150568" i="1"/>
  <c r="AC150569" i="1"/>
  <c r="AC150570" i="1"/>
  <c r="AC150571" i="1"/>
  <c r="AC150572" i="1"/>
  <c r="AC150573" i="1"/>
  <c r="AC150574" i="1"/>
  <c r="AC150575" i="1"/>
  <c r="AC150576" i="1"/>
  <c r="AC150577" i="1"/>
  <c r="AC150578" i="1"/>
  <c r="AC150579" i="1"/>
  <c r="AC150580" i="1"/>
  <c r="AC150581" i="1"/>
  <c r="AC150582" i="1"/>
  <c r="AC150583" i="1"/>
  <c r="AC150584" i="1"/>
  <c r="AC150585" i="1"/>
  <c r="AC150586" i="1"/>
  <c r="AC150587" i="1"/>
  <c r="AC150588" i="1"/>
  <c r="AC150589" i="1"/>
  <c r="AC150590" i="1"/>
  <c r="AC150591" i="1"/>
  <c r="AC150592" i="1"/>
  <c r="AC150593" i="1"/>
  <c r="AC150594" i="1"/>
  <c r="AC150595" i="1"/>
  <c r="AC150596" i="1"/>
  <c r="AC150597" i="1"/>
  <c r="AC150598" i="1"/>
  <c r="AC150599" i="1"/>
  <c r="AC150600" i="1"/>
  <c r="AC150601" i="1"/>
  <c r="AC150602" i="1"/>
  <c r="AC150603" i="1"/>
  <c r="AC150604" i="1"/>
  <c r="AC150605" i="1"/>
  <c r="AC150606" i="1"/>
  <c r="AC150607" i="1"/>
  <c r="AC150608" i="1"/>
  <c r="AC150609" i="1"/>
  <c r="AC150610" i="1"/>
  <c r="AC150611" i="1"/>
  <c r="AC150612" i="1"/>
  <c r="AC150613" i="1"/>
  <c r="AC150614" i="1"/>
  <c r="AC150615" i="1"/>
  <c r="AC150616" i="1"/>
  <c r="AC150617" i="1"/>
  <c r="AC150618" i="1"/>
  <c r="AC150619" i="1"/>
  <c r="AC150620" i="1"/>
  <c r="AC150621" i="1"/>
  <c r="AC150622" i="1"/>
  <c r="AC150623" i="1"/>
  <c r="AC150624" i="1"/>
  <c r="AC150625" i="1"/>
  <c r="AC150626" i="1"/>
  <c r="AC150627" i="1"/>
  <c r="AC150628" i="1"/>
  <c r="AC150629" i="1"/>
  <c r="AC150630" i="1"/>
  <c r="AC150631" i="1"/>
  <c r="AC150632" i="1"/>
  <c r="AC150633" i="1"/>
  <c r="AC150634" i="1"/>
  <c r="AC150635" i="1"/>
  <c r="AC150636" i="1"/>
  <c r="AC150637" i="1"/>
  <c r="AC150638" i="1"/>
  <c r="AC150639" i="1"/>
  <c r="AC150640" i="1"/>
  <c r="AC150641" i="1"/>
  <c r="AC150642" i="1"/>
  <c r="AC150643" i="1"/>
  <c r="AC150644" i="1"/>
  <c r="AC150645" i="1"/>
  <c r="AC150646" i="1"/>
  <c r="AC150647" i="1"/>
  <c r="AC150648" i="1"/>
  <c r="AC150649" i="1"/>
  <c r="AC150650" i="1"/>
  <c r="AC150651" i="1"/>
  <c r="AC150652" i="1"/>
  <c r="AC150653" i="1"/>
  <c r="AC150654" i="1"/>
  <c r="AC150655" i="1"/>
  <c r="AC150656" i="1"/>
  <c r="AC150657" i="1"/>
  <c r="AC150658" i="1"/>
  <c r="AC150659" i="1"/>
  <c r="AC150660" i="1"/>
  <c r="AC150661" i="1"/>
  <c r="AC150662" i="1"/>
  <c r="AC150663" i="1"/>
  <c r="AC150664" i="1"/>
  <c r="AC150665" i="1"/>
  <c r="AC150666" i="1"/>
  <c r="AC150667" i="1"/>
  <c r="AC150668" i="1"/>
  <c r="AC150669" i="1"/>
  <c r="AC150670" i="1"/>
  <c r="AC150671" i="1"/>
  <c r="AC150672" i="1"/>
  <c r="AC150673" i="1"/>
  <c r="AC150674" i="1"/>
  <c r="AC150675" i="1"/>
  <c r="AC150676" i="1"/>
  <c r="AC150677" i="1"/>
  <c r="AC150678" i="1"/>
  <c r="AC150679" i="1"/>
  <c r="AC150680" i="1"/>
  <c r="AC150681" i="1"/>
  <c r="AC150682" i="1"/>
  <c r="AC150683" i="1"/>
  <c r="AC150684" i="1"/>
  <c r="AC150685" i="1"/>
  <c r="AC150686" i="1"/>
  <c r="AC150687" i="1"/>
  <c r="AC150688" i="1"/>
  <c r="AC150689" i="1"/>
  <c r="AC150690" i="1"/>
  <c r="AC150691" i="1"/>
  <c r="AC150692" i="1"/>
  <c r="AC150693" i="1"/>
  <c r="AC150694" i="1"/>
  <c r="AC150695" i="1"/>
  <c r="AC150696" i="1"/>
  <c r="AC150697" i="1"/>
  <c r="AC150698" i="1"/>
  <c r="AC150699" i="1"/>
  <c r="AC150700" i="1"/>
  <c r="AC150701" i="1"/>
  <c r="AC150702" i="1"/>
  <c r="AC150703" i="1"/>
  <c r="AC150704" i="1"/>
  <c r="AC150705" i="1"/>
  <c r="AC150706" i="1"/>
  <c r="AC150707" i="1"/>
  <c r="AC150708" i="1"/>
  <c r="AC150709" i="1"/>
  <c r="AC150710" i="1"/>
  <c r="AC150711" i="1"/>
  <c r="AC150712" i="1"/>
  <c r="AC150713" i="1"/>
  <c r="AC150714" i="1"/>
  <c r="AC150715" i="1"/>
  <c r="AC150716" i="1"/>
  <c r="AC150717" i="1"/>
  <c r="AC150718" i="1"/>
  <c r="AC150719" i="1"/>
  <c r="AC150720" i="1"/>
  <c r="AC150721" i="1"/>
  <c r="AD150721" i="1" s="1"/>
  <c r="AC150722" i="1"/>
  <c r="AC150723" i="1"/>
  <c r="AC150724" i="1"/>
  <c r="AC150725" i="1"/>
  <c r="AC150726" i="1"/>
  <c r="AC150727" i="1"/>
  <c r="AC150728" i="1"/>
  <c r="AC150729" i="1"/>
  <c r="AC150730" i="1"/>
  <c r="AC150731" i="1"/>
  <c r="AC150732" i="1"/>
  <c r="AC150733" i="1"/>
  <c r="AC150734" i="1"/>
  <c r="AC150735" i="1"/>
  <c r="AC150736" i="1"/>
  <c r="AC150737" i="1"/>
  <c r="AC150738" i="1"/>
  <c r="AC150739" i="1"/>
  <c r="AC150740" i="1"/>
  <c r="AC150741" i="1"/>
  <c r="AC150742" i="1"/>
  <c r="AC150743" i="1"/>
  <c r="AC150744" i="1"/>
  <c r="AC150745" i="1"/>
  <c r="AD150745" i="1" s="1"/>
  <c r="AC150746" i="1"/>
  <c r="AC150747" i="1"/>
  <c r="AC150748" i="1"/>
  <c r="AC150749" i="1"/>
  <c r="AC150750" i="1"/>
  <c r="AC150751" i="1"/>
  <c r="AC150752" i="1"/>
  <c r="AC150753" i="1"/>
  <c r="AC150754" i="1"/>
  <c r="AC150755" i="1"/>
  <c r="AC150756" i="1"/>
  <c r="AC150757" i="1"/>
  <c r="AD150757" i="1" s="1"/>
  <c r="AC150758" i="1"/>
  <c r="AC150759" i="1"/>
  <c r="AC150760" i="1"/>
  <c r="AC150761" i="1"/>
  <c r="AC150762" i="1"/>
  <c r="AC150763" i="1"/>
  <c r="AC150764" i="1"/>
  <c r="AC150765" i="1"/>
  <c r="AC150766" i="1"/>
  <c r="AC150767" i="1"/>
  <c r="AC150768" i="1"/>
  <c r="AC150769" i="1"/>
  <c r="AD150769" i="1" s="1"/>
  <c r="AC150770" i="1"/>
  <c r="AC150771" i="1"/>
  <c r="AC150772" i="1"/>
  <c r="AC150773" i="1"/>
  <c r="AC150774" i="1"/>
  <c r="AC150775" i="1"/>
  <c r="AC150776" i="1"/>
  <c r="AC150777" i="1"/>
  <c r="AC150778" i="1"/>
  <c r="AC150779" i="1"/>
  <c r="AC150780" i="1"/>
  <c r="AC150781" i="1"/>
  <c r="AD150781" i="1" s="1"/>
  <c r="AC150782" i="1"/>
  <c r="AC150783" i="1"/>
  <c r="AC150784" i="1"/>
  <c r="AC150785" i="1"/>
  <c r="AC150786" i="1"/>
  <c r="AC150787" i="1"/>
  <c r="AC150788" i="1"/>
  <c r="AC150789" i="1"/>
  <c r="AC150790" i="1"/>
  <c r="AC150791" i="1"/>
  <c r="AC150792" i="1"/>
  <c r="AC150793" i="1"/>
  <c r="AD150793" i="1" s="1"/>
  <c r="AC150794" i="1"/>
  <c r="AC150795" i="1"/>
  <c r="AC150796" i="1"/>
  <c r="AC150797" i="1"/>
  <c r="AC150798" i="1"/>
  <c r="AC150799" i="1"/>
  <c r="AC150800" i="1"/>
  <c r="AC150801" i="1"/>
  <c r="AC150802" i="1"/>
  <c r="AC150803" i="1"/>
  <c r="AC150804" i="1"/>
  <c r="AC150805" i="1"/>
  <c r="AD150805" i="1" s="1"/>
  <c r="AC150806" i="1"/>
  <c r="AC150807" i="1"/>
  <c r="AC150808" i="1"/>
  <c r="AC150809" i="1"/>
  <c r="AC150810" i="1"/>
  <c r="AC150811" i="1"/>
  <c r="AC150812" i="1"/>
  <c r="AC150813" i="1"/>
  <c r="AC150814" i="1"/>
  <c r="AC150815" i="1"/>
  <c r="AC150816" i="1"/>
  <c r="AC150817" i="1"/>
  <c r="AD150817" i="1" s="1"/>
  <c r="AC150818" i="1"/>
  <c r="AC150819" i="1"/>
  <c r="AC150820" i="1"/>
  <c r="AC150821" i="1"/>
  <c r="AC150822" i="1"/>
  <c r="AC150823" i="1"/>
  <c r="AC150824" i="1"/>
  <c r="AC150825" i="1"/>
  <c r="AC150826" i="1"/>
  <c r="AC150827" i="1"/>
  <c r="AC150828" i="1"/>
  <c r="AC150829" i="1"/>
  <c r="AD150829" i="1" s="1"/>
  <c r="AC150830" i="1"/>
  <c r="AC150831" i="1"/>
  <c r="AC150832" i="1"/>
  <c r="AC150833" i="1"/>
  <c r="AC150834" i="1"/>
  <c r="AC150835" i="1"/>
  <c r="AC150836" i="1"/>
  <c r="AC150837" i="1"/>
  <c r="AC150838" i="1"/>
  <c r="AC150839" i="1"/>
  <c r="AC150840" i="1"/>
  <c r="AC150841" i="1"/>
  <c r="AD150841" i="1" s="1"/>
  <c r="AC150842" i="1"/>
  <c r="AC150843" i="1"/>
  <c r="AC150844" i="1"/>
  <c r="AC150845" i="1"/>
  <c r="AC150846" i="1"/>
  <c r="AC150847" i="1"/>
  <c r="AC150848" i="1"/>
  <c r="AC150849" i="1"/>
  <c r="AC150850" i="1"/>
  <c r="AC150851" i="1"/>
  <c r="AC150852" i="1"/>
  <c r="AC150853" i="1"/>
  <c r="AD150853" i="1" s="1"/>
  <c r="AC150854" i="1"/>
  <c r="AC150855" i="1"/>
  <c r="AC150856" i="1"/>
  <c r="AC150857" i="1"/>
  <c r="AC150858" i="1"/>
  <c r="AC150859" i="1"/>
  <c r="AC150860" i="1"/>
  <c r="AC150861" i="1"/>
  <c r="AC150862" i="1"/>
  <c r="AC150863" i="1"/>
  <c r="AC150864" i="1"/>
  <c r="AC150865" i="1"/>
  <c r="AD150865" i="1" s="1"/>
  <c r="AC150866" i="1"/>
  <c r="AC150867" i="1"/>
  <c r="AC150868" i="1"/>
  <c r="AC150869" i="1"/>
  <c r="AC150870" i="1"/>
  <c r="AC150871" i="1"/>
  <c r="AC150872" i="1"/>
  <c r="AC150873" i="1"/>
  <c r="AC150874" i="1"/>
  <c r="AC150875" i="1"/>
  <c r="AC150876" i="1"/>
  <c r="AC150877" i="1"/>
  <c r="AD150877" i="1" s="1"/>
  <c r="AC150878" i="1"/>
  <c r="AC150879" i="1"/>
  <c r="AC150880" i="1"/>
  <c r="AC150881" i="1"/>
  <c r="AC150882" i="1"/>
  <c r="AC150883" i="1"/>
  <c r="AC150884" i="1"/>
  <c r="AC150885" i="1"/>
  <c r="AC150886" i="1"/>
  <c r="AC150887" i="1"/>
  <c r="AC150888" i="1"/>
  <c r="AC150889" i="1"/>
  <c r="AD150889" i="1" s="1"/>
  <c r="AC150890" i="1"/>
  <c r="AC150891" i="1"/>
  <c r="AC150892" i="1"/>
  <c r="AC150893" i="1"/>
  <c r="AC150894" i="1"/>
  <c r="AC150895" i="1"/>
  <c r="AC150896" i="1"/>
  <c r="AC150897" i="1"/>
  <c r="AC150898" i="1"/>
  <c r="AC150899" i="1"/>
  <c r="AC150900" i="1"/>
  <c r="AC150901" i="1"/>
  <c r="AD150901" i="1" s="1"/>
  <c r="AC150902" i="1"/>
  <c r="AC150903" i="1"/>
  <c r="AC150904" i="1"/>
  <c r="AC150905" i="1"/>
  <c r="AC150906" i="1"/>
  <c r="AC150907" i="1"/>
  <c r="AC150908" i="1"/>
  <c r="AC150909" i="1"/>
  <c r="AC150910" i="1"/>
  <c r="AC150911" i="1"/>
  <c r="AC150912" i="1"/>
  <c r="AC150913" i="1"/>
  <c r="AD150913" i="1" s="1"/>
  <c r="AC150914" i="1"/>
  <c r="AC150915" i="1"/>
  <c r="AC150916" i="1"/>
  <c r="AC150917" i="1"/>
  <c r="AC150918" i="1"/>
  <c r="AC150919" i="1"/>
  <c r="AC150920" i="1"/>
  <c r="AC150921" i="1"/>
  <c r="AC150922" i="1"/>
  <c r="AC150923" i="1"/>
  <c r="AC150924" i="1"/>
  <c r="AC150925" i="1"/>
  <c r="AD150925" i="1" s="1"/>
  <c r="AC150926" i="1"/>
  <c r="AC150927" i="1"/>
  <c r="AC150928" i="1"/>
  <c r="AC150929" i="1"/>
  <c r="AC150930" i="1"/>
  <c r="AC150931" i="1"/>
  <c r="AC150932" i="1"/>
  <c r="AC150933" i="1"/>
  <c r="AC150934" i="1"/>
  <c r="AC150935" i="1"/>
  <c r="AC150936" i="1"/>
  <c r="AC150937" i="1"/>
  <c r="AD150937" i="1" s="1"/>
  <c r="AC150938" i="1"/>
  <c r="AC150939" i="1"/>
  <c r="AC150940" i="1"/>
  <c r="AC150941" i="1"/>
  <c r="AC150942" i="1"/>
  <c r="AC150943" i="1"/>
  <c r="AC150944" i="1"/>
  <c r="AC150945" i="1"/>
  <c r="AC150946" i="1"/>
  <c r="AC150947" i="1"/>
  <c r="AC150948" i="1"/>
  <c r="AC150949" i="1"/>
  <c r="AD150949" i="1" s="1"/>
  <c r="AC150950" i="1"/>
  <c r="AC150951" i="1"/>
  <c r="AC150952" i="1"/>
  <c r="AC150953" i="1"/>
  <c r="AC150954" i="1"/>
  <c r="AC150955" i="1"/>
  <c r="AC150956" i="1"/>
  <c r="AC150957" i="1"/>
  <c r="AC150958" i="1"/>
  <c r="AC150959" i="1"/>
  <c r="AC150960" i="1"/>
  <c r="AC150961" i="1"/>
  <c r="AD150961" i="1" s="1"/>
  <c r="AC150962" i="1"/>
  <c r="AC150963" i="1"/>
  <c r="AC150964" i="1"/>
  <c r="AC150965" i="1"/>
  <c r="AC150966" i="1"/>
  <c r="AC150967" i="1"/>
  <c r="AC150968" i="1"/>
  <c r="AC150969" i="1"/>
  <c r="AC150970" i="1"/>
  <c r="AC150971" i="1"/>
  <c r="AC150972" i="1"/>
  <c r="AC150973" i="1"/>
  <c r="AD150973" i="1" s="1"/>
  <c r="AC150974" i="1"/>
  <c r="AC150975" i="1"/>
  <c r="AC150976" i="1"/>
  <c r="AC150977" i="1"/>
  <c r="AC150978" i="1"/>
  <c r="AC150979" i="1"/>
  <c r="AC150980" i="1"/>
  <c r="AC150981" i="1"/>
  <c r="AC150982" i="1"/>
  <c r="AC150983" i="1"/>
  <c r="AC150984" i="1"/>
  <c r="AC150985" i="1"/>
  <c r="AD150985" i="1" s="1"/>
  <c r="AC150986" i="1"/>
  <c r="AC150987" i="1"/>
  <c r="AC150988" i="1"/>
  <c r="AC150989" i="1"/>
  <c r="AC150990" i="1"/>
  <c r="AC150991" i="1"/>
  <c r="AC150992" i="1"/>
  <c r="AC150993" i="1"/>
  <c r="AC150994" i="1"/>
  <c r="AC150995" i="1"/>
  <c r="AC150996" i="1"/>
  <c r="AC150997" i="1"/>
  <c r="AD150997" i="1" s="1"/>
  <c r="AC150998" i="1"/>
  <c r="AC150999" i="1"/>
  <c r="AC151000" i="1"/>
  <c r="AC151001" i="1"/>
  <c r="AC151002" i="1"/>
  <c r="AC151003" i="1"/>
  <c r="AC151004" i="1"/>
  <c r="AC151005" i="1"/>
  <c r="AC151006" i="1"/>
  <c r="AC151007" i="1"/>
  <c r="AC151008" i="1"/>
  <c r="AC151009" i="1"/>
  <c r="AD151009" i="1" s="1"/>
  <c r="AC151010" i="1"/>
  <c r="AC151011" i="1"/>
  <c r="AC151012" i="1"/>
  <c r="AC151013" i="1"/>
  <c r="AC151014" i="1"/>
  <c r="AC151015" i="1"/>
  <c r="AC151016" i="1"/>
  <c r="AC151017" i="1"/>
  <c r="AC151018" i="1"/>
  <c r="AC151019" i="1"/>
  <c r="AC151020" i="1"/>
  <c r="AC151021" i="1"/>
  <c r="AD151021" i="1" s="1"/>
  <c r="AC151022" i="1"/>
  <c r="AC151023" i="1"/>
  <c r="AC151024" i="1"/>
  <c r="AC151025" i="1"/>
  <c r="AC151026" i="1"/>
  <c r="AC151027" i="1"/>
  <c r="AC151028" i="1"/>
  <c r="AC151029" i="1"/>
  <c r="AC151030" i="1"/>
  <c r="AC151031" i="1"/>
  <c r="AC151032" i="1"/>
  <c r="AC151033" i="1"/>
  <c r="AD151033" i="1" s="1"/>
  <c r="AC151034" i="1"/>
  <c r="AC151035" i="1"/>
  <c r="AC151036" i="1"/>
  <c r="AC151037" i="1"/>
  <c r="AC151038" i="1"/>
  <c r="AC151039" i="1"/>
  <c r="AC151040" i="1"/>
  <c r="AC151041" i="1"/>
  <c r="AC151042" i="1"/>
  <c r="AC151043" i="1"/>
  <c r="AC151044" i="1"/>
  <c r="AC151045" i="1"/>
  <c r="AD151045" i="1" s="1"/>
  <c r="AC151046" i="1"/>
  <c r="AC151047" i="1"/>
  <c r="AC151048" i="1"/>
  <c r="AC151049" i="1"/>
  <c r="AC151050" i="1"/>
  <c r="AC151051" i="1"/>
  <c r="AC151052" i="1"/>
  <c r="AC151053" i="1"/>
  <c r="AC151054" i="1"/>
  <c r="AC151055" i="1"/>
  <c r="AC151056" i="1"/>
  <c r="AC151057" i="1"/>
  <c r="AD151057" i="1" s="1"/>
  <c r="AC151058" i="1"/>
  <c r="AC151059" i="1"/>
  <c r="AC151060" i="1"/>
  <c r="AC151061" i="1"/>
  <c r="AC151062" i="1"/>
  <c r="AC151063" i="1"/>
  <c r="AC151064" i="1"/>
  <c r="AC151065" i="1"/>
  <c r="AC151066" i="1"/>
  <c r="AC151067" i="1"/>
  <c r="AC151068" i="1"/>
  <c r="AC151069" i="1"/>
  <c r="AD151069" i="1" s="1"/>
  <c r="AC151070" i="1"/>
  <c r="AC151071" i="1"/>
  <c r="AC151072" i="1"/>
  <c r="AC151073" i="1"/>
  <c r="AC151074" i="1"/>
  <c r="AC151075" i="1"/>
  <c r="AC151076" i="1"/>
  <c r="AC151077" i="1"/>
  <c r="AC151078" i="1"/>
  <c r="AC151079" i="1"/>
  <c r="AC151080" i="1"/>
  <c r="AC151081" i="1"/>
  <c r="AD151081" i="1" s="1"/>
  <c r="AC151082" i="1"/>
  <c r="AC151083" i="1"/>
  <c r="AC151084" i="1"/>
  <c r="AC151085" i="1"/>
  <c r="AC151086" i="1"/>
  <c r="AC151087" i="1"/>
  <c r="AC151088" i="1"/>
  <c r="AC151089" i="1"/>
  <c r="AC151090" i="1"/>
  <c r="AC151091" i="1"/>
  <c r="AC151092" i="1"/>
  <c r="AC151093" i="1"/>
  <c r="AD151093" i="1" s="1"/>
  <c r="AC151094" i="1"/>
  <c r="AC151095" i="1"/>
  <c r="AC151096" i="1"/>
  <c r="AC151097" i="1"/>
  <c r="AC151098" i="1"/>
  <c r="AC151099" i="1"/>
  <c r="AC151100" i="1"/>
  <c r="AC151101" i="1"/>
  <c r="AC151102" i="1"/>
  <c r="AC151103" i="1"/>
  <c r="AC151104" i="1"/>
  <c r="AC151105" i="1"/>
  <c r="AD151105" i="1" s="1"/>
  <c r="AC151106" i="1"/>
  <c r="AC151107" i="1"/>
  <c r="AC151108" i="1"/>
  <c r="AC151109" i="1"/>
  <c r="AC151110" i="1"/>
  <c r="AC151111" i="1"/>
  <c r="AC151112" i="1"/>
  <c r="AC151113" i="1"/>
  <c r="AC151114" i="1"/>
  <c r="AC151115" i="1"/>
  <c r="AC151116" i="1"/>
  <c r="AC151117" i="1"/>
  <c r="AD151117" i="1" s="1"/>
  <c r="AC151118" i="1"/>
  <c r="AC151119" i="1"/>
  <c r="AC151120" i="1"/>
  <c r="AC151121" i="1"/>
  <c r="AC151122" i="1"/>
  <c r="AC151123" i="1"/>
  <c r="AC151124" i="1"/>
  <c r="AC151125" i="1"/>
  <c r="AC151126" i="1"/>
  <c r="AC151127" i="1"/>
  <c r="AC151128" i="1"/>
  <c r="AC151129" i="1"/>
  <c r="AD151129" i="1" s="1"/>
  <c r="AC151130" i="1"/>
  <c r="AC151131" i="1"/>
  <c r="AC151132" i="1"/>
  <c r="AC151133" i="1"/>
  <c r="AC151134" i="1"/>
  <c r="AC151135" i="1"/>
  <c r="AC151136" i="1"/>
  <c r="AC151137" i="1"/>
  <c r="AC151138" i="1"/>
  <c r="AC151139" i="1"/>
  <c r="AC151140" i="1"/>
  <c r="AC151141" i="1"/>
  <c r="AD151141" i="1" s="1"/>
  <c r="AC151142" i="1"/>
  <c r="AC151143" i="1"/>
  <c r="AC151144" i="1"/>
  <c r="AC151145" i="1"/>
  <c r="AC151146" i="1"/>
  <c r="AC151147" i="1"/>
  <c r="AC151148" i="1"/>
  <c r="AC151149" i="1"/>
  <c r="AC151150" i="1"/>
  <c r="AC151151" i="1"/>
  <c r="AC151152" i="1"/>
  <c r="AC151153" i="1"/>
  <c r="AD151153" i="1" s="1"/>
  <c r="AC151154" i="1"/>
  <c r="AC151155" i="1"/>
  <c r="AC151156" i="1"/>
  <c r="AC151157" i="1"/>
  <c r="AC151158" i="1"/>
  <c r="AC151159" i="1"/>
  <c r="AC151160" i="1"/>
  <c r="AC151161" i="1"/>
  <c r="AC151162" i="1"/>
  <c r="AC151163" i="1"/>
  <c r="AC151164" i="1"/>
  <c r="AC151165" i="1"/>
  <c r="AD151165" i="1" s="1"/>
  <c r="AC151166" i="1"/>
  <c r="AC151167" i="1"/>
  <c r="AC151168" i="1"/>
  <c r="AC151169" i="1"/>
  <c r="AC151170" i="1"/>
  <c r="AC151171" i="1"/>
  <c r="AC151172" i="1"/>
  <c r="AC151173" i="1"/>
  <c r="AC151174" i="1"/>
  <c r="AC151175" i="1"/>
  <c r="AC151176" i="1"/>
  <c r="AC151177" i="1"/>
  <c r="AD151177" i="1" s="1"/>
  <c r="AC151178" i="1"/>
  <c r="AC151179" i="1"/>
  <c r="AC151180" i="1"/>
  <c r="AC151181" i="1"/>
  <c r="AC151182" i="1"/>
  <c r="AC151183" i="1"/>
  <c r="AC151184" i="1"/>
  <c r="AC151185" i="1"/>
  <c r="AC151186" i="1"/>
  <c r="AC151187" i="1"/>
  <c r="AC151188" i="1"/>
  <c r="AC151189" i="1"/>
  <c r="AD151189" i="1" s="1"/>
  <c r="AC151190" i="1"/>
  <c r="AC151191" i="1"/>
  <c r="AC151192" i="1"/>
  <c r="AC151193" i="1"/>
  <c r="AC151194" i="1"/>
  <c r="AC151195" i="1"/>
  <c r="AC151196" i="1"/>
  <c r="AC151197" i="1"/>
  <c r="AC151198" i="1"/>
  <c r="AC151199" i="1"/>
  <c r="AC151200" i="1"/>
  <c r="AC151201" i="1"/>
  <c r="AD151201" i="1" s="1"/>
  <c r="AC151202" i="1"/>
  <c r="AC151203" i="1"/>
  <c r="AC151204" i="1"/>
  <c r="AC151205" i="1"/>
  <c r="AC151206" i="1"/>
  <c r="AC151207" i="1"/>
  <c r="AC151208" i="1"/>
  <c r="AC151209" i="1"/>
  <c r="AC151210" i="1"/>
  <c r="AC151211" i="1"/>
  <c r="AC151212" i="1"/>
  <c r="AC151213" i="1"/>
  <c r="AD151213" i="1" s="1"/>
  <c r="AC151214" i="1"/>
  <c r="AC151215" i="1"/>
  <c r="AC151216" i="1"/>
  <c r="AC151217" i="1"/>
  <c r="AC151218" i="1"/>
  <c r="AC151219" i="1"/>
  <c r="AC151220" i="1"/>
  <c r="AC151221" i="1"/>
  <c r="AC151222" i="1"/>
  <c r="AC151223" i="1"/>
  <c r="AC151224" i="1"/>
  <c r="AC151225" i="1"/>
  <c r="AD151225" i="1" s="1"/>
  <c r="AC151226" i="1"/>
  <c r="AC151227" i="1"/>
  <c r="AC151228" i="1"/>
  <c r="AC151229" i="1"/>
  <c r="AC151230" i="1"/>
  <c r="AC151231" i="1"/>
  <c r="AC151232" i="1"/>
  <c r="AC151233" i="1"/>
  <c r="AC151234" i="1"/>
  <c r="AC151235" i="1"/>
  <c r="AC151236" i="1"/>
  <c r="AC151237" i="1"/>
  <c r="AD151237" i="1" s="1"/>
  <c r="AC151238" i="1"/>
  <c r="AC151239" i="1"/>
  <c r="AC151240" i="1"/>
  <c r="AC151241" i="1"/>
  <c r="AC151242" i="1"/>
  <c r="AC151243" i="1"/>
  <c r="AC151244" i="1"/>
  <c r="AC151245" i="1"/>
  <c r="AC151246" i="1"/>
  <c r="AC151247" i="1"/>
  <c r="AC151248" i="1"/>
  <c r="AC151249" i="1"/>
  <c r="AD151249" i="1" s="1"/>
  <c r="AC151250" i="1"/>
  <c r="AC151251" i="1"/>
  <c r="AC151252" i="1"/>
  <c r="AC151253" i="1"/>
  <c r="AC151254" i="1"/>
  <c r="AC151255" i="1"/>
  <c r="AC151256" i="1"/>
  <c r="AC151257" i="1"/>
  <c r="AC151258" i="1"/>
  <c r="AC151259" i="1"/>
  <c r="AC151260" i="1"/>
  <c r="AC151261" i="1"/>
  <c r="AD151261" i="1" s="1"/>
  <c r="AC151262" i="1"/>
  <c r="AC151263" i="1"/>
  <c r="AC151264" i="1"/>
  <c r="AC151265" i="1"/>
  <c r="AC151266" i="1"/>
  <c r="AC151267" i="1"/>
  <c r="AC151268" i="1"/>
  <c r="AC151269" i="1"/>
  <c r="AC151270" i="1"/>
  <c r="AC151271" i="1"/>
  <c r="AC151272" i="1"/>
  <c r="AC151273" i="1"/>
  <c r="AD151273" i="1" s="1"/>
  <c r="AC151274" i="1"/>
  <c r="AC151275" i="1"/>
  <c r="AC151276" i="1"/>
  <c r="AC151277" i="1"/>
  <c r="AC151278" i="1"/>
  <c r="AC151279" i="1"/>
  <c r="AC151280" i="1"/>
  <c r="AC151281" i="1"/>
  <c r="AC151282" i="1"/>
  <c r="AC151283" i="1"/>
  <c r="AC151284" i="1"/>
  <c r="AC151285" i="1"/>
  <c r="AD151285" i="1" s="1"/>
  <c r="AC151286" i="1"/>
  <c r="AC151287" i="1"/>
  <c r="AC151288" i="1"/>
  <c r="AC151289" i="1"/>
  <c r="AC151290" i="1"/>
  <c r="AC151291" i="1"/>
  <c r="AC151292" i="1"/>
  <c r="AC151293" i="1"/>
  <c r="AC151294" i="1"/>
  <c r="AC151295" i="1"/>
  <c r="AC151296" i="1"/>
  <c r="AC151297" i="1"/>
  <c r="AD151297" i="1" s="1"/>
  <c r="AC151298" i="1"/>
  <c r="AC151299" i="1"/>
  <c r="AC151300" i="1"/>
  <c r="AC151301" i="1"/>
  <c r="AC151302" i="1"/>
  <c r="AC151303" i="1"/>
  <c r="AC151304" i="1"/>
  <c r="AC151305" i="1"/>
  <c r="AC151306" i="1"/>
  <c r="AC151307" i="1"/>
  <c r="AC151308" i="1"/>
  <c r="AC151309" i="1"/>
  <c r="AD151309" i="1" s="1"/>
  <c r="AC151310" i="1"/>
  <c r="AC151311" i="1"/>
  <c r="AC151312" i="1"/>
  <c r="AC151313" i="1"/>
  <c r="AC151314" i="1"/>
  <c r="AC151315" i="1"/>
  <c r="AC151316" i="1"/>
  <c r="AC151317" i="1"/>
  <c r="AC151318" i="1"/>
  <c r="AC151319" i="1"/>
  <c r="AC151320" i="1"/>
  <c r="AC151321" i="1"/>
  <c r="AD151321" i="1" s="1"/>
  <c r="AC151322" i="1"/>
  <c r="AC151323" i="1"/>
  <c r="AC151324" i="1"/>
  <c r="AC151325" i="1"/>
  <c r="AC151326" i="1"/>
  <c r="AC151327" i="1"/>
  <c r="AC151328" i="1"/>
  <c r="AC151329" i="1"/>
  <c r="AC151330" i="1"/>
  <c r="AC151331" i="1"/>
  <c r="AC151332" i="1"/>
  <c r="AC151333" i="1"/>
  <c r="AD151333" i="1" s="1"/>
  <c r="AC151334" i="1"/>
  <c r="AC151335" i="1"/>
  <c r="AC151336" i="1"/>
  <c r="AC151337" i="1"/>
  <c r="AC151338" i="1"/>
  <c r="AC151339" i="1"/>
  <c r="AC151340" i="1"/>
  <c r="AC151341" i="1"/>
  <c r="AC151342" i="1"/>
  <c r="AC151343" i="1"/>
  <c r="AC151344" i="1"/>
  <c r="AC151345" i="1"/>
  <c r="AD151345" i="1" s="1"/>
  <c r="AC151346" i="1"/>
  <c r="AC151347" i="1"/>
  <c r="AC151348" i="1"/>
  <c r="AC151349" i="1"/>
  <c r="AC151350" i="1"/>
  <c r="AC151351" i="1"/>
  <c r="AC151352" i="1"/>
  <c r="AC151353" i="1"/>
  <c r="AC151354" i="1"/>
  <c r="AC151355" i="1"/>
  <c r="AC151356" i="1"/>
  <c r="AC151357" i="1"/>
  <c r="AD151357" i="1" s="1"/>
  <c r="AC151358" i="1"/>
  <c r="AC151359" i="1"/>
  <c r="AC151360" i="1"/>
  <c r="AC151361" i="1"/>
  <c r="AC151362" i="1"/>
  <c r="AC151363" i="1"/>
  <c r="AC151364" i="1"/>
  <c r="AC151365" i="1"/>
  <c r="AC151366" i="1"/>
  <c r="AC151367" i="1"/>
  <c r="AC151368" i="1"/>
  <c r="AC151369" i="1"/>
  <c r="AD151369" i="1" s="1"/>
  <c r="AC151370" i="1"/>
  <c r="AC151371" i="1"/>
  <c r="AC151372" i="1"/>
  <c r="AC151373" i="1"/>
  <c r="AC151374" i="1"/>
  <c r="AC151375" i="1"/>
  <c r="AC151376" i="1"/>
  <c r="AC151377" i="1"/>
  <c r="AC151378" i="1"/>
  <c r="AC151379" i="1"/>
  <c r="AC151380" i="1"/>
  <c r="AC151381" i="1"/>
  <c r="AD151381" i="1" s="1"/>
  <c r="AC151382" i="1"/>
  <c r="AC151383" i="1"/>
  <c r="AC151384" i="1"/>
  <c r="AC151385" i="1"/>
  <c r="AC151386" i="1"/>
  <c r="AC151387" i="1"/>
  <c r="AC151388" i="1"/>
  <c r="AC151389" i="1"/>
  <c r="AC151390" i="1"/>
  <c r="AC151391" i="1"/>
  <c r="AC151392" i="1"/>
  <c r="AC151393" i="1"/>
  <c r="AD151393" i="1" s="1"/>
  <c r="AC151394" i="1"/>
  <c r="AC151395" i="1"/>
  <c r="AC151396" i="1"/>
  <c r="AC151397" i="1"/>
  <c r="AC151398" i="1"/>
  <c r="AC151399" i="1"/>
  <c r="AC151400" i="1"/>
  <c r="AC151401" i="1"/>
  <c r="AC151402" i="1"/>
  <c r="AC151403" i="1"/>
  <c r="AC151404" i="1"/>
  <c r="AC151405" i="1"/>
  <c r="AD151405" i="1" s="1"/>
  <c r="AC151406" i="1"/>
  <c r="AC151407" i="1"/>
  <c r="AC151408" i="1"/>
  <c r="AC151409" i="1"/>
  <c r="AC151410" i="1"/>
  <c r="AC151411" i="1"/>
  <c r="AC151412" i="1"/>
  <c r="AC151413" i="1"/>
  <c r="AC151414" i="1"/>
  <c r="AC151415" i="1"/>
  <c r="AC151416" i="1"/>
  <c r="AC151417" i="1"/>
  <c r="AD151417" i="1" s="1"/>
  <c r="AC151418" i="1"/>
  <c r="AC151419" i="1"/>
  <c r="AC151420" i="1"/>
  <c r="AC151421" i="1"/>
  <c r="AC151422" i="1"/>
  <c r="AC151423" i="1"/>
  <c r="AC151424" i="1"/>
  <c r="AC151425" i="1"/>
  <c r="AC151426" i="1"/>
  <c r="AC151427" i="1"/>
  <c r="AC151428" i="1"/>
  <c r="AC151429" i="1"/>
  <c r="AD151429" i="1" s="1"/>
  <c r="AC151430" i="1"/>
  <c r="AC151431" i="1"/>
  <c r="AC151432" i="1"/>
  <c r="AC151433" i="1"/>
  <c r="AC151434" i="1"/>
  <c r="AC151435" i="1"/>
  <c r="AC151436" i="1"/>
  <c r="AC151437" i="1"/>
  <c r="AC151438" i="1"/>
  <c r="AC151439" i="1"/>
  <c r="AC151440" i="1"/>
  <c r="AC151441" i="1"/>
  <c r="AD151441" i="1" s="1"/>
  <c r="AC151442" i="1"/>
  <c r="AC151443" i="1"/>
  <c r="AC151444" i="1"/>
  <c r="AC151445" i="1"/>
  <c r="AC151446" i="1"/>
  <c r="AC151447" i="1"/>
  <c r="AC151448" i="1"/>
  <c r="AC151449" i="1"/>
  <c r="AC151450" i="1"/>
  <c r="AC151451" i="1"/>
  <c r="AC151452" i="1"/>
  <c r="AC151453" i="1"/>
  <c r="AD151453" i="1" s="1"/>
  <c r="AC151454" i="1"/>
  <c r="AC151455" i="1"/>
  <c r="AC151456" i="1"/>
  <c r="AC151457" i="1"/>
  <c r="AC151458" i="1"/>
  <c r="AC151459" i="1"/>
  <c r="AC151460" i="1"/>
  <c r="AC151461" i="1"/>
  <c r="AC151462" i="1"/>
  <c r="AC151463" i="1"/>
  <c r="AC151464" i="1"/>
  <c r="AC151465" i="1"/>
  <c r="AD151465" i="1" s="1"/>
  <c r="AC151466" i="1"/>
  <c r="AC151467" i="1"/>
  <c r="AC151468" i="1"/>
  <c r="AC151469" i="1"/>
  <c r="AC151470" i="1"/>
  <c r="AC151471" i="1"/>
  <c r="AC151472" i="1"/>
  <c r="AC151473" i="1"/>
  <c r="AC151474" i="1"/>
  <c r="AC151475" i="1"/>
  <c r="AC151476" i="1"/>
  <c r="AC151477" i="1"/>
  <c r="AD151477" i="1" s="1"/>
  <c r="AC151478" i="1"/>
  <c r="AC151479" i="1"/>
  <c r="AC151480" i="1"/>
  <c r="AC151481" i="1"/>
  <c r="AC151482" i="1"/>
  <c r="AC151483" i="1"/>
  <c r="AC151484" i="1"/>
  <c r="AC151485" i="1"/>
  <c r="AC151486" i="1"/>
  <c r="AC151487" i="1"/>
  <c r="AC151488" i="1"/>
  <c r="AC151489" i="1"/>
  <c r="AD151489" i="1" s="1"/>
  <c r="AC151490" i="1"/>
  <c r="AC151491" i="1"/>
  <c r="AC151492" i="1"/>
  <c r="AC151493" i="1"/>
  <c r="AC151494" i="1"/>
  <c r="AC151495" i="1"/>
  <c r="AC151496" i="1"/>
  <c r="AC151497" i="1"/>
  <c r="AC151498" i="1"/>
  <c r="AC151499" i="1"/>
  <c r="AC151500" i="1"/>
  <c r="AC151501" i="1"/>
  <c r="AD151501" i="1" s="1"/>
  <c r="AC151502" i="1"/>
  <c r="AC151503" i="1"/>
  <c r="AC151504" i="1"/>
  <c r="AC151505" i="1"/>
  <c r="AC151506" i="1"/>
  <c r="AC151507" i="1"/>
  <c r="AC151508" i="1"/>
  <c r="AC151509" i="1"/>
  <c r="AC151510" i="1"/>
  <c r="AC151511" i="1"/>
  <c r="AC151512" i="1"/>
  <c r="AC151513" i="1"/>
  <c r="AD151513" i="1" s="1"/>
  <c r="AC151514" i="1"/>
  <c r="AC151515" i="1"/>
  <c r="AC151516" i="1"/>
  <c r="AC151517" i="1"/>
  <c r="AC151518" i="1"/>
  <c r="AC151519" i="1"/>
  <c r="AC151520" i="1"/>
  <c r="AC151521" i="1"/>
  <c r="AC151522" i="1"/>
  <c r="AC151523" i="1"/>
  <c r="AC151524" i="1"/>
  <c r="AC151525" i="1"/>
  <c r="AD151525" i="1" s="1"/>
  <c r="AC151526" i="1"/>
  <c r="AC151527" i="1"/>
  <c r="AC151528" i="1"/>
  <c r="AC151529" i="1"/>
  <c r="AC151530" i="1"/>
  <c r="AC151531" i="1"/>
  <c r="AC151532" i="1"/>
  <c r="AC151533" i="1"/>
  <c r="AC151534" i="1"/>
  <c r="AC151535" i="1"/>
  <c r="AC151536" i="1"/>
  <c r="AC151537" i="1"/>
  <c r="AD151537" i="1" s="1"/>
  <c r="AC151538" i="1"/>
  <c r="AC151539" i="1"/>
  <c r="AC151540" i="1"/>
  <c r="AC151541" i="1"/>
  <c r="AC151542" i="1"/>
  <c r="AC151543" i="1"/>
  <c r="AC151544" i="1"/>
  <c r="AC151545" i="1"/>
  <c r="AC151546" i="1"/>
  <c r="AC151547" i="1"/>
  <c r="AC151548" i="1"/>
  <c r="AC151549" i="1"/>
  <c r="AD151549" i="1" s="1"/>
  <c r="AC151550" i="1"/>
  <c r="AC151551" i="1"/>
  <c r="AC151552" i="1"/>
  <c r="AC151553" i="1"/>
  <c r="AC151554" i="1"/>
  <c r="AC151555" i="1"/>
  <c r="AC151556" i="1"/>
  <c r="AC151557" i="1"/>
  <c r="AC151558" i="1"/>
  <c r="AC151559" i="1"/>
  <c r="AC151560" i="1"/>
  <c r="AC151561" i="1"/>
  <c r="AD151561" i="1" s="1"/>
  <c r="AC151562" i="1"/>
  <c r="AC151563" i="1"/>
  <c r="AC151564" i="1"/>
  <c r="AC151565" i="1"/>
  <c r="AC151566" i="1"/>
  <c r="AC151567" i="1"/>
  <c r="AC151568" i="1"/>
  <c r="AC151569" i="1"/>
  <c r="AC151570" i="1"/>
  <c r="AC151571" i="1"/>
  <c r="AC151572" i="1"/>
  <c r="AC151573" i="1"/>
  <c r="AD151573" i="1" s="1"/>
  <c r="AC151574" i="1"/>
  <c r="AC151575" i="1"/>
  <c r="AC151576" i="1"/>
  <c r="AC151577" i="1"/>
  <c r="AC151578" i="1"/>
  <c r="AC151579" i="1"/>
  <c r="AC151580" i="1"/>
  <c r="AC151581" i="1"/>
  <c r="AC151582" i="1"/>
  <c r="AC151583" i="1"/>
  <c r="AC151584" i="1"/>
  <c r="AC151585" i="1"/>
  <c r="AD151585" i="1" s="1"/>
  <c r="AC151586" i="1"/>
  <c r="AC151587" i="1"/>
  <c r="AC151588" i="1"/>
  <c r="AC151589" i="1"/>
  <c r="AC151590" i="1"/>
  <c r="AC151591" i="1"/>
  <c r="AC151592" i="1"/>
  <c r="AC151593" i="1"/>
  <c r="AC151594" i="1"/>
  <c r="AC151595" i="1"/>
  <c r="AC151596" i="1"/>
  <c r="AC151597" i="1"/>
  <c r="AD151597" i="1" s="1"/>
  <c r="AC151598" i="1"/>
  <c r="AC151599" i="1"/>
  <c r="AC151600" i="1"/>
  <c r="AC151601" i="1"/>
  <c r="AC151602" i="1"/>
  <c r="AC151603" i="1"/>
  <c r="AC151604" i="1"/>
  <c r="AC151605" i="1"/>
  <c r="AC151606" i="1"/>
  <c r="AC151607" i="1"/>
  <c r="AC151608" i="1"/>
  <c r="AC151609" i="1"/>
  <c r="AD151609" i="1" s="1"/>
  <c r="AC151610" i="1"/>
  <c r="AC151611" i="1"/>
  <c r="AC151612" i="1"/>
  <c r="AC151613" i="1"/>
  <c r="AC151614" i="1"/>
  <c r="AC151615" i="1"/>
  <c r="AC151616" i="1"/>
  <c r="AC151617" i="1"/>
  <c r="AC151618" i="1"/>
  <c r="AC151619" i="1"/>
  <c r="AC151620" i="1"/>
  <c r="AC151621" i="1"/>
  <c r="AD151621" i="1" s="1"/>
  <c r="AC151622" i="1"/>
  <c r="AC151623" i="1"/>
  <c r="AC151624" i="1"/>
  <c r="AC151625" i="1"/>
  <c r="AC151626" i="1"/>
  <c r="AC151627" i="1"/>
  <c r="AC151628" i="1"/>
  <c r="AC151629" i="1"/>
  <c r="AC151630" i="1"/>
  <c r="AC151631" i="1"/>
  <c r="AC151632" i="1"/>
  <c r="AC151633" i="1"/>
  <c r="AD151633" i="1" s="1"/>
  <c r="AC151634" i="1"/>
  <c r="AC151635" i="1"/>
  <c r="AC151636" i="1"/>
  <c r="AC151637" i="1"/>
  <c r="AC151638" i="1"/>
  <c r="AC151639" i="1"/>
  <c r="AC151640" i="1"/>
  <c r="AC151641" i="1"/>
  <c r="AC151642" i="1"/>
  <c r="AC151643" i="1"/>
  <c r="AC151644" i="1"/>
  <c r="AC151645" i="1"/>
  <c r="AD151645" i="1" s="1"/>
  <c r="AC151646" i="1"/>
  <c r="AC151647" i="1"/>
  <c r="AC151648" i="1"/>
  <c r="AC151649" i="1"/>
  <c r="AC151650" i="1"/>
  <c r="AC151651" i="1"/>
  <c r="AC151652" i="1"/>
  <c r="AC151653" i="1"/>
  <c r="AC151654" i="1"/>
  <c r="AC151655" i="1"/>
  <c r="AC151656" i="1"/>
  <c r="AC151657" i="1"/>
  <c r="AD151657" i="1" s="1"/>
  <c r="AC151658" i="1"/>
  <c r="AC151659" i="1"/>
  <c r="AC151660" i="1"/>
  <c r="AC151661" i="1"/>
  <c r="AC151662" i="1"/>
  <c r="AC151663" i="1"/>
  <c r="AC151664" i="1"/>
  <c r="AC151665" i="1"/>
  <c r="AC151666" i="1"/>
  <c r="AC151667" i="1"/>
  <c r="AC151668" i="1"/>
  <c r="AC151669" i="1"/>
  <c r="AD151669" i="1" s="1"/>
  <c r="AC151670" i="1"/>
  <c r="AC151671" i="1"/>
  <c r="AC151672" i="1"/>
  <c r="AC151673" i="1"/>
  <c r="AC151674" i="1"/>
  <c r="AC151675" i="1"/>
  <c r="AC151676" i="1"/>
  <c r="AC151677" i="1"/>
  <c r="AC151678" i="1"/>
  <c r="AC151679" i="1"/>
  <c r="AC151680" i="1"/>
  <c r="AC151681" i="1"/>
  <c r="AD151681" i="1" s="1"/>
  <c r="AC151682" i="1"/>
  <c r="AC151683" i="1"/>
  <c r="AC151684" i="1"/>
  <c r="AC151685" i="1"/>
  <c r="AC151686" i="1"/>
  <c r="AC151687" i="1"/>
  <c r="AC151688" i="1"/>
  <c r="AC151689" i="1"/>
  <c r="AC151690" i="1"/>
  <c r="AC151691" i="1"/>
  <c r="AC151692" i="1"/>
  <c r="AC151693" i="1"/>
  <c r="AD151693" i="1" s="1"/>
  <c r="AC151694" i="1"/>
  <c r="AC151695" i="1"/>
  <c r="AC151696" i="1"/>
  <c r="AC151697" i="1"/>
  <c r="AC151698" i="1"/>
  <c r="AC151699" i="1"/>
  <c r="AC151700" i="1"/>
  <c r="AC151701" i="1"/>
  <c r="AC151702" i="1"/>
  <c r="AC151703" i="1"/>
  <c r="AC151704" i="1"/>
  <c r="AC151705" i="1"/>
  <c r="AD151705" i="1" s="1"/>
  <c r="AC151706" i="1"/>
  <c r="AC151707" i="1"/>
  <c r="AC151708" i="1"/>
  <c r="AC151709" i="1"/>
  <c r="AC151710" i="1"/>
  <c r="AC151711" i="1"/>
  <c r="AC151712" i="1"/>
  <c r="AC151713" i="1"/>
  <c r="AC151714" i="1"/>
  <c r="AC151715" i="1"/>
  <c r="AC151716" i="1"/>
  <c r="AC151717" i="1"/>
  <c r="AD151717" i="1" s="1"/>
  <c r="AC151718" i="1"/>
  <c r="AC151719" i="1"/>
  <c r="AC151720" i="1"/>
  <c r="AC151721" i="1"/>
  <c r="AC151722" i="1"/>
  <c r="AC151723" i="1"/>
  <c r="AC151724" i="1"/>
  <c r="AC151725" i="1"/>
  <c r="AC151726" i="1"/>
  <c r="AC151727" i="1"/>
  <c r="AC151728" i="1"/>
  <c r="AC151729" i="1"/>
  <c r="AD151729" i="1" s="1"/>
  <c r="AC151730" i="1"/>
  <c r="AC151731" i="1"/>
  <c r="AC151732" i="1"/>
  <c r="AC151733" i="1"/>
  <c r="AC151734" i="1"/>
  <c r="AC151735" i="1"/>
  <c r="AC151736" i="1"/>
  <c r="AC151737" i="1"/>
  <c r="AC151738" i="1"/>
  <c r="AC151739" i="1"/>
  <c r="AC151740" i="1"/>
  <c r="AC151741" i="1"/>
  <c r="AD151741" i="1" s="1"/>
  <c r="AC151742" i="1"/>
  <c r="AC151743" i="1"/>
  <c r="AC151744" i="1"/>
  <c r="AC151745" i="1"/>
  <c r="AC151746" i="1"/>
  <c r="AC151747" i="1"/>
  <c r="AC151748" i="1"/>
  <c r="AC151749" i="1"/>
  <c r="AC151750" i="1"/>
  <c r="AC151751" i="1"/>
  <c r="AC151752" i="1"/>
  <c r="AC151753" i="1"/>
  <c r="AC151754" i="1"/>
  <c r="AC151755" i="1"/>
  <c r="AC151756" i="1"/>
  <c r="AC151757" i="1"/>
  <c r="AC151758" i="1"/>
  <c r="AC151759" i="1"/>
  <c r="AC151760" i="1"/>
  <c r="AC151761" i="1"/>
  <c r="AC151762" i="1"/>
  <c r="AC151763" i="1"/>
  <c r="AC151764" i="1"/>
  <c r="AC151765" i="1"/>
  <c r="AC151766" i="1"/>
  <c r="AC151767" i="1"/>
  <c r="AC151768" i="1"/>
  <c r="AC151769" i="1"/>
  <c r="AC151770" i="1"/>
  <c r="AC151771" i="1"/>
  <c r="AC151772" i="1"/>
  <c r="AC151773" i="1"/>
  <c r="AC151774" i="1"/>
  <c r="AC151775" i="1"/>
  <c r="AC151776" i="1"/>
  <c r="AC151777" i="1"/>
  <c r="AC151778" i="1"/>
  <c r="AC151779" i="1"/>
  <c r="AC151780" i="1"/>
  <c r="AC151781" i="1"/>
  <c r="AC151782" i="1"/>
  <c r="AC151783" i="1"/>
  <c r="AC151784" i="1"/>
  <c r="AC151785" i="1"/>
  <c r="AC151786" i="1"/>
  <c r="AC151787" i="1"/>
  <c r="AC151788" i="1"/>
  <c r="AC151789" i="1"/>
  <c r="AC151790" i="1"/>
  <c r="AC151791" i="1"/>
  <c r="AC151792" i="1"/>
  <c r="AC151793" i="1"/>
  <c r="AC151794" i="1"/>
  <c r="AC151795" i="1"/>
  <c r="AC151796" i="1"/>
  <c r="AC151797" i="1"/>
  <c r="AC151798" i="1"/>
  <c r="AC151799" i="1"/>
  <c r="AC151800" i="1"/>
  <c r="AC151801" i="1"/>
  <c r="AC151802" i="1"/>
  <c r="AC151803" i="1"/>
  <c r="AC151804" i="1"/>
  <c r="AC151805" i="1"/>
  <c r="AC151806" i="1"/>
  <c r="AC151807" i="1"/>
  <c r="AC151808" i="1"/>
  <c r="AC151809" i="1"/>
  <c r="AC151810" i="1"/>
  <c r="AC151811" i="1"/>
  <c r="AC151812" i="1"/>
  <c r="AC151813" i="1"/>
  <c r="AC151814" i="1"/>
  <c r="AC151815" i="1"/>
  <c r="AC151816" i="1"/>
  <c r="AC151817" i="1"/>
  <c r="AC151818" i="1"/>
  <c r="AC151819" i="1"/>
  <c r="AC151820" i="1"/>
  <c r="AC151821" i="1"/>
  <c r="AC151822" i="1"/>
  <c r="AC151823" i="1"/>
  <c r="AC151824" i="1"/>
  <c r="AC151825" i="1"/>
  <c r="AC151826" i="1"/>
  <c r="AC151827" i="1"/>
  <c r="AC151828" i="1"/>
  <c r="AC151829" i="1"/>
  <c r="AC151830" i="1"/>
  <c r="AC151831" i="1"/>
  <c r="AC151832" i="1"/>
  <c r="AC151833" i="1"/>
  <c r="AC151834" i="1"/>
  <c r="AC151835" i="1"/>
  <c r="AC151836" i="1"/>
  <c r="AC151837" i="1"/>
  <c r="AC151838" i="1"/>
  <c r="AC151839" i="1"/>
  <c r="AC151840" i="1"/>
  <c r="AC151841" i="1"/>
  <c r="AC151842" i="1"/>
  <c r="AC151843" i="1"/>
  <c r="AC151844" i="1"/>
  <c r="AC151845" i="1"/>
  <c r="AC151846" i="1"/>
  <c r="AC151847" i="1"/>
  <c r="AC151848" i="1"/>
  <c r="AC151849" i="1"/>
  <c r="AC151850" i="1"/>
  <c r="AC151851" i="1"/>
  <c r="AC151852" i="1"/>
  <c r="AC151853" i="1"/>
  <c r="AC151854" i="1"/>
  <c r="AC151855" i="1"/>
  <c r="AC151856" i="1"/>
  <c r="AC151857" i="1"/>
  <c r="AC151858" i="1"/>
  <c r="AC151859" i="1"/>
  <c r="AC151860" i="1"/>
  <c r="AC151861" i="1"/>
  <c r="AC151862" i="1"/>
  <c r="AC151863" i="1"/>
  <c r="AC151864" i="1"/>
  <c r="AC151865" i="1"/>
  <c r="AC151866" i="1"/>
  <c r="AC151867" i="1"/>
  <c r="AC151868" i="1"/>
  <c r="AC151869" i="1"/>
  <c r="AC151870" i="1"/>
  <c r="AC151871" i="1"/>
  <c r="AC151872" i="1"/>
  <c r="AC151873" i="1"/>
  <c r="AC151874" i="1"/>
  <c r="AC151875" i="1"/>
  <c r="AC151876" i="1"/>
  <c r="AC151877" i="1"/>
  <c r="AC151878" i="1"/>
  <c r="AC151879" i="1"/>
  <c r="AC151880" i="1"/>
  <c r="AC151881" i="1"/>
  <c r="AC151882" i="1"/>
  <c r="AC151883" i="1"/>
  <c r="AC151884" i="1"/>
  <c r="AC151885" i="1"/>
  <c r="AC151886" i="1"/>
  <c r="AC151887" i="1"/>
  <c r="AC151888" i="1"/>
  <c r="AC151889" i="1"/>
  <c r="AC151890" i="1"/>
  <c r="AC151891" i="1"/>
  <c r="AC151892" i="1"/>
  <c r="AC151893" i="1"/>
  <c r="AC151894" i="1"/>
  <c r="AC151895" i="1"/>
  <c r="AC151896" i="1"/>
  <c r="AC151897" i="1"/>
  <c r="AC151898" i="1"/>
  <c r="AC151899" i="1"/>
  <c r="AC151900" i="1"/>
  <c r="AC151901" i="1"/>
  <c r="AC151902" i="1"/>
  <c r="AC151903" i="1"/>
  <c r="AC151904" i="1"/>
  <c r="AC151905" i="1"/>
  <c r="AC151906" i="1"/>
  <c r="AC151907" i="1"/>
  <c r="AC151908" i="1"/>
  <c r="AC151909" i="1"/>
  <c r="AC151910" i="1"/>
  <c r="AC151911" i="1"/>
  <c r="AC151912" i="1"/>
  <c r="AC151913" i="1"/>
  <c r="AC151914" i="1"/>
  <c r="AC151915" i="1"/>
  <c r="AC151916" i="1"/>
  <c r="AC151917" i="1"/>
  <c r="AC151918" i="1"/>
  <c r="AC151919" i="1"/>
  <c r="AC151920" i="1"/>
  <c r="AC151921" i="1"/>
  <c r="AC151922" i="1"/>
  <c r="AC151923" i="1"/>
  <c r="AC151924" i="1"/>
  <c r="AC151925" i="1"/>
  <c r="AC151926" i="1"/>
  <c r="AC151927" i="1"/>
  <c r="AC151928" i="1"/>
  <c r="AC151929" i="1"/>
  <c r="AC151930" i="1"/>
  <c r="AC151931" i="1"/>
  <c r="AC151932" i="1"/>
  <c r="AC151933" i="1"/>
  <c r="AC151934" i="1"/>
  <c r="AC151935" i="1"/>
  <c r="AC151936" i="1"/>
  <c r="AC151937" i="1"/>
  <c r="AC151938" i="1"/>
  <c r="AC151939" i="1"/>
  <c r="AC151940" i="1"/>
  <c r="AC151941" i="1"/>
  <c r="AC151942" i="1"/>
  <c r="AC151943" i="1"/>
  <c r="AC151944" i="1"/>
  <c r="AC151945" i="1"/>
  <c r="AC151946" i="1"/>
  <c r="AC151947" i="1"/>
  <c r="AC151948" i="1"/>
  <c r="AC151949" i="1"/>
  <c r="AC151950" i="1"/>
  <c r="AC151951" i="1"/>
  <c r="AC151952" i="1"/>
  <c r="AC151953" i="1"/>
  <c r="AC151954" i="1"/>
  <c r="AC151955" i="1"/>
  <c r="AC151956" i="1"/>
  <c r="AC151957" i="1"/>
  <c r="AC151958" i="1"/>
  <c r="AC151959" i="1"/>
  <c r="AC151960" i="1"/>
  <c r="AC151961" i="1"/>
  <c r="AC151962" i="1"/>
  <c r="AC151963" i="1"/>
  <c r="AC151964" i="1"/>
  <c r="AD3" i="1"/>
  <c r="AD4" i="1"/>
  <c r="AD5" i="1"/>
  <c r="AD6" i="1"/>
  <c r="AD8" i="1"/>
  <c r="AD9" i="1"/>
  <c r="AD10" i="1"/>
  <c r="AD11" i="1"/>
  <c r="AD12" i="1"/>
  <c r="AD14" i="1"/>
  <c r="AD15" i="1"/>
  <c r="AD16" i="1"/>
  <c r="AD17" i="1"/>
  <c r="AD18" i="1"/>
  <c r="AD19" i="1"/>
  <c r="AD20" i="1"/>
  <c r="AD21" i="1"/>
  <c r="AD22" i="1"/>
  <c r="AD23" i="1"/>
  <c r="AD24" i="1"/>
  <c r="AD26" i="1"/>
  <c r="AD27" i="1"/>
  <c r="AD28" i="1"/>
  <c r="AD29" i="1"/>
  <c r="AD30" i="1"/>
  <c r="AD32" i="1"/>
  <c r="AD33" i="1"/>
  <c r="AD34" i="1"/>
  <c r="AD35" i="1"/>
  <c r="AD36" i="1"/>
  <c r="AD38" i="1"/>
  <c r="AD39" i="1"/>
  <c r="AD40" i="1"/>
  <c r="AD41" i="1"/>
  <c r="AD42" i="1"/>
  <c r="AD44" i="1"/>
  <c r="AD45" i="1"/>
  <c r="AD46" i="1"/>
  <c r="AD47" i="1"/>
  <c r="AD48" i="1"/>
  <c r="AD50" i="1"/>
  <c r="AD51" i="1"/>
  <c r="AD52" i="1"/>
  <c r="AD53" i="1"/>
  <c r="AD54" i="1"/>
  <c r="AD55" i="1"/>
  <c r="AD56" i="1"/>
  <c r="AD57" i="1"/>
  <c r="AD58" i="1"/>
  <c r="AD59" i="1"/>
  <c r="AD60" i="1"/>
  <c r="AD62" i="1"/>
  <c r="AD63" i="1"/>
  <c r="AD64" i="1"/>
  <c r="AD65" i="1"/>
  <c r="AD66" i="1"/>
  <c r="AD67" i="1"/>
  <c r="AD68" i="1"/>
  <c r="AD69" i="1"/>
  <c r="AD70" i="1"/>
  <c r="AD71" i="1"/>
  <c r="AD72" i="1"/>
  <c r="AD74" i="1"/>
  <c r="AD75" i="1"/>
  <c r="AD76" i="1"/>
  <c r="AD77" i="1"/>
  <c r="AD78" i="1"/>
  <c r="AD79" i="1"/>
  <c r="AD80" i="1"/>
  <c r="AD81" i="1"/>
  <c r="AD82" i="1"/>
  <c r="AD83" i="1"/>
  <c r="AD84" i="1"/>
  <c r="AD86" i="1"/>
  <c r="AD87" i="1"/>
  <c r="AD88" i="1"/>
  <c r="AD89" i="1"/>
  <c r="AD90" i="1"/>
  <c r="AD92" i="1"/>
  <c r="AD93" i="1"/>
  <c r="AD94" i="1"/>
  <c r="AD95" i="1"/>
  <c r="AD96" i="1"/>
  <c r="AD98" i="1"/>
  <c r="AD99" i="1"/>
  <c r="AD100" i="1"/>
  <c r="AD101" i="1"/>
  <c r="AD102" i="1"/>
  <c r="AD104" i="1"/>
  <c r="AD105" i="1"/>
  <c r="AD106" i="1"/>
  <c r="AD107" i="1"/>
  <c r="AD108" i="1"/>
  <c r="AD110" i="1"/>
  <c r="AD111" i="1"/>
  <c r="AD112" i="1"/>
  <c r="AD113" i="1"/>
  <c r="AD114" i="1"/>
  <c r="AD116" i="1"/>
  <c r="AD117" i="1"/>
  <c r="AD118" i="1"/>
  <c r="AD119" i="1"/>
  <c r="AD120" i="1"/>
  <c r="AD122" i="1"/>
  <c r="AD123" i="1"/>
  <c r="AD124" i="1"/>
  <c r="AD125" i="1"/>
  <c r="AD126" i="1"/>
  <c r="AD127" i="1"/>
  <c r="AD128" i="1"/>
  <c r="AD129" i="1"/>
  <c r="AD130" i="1"/>
  <c r="AD131" i="1"/>
  <c r="AD132" i="1"/>
  <c r="AD134" i="1"/>
  <c r="AD135" i="1"/>
  <c r="AD136" i="1"/>
  <c r="AD137" i="1"/>
  <c r="AD138" i="1"/>
  <c r="AD139" i="1"/>
  <c r="AD140" i="1"/>
  <c r="AD141" i="1"/>
  <c r="AD142" i="1"/>
  <c r="AD143" i="1"/>
  <c r="AD144" i="1"/>
  <c r="AD146" i="1"/>
  <c r="AD147" i="1"/>
  <c r="AD148" i="1"/>
  <c r="AD149" i="1"/>
  <c r="AD150" i="1"/>
  <c r="AD152" i="1"/>
  <c r="AD153" i="1"/>
  <c r="AD154" i="1"/>
  <c r="AD155" i="1"/>
  <c r="AD156" i="1"/>
  <c r="AD158" i="1"/>
  <c r="AD159" i="1"/>
  <c r="AD160" i="1"/>
  <c r="AD161" i="1"/>
  <c r="AD162" i="1"/>
  <c r="AD163" i="1"/>
  <c r="AD164" i="1"/>
  <c r="AD165" i="1"/>
  <c r="AD166" i="1"/>
  <c r="AD167" i="1"/>
  <c r="AD168" i="1"/>
  <c r="AD170" i="1"/>
  <c r="AD171" i="1"/>
  <c r="AD172" i="1"/>
  <c r="AD173" i="1"/>
  <c r="AD174" i="1"/>
  <c r="AD176" i="1"/>
  <c r="AD177" i="1"/>
  <c r="AD178" i="1"/>
  <c r="AD179" i="1"/>
  <c r="AD180" i="1"/>
  <c r="AD182" i="1"/>
  <c r="AD183" i="1"/>
  <c r="AD184" i="1"/>
  <c r="AD185" i="1"/>
  <c r="AD186" i="1"/>
  <c r="AD188" i="1"/>
  <c r="AD189" i="1"/>
  <c r="AD190" i="1"/>
  <c r="AD191" i="1"/>
  <c r="AD192" i="1"/>
  <c r="AD194" i="1"/>
  <c r="AD195" i="1"/>
  <c r="AD196" i="1"/>
  <c r="AD197" i="1"/>
  <c r="AD198" i="1"/>
  <c r="AD199" i="1"/>
  <c r="AD200" i="1"/>
  <c r="AD201" i="1"/>
  <c r="AD202" i="1"/>
  <c r="AD203" i="1"/>
  <c r="AD204" i="1"/>
  <c r="AD206" i="1"/>
  <c r="AD207" i="1"/>
  <c r="AD208" i="1"/>
  <c r="AD209" i="1"/>
  <c r="AD210" i="1"/>
  <c r="AD211" i="1"/>
  <c r="AD212" i="1"/>
  <c r="AD213" i="1"/>
  <c r="AD214" i="1"/>
  <c r="AD215" i="1"/>
  <c r="AD216" i="1"/>
  <c r="AD218" i="1"/>
  <c r="AD219" i="1"/>
  <c r="AD220" i="1"/>
  <c r="AD221" i="1"/>
  <c r="AD222" i="1"/>
  <c r="AD223" i="1"/>
  <c r="AD224" i="1"/>
  <c r="AD225" i="1"/>
  <c r="AD226" i="1"/>
  <c r="AD227" i="1"/>
  <c r="AD228" i="1"/>
  <c r="AD230" i="1"/>
  <c r="AD231" i="1"/>
  <c r="AD232" i="1"/>
  <c r="AD233" i="1"/>
  <c r="AD234" i="1"/>
  <c r="AD236" i="1"/>
  <c r="AD237" i="1"/>
  <c r="AD238" i="1"/>
  <c r="AD239" i="1"/>
  <c r="AD240" i="1"/>
  <c r="AD242" i="1"/>
  <c r="AD243" i="1"/>
  <c r="AD244" i="1"/>
  <c r="AD245" i="1"/>
  <c r="AD246" i="1"/>
  <c r="AD248" i="1"/>
  <c r="AD249" i="1"/>
  <c r="AD250" i="1"/>
  <c r="AD251" i="1"/>
  <c r="AD252" i="1"/>
  <c r="AD254" i="1"/>
  <c r="AD255" i="1"/>
  <c r="AD256" i="1"/>
  <c r="AD257" i="1"/>
  <c r="AD258" i="1"/>
  <c r="AD260" i="1"/>
  <c r="AD261" i="1"/>
  <c r="AD262" i="1"/>
  <c r="AD263" i="1"/>
  <c r="AD264" i="1"/>
  <c r="AD266" i="1"/>
  <c r="AD267" i="1"/>
  <c r="AD268" i="1"/>
  <c r="AD269" i="1"/>
  <c r="AD270" i="1"/>
  <c r="AD271" i="1"/>
  <c r="AD272" i="1"/>
  <c r="AD273" i="1"/>
  <c r="AD274" i="1"/>
  <c r="AD275" i="1"/>
  <c r="AD276" i="1"/>
  <c r="AD278" i="1"/>
  <c r="AD279" i="1"/>
  <c r="AD280" i="1"/>
  <c r="AD281" i="1"/>
  <c r="AD282" i="1"/>
  <c r="AD283" i="1"/>
  <c r="AD284" i="1"/>
  <c r="AD285" i="1"/>
  <c r="AD286" i="1"/>
  <c r="AD287" i="1"/>
  <c r="AD288" i="1"/>
  <c r="AD290" i="1"/>
  <c r="AD291" i="1"/>
  <c r="AD292" i="1"/>
  <c r="AD293" i="1"/>
  <c r="AD294" i="1"/>
  <c r="AD296" i="1"/>
  <c r="AD297" i="1"/>
  <c r="AD298" i="1"/>
  <c r="AD299" i="1"/>
  <c r="AD300" i="1"/>
  <c r="AD302" i="1"/>
  <c r="AD303" i="1"/>
  <c r="AD304" i="1"/>
  <c r="AD305" i="1"/>
  <c r="AD306" i="1"/>
  <c r="AD307" i="1"/>
  <c r="AD308" i="1"/>
  <c r="AD309" i="1"/>
  <c r="AD310" i="1"/>
  <c r="AD311" i="1"/>
  <c r="AD312" i="1"/>
  <c r="AD314" i="1"/>
  <c r="AD315" i="1"/>
  <c r="AD316" i="1"/>
  <c r="AD317" i="1"/>
  <c r="AD318" i="1"/>
  <c r="AD320" i="1"/>
  <c r="AD321" i="1"/>
  <c r="AD322" i="1"/>
  <c r="AD323" i="1"/>
  <c r="AD324" i="1"/>
  <c r="AD326" i="1"/>
  <c r="AD327" i="1"/>
  <c r="AD328" i="1"/>
  <c r="AD329" i="1"/>
  <c r="AD330" i="1"/>
  <c r="AD332" i="1"/>
  <c r="AD333" i="1"/>
  <c r="AD334" i="1"/>
  <c r="AD335" i="1"/>
  <c r="AD336" i="1"/>
  <c r="AD338" i="1"/>
  <c r="AD339" i="1"/>
  <c r="AD340" i="1"/>
  <c r="AD341" i="1"/>
  <c r="AD342" i="1"/>
  <c r="AD343" i="1"/>
  <c r="AD344" i="1"/>
  <c r="AD345" i="1"/>
  <c r="AD346" i="1"/>
  <c r="AD347" i="1"/>
  <c r="AD348" i="1"/>
  <c r="AD350" i="1"/>
  <c r="AD351" i="1"/>
  <c r="AD352" i="1"/>
  <c r="AD353" i="1"/>
  <c r="AD354" i="1"/>
  <c r="AD355" i="1"/>
  <c r="AD356" i="1"/>
  <c r="AD357" i="1"/>
  <c r="AD358" i="1"/>
  <c r="AD359" i="1"/>
  <c r="AD360" i="1"/>
  <c r="AD362" i="1"/>
  <c r="AD363" i="1"/>
  <c r="AD364" i="1"/>
  <c r="AD365" i="1"/>
  <c r="AD366" i="1"/>
  <c r="AD367" i="1"/>
  <c r="AD368" i="1"/>
  <c r="AD369" i="1"/>
  <c r="AD370" i="1"/>
  <c r="AD371" i="1"/>
  <c r="AD372" i="1"/>
  <c r="AD374" i="1"/>
  <c r="AD375" i="1"/>
  <c r="AD376" i="1"/>
  <c r="AD377" i="1"/>
  <c r="AD378" i="1"/>
  <c r="AD380" i="1"/>
  <c r="AD381" i="1"/>
  <c r="AD382" i="1"/>
  <c r="AD383" i="1"/>
  <c r="AD384" i="1"/>
  <c r="AD386" i="1"/>
  <c r="AD387" i="1"/>
  <c r="AD388" i="1"/>
  <c r="AD389" i="1"/>
  <c r="AD390" i="1"/>
  <c r="AD392" i="1"/>
  <c r="AD393" i="1"/>
  <c r="AD394" i="1"/>
  <c r="AD395" i="1"/>
  <c r="AD396" i="1"/>
  <c r="AD398" i="1"/>
  <c r="AD399" i="1"/>
  <c r="AD400" i="1"/>
  <c r="AD401" i="1"/>
  <c r="AD402" i="1"/>
  <c r="AD404" i="1"/>
  <c r="AD405" i="1"/>
  <c r="AD406" i="1"/>
  <c r="AD407" i="1"/>
  <c r="AD408" i="1"/>
  <c r="AD410" i="1"/>
  <c r="AD411" i="1"/>
  <c r="AD412" i="1"/>
  <c r="AD413" i="1"/>
  <c r="AD414" i="1"/>
  <c r="AD415" i="1"/>
  <c r="AD416" i="1"/>
  <c r="AD417" i="1"/>
  <c r="AD418" i="1"/>
  <c r="AD419" i="1"/>
  <c r="AD420" i="1"/>
  <c r="AD422" i="1"/>
  <c r="AD423" i="1"/>
  <c r="AD424" i="1"/>
  <c r="AD425" i="1"/>
  <c r="AD426" i="1"/>
  <c r="AD427" i="1"/>
  <c r="AD428" i="1"/>
  <c r="AD429" i="1"/>
  <c r="AD430" i="1"/>
  <c r="AD431" i="1"/>
  <c r="AD432" i="1"/>
  <c r="AD434" i="1"/>
  <c r="AD435" i="1"/>
  <c r="AD436" i="1"/>
  <c r="AD437" i="1"/>
  <c r="AD438" i="1"/>
  <c r="AD440" i="1"/>
  <c r="AD441" i="1"/>
  <c r="AD442" i="1"/>
  <c r="AD443" i="1"/>
  <c r="AD444" i="1"/>
  <c r="AD446" i="1"/>
  <c r="AD447" i="1"/>
  <c r="AD448" i="1"/>
  <c r="AD449" i="1"/>
  <c r="AD450" i="1"/>
  <c r="AD451" i="1"/>
  <c r="AD452" i="1"/>
  <c r="AD453" i="1"/>
  <c r="AD454" i="1"/>
  <c r="AD455" i="1"/>
  <c r="AD456" i="1"/>
  <c r="AD458" i="1"/>
  <c r="AD459" i="1"/>
  <c r="AD460" i="1"/>
  <c r="AD461" i="1"/>
  <c r="AD462" i="1"/>
  <c r="AD464" i="1"/>
  <c r="AD465" i="1"/>
  <c r="AD466" i="1"/>
  <c r="AD467" i="1"/>
  <c r="AD468" i="1"/>
  <c r="AD470" i="1"/>
  <c r="AD471" i="1"/>
  <c r="AD472" i="1"/>
  <c r="AD473" i="1"/>
  <c r="AD474" i="1"/>
  <c r="AD476" i="1"/>
  <c r="AD477" i="1"/>
  <c r="AD478" i="1"/>
  <c r="AD479" i="1"/>
  <c r="AD480" i="1"/>
  <c r="AD482" i="1"/>
  <c r="AD483" i="1"/>
  <c r="AD484" i="1"/>
  <c r="AD485" i="1"/>
  <c r="AD486" i="1"/>
  <c r="AD487" i="1"/>
  <c r="AD488" i="1"/>
  <c r="AD489" i="1"/>
  <c r="AD490" i="1"/>
  <c r="AD491" i="1"/>
  <c r="AD492" i="1"/>
  <c r="AD494" i="1"/>
  <c r="AD495" i="1"/>
  <c r="AD496" i="1"/>
  <c r="AD497" i="1"/>
  <c r="AD498" i="1"/>
  <c r="AD499" i="1"/>
  <c r="AD500" i="1"/>
  <c r="AD501" i="1"/>
  <c r="AD502" i="1"/>
  <c r="AD503" i="1"/>
  <c r="AD504" i="1"/>
  <c r="AD506" i="1"/>
  <c r="AD507" i="1"/>
  <c r="AD508" i="1"/>
  <c r="AD509" i="1"/>
  <c r="AD510" i="1"/>
  <c r="AD511" i="1"/>
  <c r="AD512" i="1"/>
  <c r="AD513" i="1"/>
  <c r="AD514" i="1"/>
  <c r="AD515" i="1"/>
  <c r="AD516" i="1"/>
  <c r="AD518" i="1"/>
  <c r="AD519" i="1"/>
  <c r="AD520" i="1"/>
  <c r="AD521" i="1"/>
  <c r="AD522" i="1"/>
  <c r="AD524" i="1"/>
  <c r="AD525" i="1"/>
  <c r="AD526" i="1"/>
  <c r="AD527" i="1"/>
  <c r="AD528" i="1"/>
  <c r="AD530" i="1"/>
  <c r="AD531" i="1"/>
  <c r="AD532" i="1"/>
  <c r="AD533" i="1"/>
  <c r="AD534" i="1"/>
  <c r="AD536" i="1"/>
  <c r="AD537" i="1"/>
  <c r="AD538" i="1"/>
  <c r="AD539" i="1"/>
  <c r="AD540" i="1"/>
  <c r="AD542" i="1"/>
  <c r="AD543" i="1"/>
  <c r="AD544" i="1"/>
  <c r="AD545" i="1"/>
  <c r="AD546" i="1"/>
  <c r="AD548" i="1"/>
  <c r="AD549" i="1"/>
  <c r="AD550" i="1"/>
  <c r="AD551" i="1"/>
  <c r="AD552" i="1"/>
  <c r="AD554" i="1"/>
  <c r="AD555" i="1"/>
  <c r="AD556" i="1"/>
  <c r="AD557" i="1"/>
  <c r="AD558" i="1"/>
  <c r="AD559" i="1"/>
  <c r="AD560" i="1"/>
  <c r="AD561" i="1"/>
  <c r="AD562" i="1"/>
  <c r="AD563" i="1"/>
  <c r="AD564" i="1"/>
  <c r="AD566" i="1"/>
  <c r="AD567" i="1"/>
  <c r="AD568" i="1"/>
  <c r="AD569" i="1"/>
  <c r="AD570" i="1"/>
  <c r="AD571" i="1"/>
  <c r="AD572" i="1"/>
  <c r="AD573" i="1"/>
  <c r="AD574" i="1"/>
  <c r="AD575" i="1"/>
  <c r="AD576" i="1"/>
  <c r="AD578" i="1"/>
  <c r="AD579" i="1"/>
  <c r="AD580" i="1"/>
  <c r="AD581" i="1"/>
  <c r="AD582" i="1"/>
  <c r="AD584" i="1"/>
  <c r="AD585" i="1"/>
  <c r="AD586" i="1"/>
  <c r="AD587" i="1"/>
  <c r="AD588" i="1"/>
  <c r="AD590" i="1"/>
  <c r="AD591" i="1"/>
  <c r="AD592" i="1"/>
  <c r="AD593" i="1"/>
  <c r="AD594" i="1"/>
  <c r="AD595" i="1"/>
  <c r="AD596" i="1"/>
  <c r="AD597" i="1"/>
  <c r="AD598" i="1"/>
  <c r="AD599" i="1"/>
  <c r="AD600" i="1"/>
  <c r="AD602" i="1"/>
  <c r="AD603" i="1"/>
  <c r="AD604" i="1"/>
  <c r="AD605" i="1"/>
  <c r="AD606" i="1"/>
  <c r="AD608" i="1"/>
  <c r="AD609" i="1"/>
  <c r="AD610" i="1"/>
  <c r="AD611" i="1"/>
  <c r="AD612" i="1"/>
  <c r="AD614" i="1"/>
  <c r="AD615" i="1"/>
  <c r="AD616" i="1"/>
  <c r="AD617" i="1"/>
  <c r="AD618" i="1"/>
  <c r="AD620" i="1"/>
  <c r="AD621" i="1"/>
  <c r="AD622" i="1"/>
  <c r="AD623" i="1"/>
  <c r="AD624" i="1"/>
  <c r="AD626" i="1"/>
  <c r="AD627" i="1"/>
  <c r="AD628" i="1"/>
  <c r="AD629" i="1"/>
  <c r="AD630" i="1"/>
  <c r="AD631" i="1"/>
  <c r="AD632" i="1"/>
  <c r="AD633" i="1"/>
  <c r="AD634" i="1"/>
  <c r="AD635" i="1"/>
  <c r="AD636" i="1"/>
  <c r="AD638" i="1"/>
  <c r="AD639" i="1"/>
  <c r="AD640" i="1"/>
  <c r="AD641" i="1"/>
  <c r="AD642" i="1"/>
  <c r="AD643" i="1"/>
  <c r="AD644" i="1"/>
  <c r="AD645" i="1"/>
  <c r="AD646" i="1"/>
  <c r="AD647" i="1"/>
  <c r="AD648" i="1"/>
  <c r="AD650" i="1"/>
  <c r="AD651" i="1"/>
  <c r="AD652" i="1"/>
  <c r="AD653" i="1"/>
  <c r="AD654" i="1"/>
  <c r="AD655" i="1"/>
  <c r="AD656" i="1"/>
  <c r="AD657" i="1"/>
  <c r="AD658" i="1"/>
  <c r="AD659" i="1"/>
  <c r="AD660" i="1"/>
  <c r="AD662" i="1"/>
  <c r="AD663" i="1"/>
  <c r="AD664" i="1"/>
  <c r="AD665" i="1"/>
  <c r="AD666" i="1"/>
  <c r="AD668" i="1"/>
  <c r="AD669" i="1"/>
  <c r="AD670" i="1"/>
  <c r="AD671" i="1"/>
  <c r="AD672" i="1"/>
  <c r="AD674" i="1"/>
  <c r="AD675" i="1"/>
  <c r="AD676" i="1"/>
  <c r="AD677" i="1"/>
  <c r="AD678" i="1"/>
  <c r="AD680" i="1"/>
  <c r="AD681" i="1"/>
  <c r="AD682" i="1"/>
  <c r="AD683" i="1"/>
  <c r="AD684" i="1"/>
  <c r="AD686" i="1"/>
  <c r="AD687" i="1"/>
  <c r="AD688" i="1"/>
  <c r="AD689" i="1"/>
  <c r="AD690" i="1"/>
  <c r="AD692" i="1"/>
  <c r="AD693" i="1"/>
  <c r="AD694" i="1"/>
  <c r="AD695" i="1"/>
  <c r="AD696" i="1"/>
  <c r="AD698" i="1"/>
  <c r="AD699" i="1"/>
  <c r="AD700" i="1"/>
  <c r="AD701" i="1"/>
  <c r="AD702" i="1"/>
  <c r="AD703" i="1"/>
  <c r="AD704" i="1"/>
  <c r="AD705" i="1"/>
  <c r="AD706" i="1"/>
  <c r="AD707" i="1"/>
  <c r="AD708" i="1"/>
  <c r="AD710" i="1"/>
  <c r="AD711" i="1"/>
  <c r="AD712" i="1"/>
  <c r="AD713" i="1"/>
  <c r="AD714" i="1"/>
  <c r="AD715" i="1"/>
  <c r="AD716" i="1"/>
  <c r="AD717" i="1"/>
  <c r="AD718" i="1"/>
  <c r="AD719" i="1"/>
  <c r="AD720" i="1"/>
  <c r="AD722" i="1"/>
  <c r="AD723" i="1"/>
  <c r="AD724" i="1"/>
  <c r="AD725" i="1"/>
  <c r="AD726" i="1"/>
  <c r="AD728" i="1"/>
  <c r="AD729" i="1"/>
  <c r="AD730" i="1"/>
  <c r="AD731" i="1"/>
  <c r="AD732" i="1"/>
  <c r="AD734" i="1"/>
  <c r="AD735" i="1"/>
  <c r="AD736" i="1"/>
  <c r="AD737" i="1"/>
  <c r="AD738" i="1"/>
  <c r="AD739" i="1"/>
  <c r="AD740" i="1"/>
  <c r="AD741" i="1"/>
  <c r="AD742" i="1"/>
  <c r="AD743" i="1"/>
  <c r="AD744" i="1"/>
  <c r="AD746" i="1"/>
  <c r="AD747" i="1"/>
  <c r="AD748" i="1"/>
  <c r="AD749" i="1"/>
  <c r="AD750" i="1"/>
  <c r="AD752" i="1"/>
  <c r="AD753" i="1"/>
  <c r="AD754" i="1"/>
  <c r="AD755" i="1"/>
  <c r="AD756" i="1"/>
  <c r="AD758" i="1"/>
  <c r="AD759" i="1"/>
  <c r="AD760" i="1"/>
  <c r="AD761" i="1"/>
  <c r="AD762" i="1"/>
  <c r="AD764" i="1"/>
  <c r="AD765" i="1"/>
  <c r="AD766" i="1"/>
  <c r="AD767" i="1"/>
  <c r="AD768" i="1"/>
  <c r="AD770" i="1"/>
  <c r="AD771" i="1"/>
  <c r="AD772" i="1"/>
  <c r="AD773" i="1"/>
  <c r="AD774" i="1"/>
  <c r="AD775" i="1"/>
  <c r="AD776" i="1"/>
  <c r="AD777" i="1"/>
  <c r="AD778" i="1"/>
  <c r="AD779" i="1"/>
  <c r="AD780" i="1"/>
  <c r="AD782" i="1"/>
  <c r="AD783" i="1"/>
  <c r="AD784" i="1"/>
  <c r="AD785" i="1"/>
  <c r="AD786" i="1"/>
  <c r="AD787" i="1"/>
  <c r="AD788" i="1"/>
  <c r="AD789" i="1"/>
  <c r="AD790" i="1"/>
  <c r="AD791" i="1"/>
  <c r="AD792" i="1"/>
  <c r="AD794" i="1"/>
  <c r="AD795" i="1"/>
  <c r="AD796" i="1"/>
  <c r="AD797" i="1"/>
  <c r="AD798" i="1"/>
  <c r="AD799" i="1"/>
  <c r="AD800" i="1"/>
  <c r="AD801" i="1"/>
  <c r="AD802" i="1"/>
  <c r="AD803" i="1"/>
  <c r="AD804" i="1"/>
  <c r="AD806" i="1"/>
  <c r="AD807" i="1"/>
  <c r="AD808" i="1"/>
  <c r="AD809" i="1"/>
  <c r="AD810" i="1"/>
  <c r="AD812" i="1"/>
  <c r="AD813" i="1"/>
  <c r="AD814" i="1"/>
  <c r="AD815" i="1"/>
  <c r="AD816" i="1"/>
  <c r="AD818" i="1"/>
  <c r="AD819" i="1"/>
  <c r="AD820" i="1"/>
  <c r="AD821" i="1"/>
  <c r="AD822" i="1"/>
  <c r="AD824" i="1"/>
  <c r="AD825" i="1"/>
  <c r="AD826" i="1"/>
  <c r="AD827" i="1"/>
  <c r="AD828" i="1"/>
  <c r="AD830" i="1"/>
  <c r="AD831" i="1"/>
  <c r="AD832" i="1"/>
  <c r="AD833" i="1"/>
  <c r="AD834" i="1"/>
  <c r="AD836" i="1"/>
  <c r="AD837" i="1"/>
  <c r="AD838" i="1"/>
  <c r="AD839" i="1"/>
  <c r="AD840" i="1"/>
  <c r="AD842" i="1"/>
  <c r="AD843" i="1"/>
  <c r="AD844" i="1"/>
  <c r="AD845" i="1"/>
  <c r="AD846" i="1"/>
  <c r="AD847" i="1"/>
  <c r="AD848" i="1"/>
  <c r="AD849" i="1"/>
  <c r="AD850" i="1"/>
  <c r="AD851" i="1"/>
  <c r="AD852" i="1"/>
  <c r="AD854" i="1"/>
  <c r="AD855" i="1"/>
  <c r="AD856" i="1"/>
  <c r="AD857" i="1"/>
  <c r="AD858" i="1"/>
  <c r="AD859" i="1"/>
  <c r="AD860" i="1"/>
  <c r="AD861" i="1"/>
  <c r="AD862" i="1"/>
  <c r="AD863" i="1"/>
  <c r="AD864" i="1"/>
  <c r="AD866" i="1"/>
  <c r="AD867" i="1"/>
  <c r="AD868" i="1"/>
  <c r="AD869" i="1"/>
  <c r="AD870" i="1"/>
  <c r="AD872" i="1"/>
  <c r="AD873" i="1"/>
  <c r="AD874" i="1"/>
  <c r="AD875" i="1"/>
  <c r="AD876" i="1"/>
  <c r="AD878" i="1"/>
  <c r="AD879" i="1"/>
  <c r="AD880" i="1"/>
  <c r="AD881" i="1"/>
  <c r="AD882" i="1"/>
  <c r="AD883" i="1"/>
  <c r="AD884" i="1"/>
  <c r="AD885" i="1"/>
  <c r="AD886" i="1"/>
  <c r="AD887" i="1"/>
  <c r="AD888" i="1"/>
  <c r="AD890" i="1"/>
  <c r="AD891" i="1"/>
  <c r="AD892" i="1"/>
  <c r="AD893" i="1"/>
  <c r="AD894" i="1"/>
  <c r="AD896" i="1"/>
  <c r="AD897" i="1"/>
  <c r="AD898" i="1"/>
  <c r="AD899" i="1"/>
  <c r="AD900" i="1"/>
  <c r="AD902" i="1"/>
  <c r="AD903" i="1"/>
  <c r="AD904" i="1"/>
  <c r="AD905" i="1"/>
  <c r="AD906" i="1"/>
  <c r="AD908" i="1"/>
  <c r="AD909" i="1"/>
  <c r="AD910" i="1"/>
  <c r="AD911" i="1"/>
  <c r="AD912" i="1"/>
  <c r="AD914" i="1"/>
  <c r="AD915" i="1"/>
  <c r="AD916" i="1"/>
  <c r="AD917" i="1"/>
  <c r="AD918" i="1"/>
  <c r="AD919" i="1"/>
  <c r="AD920" i="1"/>
  <c r="AD921" i="1"/>
  <c r="AD922" i="1"/>
  <c r="AD923" i="1"/>
  <c r="AD924" i="1"/>
  <c r="AD926" i="1"/>
  <c r="AD927" i="1"/>
  <c r="AD928" i="1"/>
  <c r="AD929" i="1"/>
  <c r="AD930" i="1"/>
  <c r="AD931" i="1"/>
  <c r="AD932" i="1"/>
  <c r="AD933" i="1"/>
  <c r="AD934" i="1"/>
  <c r="AD935" i="1"/>
  <c r="AD936" i="1"/>
  <c r="AD938" i="1"/>
  <c r="AD939" i="1"/>
  <c r="AD940" i="1"/>
  <c r="AD941" i="1"/>
  <c r="AD942" i="1"/>
  <c r="AD943" i="1"/>
  <c r="AD944" i="1"/>
  <c r="AD945" i="1"/>
  <c r="AD946" i="1"/>
  <c r="AD947" i="1"/>
  <c r="AD948" i="1"/>
  <c r="AD950" i="1"/>
  <c r="AD951" i="1"/>
  <c r="AD952" i="1"/>
  <c r="AD953" i="1"/>
  <c r="AD954" i="1"/>
  <c r="AD956" i="1"/>
  <c r="AD957" i="1"/>
  <c r="AD958" i="1"/>
  <c r="AD959" i="1"/>
  <c r="AD960" i="1"/>
  <c r="AD962" i="1"/>
  <c r="AD963" i="1"/>
  <c r="AD964" i="1"/>
  <c r="AD965" i="1"/>
  <c r="AD966" i="1"/>
  <c r="AD968" i="1"/>
  <c r="AD969" i="1"/>
  <c r="AD970" i="1"/>
  <c r="AD971" i="1"/>
  <c r="AD972" i="1"/>
  <c r="AD974" i="1"/>
  <c r="AD975" i="1"/>
  <c r="AD976" i="1"/>
  <c r="AD977" i="1"/>
  <c r="AD978" i="1"/>
  <c r="AD980" i="1"/>
  <c r="AD981" i="1"/>
  <c r="AD982" i="1"/>
  <c r="AD983" i="1"/>
  <c r="AD984" i="1"/>
  <c r="AD986" i="1"/>
  <c r="AD987" i="1"/>
  <c r="AD988" i="1"/>
  <c r="AD989" i="1"/>
  <c r="AD990" i="1"/>
  <c r="AD991" i="1"/>
  <c r="AD992" i="1"/>
  <c r="AD993" i="1"/>
  <c r="AD994" i="1"/>
  <c r="AD995" i="1"/>
  <c r="AD996" i="1"/>
  <c r="AD998" i="1"/>
  <c r="AD999" i="1"/>
  <c r="AD1000" i="1"/>
  <c r="AD1001" i="1"/>
  <c r="AD1002" i="1"/>
  <c r="AD1003" i="1"/>
  <c r="AD1004" i="1"/>
  <c r="AD1005" i="1"/>
  <c r="AD1006" i="1"/>
  <c r="AD1007" i="1"/>
  <c r="AD1008" i="1"/>
  <c r="AD1010" i="1"/>
  <c r="AD1011" i="1"/>
  <c r="AD1012" i="1"/>
  <c r="AD1013" i="1"/>
  <c r="AD1014" i="1"/>
  <c r="AD1016" i="1"/>
  <c r="AD1017" i="1"/>
  <c r="AD1018" i="1"/>
  <c r="AD1019" i="1"/>
  <c r="AD1020" i="1"/>
  <c r="AD1022" i="1"/>
  <c r="AD1023" i="1"/>
  <c r="AD1024" i="1"/>
  <c r="AD1025" i="1"/>
  <c r="AD1026" i="1"/>
  <c r="AD1027" i="1"/>
  <c r="AD1028" i="1"/>
  <c r="AD1029" i="1"/>
  <c r="AD1030" i="1"/>
  <c r="AD1031" i="1"/>
  <c r="AD1032" i="1"/>
  <c r="AD1034" i="1"/>
  <c r="AD1035" i="1"/>
  <c r="AD1036" i="1"/>
  <c r="AD1037" i="1"/>
  <c r="AD1038" i="1"/>
  <c r="AD1040" i="1"/>
  <c r="AD1041" i="1"/>
  <c r="AD1042" i="1"/>
  <c r="AD1043" i="1"/>
  <c r="AD1044" i="1"/>
  <c r="AD1046" i="1"/>
  <c r="AD1047" i="1"/>
  <c r="AD1048" i="1"/>
  <c r="AD1049" i="1"/>
  <c r="AD1050" i="1"/>
  <c r="AD1052" i="1"/>
  <c r="AD1053" i="1"/>
  <c r="AD1054" i="1"/>
  <c r="AD1055" i="1"/>
  <c r="AD1056" i="1"/>
  <c r="AD1058" i="1"/>
  <c r="AD1059" i="1"/>
  <c r="AD1060" i="1"/>
  <c r="AD1061" i="1"/>
  <c r="AD1062" i="1"/>
  <c r="AD1063" i="1"/>
  <c r="AD1064" i="1"/>
  <c r="AD1065" i="1"/>
  <c r="AD1066" i="1"/>
  <c r="AD1067" i="1"/>
  <c r="AD1068" i="1"/>
  <c r="AD1070" i="1"/>
  <c r="AD1071" i="1"/>
  <c r="AD1072" i="1"/>
  <c r="AD1073" i="1"/>
  <c r="AD1074" i="1"/>
  <c r="AD1075" i="1"/>
  <c r="AD1076" i="1"/>
  <c r="AD1077" i="1"/>
  <c r="AD1078" i="1"/>
  <c r="AD1079" i="1"/>
  <c r="AD1080" i="1"/>
  <c r="AD1082" i="1"/>
  <c r="AD1083" i="1"/>
  <c r="AD1084" i="1"/>
  <c r="AD1085" i="1"/>
  <c r="AD1086" i="1"/>
  <c r="AD1087" i="1"/>
  <c r="AD1088" i="1"/>
  <c r="AD1089" i="1"/>
  <c r="AD1090" i="1"/>
  <c r="AD1091" i="1"/>
  <c r="AD1092" i="1"/>
  <c r="AD1094" i="1"/>
  <c r="AD1095" i="1"/>
  <c r="AD1096" i="1"/>
  <c r="AD1097" i="1"/>
  <c r="AD1098" i="1"/>
  <c r="AD1100" i="1"/>
  <c r="AD1101" i="1"/>
  <c r="AD1102" i="1"/>
  <c r="AD1103" i="1"/>
  <c r="AD1104" i="1"/>
  <c r="AD1106" i="1"/>
  <c r="AD1107" i="1"/>
  <c r="AD1108" i="1"/>
  <c r="AD1109" i="1"/>
  <c r="AD1110" i="1"/>
  <c r="AD1112" i="1"/>
  <c r="AD1113" i="1"/>
  <c r="AD1114" i="1"/>
  <c r="AD1115" i="1"/>
  <c r="AD1116" i="1"/>
  <c r="AD1118" i="1"/>
  <c r="AD1119" i="1"/>
  <c r="AD1120" i="1"/>
  <c r="AD1121" i="1"/>
  <c r="AD1122" i="1"/>
  <c r="AD1124" i="1"/>
  <c r="AD1125" i="1"/>
  <c r="AD1126" i="1"/>
  <c r="AD1127" i="1"/>
  <c r="AD1128" i="1"/>
  <c r="AD1130" i="1"/>
  <c r="AD1131" i="1"/>
  <c r="AD1132" i="1"/>
  <c r="AD1133" i="1"/>
  <c r="AD1134" i="1"/>
  <c r="AD1135" i="1"/>
  <c r="AD1136" i="1"/>
  <c r="AD1137" i="1"/>
  <c r="AD1138" i="1"/>
  <c r="AD1139" i="1"/>
  <c r="AD1140" i="1"/>
  <c r="AD1142" i="1"/>
  <c r="AD1143" i="1"/>
  <c r="AD1144" i="1"/>
  <c r="AD1145" i="1"/>
  <c r="AD1146" i="1"/>
  <c r="AD1147" i="1"/>
  <c r="AD1148" i="1"/>
  <c r="AD1149" i="1"/>
  <c r="AD1150" i="1"/>
  <c r="AD1151" i="1"/>
  <c r="AD1152" i="1"/>
  <c r="AD1154" i="1"/>
  <c r="AD1155" i="1"/>
  <c r="AD1156" i="1"/>
  <c r="AD1157" i="1"/>
  <c r="AD1158" i="1"/>
  <c r="AD1160" i="1"/>
  <c r="AD1161" i="1"/>
  <c r="AD1162" i="1"/>
  <c r="AD1163" i="1"/>
  <c r="AD1164" i="1"/>
  <c r="AD1166" i="1"/>
  <c r="AD1167" i="1"/>
  <c r="AD1168" i="1"/>
  <c r="AD1169" i="1"/>
  <c r="AD1170" i="1"/>
  <c r="AD1171" i="1"/>
  <c r="AD1172" i="1"/>
  <c r="AD1173" i="1"/>
  <c r="AD1174" i="1"/>
  <c r="AD1175" i="1"/>
  <c r="AD1176" i="1"/>
  <c r="AD1178" i="1"/>
  <c r="AD1179" i="1"/>
  <c r="AD1180" i="1"/>
  <c r="AD1181" i="1"/>
  <c r="AD1182" i="1"/>
  <c r="AD1184" i="1"/>
  <c r="AD1185" i="1"/>
  <c r="AD1186" i="1"/>
  <c r="AD1187" i="1"/>
  <c r="AD1188" i="1"/>
  <c r="AD1190" i="1"/>
  <c r="AD1191" i="1"/>
  <c r="AD1192" i="1"/>
  <c r="AD1193" i="1"/>
  <c r="AD1194" i="1"/>
  <c r="AD1196" i="1"/>
  <c r="AD1197" i="1"/>
  <c r="AD1198" i="1"/>
  <c r="AD1199" i="1"/>
  <c r="AD1200" i="1"/>
  <c r="AD1202" i="1"/>
  <c r="AD1203" i="1"/>
  <c r="AD1204" i="1"/>
  <c r="AD1205" i="1"/>
  <c r="AD1206" i="1"/>
  <c r="AD1207" i="1"/>
  <c r="AD1208" i="1"/>
  <c r="AD1209" i="1"/>
  <c r="AD1210" i="1"/>
  <c r="AD1211" i="1"/>
  <c r="AD1212" i="1"/>
  <c r="AD1214" i="1"/>
  <c r="AD1215" i="1"/>
  <c r="AD1216" i="1"/>
  <c r="AD1217" i="1"/>
  <c r="AD1218" i="1"/>
  <c r="AD1219" i="1"/>
  <c r="AD1220" i="1"/>
  <c r="AD1221" i="1"/>
  <c r="AD1222" i="1"/>
  <c r="AD1223" i="1"/>
  <c r="AD1224" i="1"/>
  <c r="AD1226" i="1"/>
  <c r="AD1227" i="1"/>
  <c r="AD1228" i="1"/>
  <c r="AD1229" i="1"/>
  <c r="AD1230" i="1"/>
  <c r="AD1231" i="1"/>
  <c r="AD1232" i="1"/>
  <c r="AD1233" i="1"/>
  <c r="AD1234" i="1"/>
  <c r="AD1235" i="1"/>
  <c r="AD1236" i="1"/>
  <c r="AD1238" i="1"/>
  <c r="AD1239" i="1"/>
  <c r="AD1240" i="1"/>
  <c r="AD1241" i="1"/>
  <c r="AD1242" i="1"/>
  <c r="AD1244" i="1"/>
  <c r="AD1245" i="1"/>
  <c r="AD1246" i="1"/>
  <c r="AD1247" i="1"/>
  <c r="AD1248" i="1"/>
  <c r="AD1250" i="1"/>
  <c r="AD1251" i="1"/>
  <c r="AD1252" i="1"/>
  <c r="AD1253" i="1"/>
  <c r="AD1254" i="1"/>
  <c r="AD1256" i="1"/>
  <c r="AD1257" i="1"/>
  <c r="AD1258" i="1"/>
  <c r="AD1259" i="1"/>
  <c r="AD1260" i="1"/>
  <c r="AD1262" i="1"/>
  <c r="AD1263" i="1"/>
  <c r="AD1264" i="1"/>
  <c r="AD1265" i="1"/>
  <c r="AD1266" i="1"/>
  <c r="AD1268" i="1"/>
  <c r="AD1269" i="1"/>
  <c r="AD1270" i="1"/>
  <c r="AD1271" i="1"/>
  <c r="AD1272" i="1"/>
  <c r="AD1274" i="1"/>
  <c r="AD1275" i="1"/>
  <c r="AD1276" i="1"/>
  <c r="AD1277" i="1"/>
  <c r="AD1278" i="1"/>
  <c r="AD1279" i="1"/>
  <c r="AD1280" i="1"/>
  <c r="AD1281" i="1"/>
  <c r="AD1282" i="1"/>
  <c r="AD1283" i="1"/>
  <c r="AD1284" i="1"/>
  <c r="AD1286" i="1"/>
  <c r="AD1287" i="1"/>
  <c r="AD1288" i="1"/>
  <c r="AD1289" i="1"/>
  <c r="AD1290" i="1"/>
  <c r="AD1291" i="1"/>
  <c r="AD1292" i="1"/>
  <c r="AD1293" i="1"/>
  <c r="AD1294" i="1"/>
  <c r="AD1295" i="1"/>
  <c r="AD1296" i="1"/>
  <c r="AD1298" i="1"/>
  <c r="AD1299" i="1"/>
  <c r="AD1300" i="1"/>
  <c r="AD1301" i="1"/>
  <c r="AD1302" i="1"/>
  <c r="AD1304" i="1"/>
  <c r="AD1305" i="1"/>
  <c r="AD1306" i="1"/>
  <c r="AD1307" i="1"/>
  <c r="AD1308" i="1"/>
  <c r="AD1310" i="1"/>
  <c r="AD1311" i="1"/>
  <c r="AD1312" i="1"/>
  <c r="AD1313" i="1"/>
  <c r="AD1314" i="1"/>
  <c r="AD1315" i="1"/>
  <c r="AD1316" i="1"/>
  <c r="AD1317" i="1"/>
  <c r="AD1318" i="1"/>
  <c r="AD1319" i="1"/>
  <c r="AD1320" i="1"/>
  <c r="AD1322" i="1"/>
  <c r="AD1323" i="1"/>
  <c r="AD1324" i="1"/>
  <c r="AD1325" i="1"/>
  <c r="AD1326" i="1"/>
  <c r="AD1328" i="1"/>
  <c r="AD1329" i="1"/>
  <c r="AD1330" i="1"/>
  <c r="AD1331" i="1"/>
  <c r="AD1332" i="1"/>
  <c r="AD1334" i="1"/>
  <c r="AD1335" i="1"/>
  <c r="AD1336" i="1"/>
  <c r="AD1337" i="1"/>
  <c r="AD1338" i="1"/>
  <c r="AD1340" i="1"/>
  <c r="AD1341" i="1"/>
  <c r="AD1342" i="1"/>
  <c r="AD1343" i="1"/>
  <c r="AD1344" i="1"/>
  <c r="AD1346" i="1"/>
  <c r="AD1347" i="1"/>
  <c r="AD1348" i="1"/>
  <c r="AD1349" i="1"/>
  <c r="AD1350" i="1"/>
  <c r="AD1351" i="1"/>
  <c r="AD1352" i="1"/>
  <c r="AD1353" i="1"/>
  <c r="AD1354" i="1"/>
  <c r="AD1355" i="1"/>
  <c r="AD1356" i="1"/>
  <c r="AD1358" i="1"/>
  <c r="AD1359" i="1"/>
  <c r="AD1360" i="1"/>
  <c r="AD1361" i="1"/>
  <c r="AD1362" i="1"/>
  <c r="AD1363" i="1"/>
  <c r="AD1364" i="1"/>
  <c r="AD1365" i="1"/>
  <c r="AD1366" i="1"/>
  <c r="AD1367" i="1"/>
  <c r="AD1368" i="1"/>
  <c r="AD1370" i="1"/>
  <c r="AD1371" i="1"/>
  <c r="AD1372" i="1"/>
  <c r="AD1373" i="1"/>
  <c r="AD1374" i="1"/>
  <c r="AD1375" i="1"/>
  <c r="AD1376" i="1"/>
  <c r="AD1377" i="1"/>
  <c r="AD1378" i="1"/>
  <c r="AD1379" i="1"/>
  <c r="AD1380" i="1"/>
  <c r="AD1382" i="1"/>
  <c r="AD1383" i="1"/>
  <c r="AD1384" i="1"/>
  <c r="AD1385" i="1"/>
  <c r="AD1386" i="1"/>
  <c r="AD1388" i="1"/>
  <c r="AD1389" i="1"/>
  <c r="AD1390" i="1"/>
  <c r="AD1391" i="1"/>
  <c r="AD1392" i="1"/>
  <c r="AD1394" i="1"/>
  <c r="AD1395" i="1"/>
  <c r="AD1396" i="1"/>
  <c r="AD1397" i="1"/>
  <c r="AD1398" i="1"/>
  <c r="AD1400" i="1"/>
  <c r="AD1401" i="1"/>
  <c r="AD1402" i="1"/>
  <c r="AD1403" i="1"/>
  <c r="AD1404" i="1"/>
  <c r="AD1406" i="1"/>
  <c r="AD1407" i="1"/>
  <c r="AD1408" i="1"/>
  <c r="AD1409" i="1"/>
  <c r="AD1410" i="1"/>
  <c r="AD1412" i="1"/>
  <c r="AD1413" i="1"/>
  <c r="AD1414" i="1"/>
  <c r="AD1415" i="1"/>
  <c r="AD1416" i="1"/>
  <c r="AD1418" i="1"/>
  <c r="AD1419" i="1"/>
  <c r="AD1420" i="1"/>
  <c r="AD1421" i="1"/>
  <c r="AD1422" i="1"/>
  <c r="AD1423" i="1"/>
  <c r="AD1424" i="1"/>
  <c r="AD1425" i="1"/>
  <c r="AD1426" i="1"/>
  <c r="AD1427" i="1"/>
  <c r="AD1428" i="1"/>
  <c r="AD1430" i="1"/>
  <c r="AD1431" i="1"/>
  <c r="AD1432" i="1"/>
  <c r="AD1433" i="1"/>
  <c r="AD1434" i="1"/>
  <c r="AD1435" i="1"/>
  <c r="AD1436" i="1"/>
  <c r="AD1437" i="1"/>
  <c r="AD1438" i="1"/>
  <c r="AD1439" i="1"/>
  <c r="AD1440" i="1"/>
  <c r="AD1442" i="1"/>
  <c r="AD1443" i="1"/>
  <c r="AD1444" i="1"/>
  <c r="AD1445" i="1"/>
  <c r="AD1446" i="1"/>
  <c r="AD1448" i="1"/>
  <c r="AD1449" i="1"/>
  <c r="AD1450" i="1"/>
  <c r="AD1451" i="1"/>
  <c r="AD1452" i="1"/>
  <c r="AD1454" i="1"/>
  <c r="AD1455" i="1"/>
  <c r="AD1456" i="1"/>
  <c r="AD1457" i="1"/>
  <c r="AD1458" i="1"/>
  <c r="AD1459" i="1"/>
  <c r="AD1460" i="1"/>
  <c r="AD1461" i="1"/>
  <c r="AD1462" i="1"/>
  <c r="AD1463" i="1"/>
  <c r="AD1464" i="1"/>
  <c r="AD1466" i="1"/>
  <c r="AD1467" i="1"/>
  <c r="AD1468" i="1"/>
  <c r="AD1469" i="1"/>
  <c r="AD1470" i="1"/>
  <c r="AD1472" i="1"/>
  <c r="AD1473" i="1"/>
  <c r="AD1474" i="1"/>
  <c r="AD1475" i="1"/>
  <c r="AD1476" i="1"/>
  <c r="AD1478" i="1"/>
  <c r="AD1479" i="1"/>
  <c r="AD1480" i="1"/>
  <c r="AD1481" i="1"/>
  <c r="AD1482" i="1"/>
  <c r="AD1484" i="1"/>
  <c r="AD1485" i="1"/>
  <c r="AD1486" i="1"/>
  <c r="AD1487" i="1"/>
  <c r="AD1488" i="1"/>
  <c r="AD1490" i="1"/>
  <c r="AD1491" i="1"/>
  <c r="AD1492" i="1"/>
  <c r="AD1493" i="1"/>
  <c r="AD1494" i="1"/>
  <c r="AD1495" i="1"/>
  <c r="AD1496" i="1"/>
  <c r="AD1497" i="1"/>
  <c r="AD1498" i="1"/>
  <c r="AD1499" i="1"/>
  <c r="AD1500" i="1"/>
  <c r="AD1502" i="1"/>
  <c r="AD1503" i="1"/>
  <c r="AD1504" i="1"/>
  <c r="AD1505" i="1"/>
  <c r="AD1506" i="1"/>
  <c r="AD1507" i="1"/>
  <c r="AD1508" i="1"/>
  <c r="AD1509" i="1"/>
  <c r="AD1510" i="1"/>
  <c r="AD1511" i="1"/>
  <c r="AD1512" i="1"/>
  <c r="AD1514" i="1"/>
  <c r="AD1515" i="1"/>
  <c r="AD1516" i="1"/>
  <c r="AD1517" i="1"/>
  <c r="AD1518" i="1"/>
  <c r="AD1519" i="1"/>
  <c r="AD1520" i="1"/>
  <c r="AD1521" i="1"/>
  <c r="AD1522" i="1"/>
  <c r="AD1523" i="1"/>
  <c r="AD1524" i="1"/>
  <c r="AD1526" i="1"/>
  <c r="AD1527" i="1"/>
  <c r="AD1528" i="1"/>
  <c r="AD1529" i="1"/>
  <c r="AD1530" i="1"/>
  <c r="AD1532" i="1"/>
  <c r="AD1533" i="1"/>
  <c r="AD1534" i="1"/>
  <c r="AD1535" i="1"/>
  <c r="AD1536" i="1"/>
  <c r="AD1538" i="1"/>
  <c r="AD1539" i="1"/>
  <c r="AD1540" i="1"/>
  <c r="AD1541" i="1"/>
  <c r="AD1542" i="1"/>
  <c r="AD1544" i="1"/>
  <c r="AD1545" i="1"/>
  <c r="AD1546" i="1"/>
  <c r="AD1547" i="1"/>
  <c r="AD1548" i="1"/>
  <c r="AD1550" i="1"/>
  <c r="AD1551" i="1"/>
  <c r="AD1552" i="1"/>
  <c r="AD1553" i="1"/>
  <c r="AD1554" i="1"/>
  <c r="AD1556" i="1"/>
  <c r="AD1557" i="1"/>
  <c r="AD1558" i="1"/>
  <c r="AD1559" i="1"/>
  <c r="AD1560" i="1"/>
  <c r="AD1562" i="1"/>
  <c r="AD1563" i="1"/>
  <c r="AD1564" i="1"/>
  <c r="AD1565" i="1"/>
  <c r="AD1566" i="1"/>
  <c r="AD1567" i="1"/>
  <c r="AD1568" i="1"/>
  <c r="AD1569" i="1"/>
  <c r="AD1570" i="1"/>
  <c r="AD1571" i="1"/>
  <c r="AD1572" i="1"/>
  <c r="AD1574" i="1"/>
  <c r="AD1575" i="1"/>
  <c r="AD1576" i="1"/>
  <c r="AD1577" i="1"/>
  <c r="AD1578" i="1"/>
  <c r="AD1579" i="1"/>
  <c r="AD1580" i="1"/>
  <c r="AD1581" i="1"/>
  <c r="AD1582" i="1"/>
  <c r="AD1583" i="1"/>
  <c r="AD1584" i="1"/>
  <c r="AD1586" i="1"/>
  <c r="AD1587" i="1"/>
  <c r="AD1588" i="1"/>
  <c r="AD1589" i="1"/>
  <c r="AD1590" i="1"/>
  <c r="AD1592" i="1"/>
  <c r="AD1593" i="1"/>
  <c r="AD1594" i="1"/>
  <c r="AD1595" i="1"/>
  <c r="AD1596" i="1"/>
  <c r="AD1598" i="1"/>
  <c r="AD1599" i="1"/>
  <c r="AD1600" i="1"/>
  <c r="AD1601" i="1"/>
  <c r="AD1602" i="1"/>
  <c r="AD1603" i="1"/>
  <c r="AD1604" i="1"/>
  <c r="AD1605" i="1"/>
  <c r="AD1606" i="1"/>
  <c r="AD1607" i="1"/>
  <c r="AD1608" i="1"/>
  <c r="AD1610" i="1"/>
  <c r="AD1611" i="1"/>
  <c r="AD1612" i="1"/>
  <c r="AD1613" i="1"/>
  <c r="AD1614" i="1"/>
  <c r="AD1616" i="1"/>
  <c r="AD1617" i="1"/>
  <c r="AD1618" i="1"/>
  <c r="AD1619" i="1"/>
  <c r="AD1620" i="1"/>
  <c r="AD1622" i="1"/>
  <c r="AD1623" i="1"/>
  <c r="AD1624" i="1"/>
  <c r="AD1625" i="1"/>
  <c r="AD1626" i="1"/>
  <c r="AD1628" i="1"/>
  <c r="AD1629" i="1"/>
  <c r="AD1630" i="1"/>
  <c r="AD1631" i="1"/>
  <c r="AD1632" i="1"/>
  <c r="AD1634" i="1"/>
  <c r="AD1635" i="1"/>
  <c r="AD1636" i="1"/>
  <c r="AD1637" i="1"/>
  <c r="AD1638" i="1"/>
  <c r="AD1639" i="1"/>
  <c r="AD1640" i="1"/>
  <c r="AD1641" i="1"/>
  <c r="AD1642" i="1"/>
  <c r="AD1643" i="1"/>
  <c r="AD1644" i="1"/>
  <c r="AD1646" i="1"/>
  <c r="AD1647" i="1"/>
  <c r="AD1648" i="1"/>
  <c r="AD1649" i="1"/>
  <c r="AD1650" i="1"/>
  <c r="AD1651" i="1"/>
  <c r="AD1652" i="1"/>
  <c r="AD1653" i="1"/>
  <c r="AD1654" i="1"/>
  <c r="AD1655" i="1"/>
  <c r="AD1656" i="1"/>
  <c r="AD1658" i="1"/>
  <c r="AD1659" i="1"/>
  <c r="AD1660" i="1"/>
  <c r="AD1661" i="1"/>
  <c r="AD1662" i="1"/>
  <c r="AD1663" i="1"/>
  <c r="AD1664" i="1"/>
  <c r="AD1665" i="1"/>
  <c r="AD1666" i="1"/>
  <c r="AD1667" i="1"/>
  <c r="AD1668" i="1"/>
  <c r="AD1670" i="1"/>
  <c r="AD1671" i="1"/>
  <c r="AD1672" i="1"/>
  <c r="AD1673" i="1"/>
  <c r="AD1674" i="1"/>
  <c r="AD1676" i="1"/>
  <c r="AD1677" i="1"/>
  <c r="AD1678" i="1"/>
  <c r="AD1679" i="1"/>
  <c r="AD1680" i="1"/>
  <c r="AD1682" i="1"/>
  <c r="AD1683" i="1"/>
  <c r="AD1684" i="1"/>
  <c r="AD1685" i="1"/>
  <c r="AD1686" i="1"/>
  <c r="AD1688" i="1"/>
  <c r="AD1689" i="1"/>
  <c r="AD1690" i="1"/>
  <c r="AD1691" i="1"/>
  <c r="AD1692" i="1"/>
  <c r="AD1694" i="1"/>
  <c r="AD1695" i="1"/>
  <c r="AD1696" i="1"/>
  <c r="AD1697" i="1"/>
  <c r="AD1698" i="1"/>
  <c r="AD1700" i="1"/>
  <c r="AD1701" i="1"/>
  <c r="AD1702" i="1"/>
  <c r="AD1703" i="1"/>
  <c r="AD1704" i="1"/>
  <c r="AD1706" i="1"/>
  <c r="AD1707" i="1"/>
  <c r="AD1708" i="1"/>
  <c r="AD1709" i="1"/>
  <c r="AD1710" i="1"/>
  <c r="AD1711" i="1"/>
  <c r="AD1712" i="1"/>
  <c r="AD1713" i="1"/>
  <c r="AD1714" i="1"/>
  <c r="AD1715" i="1"/>
  <c r="AD1716" i="1"/>
  <c r="AD1718" i="1"/>
  <c r="AD1719" i="1"/>
  <c r="AD1720" i="1"/>
  <c r="AD1721" i="1"/>
  <c r="AD1722" i="1"/>
  <c r="AD1723" i="1"/>
  <c r="AD1724" i="1"/>
  <c r="AD1725" i="1"/>
  <c r="AD1726" i="1"/>
  <c r="AD1727" i="1"/>
  <c r="AD1728" i="1"/>
  <c r="AD1730" i="1"/>
  <c r="AD1731" i="1"/>
  <c r="AD1732" i="1"/>
  <c r="AD1733" i="1"/>
  <c r="AD1734" i="1"/>
  <c r="AD1736" i="1"/>
  <c r="AD1737" i="1"/>
  <c r="AD1738" i="1"/>
  <c r="AD1739" i="1"/>
  <c r="AD1740" i="1"/>
  <c r="AD1742" i="1"/>
  <c r="AD1743" i="1"/>
  <c r="AD1744" i="1"/>
  <c r="AD1745" i="1"/>
  <c r="AD1746" i="1"/>
  <c r="AD1747" i="1"/>
  <c r="AD1748" i="1"/>
  <c r="AD1749" i="1"/>
  <c r="AD1750" i="1"/>
  <c r="AD1751" i="1"/>
  <c r="AD1752" i="1"/>
  <c r="AD1754" i="1"/>
  <c r="AD1755" i="1"/>
  <c r="AD1756" i="1"/>
  <c r="AD1757" i="1"/>
  <c r="AD1758" i="1"/>
  <c r="AD1760" i="1"/>
  <c r="AD1761" i="1"/>
  <c r="AD1762" i="1"/>
  <c r="AD1763" i="1"/>
  <c r="AD1764" i="1"/>
  <c r="AD1766" i="1"/>
  <c r="AD1767" i="1"/>
  <c r="AD1768" i="1"/>
  <c r="AD1769" i="1"/>
  <c r="AD1770" i="1"/>
  <c r="AD1772" i="1"/>
  <c r="AD1773" i="1"/>
  <c r="AD1774" i="1"/>
  <c r="AD1775" i="1"/>
  <c r="AD1776" i="1"/>
  <c r="AD1778" i="1"/>
  <c r="AD1779" i="1"/>
  <c r="AD1780" i="1"/>
  <c r="AD1781" i="1"/>
  <c r="AD1782" i="1"/>
  <c r="AD1783" i="1"/>
  <c r="AD1784" i="1"/>
  <c r="AD1785" i="1"/>
  <c r="AD1786" i="1"/>
  <c r="AD1787" i="1"/>
  <c r="AD1788" i="1"/>
  <c r="AD1790" i="1"/>
  <c r="AD1791" i="1"/>
  <c r="AD1792" i="1"/>
  <c r="AD1793" i="1"/>
  <c r="AD1794" i="1"/>
  <c r="AD1795" i="1"/>
  <c r="AD1796" i="1"/>
  <c r="AD1797" i="1"/>
  <c r="AD1798" i="1"/>
  <c r="AD1799" i="1"/>
  <c r="AD1800" i="1"/>
  <c r="AD1802" i="1"/>
  <c r="AD1803" i="1"/>
  <c r="AD1804" i="1"/>
  <c r="AD1805" i="1"/>
  <c r="AD1806" i="1"/>
  <c r="AD1807" i="1"/>
  <c r="AD1808" i="1"/>
  <c r="AD1809" i="1"/>
  <c r="AD1810" i="1"/>
  <c r="AD1811" i="1"/>
  <c r="AD1812" i="1"/>
  <c r="AD1814" i="1"/>
  <c r="AD1815" i="1"/>
  <c r="AD1816" i="1"/>
  <c r="AD1817" i="1"/>
  <c r="AD1818" i="1"/>
  <c r="AD1820" i="1"/>
  <c r="AD1821" i="1"/>
  <c r="AD1822" i="1"/>
  <c r="AD1823" i="1"/>
  <c r="AD1824" i="1"/>
  <c r="AD1826" i="1"/>
  <c r="AD1827" i="1"/>
  <c r="AD1828" i="1"/>
  <c r="AD1829" i="1"/>
  <c r="AD1830" i="1"/>
  <c r="AD1832" i="1"/>
  <c r="AD1833" i="1"/>
  <c r="AD1834" i="1"/>
  <c r="AD1835" i="1"/>
  <c r="AD1836" i="1"/>
  <c r="AD1838" i="1"/>
  <c r="AD1839" i="1"/>
  <c r="AD1840" i="1"/>
  <c r="AD1841" i="1"/>
  <c r="AD1842" i="1"/>
  <c r="AD1844" i="1"/>
  <c r="AD1845" i="1"/>
  <c r="AD1846" i="1"/>
  <c r="AD1847" i="1"/>
  <c r="AD1848" i="1"/>
  <c r="AD1850" i="1"/>
  <c r="AD1851" i="1"/>
  <c r="AD1852" i="1"/>
  <c r="AD1853" i="1"/>
  <c r="AD1854" i="1"/>
  <c r="AD1855" i="1"/>
  <c r="AD1856" i="1"/>
  <c r="AD1857" i="1"/>
  <c r="AD1858" i="1"/>
  <c r="AD1859" i="1"/>
  <c r="AD1860" i="1"/>
  <c r="AD1862" i="1"/>
  <c r="AD1863" i="1"/>
  <c r="AD1864" i="1"/>
  <c r="AD1865" i="1"/>
  <c r="AD1866" i="1"/>
  <c r="AD1867" i="1"/>
  <c r="AD1868" i="1"/>
  <c r="AD1869" i="1"/>
  <c r="AD1870" i="1"/>
  <c r="AD1871" i="1"/>
  <c r="AD1872" i="1"/>
  <c r="AD1874" i="1"/>
  <c r="AD1875" i="1"/>
  <c r="AD1876" i="1"/>
  <c r="AD1877" i="1"/>
  <c r="AD1878" i="1"/>
  <c r="AD1880" i="1"/>
  <c r="AD1881" i="1"/>
  <c r="AD1882" i="1"/>
  <c r="AD1883" i="1"/>
  <c r="AD1884" i="1"/>
  <c r="AD1886" i="1"/>
  <c r="AD1887" i="1"/>
  <c r="AD1888" i="1"/>
  <c r="AD1889" i="1"/>
  <c r="AD1890" i="1"/>
  <c r="AD1891" i="1"/>
  <c r="AD1892" i="1"/>
  <c r="AD1893" i="1"/>
  <c r="AD1894" i="1"/>
  <c r="AD1895" i="1"/>
  <c r="AD1896" i="1"/>
  <c r="AD1898" i="1"/>
  <c r="AD1899" i="1"/>
  <c r="AD1900" i="1"/>
  <c r="AD1901" i="1"/>
  <c r="AD1902" i="1"/>
  <c r="AD1904" i="1"/>
  <c r="AD1905" i="1"/>
  <c r="AD1906" i="1"/>
  <c r="AD1907" i="1"/>
  <c r="AD1908" i="1"/>
  <c r="AD1910" i="1"/>
  <c r="AD1911" i="1"/>
  <c r="AD1912" i="1"/>
  <c r="AD1913" i="1"/>
  <c r="AD1914" i="1"/>
  <c r="AD1916" i="1"/>
  <c r="AD1917" i="1"/>
  <c r="AD1918" i="1"/>
  <c r="AD1919" i="1"/>
  <c r="AD1920" i="1"/>
  <c r="AD1922" i="1"/>
  <c r="AD1923" i="1"/>
  <c r="AD1924" i="1"/>
  <c r="AD1925" i="1"/>
  <c r="AD1926" i="1"/>
  <c r="AD1927" i="1"/>
  <c r="AD1928" i="1"/>
  <c r="AD1929" i="1"/>
  <c r="AD1930" i="1"/>
  <c r="AD1931" i="1"/>
  <c r="AD1932" i="1"/>
  <c r="AD1934" i="1"/>
  <c r="AD1935" i="1"/>
  <c r="AD1936" i="1"/>
  <c r="AD1937" i="1"/>
  <c r="AD1938" i="1"/>
  <c r="AD1939" i="1"/>
  <c r="AD1940" i="1"/>
  <c r="AD1941" i="1"/>
  <c r="AD1942" i="1"/>
  <c r="AD1943" i="1"/>
  <c r="AD1944" i="1"/>
  <c r="AD1946" i="1"/>
  <c r="AD1947" i="1"/>
  <c r="AD1948" i="1"/>
  <c r="AD1949" i="1"/>
  <c r="AD1950" i="1"/>
  <c r="AD1951" i="1"/>
  <c r="AD1952" i="1"/>
  <c r="AD1953" i="1"/>
  <c r="AD1954" i="1"/>
  <c r="AD1955" i="1"/>
  <c r="AD1956" i="1"/>
  <c r="AD1958" i="1"/>
  <c r="AD1959" i="1"/>
  <c r="AD1960" i="1"/>
  <c r="AD1961" i="1"/>
  <c r="AD1962" i="1"/>
  <c r="AD1964" i="1"/>
  <c r="AD1965" i="1"/>
  <c r="AD1966" i="1"/>
  <c r="AD1967" i="1"/>
  <c r="AD1968" i="1"/>
  <c r="AD1970" i="1"/>
  <c r="AD1971" i="1"/>
  <c r="AD1972" i="1"/>
  <c r="AD1973" i="1"/>
  <c r="AD1974" i="1"/>
  <c r="AD1976" i="1"/>
  <c r="AD1977" i="1"/>
  <c r="AD1978" i="1"/>
  <c r="AD1979" i="1"/>
  <c r="AD1980" i="1"/>
  <c r="AD1982" i="1"/>
  <c r="AD1983" i="1"/>
  <c r="AD1984" i="1"/>
  <c r="AD1985" i="1"/>
  <c r="AD1986" i="1"/>
  <c r="AD1988" i="1"/>
  <c r="AD1989" i="1"/>
  <c r="AD1990" i="1"/>
  <c r="AD1991" i="1"/>
  <c r="AD1992" i="1"/>
  <c r="AD1994" i="1"/>
  <c r="AD1995" i="1"/>
  <c r="AD1996" i="1"/>
  <c r="AD1997" i="1"/>
  <c r="AD1998" i="1"/>
  <c r="AD1999" i="1"/>
  <c r="AD2000" i="1"/>
  <c r="AD2001" i="1"/>
  <c r="AD2002" i="1"/>
  <c r="AD2003" i="1"/>
  <c r="AD2004" i="1"/>
  <c r="AD2006" i="1"/>
  <c r="AD2007" i="1"/>
  <c r="AD2008" i="1"/>
  <c r="AD2009" i="1"/>
  <c r="AD2010" i="1"/>
  <c r="AD2011" i="1"/>
  <c r="AD2012" i="1"/>
  <c r="AD2013" i="1"/>
  <c r="AD2014" i="1"/>
  <c r="AD2015" i="1"/>
  <c r="AD2016" i="1"/>
  <c r="AD2018" i="1"/>
  <c r="AD2019" i="1"/>
  <c r="AD2020" i="1"/>
  <c r="AD2021" i="1"/>
  <c r="AD2022" i="1"/>
  <c r="AD2024" i="1"/>
  <c r="AD2025" i="1"/>
  <c r="AD2026" i="1"/>
  <c r="AD2027" i="1"/>
  <c r="AD2028" i="1"/>
  <c r="AD2030" i="1"/>
  <c r="AD2031" i="1"/>
  <c r="AD2032" i="1"/>
  <c r="AD2033" i="1"/>
  <c r="AD2034" i="1"/>
  <c r="AD2035" i="1"/>
  <c r="AD2036" i="1"/>
  <c r="AD2037" i="1"/>
  <c r="AD2038" i="1"/>
  <c r="AD2039" i="1"/>
  <c r="AD2040" i="1"/>
  <c r="AD2042" i="1"/>
  <c r="AD2043" i="1"/>
  <c r="AD2044" i="1"/>
  <c r="AD2045" i="1"/>
  <c r="AD2046" i="1"/>
  <c r="AD2048" i="1"/>
  <c r="AD2049" i="1"/>
  <c r="AD2050" i="1"/>
  <c r="AD2051" i="1"/>
  <c r="AD2052" i="1"/>
  <c r="AD2054" i="1"/>
  <c r="AD2055" i="1"/>
  <c r="AD2056" i="1"/>
  <c r="AD2057" i="1"/>
  <c r="AD2058" i="1"/>
  <c r="AD2060" i="1"/>
  <c r="AD2061" i="1"/>
  <c r="AD2062" i="1"/>
  <c r="AD2063" i="1"/>
  <c r="AD2064" i="1"/>
  <c r="AD2066" i="1"/>
  <c r="AD2067" i="1"/>
  <c r="AD2068" i="1"/>
  <c r="AD2069" i="1"/>
  <c r="AD2070" i="1"/>
  <c r="AD2071" i="1"/>
  <c r="AD2072" i="1"/>
  <c r="AD2073" i="1"/>
  <c r="AD2074" i="1"/>
  <c r="AD2075" i="1"/>
  <c r="AD2076" i="1"/>
  <c r="AD2078" i="1"/>
  <c r="AD2079" i="1"/>
  <c r="AD2080" i="1"/>
  <c r="AD2081" i="1"/>
  <c r="AD2082" i="1"/>
  <c r="AD2083" i="1"/>
  <c r="AD2084" i="1"/>
  <c r="AD2085" i="1"/>
  <c r="AD2086" i="1"/>
  <c r="AD2087" i="1"/>
  <c r="AD2088" i="1"/>
  <c r="AD2090" i="1"/>
  <c r="AD2091" i="1"/>
  <c r="AD2092" i="1"/>
  <c r="AD2093" i="1"/>
  <c r="AD2094" i="1"/>
  <c r="AD2095" i="1"/>
  <c r="AD2096" i="1"/>
  <c r="AD2097" i="1"/>
  <c r="AD2098" i="1"/>
  <c r="AD2099" i="1"/>
  <c r="AD2100" i="1"/>
  <c r="AD2102" i="1"/>
  <c r="AD2103" i="1"/>
  <c r="AD2104" i="1"/>
  <c r="AD2105" i="1"/>
  <c r="AD2106" i="1"/>
  <c r="AD2108" i="1"/>
  <c r="AD2109" i="1"/>
  <c r="AD2110" i="1"/>
  <c r="AD2111" i="1"/>
  <c r="AD2112" i="1"/>
  <c r="AD2114" i="1"/>
  <c r="AD2115" i="1"/>
  <c r="AD2116" i="1"/>
  <c r="AD2117" i="1"/>
  <c r="AD2118" i="1"/>
  <c r="AD2120" i="1"/>
  <c r="AD2121" i="1"/>
  <c r="AD2122" i="1"/>
  <c r="AD2123" i="1"/>
  <c r="AD2124" i="1"/>
  <c r="AD2126" i="1"/>
  <c r="AD2127" i="1"/>
  <c r="AD2128" i="1"/>
  <c r="AD2129" i="1"/>
  <c r="AD2130" i="1"/>
  <c r="AD2132" i="1"/>
  <c r="AD2133" i="1"/>
  <c r="AD2134" i="1"/>
  <c r="AD2135" i="1"/>
  <c r="AD2136" i="1"/>
  <c r="AD2138" i="1"/>
  <c r="AD2139" i="1"/>
  <c r="AD2140" i="1"/>
  <c r="AD2141" i="1"/>
  <c r="AD2142" i="1"/>
  <c r="AD2143" i="1"/>
  <c r="AD2144" i="1"/>
  <c r="AD2145" i="1"/>
  <c r="AD2146" i="1"/>
  <c r="AD2147" i="1"/>
  <c r="AD2148" i="1"/>
  <c r="AD2150" i="1"/>
  <c r="AD2151" i="1"/>
  <c r="AD2152" i="1"/>
  <c r="AD2153" i="1"/>
  <c r="AD2154" i="1"/>
  <c r="AD2155" i="1"/>
  <c r="AD2156" i="1"/>
  <c r="AD2157" i="1"/>
  <c r="AD2158" i="1"/>
  <c r="AD2159" i="1"/>
  <c r="AD2160" i="1"/>
  <c r="AD2162" i="1"/>
  <c r="AD2163" i="1"/>
  <c r="AD2164" i="1"/>
  <c r="AD2165" i="1"/>
  <c r="AD2166" i="1"/>
  <c r="AD2168" i="1"/>
  <c r="AD2169" i="1"/>
  <c r="AD2170" i="1"/>
  <c r="AD2171" i="1"/>
  <c r="AD2172" i="1"/>
  <c r="AD2174" i="1"/>
  <c r="AD2175" i="1"/>
  <c r="AD2176" i="1"/>
  <c r="AD2177" i="1"/>
  <c r="AD2178" i="1"/>
  <c r="AD2179" i="1"/>
  <c r="AD2180" i="1"/>
  <c r="AD2181" i="1"/>
  <c r="AD2182" i="1"/>
  <c r="AD2183" i="1"/>
  <c r="AD2184" i="1"/>
  <c r="AD2186" i="1"/>
  <c r="AD2187" i="1"/>
  <c r="AD2188" i="1"/>
  <c r="AD2189" i="1"/>
  <c r="AD2190" i="1"/>
  <c r="AD2192" i="1"/>
  <c r="AD2193" i="1"/>
  <c r="AD2194" i="1"/>
  <c r="AD2195" i="1"/>
  <c r="AD2196" i="1"/>
  <c r="AD2198" i="1"/>
  <c r="AD2199" i="1"/>
  <c r="AD2200" i="1"/>
  <c r="AD2201" i="1"/>
  <c r="AD2202" i="1"/>
  <c r="AD2204" i="1"/>
  <c r="AD2205" i="1"/>
  <c r="AD2206" i="1"/>
  <c r="AD2207" i="1"/>
  <c r="AD2208" i="1"/>
  <c r="AD2210" i="1"/>
  <c r="AD2211" i="1"/>
  <c r="AD2212" i="1"/>
  <c r="AD2213" i="1"/>
  <c r="AD2214" i="1"/>
  <c r="AD2215" i="1"/>
  <c r="AD2216" i="1"/>
  <c r="AD2217" i="1"/>
  <c r="AD2218" i="1"/>
  <c r="AD2219" i="1"/>
  <c r="AD2220" i="1"/>
  <c r="AD2222" i="1"/>
  <c r="AD2223" i="1"/>
  <c r="AD2224" i="1"/>
  <c r="AD2225" i="1"/>
  <c r="AD2226" i="1"/>
  <c r="AD2227" i="1"/>
  <c r="AD2228" i="1"/>
  <c r="AD2229" i="1"/>
  <c r="AD2230" i="1"/>
  <c r="AD2231" i="1"/>
  <c r="AD2232" i="1"/>
  <c r="AD2234" i="1"/>
  <c r="AD2235" i="1"/>
  <c r="AD2236" i="1"/>
  <c r="AD2237" i="1"/>
  <c r="AD2238" i="1"/>
  <c r="AD2239" i="1"/>
  <c r="AD2240" i="1"/>
  <c r="AD2241" i="1"/>
  <c r="AD2242" i="1"/>
  <c r="AD2243" i="1"/>
  <c r="AD2244" i="1"/>
  <c r="AD2246" i="1"/>
  <c r="AD2247" i="1"/>
  <c r="AD2248" i="1"/>
  <c r="AD2249" i="1"/>
  <c r="AD2250" i="1"/>
  <c r="AD2252" i="1"/>
  <c r="AD2253" i="1"/>
  <c r="AD2254" i="1"/>
  <c r="AD2255" i="1"/>
  <c r="AD2256" i="1"/>
  <c r="AD2258" i="1"/>
  <c r="AD2259" i="1"/>
  <c r="AD2260" i="1"/>
  <c r="AD2261" i="1"/>
  <c r="AD2262" i="1"/>
  <c r="AD2264" i="1"/>
  <c r="AD2265" i="1"/>
  <c r="AD2266" i="1"/>
  <c r="AD2267" i="1"/>
  <c r="AD2268" i="1"/>
  <c r="AD2270" i="1"/>
  <c r="AD2271" i="1"/>
  <c r="AD2272" i="1"/>
  <c r="AD2273" i="1"/>
  <c r="AD2274" i="1"/>
  <c r="AD2276" i="1"/>
  <c r="AD2277" i="1"/>
  <c r="AD2278" i="1"/>
  <c r="AD2279" i="1"/>
  <c r="AD2280" i="1"/>
  <c r="AD2282" i="1"/>
  <c r="AD2283" i="1"/>
  <c r="AD2284" i="1"/>
  <c r="AD2285" i="1"/>
  <c r="AD2286" i="1"/>
  <c r="AD2287" i="1"/>
  <c r="AD2288" i="1"/>
  <c r="AD2289" i="1"/>
  <c r="AD2290" i="1"/>
  <c r="AD2291" i="1"/>
  <c r="AD2292" i="1"/>
  <c r="AD2294" i="1"/>
  <c r="AD2295" i="1"/>
  <c r="AD2296" i="1"/>
  <c r="AD2297" i="1"/>
  <c r="AD2298" i="1"/>
  <c r="AD2299" i="1"/>
  <c r="AD2300" i="1"/>
  <c r="AD2301" i="1"/>
  <c r="AD2302" i="1"/>
  <c r="AD2303" i="1"/>
  <c r="AD2304" i="1"/>
  <c r="AD2306" i="1"/>
  <c r="AD2307" i="1"/>
  <c r="AD2308" i="1"/>
  <c r="AD2309" i="1"/>
  <c r="AD2310" i="1"/>
  <c r="AD2312" i="1"/>
  <c r="AD2313" i="1"/>
  <c r="AD2314" i="1"/>
  <c r="AD2315" i="1"/>
  <c r="AD2316" i="1"/>
  <c r="AD2318" i="1"/>
  <c r="AD2319" i="1"/>
  <c r="AD2320" i="1"/>
  <c r="AD2321" i="1"/>
  <c r="AD2322" i="1"/>
  <c r="AD2323" i="1"/>
  <c r="AD2324" i="1"/>
  <c r="AD2325" i="1"/>
  <c r="AD2326" i="1"/>
  <c r="AD2327" i="1"/>
  <c r="AD2328" i="1"/>
  <c r="AD2330" i="1"/>
  <c r="AD2331" i="1"/>
  <c r="AD2332" i="1"/>
  <c r="AD2333" i="1"/>
  <c r="AD2334" i="1"/>
  <c r="AD2336" i="1"/>
  <c r="AD2337" i="1"/>
  <c r="AD2338" i="1"/>
  <c r="AD2339" i="1"/>
  <c r="AD2340" i="1"/>
  <c r="AD2342" i="1"/>
  <c r="AD2343" i="1"/>
  <c r="AD2344" i="1"/>
  <c r="AD2345" i="1"/>
  <c r="AD2346" i="1"/>
  <c r="AD2348" i="1"/>
  <c r="AD2349" i="1"/>
  <c r="AD2350" i="1"/>
  <c r="AD2351" i="1"/>
  <c r="AD2352" i="1"/>
  <c r="AD2354" i="1"/>
  <c r="AD2355" i="1"/>
  <c r="AD2356" i="1"/>
  <c r="AD2357" i="1"/>
  <c r="AD2358" i="1"/>
  <c r="AD2359" i="1"/>
  <c r="AD2360" i="1"/>
  <c r="AD2361" i="1"/>
  <c r="AD2362" i="1"/>
  <c r="AD2363" i="1"/>
  <c r="AD2364" i="1"/>
  <c r="AD2366" i="1"/>
  <c r="AD2367" i="1"/>
  <c r="AD2368" i="1"/>
  <c r="AD2369" i="1"/>
  <c r="AD2370" i="1"/>
  <c r="AD2371" i="1"/>
  <c r="AD2372" i="1"/>
  <c r="AD2373" i="1"/>
  <c r="AD2374" i="1"/>
  <c r="AD2375" i="1"/>
  <c r="AD2376" i="1"/>
  <c r="AD2378" i="1"/>
  <c r="AD2379" i="1"/>
  <c r="AD2380" i="1"/>
  <c r="AD2381" i="1"/>
  <c r="AD2382" i="1"/>
  <c r="AD2383" i="1"/>
  <c r="AD2384" i="1"/>
  <c r="AD2385" i="1"/>
  <c r="AD2386" i="1"/>
  <c r="AD2387" i="1"/>
  <c r="AD2388" i="1"/>
  <c r="AD2390" i="1"/>
  <c r="AD2391" i="1"/>
  <c r="AD2392" i="1"/>
  <c r="AD2393" i="1"/>
  <c r="AD2394" i="1"/>
  <c r="AD2396" i="1"/>
  <c r="AD2397" i="1"/>
  <c r="AD2398" i="1"/>
  <c r="AD2399" i="1"/>
  <c r="AD2400" i="1"/>
  <c r="AD2402" i="1"/>
  <c r="AD2403" i="1"/>
  <c r="AD2404" i="1"/>
  <c r="AD2405" i="1"/>
  <c r="AD2406" i="1"/>
  <c r="AD2408" i="1"/>
  <c r="AD2409" i="1"/>
  <c r="AD2410" i="1"/>
  <c r="AD2411" i="1"/>
  <c r="AD2412" i="1"/>
  <c r="AD2414" i="1"/>
  <c r="AD2415" i="1"/>
  <c r="AD2416" i="1"/>
  <c r="AD2417" i="1"/>
  <c r="AD2418" i="1"/>
  <c r="AD2420" i="1"/>
  <c r="AD2421" i="1"/>
  <c r="AD2422" i="1"/>
  <c r="AD2423" i="1"/>
  <c r="AD2424" i="1"/>
  <c r="AD2426" i="1"/>
  <c r="AD2427" i="1"/>
  <c r="AD2428" i="1"/>
  <c r="AD2429" i="1"/>
  <c r="AD2430" i="1"/>
  <c r="AD2431" i="1"/>
  <c r="AD2432" i="1"/>
  <c r="AD2433" i="1"/>
  <c r="AD2434" i="1"/>
  <c r="AD2435" i="1"/>
  <c r="AD2436" i="1"/>
  <c r="AD2438" i="1"/>
  <c r="AD2439" i="1"/>
  <c r="AD2440" i="1"/>
  <c r="AD2441" i="1"/>
  <c r="AD2442" i="1"/>
  <c r="AD2443" i="1"/>
  <c r="AD2444" i="1"/>
  <c r="AD2445" i="1"/>
  <c r="AD2446" i="1"/>
  <c r="AD2447" i="1"/>
  <c r="AD2448" i="1"/>
  <c r="AD2450" i="1"/>
  <c r="AD2451" i="1"/>
  <c r="AD2452" i="1"/>
  <c r="AD2453" i="1"/>
  <c r="AD2454" i="1"/>
  <c r="AD2456" i="1"/>
  <c r="AD2457" i="1"/>
  <c r="AD2458" i="1"/>
  <c r="AD2459" i="1"/>
  <c r="AD2460" i="1"/>
  <c r="AD2462" i="1"/>
  <c r="AD2463" i="1"/>
  <c r="AD2464" i="1"/>
  <c r="AD2465" i="1"/>
  <c r="AD2466" i="1"/>
  <c r="AD2467" i="1"/>
  <c r="AD2468" i="1"/>
  <c r="AD2469" i="1"/>
  <c r="AD2470" i="1"/>
  <c r="AD2471" i="1"/>
  <c r="AD2472" i="1"/>
  <c r="AD2474" i="1"/>
  <c r="AD2475" i="1"/>
  <c r="AD2476" i="1"/>
  <c r="AD2477" i="1"/>
  <c r="AD2478" i="1"/>
  <c r="AD2480" i="1"/>
  <c r="AD2481" i="1"/>
  <c r="AD2482" i="1"/>
  <c r="AD2483" i="1"/>
  <c r="AD2484" i="1"/>
  <c r="AD2486" i="1"/>
  <c r="AD2487" i="1"/>
  <c r="AD2488" i="1"/>
  <c r="AD2489" i="1"/>
  <c r="AD2490" i="1"/>
  <c r="AD2492" i="1"/>
  <c r="AD2493" i="1"/>
  <c r="AD2494" i="1"/>
  <c r="AD2495" i="1"/>
  <c r="AD2496" i="1"/>
  <c r="AD2498" i="1"/>
  <c r="AD2499" i="1"/>
  <c r="AD2500" i="1"/>
  <c r="AD2501" i="1"/>
  <c r="AD2502" i="1"/>
  <c r="AD2503" i="1"/>
  <c r="AD2504" i="1"/>
  <c r="AD2505" i="1"/>
  <c r="AD2506" i="1"/>
  <c r="AD2507" i="1"/>
  <c r="AD2508" i="1"/>
  <c r="AD2510" i="1"/>
  <c r="AD2511" i="1"/>
  <c r="AD2512" i="1"/>
  <c r="AD2513" i="1"/>
  <c r="AD2514" i="1"/>
  <c r="AD2515" i="1"/>
  <c r="AD2516" i="1"/>
  <c r="AD2517" i="1"/>
  <c r="AD2518" i="1"/>
  <c r="AD2519" i="1"/>
  <c r="AD2520" i="1"/>
  <c r="AD2522" i="1"/>
  <c r="AD2523" i="1"/>
  <c r="AD2524" i="1"/>
  <c r="AD2525" i="1"/>
  <c r="AD2526" i="1"/>
  <c r="AD2527" i="1"/>
  <c r="AD2528" i="1"/>
  <c r="AD2529" i="1"/>
  <c r="AD2530" i="1"/>
  <c r="AD2531" i="1"/>
  <c r="AD2532" i="1"/>
  <c r="AD2534" i="1"/>
  <c r="AD2535" i="1"/>
  <c r="AD2536" i="1"/>
  <c r="AD2537" i="1"/>
  <c r="AD2538" i="1"/>
  <c r="AD2540" i="1"/>
  <c r="AD2541" i="1"/>
  <c r="AD2542" i="1"/>
  <c r="AD2543" i="1"/>
  <c r="AD2544" i="1"/>
  <c r="AD2546" i="1"/>
  <c r="AD2547" i="1"/>
  <c r="AD2548" i="1"/>
  <c r="AD2549" i="1"/>
  <c r="AD2550" i="1"/>
  <c r="AD2552" i="1"/>
  <c r="AD2553" i="1"/>
  <c r="AD2554" i="1"/>
  <c r="AD2555" i="1"/>
  <c r="AD2556" i="1"/>
  <c r="AD2558" i="1"/>
  <c r="AD2559" i="1"/>
  <c r="AD2560" i="1"/>
  <c r="AD2561" i="1"/>
  <c r="AD2562" i="1"/>
  <c r="AD2564" i="1"/>
  <c r="AD2565" i="1"/>
  <c r="AD2566" i="1"/>
  <c r="AD2567" i="1"/>
  <c r="AD2568" i="1"/>
  <c r="AD2570" i="1"/>
  <c r="AD2571" i="1"/>
  <c r="AD2572" i="1"/>
  <c r="AD2573" i="1"/>
  <c r="AD2574" i="1"/>
  <c r="AD2575" i="1"/>
  <c r="AD2576" i="1"/>
  <c r="AD2577" i="1"/>
  <c r="AD2578" i="1"/>
  <c r="AD2579" i="1"/>
  <c r="AD2580" i="1"/>
  <c r="AD2582" i="1"/>
  <c r="AD2583" i="1"/>
  <c r="AD2584" i="1"/>
  <c r="AD2585" i="1"/>
  <c r="AD2586" i="1"/>
  <c r="AD2587" i="1"/>
  <c r="AD2588" i="1"/>
  <c r="AD2589" i="1"/>
  <c r="AD2590" i="1"/>
  <c r="AD2591" i="1"/>
  <c r="AD2592" i="1"/>
  <c r="AD2594" i="1"/>
  <c r="AD2595" i="1"/>
  <c r="AD2596" i="1"/>
  <c r="AD2597" i="1"/>
  <c r="AD2598" i="1"/>
  <c r="AD2600" i="1"/>
  <c r="AD2601" i="1"/>
  <c r="AD2602" i="1"/>
  <c r="AD2603" i="1"/>
  <c r="AD2604" i="1"/>
  <c r="AD2606" i="1"/>
  <c r="AD2607" i="1"/>
  <c r="AD2608" i="1"/>
  <c r="AD2609" i="1"/>
  <c r="AD2610" i="1"/>
  <c r="AD2611" i="1"/>
  <c r="AD2612" i="1"/>
  <c r="AD2613" i="1"/>
  <c r="AD2614" i="1"/>
  <c r="AD2615" i="1"/>
  <c r="AD2616" i="1"/>
  <c r="AD2618" i="1"/>
  <c r="AD2619" i="1"/>
  <c r="AD2620" i="1"/>
  <c r="AD2621" i="1"/>
  <c r="AD2622" i="1"/>
  <c r="AD2624" i="1"/>
  <c r="AD2625" i="1"/>
  <c r="AD2626" i="1"/>
  <c r="AD2627" i="1"/>
  <c r="AD2628" i="1"/>
  <c r="AD2630" i="1"/>
  <c r="AD2631" i="1"/>
  <c r="AD2632" i="1"/>
  <c r="AD2633" i="1"/>
  <c r="AD2634" i="1"/>
  <c r="AD2636" i="1"/>
  <c r="AD2637" i="1"/>
  <c r="AD2638" i="1"/>
  <c r="AD2639" i="1"/>
  <c r="AD2640" i="1"/>
  <c r="AD2642" i="1"/>
  <c r="AD2643" i="1"/>
  <c r="AD2644" i="1"/>
  <c r="AD2645" i="1"/>
  <c r="AD2646" i="1"/>
  <c r="AD2647" i="1"/>
  <c r="AD2648" i="1"/>
  <c r="AD2649" i="1"/>
  <c r="AD2650" i="1"/>
  <c r="AD2651" i="1"/>
  <c r="AD2652" i="1"/>
  <c r="AD2654" i="1"/>
  <c r="AD2655" i="1"/>
  <c r="AD2656" i="1"/>
  <c r="AD2657" i="1"/>
  <c r="AD2658" i="1"/>
  <c r="AD2659" i="1"/>
  <c r="AD2660" i="1"/>
  <c r="AD2661" i="1"/>
  <c r="AD2662" i="1"/>
  <c r="AD2663" i="1"/>
  <c r="AD2664" i="1"/>
  <c r="AD2666" i="1"/>
  <c r="AD2667" i="1"/>
  <c r="AD2668" i="1"/>
  <c r="AD2669" i="1"/>
  <c r="AD2670" i="1"/>
  <c r="AD2671" i="1"/>
  <c r="AD2672" i="1"/>
  <c r="AD2673" i="1"/>
  <c r="AD2674" i="1"/>
  <c r="AD2675" i="1"/>
  <c r="AD2676" i="1"/>
  <c r="AD2678" i="1"/>
  <c r="AD2679" i="1"/>
  <c r="AD2680" i="1"/>
  <c r="AD2681" i="1"/>
  <c r="AD2682" i="1"/>
  <c r="AD2684" i="1"/>
  <c r="AD2685" i="1"/>
  <c r="AD2686" i="1"/>
  <c r="AD2687" i="1"/>
  <c r="AD2688" i="1"/>
  <c r="AD2690" i="1"/>
  <c r="AD2691" i="1"/>
  <c r="AD2692" i="1"/>
  <c r="AD2693" i="1"/>
  <c r="AD2694" i="1"/>
  <c r="AD2696" i="1"/>
  <c r="AD2697" i="1"/>
  <c r="AD2698" i="1"/>
  <c r="AD2699" i="1"/>
  <c r="AD2700" i="1"/>
  <c r="AD2702" i="1"/>
  <c r="AD2703" i="1"/>
  <c r="AD2704" i="1"/>
  <c r="AD2705" i="1"/>
  <c r="AD2706" i="1"/>
  <c r="AD2708" i="1"/>
  <c r="AD2709" i="1"/>
  <c r="AD2710" i="1"/>
  <c r="AD2711" i="1"/>
  <c r="AD2712" i="1"/>
  <c r="AD2714" i="1"/>
  <c r="AD2715" i="1"/>
  <c r="AD2716" i="1"/>
  <c r="AD2717" i="1"/>
  <c r="AD2718" i="1"/>
  <c r="AD2719" i="1"/>
  <c r="AD2720" i="1"/>
  <c r="AD2721" i="1"/>
  <c r="AD2722" i="1"/>
  <c r="AD2723" i="1"/>
  <c r="AD2724" i="1"/>
  <c r="AD2726" i="1"/>
  <c r="AD2727" i="1"/>
  <c r="AD2728" i="1"/>
  <c r="AD2729" i="1"/>
  <c r="AD2730" i="1"/>
  <c r="AD2731" i="1"/>
  <c r="AD2732" i="1"/>
  <c r="AD2733" i="1"/>
  <c r="AD2734" i="1"/>
  <c r="AD2735" i="1"/>
  <c r="AD2736" i="1"/>
  <c r="AD2738" i="1"/>
  <c r="AD2739" i="1"/>
  <c r="AD2740" i="1"/>
  <c r="AD2741" i="1"/>
  <c r="AD2742" i="1"/>
  <c r="AD2744" i="1"/>
  <c r="AD2745" i="1"/>
  <c r="AD2746" i="1"/>
  <c r="AD2747" i="1"/>
  <c r="AD2748" i="1"/>
  <c r="AD2750" i="1"/>
  <c r="AD2751" i="1"/>
  <c r="AD2752" i="1"/>
  <c r="AD2753" i="1"/>
  <c r="AD2754" i="1"/>
  <c r="AD2755" i="1"/>
  <c r="AD2756" i="1"/>
  <c r="AD2757" i="1"/>
  <c r="AD2758" i="1"/>
  <c r="AD2759" i="1"/>
  <c r="AD2760" i="1"/>
  <c r="AD2762" i="1"/>
  <c r="AD2763" i="1"/>
  <c r="AD2764" i="1"/>
  <c r="AD2765" i="1"/>
  <c r="AD2766" i="1"/>
  <c r="AD2768" i="1"/>
  <c r="AD2769" i="1"/>
  <c r="AD2770" i="1"/>
  <c r="AD2771" i="1"/>
  <c r="AD2772" i="1"/>
  <c r="AD2774" i="1"/>
  <c r="AD2775" i="1"/>
  <c r="AD2776" i="1"/>
  <c r="AD2777" i="1"/>
  <c r="AD2778" i="1"/>
  <c r="AD2780" i="1"/>
  <c r="AD2781" i="1"/>
  <c r="AD2782" i="1"/>
  <c r="AD2783" i="1"/>
  <c r="AD2784" i="1"/>
  <c r="AD2786" i="1"/>
  <c r="AD2787" i="1"/>
  <c r="AD2788" i="1"/>
  <c r="AD2789" i="1"/>
  <c r="AD2790" i="1"/>
  <c r="AD2791" i="1"/>
  <c r="AD2792" i="1"/>
  <c r="AD2793" i="1"/>
  <c r="AD2794" i="1"/>
  <c r="AD2795" i="1"/>
  <c r="AD2796" i="1"/>
  <c r="AD2798" i="1"/>
  <c r="AD2799" i="1"/>
  <c r="AD2800" i="1"/>
  <c r="AD2801" i="1"/>
  <c r="AD2802" i="1"/>
  <c r="AD2803" i="1"/>
  <c r="AD2804" i="1"/>
  <c r="AD2805" i="1"/>
  <c r="AD2806" i="1"/>
  <c r="AD2807" i="1"/>
  <c r="AD2808" i="1"/>
  <c r="AD2810" i="1"/>
  <c r="AD2811" i="1"/>
  <c r="AD2812" i="1"/>
  <c r="AD2813" i="1"/>
  <c r="AD2814" i="1"/>
  <c r="AD2815" i="1"/>
  <c r="AD2816" i="1"/>
  <c r="AD2817" i="1"/>
  <c r="AD2818" i="1"/>
  <c r="AD2819" i="1"/>
  <c r="AD2820" i="1"/>
  <c r="AD2822" i="1"/>
  <c r="AD2823" i="1"/>
  <c r="AD2824" i="1"/>
  <c r="AD2825" i="1"/>
  <c r="AD2826" i="1"/>
  <c r="AD2828" i="1"/>
  <c r="AD2829" i="1"/>
  <c r="AD2830" i="1"/>
  <c r="AD2831" i="1"/>
  <c r="AD2832" i="1"/>
  <c r="AD2834" i="1"/>
  <c r="AD2835" i="1"/>
  <c r="AD2836" i="1"/>
  <c r="AD2837" i="1"/>
  <c r="AD2838" i="1"/>
  <c r="AD2840" i="1"/>
  <c r="AD2841" i="1"/>
  <c r="AD2842" i="1"/>
  <c r="AD2843" i="1"/>
  <c r="AD2844" i="1"/>
  <c r="AD2846" i="1"/>
  <c r="AD2847" i="1"/>
  <c r="AD2848" i="1"/>
  <c r="AD2849" i="1"/>
  <c r="AD2850" i="1"/>
  <c r="AD2852" i="1"/>
  <c r="AD2853" i="1"/>
  <c r="AD2854" i="1"/>
  <c r="AD2855" i="1"/>
  <c r="AD2856" i="1"/>
  <c r="AD2858" i="1"/>
  <c r="AD2859" i="1"/>
  <c r="AD2860" i="1"/>
  <c r="AD2861" i="1"/>
  <c r="AD2862" i="1"/>
  <c r="AD2863" i="1"/>
  <c r="AD2864" i="1"/>
  <c r="AD2865" i="1"/>
  <c r="AD2866" i="1"/>
  <c r="AD2867" i="1"/>
  <c r="AD2868" i="1"/>
  <c r="AD2870" i="1"/>
  <c r="AD2871" i="1"/>
  <c r="AD2872" i="1"/>
  <c r="AD2873" i="1"/>
  <c r="AD2874" i="1"/>
  <c r="AD2875" i="1"/>
  <c r="AD2876" i="1"/>
  <c r="AD2877" i="1"/>
  <c r="AD2878" i="1"/>
  <c r="AD2879" i="1"/>
  <c r="AD2880" i="1"/>
  <c r="AD2882" i="1"/>
  <c r="AD2883" i="1"/>
  <c r="AD2884" i="1"/>
  <c r="AD2885" i="1"/>
  <c r="AD2886" i="1"/>
  <c r="AD2888" i="1"/>
  <c r="AD2889" i="1"/>
  <c r="AD2890" i="1"/>
  <c r="AD2891" i="1"/>
  <c r="AD2892" i="1"/>
  <c r="AD2894" i="1"/>
  <c r="AD2895" i="1"/>
  <c r="AD2896" i="1"/>
  <c r="AD2897" i="1"/>
  <c r="AD2898" i="1"/>
  <c r="AD2899" i="1"/>
  <c r="AD2900" i="1"/>
  <c r="AD2901" i="1"/>
  <c r="AD2902" i="1"/>
  <c r="AD2903" i="1"/>
  <c r="AD2904" i="1"/>
  <c r="AD2906" i="1"/>
  <c r="AD2907" i="1"/>
  <c r="AD2908" i="1"/>
  <c r="AD2909" i="1"/>
  <c r="AD2910" i="1"/>
  <c r="AD2912" i="1"/>
  <c r="AD2913" i="1"/>
  <c r="AD2914" i="1"/>
  <c r="AD2915" i="1"/>
  <c r="AD2916" i="1"/>
  <c r="AD2918" i="1"/>
  <c r="AD2919" i="1"/>
  <c r="AD2920" i="1"/>
  <c r="AD2921" i="1"/>
  <c r="AD2922" i="1"/>
  <c r="AD2924" i="1"/>
  <c r="AD2925" i="1"/>
  <c r="AD2926" i="1"/>
  <c r="AD2927" i="1"/>
  <c r="AD2928" i="1"/>
  <c r="AD2930" i="1"/>
  <c r="AD2931" i="1"/>
  <c r="AD2932" i="1"/>
  <c r="AD2933" i="1"/>
  <c r="AD2934" i="1"/>
  <c r="AD2935" i="1"/>
  <c r="AD2936" i="1"/>
  <c r="AD2937" i="1"/>
  <c r="AD2938" i="1"/>
  <c r="AD2939" i="1"/>
  <c r="AD2940" i="1"/>
  <c r="AD2942" i="1"/>
  <c r="AD2943" i="1"/>
  <c r="AD2944" i="1"/>
  <c r="AD2945" i="1"/>
  <c r="AD2946" i="1"/>
  <c r="AD2947" i="1"/>
  <c r="AD2948" i="1"/>
  <c r="AD2949" i="1"/>
  <c r="AD2950" i="1"/>
  <c r="AD2951" i="1"/>
  <c r="AD2952" i="1"/>
  <c r="AD2954" i="1"/>
  <c r="AD2955" i="1"/>
  <c r="AD2956" i="1"/>
  <c r="AD2957" i="1"/>
  <c r="AD2958" i="1"/>
  <c r="AD2959" i="1"/>
  <c r="AD2960" i="1"/>
  <c r="AD2961" i="1"/>
  <c r="AD2962" i="1"/>
  <c r="AD2963" i="1"/>
  <c r="AD2964" i="1"/>
  <c r="AD2966" i="1"/>
  <c r="AD2967" i="1"/>
  <c r="AD2968" i="1"/>
  <c r="AD2969" i="1"/>
  <c r="AD2970" i="1"/>
  <c r="AD2972" i="1"/>
  <c r="AD2973" i="1"/>
  <c r="AD2974" i="1"/>
  <c r="AD2975" i="1"/>
  <c r="AD2976" i="1"/>
  <c r="AD2978" i="1"/>
  <c r="AD2979" i="1"/>
  <c r="AD2980" i="1"/>
  <c r="AD2981" i="1"/>
  <c r="AD2982" i="1"/>
  <c r="AD2984" i="1"/>
  <c r="AD2985" i="1"/>
  <c r="AD2986" i="1"/>
  <c r="AD2987" i="1"/>
  <c r="AD2988" i="1"/>
  <c r="AD2990" i="1"/>
  <c r="AD2991" i="1"/>
  <c r="AD2992" i="1"/>
  <c r="AD2993" i="1"/>
  <c r="AD2994" i="1"/>
  <c r="AD2996" i="1"/>
  <c r="AD2997" i="1"/>
  <c r="AD2998" i="1"/>
  <c r="AD2999" i="1"/>
  <c r="AD3000" i="1"/>
  <c r="AD3002" i="1"/>
  <c r="AD3003" i="1"/>
  <c r="AD3004" i="1"/>
  <c r="AD3005" i="1"/>
  <c r="AD3006" i="1"/>
  <c r="AD3007" i="1"/>
  <c r="AD3008" i="1"/>
  <c r="AD3009" i="1"/>
  <c r="AD3010" i="1"/>
  <c r="AD3011" i="1"/>
  <c r="AD3012" i="1"/>
  <c r="AD3014" i="1"/>
  <c r="AD3015" i="1"/>
  <c r="AD3016" i="1"/>
  <c r="AD3017" i="1"/>
  <c r="AD3018" i="1"/>
  <c r="AD3019" i="1"/>
  <c r="AD3020" i="1"/>
  <c r="AD3021" i="1"/>
  <c r="AD3022" i="1"/>
  <c r="AD3023" i="1"/>
  <c r="AD3024" i="1"/>
  <c r="AD3026" i="1"/>
  <c r="AD3027" i="1"/>
  <c r="AD3028" i="1"/>
  <c r="AD3029" i="1"/>
  <c r="AD3030" i="1"/>
  <c r="AD3032" i="1"/>
  <c r="AD3033" i="1"/>
  <c r="AD3034" i="1"/>
  <c r="AD3035" i="1"/>
  <c r="AD3036" i="1"/>
  <c r="AD3038" i="1"/>
  <c r="AD3039" i="1"/>
  <c r="AD3040" i="1"/>
  <c r="AD3041" i="1"/>
  <c r="AD3042" i="1"/>
  <c r="AD3043" i="1"/>
  <c r="AD3044" i="1"/>
  <c r="AD3045" i="1"/>
  <c r="AD3046" i="1"/>
  <c r="AD3047" i="1"/>
  <c r="AD3048" i="1"/>
  <c r="AD3050" i="1"/>
  <c r="AD3051" i="1"/>
  <c r="AD3052" i="1"/>
  <c r="AD3053" i="1"/>
  <c r="AD3054" i="1"/>
  <c r="AD3056" i="1"/>
  <c r="AD3057" i="1"/>
  <c r="AD3058" i="1"/>
  <c r="AD3059" i="1"/>
  <c r="AD3060" i="1"/>
  <c r="AD3062" i="1"/>
  <c r="AD3063" i="1"/>
  <c r="AD3064" i="1"/>
  <c r="AD3065" i="1"/>
  <c r="AD3066" i="1"/>
  <c r="AD3068" i="1"/>
  <c r="AD3069" i="1"/>
  <c r="AD3070" i="1"/>
  <c r="AD3071" i="1"/>
  <c r="AD3072" i="1"/>
  <c r="AD3074" i="1"/>
  <c r="AD3075" i="1"/>
  <c r="AD3076" i="1"/>
  <c r="AD3077" i="1"/>
  <c r="AD3078" i="1"/>
  <c r="AD3079" i="1"/>
  <c r="AD3080" i="1"/>
  <c r="AD3081" i="1"/>
  <c r="AD3082" i="1"/>
  <c r="AD3083" i="1"/>
  <c r="AD3084" i="1"/>
  <c r="AD3086" i="1"/>
  <c r="AD3087" i="1"/>
  <c r="AD3088" i="1"/>
  <c r="AD3089" i="1"/>
  <c r="AD3090" i="1"/>
  <c r="AD3091" i="1"/>
  <c r="AD3092" i="1"/>
  <c r="AD3093" i="1"/>
  <c r="AD3094" i="1"/>
  <c r="AD3095" i="1"/>
  <c r="AD3096" i="1"/>
  <c r="AD3098" i="1"/>
  <c r="AD3099" i="1"/>
  <c r="AD3100" i="1"/>
  <c r="AD3101" i="1"/>
  <c r="AD3102" i="1"/>
  <c r="AD3103" i="1"/>
  <c r="AD3104" i="1"/>
  <c r="AD3105" i="1"/>
  <c r="AD3106" i="1"/>
  <c r="AD3107" i="1"/>
  <c r="AD3108" i="1"/>
  <c r="AD3110" i="1"/>
  <c r="AD3111" i="1"/>
  <c r="AD3112" i="1"/>
  <c r="AD3113" i="1"/>
  <c r="AD3114" i="1"/>
  <c r="AD3116" i="1"/>
  <c r="AD3117" i="1"/>
  <c r="AD3118" i="1"/>
  <c r="AD3119" i="1"/>
  <c r="AD3120" i="1"/>
  <c r="AD3122" i="1"/>
  <c r="AD3123" i="1"/>
  <c r="AD3124" i="1"/>
  <c r="AD3125" i="1"/>
  <c r="AD3126" i="1"/>
  <c r="AD3128" i="1"/>
  <c r="AD3129" i="1"/>
  <c r="AD3130" i="1"/>
  <c r="AD3131" i="1"/>
  <c r="AD3132" i="1"/>
  <c r="AD3134" i="1"/>
  <c r="AD3135" i="1"/>
  <c r="AD3136" i="1"/>
  <c r="AD3137" i="1"/>
  <c r="AD3138" i="1"/>
  <c r="AD3140" i="1"/>
  <c r="AD3141" i="1"/>
  <c r="AD3142" i="1"/>
  <c r="AD3143" i="1"/>
  <c r="AD3144" i="1"/>
  <c r="AD3146" i="1"/>
  <c r="AD3147" i="1"/>
  <c r="AD3148" i="1"/>
  <c r="AD3149" i="1"/>
  <c r="AD3150" i="1"/>
  <c r="AD3151" i="1"/>
  <c r="AD3152" i="1"/>
  <c r="AD3153" i="1"/>
  <c r="AD3154" i="1"/>
  <c r="AD3155" i="1"/>
  <c r="AD3156" i="1"/>
  <c r="AD3158" i="1"/>
  <c r="AD3159" i="1"/>
  <c r="AD3160" i="1"/>
  <c r="AD3161" i="1"/>
  <c r="AD3162" i="1"/>
  <c r="AD3163" i="1"/>
  <c r="AD3164" i="1"/>
  <c r="AD3165" i="1"/>
  <c r="AD3166" i="1"/>
  <c r="AD3167" i="1"/>
  <c r="AD3168" i="1"/>
  <c r="AD3170" i="1"/>
  <c r="AD3171" i="1"/>
  <c r="AD3172" i="1"/>
  <c r="AD3173" i="1"/>
  <c r="AD3174" i="1"/>
  <c r="AD3176" i="1"/>
  <c r="AD3177" i="1"/>
  <c r="AD3178" i="1"/>
  <c r="AD3179" i="1"/>
  <c r="AD3180" i="1"/>
  <c r="AD3182" i="1"/>
  <c r="AD3183" i="1"/>
  <c r="AD3184" i="1"/>
  <c r="AD3185" i="1"/>
  <c r="AD3186" i="1"/>
  <c r="AD3187" i="1"/>
  <c r="AD3188" i="1"/>
  <c r="AD3189" i="1"/>
  <c r="AD3190" i="1"/>
  <c r="AD3191" i="1"/>
  <c r="AD3192" i="1"/>
  <c r="AD3194" i="1"/>
  <c r="AD3195" i="1"/>
  <c r="AD3196" i="1"/>
  <c r="AD3197" i="1"/>
  <c r="AD3198" i="1"/>
  <c r="AD3200" i="1"/>
  <c r="AD3201" i="1"/>
  <c r="AD3202" i="1"/>
  <c r="AD3203" i="1"/>
  <c r="AD3204" i="1"/>
  <c r="AD3206" i="1"/>
  <c r="AD3207" i="1"/>
  <c r="AD3208" i="1"/>
  <c r="AD3209" i="1"/>
  <c r="AD3210" i="1"/>
  <c r="AD3212" i="1"/>
  <c r="AD3213" i="1"/>
  <c r="AD3214" i="1"/>
  <c r="AD3215" i="1"/>
  <c r="AD3216" i="1"/>
  <c r="AD3218" i="1"/>
  <c r="AD3219" i="1"/>
  <c r="AD3220" i="1"/>
  <c r="AD3221" i="1"/>
  <c r="AD3222" i="1"/>
  <c r="AD3223" i="1"/>
  <c r="AD3224" i="1"/>
  <c r="AD3225" i="1"/>
  <c r="AD3226" i="1"/>
  <c r="AD3227" i="1"/>
  <c r="AD3228" i="1"/>
  <c r="AD3230" i="1"/>
  <c r="AD3231" i="1"/>
  <c r="AD3232" i="1"/>
  <c r="AD3233" i="1"/>
  <c r="AD3234" i="1"/>
  <c r="AD3235" i="1"/>
  <c r="AD3236" i="1"/>
  <c r="AD3237" i="1"/>
  <c r="AD3238" i="1"/>
  <c r="AD3239" i="1"/>
  <c r="AD3240" i="1"/>
  <c r="AD3242" i="1"/>
  <c r="AD3243" i="1"/>
  <c r="AD3244" i="1"/>
  <c r="AD3245" i="1"/>
  <c r="AD3246" i="1"/>
  <c r="AD3247" i="1"/>
  <c r="AD3248" i="1"/>
  <c r="AD3249" i="1"/>
  <c r="AD3250" i="1"/>
  <c r="AD3251" i="1"/>
  <c r="AD3252" i="1"/>
  <c r="AD3254" i="1"/>
  <c r="AD3255" i="1"/>
  <c r="AD3256" i="1"/>
  <c r="AD3257" i="1"/>
  <c r="AD3258" i="1"/>
  <c r="AD3260" i="1"/>
  <c r="AD3261" i="1"/>
  <c r="AD3262" i="1"/>
  <c r="AD3263" i="1"/>
  <c r="AD3264" i="1"/>
  <c r="AD3266" i="1"/>
  <c r="AD3267" i="1"/>
  <c r="AD3268" i="1"/>
  <c r="AD3269" i="1"/>
  <c r="AD3270" i="1"/>
  <c r="AD3272" i="1"/>
  <c r="AD3273" i="1"/>
  <c r="AD3274" i="1"/>
  <c r="AD3275" i="1"/>
  <c r="AD3276" i="1"/>
  <c r="AD3278" i="1"/>
  <c r="AD3279" i="1"/>
  <c r="AD3280" i="1"/>
  <c r="AD3281" i="1"/>
  <c r="AD3282" i="1"/>
  <c r="AD3284" i="1"/>
  <c r="AD3285" i="1"/>
  <c r="AD3286" i="1"/>
  <c r="AD3287" i="1"/>
  <c r="AD3288" i="1"/>
  <c r="AD3290" i="1"/>
  <c r="AD3291" i="1"/>
  <c r="AD3292" i="1"/>
  <c r="AD3293" i="1"/>
  <c r="AD3294" i="1"/>
  <c r="AD3295" i="1"/>
  <c r="AD3296" i="1"/>
  <c r="AD3297" i="1"/>
  <c r="AD3298" i="1"/>
  <c r="AD3299" i="1"/>
  <c r="AD3300" i="1"/>
  <c r="AD3302" i="1"/>
  <c r="AD3303" i="1"/>
  <c r="AD3304" i="1"/>
  <c r="AD3305" i="1"/>
  <c r="AD3306" i="1"/>
  <c r="AD3307" i="1"/>
  <c r="AD3308" i="1"/>
  <c r="AD3309" i="1"/>
  <c r="AD3310" i="1"/>
  <c r="AD3311" i="1"/>
  <c r="AD3312" i="1"/>
  <c r="AD3314" i="1"/>
  <c r="AD3315" i="1"/>
  <c r="AD3316" i="1"/>
  <c r="AD3317" i="1"/>
  <c r="AD3318" i="1"/>
  <c r="AD3320" i="1"/>
  <c r="AD3321" i="1"/>
  <c r="AD3322" i="1"/>
  <c r="AD3323" i="1"/>
  <c r="AD3324" i="1"/>
  <c r="AD3326" i="1"/>
  <c r="AD3327" i="1"/>
  <c r="AD3328" i="1"/>
  <c r="AD3329" i="1"/>
  <c r="AD3330" i="1"/>
  <c r="AD3331" i="1"/>
  <c r="AD3332" i="1"/>
  <c r="AD3333" i="1"/>
  <c r="AD3334" i="1"/>
  <c r="AD3335" i="1"/>
  <c r="AD3336" i="1"/>
  <c r="AD3338" i="1"/>
  <c r="AD3339" i="1"/>
  <c r="AD3340" i="1"/>
  <c r="AD3341" i="1"/>
  <c r="AD3342" i="1"/>
  <c r="AD3344" i="1"/>
  <c r="AD3345" i="1"/>
  <c r="AD3346" i="1"/>
  <c r="AD3347" i="1"/>
  <c r="AD3348" i="1"/>
  <c r="AD3350" i="1"/>
  <c r="AD3351" i="1"/>
  <c r="AD3352" i="1"/>
  <c r="AD3353" i="1"/>
  <c r="AD3354" i="1"/>
  <c r="AD3356" i="1"/>
  <c r="AD3357" i="1"/>
  <c r="AD3358" i="1"/>
  <c r="AD3359" i="1"/>
  <c r="AD3360" i="1"/>
  <c r="AD3362" i="1"/>
  <c r="AD3363" i="1"/>
  <c r="AD3364" i="1"/>
  <c r="AD3365" i="1"/>
  <c r="AD3366" i="1"/>
  <c r="AD3367" i="1"/>
  <c r="AD3368" i="1"/>
  <c r="AD3369" i="1"/>
  <c r="AD3370" i="1"/>
  <c r="AD3371" i="1"/>
  <c r="AD3372" i="1"/>
  <c r="AD3374" i="1"/>
  <c r="AD3375" i="1"/>
  <c r="AD3376" i="1"/>
  <c r="AD3377" i="1"/>
  <c r="AD3378" i="1"/>
  <c r="AD3379" i="1"/>
  <c r="AD3380" i="1"/>
  <c r="AD3381" i="1"/>
  <c r="AD3382" i="1"/>
  <c r="AD3383" i="1"/>
  <c r="AD3384" i="1"/>
  <c r="AD3386" i="1"/>
  <c r="AD3387" i="1"/>
  <c r="AD3388" i="1"/>
  <c r="AD3389" i="1"/>
  <c r="AD3390" i="1"/>
  <c r="AD3391" i="1"/>
  <c r="AD3392" i="1"/>
  <c r="AD3393" i="1"/>
  <c r="AD3394" i="1"/>
  <c r="AD3395" i="1"/>
  <c r="AD3396" i="1"/>
  <c r="AD3398" i="1"/>
  <c r="AD3399" i="1"/>
  <c r="AD3400" i="1"/>
  <c r="AD3401" i="1"/>
  <c r="AD3402" i="1"/>
  <c r="AD3404" i="1"/>
  <c r="AD3405" i="1"/>
  <c r="AD3406" i="1"/>
  <c r="AD3407" i="1"/>
  <c r="AD3408" i="1"/>
  <c r="AD3410" i="1"/>
  <c r="AD3411" i="1"/>
  <c r="AD3412" i="1"/>
  <c r="AD3413" i="1"/>
  <c r="AD3414" i="1"/>
  <c r="AD3416" i="1"/>
  <c r="AD3417" i="1"/>
  <c r="AD3418" i="1"/>
  <c r="AD3419" i="1"/>
  <c r="AD3420" i="1"/>
  <c r="AD3422" i="1"/>
  <c r="AD3423" i="1"/>
  <c r="AD3424" i="1"/>
  <c r="AD3425" i="1"/>
  <c r="AD3426" i="1"/>
  <c r="AD3428" i="1"/>
  <c r="AD3429" i="1"/>
  <c r="AD3430" i="1"/>
  <c r="AD3431" i="1"/>
  <c r="AD3432" i="1"/>
  <c r="AD3434" i="1"/>
  <c r="AD3435" i="1"/>
  <c r="AD3436" i="1"/>
  <c r="AD3437" i="1"/>
  <c r="AD3438" i="1"/>
  <c r="AD3439" i="1"/>
  <c r="AD3440" i="1"/>
  <c r="AD3441" i="1"/>
  <c r="AD3442" i="1"/>
  <c r="AD3443" i="1"/>
  <c r="AD3444" i="1"/>
  <c r="AD3446" i="1"/>
  <c r="AD3447" i="1"/>
  <c r="AD3448" i="1"/>
  <c r="AD3449" i="1"/>
  <c r="AD3450" i="1"/>
  <c r="AD3451" i="1"/>
  <c r="AD3452" i="1"/>
  <c r="AD3453" i="1"/>
  <c r="AD3454" i="1"/>
  <c r="AD3455" i="1"/>
  <c r="AD3456" i="1"/>
  <c r="AD3458" i="1"/>
  <c r="AD3459" i="1"/>
  <c r="AD3460" i="1"/>
  <c r="AD3461" i="1"/>
  <c r="AD3462" i="1"/>
  <c r="AD3464" i="1"/>
  <c r="AD3465" i="1"/>
  <c r="AD3466" i="1"/>
  <c r="AD3467" i="1"/>
  <c r="AD3468" i="1"/>
  <c r="AD3470" i="1"/>
  <c r="AD3471" i="1"/>
  <c r="AD3472" i="1"/>
  <c r="AD3473" i="1"/>
  <c r="AD3474" i="1"/>
  <c r="AD3475" i="1"/>
  <c r="AD3476" i="1"/>
  <c r="AD3477" i="1"/>
  <c r="AD3478" i="1"/>
  <c r="AD3479" i="1"/>
  <c r="AD3480" i="1"/>
  <c r="AD3482" i="1"/>
  <c r="AD3483" i="1"/>
  <c r="AD3484" i="1"/>
  <c r="AD3485" i="1"/>
  <c r="AD3486" i="1"/>
  <c r="AD3488" i="1"/>
  <c r="AD3489" i="1"/>
  <c r="AD3490" i="1"/>
  <c r="AD3491" i="1"/>
  <c r="AD3492" i="1"/>
  <c r="AD3494" i="1"/>
  <c r="AD3495" i="1"/>
  <c r="AD3496" i="1"/>
  <c r="AD3497" i="1"/>
  <c r="AD3498" i="1"/>
  <c r="AD3500" i="1"/>
  <c r="AD3501" i="1"/>
  <c r="AD3502" i="1"/>
  <c r="AD3503" i="1"/>
  <c r="AD3504" i="1"/>
  <c r="AD3506" i="1"/>
  <c r="AD3507" i="1"/>
  <c r="AD3508" i="1"/>
  <c r="AD3509" i="1"/>
  <c r="AD3510" i="1"/>
  <c r="AD3511" i="1"/>
  <c r="AD3512" i="1"/>
  <c r="AD3513" i="1"/>
  <c r="AD3514" i="1"/>
  <c r="AD3515" i="1"/>
  <c r="AD3516" i="1"/>
  <c r="AD3518" i="1"/>
  <c r="AD3519" i="1"/>
  <c r="AD3520" i="1"/>
  <c r="AD3521" i="1"/>
  <c r="AD3522" i="1"/>
  <c r="AD3523" i="1"/>
  <c r="AD3524" i="1"/>
  <c r="AD3525" i="1"/>
  <c r="AD3526" i="1"/>
  <c r="AD3527" i="1"/>
  <c r="AD3528" i="1"/>
  <c r="AD3530" i="1"/>
  <c r="AD3531" i="1"/>
  <c r="AD3532" i="1"/>
  <c r="AD3533" i="1"/>
  <c r="AD3534" i="1"/>
  <c r="AD3535" i="1"/>
  <c r="AD3536" i="1"/>
  <c r="AD3537" i="1"/>
  <c r="AD3538" i="1"/>
  <c r="AD3539" i="1"/>
  <c r="AD3540" i="1"/>
  <c r="AD3542" i="1"/>
  <c r="AD3543" i="1"/>
  <c r="AD3544" i="1"/>
  <c r="AD3545" i="1"/>
  <c r="AD3546" i="1"/>
  <c r="AD3548" i="1"/>
  <c r="AD3549" i="1"/>
  <c r="AD3550" i="1"/>
  <c r="AD3551" i="1"/>
  <c r="AD3552" i="1"/>
  <c r="AD3554" i="1"/>
  <c r="AD3555" i="1"/>
  <c r="AD3556" i="1"/>
  <c r="AD3557" i="1"/>
  <c r="AD3558" i="1"/>
  <c r="AD3560" i="1"/>
  <c r="AD3561" i="1"/>
  <c r="AD3562" i="1"/>
  <c r="AD3563" i="1"/>
  <c r="AD3564" i="1"/>
  <c r="AD3566" i="1"/>
  <c r="AD3567" i="1"/>
  <c r="AD3568" i="1"/>
  <c r="AD3569" i="1"/>
  <c r="AD3570" i="1"/>
  <c r="AD3572" i="1"/>
  <c r="AD3573" i="1"/>
  <c r="AD3574" i="1"/>
  <c r="AD3575" i="1"/>
  <c r="AD3576" i="1"/>
  <c r="AD3578" i="1"/>
  <c r="AD3579" i="1"/>
  <c r="AD3580" i="1"/>
  <c r="AD3581" i="1"/>
  <c r="AD3582" i="1"/>
  <c r="AD3583" i="1"/>
  <c r="AD3584" i="1"/>
  <c r="AD3585" i="1"/>
  <c r="AD3586" i="1"/>
  <c r="AD3587" i="1"/>
  <c r="AD3588" i="1"/>
  <c r="AD3590" i="1"/>
  <c r="AD3591" i="1"/>
  <c r="AD3592" i="1"/>
  <c r="AD3593" i="1"/>
  <c r="AD3594" i="1"/>
  <c r="AD3595" i="1"/>
  <c r="AD3596" i="1"/>
  <c r="AD3597" i="1"/>
  <c r="AD3598" i="1"/>
  <c r="AD3599" i="1"/>
  <c r="AD3600" i="1"/>
  <c r="AD3602" i="1"/>
  <c r="AD3603" i="1"/>
  <c r="AD3604" i="1"/>
  <c r="AD3605" i="1"/>
  <c r="AD3606" i="1"/>
  <c r="AD3608" i="1"/>
  <c r="AD3609" i="1"/>
  <c r="AD3610" i="1"/>
  <c r="AD3611" i="1"/>
  <c r="AD3612" i="1"/>
  <c r="AD3614" i="1"/>
  <c r="AD3615" i="1"/>
  <c r="AD3616" i="1"/>
  <c r="AD3617" i="1"/>
  <c r="AD3618" i="1"/>
  <c r="AD3619" i="1"/>
  <c r="AD3620" i="1"/>
  <c r="AD3621" i="1"/>
  <c r="AD3622" i="1"/>
  <c r="AD3623" i="1"/>
  <c r="AD3624" i="1"/>
  <c r="AD3626" i="1"/>
  <c r="AD3627" i="1"/>
  <c r="AD3628" i="1"/>
  <c r="AD3629" i="1"/>
  <c r="AD3630" i="1"/>
  <c r="AD3632" i="1"/>
  <c r="AD3633" i="1"/>
  <c r="AD3634" i="1"/>
  <c r="AD3635" i="1"/>
  <c r="AD3636" i="1"/>
  <c r="AD3638" i="1"/>
  <c r="AD3639" i="1"/>
  <c r="AD3640" i="1"/>
  <c r="AD3641" i="1"/>
  <c r="AD3642" i="1"/>
  <c r="AD3644" i="1"/>
  <c r="AD3645" i="1"/>
  <c r="AD3646" i="1"/>
  <c r="AD3647" i="1"/>
  <c r="AD3648" i="1"/>
  <c r="AD3650" i="1"/>
  <c r="AD3651" i="1"/>
  <c r="AD3652" i="1"/>
  <c r="AD3653" i="1"/>
  <c r="AD3654" i="1"/>
  <c r="AD3655" i="1"/>
  <c r="AD3656" i="1"/>
  <c r="AD3657" i="1"/>
  <c r="AD3658" i="1"/>
  <c r="AD3659" i="1"/>
  <c r="AD3660" i="1"/>
  <c r="AD3662" i="1"/>
  <c r="AD3663" i="1"/>
  <c r="AD3664" i="1"/>
  <c r="AD3665" i="1"/>
  <c r="AD3666" i="1"/>
  <c r="AD3667" i="1"/>
  <c r="AD3668" i="1"/>
  <c r="AD3669" i="1"/>
  <c r="AD3670" i="1"/>
  <c r="AD3671" i="1"/>
  <c r="AD3672" i="1"/>
  <c r="AD3674" i="1"/>
  <c r="AD3675" i="1"/>
  <c r="AD3676" i="1"/>
  <c r="AD3677" i="1"/>
  <c r="AD3678" i="1"/>
  <c r="AD3679" i="1"/>
  <c r="AD3680" i="1"/>
  <c r="AD3681" i="1"/>
  <c r="AD3682" i="1"/>
  <c r="AD3683" i="1"/>
  <c r="AD3684" i="1"/>
  <c r="AD3686" i="1"/>
  <c r="AD3687" i="1"/>
  <c r="AD3688" i="1"/>
  <c r="AD3689" i="1"/>
  <c r="AD3690" i="1"/>
  <c r="AD3692" i="1"/>
  <c r="AD3693" i="1"/>
  <c r="AD3694" i="1"/>
  <c r="AD3695" i="1"/>
  <c r="AD3696" i="1"/>
  <c r="AD3698" i="1"/>
  <c r="AD3699" i="1"/>
  <c r="AD3700" i="1"/>
  <c r="AD3701" i="1"/>
  <c r="AD3702" i="1"/>
  <c r="AD3704" i="1"/>
  <c r="AD3705" i="1"/>
  <c r="AD3706" i="1"/>
  <c r="AD3707" i="1"/>
  <c r="AD3708" i="1"/>
  <c r="AD3710" i="1"/>
  <c r="AD3711" i="1"/>
  <c r="AD3712" i="1"/>
  <c r="AD3713" i="1"/>
  <c r="AD3714" i="1"/>
  <c r="AD3716" i="1"/>
  <c r="AD3717" i="1"/>
  <c r="AD3718" i="1"/>
  <c r="AD3719" i="1"/>
  <c r="AD3720" i="1"/>
  <c r="AD3722" i="1"/>
  <c r="AD3723" i="1"/>
  <c r="AD3724" i="1"/>
  <c r="AD3725" i="1"/>
  <c r="AD3726" i="1"/>
  <c r="AD3727" i="1"/>
  <c r="AD3728" i="1"/>
  <c r="AD3729" i="1"/>
  <c r="AD3730" i="1"/>
  <c r="AD3731" i="1"/>
  <c r="AD3732" i="1"/>
  <c r="AD3734" i="1"/>
  <c r="AD3735" i="1"/>
  <c r="AD3736" i="1"/>
  <c r="AD3737" i="1"/>
  <c r="AD3738" i="1"/>
  <c r="AD3739" i="1"/>
  <c r="AD3740" i="1"/>
  <c r="AD3741" i="1"/>
  <c r="AD3742" i="1"/>
  <c r="AD3743" i="1"/>
  <c r="AD3744" i="1"/>
  <c r="AD3746" i="1"/>
  <c r="AD3747" i="1"/>
  <c r="AD3748" i="1"/>
  <c r="AD3749" i="1"/>
  <c r="AD3750" i="1"/>
  <c r="AD3752" i="1"/>
  <c r="AD3753" i="1"/>
  <c r="AD3754" i="1"/>
  <c r="AD3755" i="1"/>
  <c r="AD3756" i="1"/>
  <c r="AD3758" i="1"/>
  <c r="AD3759" i="1"/>
  <c r="AD3760" i="1"/>
  <c r="AD3761" i="1"/>
  <c r="AD3762" i="1"/>
  <c r="AD3763" i="1"/>
  <c r="AD3764" i="1"/>
  <c r="AD3765" i="1"/>
  <c r="AD3766" i="1"/>
  <c r="AD3767" i="1"/>
  <c r="AD3768" i="1"/>
  <c r="AD3770" i="1"/>
  <c r="AD3771" i="1"/>
  <c r="AD3772" i="1"/>
  <c r="AD3773" i="1"/>
  <c r="AD3774" i="1"/>
  <c r="AD3776" i="1"/>
  <c r="AD3777" i="1"/>
  <c r="AD3778" i="1"/>
  <c r="AD3779" i="1"/>
  <c r="AD3780" i="1"/>
  <c r="AD3782" i="1"/>
  <c r="AD3783" i="1"/>
  <c r="AD3784" i="1"/>
  <c r="AD3785" i="1"/>
  <c r="AD3786" i="1"/>
  <c r="AD3788" i="1"/>
  <c r="AD3789" i="1"/>
  <c r="AD3790" i="1"/>
  <c r="AD3791" i="1"/>
  <c r="AD3792" i="1"/>
  <c r="AD3794" i="1"/>
  <c r="AD3795" i="1"/>
  <c r="AD3796" i="1"/>
  <c r="AD3797" i="1"/>
  <c r="AD3798" i="1"/>
  <c r="AD3799" i="1"/>
  <c r="AD3800" i="1"/>
  <c r="AD3801" i="1"/>
  <c r="AD3802" i="1"/>
  <c r="AD3803" i="1"/>
  <c r="AD3804" i="1"/>
  <c r="AD3806" i="1"/>
  <c r="AD3807" i="1"/>
  <c r="AD3808" i="1"/>
  <c r="AD3809" i="1"/>
  <c r="AD3810" i="1"/>
  <c r="AD3811" i="1"/>
  <c r="AD3812" i="1"/>
  <c r="AD3813" i="1"/>
  <c r="AD3814" i="1"/>
  <c r="AD3815" i="1"/>
  <c r="AD3816" i="1"/>
  <c r="AD3818" i="1"/>
  <c r="AD3819" i="1"/>
  <c r="AD3820" i="1"/>
  <c r="AD3821" i="1"/>
  <c r="AD3822" i="1"/>
  <c r="AD3823" i="1"/>
  <c r="AD3824" i="1"/>
  <c r="AD3825" i="1"/>
  <c r="AD3826" i="1"/>
  <c r="AD3827" i="1"/>
  <c r="AD3828" i="1"/>
  <c r="AD3830" i="1"/>
  <c r="AD3831" i="1"/>
  <c r="AD3832" i="1"/>
  <c r="AD3833" i="1"/>
  <c r="AD3834" i="1"/>
  <c r="AD3836" i="1"/>
  <c r="AD3837" i="1"/>
  <c r="AD3838" i="1"/>
  <c r="AD3839" i="1"/>
  <c r="AD3840" i="1"/>
  <c r="AD3842" i="1"/>
  <c r="AD3843" i="1"/>
  <c r="AD3844" i="1"/>
  <c r="AD3845" i="1"/>
  <c r="AD3846" i="1"/>
  <c r="AD3848" i="1"/>
  <c r="AD3849" i="1"/>
  <c r="AD3850" i="1"/>
  <c r="AD3851" i="1"/>
  <c r="AD3852" i="1"/>
  <c r="AD3854" i="1"/>
  <c r="AD3855" i="1"/>
  <c r="AD3856" i="1"/>
  <c r="AD3857" i="1"/>
  <c r="AD3858" i="1"/>
  <c r="AD3860" i="1"/>
  <c r="AD3861" i="1"/>
  <c r="AD3862" i="1"/>
  <c r="AD3863" i="1"/>
  <c r="AD3864" i="1"/>
  <c r="AD3866" i="1"/>
  <c r="AD3867" i="1"/>
  <c r="AD3868" i="1"/>
  <c r="AD3869" i="1"/>
  <c r="AD3870" i="1"/>
  <c r="AD3871" i="1"/>
  <c r="AD3872" i="1"/>
  <c r="AD3873" i="1"/>
  <c r="AD3874" i="1"/>
  <c r="AD3875" i="1"/>
  <c r="AD3876" i="1"/>
  <c r="AD3878" i="1"/>
  <c r="AD3879" i="1"/>
  <c r="AD3880" i="1"/>
  <c r="AD3881" i="1"/>
  <c r="AD3882" i="1"/>
  <c r="AD3883" i="1"/>
  <c r="AD3884" i="1"/>
  <c r="AD3885" i="1"/>
  <c r="AD3886" i="1"/>
  <c r="AD3887" i="1"/>
  <c r="AD3888" i="1"/>
  <c r="AD3890" i="1"/>
  <c r="AD3891" i="1"/>
  <c r="AD3892" i="1"/>
  <c r="AD3893" i="1"/>
  <c r="AD3894" i="1"/>
  <c r="AD3896" i="1"/>
  <c r="AD3897" i="1"/>
  <c r="AD3898" i="1"/>
  <c r="AD3899" i="1"/>
  <c r="AD3900" i="1"/>
  <c r="AD3902" i="1"/>
  <c r="AD3903" i="1"/>
  <c r="AD3904" i="1"/>
  <c r="AD3905" i="1"/>
  <c r="AD3906" i="1"/>
  <c r="AD3907" i="1"/>
  <c r="AD3908" i="1"/>
  <c r="AD3909" i="1"/>
  <c r="AD3910" i="1"/>
  <c r="AD3911" i="1"/>
  <c r="AD3912" i="1"/>
  <c r="AD3914" i="1"/>
  <c r="AD3915" i="1"/>
  <c r="AD3916" i="1"/>
  <c r="AD3917" i="1"/>
  <c r="AD3918" i="1"/>
  <c r="AD3920" i="1"/>
  <c r="AD3921" i="1"/>
  <c r="AD3922" i="1"/>
  <c r="AD3923" i="1"/>
  <c r="AD3924" i="1"/>
  <c r="AD3926" i="1"/>
  <c r="AD3927" i="1"/>
  <c r="AD3928" i="1"/>
  <c r="AD3929" i="1"/>
  <c r="AD3930" i="1"/>
  <c r="AD3932" i="1"/>
  <c r="AD3933" i="1"/>
  <c r="AD3934" i="1"/>
  <c r="AD3935" i="1"/>
  <c r="AD3936" i="1"/>
  <c r="AD3938" i="1"/>
  <c r="AD3939" i="1"/>
  <c r="AD3940" i="1"/>
  <c r="AD3941" i="1"/>
  <c r="AD3942" i="1"/>
  <c r="AD3943" i="1"/>
  <c r="AD3944" i="1"/>
  <c r="AD3945" i="1"/>
  <c r="AD3946" i="1"/>
  <c r="AD3947" i="1"/>
  <c r="AD3948" i="1"/>
  <c r="AD3950" i="1"/>
  <c r="AD3951" i="1"/>
  <c r="AD3952" i="1"/>
  <c r="AD3953" i="1"/>
  <c r="AD3954" i="1"/>
  <c r="AD3955" i="1"/>
  <c r="AD3956" i="1"/>
  <c r="AD3957" i="1"/>
  <c r="AD3958" i="1"/>
  <c r="AD3959" i="1"/>
  <c r="AD3960" i="1"/>
  <c r="AD3962" i="1"/>
  <c r="AD3963" i="1"/>
  <c r="AD3964" i="1"/>
  <c r="AD3965" i="1"/>
  <c r="AD3966" i="1"/>
  <c r="AD3967" i="1"/>
  <c r="AD3968" i="1"/>
  <c r="AD3969" i="1"/>
  <c r="AD3970" i="1"/>
  <c r="AD3971" i="1"/>
  <c r="AD3972" i="1"/>
  <c r="AD3974" i="1"/>
  <c r="AD3975" i="1"/>
  <c r="AD3976" i="1"/>
  <c r="AD3977" i="1"/>
  <c r="AD3978" i="1"/>
  <c r="AD3980" i="1"/>
  <c r="AD3981" i="1"/>
  <c r="AD3982" i="1"/>
  <c r="AD3983" i="1"/>
  <c r="AD3984" i="1"/>
  <c r="AD3986" i="1"/>
  <c r="AD3987" i="1"/>
  <c r="AD3988" i="1"/>
  <c r="AD3989" i="1"/>
  <c r="AD3990" i="1"/>
  <c r="AD3992" i="1"/>
  <c r="AD3993" i="1"/>
  <c r="AD3994" i="1"/>
  <c r="AD3995" i="1"/>
  <c r="AD3996" i="1"/>
  <c r="AD3998" i="1"/>
  <c r="AD3999" i="1"/>
  <c r="AD4000" i="1"/>
  <c r="AD4001" i="1"/>
  <c r="AD4002" i="1"/>
  <c r="AD4004" i="1"/>
  <c r="AD4005" i="1"/>
  <c r="AD4006" i="1"/>
  <c r="AD4007" i="1"/>
  <c r="AD4008" i="1"/>
  <c r="AD4010" i="1"/>
  <c r="AD4011" i="1"/>
  <c r="AD4012" i="1"/>
  <c r="AD4013" i="1"/>
  <c r="AD4014" i="1"/>
  <c r="AD4015" i="1"/>
  <c r="AD4016" i="1"/>
  <c r="AD4017" i="1"/>
  <c r="AD4018" i="1"/>
  <c r="AD4019" i="1"/>
  <c r="AD4020" i="1"/>
  <c r="AD4022" i="1"/>
  <c r="AD4023" i="1"/>
  <c r="AD4024" i="1"/>
  <c r="AD4025" i="1"/>
  <c r="AD4026" i="1"/>
  <c r="AD4027" i="1"/>
  <c r="AD4028" i="1"/>
  <c r="AD4029" i="1"/>
  <c r="AD4030" i="1"/>
  <c r="AD4031" i="1"/>
  <c r="AD4032" i="1"/>
  <c r="AD4034" i="1"/>
  <c r="AD4035" i="1"/>
  <c r="AD4036" i="1"/>
  <c r="AD4037" i="1"/>
  <c r="AD4038" i="1"/>
  <c r="AD4040" i="1"/>
  <c r="AD4041" i="1"/>
  <c r="AD4042" i="1"/>
  <c r="AD4043" i="1"/>
  <c r="AD4044" i="1"/>
  <c r="AD4046" i="1"/>
  <c r="AD4047" i="1"/>
  <c r="AD4048" i="1"/>
  <c r="AD4049" i="1"/>
  <c r="AD4050" i="1"/>
  <c r="AD4051" i="1"/>
  <c r="AD4052" i="1"/>
  <c r="AD4053" i="1"/>
  <c r="AD4054" i="1"/>
  <c r="AD4055" i="1"/>
  <c r="AD4056" i="1"/>
  <c r="AD4058" i="1"/>
  <c r="AD4059" i="1"/>
  <c r="AD4060" i="1"/>
  <c r="AD4061" i="1"/>
  <c r="AD4062" i="1"/>
  <c r="AD4064" i="1"/>
  <c r="AD4065" i="1"/>
  <c r="AD4066" i="1"/>
  <c r="AD4067" i="1"/>
  <c r="AD4068" i="1"/>
  <c r="AD4070" i="1"/>
  <c r="AD4071" i="1"/>
  <c r="AD4072" i="1"/>
  <c r="AD4073" i="1"/>
  <c r="AD4074" i="1"/>
  <c r="AD4076" i="1"/>
  <c r="AD4077" i="1"/>
  <c r="AD4078" i="1"/>
  <c r="AD4079" i="1"/>
  <c r="AD4080" i="1"/>
  <c r="AD4082" i="1"/>
  <c r="AD4083" i="1"/>
  <c r="AD4084" i="1"/>
  <c r="AD4085" i="1"/>
  <c r="AD4086" i="1"/>
  <c r="AD4087" i="1"/>
  <c r="AD4088" i="1"/>
  <c r="AD4089" i="1"/>
  <c r="AD4090" i="1"/>
  <c r="AD4091" i="1"/>
  <c r="AD4092" i="1"/>
  <c r="AD4094" i="1"/>
  <c r="AD4095" i="1"/>
  <c r="AD4096" i="1"/>
  <c r="AD4097" i="1"/>
  <c r="AD4098" i="1"/>
  <c r="AD4099" i="1"/>
  <c r="AD4100" i="1"/>
  <c r="AD4101" i="1"/>
  <c r="AD4102" i="1"/>
  <c r="AD4103" i="1"/>
  <c r="AD4104" i="1"/>
  <c r="AD4106" i="1"/>
  <c r="AD4107" i="1"/>
  <c r="AD4108" i="1"/>
  <c r="AD4109" i="1"/>
  <c r="AD4110" i="1"/>
  <c r="AD4111" i="1"/>
  <c r="AD4112" i="1"/>
  <c r="AD4113" i="1"/>
  <c r="AD4114" i="1"/>
  <c r="AD4115" i="1"/>
  <c r="AD4116" i="1"/>
  <c r="AD4118" i="1"/>
  <c r="AD4119" i="1"/>
  <c r="AD4120" i="1"/>
  <c r="AD4121" i="1"/>
  <c r="AD4122" i="1"/>
  <c r="AD4124" i="1"/>
  <c r="AD4125" i="1"/>
  <c r="AD4126" i="1"/>
  <c r="AD4127" i="1"/>
  <c r="AD4128" i="1"/>
  <c r="AD4130" i="1"/>
  <c r="AD4131" i="1"/>
  <c r="AD4132" i="1"/>
  <c r="AD4133" i="1"/>
  <c r="AD4134" i="1"/>
  <c r="AD4136" i="1"/>
  <c r="AD4137" i="1"/>
  <c r="AD4138" i="1"/>
  <c r="AD4139" i="1"/>
  <c r="AD4140" i="1"/>
  <c r="AD4142" i="1"/>
  <c r="AD4143" i="1"/>
  <c r="AD4144" i="1"/>
  <c r="AD4145" i="1"/>
  <c r="AD4146" i="1"/>
  <c r="AD4148" i="1"/>
  <c r="AD4149" i="1"/>
  <c r="AD4150" i="1"/>
  <c r="AD4151" i="1"/>
  <c r="AD4152" i="1"/>
  <c r="AD4154" i="1"/>
  <c r="AD4155" i="1"/>
  <c r="AD4156" i="1"/>
  <c r="AD4157" i="1"/>
  <c r="AD4158" i="1"/>
  <c r="AD4159" i="1"/>
  <c r="AD4160" i="1"/>
  <c r="AD4161" i="1"/>
  <c r="AD4162" i="1"/>
  <c r="AD4163" i="1"/>
  <c r="AD4164" i="1"/>
  <c r="AD4166" i="1"/>
  <c r="AD4167" i="1"/>
  <c r="AD4168" i="1"/>
  <c r="AD4169" i="1"/>
  <c r="AD4170" i="1"/>
  <c r="AD4171" i="1"/>
  <c r="AD4172" i="1"/>
  <c r="AD4173" i="1"/>
  <c r="AD4174" i="1"/>
  <c r="AD4175" i="1"/>
  <c r="AD4176" i="1"/>
  <c r="AD4178" i="1"/>
  <c r="AD4179" i="1"/>
  <c r="AD4180" i="1"/>
  <c r="AD4181" i="1"/>
  <c r="AD4182" i="1"/>
  <c r="AD4184" i="1"/>
  <c r="AD4185" i="1"/>
  <c r="AD4186" i="1"/>
  <c r="AD4187" i="1"/>
  <c r="AD4188" i="1"/>
  <c r="AD4190" i="1"/>
  <c r="AD4191" i="1"/>
  <c r="AD4192" i="1"/>
  <c r="AD4193" i="1"/>
  <c r="AD4194" i="1"/>
  <c r="AD4195" i="1"/>
  <c r="AD4196" i="1"/>
  <c r="AD4197" i="1"/>
  <c r="AD4198" i="1"/>
  <c r="AD4199" i="1"/>
  <c r="AD4200" i="1"/>
  <c r="AD4202" i="1"/>
  <c r="AD4203" i="1"/>
  <c r="AD4204" i="1"/>
  <c r="AD4205" i="1"/>
  <c r="AD4206" i="1"/>
  <c r="AD4208" i="1"/>
  <c r="AD4209" i="1"/>
  <c r="AD4210" i="1"/>
  <c r="AD4211" i="1"/>
  <c r="AD4212" i="1"/>
  <c r="AD4214" i="1"/>
  <c r="AD4215" i="1"/>
  <c r="AD4216" i="1"/>
  <c r="AD4217" i="1"/>
  <c r="AD4218" i="1"/>
  <c r="AD4220" i="1"/>
  <c r="AD4221" i="1"/>
  <c r="AD4222" i="1"/>
  <c r="AD4223" i="1"/>
  <c r="AD4224" i="1"/>
  <c r="AD4226" i="1"/>
  <c r="AD4227" i="1"/>
  <c r="AD4228" i="1"/>
  <c r="AD4229" i="1"/>
  <c r="AD4230" i="1"/>
  <c r="AD4231" i="1"/>
  <c r="AD4232" i="1"/>
  <c r="AD4233" i="1"/>
  <c r="AD4234" i="1"/>
  <c r="AD4235" i="1"/>
  <c r="AD4236" i="1"/>
  <c r="AD4238" i="1"/>
  <c r="AD4239" i="1"/>
  <c r="AD4240" i="1"/>
  <c r="AD4241" i="1"/>
  <c r="AD4242" i="1"/>
  <c r="AD4243" i="1"/>
  <c r="AD4244" i="1"/>
  <c r="AD4245" i="1"/>
  <c r="AD4246" i="1"/>
  <c r="AD4247" i="1"/>
  <c r="AD4248" i="1"/>
  <c r="AD4250" i="1"/>
  <c r="AD4251" i="1"/>
  <c r="AD4252" i="1"/>
  <c r="AD4253" i="1"/>
  <c r="AD4254" i="1"/>
  <c r="AD4255" i="1"/>
  <c r="AD4256" i="1"/>
  <c r="AD4257" i="1"/>
  <c r="AD4258" i="1"/>
  <c r="AD4259" i="1"/>
  <c r="AD4260" i="1"/>
  <c r="AD4262" i="1"/>
  <c r="AD4263" i="1"/>
  <c r="AD4264" i="1"/>
  <c r="AD4265" i="1"/>
  <c r="AD4266" i="1"/>
  <c r="AD4268" i="1"/>
  <c r="AD4269" i="1"/>
  <c r="AD4270" i="1"/>
  <c r="AD4271" i="1"/>
  <c r="AD4272" i="1"/>
  <c r="AD4274" i="1"/>
  <c r="AD4275" i="1"/>
  <c r="AD4276" i="1"/>
  <c r="AD4277" i="1"/>
  <c r="AD4278" i="1"/>
  <c r="AD4280" i="1"/>
  <c r="AD4281" i="1"/>
  <c r="AD4282" i="1"/>
  <c r="AD4283" i="1"/>
  <c r="AD4284" i="1"/>
  <c r="AD4286" i="1"/>
  <c r="AD4287" i="1"/>
  <c r="AD4288" i="1"/>
  <c r="AD4289" i="1"/>
  <c r="AD4290" i="1"/>
  <c r="AD4292" i="1"/>
  <c r="AD4293" i="1"/>
  <c r="AD4294" i="1"/>
  <c r="AD4295" i="1"/>
  <c r="AD4296" i="1"/>
  <c r="AD4298" i="1"/>
  <c r="AD4299" i="1"/>
  <c r="AD4300" i="1"/>
  <c r="AD4301" i="1"/>
  <c r="AD4302" i="1"/>
  <c r="AD4303" i="1"/>
  <c r="AD4304" i="1"/>
  <c r="AD4305" i="1"/>
  <c r="AD4306" i="1"/>
  <c r="AD4307" i="1"/>
  <c r="AD4308" i="1"/>
  <c r="AD4310" i="1"/>
  <c r="AD4311" i="1"/>
  <c r="AD4312" i="1"/>
  <c r="AD4313" i="1"/>
  <c r="AD4314" i="1"/>
  <c r="AD4315" i="1"/>
  <c r="AD4316" i="1"/>
  <c r="AD4317" i="1"/>
  <c r="AD4318" i="1"/>
  <c r="AD4319" i="1"/>
  <c r="AD4320" i="1"/>
  <c r="AD4322" i="1"/>
  <c r="AD4323" i="1"/>
  <c r="AD4324" i="1"/>
  <c r="AD4325" i="1"/>
  <c r="AD4326" i="1"/>
  <c r="AD4328" i="1"/>
  <c r="AD4329" i="1"/>
  <c r="AD4330" i="1"/>
  <c r="AD4331" i="1"/>
  <c r="AD4332" i="1"/>
  <c r="AD4334" i="1"/>
  <c r="AD4335" i="1"/>
  <c r="AD4336" i="1"/>
  <c r="AD4337" i="1"/>
  <c r="AD4338" i="1"/>
  <c r="AD4339" i="1"/>
  <c r="AD4340" i="1"/>
  <c r="AD4341" i="1"/>
  <c r="AD4342" i="1"/>
  <c r="AD4343" i="1"/>
  <c r="AD4344" i="1"/>
  <c r="AD4346" i="1"/>
  <c r="AD4347" i="1"/>
  <c r="AD4348" i="1"/>
  <c r="AD4349" i="1"/>
  <c r="AD4350" i="1"/>
  <c r="AD4352" i="1"/>
  <c r="AD4353" i="1"/>
  <c r="AD4354" i="1"/>
  <c r="AD4355" i="1"/>
  <c r="AD4356" i="1"/>
  <c r="AD4358" i="1"/>
  <c r="AD4359" i="1"/>
  <c r="AD4360" i="1"/>
  <c r="AD4361" i="1"/>
  <c r="AD4362" i="1"/>
  <c r="AD4364" i="1"/>
  <c r="AD4365" i="1"/>
  <c r="AD4366" i="1"/>
  <c r="AD4367" i="1"/>
  <c r="AD4368" i="1"/>
  <c r="AD4370" i="1"/>
  <c r="AD4371" i="1"/>
  <c r="AD4372" i="1"/>
  <c r="AD4373" i="1"/>
  <c r="AD4374" i="1"/>
  <c r="AD4375" i="1"/>
  <c r="AD4376" i="1"/>
  <c r="AD4377" i="1"/>
  <c r="AD4378" i="1"/>
  <c r="AD4379" i="1"/>
  <c r="AD4380" i="1"/>
  <c r="AD4382" i="1"/>
  <c r="AD4383" i="1"/>
  <c r="AD4384" i="1"/>
  <c r="AD4385" i="1"/>
  <c r="AD4386" i="1"/>
  <c r="AD4387" i="1"/>
  <c r="AD4388" i="1"/>
  <c r="AD4389" i="1"/>
  <c r="AD4390" i="1"/>
  <c r="AD4391" i="1"/>
  <c r="AD4392" i="1"/>
  <c r="AD4394" i="1"/>
  <c r="AD4395" i="1"/>
  <c r="AD4396" i="1"/>
  <c r="AD4397" i="1"/>
  <c r="AD4398" i="1"/>
  <c r="AD4399" i="1"/>
  <c r="AD4400" i="1"/>
  <c r="AD4401" i="1"/>
  <c r="AD4402" i="1"/>
  <c r="AD4403" i="1"/>
  <c r="AD4404" i="1"/>
  <c r="AD4406" i="1"/>
  <c r="AD4407" i="1"/>
  <c r="AD4408" i="1"/>
  <c r="AD4409" i="1"/>
  <c r="AD4410" i="1"/>
  <c r="AD4412" i="1"/>
  <c r="AD4413" i="1"/>
  <c r="AD4414" i="1"/>
  <c r="AD4415" i="1"/>
  <c r="AD4416" i="1"/>
  <c r="AD4418" i="1"/>
  <c r="AD4419" i="1"/>
  <c r="AD4420" i="1"/>
  <c r="AD4421" i="1"/>
  <c r="AD4422" i="1"/>
  <c r="AD4424" i="1"/>
  <c r="AD4425" i="1"/>
  <c r="AD4426" i="1"/>
  <c r="AD4427" i="1"/>
  <c r="AD4428" i="1"/>
  <c r="AD4430" i="1"/>
  <c r="AD4431" i="1"/>
  <c r="AD4432" i="1"/>
  <c r="AD4433" i="1"/>
  <c r="AD4434" i="1"/>
  <c r="AD4436" i="1"/>
  <c r="AD4437" i="1"/>
  <c r="AD4438" i="1"/>
  <c r="AD4439" i="1"/>
  <c r="AD4440" i="1"/>
  <c r="AD4442" i="1"/>
  <c r="AD4443" i="1"/>
  <c r="AD4444" i="1"/>
  <c r="AD4445" i="1"/>
  <c r="AD4446" i="1"/>
  <c r="AD4447" i="1"/>
  <c r="AD4448" i="1"/>
  <c r="AD4449" i="1"/>
  <c r="AD4450" i="1"/>
  <c r="AD4451" i="1"/>
  <c r="AD4452" i="1"/>
  <c r="AD4454" i="1"/>
  <c r="AD4455" i="1"/>
  <c r="AD4456" i="1"/>
  <c r="AD4457" i="1"/>
  <c r="AD4458" i="1"/>
  <c r="AD4459" i="1"/>
  <c r="AD4460" i="1"/>
  <c r="AD4461" i="1"/>
  <c r="AD4462" i="1"/>
  <c r="AD4463" i="1"/>
  <c r="AD4464" i="1"/>
  <c r="AD4466" i="1"/>
  <c r="AD4467" i="1"/>
  <c r="AD4468" i="1"/>
  <c r="AD4469" i="1"/>
  <c r="AD4470" i="1"/>
  <c r="AD4472" i="1"/>
  <c r="AD4473" i="1"/>
  <c r="AD4474" i="1"/>
  <c r="AD4475" i="1"/>
  <c r="AD4476" i="1"/>
  <c r="AD4478" i="1"/>
  <c r="AD4479" i="1"/>
  <c r="AD4480" i="1"/>
  <c r="AD4481" i="1"/>
  <c r="AD4482" i="1"/>
  <c r="AD4483" i="1"/>
  <c r="AD4484" i="1"/>
  <c r="AD4485" i="1"/>
  <c r="AD4486" i="1"/>
  <c r="AD4487" i="1"/>
  <c r="AD4488" i="1"/>
  <c r="AD4490" i="1"/>
  <c r="AD4491" i="1"/>
  <c r="AD4492" i="1"/>
  <c r="AD4493" i="1"/>
  <c r="AD4494" i="1"/>
  <c r="AD4496" i="1"/>
  <c r="AD4497" i="1"/>
  <c r="AD4498" i="1"/>
  <c r="AD4499" i="1"/>
  <c r="AD4500" i="1"/>
  <c r="AD4502" i="1"/>
  <c r="AD4503" i="1"/>
  <c r="AD4504" i="1"/>
  <c r="AD4505" i="1"/>
  <c r="AD4506" i="1"/>
  <c r="AD4507" i="1"/>
  <c r="AD4508" i="1"/>
  <c r="AD4509" i="1"/>
  <c r="AD4510" i="1"/>
  <c r="AD4511" i="1"/>
  <c r="AD4512" i="1"/>
  <c r="AD4514" i="1"/>
  <c r="AD4515" i="1"/>
  <c r="AD4516" i="1"/>
  <c r="AD4517" i="1"/>
  <c r="AD4518" i="1"/>
  <c r="AD4519" i="1"/>
  <c r="AD4520" i="1"/>
  <c r="AD4521" i="1"/>
  <c r="AD4522" i="1"/>
  <c r="AD4523" i="1"/>
  <c r="AD4524" i="1"/>
  <c r="AD4526" i="1"/>
  <c r="AD4527" i="1"/>
  <c r="AD4528" i="1"/>
  <c r="AD4529" i="1"/>
  <c r="AD4530" i="1"/>
  <c r="AD4531" i="1"/>
  <c r="AD4532" i="1"/>
  <c r="AD4533" i="1"/>
  <c r="AD4534" i="1"/>
  <c r="AD4535" i="1"/>
  <c r="AD4536" i="1"/>
  <c r="AD4538" i="1"/>
  <c r="AD4539" i="1"/>
  <c r="AD4540" i="1"/>
  <c r="AD4541" i="1"/>
  <c r="AD4542" i="1"/>
  <c r="AD4543" i="1"/>
  <c r="AD4544" i="1"/>
  <c r="AD4545" i="1"/>
  <c r="AD4546" i="1"/>
  <c r="AD4547" i="1"/>
  <c r="AD4548" i="1"/>
  <c r="AD4550" i="1"/>
  <c r="AD4551" i="1"/>
  <c r="AD4552" i="1"/>
  <c r="AD4553" i="1"/>
  <c r="AD4554" i="1"/>
  <c r="AD4555" i="1"/>
  <c r="AD4556" i="1"/>
  <c r="AD4557" i="1"/>
  <c r="AD4558" i="1"/>
  <c r="AD4559" i="1"/>
  <c r="AD4560" i="1"/>
  <c r="AD4562" i="1"/>
  <c r="AD4563" i="1"/>
  <c r="AD4564" i="1"/>
  <c r="AD4565" i="1"/>
  <c r="AD4566" i="1"/>
  <c r="AD4568" i="1"/>
  <c r="AD4569" i="1"/>
  <c r="AD4570" i="1"/>
  <c r="AD4571" i="1"/>
  <c r="AD4572" i="1"/>
  <c r="AD4574" i="1"/>
  <c r="AD4575" i="1"/>
  <c r="AD4576" i="1"/>
  <c r="AD4577" i="1"/>
  <c r="AD4578" i="1"/>
  <c r="AD4580" i="1"/>
  <c r="AD4581" i="1"/>
  <c r="AD4582" i="1"/>
  <c r="AD4583" i="1"/>
  <c r="AD4584" i="1"/>
  <c r="AD4586" i="1"/>
  <c r="AD4587" i="1"/>
  <c r="AD4588" i="1"/>
  <c r="AD4589" i="1"/>
  <c r="AD4590" i="1"/>
  <c r="AD4591" i="1"/>
  <c r="AD4592" i="1"/>
  <c r="AD4593" i="1"/>
  <c r="AD4594" i="1"/>
  <c r="AD4595" i="1"/>
  <c r="AD4596" i="1"/>
  <c r="AD4598" i="1"/>
  <c r="AD4599" i="1"/>
  <c r="AD4600" i="1"/>
  <c r="AD4601" i="1"/>
  <c r="AD4602" i="1"/>
  <c r="AD4603" i="1"/>
  <c r="AD4604" i="1"/>
  <c r="AD4605" i="1"/>
  <c r="AD4606" i="1"/>
  <c r="AD4607" i="1"/>
  <c r="AD4608" i="1"/>
  <c r="AD4610" i="1"/>
  <c r="AD4611" i="1"/>
  <c r="AD4612" i="1"/>
  <c r="AD4613" i="1"/>
  <c r="AD4614" i="1"/>
  <c r="AD4616" i="1"/>
  <c r="AD4617" i="1"/>
  <c r="AD4618" i="1"/>
  <c r="AD4619" i="1"/>
  <c r="AD4620" i="1"/>
  <c r="AD4622" i="1"/>
  <c r="AD4623" i="1"/>
  <c r="AD4624" i="1"/>
  <c r="AD4625" i="1"/>
  <c r="AD4626" i="1"/>
  <c r="AD4627" i="1"/>
  <c r="AD4628" i="1"/>
  <c r="AD4629" i="1"/>
  <c r="AD4630" i="1"/>
  <c r="AD4631" i="1"/>
  <c r="AD4632" i="1"/>
  <c r="AD4634" i="1"/>
  <c r="AD4635" i="1"/>
  <c r="AD4636" i="1"/>
  <c r="AD4637" i="1"/>
  <c r="AD4638" i="1"/>
  <c r="AD4640" i="1"/>
  <c r="AD4641" i="1"/>
  <c r="AD4642" i="1"/>
  <c r="AD4643" i="1"/>
  <c r="AD4644" i="1"/>
  <c r="AD4646" i="1"/>
  <c r="AD4647" i="1"/>
  <c r="AD4648" i="1"/>
  <c r="AD4649" i="1"/>
  <c r="AD4650" i="1"/>
  <c r="AD4651" i="1"/>
  <c r="AD4652" i="1"/>
  <c r="AD4653" i="1"/>
  <c r="AD4654" i="1"/>
  <c r="AD4655" i="1"/>
  <c r="AD4656" i="1"/>
  <c r="AD4658" i="1"/>
  <c r="AD4659" i="1"/>
  <c r="AD4660" i="1"/>
  <c r="AD4661" i="1"/>
  <c r="AD4662" i="1"/>
  <c r="AD4663" i="1"/>
  <c r="AD4664" i="1"/>
  <c r="AD4665" i="1"/>
  <c r="AD4666" i="1"/>
  <c r="AD4667" i="1"/>
  <c r="AD4668" i="1"/>
  <c r="AD4670" i="1"/>
  <c r="AD4671" i="1"/>
  <c r="AD4672" i="1"/>
  <c r="AD4673" i="1"/>
  <c r="AD4674" i="1"/>
  <c r="AD4675" i="1"/>
  <c r="AD4676" i="1"/>
  <c r="AD4677" i="1"/>
  <c r="AD4678" i="1"/>
  <c r="AD4679" i="1"/>
  <c r="AD4680" i="1"/>
  <c r="AD4682" i="1"/>
  <c r="AD4683" i="1"/>
  <c r="AD4684" i="1"/>
  <c r="AD4685" i="1"/>
  <c r="AD4686" i="1"/>
  <c r="AD4687" i="1"/>
  <c r="AD4688" i="1"/>
  <c r="AD4689" i="1"/>
  <c r="AD4690" i="1"/>
  <c r="AD4691" i="1"/>
  <c r="AD4692" i="1"/>
  <c r="AD4694" i="1"/>
  <c r="AD4695" i="1"/>
  <c r="AD4696" i="1"/>
  <c r="AD4697" i="1"/>
  <c r="AD4698" i="1"/>
  <c r="AD4699" i="1"/>
  <c r="AD4700" i="1"/>
  <c r="AD4701" i="1"/>
  <c r="AD4702" i="1"/>
  <c r="AD4703" i="1"/>
  <c r="AD4704" i="1"/>
  <c r="AD4706" i="1"/>
  <c r="AD4707" i="1"/>
  <c r="AD4708" i="1"/>
  <c r="AD4709" i="1"/>
  <c r="AD4710" i="1"/>
  <c r="AD4712" i="1"/>
  <c r="AD4713" i="1"/>
  <c r="AD4714" i="1"/>
  <c r="AD4715" i="1"/>
  <c r="AD4716" i="1"/>
  <c r="AD4718" i="1"/>
  <c r="AD4719" i="1"/>
  <c r="AD4720" i="1"/>
  <c r="AD4721" i="1"/>
  <c r="AD4722" i="1"/>
  <c r="AD4724" i="1"/>
  <c r="AD4725" i="1"/>
  <c r="AD4726" i="1"/>
  <c r="AD4727" i="1"/>
  <c r="AD4728" i="1"/>
  <c r="AD4730" i="1"/>
  <c r="AD4731" i="1"/>
  <c r="AD4732" i="1"/>
  <c r="AD4733" i="1"/>
  <c r="AD4734" i="1"/>
  <c r="AD4735" i="1"/>
  <c r="AD4736" i="1"/>
  <c r="AD4737" i="1"/>
  <c r="AD4738" i="1"/>
  <c r="AD4739" i="1"/>
  <c r="AD4740" i="1"/>
  <c r="AD4742" i="1"/>
  <c r="AD4743" i="1"/>
  <c r="AD4744" i="1"/>
  <c r="AD4745" i="1"/>
  <c r="AD4746" i="1"/>
  <c r="AD4747" i="1"/>
  <c r="AD4748" i="1"/>
  <c r="AD4749" i="1"/>
  <c r="AD4750" i="1"/>
  <c r="AD4751" i="1"/>
  <c r="AD4752" i="1"/>
  <c r="AD4754" i="1"/>
  <c r="AD4755" i="1"/>
  <c r="AD4756" i="1"/>
  <c r="AD4757" i="1"/>
  <c r="AD4758" i="1"/>
  <c r="AD4760" i="1"/>
  <c r="AD4761" i="1"/>
  <c r="AD4762" i="1"/>
  <c r="AD4763" i="1"/>
  <c r="AD4764" i="1"/>
  <c r="AD4766" i="1"/>
  <c r="AD4767" i="1"/>
  <c r="AD4768" i="1"/>
  <c r="AD4769" i="1"/>
  <c r="AD4770" i="1"/>
  <c r="AD4771" i="1"/>
  <c r="AD4772" i="1"/>
  <c r="AD4773" i="1"/>
  <c r="AD4774" i="1"/>
  <c r="AD4775" i="1"/>
  <c r="AD4776" i="1"/>
  <c r="AD4778" i="1"/>
  <c r="AD4779" i="1"/>
  <c r="AD4780" i="1"/>
  <c r="AD4781" i="1"/>
  <c r="AD4782" i="1"/>
  <c r="AD4784" i="1"/>
  <c r="AD4785" i="1"/>
  <c r="AD4786" i="1"/>
  <c r="AD4787" i="1"/>
  <c r="AD4788" i="1"/>
  <c r="AD4790" i="1"/>
  <c r="AD4791" i="1"/>
  <c r="AD4792" i="1"/>
  <c r="AD4793" i="1"/>
  <c r="AD4794" i="1"/>
  <c r="AD4795" i="1"/>
  <c r="AD4796" i="1"/>
  <c r="AD4797" i="1"/>
  <c r="AD4798" i="1"/>
  <c r="AD4799" i="1"/>
  <c r="AD4800" i="1"/>
  <c r="AD4802" i="1"/>
  <c r="AD4803" i="1"/>
  <c r="AD4804" i="1"/>
  <c r="AD4805" i="1"/>
  <c r="AD4806" i="1"/>
  <c r="AD4807" i="1"/>
  <c r="AD4808" i="1"/>
  <c r="AD4809" i="1"/>
  <c r="AD4810" i="1"/>
  <c r="AD4811" i="1"/>
  <c r="AD4812" i="1"/>
  <c r="AD4814" i="1"/>
  <c r="AD4815" i="1"/>
  <c r="AD4816" i="1"/>
  <c r="AD4817" i="1"/>
  <c r="AD4818" i="1"/>
  <c r="AD4819" i="1"/>
  <c r="AD4820" i="1"/>
  <c r="AD4821" i="1"/>
  <c r="AD4822" i="1"/>
  <c r="AD4823" i="1"/>
  <c r="AD4824" i="1"/>
  <c r="AD4826" i="1"/>
  <c r="AD4827" i="1"/>
  <c r="AD4828" i="1"/>
  <c r="AD4829" i="1"/>
  <c r="AD4830" i="1"/>
  <c r="AD4831" i="1"/>
  <c r="AD4832" i="1"/>
  <c r="AD4833" i="1"/>
  <c r="AD4834" i="1"/>
  <c r="AD4835" i="1"/>
  <c r="AD4836" i="1"/>
  <c r="AD4838" i="1"/>
  <c r="AD4839" i="1"/>
  <c r="AD4840" i="1"/>
  <c r="AD4841" i="1"/>
  <c r="AD4842" i="1"/>
  <c r="AD4843" i="1"/>
  <c r="AD4844" i="1"/>
  <c r="AD4845" i="1"/>
  <c r="AD4846" i="1"/>
  <c r="AD4847" i="1"/>
  <c r="AD4848" i="1"/>
  <c r="AD4850" i="1"/>
  <c r="AD4851" i="1"/>
  <c r="AD4852" i="1"/>
  <c r="AD4853" i="1"/>
  <c r="AD4854" i="1"/>
  <c r="AD4856" i="1"/>
  <c r="AD4857" i="1"/>
  <c r="AD4858" i="1"/>
  <c r="AD4859" i="1"/>
  <c r="AD4860" i="1"/>
  <c r="AD4862" i="1"/>
  <c r="AD4863" i="1"/>
  <c r="AD4864" i="1"/>
  <c r="AD4865" i="1"/>
  <c r="AD4866" i="1"/>
  <c r="AD4868" i="1"/>
  <c r="AD4869" i="1"/>
  <c r="AD4870" i="1"/>
  <c r="AD4871" i="1"/>
  <c r="AD4872" i="1"/>
  <c r="AD4874" i="1"/>
  <c r="AD4875" i="1"/>
  <c r="AD4876" i="1"/>
  <c r="AD4877" i="1"/>
  <c r="AD4878" i="1"/>
  <c r="AD4879" i="1"/>
  <c r="AD4880" i="1"/>
  <c r="AD4881" i="1"/>
  <c r="AD4882" i="1"/>
  <c r="AD4883" i="1"/>
  <c r="AD4884" i="1"/>
  <c r="AD4886" i="1"/>
  <c r="AD4887" i="1"/>
  <c r="AD4888" i="1"/>
  <c r="AD4889" i="1"/>
  <c r="AD4890" i="1"/>
  <c r="AD4891" i="1"/>
  <c r="AD4892" i="1"/>
  <c r="AD4893" i="1"/>
  <c r="AD4894" i="1"/>
  <c r="AD4895" i="1"/>
  <c r="AD4896" i="1"/>
  <c r="AD4898" i="1"/>
  <c r="AD4899" i="1"/>
  <c r="AD4900" i="1"/>
  <c r="AD4901" i="1"/>
  <c r="AD4902" i="1"/>
  <c r="AD4904" i="1"/>
  <c r="AD4905" i="1"/>
  <c r="AD4906" i="1"/>
  <c r="AD4907" i="1"/>
  <c r="AD4908" i="1"/>
  <c r="AD4910" i="1"/>
  <c r="AD4911" i="1"/>
  <c r="AD4912" i="1"/>
  <c r="AD4913" i="1"/>
  <c r="AD4914" i="1"/>
  <c r="AD4915" i="1"/>
  <c r="AD4916" i="1"/>
  <c r="AD4917" i="1"/>
  <c r="AD4918" i="1"/>
  <c r="AD4919" i="1"/>
  <c r="AD4920" i="1"/>
  <c r="AD4922" i="1"/>
  <c r="AD4923" i="1"/>
  <c r="AD4924" i="1"/>
  <c r="AD4925" i="1"/>
  <c r="AD4926" i="1"/>
  <c r="AD4928" i="1"/>
  <c r="AD4929" i="1"/>
  <c r="AD4930" i="1"/>
  <c r="AD4931" i="1"/>
  <c r="AD4932" i="1"/>
  <c r="AD4934" i="1"/>
  <c r="AD4935" i="1"/>
  <c r="AD4936" i="1"/>
  <c r="AD4937" i="1"/>
  <c r="AD4938" i="1"/>
  <c r="AD4939" i="1"/>
  <c r="AD4940" i="1"/>
  <c r="AD4941" i="1"/>
  <c r="AD4942" i="1"/>
  <c r="AD4943" i="1"/>
  <c r="AD4944" i="1"/>
  <c r="AD4946" i="1"/>
  <c r="AD4947" i="1"/>
  <c r="AD4948" i="1"/>
  <c r="AD4949" i="1"/>
  <c r="AD4950" i="1"/>
  <c r="AD4951" i="1"/>
  <c r="AD4952" i="1"/>
  <c r="AD4953" i="1"/>
  <c r="AD4954" i="1"/>
  <c r="AD4955" i="1"/>
  <c r="AD4956" i="1"/>
  <c r="AD4958" i="1"/>
  <c r="AD4959" i="1"/>
  <c r="AD4960" i="1"/>
  <c r="AD4961" i="1"/>
  <c r="AD4962" i="1"/>
  <c r="AD4963" i="1"/>
  <c r="AD4964" i="1"/>
  <c r="AD4965" i="1"/>
  <c r="AD4966" i="1"/>
  <c r="AD4967" i="1"/>
  <c r="AD4968" i="1"/>
  <c r="AD4970" i="1"/>
  <c r="AD4971" i="1"/>
  <c r="AD4972" i="1"/>
  <c r="AD4973" i="1"/>
  <c r="AD4974" i="1"/>
  <c r="AD4975" i="1"/>
  <c r="AD4976" i="1"/>
  <c r="AD4977" i="1"/>
  <c r="AD4978" i="1"/>
  <c r="AD4979" i="1"/>
  <c r="AD4980" i="1"/>
  <c r="AD4982" i="1"/>
  <c r="AD4983" i="1"/>
  <c r="AD4984" i="1"/>
  <c r="AD4985" i="1"/>
  <c r="AD4986" i="1"/>
  <c r="AD4987" i="1"/>
  <c r="AD4988" i="1"/>
  <c r="AD4989" i="1"/>
  <c r="AD4990" i="1"/>
  <c r="AD4991" i="1"/>
  <c r="AD4992" i="1"/>
  <c r="AD4994" i="1"/>
  <c r="AD4995" i="1"/>
  <c r="AD4996" i="1"/>
  <c r="AD4997" i="1"/>
  <c r="AD4998" i="1"/>
  <c r="AD5000" i="1"/>
  <c r="AD5001" i="1"/>
  <c r="AD5002" i="1"/>
  <c r="AD5003" i="1"/>
  <c r="AD5004" i="1"/>
  <c r="AD5006" i="1"/>
  <c r="AD5007" i="1"/>
  <c r="AD5008" i="1"/>
  <c r="AD5009" i="1"/>
  <c r="AD5010" i="1"/>
  <c r="AD5012" i="1"/>
  <c r="AD5013" i="1"/>
  <c r="AD5014" i="1"/>
  <c r="AD5015" i="1"/>
  <c r="AD5016" i="1"/>
  <c r="AD5018" i="1"/>
  <c r="AD5019" i="1"/>
  <c r="AD5020" i="1"/>
  <c r="AD5021" i="1"/>
  <c r="AD5022" i="1"/>
  <c r="AD5023" i="1"/>
  <c r="AD5024" i="1"/>
  <c r="AD5025" i="1"/>
  <c r="AD5026" i="1"/>
  <c r="AD5027" i="1"/>
  <c r="AD5028" i="1"/>
  <c r="AD5030" i="1"/>
  <c r="AD5031" i="1"/>
  <c r="AD5032" i="1"/>
  <c r="AD5033" i="1"/>
  <c r="AD5034" i="1"/>
  <c r="AD5035" i="1"/>
  <c r="AD5036" i="1"/>
  <c r="AD5037" i="1"/>
  <c r="AD5038" i="1"/>
  <c r="AD5039" i="1"/>
  <c r="AD5040" i="1"/>
  <c r="AD5042" i="1"/>
  <c r="AD5043" i="1"/>
  <c r="AD5044" i="1"/>
  <c r="AD5045" i="1"/>
  <c r="AD5046" i="1"/>
  <c r="AD5048" i="1"/>
  <c r="AD5049" i="1"/>
  <c r="AD5050" i="1"/>
  <c r="AD5051" i="1"/>
  <c r="AD5052" i="1"/>
  <c r="AD5054" i="1"/>
  <c r="AD5055" i="1"/>
  <c r="AD5056" i="1"/>
  <c r="AD5057" i="1"/>
  <c r="AD5058" i="1"/>
  <c r="AD5059" i="1"/>
  <c r="AD5060" i="1"/>
  <c r="AD5061" i="1"/>
  <c r="AD5062" i="1"/>
  <c r="AD5063" i="1"/>
  <c r="AD5064" i="1"/>
  <c r="AD5066" i="1"/>
  <c r="AD5067" i="1"/>
  <c r="AD5068" i="1"/>
  <c r="AD5069" i="1"/>
  <c r="AD5070" i="1"/>
  <c r="AD5072" i="1"/>
  <c r="AD5073" i="1"/>
  <c r="AD5074" i="1"/>
  <c r="AD5075" i="1"/>
  <c r="AD5076" i="1"/>
  <c r="AD5078" i="1"/>
  <c r="AD5079" i="1"/>
  <c r="AD5080" i="1"/>
  <c r="AD5081" i="1"/>
  <c r="AD5082" i="1"/>
  <c r="AD5083" i="1"/>
  <c r="AD5084" i="1"/>
  <c r="AD5085" i="1"/>
  <c r="AD5086" i="1"/>
  <c r="AD5087" i="1"/>
  <c r="AD5088" i="1"/>
  <c r="AD5090" i="1"/>
  <c r="AD5091" i="1"/>
  <c r="AD5092" i="1"/>
  <c r="AD5093" i="1"/>
  <c r="AD5094" i="1"/>
  <c r="AD5095" i="1"/>
  <c r="AD5096" i="1"/>
  <c r="AD5097" i="1"/>
  <c r="AD5098" i="1"/>
  <c r="AD5099" i="1"/>
  <c r="AD5100" i="1"/>
  <c r="AD5102" i="1"/>
  <c r="AD5103" i="1"/>
  <c r="AD5104" i="1"/>
  <c r="AD5105" i="1"/>
  <c r="AD5106" i="1"/>
  <c r="AD5107" i="1"/>
  <c r="AD5108" i="1"/>
  <c r="AD5109" i="1"/>
  <c r="AD5110" i="1"/>
  <c r="AD5111" i="1"/>
  <c r="AD5112" i="1"/>
  <c r="AD5114" i="1"/>
  <c r="AD5115" i="1"/>
  <c r="AD5116" i="1"/>
  <c r="AD5117" i="1"/>
  <c r="AD5118" i="1"/>
  <c r="AD5119" i="1"/>
  <c r="AD5120" i="1"/>
  <c r="AD5121" i="1"/>
  <c r="AD5122" i="1"/>
  <c r="AD5123" i="1"/>
  <c r="AD5124" i="1"/>
  <c r="AD5126" i="1"/>
  <c r="AD5127" i="1"/>
  <c r="AD5128" i="1"/>
  <c r="AD5129" i="1"/>
  <c r="AD5130" i="1"/>
  <c r="AD5131" i="1"/>
  <c r="AD5132" i="1"/>
  <c r="AD5133" i="1"/>
  <c r="AD5134" i="1"/>
  <c r="AD5135" i="1"/>
  <c r="AD5136" i="1"/>
  <c r="AD5138" i="1"/>
  <c r="AD5139" i="1"/>
  <c r="AD5140" i="1"/>
  <c r="AD5141" i="1"/>
  <c r="AD5142" i="1"/>
  <c r="AD5144" i="1"/>
  <c r="AD5145" i="1"/>
  <c r="AD5146" i="1"/>
  <c r="AD5147" i="1"/>
  <c r="AD5148" i="1"/>
  <c r="AD5150" i="1"/>
  <c r="AD5151" i="1"/>
  <c r="AD5152" i="1"/>
  <c r="AD5153" i="1"/>
  <c r="AD5154" i="1"/>
  <c r="AD5156" i="1"/>
  <c r="AD5157" i="1"/>
  <c r="AD5158" i="1"/>
  <c r="AD5159" i="1"/>
  <c r="AD5160" i="1"/>
  <c r="AD5162" i="1"/>
  <c r="AD5163" i="1"/>
  <c r="AD5164" i="1"/>
  <c r="AD5165" i="1"/>
  <c r="AD5166" i="1"/>
  <c r="AD5167" i="1"/>
  <c r="AD5168" i="1"/>
  <c r="AD5169" i="1"/>
  <c r="AD5170" i="1"/>
  <c r="AD5171" i="1"/>
  <c r="AD5172" i="1"/>
  <c r="AD5174" i="1"/>
  <c r="AD5175" i="1"/>
  <c r="AD5176" i="1"/>
  <c r="AD5177" i="1"/>
  <c r="AD5178" i="1"/>
  <c r="AD5179" i="1"/>
  <c r="AD5180" i="1"/>
  <c r="AD5181" i="1"/>
  <c r="AD5182" i="1"/>
  <c r="AD5183" i="1"/>
  <c r="AD5184" i="1"/>
  <c r="AD5186" i="1"/>
  <c r="AD5187" i="1"/>
  <c r="AD5188" i="1"/>
  <c r="AD5189" i="1"/>
  <c r="AD5190" i="1"/>
  <c r="AD5192" i="1"/>
  <c r="AD5193" i="1"/>
  <c r="AD5194" i="1"/>
  <c r="AD5195" i="1"/>
  <c r="AD5196" i="1"/>
  <c r="AD5198" i="1"/>
  <c r="AD5199" i="1"/>
  <c r="AD5200" i="1"/>
  <c r="AD5201" i="1"/>
  <c r="AD5202" i="1"/>
  <c r="AD5203" i="1"/>
  <c r="AD5204" i="1"/>
  <c r="AD5205" i="1"/>
  <c r="AD5206" i="1"/>
  <c r="AD5207" i="1"/>
  <c r="AD5208" i="1"/>
  <c r="AD5210" i="1"/>
  <c r="AD5211" i="1"/>
  <c r="AD5212" i="1"/>
  <c r="AD5213" i="1"/>
  <c r="AD5214" i="1"/>
  <c r="AD5216" i="1"/>
  <c r="AD5217" i="1"/>
  <c r="AD5218" i="1"/>
  <c r="AD5219" i="1"/>
  <c r="AD5220" i="1"/>
  <c r="AD5222" i="1"/>
  <c r="AD5223" i="1"/>
  <c r="AD5224" i="1"/>
  <c r="AD5225" i="1"/>
  <c r="AD5226" i="1"/>
  <c r="AD5227" i="1"/>
  <c r="AD5228" i="1"/>
  <c r="AD5229" i="1"/>
  <c r="AD5230" i="1"/>
  <c r="AD5231" i="1"/>
  <c r="AD5232" i="1"/>
  <c r="AD5234" i="1"/>
  <c r="AD5235" i="1"/>
  <c r="AD5236" i="1"/>
  <c r="AD5237" i="1"/>
  <c r="AD5238" i="1"/>
  <c r="AD5239" i="1"/>
  <c r="AD5240" i="1"/>
  <c r="AD5241" i="1"/>
  <c r="AD5242" i="1"/>
  <c r="AD5243" i="1"/>
  <c r="AD5244" i="1"/>
  <c r="AD5246" i="1"/>
  <c r="AD5247" i="1"/>
  <c r="AD5248" i="1"/>
  <c r="AD5249" i="1"/>
  <c r="AD5250" i="1"/>
  <c r="AD5251" i="1"/>
  <c r="AD5252" i="1"/>
  <c r="AD5253" i="1"/>
  <c r="AD5254" i="1"/>
  <c r="AD5255" i="1"/>
  <c r="AD5256" i="1"/>
  <c r="AD5258" i="1"/>
  <c r="AD5259" i="1"/>
  <c r="AD5260" i="1"/>
  <c r="AD5261" i="1"/>
  <c r="AD5262" i="1"/>
  <c r="AD5263" i="1"/>
  <c r="AD5264" i="1"/>
  <c r="AD5265" i="1"/>
  <c r="AD5266" i="1"/>
  <c r="AD5267" i="1"/>
  <c r="AD5268" i="1"/>
  <c r="AD5270" i="1"/>
  <c r="AD5271" i="1"/>
  <c r="AD5272" i="1"/>
  <c r="AD5273" i="1"/>
  <c r="AD5274" i="1"/>
  <c r="AD5275" i="1"/>
  <c r="AD5276" i="1"/>
  <c r="AD5277" i="1"/>
  <c r="AD5278" i="1"/>
  <c r="AD5279" i="1"/>
  <c r="AD5280" i="1"/>
  <c r="AD5282" i="1"/>
  <c r="AD5283" i="1"/>
  <c r="AD5284" i="1"/>
  <c r="AD5285" i="1"/>
  <c r="AD5286" i="1"/>
  <c r="AD5288" i="1"/>
  <c r="AD5289" i="1"/>
  <c r="AD5290" i="1"/>
  <c r="AD5291" i="1"/>
  <c r="AD5292" i="1"/>
  <c r="AD5294" i="1"/>
  <c r="AD5295" i="1"/>
  <c r="AD5296" i="1"/>
  <c r="AD5297" i="1"/>
  <c r="AD5298" i="1"/>
  <c r="AD5300" i="1"/>
  <c r="AD5301" i="1"/>
  <c r="AD5302" i="1"/>
  <c r="AD5303" i="1"/>
  <c r="AD5304" i="1"/>
  <c r="AD5306" i="1"/>
  <c r="AD5307" i="1"/>
  <c r="AD5308" i="1"/>
  <c r="AD5309" i="1"/>
  <c r="AD5310" i="1"/>
  <c r="AD5311" i="1"/>
  <c r="AD5312" i="1"/>
  <c r="AD5313" i="1"/>
  <c r="AD5314" i="1"/>
  <c r="AD5315" i="1"/>
  <c r="AD5316" i="1"/>
  <c r="AD5318" i="1"/>
  <c r="AD5319" i="1"/>
  <c r="AD5320" i="1"/>
  <c r="AD5321" i="1"/>
  <c r="AD5322" i="1"/>
  <c r="AD5323" i="1"/>
  <c r="AD5324" i="1"/>
  <c r="AD5325" i="1"/>
  <c r="AD5326" i="1"/>
  <c r="AD5327" i="1"/>
  <c r="AD5328" i="1"/>
  <c r="AD5330" i="1"/>
  <c r="AD5331" i="1"/>
  <c r="AD5332" i="1"/>
  <c r="AD5333" i="1"/>
  <c r="AD5334" i="1"/>
  <c r="AD5336" i="1"/>
  <c r="AD5337" i="1"/>
  <c r="AD5338" i="1"/>
  <c r="AD5339" i="1"/>
  <c r="AD5340" i="1"/>
  <c r="AD5342" i="1"/>
  <c r="AD5343" i="1"/>
  <c r="AD5344" i="1"/>
  <c r="AD5345" i="1"/>
  <c r="AD5346" i="1"/>
  <c r="AD5347" i="1"/>
  <c r="AD5348" i="1"/>
  <c r="AD5349" i="1"/>
  <c r="AD5350" i="1"/>
  <c r="AD5351" i="1"/>
  <c r="AD5352" i="1"/>
  <c r="AD5354" i="1"/>
  <c r="AD5355" i="1"/>
  <c r="AD5356" i="1"/>
  <c r="AD5357" i="1"/>
  <c r="AD5358" i="1"/>
  <c r="AD5360" i="1"/>
  <c r="AD5361" i="1"/>
  <c r="AD5362" i="1"/>
  <c r="AD5363" i="1"/>
  <c r="AD5364" i="1"/>
  <c r="AD5366" i="1"/>
  <c r="AD5367" i="1"/>
  <c r="AD5368" i="1"/>
  <c r="AD5369" i="1"/>
  <c r="AD5370" i="1"/>
  <c r="AD5371" i="1"/>
  <c r="AD5372" i="1"/>
  <c r="AD5373" i="1"/>
  <c r="AD5374" i="1"/>
  <c r="AD5375" i="1"/>
  <c r="AD5376" i="1"/>
  <c r="AD5378" i="1"/>
  <c r="AD5379" i="1"/>
  <c r="AD5380" i="1"/>
  <c r="AD5381" i="1"/>
  <c r="AD5382" i="1"/>
  <c r="AD5383" i="1"/>
  <c r="AD5384" i="1"/>
  <c r="AD5385" i="1"/>
  <c r="AD5386" i="1"/>
  <c r="AD5387" i="1"/>
  <c r="AD5388" i="1"/>
  <c r="AD5390" i="1"/>
  <c r="AD5391" i="1"/>
  <c r="AD5392" i="1"/>
  <c r="AD5393" i="1"/>
  <c r="AD5394" i="1"/>
  <c r="AD5395" i="1"/>
  <c r="AD5396" i="1"/>
  <c r="AD5397" i="1"/>
  <c r="AD5398" i="1"/>
  <c r="AD5399" i="1"/>
  <c r="AD5400" i="1"/>
  <c r="AD5402" i="1"/>
  <c r="AD5403" i="1"/>
  <c r="AD5404" i="1"/>
  <c r="AD5405" i="1"/>
  <c r="AD5406" i="1"/>
  <c r="AD5407" i="1"/>
  <c r="AD5408" i="1"/>
  <c r="AD5409" i="1"/>
  <c r="AD5410" i="1"/>
  <c r="AD5411" i="1"/>
  <c r="AD5412" i="1"/>
  <c r="AD5414" i="1"/>
  <c r="AD5415" i="1"/>
  <c r="AD5416" i="1"/>
  <c r="AD5417" i="1"/>
  <c r="AD5418" i="1"/>
  <c r="AD5419" i="1"/>
  <c r="AD5420" i="1"/>
  <c r="AD5421" i="1"/>
  <c r="AD5422" i="1"/>
  <c r="AD5423" i="1"/>
  <c r="AD5424" i="1"/>
  <c r="AD5426" i="1"/>
  <c r="AD5427" i="1"/>
  <c r="AD5428" i="1"/>
  <c r="AD5429" i="1"/>
  <c r="AD5430" i="1"/>
  <c r="AD5432" i="1"/>
  <c r="AD5433" i="1"/>
  <c r="AD5434" i="1"/>
  <c r="AD5435" i="1"/>
  <c r="AD5436" i="1"/>
  <c r="AD5438" i="1"/>
  <c r="AD5439" i="1"/>
  <c r="AD5440" i="1"/>
  <c r="AD5441" i="1"/>
  <c r="AD5442" i="1"/>
  <c r="AD5444" i="1"/>
  <c r="AD5445" i="1"/>
  <c r="AD5446" i="1"/>
  <c r="AD5447" i="1"/>
  <c r="AD5448" i="1"/>
  <c r="AD5450" i="1"/>
  <c r="AD5451" i="1"/>
  <c r="AD5452" i="1"/>
  <c r="AD5453" i="1"/>
  <c r="AD5454" i="1"/>
  <c r="AD5455" i="1"/>
  <c r="AD5456" i="1"/>
  <c r="AD5457" i="1"/>
  <c r="AD5458" i="1"/>
  <c r="AD5459" i="1"/>
  <c r="AD5460" i="1"/>
  <c r="AD5462" i="1"/>
  <c r="AD5463" i="1"/>
  <c r="AD5464" i="1"/>
  <c r="AD5465" i="1"/>
  <c r="AD5466" i="1"/>
  <c r="AD5467" i="1"/>
  <c r="AD5468" i="1"/>
  <c r="AD5469" i="1"/>
  <c r="AD5470" i="1"/>
  <c r="AD5471" i="1"/>
  <c r="AD5472" i="1"/>
  <c r="AD5474" i="1"/>
  <c r="AD5475" i="1"/>
  <c r="AD5476" i="1"/>
  <c r="AD5477" i="1"/>
  <c r="AD5478" i="1"/>
  <c r="AD5480" i="1"/>
  <c r="AD5481" i="1"/>
  <c r="AD5482" i="1"/>
  <c r="AD5483" i="1"/>
  <c r="AD5484" i="1"/>
  <c r="AD5486" i="1"/>
  <c r="AD5487" i="1"/>
  <c r="AD5488" i="1"/>
  <c r="AD5489" i="1"/>
  <c r="AD5490" i="1"/>
  <c r="AD5491" i="1"/>
  <c r="AD5492" i="1"/>
  <c r="AD5493" i="1"/>
  <c r="AD5494" i="1"/>
  <c r="AD5495" i="1"/>
  <c r="AD5496" i="1"/>
  <c r="AD5498" i="1"/>
  <c r="AD5499" i="1"/>
  <c r="AD5500" i="1"/>
  <c r="AD5501" i="1"/>
  <c r="AD5502" i="1"/>
  <c r="AD5504" i="1"/>
  <c r="AD5505" i="1"/>
  <c r="AD5506" i="1"/>
  <c r="AD5507" i="1"/>
  <c r="AD5508" i="1"/>
  <c r="AD5510" i="1"/>
  <c r="AD5511" i="1"/>
  <c r="AD5512" i="1"/>
  <c r="AD5513" i="1"/>
  <c r="AD5514" i="1"/>
  <c r="AD5515" i="1"/>
  <c r="AD5516" i="1"/>
  <c r="AD5517" i="1"/>
  <c r="AD5518" i="1"/>
  <c r="AD5519" i="1"/>
  <c r="AD5520" i="1"/>
  <c r="AD5522" i="1"/>
  <c r="AD5523" i="1"/>
  <c r="AD5524" i="1"/>
  <c r="AD5525" i="1"/>
  <c r="AD5526" i="1"/>
  <c r="AD5527" i="1"/>
  <c r="AD5528" i="1"/>
  <c r="AD5529" i="1"/>
  <c r="AD5530" i="1"/>
  <c r="AD5531" i="1"/>
  <c r="AD5532" i="1"/>
  <c r="AD5534" i="1"/>
  <c r="AD5535" i="1"/>
  <c r="AD5536" i="1"/>
  <c r="AD5537" i="1"/>
  <c r="AD5538" i="1"/>
  <c r="AD5539" i="1"/>
  <c r="AD5540" i="1"/>
  <c r="AD5541" i="1"/>
  <c r="AD5542" i="1"/>
  <c r="AD5543" i="1"/>
  <c r="AD5544" i="1"/>
  <c r="AD5546" i="1"/>
  <c r="AD5547" i="1"/>
  <c r="AD5548" i="1"/>
  <c r="AD5549" i="1"/>
  <c r="AD5550" i="1"/>
  <c r="AD5551" i="1"/>
  <c r="AD5552" i="1"/>
  <c r="AD5553" i="1"/>
  <c r="AD5554" i="1"/>
  <c r="AD5555" i="1"/>
  <c r="AD5556" i="1"/>
  <c r="AD5558" i="1"/>
  <c r="AD5559" i="1"/>
  <c r="AD5560" i="1"/>
  <c r="AD5561" i="1"/>
  <c r="AD5562" i="1"/>
  <c r="AD5563" i="1"/>
  <c r="AD5564" i="1"/>
  <c r="AD5565" i="1"/>
  <c r="AD5566" i="1"/>
  <c r="AD5567" i="1"/>
  <c r="AD5568" i="1"/>
  <c r="AD5570" i="1"/>
  <c r="AD5571" i="1"/>
  <c r="AD5572" i="1"/>
  <c r="AD5573" i="1"/>
  <c r="AD5574" i="1"/>
  <c r="AD5576" i="1"/>
  <c r="AD5577" i="1"/>
  <c r="AD5578" i="1"/>
  <c r="AD5579" i="1"/>
  <c r="AD5580" i="1"/>
  <c r="AD5582" i="1"/>
  <c r="AD5583" i="1"/>
  <c r="AD5584" i="1"/>
  <c r="AD5585" i="1"/>
  <c r="AD5586" i="1"/>
  <c r="AD5588" i="1"/>
  <c r="AD5589" i="1"/>
  <c r="AD5590" i="1"/>
  <c r="AD5591" i="1"/>
  <c r="AD5592" i="1"/>
  <c r="AD5594" i="1"/>
  <c r="AD5595" i="1"/>
  <c r="AD5596" i="1"/>
  <c r="AD5597" i="1"/>
  <c r="AD5598" i="1"/>
  <c r="AD5599" i="1"/>
  <c r="AD5600" i="1"/>
  <c r="AD5601" i="1"/>
  <c r="AD5602" i="1"/>
  <c r="AD5603" i="1"/>
  <c r="AD5604" i="1"/>
  <c r="AD5606" i="1"/>
  <c r="AD5607" i="1"/>
  <c r="AD5608" i="1"/>
  <c r="AD5609" i="1"/>
  <c r="AD5610" i="1"/>
  <c r="AD5611" i="1"/>
  <c r="AD5612" i="1"/>
  <c r="AD5613" i="1"/>
  <c r="AD5614" i="1"/>
  <c r="AD5615" i="1"/>
  <c r="AD5616" i="1"/>
  <c r="AD5618" i="1"/>
  <c r="AD5619" i="1"/>
  <c r="AD5620" i="1"/>
  <c r="AD5621" i="1"/>
  <c r="AD5622" i="1"/>
  <c r="AD5624" i="1"/>
  <c r="AD5625" i="1"/>
  <c r="AD5626" i="1"/>
  <c r="AD5627" i="1"/>
  <c r="AD5628" i="1"/>
  <c r="AD5630" i="1"/>
  <c r="AD5631" i="1"/>
  <c r="AD5632" i="1"/>
  <c r="AD5633" i="1"/>
  <c r="AD5634" i="1"/>
  <c r="AD5635" i="1"/>
  <c r="AD5636" i="1"/>
  <c r="AD5637" i="1"/>
  <c r="AD5638" i="1"/>
  <c r="AD5639" i="1"/>
  <c r="AD5640" i="1"/>
  <c r="AD5642" i="1"/>
  <c r="AD5643" i="1"/>
  <c r="AD5644" i="1"/>
  <c r="AD5645" i="1"/>
  <c r="AD5646" i="1"/>
  <c r="AD5648" i="1"/>
  <c r="AD5649" i="1"/>
  <c r="AD5650" i="1"/>
  <c r="AD5651" i="1"/>
  <c r="AD5652" i="1"/>
  <c r="AD5654" i="1"/>
  <c r="AD5655" i="1"/>
  <c r="AD5656" i="1"/>
  <c r="AD5657" i="1"/>
  <c r="AD5658" i="1"/>
  <c r="AD5659" i="1"/>
  <c r="AD5660" i="1"/>
  <c r="AD5661" i="1"/>
  <c r="AD5662" i="1"/>
  <c r="AD5663" i="1"/>
  <c r="AD5664" i="1"/>
  <c r="AD5666" i="1"/>
  <c r="AD5667" i="1"/>
  <c r="AD5668" i="1"/>
  <c r="AD5669" i="1"/>
  <c r="AD5670" i="1"/>
  <c r="AD5671" i="1"/>
  <c r="AD5672" i="1"/>
  <c r="AD5673" i="1"/>
  <c r="AD5674" i="1"/>
  <c r="AD5675" i="1"/>
  <c r="AD5676" i="1"/>
  <c r="AD5678" i="1"/>
  <c r="AD5679" i="1"/>
  <c r="AD5680" i="1"/>
  <c r="AD5681" i="1"/>
  <c r="AD5682" i="1"/>
  <c r="AD5683" i="1"/>
  <c r="AD5684" i="1"/>
  <c r="AD5685" i="1"/>
  <c r="AD5686" i="1"/>
  <c r="AD5687" i="1"/>
  <c r="AD5688" i="1"/>
  <c r="AD5690" i="1"/>
  <c r="AD5691" i="1"/>
  <c r="AD5692" i="1"/>
  <c r="AD5693" i="1"/>
  <c r="AD5694" i="1"/>
  <c r="AD5695" i="1"/>
  <c r="AD5696" i="1"/>
  <c r="AD5697" i="1"/>
  <c r="AD5698" i="1"/>
  <c r="AD5699" i="1"/>
  <c r="AD5700" i="1"/>
  <c r="AD5702" i="1"/>
  <c r="AD5703" i="1"/>
  <c r="AD5704" i="1"/>
  <c r="AD5705" i="1"/>
  <c r="AD5706" i="1"/>
  <c r="AD5707" i="1"/>
  <c r="AD5708" i="1"/>
  <c r="AD5709" i="1"/>
  <c r="AD5710" i="1"/>
  <c r="AD5711" i="1"/>
  <c r="AD5712" i="1"/>
  <c r="AD5714" i="1"/>
  <c r="AD5715" i="1"/>
  <c r="AD5716" i="1"/>
  <c r="AD5717" i="1"/>
  <c r="AD5718" i="1"/>
  <c r="AD5720" i="1"/>
  <c r="AD5721" i="1"/>
  <c r="AD5722" i="1"/>
  <c r="AD5723" i="1"/>
  <c r="AD5724" i="1"/>
  <c r="AD5726" i="1"/>
  <c r="AD5727" i="1"/>
  <c r="AD5728" i="1"/>
  <c r="AD5729" i="1"/>
  <c r="AD5730" i="1"/>
  <c r="AD5732" i="1"/>
  <c r="AD5733" i="1"/>
  <c r="AD5734" i="1"/>
  <c r="AD5735" i="1"/>
  <c r="AD5736" i="1"/>
  <c r="AD5738" i="1"/>
  <c r="AD5739" i="1"/>
  <c r="AD5740" i="1"/>
  <c r="AD5741" i="1"/>
  <c r="AD5742" i="1"/>
  <c r="AD5743" i="1"/>
  <c r="AD5744" i="1"/>
  <c r="AD5745" i="1"/>
  <c r="AD5746" i="1"/>
  <c r="AD5747" i="1"/>
  <c r="AD5748" i="1"/>
  <c r="AD5750" i="1"/>
  <c r="AD5751" i="1"/>
  <c r="AD5752" i="1"/>
  <c r="AD5753" i="1"/>
  <c r="AD5754" i="1"/>
  <c r="AD5755" i="1"/>
  <c r="AD5756" i="1"/>
  <c r="AD5757" i="1"/>
  <c r="AD5758" i="1"/>
  <c r="AD5759" i="1"/>
  <c r="AD5760" i="1"/>
  <c r="AD5762" i="1"/>
  <c r="AD5763" i="1"/>
  <c r="AD5764" i="1"/>
  <c r="AD5765" i="1"/>
  <c r="AD5766" i="1"/>
  <c r="AD5768" i="1"/>
  <c r="AD5769" i="1"/>
  <c r="AD5770" i="1"/>
  <c r="AD5771" i="1"/>
  <c r="AD5772" i="1"/>
  <c r="AD5774" i="1"/>
  <c r="AD5775" i="1"/>
  <c r="AD5776" i="1"/>
  <c r="AD5777" i="1"/>
  <c r="AD5778" i="1"/>
  <c r="AD5779" i="1"/>
  <c r="AD5780" i="1"/>
  <c r="AD5781" i="1"/>
  <c r="AD5782" i="1"/>
  <c r="AD5783" i="1"/>
  <c r="AD5784" i="1"/>
  <c r="AD5786" i="1"/>
  <c r="AD5787" i="1"/>
  <c r="AD5788" i="1"/>
  <c r="AD5789" i="1"/>
  <c r="AD5790" i="1"/>
  <c r="AD5792" i="1"/>
  <c r="AD5793" i="1"/>
  <c r="AD5794" i="1"/>
  <c r="AD5795" i="1"/>
  <c r="AD5796" i="1"/>
  <c r="AD5798" i="1"/>
  <c r="AD5799" i="1"/>
  <c r="AD5800" i="1"/>
  <c r="AD5801" i="1"/>
  <c r="AD5802" i="1"/>
  <c r="AD5803" i="1"/>
  <c r="AD5804" i="1"/>
  <c r="AD5805" i="1"/>
  <c r="AD5806" i="1"/>
  <c r="AD5807" i="1"/>
  <c r="AD5808" i="1"/>
  <c r="AD5810" i="1"/>
  <c r="AD5811" i="1"/>
  <c r="AD5812" i="1"/>
  <c r="AD5813" i="1"/>
  <c r="AD5814" i="1"/>
  <c r="AD5815" i="1"/>
  <c r="AD5816" i="1"/>
  <c r="AD5817" i="1"/>
  <c r="AD5818" i="1"/>
  <c r="AD5819" i="1"/>
  <c r="AD5820" i="1"/>
  <c r="AD5822" i="1"/>
  <c r="AD5823" i="1"/>
  <c r="AD5824" i="1"/>
  <c r="AD5825" i="1"/>
  <c r="AD5826" i="1"/>
  <c r="AD5827" i="1"/>
  <c r="AD5828" i="1"/>
  <c r="AD5829" i="1"/>
  <c r="AD5830" i="1"/>
  <c r="AD5831" i="1"/>
  <c r="AD5832" i="1"/>
  <c r="AD5834" i="1"/>
  <c r="AD5835" i="1"/>
  <c r="AD5836" i="1"/>
  <c r="AD5837" i="1"/>
  <c r="AD5838" i="1"/>
  <c r="AD5839" i="1"/>
  <c r="AD5840" i="1"/>
  <c r="AD5841" i="1"/>
  <c r="AD5842" i="1"/>
  <c r="AD5843" i="1"/>
  <c r="AD5844" i="1"/>
  <c r="AD5846" i="1"/>
  <c r="AD5847" i="1"/>
  <c r="AD5848" i="1"/>
  <c r="AD5849" i="1"/>
  <c r="AD5850" i="1"/>
  <c r="AD5851" i="1"/>
  <c r="AD5852" i="1"/>
  <c r="AD5853" i="1"/>
  <c r="AD5854" i="1"/>
  <c r="AD5855" i="1"/>
  <c r="AD5856" i="1"/>
  <c r="AD5858" i="1"/>
  <c r="AD5859" i="1"/>
  <c r="AD5860" i="1"/>
  <c r="AD5861" i="1"/>
  <c r="AD5862" i="1"/>
  <c r="AD5864" i="1"/>
  <c r="AD5865" i="1"/>
  <c r="AD5866" i="1"/>
  <c r="AD5867" i="1"/>
  <c r="AD5868" i="1"/>
  <c r="AD5870" i="1"/>
  <c r="AD5871" i="1"/>
  <c r="AD5872" i="1"/>
  <c r="AD5873" i="1"/>
  <c r="AD5874" i="1"/>
  <c r="AD5876" i="1"/>
  <c r="AD5877" i="1"/>
  <c r="AD5878" i="1"/>
  <c r="AD5879" i="1"/>
  <c r="AD5880" i="1"/>
  <c r="AD5882" i="1"/>
  <c r="AD5883" i="1"/>
  <c r="AD5884" i="1"/>
  <c r="AD5885" i="1"/>
  <c r="AD5886" i="1"/>
  <c r="AD5887" i="1"/>
  <c r="AD5888" i="1"/>
  <c r="AD5889" i="1"/>
  <c r="AD5890" i="1"/>
  <c r="AD5891" i="1"/>
  <c r="AD5892" i="1"/>
  <c r="AD5894" i="1"/>
  <c r="AD5895" i="1"/>
  <c r="AD5896" i="1"/>
  <c r="AD5897" i="1"/>
  <c r="AD5898" i="1"/>
  <c r="AD5899" i="1"/>
  <c r="AD5900" i="1"/>
  <c r="AD5901" i="1"/>
  <c r="AD5902" i="1"/>
  <c r="AD5903" i="1"/>
  <c r="AD5904" i="1"/>
  <c r="AD5906" i="1"/>
  <c r="AD5907" i="1"/>
  <c r="AD5908" i="1"/>
  <c r="AD5909" i="1"/>
  <c r="AD5910" i="1"/>
  <c r="AD5912" i="1"/>
  <c r="AD5913" i="1"/>
  <c r="AD5914" i="1"/>
  <c r="AD5915" i="1"/>
  <c r="AD5916" i="1"/>
  <c r="AD5918" i="1"/>
  <c r="AD5919" i="1"/>
  <c r="AD5920" i="1"/>
  <c r="AD5921" i="1"/>
  <c r="AD5922" i="1"/>
  <c r="AD5923" i="1"/>
  <c r="AD5924" i="1"/>
  <c r="AD5925" i="1"/>
  <c r="AD5926" i="1"/>
  <c r="AD5927" i="1"/>
  <c r="AD5928" i="1"/>
  <c r="AD5930" i="1"/>
  <c r="AD5931" i="1"/>
  <c r="AD5932" i="1"/>
  <c r="AD5933" i="1"/>
  <c r="AD5934" i="1"/>
  <c r="AD5936" i="1"/>
  <c r="AD5937" i="1"/>
  <c r="AD5938" i="1"/>
  <c r="AD5939" i="1"/>
  <c r="AD5940" i="1"/>
  <c r="AD5942" i="1"/>
  <c r="AD5943" i="1"/>
  <c r="AD5944" i="1"/>
  <c r="AD5945" i="1"/>
  <c r="AD5946" i="1"/>
  <c r="AD5947" i="1"/>
  <c r="AD5948" i="1"/>
  <c r="AD5949" i="1"/>
  <c r="AD5950" i="1"/>
  <c r="AD5951" i="1"/>
  <c r="AD5952" i="1"/>
  <c r="AD5954" i="1"/>
  <c r="AD5955" i="1"/>
  <c r="AD5956" i="1"/>
  <c r="AD5957" i="1"/>
  <c r="AD5958" i="1"/>
  <c r="AD5959" i="1"/>
  <c r="AD5960" i="1"/>
  <c r="AD5961" i="1"/>
  <c r="AD5962" i="1"/>
  <c r="AD5963" i="1"/>
  <c r="AD5964" i="1"/>
  <c r="AD5966" i="1"/>
  <c r="AD5967" i="1"/>
  <c r="AD5968" i="1"/>
  <c r="AD5969" i="1"/>
  <c r="AD5970" i="1"/>
  <c r="AD5971" i="1"/>
  <c r="AD5972" i="1"/>
  <c r="AD5973" i="1"/>
  <c r="AD5974" i="1"/>
  <c r="AD5975" i="1"/>
  <c r="AD5976" i="1"/>
  <c r="AD5978" i="1"/>
  <c r="AD5979" i="1"/>
  <c r="AD5980" i="1"/>
  <c r="AD5981" i="1"/>
  <c r="AD5982" i="1"/>
  <c r="AD5983" i="1"/>
  <c r="AD5984" i="1"/>
  <c r="AD5985" i="1"/>
  <c r="AD5986" i="1"/>
  <c r="AD5987" i="1"/>
  <c r="AD5988" i="1"/>
  <c r="AD5990" i="1"/>
  <c r="AD5991" i="1"/>
  <c r="AD5992" i="1"/>
  <c r="AD5993" i="1"/>
  <c r="AD5994" i="1"/>
  <c r="AD5995" i="1"/>
  <c r="AD5996" i="1"/>
  <c r="AD5997" i="1"/>
  <c r="AD5998" i="1"/>
  <c r="AD5999" i="1"/>
  <c r="AD6000" i="1"/>
  <c r="AD6002" i="1"/>
  <c r="AD6003" i="1"/>
  <c r="AD6004" i="1"/>
  <c r="AD6005" i="1"/>
  <c r="AD6006" i="1"/>
  <c r="AD6008" i="1"/>
  <c r="AD6009" i="1"/>
  <c r="AD6010" i="1"/>
  <c r="AD6011" i="1"/>
  <c r="AD6012" i="1"/>
  <c r="AD6014" i="1"/>
  <c r="AD6015" i="1"/>
  <c r="AD6016" i="1"/>
  <c r="AD6017" i="1"/>
  <c r="AD6018" i="1"/>
  <c r="AD6020" i="1"/>
  <c r="AD6021" i="1"/>
  <c r="AD6022" i="1"/>
  <c r="AD6023" i="1"/>
  <c r="AD6024" i="1"/>
  <c r="AD6026" i="1"/>
  <c r="AD6027" i="1"/>
  <c r="AD6028" i="1"/>
  <c r="AD6029" i="1"/>
  <c r="AD6030" i="1"/>
  <c r="AD6031" i="1"/>
  <c r="AD6032" i="1"/>
  <c r="AD6033" i="1"/>
  <c r="AD6034" i="1"/>
  <c r="AD6035" i="1"/>
  <c r="AD6036" i="1"/>
  <c r="AD6038" i="1"/>
  <c r="AD6039" i="1"/>
  <c r="AD6040" i="1"/>
  <c r="AD6041" i="1"/>
  <c r="AD6042" i="1"/>
  <c r="AD6043" i="1"/>
  <c r="AD6044" i="1"/>
  <c r="AD6045" i="1"/>
  <c r="AD6046" i="1"/>
  <c r="AD6047" i="1"/>
  <c r="AD6048" i="1"/>
  <c r="AD6050" i="1"/>
  <c r="AD6051" i="1"/>
  <c r="AD6052" i="1"/>
  <c r="AD6053" i="1"/>
  <c r="AD6054" i="1"/>
  <c r="AD6056" i="1"/>
  <c r="AD6057" i="1"/>
  <c r="AD6058" i="1"/>
  <c r="AD6059" i="1"/>
  <c r="AD6060" i="1"/>
  <c r="AD6062" i="1"/>
  <c r="AD6063" i="1"/>
  <c r="AD6064" i="1"/>
  <c r="AD6065" i="1"/>
  <c r="AD6066" i="1"/>
  <c r="AD6067" i="1"/>
  <c r="AD6068" i="1"/>
  <c r="AD6069" i="1"/>
  <c r="AD6070" i="1"/>
  <c r="AD6071" i="1"/>
  <c r="AD6072" i="1"/>
  <c r="AD6074" i="1"/>
  <c r="AD6075" i="1"/>
  <c r="AD6076" i="1"/>
  <c r="AD6077" i="1"/>
  <c r="AD6078" i="1"/>
  <c r="AD6080" i="1"/>
  <c r="AD6081" i="1"/>
  <c r="AD6082" i="1"/>
  <c r="AD6083" i="1"/>
  <c r="AD6084" i="1"/>
  <c r="AD6086" i="1"/>
  <c r="AD6087" i="1"/>
  <c r="AD6088" i="1"/>
  <c r="AD6089" i="1"/>
  <c r="AD6090" i="1"/>
  <c r="AD6091" i="1"/>
  <c r="AD6092" i="1"/>
  <c r="AD6093" i="1"/>
  <c r="AD6094" i="1"/>
  <c r="AD6095" i="1"/>
  <c r="AD6096" i="1"/>
  <c r="AD6098" i="1"/>
  <c r="AD6099" i="1"/>
  <c r="AD6100" i="1"/>
  <c r="AD6101" i="1"/>
  <c r="AD6102" i="1"/>
  <c r="AD6103" i="1"/>
  <c r="AD6104" i="1"/>
  <c r="AD6105" i="1"/>
  <c r="AD6106" i="1"/>
  <c r="AD6107" i="1"/>
  <c r="AD6108" i="1"/>
  <c r="AD6110" i="1"/>
  <c r="AD6111" i="1"/>
  <c r="AD6112" i="1"/>
  <c r="AD6113" i="1"/>
  <c r="AD6114" i="1"/>
  <c r="AD6115" i="1"/>
  <c r="AD6116" i="1"/>
  <c r="AD6117" i="1"/>
  <c r="AD6118" i="1"/>
  <c r="AD6119" i="1"/>
  <c r="AD6120" i="1"/>
  <c r="AD6122" i="1"/>
  <c r="AD6123" i="1"/>
  <c r="AD6124" i="1"/>
  <c r="AD6125" i="1"/>
  <c r="AD6126" i="1"/>
  <c r="AD6127" i="1"/>
  <c r="AD6128" i="1"/>
  <c r="AD6129" i="1"/>
  <c r="AD6130" i="1"/>
  <c r="AD6131" i="1"/>
  <c r="AD6132" i="1"/>
  <c r="AD6133" i="1"/>
  <c r="AD6134" i="1"/>
  <c r="AD6135" i="1"/>
  <c r="AD6136" i="1"/>
  <c r="AD6137" i="1"/>
  <c r="AD6138" i="1"/>
  <c r="AD6139" i="1"/>
  <c r="AD6140" i="1"/>
  <c r="AD6141" i="1"/>
  <c r="AD6142" i="1"/>
  <c r="AD6143" i="1"/>
  <c r="AD6144" i="1"/>
  <c r="AD6145" i="1"/>
  <c r="AD6146" i="1"/>
  <c r="AD6147" i="1"/>
  <c r="AD6148" i="1"/>
  <c r="AD6149" i="1"/>
  <c r="AD6150" i="1"/>
  <c r="AD6151" i="1"/>
  <c r="AD6152" i="1"/>
  <c r="AD6153" i="1"/>
  <c r="AD6154" i="1"/>
  <c r="AD6155" i="1"/>
  <c r="AD6156" i="1"/>
  <c r="AD6157" i="1"/>
  <c r="AD6158" i="1"/>
  <c r="AD6159" i="1"/>
  <c r="AD6160" i="1"/>
  <c r="AD6161" i="1"/>
  <c r="AD6162" i="1"/>
  <c r="AD6163" i="1"/>
  <c r="AD6164" i="1"/>
  <c r="AD6165" i="1"/>
  <c r="AD6166" i="1"/>
  <c r="AD6167" i="1"/>
  <c r="AD6168" i="1"/>
  <c r="AD6169" i="1"/>
  <c r="AD6170" i="1"/>
  <c r="AD6171" i="1"/>
  <c r="AD6172" i="1"/>
  <c r="AD6173" i="1"/>
  <c r="AD6174" i="1"/>
  <c r="AD6175" i="1"/>
  <c r="AD6176" i="1"/>
  <c r="AD6177" i="1"/>
  <c r="AD6178" i="1"/>
  <c r="AD6179" i="1"/>
  <c r="AD6180" i="1"/>
  <c r="AD6181" i="1"/>
  <c r="AD6182" i="1"/>
  <c r="AD6183" i="1"/>
  <c r="AD6184" i="1"/>
  <c r="AD6185" i="1"/>
  <c r="AD6186" i="1"/>
  <c r="AD6187" i="1"/>
  <c r="AD6188" i="1"/>
  <c r="AD6189" i="1"/>
  <c r="AD6190" i="1"/>
  <c r="AD6191" i="1"/>
  <c r="AD6192" i="1"/>
  <c r="AD6193" i="1"/>
  <c r="AD6194" i="1"/>
  <c r="AD6195" i="1"/>
  <c r="AD6196" i="1"/>
  <c r="AD6197" i="1"/>
  <c r="AD6198" i="1"/>
  <c r="AD6199" i="1"/>
  <c r="AD6200" i="1"/>
  <c r="AD6201" i="1"/>
  <c r="AD6202" i="1"/>
  <c r="AD6203" i="1"/>
  <c r="AD6204" i="1"/>
  <c r="AD6205" i="1"/>
  <c r="AD6206" i="1"/>
  <c r="AD6207" i="1"/>
  <c r="AD6208" i="1"/>
  <c r="AD6209" i="1"/>
  <c r="AD6210" i="1"/>
  <c r="AD6211" i="1"/>
  <c r="AD6212" i="1"/>
  <c r="AD6213" i="1"/>
  <c r="AD6214" i="1"/>
  <c r="AD6215" i="1"/>
  <c r="AD6216" i="1"/>
  <c r="AD6217" i="1"/>
  <c r="AD6218" i="1"/>
  <c r="AD6219" i="1"/>
  <c r="AD6220" i="1"/>
  <c r="AD6221" i="1"/>
  <c r="AD6222" i="1"/>
  <c r="AD6223" i="1"/>
  <c r="AD6224" i="1"/>
  <c r="AD6225" i="1"/>
  <c r="AD6226" i="1"/>
  <c r="AD6227" i="1"/>
  <c r="AD6228" i="1"/>
  <c r="AD6229" i="1"/>
  <c r="AD6230" i="1"/>
  <c r="AD6231" i="1"/>
  <c r="AD6232" i="1"/>
  <c r="AD6233" i="1"/>
  <c r="AD6234" i="1"/>
  <c r="AD6235" i="1"/>
  <c r="AD6236" i="1"/>
  <c r="AD6237" i="1"/>
  <c r="AD6238" i="1"/>
  <c r="AD6239" i="1"/>
  <c r="AD6240" i="1"/>
  <c r="AD6241" i="1"/>
  <c r="AD6242" i="1"/>
  <c r="AD6243" i="1"/>
  <c r="AD6244" i="1"/>
  <c r="AD6245" i="1"/>
  <c r="AD6246" i="1"/>
  <c r="AD6247" i="1"/>
  <c r="AD6248" i="1"/>
  <c r="AD6249" i="1"/>
  <c r="AD6250" i="1"/>
  <c r="AD6251" i="1"/>
  <c r="AD6252" i="1"/>
  <c r="AD6253" i="1"/>
  <c r="AD6254" i="1"/>
  <c r="AD6255" i="1"/>
  <c r="AD6256" i="1"/>
  <c r="AD6257" i="1"/>
  <c r="AD6258" i="1"/>
  <c r="AD6259" i="1"/>
  <c r="AD6260" i="1"/>
  <c r="AD6261" i="1"/>
  <c r="AD6262" i="1"/>
  <c r="AD6263" i="1"/>
  <c r="AD6264" i="1"/>
  <c r="AD6265" i="1"/>
  <c r="AD6266" i="1"/>
  <c r="AD6267" i="1"/>
  <c r="AD6268" i="1"/>
  <c r="AD6269" i="1"/>
  <c r="AD6270" i="1"/>
  <c r="AD6271" i="1"/>
  <c r="AD6272" i="1"/>
  <c r="AD6273" i="1"/>
  <c r="AD6274" i="1"/>
  <c r="AD6275" i="1"/>
  <c r="AD6276" i="1"/>
  <c r="AD6277" i="1"/>
  <c r="AD6278" i="1"/>
  <c r="AD6279" i="1"/>
  <c r="AD6280" i="1"/>
  <c r="AD6281" i="1"/>
  <c r="AD6282" i="1"/>
  <c r="AD6283" i="1"/>
  <c r="AD6284" i="1"/>
  <c r="AD6285" i="1"/>
  <c r="AD6286" i="1"/>
  <c r="AD6287" i="1"/>
  <c r="AD6288" i="1"/>
  <c r="AD6289" i="1"/>
  <c r="AD6290" i="1"/>
  <c r="AD6291" i="1"/>
  <c r="AD6292" i="1"/>
  <c r="AD6293" i="1"/>
  <c r="AD6294" i="1"/>
  <c r="AD6295" i="1"/>
  <c r="AD6296" i="1"/>
  <c r="AD6297" i="1"/>
  <c r="AD6298" i="1"/>
  <c r="AD6299" i="1"/>
  <c r="AD6300" i="1"/>
  <c r="AD6301" i="1"/>
  <c r="AD6302" i="1"/>
  <c r="AD6303" i="1"/>
  <c r="AD6304" i="1"/>
  <c r="AD6305" i="1"/>
  <c r="AD6306" i="1"/>
  <c r="AD6307" i="1"/>
  <c r="AD6308" i="1"/>
  <c r="AD6309" i="1"/>
  <c r="AD6310" i="1"/>
  <c r="AD6311" i="1"/>
  <c r="AD6312" i="1"/>
  <c r="AD6313" i="1"/>
  <c r="AD6314" i="1"/>
  <c r="AD6315" i="1"/>
  <c r="AD6316" i="1"/>
  <c r="AD6317" i="1"/>
  <c r="AD6318" i="1"/>
  <c r="AD6319" i="1"/>
  <c r="AD6320" i="1"/>
  <c r="AD6321" i="1"/>
  <c r="AD6322" i="1"/>
  <c r="AD6323" i="1"/>
  <c r="AD6324" i="1"/>
  <c r="AD6325" i="1"/>
  <c r="AD6326" i="1"/>
  <c r="AD6327" i="1"/>
  <c r="AD6328" i="1"/>
  <c r="AD6329" i="1"/>
  <c r="AD6330" i="1"/>
  <c r="AD6331" i="1"/>
  <c r="AD6332" i="1"/>
  <c r="AD6333" i="1"/>
  <c r="AD6334" i="1"/>
  <c r="AD6335" i="1"/>
  <c r="AD6336" i="1"/>
  <c r="AD6337" i="1"/>
  <c r="AD6338" i="1"/>
  <c r="AD6339" i="1"/>
  <c r="AD6340" i="1"/>
  <c r="AD6341" i="1"/>
  <c r="AD6342" i="1"/>
  <c r="AD6343" i="1"/>
  <c r="AD6344" i="1"/>
  <c r="AD6345" i="1"/>
  <c r="AD6346" i="1"/>
  <c r="AD6347" i="1"/>
  <c r="AD6348" i="1"/>
  <c r="AD6349" i="1"/>
  <c r="AD6350" i="1"/>
  <c r="AD6351" i="1"/>
  <c r="AD6352" i="1"/>
  <c r="AD6353" i="1"/>
  <c r="AD6354" i="1"/>
  <c r="AD6355" i="1"/>
  <c r="AD6356" i="1"/>
  <c r="AD6357" i="1"/>
  <c r="AD6358" i="1"/>
  <c r="AD6359" i="1"/>
  <c r="AD6360" i="1"/>
  <c r="AD6361" i="1"/>
  <c r="AD6362" i="1"/>
  <c r="AD6363" i="1"/>
  <c r="AD6364" i="1"/>
  <c r="AD6365" i="1"/>
  <c r="AD6366" i="1"/>
  <c r="AD6367" i="1"/>
  <c r="AD6368" i="1"/>
  <c r="AD6369" i="1"/>
  <c r="AD6370" i="1"/>
  <c r="AD6371" i="1"/>
  <c r="AD6372" i="1"/>
  <c r="AD6373" i="1"/>
  <c r="AD6374" i="1"/>
  <c r="AD6375" i="1"/>
  <c r="AD6376" i="1"/>
  <c r="AD6377" i="1"/>
  <c r="AD6378" i="1"/>
  <c r="AD6379" i="1"/>
  <c r="AD6380" i="1"/>
  <c r="AD6381" i="1"/>
  <c r="AD6382" i="1"/>
  <c r="AD6383" i="1"/>
  <c r="AD6384" i="1"/>
  <c r="AD6385" i="1"/>
  <c r="AD6386" i="1"/>
  <c r="AD6387" i="1"/>
  <c r="AD6388" i="1"/>
  <c r="AD6389" i="1"/>
  <c r="AD6390" i="1"/>
  <c r="AD6391" i="1"/>
  <c r="AD6392" i="1"/>
  <c r="AD6393" i="1"/>
  <c r="AD6394" i="1"/>
  <c r="AD6395" i="1"/>
  <c r="AD6396" i="1"/>
  <c r="AD6397" i="1"/>
  <c r="AD6398" i="1"/>
  <c r="AD6399" i="1"/>
  <c r="AD6400" i="1"/>
  <c r="AD6401" i="1"/>
  <c r="AD6402" i="1"/>
  <c r="AD6403" i="1"/>
  <c r="AD6404" i="1"/>
  <c r="AD6405" i="1"/>
  <c r="AD6406" i="1"/>
  <c r="AD6407" i="1"/>
  <c r="AD6408" i="1"/>
  <c r="AD6409" i="1"/>
  <c r="AD6410" i="1"/>
  <c r="AD6411" i="1"/>
  <c r="AD6412" i="1"/>
  <c r="AD6413" i="1"/>
  <c r="AD6414" i="1"/>
  <c r="AD6415" i="1"/>
  <c r="AD6416" i="1"/>
  <c r="AD6417" i="1"/>
  <c r="AD6418" i="1"/>
  <c r="AD6419" i="1"/>
  <c r="AD6420" i="1"/>
  <c r="AD6421" i="1"/>
  <c r="AD6422" i="1"/>
  <c r="AD6423" i="1"/>
  <c r="AD6424" i="1"/>
  <c r="AD6425" i="1"/>
  <c r="AD6426" i="1"/>
  <c r="AD6427" i="1"/>
  <c r="AD6428" i="1"/>
  <c r="AD6429" i="1"/>
  <c r="AD6430" i="1"/>
  <c r="AD6431" i="1"/>
  <c r="AD6432" i="1"/>
  <c r="AD6433" i="1"/>
  <c r="AD6434" i="1"/>
  <c r="AD6435" i="1"/>
  <c r="AD6436" i="1"/>
  <c r="AD6437" i="1"/>
  <c r="AD6438" i="1"/>
  <c r="AD6439" i="1"/>
  <c r="AD6440" i="1"/>
  <c r="AD6441" i="1"/>
  <c r="AD6442" i="1"/>
  <c r="AD6443" i="1"/>
  <c r="AD6444" i="1"/>
  <c r="AD6445" i="1"/>
  <c r="AD6446" i="1"/>
  <c r="AD6447" i="1"/>
  <c r="AD6448" i="1"/>
  <c r="AD6449" i="1"/>
  <c r="AD6450" i="1"/>
  <c r="AD6451" i="1"/>
  <c r="AD6452" i="1"/>
  <c r="AD6453" i="1"/>
  <c r="AD6454" i="1"/>
  <c r="AD6455" i="1"/>
  <c r="AD6456" i="1"/>
  <c r="AD6457" i="1"/>
  <c r="AD6458" i="1"/>
  <c r="AD6459" i="1"/>
  <c r="AD6460" i="1"/>
  <c r="AD6461" i="1"/>
  <c r="AD6462" i="1"/>
  <c r="AD6463" i="1"/>
  <c r="AD6464" i="1"/>
  <c r="AD6465" i="1"/>
  <c r="AD6466" i="1"/>
  <c r="AD6467" i="1"/>
  <c r="AD6468" i="1"/>
  <c r="AD6469" i="1"/>
  <c r="AD6470" i="1"/>
  <c r="AD6471" i="1"/>
  <c r="AD6472" i="1"/>
  <c r="AD6473" i="1"/>
  <c r="AD6474" i="1"/>
  <c r="AD6475" i="1"/>
  <c r="AD6476" i="1"/>
  <c r="AD6477" i="1"/>
  <c r="AD6478" i="1"/>
  <c r="AD6479" i="1"/>
  <c r="AD6480" i="1"/>
  <c r="AD6481" i="1"/>
  <c r="AD6482" i="1"/>
  <c r="AD6483" i="1"/>
  <c r="AD6484" i="1"/>
  <c r="AD6485" i="1"/>
  <c r="AD6486" i="1"/>
  <c r="AD6487" i="1"/>
  <c r="AD6488" i="1"/>
  <c r="AD6489" i="1"/>
  <c r="AD6490" i="1"/>
  <c r="AD6491" i="1"/>
  <c r="AD6492" i="1"/>
  <c r="AD6493" i="1"/>
  <c r="AD6494" i="1"/>
  <c r="AD6495" i="1"/>
  <c r="AD6496" i="1"/>
  <c r="AD6497" i="1"/>
  <c r="AD6498" i="1"/>
  <c r="AD6499" i="1"/>
  <c r="AD6500" i="1"/>
  <c r="AD6501" i="1"/>
  <c r="AD6502" i="1"/>
  <c r="AD6503" i="1"/>
  <c r="AD6504" i="1"/>
  <c r="AD6505" i="1"/>
  <c r="AD6506" i="1"/>
  <c r="AD6507" i="1"/>
  <c r="AD6508" i="1"/>
  <c r="AD6509" i="1"/>
  <c r="AD6510" i="1"/>
  <c r="AD6511" i="1"/>
  <c r="AD6512" i="1"/>
  <c r="AD6513" i="1"/>
  <c r="AD6514" i="1"/>
  <c r="AD6515" i="1"/>
  <c r="AD6516" i="1"/>
  <c r="AD6517" i="1"/>
  <c r="AD6518" i="1"/>
  <c r="AD6519" i="1"/>
  <c r="AD6520" i="1"/>
  <c r="AD6521" i="1"/>
  <c r="AD6522" i="1"/>
  <c r="AD6523" i="1"/>
  <c r="AD6524" i="1"/>
  <c r="AD6525" i="1"/>
  <c r="AD6526" i="1"/>
  <c r="AD6527" i="1"/>
  <c r="AD6528" i="1"/>
  <c r="AD6529" i="1"/>
  <c r="AD6530" i="1"/>
  <c r="AD6531" i="1"/>
  <c r="AD6532" i="1"/>
  <c r="AD6533" i="1"/>
  <c r="AD6534" i="1"/>
  <c r="AD6535" i="1"/>
  <c r="AD6536" i="1"/>
  <c r="AD6537" i="1"/>
  <c r="AD6538" i="1"/>
  <c r="AD6539" i="1"/>
  <c r="AD6540" i="1"/>
  <c r="AD6541" i="1"/>
  <c r="AD6542" i="1"/>
  <c r="AD6543" i="1"/>
  <c r="AD6544" i="1"/>
  <c r="AD6545" i="1"/>
  <c r="AD6546" i="1"/>
  <c r="AD6547" i="1"/>
  <c r="AD6548" i="1"/>
  <c r="AD6549" i="1"/>
  <c r="AD6550" i="1"/>
  <c r="AD6551" i="1"/>
  <c r="AD6552" i="1"/>
  <c r="AD6553" i="1"/>
  <c r="AD6554" i="1"/>
  <c r="AD6555" i="1"/>
  <c r="AD6556" i="1"/>
  <c r="AD6557" i="1"/>
  <c r="AD6558" i="1"/>
  <c r="AD6559" i="1"/>
  <c r="AD6560" i="1"/>
  <c r="AD6561" i="1"/>
  <c r="AD6562" i="1"/>
  <c r="AD6563" i="1"/>
  <c r="AD6564" i="1"/>
  <c r="AD6565" i="1"/>
  <c r="AD6566" i="1"/>
  <c r="AD6567" i="1"/>
  <c r="AD6568" i="1"/>
  <c r="AD6569" i="1"/>
  <c r="AD6570" i="1"/>
  <c r="AD6571" i="1"/>
  <c r="AD6572" i="1"/>
  <c r="AD6573" i="1"/>
  <c r="AD6574" i="1"/>
  <c r="AD6575" i="1"/>
  <c r="AD6576" i="1"/>
  <c r="AD6577" i="1"/>
  <c r="AD6578" i="1"/>
  <c r="AD6579" i="1"/>
  <c r="AD6580" i="1"/>
  <c r="AD6581" i="1"/>
  <c r="AD6582" i="1"/>
  <c r="AD6583" i="1"/>
  <c r="AD6584" i="1"/>
  <c r="AD6585" i="1"/>
  <c r="AD6586" i="1"/>
  <c r="AD6587" i="1"/>
  <c r="AD6588" i="1"/>
  <c r="AD6589" i="1"/>
  <c r="AD6590" i="1"/>
  <c r="AD6591" i="1"/>
  <c r="AD6592" i="1"/>
  <c r="AD6593" i="1"/>
  <c r="AD6594" i="1"/>
  <c r="AD6595" i="1"/>
  <c r="AD6596" i="1"/>
  <c r="AD6597" i="1"/>
  <c r="AD6598" i="1"/>
  <c r="AD6599" i="1"/>
  <c r="AD6600" i="1"/>
  <c r="AD6601" i="1"/>
  <c r="AD6602" i="1"/>
  <c r="AD6603" i="1"/>
  <c r="AD6604" i="1"/>
  <c r="AD6605" i="1"/>
  <c r="AD6606" i="1"/>
  <c r="AD6607" i="1"/>
  <c r="AD6608" i="1"/>
  <c r="AD6609" i="1"/>
  <c r="AD6610" i="1"/>
  <c r="AD6611" i="1"/>
  <c r="AD6612" i="1"/>
  <c r="AD6613" i="1"/>
  <c r="AD6614" i="1"/>
  <c r="AD6615" i="1"/>
  <c r="AD6616" i="1"/>
  <c r="AD6617" i="1"/>
  <c r="AD6618" i="1"/>
  <c r="AD6619" i="1"/>
  <c r="AD6620" i="1"/>
  <c r="AD6621" i="1"/>
  <c r="AD6622" i="1"/>
  <c r="AD6623" i="1"/>
  <c r="AD6624" i="1"/>
  <c r="AD6625" i="1"/>
  <c r="AD6626" i="1"/>
  <c r="AD6627" i="1"/>
  <c r="AD6628" i="1"/>
  <c r="AD6629" i="1"/>
  <c r="AD6630" i="1"/>
  <c r="AD6631" i="1"/>
  <c r="AD6632" i="1"/>
  <c r="AD6633" i="1"/>
  <c r="AD6634" i="1"/>
  <c r="AD6635" i="1"/>
  <c r="AD6636" i="1"/>
  <c r="AD6637" i="1"/>
  <c r="AD6638" i="1"/>
  <c r="AD6639" i="1"/>
  <c r="AD6640" i="1"/>
  <c r="AD6641" i="1"/>
  <c r="AD6642" i="1"/>
  <c r="AD6643" i="1"/>
  <c r="AD6644" i="1"/>
  <c r="AD6645" i="1"/>
  <c r="AD6646" i="1"/>
  <c r="AD6647" i="1"/>
  <c r="AD6648" i="1"/>
  <c r="AD6649" i="1"/>
  <c r="AD6650" i="1"/>
  <c r="AD6651" i="1"/>
  <c r="AD6652" i="1"/>
  <c r="AD6653" i="1"/>
  <c r="AD6654" i="1"/>
  <c r="AD6655" i="1"/>
  <c r="AD6656" i="1"/>
  <c r="AD6657" i="1"/>
  <c r="AD6658" i="1"/>
  <c r="AD6659" i="1"/>
  <c r="AD6660" i="1"/>
  <c r="AD6661" i="1"/>
  <c r="AD6662" i="1"/>
  <c r="AD6663" i="1"/>
  <c r="AD6664" i="1"/>
  <c r="AD6665" i="1"/>
  <c r="AD6666" i="1"/>
  <c r="AD6667" i="1"/>
  <c r="AD6668" i="1"/>
  <c r="AD6669" i="1"/>
  <c r="AD6670" i="1"/>
  <c r="AD6671" i="1"/>
  <c r="AD6672" i="1"/>
  <c r="AD6673" i="1"/>
  <c r="AD6674" i="1"/>
  <c r="AD6675" i="1"/>
  <c r="AD6676" i="1"/>
  <c r="AD6677" i="1"/>
  <c r="AD6678" i="1"/>
  <c r="AD6679" i="1"/>
  <c r="AD6680" i="1"/>
  <c r="AD6681" i="1"/>
  <c r="AD6682" i="1"/>
  <c r="AD6683" i="1"/>
  <c r="AD6684" i="1"/>
  <c r="AD6685" i="1"/>
  <c r="AD6686" i="1"/>
  <c r="AD6687" i="1"/>
  <c r="AD6688" i="1"/>
  <c r="AD6689" i="1"/>
  <c r="AD6690" i="1"/>
  <c r="AD6691" i="1"/>
  <c r="AD6692" i="1"/>
  <c r="AD6693" i="1"/>
  <c r="AD6694" i="1"/>
  <c r="AD6695" i="1"/>
  <c r="AD6696" i="1"/>
  <c r="AD6697" i="1"/>
  <c r="AD6698" i="1"/>
  <c r="AD6699" i="1"/>
  <c r="AD6700" i="1"/>
  <c r="AD6701" i="1"/>
  <c r="AD6702" i="1"/>
  <c r="AD6703" i="1"/>
  <c r="AD6704" i="1"/>
  <c r="AD6705" i="1"/>
  <c r="AD6706" i="1"/>
  <c r="AD6707" i="1"/>
  <c r="AD6708" i="1"/>
  <c r="AD6709" i="1"/>
  <c r="AD6710" i="1"/>
  <c r="AD6711" i="1"/>
  <c r="AD6712" i="1"/>
  <c r="AD6713" i="1"/>
  <c r="AD6714" i="1"/>
  <c r="AD6715" i="1"/>
  <c r="AD6716" i="1"/>
  <c r="AD6717" i="1"/>
  <c r="AD6718" i="1"/>
  <c r="AD6719" i="1"/>
  <c r="AD6720" i="1"/>
  <c r="AD6721" i="1"/>
  <c r="AD6722" i="1"/>
  <c r="AD6723" i="1"/>
  <c r="AD6724" i="1"/>
  <c r="AD6725" i="1"/>
  <c r="AD6726" i="1"/>
  <c r="AD6727" i="1"/>
  <c r="AD6728" i="1"/>
  <c r="AD6729" i="1"/>
  <c r="AD6730" i="1"/>
  <c r="AD6731" i="1"/>
  <c r="AD6732" i="1"/>
  <c r="AD6733" i="1"/>
  <c r="AD6734" i="1"/>
  <c r="AD6735" i="1"/>
  <c r="AD6736" i="1"/>
  <c r="AD6737" i="1"/>
  <c r="AD6738" i="1"/>
  <c r="AD6739" i="1"/>
  <c r="AD6740" i="1"/>
  <c r="AD6741" i="1"/>
  <c r="AD6742" i="1"/>
  <c r="AD6743" i="1"/>
  <c r="AD6744" i="1"/>
  <c r="AD6745" i="1"/>
  <c r="AD6746" i="1"/>
  <c r="AD6747" i="1"/>
  <c r="AD6748" i="1"/>
  <c r="AD6749" i="1"/>
  <c r="AD6750" i="1"/>
  <c r="AD6751" i="1"/>
  <c r="AD6752" i="1"/>
  <c r="AD6753" i="1"/>
  <c r="AD6754" i="1"/>
  <c r="AD6755" i="1"/>
  <c r="AD6756" i="1"/>
  <c r="AD6757" i="1"/>
  <c r="AD6758" i="1"/>
  <c r="AD6759" i="1"/>
  <c r="AD6760" i="1"/>
  <c r="AD6761" i="1"/>
  <c r="AD6762" i="1"/>
  <c r="AD6763" i="1"/>
  <c r="AD6764" i="1"/>
  <c r="AD6765" i="1"/>
  <c r="AD6766" i="1"/>
  <c r="AD6767" i="1"/>
  <c r="AD6768" i="1"/>
  <c r="AD6769" i="1"/>
  <c r="AD6770" i="1"/>
  <c r="AD6771" i="1"/>
  <c r="AD6772" i="1"/>
  <c r="AD6773" i="1"/>
  <c r="AD6774" i="1"/>
  <c r="AD6775" i="1"/>
  <c r="AD6776" i="1"/>
  <c r="AD6777" i="1"/>
  <c r="AD6778" i="1"/>
  <c r="AD6779" i="1"/>
  <c r="AD6780" i="1"/>
  <c r="AD6781" i="1"/>
  <c r="AD6782" i="1"/>
  <c r="AD6783" i="1"/>
  <c r="AD6784" i="1"/>
  <c r="AD6785" i="1"/>
  <c r="AD6786" i="1"/>
  <c r="AD6787" i="1"/>
  <c r="AD6788" i="1"/>
  <c r="AD6789" i="1"/>
  <c r="AD6790" i="1"/>
  <c r="AD6791" i="1"/>
  <c r="AD6792" i="1"/>
  <c r="AD6793" i="1"/>
  <c r="AD6794" i="1"/>
  <c r="AD6795" i="1"/>
  <c r="AD6796" i="1"/>
  <c r="AD6797" i="1"/>
  <c r="AD6798" i="1"/>
  <c r="AD6799" i="1"/>
  <c r="AD6800" i="1"/>
  <c r="AD6801" i="1"/>
  <c r="AD6802" i="1"/>
  <c r="AD6803" i="1"/>
  <c r="AD6804" i="1"/>
  <c r="AD6805" i="1"/>
  <c r="AD6806" i="1"/>
  <c r="AD6807" i="1"/>
  <c r="AD6808" i="1"/>
  <c r="AD6809" i="1"/>
  <c r="AD6810" i="1"/>
  <c r="AD6811" i="1"/>
  <c r="AD6812" i="1"/>
  <c r="AD6813" i="1"/>
  <c r="AD6814" i="1"/>
  <c r="AD6815" i="1"/>
  <c r="AD6816" i="1"/>
  <c r="AD6817" i="1"/>
  <c r="AD6818" i="1"/>
  <c r="AD6819" i="1"/>
  <c r="AD6820" i="1"/>
  <c r="AD6821" i="1"/>
  <c r="AD6822" i="1"/>
  <c r="AD6823" i="1"/>
  <c r="AD6824" i="1"/>
  <c r="AD6825" i="1"/>
  <c r="AD6826" i="1"/>
  <c r="AD6827" i="1"/>
  <c r="AD6828" i="1"/>
  <c r="AD6829" i="1"/>
  <c r="AD6830" i="1"/>
  <c r="AD6831" i="1"/>
  <c r="AD6832" i="1"/>
  <c r="AD6833" i="1"/>
  <c r="AD6834" i="1"/>
  <c r="AD6835" i="1"/>
  <c r="AD6836" i="1"/>
  <c r="AD6837" i="1"/>
  <c r="AD6838" i="1"/>
  <c r="AD6839" i="1"/>
  <c r="AD6840" i="1"/>
  <c r="AD6841" i="1"/>
  <c r="AD6842" i="1"/>
  <c r="AD6843" i="1"/>
  <c r="AD6844" i="1"/>
  <c r="AD6845" i="1"/>
  <c r="AD6846" i="1"/>
  <c r="AD6847" i="1"/>
  <c r="AD6848" i="1"/>
  <c r="AD6849" i="1"/>
  <c r="AD6850" i="1"/>
  <c r="AD6851" i="1"/>
  <c r="AD6852" i="1"/>
  <c r="AD6853" i="1"/>
  <c r="AD6854" i="1"/>
  <c r="AD6855" i="1"/>
  <c r="AD6856" i="1"/>
  <c r="AD6857" i="1"/>
  <c r="AD6858" i="1"/>
  <c r="AD6859" i="1"/>
  <c r="AD6860" i="1"/>
  <c r="AD6861" i="1"/>
  <c r="AD6862" i="1"/>
  <c r="AD6863" i="1"/>
  <c r="AD6864" i="1"/>
  <c r="AD6865" i="1"/>
  <c r="AD6866" i="1"/>
  <c r="AD6867" i="1"/>
  <c r="AD6868" i="1"/>
  <c r="AD6869" i="1"/>
  <c r="AD6870" i="1"/>
  <c r="AD6871" i="1"/>
  <c r="AD6872" i="1"/>
  <c r="AD6873" i="1"/>
  <c r="AD6874" i="1"/>
  <c r="AD6875" i="1"/>
  <c r="AD6876" i="1"/>
  <c r="AD6877" i="1"/>
  <c r="AD6878" i="1"/>
  <c r="AD6879" i="1"/>
  <c r="AD6880" i="1"/>
  <c r="AD6881" i="1"/>
  <c r="AD6882" i="1"/>
  <c r="AD6883" i="1"/>
  <c r="AD6884" i="1"/>
  <c r="AD6885" i="1"/>
  <c r="AD6886" i="1"/>
  <c r="AD6887" i="1"/>
  <c r="AD6888" i="1"/>
  <c r="AD6889" i="1"/>
  <c r="AD6890" i="1"/>
  <c r="AD6891" i="1"/>
  <c r="AD6892" i="1"/>
  <c r="AD6893" i="1"/>
  <c r="AD6894" i="1"/>
  <c r="AD6895" i="1"/>
  <c r="AD6896" i="1"/>
  <c r="AD6897" i="1"/>
  <c r="AD6898" i="1"/>
  <c r="AD6899" i="1"/>
  <c r="AD6900" i="1"/>
  <c r="AD6901" i="1"/>
  <c r="AD6902" i="1"/>
  <c r="AD6903" i="1"/>
  <c r="AD6904" i="1"/>
  <c r="AD6905" i="1"/>
  <c r="AD6906" i="1"/>
  <c r="AD6907" i="1"/>
  <c r="AD6908" i="1"/>
  <c r="AD6909" i="1"/>
  <c r="AD6910" i="1"/>
  <c r="AD6911" i="1"/>
  <c r="AD6912" i="1"/>
  <c r="AD6913" i="1"/>
  <c r="AD6914" i="1"/>
  <c r="AD6915" i="1"/>
  <c r="AD6916" i="1"/>
  <c r="AD6917" i="1"/>
  <c r="AD6918" i="1"/>
  <c r="AD6919" i="1"/>
  <c r="AD6920" i="1"/>
  <c r="AD6921" i="1"/>
  <c r="AD6922" i="1"/>
  <c r="AD6923" i="1"/>
  <c r="AD6924" i="1"/>
  <c r="AD6925" i="1"/>
  <c r="AD6926" i="1"/>
  <c r="AD6927" i="1"/>
  <c r="AD6928" i="1"/>
  <c r="AD6929" i="1"/>
  <c r="AD6930" i="1"/>
  <c r="AD6931" i="1"/>
  <c r="AD6932" i="1"/>
  <c r="AD6933" i="1"/>
  <c r="AD6934" i="1"/>
  <c r="AD6935" i="1"/>
  <c r="AD6936" i="1"/>
  <c r="AD6937" i="1"/>
  <c r="AD6938" i="1"/>
  <c r="AD6939" i="1"/>
  <c r="AD6940" i="1"/>
  <c r="AD6941" i="1"/>
  <c r="AD6942" i="1"/>
  <c r="AD6943" i="1"/>
  <c r="AD6944" i="1"/>
  <c r="AD6945" i="1"/>
  <c r="AD6946" i="1"/>
  <c r="AD6947" i="1"/>
  <c r="AD6948" i="1"/>
  <c r="AD6949" i="1"/>
  <c r="AD6950" i="1"/>
  <c r="AD6951" i="1"/>
  <c r="AD6952" i="1"/>
  <c r="AD6953" i="1"/>
  <c r="AD6954" i="1"/>
  <c r="AD6955" i="1"/>
  <c r="AD6956" i="1"/>
  <c r="AD6957" i="1"/>
  <c r="AD6958" i="1"/>
  <c r="AD6959" i="1"/>
  <c r="AD6960" i="1"/>
  <c r="AD6961" i="1"/>
  <c r="AD6962" i="1"/>
  <c r="AD6963" i="1"/>
  <c r="AD6964" i="1"/>
  <c r="AD6965" i="1"/>
  <c r="AD6966" i="1"/>
  <c r="AD6967" i="1"/>
  <c r="AD6968" i="1"/>
  <c r="AD6969" i="1"/>
  <c r="AD6970" i="1"/>
  <c r="AD6971" i="1"/>
  <c r="AD6972" i="1"/>
  <c r="AD6973" i="1"/>
  <c r="AD6974" i="1"/>
  <c r="AD6975" i="1"/>
  <c r="AD6976" i="1"/>
  <c r="AD6977" i="1"/>
  <c r="AD6978" i="1"/>
  <c r="AD6979" i="1"/>
  <c r="AD6980" i="1"/>
  <c r="AD6981" i="1"/>
  <c r="AD6982" i="1"/>
  <c r="AD6983" i="1"/>
  <c r="AD6984" i="1"/>
  <c r="AD6985" i="1"/>
  <c r="AD6986" i="1"/>
  <c r="AD6987" i="1"/>
  <c r="AD6988" i="1"/>
  <c r="AD6989" i="1"/>
  <c r="AD6990" i="1"/>
  <c r="AD6991" i="1"/>
  <c r="AD6992" i="1"/>
  <c r="AD6993" i="1"/>
  <c r="AD6994" i="1"/>
  <c r="AD6995" i="1"/>
  <c r="AD6996" i="1"/>
  <c r="AD6997" i="1"/>
  <c r="AD6998" i="1"/>
  <c r="AD6999" i="1"/>
  <c r="AD7000" i="1"/>
  <c r="AD7001" i="1"/>
  <c r="AD7002" i="1"/>
  <c r="AD7003" i="1"/>
  <c r="AD7004" i="1"/>
  <c r="AD7005" i="1"/>
  <c r="AD7006" i="1"/>
  <c r="AD7007" i="1"/>
  <c r="AD7008" i="1"/>
  <c r="AD7009" i="1"/>
  <c r="AD7010" i="1"/>
  <c r="AD7011" i="1"/>
  <c r="AD7012" i="1"/>
  <c r="AD7013" i="1"/>
  <c r="AD7014" i="1"/>
  <c r="AD7015" i="1"/>
  <c r="AD7016" i="1"/>
  <c r="AD7017" i="1"/>
  <c r="AD7018" i="1"/>
  <c r="AD7019" i="1"/>
  <c r="AD7020" i="1"/>
  <c r="AD7021" i="1"/>
  <c r="AD7022" i="1"/>
  <c r="AD7023" i="1"/>
  <c r="AD7024" i="1"/>
  <c r="AD7025" i="1"/>
  <c r="AD7026" i="1"/>
  <c r="AD7027" i="1"/>
  <c r="AD7028" i="1"/>
  <c r="AD7029" i="1"/>
  <c r="AD7030" i="1"/>
  <c r="AD7031" i="1"/>
  <c r="AD7032" i="1"/>
  <c r="AD7033" i="1"/>
  <c r="AD7034" i="1"/>
  <c r="AD7035" i="1"/>
  <c r="AD7036" i="1"/>
  <c r="AD7037" i="1"/>
  <c r="AD7038" i="1"/>
  <c r="AD7039" i="1"/>
  <c r="AD7040" i="1"/>
  <c r="AD7041" i="1"/>
  <c r="AD7042" i="1"/>
  <c r="AD7043" i="1"/>
  <c r="AD7044" i="1"/>
  <c r="AD7045" i="1"/>
  <c r="AD7046" i="1"/>
  <c r="AD7047" i="1"/>
  <c r="AD7048" i="1"/>
  <c r="AD7049" i="1"/>
  <c r="AD7050" i="1"/>
  <c r="AD7051" i="1"/>
  <c r="AD7052" i="1"/>
  <c r="AD7053" i="1"/>
  <c r="AD7054" i="1"/>
  <c r="AD7055" i="1"/>
  <c r="AD7056" i="1"/>
  <c r="AD7057" i="1"/>
  <c r="AD7058" i="1"/>
  <c r="AD7059" i="1"/>
  <c r="AD7060" i="1"/>
  <c r="AD7061" i="1"/>
  <c r="AD7062" i="1"/>
  <c r="AD7063" i="1"/>
  <c r="AD7064" i="1"/>
  <c r="AD7065" i="1"/>
  <c r="AD7066" i="1"/>
  <c r="AD7067" i="1"/>
  <c r="AD7068" i="1"/>
  <c r="AD7069" i="1"/>
  <c r="AD7070" i="1"/>
  <c r="AD7071" i="1"/>
  <c r="AD7072" i="1"/>
  <c r="AD7073" i="1"/>
  <c r="AD7074" i="1"/>
  <c r="AD7075" i="1"/>
  <c r="AD7076" i="1"/>
  <c r="AD7077" i="1"/>
  <c r="AD7078" i="1"/>
  <c r="AD7079" i="1"/>
  <c r="AD7080" i="1"/>
  <c r="AD7081" i="1"/>
  <c r="AD7082" i="1"/>
  <c r="AD7083" i="1"/>
  <c r="AD7084" i="1"/>
  <c r="AD7085" i="1"/>
  <c r="AD7086" i="1"/>
  <c r="AD7087" i="1"/>
  <c r="AD7088" i="1"/>
  <c r="AD7089" i="1"/>
  <c r="AD7090" i="1"/>
  <c r="AD7091" i="1"/>
  <c r="AD7092" i="1"/>
  <c r="AD7093" i="1"/>
  <c r="AD7094" i="1"/>
  <c r="AD7095" i="1"/>
  <c r="AD7096" i="1"/>
  <c r="AD7097" i="1"/>
  <c r="AD7098" i="1"/>
  <c r="AD7099" i="1"/>
  <c r="AD7100" i="1"/>
  <c r="AD7101" i="1"/>
  <c r="AD7102" i="1"/>
  <c r="AD7103" i="1"/>
  <c r="AD7104" i="1"/>
  <c r="AD7105" i="1"/>
  <c r="AD7106" i="1"/>
  <c r="AD7107" i="1"/>
  <c r="AD7108" i="1"/>
  <c r="AD7109" i="1"/>
  <c r="AD7110" i="1"/>
  <c r="AD7111" i="1"/>
  <c r="AD7112" i="1"/>
  <c r="AD7113" i="1"/>
  <c r="AD7114" i="1"/>
  <c r="AD7115" i="1"/>
  <c r="AD7116" i="1"/>
  <c r="AD7117" i="1"/>
  <c r="AD7118" i="1"/>
  <c r="AD7119" i="1"/>
  <c r="AD7120" i="1"/>
  <c r="AD7121" i="1"/>
  <c r="AD7122" i="1"/>
  <c r="AD7123" i="1"/>
  <c r="AD7124" i="1"/>
  <c r="AD7125" i="1"/>
  <c r="AD7126" i="1"/>
  <c r="AD7127" i="1"/>
  <c r="AD7128" i="1"/>
  <c r="AD7129" i="1"/>
  <c r="AD7130" i="1"/>
  <c r="AD7131" i="1"/>
  <c r="AD7132" i="1"/>
  <c r="AD7133" i="1"/>
  <c r="AD7134" i="1"/>
  <c r="AD7135" i="1"/>
  <c r="AD7136" i="1"/>
  <c r="AD7137" i="1"/>
  <c r="AD7138" i="1"/>
  <c r="AD7139" i="1"/>
  <c r="AD7140" i="1"/>
  <c r="AD7141" i="1"/>
  <c r="AD7142" i="1"/>
  <c r="AD7143" i="1"/>
  <c r="AD7144" i="1"/>
  <c r="AD7145" i="1"/>
  <c r="AD7146" i="1"/>
  <c r="AD7147" i="1"/>
  <c r="AD7148" i="1"/>
  <c r="AD7149" i="1"/>
  <c r="AD7150" i="1"/>
  <c r="AD7151" i="1"/>
  <c r="AD7152" i="1"/>
  <c r="AD7153" i="1"/>
  <c r="AD7154" i="1"/>
  <c r="AD7155" i="1"/>
  <c r="AD7156" i="1"/>
  <c r="AD7157" i="1"/>
  <c r="AD7158" i="1"/>
  <c r="AD7159" i="1"/>
  <c r="AD7160" i="1"/>
  <c r="AD7161" i="1"/>
  <c r="AD7162" i="1"/>
  <c r="AD7163" i="1"/>
  <c r="AD7164" i="1"/>
  <c r="AD7165" i="1"/>
  <c r="AD7166" i="1"/>
  <c r="AD7167" i="1"/>
  <c r="AD7168" i="1"/>
  <c r="AD7169" i="1"/>
  <c r="AD7170" i="1"/>
  <c r="AD7171" i="1"/>
  <c r="AD7172" i="1"/>
  <c r="AD7173" i="1"/>
  <c r="AD7174" i="1"/>
  <c r="AD7175" i="1"/>
  <c r="AD7176" i="1"/>
  <c r="AD7177" i="1"/>
  <c r="AD7178" i="1"/>
  <c r="AD7179" i="1"/>
  <c r="AD7180" i="1"/>
  <c r="AD7181" i="1"/>
  <c r="AD7182" i="1"/>
  <c r="AD7183" i="1"/>
  <c r="AD7184" i="1"/>
  <c r="AD7185" i="1"/>
  <c r="AD7186" i="1"/>
  <c r="AD7187" i="1"/>
  <c r="AD7188" i="1"/>
  <c r="AD7189" i="1"/>
  <c r="AD7190" i="1"/>
  <c r="AD7191" i="1"/>
  <c r="AD7192" i="1"/>
  <c r="AD7193" i="1"/>
  <c r="AD7194" i="1"/>
  <c r="AD7195" i="1"/>
  <c r="AD7196" i="1"/>
  <c r="AD7197" i="1"/>
  <c r="AD7198" i="1"/>
  <c r="AD7199" i="1"/>
  <c r="AD7200" i="1"/>
  <c r="AD7201" i="1"/>
  <c r="AD7202" i="1"/>
  <c r="AD7203" i="1"/>
  <c r="AD7204" i="1"/>
  <c r="AD7205" i="1"/>
  <c r="AD7206" i="1"/>
  <c r="AD7207" i="1"/>
  <c r="AD7208" i="1"/>
  <c r="AD7209" i="1"/>
  <c r="AD7210" i="1"/>
  <c r="AD7211" i="1"/>
  <c r="AD7212" i="1"/>
  <c r="AD7213" i="1"/>
  <c r="AD7214" i="1"/>
  <c r="AD7215" i="1"/>
  <c r="AD7216" i="1"/>
  <c r="AD7217" i="1"/>
  <c r="AD7218" i="1"/>
  <c r="AD7219" i="1"/>
  <c r="AD7220" i="1"/>
  <c r="AD7221" i="1"/>
  <c r="AD7222" i="1"/>
  <c r="AD7223" i="1"/>
  <c r="AD7224" i="1"/>
  <c r="AD7225" i="1"/>
  <c r="AD7226" i="1"/>
  <c r="AD7227" i="1"/>
  <c r="AD7228" i="1"/>
  <c r="AD7229" i="1"/>
  <c r="AD7230" i="1"/>
  <c r="AD7231" i="1"/>
  <c r="AD7232" i="1"/>
  <c r="AD7233" i="1"/>
  <c r="AD7234" i="1"/>
  <c r="AD7235" i="1"/>
  <c r="AD7236" i="1"/>
  <c r="AD7237" i="1"/>
  <c r="AD7238" i="1"/>
  <c r="AD7239" i="1"/>
  <c r="AD7240" i="1"/>
  <c r="AD7241" i="1"/>
  <c r="AD7242" i="1"/>
  <c r="AD7243" i="1"/>
  <c r="AD7244" i="1"/>
  <c r="AD7245" i="1"/>
  <c r="AD7246" i="1"/>
  <c r="AD7247" i="1"/>
  <c r="AD7248" i="1"/>
  <c r="AD7249" i="1"/>
  <c r="AD7250" i="1"/>
  <c r="AD7251" i="1"/>
  <c r="AD7252" i="1"/>
  <c r="AD7253" i="1"/>
  <c r="AD7254" i="1"/>
  <c r="AD7255" i="1"/>
  <c r="AD7256" i="1"/>
  <c r="AD7257" i="1"/>
  <c r="AD7258" i="1"/>
  <c r="AD7259" i="1"/>
  <c r="AD7260" i="1"/>
  <c r="AD7261" i="1"/>
  <c r="AD7262" i="1"/>
  <c r="AD7263" i="1"/>
  <c r="AD7264" i="1"/>
  <c r="AD7265" i="1"/>
  <c r="AD7266" i="1"/>
  <c r="AD7267" i="1"/>
  <c r="AD7268" i="1"/>
  <c r="AD7269" i="1"/>
  <c r="AD7270" i="1"/>
  <c r="AD7271" i="1"/>
  <c r="AD7272" i="1"/>
  <c r="AD7273" i="1"/>
  <c r="AD7274" i="1"/>
  <c r="AD7275" i="1"/>
  <c r="AD7276" i="1"/>
  <c r="AD7277" i="1"/>
  <c r="AD7278" i="1"/>
  <c r="AD7279" i="1"/>
  <c r="AD7280" i="1"/>
  <c r="AD7281" i="1"/>
  <c r="AD7282" i="1"/>
  <c r="AD7283" i="1"/>
  <c r="AD7284" i="1"/>
  <c r="AD7285" i="1"/>
  <c r="AD7286" i="1"/>
  <c r="AD7287" i="1"/>
  <c r="AD7288" i="1"/>
  <c r="AD7289" i="1"/>
  <c r="AD7290" i="1"/>
  <c r="AD7291" i="1"/>
  <c r="AD7292" i="1"/>
  <c r="AD7293" i="1"/>
  <c r="AD7294" i="1"/>
  <c r="AD7295" i="1"/>
  <c r="AD7296" i="1"/>
  <c r="AD7297" i="1"/>
  <c r="AD7298" i="1"/>
  <c r="AD7299" i="1"/>
  <c r="AD7300" i="1"/>
  <c r="AD7301" i="1"/>
  <c r="AD7302" i="1"/>
  <c r="AD7303" i="1"/>
  <c r="AD7304" i="1"/>
  <c r="AD7305" i="1"/>
  <c r="AD7306" i="1"/>
  <c r="AD7307" i="1"/>
  <c r="AD7308" i="1"/>
  <c r="AD7309" i="1"/>
  <c r="AD7310" i="1"/>
  <c r="AD7311" i="1"/>
  <c r="AD7312" i="1"/>
  <c r="AD7313" i="1"/>
  <c r="AD7314" i="1"/>
  <c r="AD7315" i="1"/>
  <c r="AD7316" i="1"/>
  <c r="AD7317" i="1"/>
  <c r="AD7318" i="1"/>
  <c r="AD7319" i="1"/>
  <c r="AD7320" i="1"/>
  <c r="AD7321" i="1"/>
  <c r="AD7322" i="1"/>
  <c r="AD7323" i="1"/>
  <c r="AD7324" i="1"/>
  <c r="AD7325" i="1"/>
  <c r="AD7326" i="1"/>
  <c r="AD7327" i="1"/>
  <c r="AD7328" i="1"/>
  <c r="AD7329" i="1"/>
  <c r="AD7330" i="1"/>
  <c r="AD7331" i="1"/>
  <c r="AD7332" i="1"/>
  <c r="AD7333" i="1"/>
  <c r="AD7334" i="1"/>
  <c r="AD7335" i="1"/>
  <c r="AD7336" i="1"/>
  <c r="AD7337" i="1"/>
  <c r="AD7338" i="1"/>
  <c r="AD7339" i="1"/>
  <c r="AD7340" i="1"/>
  <c r="AD7341" i="1"/>
  <c r="AD7342" i="1"/>
  <c r="AD7343" i="1"/>
  <c r="AD7344" i="1"/>
  <c r="AD7345" i="1"/>
  <c r="AD7346" i="1"/>
  <c r="AD7347" i="1"/>
  <c r="AD7348" i="1"/>
  <c r="AD7349" i="1"/>
  <c r="AD7350" i="1"/>
  <c r="AD7351" i="1"/>
  <c r="AD7352" i="1"/>
  <c r="AD7353" i="1"/>
  <c r="AD7354" i="1"/>
  <c r="AD7355" i="1"/>
  <c r="AD7356" i="1"/>
  <c r="AD7357" i="1"/>
  <c r="AD7358" i="1"/>
  <c r="AD7359" i="1"/>
  <c r="AD7360" i="1"/>
  <c r="AD7361" i="1"/>
  <c r="AD7362" i="1"/>
  <c r="AD7363" i="1"/>
  <c r="AD7364" i="1"/>
  <c r="AD7365" i="1"/>
  <c r="AD7366" i="1"/>
  <c r="AD7367" i="1"/>
  <c r="AD7368" i="1"/>
  <c r="AD7369" i="1"/>
  <c r="AD7370" i="1"/>
  <c r="AD7371" i="1"/>
  <c r="AD7372" i="1"/>
  <c r="AD7373" i="1"/>
  <c r="AD7374" i="1"/>
  <c r="AD7375" i="1"/>
  <c r="AD7376" i="1"/>
  <c r="AD7377" i="1"/>
  <c r="AD7378" i="1"/>
  <c r="AD7379" i="1"/>
  <c r="AD7380" i="1"/>
  <c r="AD7381" i="1"/>
  <c r="AD7382" i="1"/>
  <c r="AD7383" i="1"/>
  <c r="AD7384" i="1"/>
  <c r="AD7385" i="1"/>
  <c r="AD7386" i="1"/>
  <c r="AD7387" i="1"/>
  <c r="AD7388" i="1"/>
  <c r="AD7389" i="1"/>
  <c r="AD7390" i="1"/>
  <c r="AD7391" i="1"/>
  <c r="AD7392" i="1"/>
  <c r="AD7393" i="1"/>
  <c r="AD7394" i="1"/>
  <c r="AD7395" i="1"/>
  <c r="AD7396" i="1"/>
  <c r="AD7397" i="1"/>
  <c r="AD7398" i="1"/>
  <c r="AD7399" i="1"/>
  <c r="AD7400" i="1"/>
  <c r="AD7401" i="1"/>
  <c r="AD7402" i="1"/>
  <c r="AD7403" i="1"/>
  <c r="AD7404" i="1"/>
  <c r="AD7405" i="1"/>
  <c r="AD7406" i="1"/>
  <c r="AD7407" i="1"/>
  <c r="AD7408" i="1"/>
  <c r="AD7409" i="1"/>
  <c r="AD7410" i="1"/>
  <c r="AD7411" i="1"/>
  <c r="AD7412" i="1"/>
  <c r="AD7413" i="1"/>
  <c r="AD7414" i="1"/>
  <c r="AD7415" i="1"/>
  <c r="AD7416" i="1"/>
  <c r="AD7417" i="1"/>
  <c r="AD7418" i="1"/>
  <c r="AD7419" i="1"/>
  <c r="AD7420" i="1"/>
  <c r="AD7421" i="1"/>
  <c r="AD7422" i="1"/>
  <c r="AD7423" i="1"/>
  <c r="AD7424" i="1"/>
  <c r="AD7425" i="1"/>
  <c r="AD7426" i="1"/>
  <c r="AD7427" i="1"/>
  <c r="AD7428" i="1"/>
  <c r="AD7429" i="1"/>
  <c r="AD7430" i="1"/>
  <c r="AD7431" i="1"/>
  <c r="AD7432" i="1"/>
  <c r="AD7433" i="1"/>
  <c r="AD7434" i="1"/>
  <c r="AD7435" i="1"/>
  <c r="AD7436" i="1"/>
  <c r="AD7437" i="1"/>
  <c r="AD7438" i="1"/>
  <c r="AD7439" i="1"/>
  <c r="AD7440" i="1"/>
  <c r="AD7441" i="1"/>
  <c r="AD7442" i="1"/>
  <c r="AD7443" i="1"/>
  <c r="AD7444" i="1"/>
  <c r="AD7445" i="1"/>
  <c r="AD7446" i="1"/>
  <c r="AD7447" i="1"/>
  <c r="AD7448" i="1"/>
  <c r="AD7449" i="1"/>
  <c r="AD7450" i="1"/>
  <c r="AD7451" i="1"/>
  <c r="AD7452" i="1"/>
  <c r="AD7453" i="1"/>
  <c r="AD7454" i="1"/>
  <c r="AD7455" i="1"/>
  <c r="AD7456" i="1"/>
  <c r="AD7457" i="1"/>
  <c r="AD7458" i="1"/>
  <c r="AD7459" i="1"/>
  <c r="AD7460" i="1"/>
  <c r="AD7461" i="1"/>
  <c r="AD7462" i="1"/>
  <c r="AD7463" i="1"/>
  <c r="AD7464" i="1"/>
  <c r="AD7465" i="1"/>
  <c r="AD7466" i="1"/>
  <c r="AD7467" i="1"/>
  <c r="AD7468" i="1"/>
  <c r="AD7469" i="1"/>
  <c r="AD7470" i="1"/>
  <c r="AD7471" i="1"/>
  <c r="AD7472" i="1"/>
  <c r="AD7473" i="1"/>
  <c r="AD7474" i="1"/>
  <c r="AD7475" i="1"/>
  <c r="AD7476" i="1"/>
  <c r="AD7477" i="1"/>
  <c r="AD7478" i="1"/>
  <c r="AD7479" i="1"/>
  <c r="AD7480" i="1"/>
  <c r="AD7481" i="1"/>
  <c r="AD7482" i="1"/>
  <c r="AD7483" i="1"/>
  <c r="AD7484" i="1"/>
  <c r="AD7485" i="1"/>
  <c r="AD7486" i="1"/>
  <c r="AD7487" i="1"/>
  <c r="AD7488" i="1"/>
  <c r="AD7489" i="1"/>
  <c r="AD7490" i="1"/>
  <c r="AD7491" i="1"/>
  <c r="AD7492" i="1"/>
  <c r="AD7493" i="1"/>
  <c r="AD7494" i="1"/>
  <c r="AD7495" i="1"/>
  <c r="AD7496" i="1"/>
  <c r="AD7497" i="1"/>
  <c r="AD7498" i="1"/>
  <c r="AD7499" i="1"/>
  <c r="AD7500" i="1"/>
  <c r="AD7501" i="1"/>
  <c r="AD7502" i="1"/>
  <c r="AD7503" i="1"/>
  <c r="AD7504" i="1"/>
  <c r="AD7505" i="1"/>
  <c r="AD7506" i="1"/>
  <c r="AD7507" i="1"/>
  <c r="AD7508" i="1"/>
  <c r="AD7509" i="1"/>
  <c r="AD7510" i="1"/>
  <c r="AD7511" i="1"/>
  <c r="AD7512" i="1"/>
  <c r="AD7513" i="1"/>
  <c r="AD7514" i="1"/>
  <c r="AD7515" i="1"/>
  <c r="AD7516" i="1"/>
  <c r="AD7517" i="1"/>
  <c r="AD7518" i="1"/>
  <c r="AD7519" i="1"/>
  <c r="AD7520" i="1"/>
  <c r="AD7521" i="1"/>
  <c r="AD7522" i="1"/>
  <c r="AD7523" i="1"/>
  <c r="AD7524" i="1"/>
  <c r="AD7525" i="1"/>
  <c r="AD7526" i="1"/>
  <c r="AD7527" i="1"/>
  <c r="AD7528" i="1"/>
  <c r="AD7529" i="1"/>
  <c r="AD7530" i="1"/>
  <c r="AD7531" i="1"/>
  <c r="AD7532" i="1"/>
  <c r="AD7533" i="1"/>
  <c r="AD7534" i="1"/>
  <c r="AD7535" i="1"/>
  <c r="AD7536" i="1"/>
  <c r="AD7537" i="1"/>
  <c r="AD7538" i="1"/>
  <c r="AD7539" i="1"/>
  <c r="AD7540" i="1"/>
  <c r="AD7541" i="1"/>
  <c r="AD7542" i="1"/>
  <c r="AD7543" i="1"/>
  <c r="AD7544" i="1"/>
  <c r="AD7545" i="1"/>
  <c r="AD7546" i="1"/>
  <c r="AD7547" i="1"/>
  <c r="AD7548" i="1"/>
  <c r="AD7549" i="1"/>
  <c r="AD7550" i="1"/>
  <c r="AD7551" i="1"/>
  <c r="AD7552" i="1"/>
  <c r="AD7553" i="1"/>
  <c r="AD7554" i="1"/>
  <c r="AD7555" i="1"/>
  <c r="AD7556" i="1"/>
  <c r="AD7557" i="1"/>
  <c r="AD7558" i="1"/>
  <c r="AD7559" i="1"/>
  <c r="AD7560" i="1"/>
  <c r="AD7561" i="1"/>
  <c r="AD7562" i="1"/>
  <c r="AD7563" i="1"/>
  <c r="AD7564" i="1"/>
  <c r="AD7565" i="1"/>
  <c r="AD7566" i="1"/>
  <c r="AD7567" i="1"/>
  <c r="AD7568" i="1"/>
  <c r="AD7569" i="1"/>
  <c r="AD7570" i="1"/>
  <c r="AD7571" i="1"/>
  <c r="AD7572" i="1"/>
  <c r="AD7573" i="1"/>
  <c r="AD7574" i="1"/>
  <c r="AD7575" i="1"/>
  <c r="AD7576" i="1"/>
  <c r="AD7577" i="1"/>
  <c r="AD7578" i="1"/>
  <c r="AD7579" i="1"/>
  <c r="AD7580" i="1"/>
  <c r="AD7581" i="1"/>
  <c r="AD7582" i="1"/>
  <c r="AD7583" i="1"/>
  <c r="AD7584" i="1"/>
  <c r="AD7585" i="1"/>
  <c r="AD7586" i="1"/>
  <c r="AD7587" i="1"/>
  <c r="AD7588" i="1"/>
  <c r="AD7589" i="1"/>
  <c r="AD7590" i="1"/>
  <c r="AD7591" i="1"/>
  <c r="AD7592" i="1"/>
  <c r="AD7593" i="1"/>
  <c r="AD7594" i="1"/>
  <c r="AD7595" i="1"/>
  <c r="AD7596" i="1"/>
  <c r="AD7597" i="1"/>
  <c r="AD7598" i="1"/>
  <c r="AD7599" i="1"/>
  <c r="AD7600" i="1"/>
  <c r="AD7601" i="1"/>
  <c r="AD7602" i="1"/>
  <c r="AD7603" i="1"/>
  <c r="AD7604" i="1"/>
  <c r="AD7605" i="1"/>
  <c r="AD7606" i="1"/>
  <c r="AD7607" i="1"/>
  <c r="AD7608" i="1"/>
  <c r="AD7609" i="1"/>
  <c r="AD7610" i="1"/>
  <c r="AD7611" i="1"/>
  <c r="AD7612" i="1"/>
  <c r="AD7613" i="1"/>
  <c r="AD7614" i="1"/>
  <c r="AD7615" i="1"/>
  <c r="AD7616" i="1"/>
  <c r="AD7617" i="1"/>
  <c r="AD7618" i="1"/>
  <c r="AD7619" i="1"/>
  <c r="AD7620" i="1"/>
  <c r="AD7621" i="1"/>
  <c r="AD7622" i="1"/>
  <c r="AD7623" i="1"/>
  <c r="AD7624" i="1"/>
  <c r="AD7625" i="1"/>
  <c r="AD7626" i="1"/>
  <c r="AD7627" i="1"/>
  <c r="AD7628" i="1"/>
  <c r="AD7629" i="1"/>
  <c r="AD7630" i="1"/>
  <c r="AD7631" i="1"/>
  <c r="AD7632" i="1"/>
  <c r="AD7633" i="1"/>
  <c r="AD7634" i="1"/>
  <c r="AD7635" i="1"/>
  <c r="AD7636" i="1"/>
  <c r="AD7637" i="1"/>
  <c r="AD7638" i="1"/>
  <c r="AD7639" i="1"/>
  <c r="AD7640" i="1"/>
  <c r="AD7641" i="1"/>
  <c r="AD7642" i="1"/>
  <c r="AD7643" i="1"/>
  <c r="AD7644" i="1"/>
  <c r="AD7645" i="1"/>
  <c r="AD7646" i="1"/>
  <c r="AD7647" i="1"/>
  <c r="AD7648" i="1"/>
  <c r="AD7649" i="1"/>
  <c r="AD7650" i="1"/>
  <c r="AD7651" i="1"/>
  <c r="AD7652" i="1"/>
  <c r="AD7653" i="1"/>
  <c r="AD7654" i="1"/>
  <c r="AD7655" i="1"/>
  <c r="AD7656" i="1"/>
  <c r="AD7657" i="1"/>
  <c r="AD7658" i="1"/>
  <c r="AD7659" i="1"/>
  <c r="AD7660" i="1"/>
  <c r="AD7661" i="1"/>
  <c r="AD7662" i="1"/>
  <c r="AD7663" i="1"/>
  <c r="AD7664" i="1"/>
  <c r="AD7665" i="1"/>
  <c r="AD7666" i="1"/>
  <c r="AD7667" i="1"/>
  <c r="AD7668" i="1"/>
  <c r="AD7669" i="1"/>
  <c r="AD7670" i="1"/>
  <c r="AD7671" i="1"/>
  <c r="AD7672" i="1"/>
  <c r="AD7673" i="1"/>
  <c r="AD7674" i="1"/>
  <c r="AD7675" i="1"/>
  <c r="AD7676" i="1"/>
  <c r="AD7677" i="1"/>
  <c r="AD7678" i="1"/>
  <c r="AD7679" i="1"/>
  <c r="AD7680" i="1"/>
  <c r="AD7681" i="1"/>
  <c r="AD7682" i="1"/>
  <c r="AD7683" i="1"/>
  <c r="AD7684" i="1"/>
  <c r="AD7685" i="1"/>
  <c r="AD7686" i="1"/>
  <c r="AD7687" i="1"/>
  <c r="AD7688" i="1"/>
  <c r="AD7689" i="1"/>
  <c r="AD7690" i="1"/>
  <c r="AD7691" i="1"/>
  <c r="AD7692" i="1"/>
  <c r="AD7693" i="1"/>
  <c r="AD7694" i="1"/>
  <c r="AD7695" i="1"/>
  <c r="AD7696" i="1"/>
  <c r="AD7697" i="1"/>
  <c r="AD7698" i="1"/>
  <c r="AD7699" i="1"/>
  <c r="AD7700" i="1"/>
  <c r="AD7701" i="1"/>
  <c r="AD7702" i="1"/>
  <c r="AD7703" i="1"/>
  <c r="AD7704" i="1"/>
  <c r="AD7705" i="1"/>
  <c r="AD7706" i="1"/>
  <c r="AD7707" i="1"/>
  <c r="AD7708" i="1"/>
  <c r="AD7709" i="1"/>
  <c r="AD7710" i="1"/>
  <c r="AD7711" i="1"/>
  <c r="AD7712" i="1"/>
  <c r="AD7713" i="1"/>
  <c r="AD7714" i="1"/>
  <c r="AD7715" i="1"/>
  <c r="AD7716" i="1"/>
  <c r="AD7717" i="1"/>
  <c r="AD7718" i="1"/>
  <c r="AD7719" i="1"/>
  <c r="AD7720" i="1"/>
  <c r="AD7721" i="1"/>
  <c r="AD7722" i="1"/>
  <c r="AD7723" i="1"/>
  <c r="AD7724" i="1"/>
  <c r="AD7725" i="1"/>
  <c r="AD7726" i="1"/>
  <c r="AD7727" i="1"/>
  <c r="AD7728" i="1"/>
  <c r="AD7729" i="1"/>
  <c r="AD7730" i="1"/>
  <c r="AD7731" i="1"/>
  <c r="AD7732" i="1"/>
  <c r="AD7733" i="1"/>
  <c r="AD7734" i="1"/>
  <c r="AD7735" i="1"/>
  <c r="AD7736" i="1"/>
  <c r="AD7737" i="1"/>
  <c r="AD7738" i="1"/>
  <c r="AD7739" i="1"/>
  <c r="AD7740" i="1"/>
  <c r="AD7741" i="1"/>
  <c r="AD7742" i="1"/>
  <c r="AD7743" i="1"/>
  <c r="AD7744" i="1"/>
  <c r="AD7745" i="1"/>
  <c r="AD7746" i="1"/>
  <c r="AD7747" i="1"/>
  <c r="AD7748" i="1"/>
  <c r="AD7749" i="1"/>
  <c r="AD7750" i="1"/>
  <c r="AD7751" i="1"/>
  <c r="AD7752" i="1"/>
  <c r="AD7753" i="1"/>
  <c r="AD7754" i="1"/>
  <c r="AD7755" i="1"/>
  <c r="AD7756" i="1"/>
  <c r="AD7757" i="1"/>
  <c r="AD7758" i="1"/>
  <c r="AD7759" i="1"/>
  <c r="AD7760" i="1"/>
  <c r="AD7761" i="1"/>
  <c r="AD7762" i="1"/>
  <c r="AD7763" i="1"/>
  <c r="AD7764" i="1"/>
  <c r="AD7765" i="1"/>
  <c r="AD7766" i="1"/>
  <c r="AD7767" i="1"/>
  <c r="AD7768" i="1"/>
  <c r="AD7769" i="1"/>
  <c r="AD7770" i="1"/>
  <c r="AD7771" i="1"/>
  <c r="AD7772" i="1"/>
  <c r="AD7773" i="1"/>
  <c r="AD7774" i="1"/>
  <c r="AD7775" i="1"/>
  <c r="AD7776" i="1"/>
  <c r="AD7777" i="1"/>
  <c r="AD7778" i="1"/>
  <c r="AD7779" i="1"/>
  <c r="AD7780" i="1"/>
  <c r="AD7781" i="1"/>
  <c r="AD7782" i="1"/>
  <c r="AD7783" i="1"/>
  <c r="AD7784" i="1"/>
  <c r="AD7785" i="1"/>
  <c r="AD7786" i="1"/>
  <c r="AD7787" i="1"/>
  <c r="AD7788" i="1"/>
  <c r="AD7789" i="1"/>
  <c r="AD7790" i="1"/>
  <c r="AD7791" i="1"/>
  <c r="AD7792" i="1"/>
  <c r="AD7793" i="1"/>
  <c r="AD7794" i="1"/>
  <c r="AD7795" i="1"/>
  <c r="AD7796" i="1"/>
  <c r="AD7797" i="1"/>
  <c r="AD7798" i="1"/>
  <c r="AD7799" i="1"/>
  <c r="AD7800" i="1"/>
  <c r="AD7801" i="1"/>
  <c r="AD7802" i="1"/>
  <c r="AD7803" i="1"/>
  <c r="AD7804" i="1"/>
  <c r="AD7805" i="1"/>
  <c r="AD7806" i="1"/>
  <c r="AD7807" i="1"/>
  <c r="AD7808" i="1"/>
  <c r="AD7809" i="1"/>
  <c r="AD7810" i="1"/>
  <c r="AD7811" i="1"/>
  <c r="AD7812" i="1"/>
  <c r="AD7813" i="1"/>
  <c r="AD7814" i="1"/>
  <c r="AD7815" i="1"/>
  <c r="AD7816" i="1"/>
  <c r="AD7817" i="1"/>
  <c r="AD7818" i="1"/>
  <c r="AD7819" i="1"/>
  <c r="AD7820" i="1"/>
  <c r="AD7821" i="1"/>
  <c r="AD7822" i="1"/>
  <c r="AD7823" i="1"/>
  <c r="AD7824" i="1"/>
  <c r="AD7825" i="1"/>
  <c r="AD7826" i="1"/>
  <c r="AD7827" i="1"/>
  <c r="AD7828" i="1"/>
  <c r="AD7829" i="1"/>
  <c r="AD7830" i="1"/>
  <c r="AD7831" i="1"/>
  <c r="AD7832" i="1"/>
  <c r="AD7833" i="1"/>
  <c r="AD7834" i="1"/>
  <c r="AD7835" i="1"/>
  <c r="AD7836" i="1"/>
  <c r="AD7837" i="1"/>
  <c r="AD7838" i="1"/>
  <c r="AD7839" i="1"/>
  <c r="AD7840" i="1"/>
  <c r="AD7841" i="1"/>
  <c r="AD7842" i="1"/>
  <c r="AD7843" i="1"/>
  <c r="AD7844" i="1"/>
  <c r="AD7845" i="1"/>
  <c r="AD7846" i="1"/>
  <c r="AD7847" i="1"/>
  <c r="AD7848" i="1"/>
  <c r="AD7849" i="1"/>
  <c r="AD7850" i="1"/>
  <c r="AD7851" i="1"/>
  <c r="AD7852" i="1"/>
  <c r="AD7853" i="1"/>
  <c r="AD7854" i="1"/>
  <c r="AD7855" i="1"/>
  <c r="AD7856" i="1"/>
  <c r="AD7857" i="1"/>
  <c r="AD7858" i="1"/>
  <c r="AD7859" i="1"/>
  <c r="AD7860" i="1"/>
  <c r="AD7861" i="1"/>
  <c r="AD7862" i="1"/>
  <c r="AD7863" i="1"/>
  <c r="AD7864" i="1"/>
  <c r="AD7865" i="1"/>
  <c r="AD7866" i="1"/>
  <c r="AD7867" i="1"/>
  <c r="AD7868" i="1"/>
  <c r="AD7869" i="1"/>
  <c r="AD7870" i="1"/>
  <c r="AD7871" i="1"/>
  <c r="AD7872" i="1"/>
  <c r="AD7873" i="1"/>
  <c r="AD7874" i="1"/>
  <c r="AD7875" i="1"/>
  <c r="AD7876" i="1"/>
  <c r="AD7877" i="1"/>
  <c r="AD7878" i="1"/>
  <c r="AD7879" i="1"/>
  <c r="AD7880" i="1"/>
  <c r="AD7881" i="1"/>
  <c r="AD7882" i="1"/>
  <c r="AD7883" i="1"/>
  <c r="AD7884" i="1"/>
  <c r="AD7885" i="1"/>
  <c r="AD7886" i="1"/>
  <c r="AD7887" i="1"/>
  <c r="AD7888" i="1"/>
  <c r="AD7889" i="1"/>
  <c r="AD7890" i="1"/>
  <c r="AD7891" i="1"/>
  <c r="AD7892" i="1"/>
  <c r="AD7893" i="1"/>
  <c r="AD7894" i="1"/>
  <c r="AD7895" i="1"/>
  <c r="AD7896" i="1"/>
  <c r="AD7897" i="1"/>
  <c r="AD7898" i="1"/>
  <c r="AD7899" i="1"/>
  <c r="AD7900" i="1"/>
  <c r="AD7901" i="1"/>
  <c r="AD7902" i="1"/>
  <c r="AD7903" i="1"/>
  <c r="AD7904" i="1"/>
  <c r="AD7905" i="1"/>
  <c r="AD7906" i="1"/>
  <c r="AD7907" i="1"/>
  <c r="AD7908" i="1"/>
  <c r="AD7909" i="1"/>
  <c r="AD7910" i="1"/>
  <c r="AD7911" i="1"/>
  <c r="AD7912" i="1"/>
  <c r="AD7913" i="1"/>
  <c r="AD7914" i="1"/>
  <c r="AD7915" i="1"/>
  <c r="AD7916" i="1"/>
  <c r="AD7917" i="1"/>
  <c r="AD7918" i="1"/>
  <c r="AD7919" i="1"/>
  <c r="AD7920" i="1"/>
  <c r="AD7921" i="1"/>
  <c r="AD7922" i="1"/>
  <c r="AD7923" i="1"/>
  <c r="AD7924" i="1"/>
  <c r="AD7925" i="1"/>
  <c r="AD7926" i="1"/>
  <c r="AD7927" i="1"/>
  <c r="AD7928" i="1"/>
  <c r="AD7929" i="1"/>
  <c r="AD7930" i="1"/>
  <c r="AD7931" i="1"/>
  <c r="AD7932" i="1"/>
  <c r="AD7933" i="1"/>
  <c r="AD7934" i="1"/>
  <c r="AD7935" i="1"/>
  <c r="AD7936" i="1"/>
  <c r="AD7937" i="1"/>
  <c r="AD7938" i="1"/>
  <c r="AD7939" i="1"/>
  <c r="AD7940" i="1"/>
  <c r="AD7941" i="1"/>
  <c r="AD7942" i="1"/>
  <c r="AD7943" i="1"/>
  <c r="AD7944" i="1"/>
  <c r="AD7945" i="1"/>
  <c r="AD7946" i="1"/>
  <c r="AD7947" i="1"/>
  <c r="AD7948" i="1"/>
  <c r="AD7949" i="1"/>
  <c r="AD7950" i="1"/>
  <c r="AD7951" i="1"/>
  <c r="AD7952" i="1"/>
  <c r="AD7953" i="1"/>
  <c r="AD7954" i="1"/>
  <c r="AD7955" i="1"/>
  <c r="AD7956" i="1"/>
  <c r="AD7957" i="1"/>
  <c r="AD7958" i="1"/>
  <c r="AD7959" i="1"/>
  <c r="AD7960" i="1"/>
  <c r="AD7961" i="1"/>
  <c r="AD7962" i="1"/>
  <c r="AD7963" i="1"/>
  <c r="AD7964" i="1"/>
  <c r="AD7965" i="1"/>
  <c r="AD7966" i="1"/>
  <c r="AD7967" i="1"/>
  <c r="AD7968" i="1"/>
  <c r="AD7969" i="1"/>
  <c r="AD7970" i="1"/>
  <c r="AD7971" i="1"/>
  <c r="AD7972" i="1"/>
  <c r="AD7973" i="1"/>
  <c r="AD7974" i="1"/>
  <c r="AD7975" i="1"/>
  <c r="AD7976" i="1"/>
  <c r="AD7977" i="1"/>
  <c r="AD7978" i="1"/>
  <c r="AD7979" i="1"/>
  <c r="AD7980" i="1"/>
  <c r="AD7981" i="1"/>
  <c r="AD7982" i="1"/>
  <c r="AD7983" i="1"/>
  <c r="AD7984" i="1"/>
  <c r="AD7985" i="1"/>
  <c r="AD7986" i="1"/>
  <c r="AD7987" i="1"/>
  <c r="AD7988" i="1"/>
  <c r="AD7989" i="1"/>
  <c r="AD7990" i="1"/>
  <c r="AD7991" i="1"/>
  <c r="AD7992" i="1"/>
  <c r="AD7993" i="1"/>
  <c r="AD7994" i="1"/>
  <c r="AD7995" i="1"/>
  <c r="AD7996" i="1"/>
  <c r="AD7997" i="1"/>
  <c r="AD7998" i="1"/>
  <c r="AD7999" i="1"/>
  <c r="AD8000" i="1"/>
  <c r="AD8001" i="1"/>
  <c r="AD8002" i="1"/>
  <c r="AD8003" i="1"/>
  <c r="AD8004" i="1"/>
  <c r="AD8005" i="1"/>
  <c r="AD8006" i="1"/>
  <c r="AD8007" i="1"/>
  <c r="AD8008" i="1"/>
  <c r="AD8009" i="1"/>
  <c r="AD8010" i="1"/>
  <c r="AD8011" i="1"/>
  <c r="AD8012" i="1"/>
  <c r="AD8013" i="1"/>
  <c r="AD8014" i="1"/>
  <c r="AD8015" i="1"/>
  <c r="AD8016" i="1"/>
  <c r="AD8017" i="1"/>
  <c r="AD8018" i="1"/>
  <c r="AD8019" i="1"/>
  <c r="AD8020" i="1"/>
  <c r="AD8021" i="1"/>
  <c r="AD8022" i="1"/>
  <c r="AD8023" i="1"/>
  <c r="AD8024" i="1"/>
  <c r="AD8025" i="1"/>
  <c r="AD8026" i="1"/>
  <c r="AD8027" i="1"/>
  <c r="AD8028" i="1"/>
  <c r="AD8029" i="1"/>
  <c r="AD8030" i="1"/>
  <c r="AD8031" i="1"/>
  <c r="AD8032" i="1"/>
  <c r="AD8033" i="1"/>
  <c r="AD8034" i="1"/>
  <c r="AD8035" i="1"/>
  <c r="AD8036" i="1"/>
  <c r="AD8037" i="1"/>
  <c r="AD8038" i="1"/>
  <c r="AD8039" i="1"/>
  <c r="AD8040" i="1"/>
  <c r="AD8041" i="1"/>
  <c r="AD8042" i="1"/>
  <c r="AD8043" i="1"/>
  <c r="AD8044" i="1"/>
  <c r="AD8045" i="1"/>
  <c r="AD8046" i="1"/>
  <c r="AD8047" i="1"/>
  <c r="AD8048" i="1"/>
  <c r="AD8049" i="1"/>
  <c r="AD8050" i="1"/>
  <c r="AD8051" i="1"/>
  <c r="AD8052" i="1"/>
  <c r="AD8053" i="1"/>
  <c r="AD8054" i="1"/>
  <c r="AD8055" i="1"/>
  <c r="AD8056" i="1"/>
  <c r="AD8057" i="1"/>
  <c r="AD8058" i="1"/>
  <c r="AD8059" i="1"/>
  <c r="AD8060" i="1"/>
  <c r="AD8061" i="1"/>
  <c r="AD8062" i="1"/>
  <c r="AD8063" i="1"/>
  <c r="AD8064" i="1"/>
  <c r="AD8065" i="1"/>
  <c r="AD8066" i="1"/>
  <c r="AD8067" i="1"/>
  <c r="AD8068" i="1"/>
  <c r="AD8069" i="1"/>
  <c r="AD8070" i="1"/>
  <c r="AD8071" i="1"/>
  <c r="AD8072" i="1"/>
  <c r="AD8073" i="1"/>
  <c r="AD8074" i="1"/>
  <c r="AD8075" i="1"/>
  <c r="AD8076" i="1"/>
  <c r="AD8077" i="1"/>
  <c r="AD8078" i="1"/>
  <c r="AD8079" i="1"/>
  <c r="AD8080" i="1"/>
  <c r="AD8081" i="1"/>
  <c r="AD8082" i="1"/>
  <c r="AD8083" i="1"/>
  <c r="AD8084" i="1"/>
  <c r="AD8085" i="1"/>
  <c r="AD8086" i="1"/>
  <c r="AD8087" i="1"/>
  <c r="AD8088" i="1"/>
  <c r="AD8089" i="1"/>
  <c r="AD8090" i="1"/>
  <c r="AD8091" i="1"/>
  <c r="AD8092" i="1"/>
  <c r="AD8093" i="1"/>
  <c r="AD8094" i="1"/>
  <c r="AD8095" i="1"/>
  <c r="AD8096" i="1"/>
  <c r="AD8097" i="1"/>
  <c r="AD8098" i="1"/>
  <c r="AD8099" i="1"/>
  <c r="AD8100" i="1"/>
  <c r="AD8101" i="1"/>
  <c r="AD8102" i="1"/>
  <c r="AD8103" i="1"/>
  <c r="AD8104" i="1"/>
  <c r="AD8105" i="1"/>
  <c r="AD8106" i="1"/>
  <c r="AD8107" i="1"/>
  <c r="AD8108" i="1"/>
  <c r="AD8109" i="1"/>
  <c r="AD8110" i="1"/>
  <c r="AD8111" i="1"/>
  <c r="AD8112" i="1"/>
  <c r="AD8113" i="1"/>
  <c r="AD8114" i="1"/>
  <c r="AD8115" i="1"/>
  <c r="AD8116" i="1"/>
  <c r="AD8117" i="1"/>
  <c r="AD8118" i="1"/>
  <c r="AD8119" i="1"/>
  <c r="AD8120" i="1"/>
  <c r="AD8121" i="1"/>
  <c r="AD8122" i="1"/>
  <c r="AD8123" i="1"/>
  <c r="AD8124" i="1"/>
  <c r="AD8125" i="1"/>
  <c r="AD8126" i="1"/>
  <c r="AD8127" i="1"/>
  <c r="AD8128" i="1"/>
  <c r="AD8129" i="1"/>
  <c r="AD8130" i="1"/>
  <c r="AD8131" i="1"/>
  <c r="AD8132" i="1"/>
  <c r="AD8133" i="1"/>
  <c r="AD8134" i="1"/>
  <c r="AD8135" i="1"/>
  <c r="AD8136" i="1"/>
  <c r="AD8137" i="1"/>
  <c r="AD8138" i="1"/>
  <c r="AD8139" i="1"/>
  <c r="AD8140" i="1"/>
  <c r="AD8141" i="1"/>
  <c r="AD8142" i="1"/>
  <c r="AD8143" i="1"/>
  <c r="AD8144" i="1"/>
  <c r="AD8145" i="1"/>
  <c r="AD8146" i="1"/>
  <c r="AD8147" i="1"/>
  <c r="AD8148" i="1"/>
  <c r="AD8149" i="1"/>
  <c r="AD8150" i="1"/>
  <c r="AD8151" i="1"/>
  <c r="AD8152" i="1"/>
  <c r="AD8153" i="1"/>
  <c r="AD8154" i="1"/>
  <c r="AD8155" i="1"/>
  <c r="AD8156" i="1"/>
  <c r="AD8157" i="1"/>
  <c r="AD8158" i="1"/>
  <c r="AD8159" i="1"/>
  <c r="AD8160" i="1"/>
  <c r="AD8161" i="1"/>
  <c r="AD8162" i="1"/>
  <c r="AD8163" i="1"/>
  <c r="AD8164" i="1"/>
  <c r="AD8165" i="1"/>
  <c r="AD8166" i="1"/>
  <c r="AD8167" i="1"/>
  <c r="AD8168" i="1"/>
  <c r="AD8169" i="1"/>
  <c r="AD8170" i="1"/>
  <c r="AD8171" i="1"/>
  <c r="AD8172" i="1"/>
  <c r="AD8173" i="1"/>
  <c r="AD8174" i="1"/>
  <c r="AD8175" i="1"/>
  <c r="AD8176" i="1"/>
  <c r="AD8177" i="1"/>
  <c r="AD8178" i="1"/>
  <c r="AD8179" i="1"/>
  <c r="AD8180" i="1"/>
  <c r="AD8181" i="1"/>
  <c r="AD8182" i="1"/>
  <c r="AD8183" i="1"/>
  <c r="AD8184" i="1"/>
  <c r="AD8185" i="1"/>
  <c r="AD8186" i="1"/>
  <c r="AD8187" i="1"/>
  <c r="AD8188" i="1"/>
  <c r="AD8189" i="1"/>
  <c r="AD8190" i="1"/>
  <c r="AD8191" i="1"/>
  <c r="AD8192" i="1"/>
  <c r="AD8193" i="1"/>
  <c r="AD8194" i="1"/>
  <c r="AD8195" i="1"/>
  <c r="AD8196" i="1"/>
  <c r="AD8197" i="1"/>
  <c r="AD8198" i="1"/>
  <c r="AD8199" i="1"/>
  <c r="AD8200" i="1"/>
  <c r="AD8201" i="1"/>
  <c r="AD8202" i="1"/>
  <c r="AD8203" i="1"/>
  <c r="AD8204" i="1"/>
  <c r="AD8205" i="1"/>
  <c r="AD8206" i="1"/>
  <c r="AD8207" i="1"/>
  <c r="AD8208" i="1"/>
  <c r="AD8209" i="1"/>
  <c r="AD8210" i="1"/>
  <c r="AD8211" i="1"/>
  <c r="AD8212" i="1"/>
  <c r="AD8213" i="1"/>
  <c r="AD8214" i="1"/>
  <c r="AD8215" i="1"/>
  <c r="AD8216" i="1"/>
  <c r="AD8217" i="1"/>
  <c r="AD8218" i="1"/>
  <c r="AD8219" i="1"/>
  <c r="AD8220" i="1"/>
  <c r="AD8221" i="1"/>
  <c r="AD8222" i="1"/>
  <c r="AD8223" i="1"/>
  <c r="AD8224" i="1"/>
  <c r="AD8225" i="1"/>
  <c r="AD8226" i="1"/>
  <c r="AD8227" i="1"/>
  <c r="AD8228" i="1"/>
  <c r="AD8229" i="1"/>
  <c r="AD8230" i="1"/>
  <c r="AD8231" i="1"/>
  <c r="AD8232" i="1"/>
  <c r="AD8233" i="1"/>
  <c r="AD8234" i="1"/>
  <c r="AD8235" i="1"/>
  <c r="AD8236" i="1"/>
  <c r="AD8237" i="1"/>
  <c r="AD8238" i="1"/>
  <c r="AD8239" i="1"/>
  <c r="AD8240" i="1"/>
  <c r="AD8241" i="1"/>
  <c r="AD8242" i="1"/>
  <c r="AD8243" i="1"/>
  <c r="AD8244" i="1"/>
  <c r="AD8245" i="1"/>
  <c r="AD8246" i="1"/>
  <c r="AD8247" i="1"/>
  <c r="AD8248" i="1"/>
  <c r="AD8249" i="1"/>
  <c r="AD8250" i="1"/>
  <c r="AD8251" i="1"/>
  <c r="AD8252" i="1"/>
  <c r="AD8253" i="1"/>
  <c r="AD8254" i="1"/>
  <c r="AD8255" i="1"/>
  <c r="AD8256" i="1"/>
  <c r="AD8257" i="1"/>
  <c r="AD8258" i="1"/>
  <c r="AD8259" i="1"/>
  <c r="AD8260" i="1"/>
  <c r="AD8261" i="1"/>
  <c r="AD8262" i="1"/>
  <c r="AD8263" i="1"/>
  <c r="AD8264" i="1"/>
  <c r="AD8265" i="1"/>
  <c r="AD8266" i="1"/>
  <c r="AD8267" i="1"/>
  <c r="AD8268" i="1"/>
  <c r="AD8269" i="1"/>
  <c r="AD8270" i="1"/>
  <c r="AD8271" i="1"/>
  <c r="AD8272" i="1"/>
  <c r="AD8273" i="1"/>
  <c r="AD8274" i="1"/>
  <c r="AD8275" i="1"/>
  <c r="AD8276" i="1"/>
  <c r="AD8277" i="1"/>
  <c r="AD8278" i="1"/>
  <c r="AD8279" i="1"/>
  <c r="AD8280" i="1"/>
  <c r="AD8281" i="1"/>
  <c r="AD8282" i="1"/>
  <c r="AD8283" i="1"/>
  <c r="AD8284" i="1"/>
  <c r="AD8285" i="1"/>
  <c r="AD8286" i="1"/>
  <c r="AD8287" i="1"/>
  <c r="AD8288" i="1"/>
  <c r="AD8289" i="1"/>
  <c r="AD8290" i="1"/>
  <c r="AD8291" i="1"/>
  <c r="AD8292" i="1"/>
  <c r="AD8293" i="1"/>
  <c r="AD8294" i="1"/>
  <c r="AD8295" i="1"/>
  <c r="AD8296" i="1"/>
  <c r="AD8297" i="1"/>
  <c r="AD8298" i="1"/>
  <c r="AD8299" i="1"/>
  <c r="AD8300" i="1"/>
  <c r="AD8301" i="1"/>
  <c r="AD8302" i="1"/>
  <c r="AD8303" i="1"/>
  <c r="AD8304" i="1"/>
  <c r="AD8305" i="1"/>
  <c r="AD8306" i="1"/>
  <c r="AD8307" i="1"/>
  <c r="AD8308" i="1"/>
  <c r="AD8309" i="1"/>
  <c r="AD8310" i="1"/>
  <c r="AD8311" i="1"/>
  <c r="AD8312" i="1"/>
  <c r="AD8313" i="1"/>
  <c r="AD8314" i="1"/>
  <c r="AD8315" i="1"/>
  <c r="AD8316" i="1"/>
  <c r="AD8317" i="1"/>
  <c r="AD8318" i="1"/>
  <c r="AD8319" i="1"/>
  <c r="AD8320" i="1"/>
  <c r="AD8321" i="1"/>
  <c r="AD8322" i="1"/>
  <c r="AD8323" i="1"/>
  <c r="AD8324" i="1"/>
  <c r="AD8325" i="1"/>
  <c r="AD8326" i="1"/>
  <c r="AD8327" i="1"/>
  <c r="AD8328" i="1"/>
  <c r="AD8329" i="1"/>
  <c r="AD8330" i="1"/>
  <c r="AD8331" i="1"/>
  <c r="AD8332" i="1"/>
  <c r="AD8333" i="1"/>
  <c r="AD8334" i="1"/>
  <c r="AD8335" i="1"/>
  <c r="AD8336" i="1"/>
  <c r="AD8337" i="1"/>
  <c r="AD8338" i="1"/>
  <c r="AD8339" i="1"/>
  <c r="AD8340" i="1"/>
  <c r="AD8341" i="1"/>
  <c r="AD8342" i="1"/>
  <c r="AD8343" i="1"/>
  <c r="AD8344" i="1"/>
  <c r="AD8345" i="1"/>
  <c r="AD8346" i="1"/>
  <c r="AD8347" i="1"/>
  <c r="AD8348" i="1"/>
  <c r="AD8349" i="1"/>
  <c r="AD8350" i="1"/>
  <c r="AD8351" i="1"/>
  <c r="AD8352" i="1"/>
  <c r="AD8353" i="1"/>
  <c r="AD8354" i="1"/>
  <c r="AD8355" i="1"/>
  <c r="AD8356" i="1"/>
  <c r="AD8357" i="1"/>
  <c r="AD8358" i="1"/>
  <c r="AD8359" i="1"/>
  <c r="AD8360" i="1"/>
  <c r="AD8361" i="1"/>
  <c r="AD8362" i="1"/>
  <c r="AD8363" i="1"/>
  <c r="AD8364" i="1"/>
  <c r="AD8365" i="1"/>
  <c r="AD8366" i="1"/>
  <c r="AD8367" i="1"/>
  <c r="AD8368" i="1"/>
  <c r="AD8369" i="1"/>
  <c r="AD8370" i="1"/>
  <c r="AD8371" i="1"/>
  <c r="AD8372" i="1"/>
  <c r="AD8373" i="1"/>
  <c r="AD8374" i="1"/>
  <c r="AD8375" i="1"/>
  <c r="AD8376" i="1"/>
  <c r="AD8377" i="1"/>
  <c r="AD8378" i="1"/>
  <c r="AD8379" i="1"/>
  <c r="AD8380" i="1"/>
  <c r="AD8381" i="1"/>
  <c r="AD8382" i="1"/>
  <c r="AD8383" i="1"/>
  <c r="AD8384" i="1"/>
  <c r="AD8385" i="1"/>
  <c r="AD8386" i="1"/>
  <c r="AD8387" i="1"/>
  <c r="AD8388" i="1"/>
  <c r="AD8389" i="1"/>
  <c r="AD8390" i="1"/>
  <c r="AD8391" i="1"/>
  <c r="AD8392" i="1"/>
  <c r="AD8393" i="1"/>
  <c r="AD8394" i="1"/>
  <c r="AD8395" i="1"/>
  <c r="AD8396" i="1"/>
  <c r="AD8397" i="1"/>
  <c r="AD8398" i="1"/>
  <c r="AD8399" i="1"/>
  <c r="AD8400" i="1"/>
  <c r="AD8401" i="1"/>
  <c r="AD8403" i="1"/>
  <c r="AD8404" i="1"/>
  <c r="AD8405" i="1"/>
  <c r="AD8406" i="1"/>
  <c r="AD8407" i="1"/>
  <c r="AD8408" i="1"/>
  <c r="AD8409" i="1"/>
  <c r="AD8410" i="1"/>
  <c r="AD8411" i="1"/>
  <c r="AD8412" i="1"/>
  <c r="AD8414" i="1"/>
  <c r="AD8415" i="1"/>
  <c r="AD8416" i="1"/>
  <c r="AD8417" i="1"/>
  <c r="AD8418" i="1"/>
  <c r="AD8420" i="1"/>
  <c r="AD8421" i="1"/>
  <c r="AD8422" i="1"/>
  <c r="AD8423" i="1"/>
  <c r="AD8424" i="1"/>
  <c r="AD8426" i="1"/>
  <c r="AD8427" i="1"/>
  <c r="AD8428" i="1"/>
  <c r="AD8429" i="1"/>
  <c r="AD8430" i="1"/>
  <c r="AD8431" i="1"/>
  <c r="AD8432" i="1"/>
  <c r="AD8433" i="1"/>
  <c r="AD8434" i="1"/>
  <c r="AD8435" i="1"/>
  <c r="AD8436" i="1"/>
  <c r="AD8438" i="1"/>
  <c r="AD8439" i="1"/>
  <c r="AD8440" i="1"/>
  <c r="AD8441" i="1"/>
  <c r="AD8442" i="1"/>
  <c r="AD8443" i="1"/>
  <c r="AD8444" i="1"/>
  <c r="AD8445" i="1"/>
  <c r="AD8446" i="1"/>
  <c r="AD8447" i="1"/>
  <c r="AD8448" i="1"/>
  <c r="AD8450" i="1"/>
  <c r="AD8451" i="1"/>
  <c r="AD8452" i="1"/>
  <c r="AD8453" i="1"/>
  <c r="AD8454" i="1"/>
  <c r="AD8455" i="1"/>
  <c r="AD8456" i="1"/>
  <c r="AD8457" i="1"/>
  <c r="AD8458" i="1"/>
  <c r="AD8459" i="1"/>
  <c r="AD8460" i="1"/>
  <c r="AD8462" i="1"/>
  <c r="AD8463" i="1"/>
  <c r="AD8464" i="1"/>
  <c r="AD8465" i="1"/>
  <c r="AD8466" i="1"/>
  <c r="AD8467" i="1"/>
  <c r="AD8468" i="1"/>
  <c r="AD8469" i="1"/>
  <c r="AD8470" i="1"/>
  <c r="AD8471" i="1"/>
  <c r="AD8472" i="1"/>
  <c r="AD8474" i="1"/>
  <c r="AD8475" i="1"/>
  <c r="AD8476" i="1"/>
  <c r="AD8477" i="1"/>
  <c r="AD8478" i="1"/>
  <c r="AD8479" i="1"/>
  <c r="AD8480" i="1"/>
  <c r="AD8481" i="1"/>
  <c r="AD8482" i="1"/>
  <c r="AD8483" i="1"/>
  <c r="AD8484" i="1"/>
  <c r="AD8486" i="1"/>
  <c r="AD8487" i="1"/>
  <c r="AD8488" i="1"/>
  <c r="AD8489" i="1"/>
  <c r="AD8490" i="1"/>
  <c r="AD8492" i="1"/>
  <c r="AD8493" i="1"/>
  <c r="AD8494" i="1"/>
  <c r="AD8495" i="1"/>
  <c r="AD8496" i="1"/>
  <c r="AD8498" i="1"/>
  <c r="AD8499" i="1"/>
  <c r="AD8500" i="1"/>
  <c r="AD8501" i="1"/>
  <c r="AD8502" i="1"/>
  <c r="AD8503" i="1"/>
  <c r="AD8504" i="1"/>
  <c r="AD8505" i="1"/>
  <c r="AD8506" i="1"/>
  <c r="AD8507" i="1"/>
  <c r="AD8508" i="1"/>
  <c r="AD8510" i="1"/>
  <c r="AD8511" i="1"/>
  <c r="AD8512" i="1"/>
  <c r="AD8513" i="1"/>
  <c r="AD8514" i="1"/>
  <c r="AD8515" i="1"/>
  <c r="AD8516" i="1"/>
  <c r="AD8517" i="1"/>
  <c r="AD8518" i="1"/>
  <c r="AD8519" i="1"/>
  <c r="AD8520" i="1"/>
  <c r="AD8522" i="1"/>
  <c r="AD8523" i="1"/>
  <c r="AD8524" i="1"/>
  <c r="AD8525" i="1"/>
  <c r="AD8526" i="1"/>
  <c r="AD8527" i="1"/>
  <c r="AD8528" i="1"/>
  <c r="AD8529" i="1"/>
  <c r="AD8530" i="1"/>
  <c r="AD8531" i="1"/>
  <c r="AD8532" i="1"/>
  <c r="AD8534" i="1"/>
  <c r="AD8535" i="1"/>
  <c r="AD8536" i="1"/>
  <c r="AD8537" i="1"/>
  <c r="AD8538" i="1"/>
  <c r="AD8539" i="1"/>
  <c r="AD8540" i="1"/>
  <c r="AD8541" i="1"/>
  <c r="AD8542" i="1"/>
  <c r="AD8543" i="1"/>
  <c r="AD8544" i="1"/>
  <c r="AD8546" i="1"/>
  <c r="AD8547" i="1"/>
  <c r="AD8548" i="1"/>
  <c r="AD8549" i="1"/>
  <c r="AD8550" i="1"/>
  <c r="AD8551" i="1"/>
  <c r="AD8552" i="1"/>
  <c r="AD8553" i="1"/>
  <c r="AD8554" i="1"/>
  <c r="AD8555" i="1"/>
  <c r="AD8556" i="1"/>
  <c r="AD8558" i="1"/>
  <c r="AD8559" i="1"/>
  <c r="AD8560" i="1"/>
  <c r="AD8561" i="1"/>
  <c r="AD8562" i="1"/>
  <c r="AD8564" i="1"/>
  <c r="AD8565" i="1"/>
  <c r="AD8566" i="1"/>
  <c r="AD8567" i="1"/>
  <c r="AD8568" i="1"/>
  <c r="AD8570" i="1"/>
  <c r="AD8571" i="1"/>
  <c r="AD8572" i="1"/>
  <c r="AD8573" i="1"/>
  <c r="AD8574" i="1"/>
  <c r="AD8575" i="1"/>
  <c r="AD8576" i="1"/>
  <c r="AD8577" i="1"/>
  <c r="AD8578" i="1"/>
  <c r="AD8579" i="1"/>
  <c r="AD8580" i="1"/>
  <c r="AD8582" i="1"/>
  <c r="AD8583" i="1"/>
  <c r="AD8584" i="1"/>
  <c r="AD8585" i="1"/>
  <c r="AD8586" i="1"/>
  <c r="AD8587" i="1"/>
  <c r="AD8588" i="1"/>
  <c r="AD8589" i="1"/>
  <c r="AD8590" i="1"/>
  <c r="AD8591" i="1"/>
  <c r="AD8592" i="1"/>
  <c r="AD8594" i="1"/>
  <c r="AD8595" i="1"/>
  <c r="AD8596" i="1"/>
  <c r="AD8597" i="1"/>
  <c r="AD8598" i="1"/>
  <c r="AD8599" i="1"/>
  <c r="AD8600" i="1"/>
  <c r="AD8601" i="1"/>
  <c r="AD8602" i="1"/>
  <c r="AD8603" i="1"/>
  <c r="AD8604" i="1"/>
  <c r="AD8606" i="1"/>
  <c r="AD8607" i="1"/>
  <c r="AD8608" i="1"/>
  <c r="AD8609" i="1"/>
  <c r="AD8610" i="1"/>
  <c r="AD8611" i="1"/>
  <c r="AD8612" i="1"/>
  <c r="AD8613" i="1"/>
  <c r="AD8614" i="1"/>
  <c r="AD8615" i="1"/>
  <c r="AD8616" i="1"/>
  <c r="AD8618" i="1"/>
  <c r="AD8619" i="1"/>
  <c r="AD8620" i="1"/>
  <c r="AD8621" i="1"/>
  <c r="AD8622" i="1"/>
  <c r="AD8623" i="1"/>
  <c r="AD8624" i="1"/>
  <c r="AD8625" i="1"/>
  <c r="AD8626" i="1"/>
  <c r="AD8627" i="1"/>
  <c r="AD8628" i="1"/>
  <c r="AD8630" i="1"/>
  <c r="AD8631" i="1"/>
  <c r="AD8632" i="1"/>
  <c r="AD8633" i="1"/>
  <c r="AD8634" i="1"/>
  <c r="AD8636" i="1"/>
  <c r="AD8637" i="1"/>
  <c r="AD8638" i="1"/>
  <c r="AD8639" i="1"/>
  <c r="AD8640" i="1"/>
  <c r="AD8642" i="1"/>
  <c r="AD8643" i="1"/>
  <c r="AD8644" i="1"/>
  <c r="AD8645" i="1"/>
  <c r="AD8646" i="1"/>
  <c r="AD8647" i="1"/>
  <c r="AD8648" i="1"/>
  <c r="AD8649" i="1"/>
  <c r="AD8650" i="1"/>
  <c r="AD8651" i="1"/>
  <c r="AD8652" i="1"/>
  <c r="AD8654" i="1"/>
  <c r="AD8655" i="1"/>
  <c r="AD8656" i="1"/>
  <c r="AD8657" i="1"/>
  <c r="AD8658" i="1"/>
  <c r="AD8659" i="1"/>
  <c r="AD8660" i="1"/>
  <c r="AD8661" i="1"/>
  <c r="AD8662" i="1"/>
  <c r="AD8663" i="1"/>
  <c r="AD8664" i="1"/>
  <c r="AD8666" i="1"/>
  <c r="AD8667" i="1"/>
  <c r="AD8668" i="1"/>
  <c r="AD8669" i="1"/>
  <c r="AD8670" i="1"/>
  <c r="AD8671" i="1"/>
  <c r="AD8672" i="1"/>
  <c r="AD8673" i="1"/>
  <c r="AD8674" i="1"/>
  <c r="AD8675" i="1"/>
  <c r="AD8676" i="1"/>
  <c r="AD8678" i="1"/>
  <c r="AD8679" i="1"/>
  <c r="AD8680" i="1"/>
  <c r="AD8681" i="1"/>
  <c r="AD8682" i="1"/>
  <c r="AD8683" i="1"/>
  <c r="AD8684" i="1"/>
  <c r="AD8685" i="1"/>
  <c r="AD8686" i="1"/>
  <c r="AD8687" i="1"/>
  <c r="AD8688" i="1"/>
  <c r="AD8690" i="1"/>
  <c r="AD8691" i="1"/>
  <c r="AD8692" i="1"/>
  <c r="AD8693" i="1"/>
  <c r="AD8694" i="1"/>
  <c r="AD8695" i="1"/>
  <c r="AD8696" i="1"/>
  <c r="AD8697" i="1"/>
  <c r="AD8698" i="1"/>
  <c r="AD8699" i="1"/>
  <c r="AD8700" i="1"/>
  <c r="AD8702" i="1"/>
  <c r="AD8703" i="1"/>
  <c r="AD8704" i="1"/>
  <c r="AD8705" i="1"/>
  <c r="AD8706" i="1"/>
  <c r="AD8708" i="1"/>
  <c r="AD8709" i="1"/>
  <c r="AD8710" i="1"/>
  <c r="AD8711" i="1"/>
  <c r="AD8712" i="1"/>
  <c r="AD8714" i="1"/>
  <c r="AD8715" i="1"/>
  <c r="AD8716" i="1"/>
  <c r="AD8717" i="1"/>
  <c r="AD8718" i="1"/>
  <c r="AD8719" i="1"/>
  <c r="AD8720" i="1"/>
  <c r="AD8721" i="1"/>
  <c r="AD8722" i="1"/>
  <c r="AD8723" i="1"/>
  <c r="AD8724" i="1"/>
  <c r="AD8726" i="1"/>
  <c r="AD8727" i="1"/>
  <c r="AD8728" i="1"/>
  <c r="AD8729" i="1"/>
  <c r="AD8730" i="1"/>
  <c r="AD8731" i="1"/>
  <c r="AD8732" i="1"/>
  <c r="AD8733" i="1"/>
  <c r="AD8734" i="1"/>
  <c r="AD8735" i="1"/>
  <c r="AD8736" i="1"/>
  <c r="AD8738" i="1"/>
  <c r="AD8739" i="1"/>
  <c r="AD8740" i="1"/>
  <c r="AD8741" i="1"/>
  <c r="AD8742" i="1"/>
  <c r="AD8743" i="1"/>
  <c r="AD8744" i="1"/>
  <c r="AD8745" i="1"/>
  <c r="AD8746" i="1"/>
  <c r="AD8747" i="1"/>
  <c r="AD8748" i="1"/>
  <c r="AD8750" i="1"/>
  <c r="AD8751" i="1"/>
  <c r="AD8752" i="1"/>
  <c r="AD8753" i="1"/>
  <c r="AD8754" i="1"/>
  <c r="AD8755" i="1"/>
  <c r="AD8756" i="1"/>
  <c r="AD8757" i="1"/>
  <c r="AD8758" i="1"/>
  <c r="AD8759" i="1"/>
  <c r="AD8760" i="1"/>
  <c r="AD8762" i="1"/>
  <c r="AD8763" i="1"/>
  <c r="AD8764" i="1"/>
  <c r="AD8765" i="1"/>
  <c r="AD8766" i="1"/>
  <c r="AD8767" i="1"/>
  <c r="AD8768" i="1"/>
  <c r="AD8769" i="1"/>
  <c r="AD8770" i="1"/>
  <c r="AD8771" i="1"/>
  <c r="AD8772" i="1"/>
  <c r="AD8774" i="1"/>
  <c r="AD8775" i="1"/>
  <c r="AD8776" i="1"/>
  <c r="AD8777" i="1"/>
  <c r="AD8778" i="1"/>
  <c r="AD8780" i="1"/>
  <c r="AD8781" i="1"/>
  <c r="AD8782" i="1"/>
  <c r="AD8783" i="1"/>
  <c r="AD8784" i="1"/>
  <c r="AD8786" i="1"/>
  <c r="AD8787" i="1"/>
  <c r="AD8788" i="1"/>
  <c r="AD8789" i="1"/>
  <c r="AD8790" i="1"/>
  <c r="AD8791" i="1"/>
  <c r="AD8792" i="1"/>
  <c r="AD8793" i="1"/>
  <c r="AD8794" i="1"/>
  <c r="AD8795" i="1"/>
  <c r="AD8796" i="1"/>
  <c r="AD8798" i="1"/>
  <c r="AD8799" i="1"/>
  <c r="AD8800" i="1"/>
  <c r="AD8801" i="1"/>
  <c r="AD8802" i="1"/>
  <c r="AD8803" i="1"/>
  <c r="AD8804" i="1"/>
  <c r="AD8805" i="1"/>
  <c r="AD8806" i="1"/>
  <c r="AD8807" i="1"/>
  <c r="AD8808" i="1"/>
  <c r="AD8810" i="1"/>
  <c r="AD8811" i="1"/>
  <c r="AD8812" i="1"/>
  <c r="AD8813" i="1"/>
  <c r="AD8814" i="1"/>
  <c r="AD8815" i="1"/>
  <c r="AD8816" i="1"/>
  <c r="AD8817" i="1"/>
  <c r="AD8818" i="1"/>
  <c r="AD8819" i="1"/>
  <c r="AD8820" i="1"/>
  <c r="AD8822" i="1"/>
  <c r="AD8823" i="1"/>
  <c r="AD8824" i="1"/>
  <c r="AD8825" i="1"/>
  <c r="AD8826" i="1"/>
  <c r="AD8827" i="1"/>
  <c r="AD8828" i="1"/>
  <c r="AD8829" i="1"/>
  <c r="AD8830" i="1"/>
  <c r="AD8831" i="1"/>
  <c r="AD8832" i="1"/>
  <c r="AD8834" i="1"/>
  <c r="AD8835" i="1"/>
  <c r="AD8836" i="1"/>
  <c r="AD8837" i="1"/>
  <c r="AD8838" i="1"/>
  <c r="AD8839" i="1"/>
  <c r="AD8840" i="1"/>
  <c r="AD8841" i="1"/>
  <c r="AD8842" i="1"/>
  <c r="AD8843" i="1"/>
  <c r="AD8844" i="1"/>
  <c r="AD8846" i="1"/>
  <c r="AD8847" i="1"/>
  <c r="AD8848" i="1"/>
  <c r="AD8849" i="1"/>
  <c r="AD8850" i="1"/>
  <c r="AD8852" i="1"/>
  <c r="AD8853" i="1"/>
  <c r="AD8854" i="1"/>
  <c r="AD8855" i="1"/>
  <c r="AD8856" i="1"/>
  <c r="AD8858" i="1"/>
  <c r="AD8859" i="1"/>
  <c r="AD8860" i="1"/>
  <c r="AD8861" i="1"/>
  <c r="AD8862" i="1"/>
  <c r="AD8863" i="1"/>
  <c r="AD8864" i="1"/>
  <c r="AD8865" i="1"/>
  <c r="AD8866" i="1"/>
  <c r="AD8867" i="1"/>
  <c r="AD8868" i="1"/>
  <c r="AD8870" i="1"/>
  <c r="AD8871" i="1"/>
  <c r="AD8872" i="1"/>
  <c r="AD8873" i="1"/>
  <c r="AD8874" i="1"/>
  <c r="AD8875" i="1"/>
  <c r="AD8876" i="1"/>
  <c r="AD8877" i="1"/>
  <c r="AD8878" i="1"/>
  <c r="AD8879" i="1"/>
  <c r="AD8880" i="1"/>
  <c r="AD8882" i="1"/>
  <c r="AD8883" i="1"/>
  <c r="AD8884" i="1"/>
  <c r="AD8885" i="1"/>
  <c r="AD8886" i="1"/>
  <c r="AD8887" i="1"/>
  <c r="AD8888" i="1"/>
  <c r="AD8889" i="1"/>
  <c r="AD8890" i="1"/>
  <c r="AD8891" i="1"/>
  <c r="AD8892" i="1"/>
  <c r="AD8894" i="1"/>
  <c r="AD8895" i="1"/>
  <c r="AD8896" i="1"/>
  <c r="AD8897" i="1"/>
  <c r="AD8898" i="1"/>
  <c r="AD8899" i="1"/>
  <c r="AD8900" i="1"/>
  <c r="AD8901" i="1"/>
  <c r="AD8902" i="1"/>
  <c r="AD8903" i="1"/>
  <c r="AD8904" i="1"/>
  <c r="AD8906" i="1"/>
  <c r="AD8907" i="1"/>
  <c r="AD8908" i="1"/>
  <c r="AD8909" i="1"/>
  <c r="AD8910" i="1"/>
  <c r="AD8911" i="1"/>
  <c r="AD8912" i="1"/>
  <c r="AD8913" i="1"/>
  <c r="AD8914" i="1"/>
  <c r="AD8915" i="1"/>
  <c r="AD8916" i="1"/>
  <c r="AD8918" i="1"/>
  <c r="AD8919" i="1"/>
  <c r="AD8920" i="1"/>
  <c r="AD8921" i="1"/>
  <c r="AD8922" i="1"/>
  <c r="AD8924" i="1"/>
  <c r="AD8925" i="1"/>
  <c r="AD8926" i="1"/>
  <c r="AD8927" i="1"/>
  <c r="AD8928" i="1"/>
  <c r="AD8930" i="1"/>
  <c r="AD8931" i="1"/>
  <c r="AD8932" i="1"/>
  <c r="AD8933" i="1"/>
  <c r="AD8934" i="1"/>
  <c r="AD8935" i="1"/>
  <c r="AD8936" i="1"/>
  <c r="AD8937" i="1"/>
  <c r="AD8938" i="1"/>
  <c r="AD8939" i="1"/>
  <c r="AD8940" i="1"/>
  <c r="AD8942" i="1"/>
  <c r="AD8943" i="1"/>
  <c r="AD8944" i="1"/>
  <c r="AD8945" i="1"/>
  <c r="AD8946" i="1"/>
  <c r="AD8947" i="1"/>
  <c r="AD8948" i="1"/>
  <c r="AD8949" i="1"/>
  <c r="AD8950" i="1"/>
  <c r="AD8951" i="1"/>
  <c r="AD8952" i="1"/>
  <c r="AD8954" i="1"/>
  <c r="AD8955" i="1"/>
  <c r="AD8956" i="1"/>
  <c r="AD8957" i="1"/>
  <c r="AD8958" i="1"/>
  <c r="AD8959" i="1"/>
  <c r="AD8960" i="1"/>
  <c r="AD8961" i="1"/>
  <c r="AD8962" i="1"/>
  <c r="AD8963" i="1"/>
  <c r="AD8964" i="1"/>
  <c r="AD8966" i="1"/>
  <c r="AD8967" i="1"/>
  <c r="AD8968" i="1"/>
  <c r="AD8969" i="1"/>
  <c r="AD8970" i="1"/>
  <c r="AD8971" i="1"/>
  <c r="AD8972" i="1"/>
  <c r="AD8973" i="1"/>
  <c r="AD8974" i="1"/>
  <c r="AD8975" i="1"/>
  <c r="AD8976" i="1"/>
  <c r="AD8978" i="1"/>
  <c r="AD8979" i="1"/>
  <c r="AD8980" i="1"/>
  <c r="AD8981" i="1"/>
  <c r="AD8982" i="1"/>
  <c r="AD8983" i="1"/>
  <c r="AD8984" i="1"/>
  <c r="AD8985" i="1"/>
  <c r="AD8986" i="1"/>
  <c r="AD8987" i="1"/>
  <c r="AD8988" i="1"/>
  <c r="AD8990" i="1"/>
  <c r="AD8991" i="1"/>
  <c r="AD8992" i="1"/>
  <c r="AD8993" i="1"/>
  <c r="AD8994" i="1"/>
  <c r="AD8996" i="1"/>
  <c r="AD8997" i="1"/>
  <c r="AD8998" i="1"/>
  <c r="AD8999" i="1"/>
  <c r="AD9000" i="1"/>
  <c r="AD9002" i="1"/>
  <c r="AD9003" i="1"/>
  <c r="AD9004" i="1"/>
  <c r="AD9005" i="1"/>
  <c r="AD9006" i="1"/>
  <c r="AD9007" i="1"/>
  <c r="AD9008" i="1"/>
  <c r="AD9009" i="1"/>
  <c r="AD9010" i="1"/>
  <c r="AD9011" i="1"/>
  <c r="AD9012" i="1"/>
  <c r="AD9014" i="1"/>
  <c r="AD9015" i="1"/>
  <c r="AD9016" i="1"/>
  <c r="AD9017" i="1"/>
  <c r="AD9018" i="1"/>
  <c r="AD9019" i="1"/>
  <c r="AD9020" i="1"/>
  <c r="AD9021" i="1"/>
  <c r="AD9022" i="1"/>
  <c r="AD9023" i="1"/>
  <c r="AD9024" i="1"/>
  <c r="AD9026" i="1"/>
  <c r="AD9027" i="1"/>
  <c r="AD9028" i="1"/>
  <c r="AD9029" i="1"/>
  <c r="AD9030" i="1"/>
  <c r="AD9031" i="1"/>
  <c r="AD9032" i="1"/>
  <c r="AD9033" i="1"/>
  <c r="AD9034" i="1"/>
  <c r="AD9035" i="1"/>
  <c r="AD9036" i="1"/>
  <c r="AD9038" i="1"/>
  <c r="AD9039" i="1"/>
  <c r="AD9040" i="1"/>
  <c r="AD9041" i="1"/>
  <c r="AD9042" i="1"/>
  <c r="AD9043" i="1"/>
  <c r="AD9044" i="1"/>
  <c r="AD9045" i="1"/>
  <c r="AD9046" i="1"/>
  <c r="AD9047" i="1"/>
  <c r="AD9048" i="1"/>
  <c r="AD9050" i="1"/>
  <c r="AD9051" i="1"/>
  <c r="AD9052" i="1"/>
  <c r="AD9053" i="1"/>
  <c r="AD9054" i="1"/>
  <c r="AD9055" i="1"/>
  <c r="AD9056" i="1"/>
  <c r="AD9057" i="1"/>
  <c r="AD9058" i="1"/>
  <c r="AD9059" i="1"/>
  <c r="AD9060" i="1"/>
  <c r="AD9062" i="1"/>
  <c r="AD9063" i="1"/>
  <c r="AD9064" i="1"/>
  <c r="AD9065" i="1"/>
  <c r="AD9066" i="1"/>
  <c r="AD9068" i="1"/>
  <c r="AD9069" i="1"/>
  <c r="AD9070" i="1"/>
  <c r="AD9071" i="1"/>
  <c r="AD9072" i="1"/>
  <c r="AD9074" i="1"/>
  <c r="AD9075" i="1"/>
  <c r="AD9076" i="1"/>
  <c r="AD9077" i="1"/>
  <c r="AD9078" i="1"/>
  <c r="AD9079" i="1"/>
  <c r="AD9080" i="1"/>
  <c r="AD9081" i="1"/>
  <c r="AD9082" i="1"/>
  <c r="AD9083" i="1"/>
  <c r="AD9084" i="1"/>
  <c r="AD9086" i="1"/>
  <c r="AD9087" i="1"/>
  <c r="AD9088" i="1"/>
  <c r="AD9089" i="1"/>
  <c r="AD9090" i="1"/>
  <c r="AD9091" i="1"/>
  <c r="AD9092" i="1"/>
  <c r="AD9093" i="1"/>
  <c r="AD9094" i="1"/>
  <c r="AD9095" i="1"/>
  <c r="AD9096" i="1"/>
  <c r="AD9098" i="1"/>
  <c r="AD9099" i="1"/>
  <c r="AD9100" i="1"/>
  <c r="AD9101" i="1"/>
  <c r="AD9102" i="1"/>
  <c r="AD9103" i="1"/>
  <c r="AD9104" i="1"/>
  <c r="AD9105" i="1"/>
  <c r="AD9106" i="1"/>
  <c r="AD9107" i="1"/>
  <c r="AD9108" i="1"/>
  <c r="AD9110" i="1"/>
  <c r="AD9111" i="1"/>
  <c r="AD9112" i="1"/>
  <c r="AD9113" i="1"/>
  <c r="AD9114" i="1"/>
  <c r="AD9115" i="1"/>
  <c r="AD9116" i="1"/>
  <c r="AD9117" i="1"/>
  <c r="AD9118" i="1"/>
  <c r="AD9119" i="1"/>
  <c r="AD9120" i="1"/>
  <c r="AD9122" i="1"/>
  <c r="AD9123" i="1"/>
  <c r="AD9124" i="1"/>
  <c r="AD9125" i="1"/>
  <c r="AD9126" i="1"/>
  <c r="AD9127" i="1"/>
  <c r="AD9128" i="1"/>
  <c r="AD9129" i="1"/>
  <c r="AD9130" i="1"/>
  <c r="AD9131" i="1"/>
  <c r="AD9132" i="1"/>
  <c r="AD9134" i="1"/>
  <c r="AD9135" i="1"/>
  <c r="AD9136" i="1"/>
  <c r="AD9137" i="1"/>
  <c r="AD9138" i="1"/>
  <c r="AD9140" i="1"/>
  <c r="AD9141" i="1"/>
  <c r="AD9142" i="1"/>
  <c r="AD9143" i="1"/>
  <c r="AD9144" i="1"/>
  <c r="AD9146" i="1"/>
  <c r="AD9147" i="1"/>
  <c r="AD9148" i="1"/>
  <c r="AD9149" i="1"/>
  <c r="AD9150" i="1"/>
  <c r="AD9151" i="1"/>
  <c r="AD9152" i="1"/>
  <c r="AD9153" i="1"/>
  <c r="AD9154" i="1"/>
  <c r="AD9155" i="1"/>
  <c r="AD9156" i="1"/>
  <c r="AD9158" i="1"/>
  <c r="AD9159" i="1"/>
  <c r="AD9160" i="1"/>
  <c r="AD9161" i="1"/>
  <c r="AD9162" i="1"/>
  <c r="AD9163" i="1"/>
  <c r="AD9164" i="1"/>
  <c r="AD9165" i="1"/>
  <c r="AD9166" i="1"/>
  <c r="AD9167" i="1"/>
  <c r="AD9168" i="1"/>
  <c r="AD9170" i="1"/>
  <c r="AD9171" i="1"/>
  <c r="AD9172" i="1"/>
  <c r="AD9173" i="1"/>
  <c r="AD9174" i="1"/>
  <c r="AD9175" i="1"/>
  <c r="AD9176" i="1"/>
  <c r="AD9177" i="1"/>
  <c r="AD9178" i="1"/>
  <c r="AD9179" i="1"/>
  <c r="AD9180" i="1"/>
  <c r="AD9182" i="1"/>
  <c r="AD9183" i="1"/>
  <c r="AD9184" i="1"/>
  <c r="AD9185" i="1"/>
  <c r="AD9186" i="1"/>
  <c r="AD9187" i="1"/>
  <c r="AD9188" i="1"/>
  <c r="AD9189" i="1"/>
  <c r="AD9190" i="1"/>
  <c r="AD9191" i="1"/>
  <c r="AD9192" i="1"/>
  <c r="AD9194" i="1"/>
  <c r="AD9195" i="1"/>
  <c r="AD9196" i="1"/>
  <c r="AD9197" i="1"/>
  <c r="AD9198" i="1"/>
  <c r="AD9199" i="1"/>
  <c r="AD9200" i="1"/>
  <c r="AD9201" i="1"/>
  <c r="AD9202" i="1"/>
  <c r="AD9203" i="1"/>
  <c r="AD9204" i="1"/>
  <c r="AD9206" i="1"/>
  <c r="AD9207" i="1"/>
  <c r="AD9208" i="1"/>
  <c r="AD9209" i="1"/>
  <c r="AD9210" i="1"/>
  <c r="AD9212" i="1"/>
  <c r="AD9213" i="1"/>
  <c r="AD9214" i="1"/>
  <c r="AD9215" i="1"/>
  <c r="AD9216" i="1"/>
  <c r="AD9218" i="1"/>
  <c r="AD9219" i="1"/>
  <c r="AD9220" i="1"/>
  <c r="AD9221" i="1"/>
  <c r="AD9222" i="1"/>
  <c r="AD9223" i="1"/>
  <c r="AD9224" i="1"/>
  <c r="AD9225" i="1"/>
  <c r="AD9226" i="1"/>
  <c r="AD9227" i="1"/>
  <c r="AD9228" i="1"/>
  <c r="AD9230" i="1"/>
  <c r="AD9231" i="1"/>
  <c r="AD9232" i="1"/>
  <c r="AD9233" i="1"/>
  <c r="AD9234" i="1"/>
  <c r="AD9235" i="1"/>
  <c r="AD9236" i="1"/>
  <c r="AD9237" i="1"/>
  <c r="AD9238" i="1"/>
  <c r="AD9239" i="1"/>
  <c r="AD9240" i="1"/>
  <c r="AD9242" i="1"/>
  <c r="AD9243" i="1"/>
  <c r="AD9244" i="1"/>
  <c r="AD9245" i="1"/>
  <c r="AD9246" i="1"/>
  <c r="AD9247" i="1"/>
  <c r="AD9248" i="1"/>
  <c r="AD9249" i="1"/>
  <c r="AD9250" i="1"/>
  <c r="AD9251" i="1"/>
  <c r="AD9252" i="1"/>
  <c r="AD9254" i="1"/>
  <c r="AD9255" i="1"/>
  <c r="AD9256" i="1"/>
  <c r="AD9257" i="1"/>
  <c r="AD9258" i="1"/>
  <c r="AD9259" i="1"/>
  <c r="AD9260" i="1"/>
  <c r="AD9261" i="1"/>
  <c r="AD9262" i="1"/>
  <c r="AD9263" i="1"/>
  <c r="AD9264" i="1"/>
  <c r="AD9266" i="1"/>
  <c r="AD9267" i="1"/>
  <c r="AD9268" i="1"/>
  <c r="AD9269" i="1"/>
  <c r="AD9270" i="1"/>
  <c r="AD9271" i="1"/>
  <c r="AD9272" i="1"/>
  <c r="AD9273" i="1"/>
  <c r="AD9274" i="1"/>
  <c r="AD9275" i="1"/>
  <c r="AD9276" i="1"/>
  <c r="AD9278" i="1"/>
  <c r="AD9279" i="1"/>
  <c r="AD9280" i="1"/>
  <c r="AD9281" i="1"/>
  <c r="AD9282" i="1"/>
  <c r="AD9284" i="1"/>
  <c r="AD9285" i="1"/>
  <c r="AD9286" i="1"/>
  <c r="AD9287" i="1"/>
  <c r="AD9288" i="1"/>
  <c r="AD9290" i="1"/>
  <c r="AD9291" i="1"/>
  <c r="AD9292" i="1"/>
  <c r="AD9293" i="1"/>
  <c r="AD9294" i="1"/>
  <c r="AD9295" i="1"/>
  <c r="AD9296" i="1"/>
  <c r="AD9297" i="1"/>
  <c r="AD9298" i="1"/>
  <c r="AD9299" i="1"/>
  <c r="AD9300" i="1"/>
  <c r="AD9302" i="1"/>
  <c r="AD9303" i="1"/>
  <c r="AD9304" i="1"/>
  <c r="AD9305" i="1"/>
  <c r="AD9306" i="1"/>
  <c r="AD9307" i="1"/>
  <c r="AD9308" i="1"/>
  <c r="AD9309" i="1"/>
  <c r="AD9310" i="1"/>
  <c r="AD9311" i="1"/>
  <c r="AD9312" i="1"/>
  <c r="AD9314" i="1"/>
  <c r="AD9315" i="1"/>
  <c r="AD9316" i="1"/>
  <c r="AD9317" i="1"/>
  <c r="AD9318" i="1"/>
  <c r="AD9319" i="1"/>
  <c r="AD9320" i="1"/>
  <c r="AD9321" i="1"/>
  <c r="AD9322" i="1"/>
  <c r="AD9323" i="1"/>
  <c r="AD9324" i="1"/>
  <c r="AD9326" i="1"/>
  <c r="AD9327" i="1"/>
  <c r="AD9328" i="1"/>
  <c r="AD9329" i="1"/>
  <c r="AD9330" i="1"/>
  <c r="AD9331" i="1"/>
  <c r="AD9332" i="1"/>
  <c r="AD9333" i="1"/>
  <c r="AD9334" i="1"/>
  <c r="AD9335" i="1"/>
  <c r="AD9336" i="1"/>
  <c r="AD9338" i="1"/>
  <c r="AD9339" i="1"/>
  <c r="AD9340" i="1"/>
  <c r="AD9341" i="1"/>
  <c r="AD9342" i="1"/>
  <c r="AD9343" i="1"/>
  <c r="AD9344" i="1"/>
  <c r="AD9345" i="1"/>
  <c r="AD9346" i="1"/>
  <c r="AD9347" i="1"/>
  <c r="AD9348" i="1"/>
  <c r="AD9350" i="1"/>
  <c r="AD9351" i="1"/>
  <c r="AD9352" i="1"/>
  <c r="AD9353" i="1"/>
  <c r="AD9354" i="1"/>
  <c r="AD9356" i="1"/>
  <c r="AD9357" i="1"/>
  <c r="AD9358" i="1"/>
  <c r="AD9359" i="1"/>
  <c r="AD9360" i="1"/>
  <c r="AD9362" i="1"/>
  <c r="AD9363" i="1"/>
  <c r="AD9364" i="1"/>
  <c r="AD9365" i="1"/>
  <c r="AD9366" i="1"/>
  <c r="AD9367" i="1"/>
  <c r="AD9368" i="1"/>
  <c r="AD9369" i="1"/>
  <c r="AD9370" i="1"/>
  <c r="AD9371" i="1"/>
  <c r="AD9372" i="1"/>
  <c r="AD9374" i="1"/>
  <c r="AD9375" i="1"/>
  <c r="AD9376" i="1"/>
  <c r="AD9377" i="1"/>
  <c r="AD9378" i="1"/>
  <c r="AD9379" i="1"/>
  <c r="AD9380" i="1"/>
  <c r="AD9381" i="1"/>
  <c r="AD9382" i="1"/>
  <c r="AD9383" i="1"/>
  <c r="AD9384" i="1"/>
  <c r="AD9386" i="1"/>
  <c r="AD9387" i="1"/>
  <c r="AD9388" i="1"/>
  <c r="AD9389" i="1"/>
  <c r="AD9390" i="1"/>
  <c r="AD9391" i="1"/>
  <c r="AD9392" i="1"/>
  <c r="AD9393" i="1"/>
  <c r="AD9394" i="1"/>
  <c r="AD9395" i="1"/>
  <c r="AD9396" i="1"/>
  <c r="AD9398" i="1"/>
  <c r="AD9399" i="1"/>
  <c r="AD9400" i="1"/>
  <c r="AD9401" i="1"/>
  <c r="AD9402" i="1"/>
  <c r="AD9403" i="1"/>
  <c r="AD9404" i="1"/>
  <c r="AD9405" i="1"/>
  <c r="AD9406" i="1"/>
  <c r="AD9407" i="1"/>
  <c r="AD9408" i="1"/>
  <c r="AD9410" i="1"/>
  <c r="AD9411" i="1"/>
  <c r="AD9412" i="1"/>
  <c r="AD9413" i="1"/>
  <c r="AD9414" i="1"/>
  <c r="AD9415" i="1"/>
  <c r="AD9416" i="1"/>
  <c r="AD9417" i="1"/>
  <c r="AD9418" i="1"/>
  <c r="AD9419" i="1"/>
  <c r="AD9420" i="1"/>
  <c r="AD9422" i="1"/>
  <c r="AD9423" i="1"/>
  <c r="AD9424" i="1"/>
  <c r="AD9425" i="1"/>
  <c r="AD9426" i="1"/>
  <c r="AD9428" i="1"/>
  <c r="AD9429" i="1"/>
  <c r="AD9430" i="1"/>
  <c r="AD9431" i="1"/>
  <c r="AD9432" i="1"/>
  <c r="AD9433" i="1"/>
  <c r="AD9434" i="1"/>
  <c r="AD9435" i="1"/>
  <c r="AD9436" i="1"/>
  <c r="AD9437" i="1"/>
  <c r="AD9438" i="1"/>
  <c r="AD9440" i="1"/>
  <c r="AD9441" i="1"/>
  <c r="AD9442" i="1"/>
  <c r="AD9443" i="1"/>
  <c r="AD9444" i="1"/>
  <c r="AD9445" i="1"/>
  <c r="AD9446" i="1"/>
  <c r="AD9447" i="1"/>
  <c r="AD9448" i="1"/>
  <c r="AD9449" i="1"/>
  <c r="AD9450" i="1"/>
  <c r="AD9452" i="1"/>
  <c r="AD9453" i="1"/>
  <c r="AD9454" i="1"/>
  <c r="AD9455" i="1"/>
  <c r="AD9456" i="1"/>
  <c r="AD9457" i="1"/>
  <c r="AD9458" i="1"/>
  <c r="AD9459" i="1"/>
  <c r="AD9460" i="1"/>
  <c r="AD9461" i="1"/>
  <c r="AD9462" i="1"/>
  <c r="AD9464" i="1"/>
  <c r="AD9465" i="1"/>
  <c r="AD9466" i="1"/>
  <c r="AD9467" i="1"/>
  <c r="AD9468" i="1"/>
  <c r="AD9469" i="1"/>
  <c r="AD9470" i="1"/>
  <c r="AD9471" i="1"/>
  <c r="AD9472" i="1"/>
  <c r="AD9473" i="1"/>
  <c r="AD9474" i="1"/>
  <c r="AD9476" i="1"/>
  <c r="AD9477" i="1"/>
  <c r="AD9478" i="1"/>
  <c r="AD9479" i="1"/>
  <c r="AD9480" i="1"/>
  <c r="AD9481" i="1"/>
  <c r="AD9482" i="1"/>
  <c r="AD9483" i="1"/>
  <c r="AD9484" i="1"/>
  <c r="AD9485" i="1"/>
  <c r="AD9486" i="1"/>
  <c r="AD9488" i="1"/>
  <c r="AD9489" i="1"/>
  <c r="AD9490" i="1"/>
  <c r="AD9491" i="1"/>
  <c r="AD9492" i="1"/>
  <c r="AD9493" i="1"/>
  <c r="AD9494" i="1"/>
  <c r="AD9495" i="1"/>
  <c r="AD9496" i="1"/>
  <c r="AD9497" i="1"/>
  <c r="AD9498" i="1"/>
  <c r="AD9500" i="1"/>
  <c r="AD9501" i="1"/>
  <c r="AD9502" i="1"/>
  <c r="AD9503" i="1"/>
  <c r="AD9504" i="1"/>
  <c r="AD9505" i="1"/>
  <c r="AD9506" i="1"/>
  <c r="AD9507" i="1"/>
  <c r="AD9508" i="1"/>
  <c r="AD9509" i="1"/>
  <c r="AD9510" i="1"/>
  <c r="AD9512" i="1"/>
  <c r="AD9513" i="1"/>
  <c r="AD9514" i="1"/>
  <c r="AD9515" i="1"/>
  <c r="AD9516" i="1"/>
  <c r="AD9517" i="1"/>
  <c r="AD9518" i="1"/>
  <c r="AD9519" i="1"/>
  <c r="AD9520" i="1"/>
  <c r="AD9521" i="1"/>
  <c r="AD9522" i="1"/>
  <c r="AD9524" i="1"/>
  <c r="AD9525" i="1"/>
  <c r="AD9526" i="1"/>
  <c r="AD9527" i="1"/>
  <c r="AD9528" i="1"/>
  <c r="AD9529" i="1"/>
  <c r="AD9530" i="1"/>
  <c r="AD9531" i="1"/>
  <c r="AD9532" i="1"/>
  <c r="AD9533" i="1"/>
  <c r="AD9534" i="1"/>
  <c r="AD9536" i="1"/>
  <c r="AD9537" i="1"/>
  <c r="AD9538" i="1"/>
  <c r="AD9539" i="1"/>
  <c r="AD9540" i="1"/>
  <c r="AD9541" i="1"/>
  <c r="AD9542" i="1"/>
  <c r="AD9543" i="1"/>
  <c r="AD9544" i="1"/>
  <c r="AD9545" i="1"/>
  <c r="AD9546" i="1"/>
  <c r="AD9548" i="1"/>
  <c r="AD9549" i="1"/>
  <c r="AD9550" i="1"/>
  <c r="AD9551" i="1"/>
  <c r="AD9552" i="1"/>
  <c r="AD9553" i="1"/>
  <c r="AD9554" i="1"/>
  <c r="AD9555" i="1"/>
  <c r="AD9556" i="1"/>
  <c r="AD9557" i="1"/>
  <c r="AD9558" i="1"/>
  <c r="AD9560" i="1"/>
  <c r="AD9561" i="1"/>
  <c r="AD9562" i="1"/>
  <c r="AD9563" i="1"/>
  <c r="AD9564" i="1"/>
  <c r="AD9565" i="1"/>
  <c r="AD9566" i="1"/>
  <c r="AD9567" i="1"/>
  <c r="AD9568" i="1"/>
  <c r="AD9569" i="1"/>
  <c r="AD9570" i="1"/>
  <c r="AD9572" i="1"/>
  <c r="AD9573" i="1"/>
  <c r="AD9574" i="1"/>
  <c r="AD9575" i="1"/>
  <c r="AD9576" i="1"/>
  <c r="AD9577" i="1"/>
  <c r="AD9578" i="1"/>
  <c r="AD9579" i="1"/>
  <c r="AD9580" i="1"/>
  <c r="AD9581" i="1"/>
  <c r="AD9582" i="1"/>
  <c r="AD9584" i="1"/>
  <c r="AD9585" i="1"/>
  <c r="AD9586" i="1"/>
  <c r="AD9587" i="1"/>
  <c r="AD9588" i="1"/>
  <c r="AD9589" i="1"/>
  <c r="AD9590" i="1"/>
  <c r="AD9591" i="1"/>
  <c r="AD9592" i="1"/>
  <c r="AD9593" i="1"/>
  <c r="AD9594" i="1"/>
  <c r="AD9596" i="1"/>
  <c r="AD9597" i="1"/>
  <c r="AD9598" i="1"/>
  <c r="AD9599" i="1"/>
  <c r="AD9600" i="1"/>
  <c r="AD9601" i="1"/>
  <c r="AD9602" i="1"/>
  <c r="AD9603" i="1"/>
  <c r="AD9604" i="1"/>
  <c r="AD9605" i="1"/>
  <c r="AD9606" i="1"/>
  <c r="AD9608" i="1"/>
  <c r="AD9609" i="1"/>
  <c r="AD9610" i="1"/>
  <c r="AD9611" i="1"/>
  <c r="AD9612" i="1"/>
  <c r="AD9613" i="1"/>
  <c r="AD9614" i="1"/>
  <c r="AD9615" i="1"/>
  <c r="AD9616" i="1"/>
  <c r="AD9617" i="1"/>
  <c r="AD9618" i="1"/>
  <c r="AD9620" i="1"/>
  <c r="AD9621" i="1"/>
  <c r="AD9622" i="1"/>
  <c r="AD9623" i="1"/>
  <c r="AD9624" i="1"/>
  <c r="AD9625" i="1"/>
  <c r="AD9626" i="1"/>
  <c r="AD9627" i="1"/>
  <c r="AD9628" i="1"/>
  <c r="AD9629" i="1"/>
  <c r="AD9630" i="1"/>
  <c r="AD9632" i="1"/>
  <c r="AD9633" i="1"/>
  <c r="AD9634" i="1"/>
  <c r="AD9635" i="1"/>
  <c r="AD9636" i="1"/>
  <c r="AD9637" i="1"/>
  <c r="AD9638" i="1"/>
  <c r="AD9639" i="1"/>
  <c r="AD9640" i="1"/>
  <c r="AD9641" i="1"/>
  <c r="AD9642" i="1"/>
  <c r="AD9644" i="1"/>
  <c r="AD9645" i="1"/>
  <c r="AD9646" i="1"/>
  <c r="AD9647" i="1"/>
  <c r="AD9648" i="1"/>
  <c r="AD9649" i="1"/>
  <c r="AD9650" i="1"/>
  <c r="AD9651" i="1"/>
  <c r="AD9652" i="1"/>
  <c r="AD9653" i="1"/>
  <c r="AD9654" i="1"/>
  <c r="AD9656" i="1"/>
  <c r="AD9657" i="1"/>
  <c r="AD9658" i="1"/>
  <c r="AD9659" i="1"/>
  <c r="AD9660" i="1"/>
  <c r="AD9661" i="1"/>
  <c r="AD9662" i="1"/>
  <c r="AD9663" i="1"/>
  <c r="AD9664" i="1"/>
  <c r="AD9665" i="1"/>
  <c r="AD9666" i="1"/>
  <c r="AD9668" i="1"/>
  <c r="AD9669" i="1"/>
  <c r="AD9670" i="1"/>
  <c r="AD9671" i="1"/>
  <c r="AD9672" i="1"/>
  <c r="AD9673" i="1"/>
  <c r="AD9674" i="1"/>
  <c r="AD9675" i="1"/>
  <c r="AD9676" i="1"/>
  <c r="AD9677" i="1"/>
  <c r="AD9678" i="1"/>
  <c r="AD9680" i="1"/>
  <c r="AD9681" i="1"/>
  <c r="AD9682" i="1"/>
  <c r="AD9683" i="1"/>
  <c r="AD9684" i="1"/>
  <c r="AD9685" i="1"/>
  <c r="AD9686" i="1"/>
  <c r="AD9687" i="1"/>
  <c r="AD9688" i="1"/>
  <c r="AD9689" i="1"/>
  <c r="AD9690" i="1"/>
  <c r="AD9692" i="1"/>
  <c r="AD9693" i="1"/>
  <c r="AD9694" i="1"/>
  <c r="AD9695" i="1"/>
  <c r="AD9696" i="1"/>
  <c r="AD9697" i="1"/>
  <c r="AD9698" i="1"/>
  <c r="AD9699" i="1"/>
  <c r="AD9700" i="1"/>
  <c r="AD9701" i="1"/>
  <c r="AD9702" i="1"/>
  <c r="AD9704" i="1"/>
  <c r="AD9705" i="1"/>
  <c r="AD9706" i="1"/>
  <c r="AD9707" i="1"/>
  <c r="AD9708" i="1"/>
  <c r="AD9709" i="1"/>
  <c r="AD9710" i="1"/>
  <c r="AD9711" i="1"/>
  <c r="AD9712" i="1"/>
  <c r="AD9713" i="1"/>
  <c r="AD9714" i="1"/>
  <c r="AD9716" i="1"/>
  <c r="AD9717" i="1"/>
  <c r="AD9718" i="1"/>
  <c r="AD9719" i="1"/>
  <c r="AD9720" i="1"/>
  <c r="AD9721" i="1"/>
  <c r="AD9722" i="1"/>
  <c r="AD9723" i="1"/>
  <c r="AD9724" i="1"/>
  <c r="AD9725" i="1"/>
  <c r="AD9726" i="1"/>
  <c r="AD9728" i="1"/>
  <c r="AD9729" i="1"/>
  <c r="AD9730" i="1"/>
  <c r="AD9731" i="1"/>
  <c r="AD9732" i="1"/>
  <c r="AD9733" i="1"/>
  <c r="AD9734" i="1"/>
  <c r="AD9735" i="1"/>
  <c r="AD9736" i="1"/>
  <c r="AD9737" i="1"/>
  <c r="AD9738" i="1"/>
  <c r="AD9740" i="1"/>
  <c r="AD9741" i="1"/>
  <c r="AD9742" i="1"/>
  <c r="AD9743" i="1"/>
  <c r="AD9744" i="1"/>
  <c r="AD9745" i="1"/>
  <c r="AD9746" i="1"/>
  <c r="AD9747" i="1"/>
  <c r="AD9748" i="1"/>
  <c r="AD9749" i="1"/>
  <c r="AD9750" i="1"/>
  <c r="AD9752" i="1"/>
  <c r="AD9753" i="1"/>
  <c r="AD9754" i="1"/>
  <c r="AD9755" i="1"/>
  <c r="AD9756" i="1"/>
  <c r="AD9757" i="1"/>
  <c r="AD9758" i="1"/>
  <c r="AD9759" i="1"/>
  <c r="AD9760" i="1"/>
  <c r="AD9761" i="1"/>
  <c r="AD9762" i="1"/>
  <c r="AD9764" i="1"/>
  <c r="AD9765" i="1"/>
  <c r="AD9766" i="1"/>
  <c r="AD9767" i="1"/>
  <c r="AD9768" i="1"/>
  <c r="AD9769" i="1"/>
  <c r="AD9770" i="1"/>
  <c r="AD9771" i="1"/>
  <c r="AD9772" i="1"/>
  <c r="AD9773" i="1"/>
  <c r="AD9774" i="1"/>
  <c r="AD9776" i="1"/>
  <c r="AD9777" i="1"/>
  <c r="AD9778" i="1"/>
  <c r="AD9779" i="1"/>
  <c r="AD9780" i="1"/>
  <c r="AD9781" i="1"/>
  <c r="AD9782" i="1"/>
  <c r="AD9783" i="1"/>
  <c r="AD9784" i="1"/>
  <c r="AD9785" i="1"/>
  <c r="AD9786" i="1"/>
  <c r="AD9788" i="1"/>
  <c r="AD9789" i="1"/>
  <c r="AD9790" i="1"/>
  <c r="AD9791" i="1"/>
  <c r="AD9792" i="1"/>
  <c r="AD9793" i="1"/>
  <c r="AD9794" i="1"/>
  <c r="AD9795" i="1"/>
  <c r="AD9796" i="1"/>
  <c r="AD9797" i="1"/>
  <c r="AD9798" i="1"/>
  <c r="AD9800" i="1"/>
  <c r="AD9801" i="1"/>
  <c r="AD9802" i="1"/>
  <c r="AD9803" i="1"/>
  <c r="AD9804" i="1"/>
  <c r="AD9805" i="1"/>
  <c r="AD9806" i="1"/>
  <c r="AD9807" i="1"/>
  <c r="AD9808" i="1"/>
  <c r="AD9809" i="1"/>
  <c r="AD9810" i="1"/>
  <c r="AD9812" i="1"/>
  <c r="AD9813" i="1"/>
  <c r="AD9814" i="1"/>
  <c r="AD9815" i="1"/>
  <c r="AD9816" i="1"/>
  <c r="AD9817" i="1"/>
  <c r="AD9818" i="1"/>
  <c r="AD9819" i="1"/>
  <c r="AD9820" i="1"/>
  <c r="AD9821" i="1"/>
  <c r="AD9822" i="1"/>
  <c r="AD9824" i="1"/>
  <c r="AD9825" i="1"/>
  <c r="AD9826" i="1"/>
  <c r="AD9827" i="1"/>
  <c r="AD9828" i="1"/>
  <c r="AD9829" i="1"/>
  <c r="AD9830" i="1"/>
  <c r="AD9831" i="1"/>
  <c r="AD9832" i="1"/>
  <c r="AD9833" i="1"/>
  <c r="AD9834" i="1"/>
  <c r="AD9836" i="1"/>
  <c r="AD9837" i="1"/>
  <c r="AD9838" i="1"/>
  <c r="AD9839" i="1"/>
  <c r="AD9840" i="1"/>
  <c r="AD9841" i="1"/>
  <c r="AD9842" i="1"/>
  <c r="AD9843" i="1"/>
  <c r="AD9844" i="1"/>
  <c r="AD9845" i="1"/>
  <c r="AD9846" i="1"/>
  <c r="AD9848" i="1"/>
  <c r="AD9849" i="1"/>
  <c r="AD9850" i="1"/>
  <c r="AD9851" i="1"/>
  <c r="AD9852" i="1"/>
  <c r="AD9853" i="1"/>
  <c r="AD9854" i="1"/>
  <c r="AD9855" i="1"/>
  <c r="AD9856" i="1"/>
  <c r="AD9857" i="1"/>
  <c r="AD9858" i="1"/>
  <c r="AD9860" i="1"/>
  <c r="AD9861" i="1"/>
  <c r="AD9862" i="1"/>
  <c r="AD9863" i="1"/>
  <c r="AD9864" i="1"/>
  <c r="AD9865" i="1"/>
  <c r="AD9866" i="1"/>
  <c r="AD9867" i="1"/>
  <c r="AD9868" i="1"/>
  <c r="AD9869" i="1"/>
  <c r="AD9870" i="1"/>
  <c r="AD9872" i="1"/>
  <c r="AD9873" i="1"/>
  <c r="AD9874" i="1"/>
  <c r="AD9875" i="1"/>
  <c r="AD9876" i="1"/>
  <c r="AD9877" i="1"/>
  <c r="AD9878" i="1"/>
  <c r="AD9879" i="1"/>
  <c r="AD9880" i="1"/>
  <c r="AD9881" i="1"/>
  <c r="AD9882" i="1"/>
  <c r="AD9884" i="1"/>
  <c r="AD9885" i="1"/>
  <c r="AD9886" i="1"/>
  <c r="AD9887" i="1"/>
  <c r="AD9888" i="1"/>
  <c r="AD9889" i="1"/>
  <c r="AD9890" i="1"/>
  <c r="AD9891" i="1"/>
  <c r="AD9892" i="1"/>
  <c r="AD9893" i="1"/>
  <c r="AD9894" i="1"/>
  <c r="AD9896" i="1"/>
  <c r="AD9897" i="1"/>
  <c r="AD9898" i="1"/>
  <c r="AD9899" i="1"/>
  <c r="AD9900" i="1"/>
  <c r="AD9901" i="1"/>
  <c r="AD9902" i="1"/>
  <c r="AD9903" i="1"/>
  <c r="AD9904" i="1"/>
  <c r="AD9905" i="1"/>
  <c r="AD9906" i="1"/>
  <c r="AD9908" i="1"/>
  <c r="AD9909" i="1"/>
  <c r="AD9910" i="1"/>
  <c r="AD9911" i="1"/>
  <c r="AD9912" i="1"/>
  <c r="AD9913" i="1"/>
  <c r="AD9914" i="1"/>
  <c r="AD9915" i="1"/>
  <c r="AD9916" i="1"/>
  <c r="AD9917" i="1"/>
  <c r="AD9918" i="1"/>
  <c r="AD9920" i="1"/>
  <c r="AD9921" i="1"/>
  <c r="AD9922" i="1"/>
  <c r="AD9923" i="1"/>
  <c r="AD9924" i="1"/>
  <c r="AD9925" i="1"/>
  <c r="AD9926" i="1"/>
  <c r="AD9927" i="1"/>
  <c r="AD9928" i="1"/>
  <c r="AD9929" i="1"/>
  <c r="AD9930" i="1"/>
  <c r="AD9932" i="1"/>
  <c r="AD9933" i="1"/>
  <c r="AD9934" i="1"/>
  <c r="AD9935" i="1"/>
  <c r="AD9936" i="1"/>
  <c r="AD9937" i="1"/>
  <c r="AD9938" i="1"/>
  <c r="AD9939" i="1"/>
  <c r="AD9940" i="1"/>
  <c r="AD9941" i="1"/>
  <c r="AD9942" i="1"/>
  <c r="AD9944" i="1"/>
  <c r="AD9945" i="1"/>
  <c r="AD9946" i="1"/>
  <c r="AD9947" i="1"/>
  <c r="AD9948" i="1"/>
  <c r="AD9949" i="1"/>
  <c r="AD9950" i="1"/>
  <c r="AD9951" i="1"/>
  <c r="AD9952" i="1"/>
  <c r="AD9953" i="1"/>
  <c r="AD9954" i="1"/>
  <c r="AD9956" i="1"/>
  <c r="AD9957" i="1"/>
  <c r="AD9958" i="1"/>
  <c r="AD9959" i="1"/>
  <c r="AD9960" i="1"/>
  <c r="AD9961" i="1"/>
  <c r="AD9962" i="1"/>
  <c r="AD9963" i="1"/>
  <c r="AD9964" i="1"/>
  <c r="AD9965" i="1"/>
  <c r="AD9966" i="1"/>
  <c r="AD9968" i="1"/>
  <c r="AD9969" i="1"/>
  <c r="AD9970" i="1"/>
  <c r="AD9971" i="1"/>
  <c r="AD9972" i="1"/>
  <c r="AD9973" i="1"/>
  <c r="AD9974" i="1"/>
  <c r="AD9975" i="1"/>
  <c r="AD9976" i="1"/>
  <c r="AD9977" i="1"/>
  <c r="AD9978" i="1"/>
  <c r="AD9980" i="1"/>
  <c r="AD9981" i="1"/>
  <c r="AD9982" i="1"/>
  <c r="AD9983" i="1"/>
  <c r="AD9984" i="1"/>
  <c r="AD9985" i="1"/>
  <c r="AD9986" i="1"/>
  <c r="AD9987" i="1"/>
  <c r="AD9988" i="1"/>
  <c r="AD9989" i="1"/>
  <c r="AD9990" i="1"/>
  <c r="AD9992" i="1"/>
  <c r="AD9993" i="1"/>
  <c r="AD9994" i="1"/>
  <c r="AD9995" i="1"/>
  <c r="AD9996" i="1"/>
  <c r="AD9997" i="1"/>
  <c r="AD9998" i="1"/>
  <c r="AD9999" i="1"/>
  <c r="AD10000" i="1"/>
  <c r="AD10001" i="1"/>
  <c r="AD10002" i="1"/>
  <c r="AD10004" i="1"/>
  <c r="AD10005" i="1"/>
  <c r="AD10006" i="1"/>
  <c r="AD10007" i="1"/>
  <c r="AD10008" i="1"/>
  <c r="AD10009" i="1"/>
  <c r="AD10010" i="1"/>
  <c r="AD10011" i="1"/>
  <c r="AD10012" i="1"/>
  <c r="AD10013" i="1"/>
  <c r="AD10014" i="1"/>
  <c r="AD10016" i="1"/>
  <c r="AD10017" i="1"/>
  <c r="AD10018" i="1"/>
  <c r="AD10019" i="1"/>
  <c r="AD10020" i="1"/>
  <c r="AD10021" i="1"/>
  <c r="AD10022" i="1"/>
  <c r="AD10023" i="1"/>
  <c r="AD10024" i="1"/>
  <c r="AD10025" i="1"/>
  <c r="AD10026" i="1"/>
  <c r="AD10028" i="1"/>
  <c r="AD10029" i="1"/>
  <c r="AD10030" i="1"/>
  <c r="AD10031" i="1"/>
  <c r="AD10032" i="1"/>
  <c r="AD10033" i="1"/>
  <c r="AD10034" i="1"/>
  <c r="AD10035" i="1"/>
  <c r="AD10036" i="1"/>
  <c r="AD10037" i="1"/>
  <c r="AD10038" i="1"/>
  <c r="AD10040" i="1"/>
  <c r="AD10041" i="1"/>
  <c r="AD10042" i="1"/>
  <c r="AD10043" i="1"/>
  <c r="AD10044" i="1"/>
  <c r="AD10045" i="1"/>
  <c r="AD10046" i="1"/>
  <c r="AD10047" i="1"/>
  <c r="AD10048" i="1"/>
  <c r="AD10049" i="1"/>
  <c r="AD10050" i="1"/>
  <c r="AD10052" i="1"/>
  <c r="AD10053" i="1"/>
  <c r="AD10054" i="1"/>
  <c r="AD10055" i="1"/>
  <c r="AD10056" i="1"/>
  <c r="AD10057" i="1"/>
  <c r="AD10058" i="1"/>
  <c r="AD10059" i="1"/>
  <c r="AD10060" i="1"/>
  <c r="AD10061" i="1"/>
  <c r="AD10062" i="1"/>
  <c r="AD10064" i="1"/>
  <c r="AD10065" i="1"/>
  <c r="AD10066" i="1"/>
  <c r="AD10067" i="1"/>
  <c r="AD10068" i="1"/>
  <c r="AD10069" i="1"/>
  <c r="AD10070" i="1"/>
  <c r="AD10071" i="1"/>
  <c r="AD10072" i="1"/>
  <c r="AD10073" i="1"/>
  <c r="AD10074" i="1"/>
  <c r="AD10076" i="1"/>
  <c r="AD10077" i="1"/>
  <c r="AD10078" i="1"/>
  <c r="AD10079" i="1"/>
  <c r="AD10080" i="1"/>
  <c r="AD10081" i="1"/>
  <c r="AD10082" i="1"/>
  <c r="AD10083" i="1"/>
  <c r="AD10084" i="1"/>
  <c r="AD10085" i="1"/>
  <c r="AD10086" i="1"/>
  <c r="AD10088" i="1"/>
  <c r="AD10089" i="1"/>
  <c r="AD10090" i="1"/>
  <c r="AD10091" i="1"/>
  <c r="AD10092" i="1"/>
  <c r="AD10093" i="1"/>
  <c r="AD10094" i="1"/>
  <c r="AD10095" i="1"/>
  <c r="AD10096" i="1"/>
  <c r="AD10097" i="1"/>
  <c r="AD10098" i="1"/>
  <c r="AD10100" i="1"/>
  <c r="AD10101" i="1"/>
  <c r="AD10102" i="1"/>
  <c r="AD10103" i="1"/>
  <c r="AD10104" i="1"/>
  <c r="AD10105" i="1"/>
  <c r="AD10106" i="1"/>
  <c r="AD10107" i="1"/>
  <c r="AD10108" i="1"/>
  <c r="AD10109" i="1"/>
  <c r="AD10110" i="1"/>
  <c r="AD10112" i="1"/>
  <c r="AD10113" i="1"/>
  <c r="AD10114" i="1"/>
  <c r="AD10115" i="1"/>
  <c r="AD10116" i="1"/>
  <c r="AD10117" i="1"/>
  <c r="AD10118" i="1"/>
  <c r="AD10119" i="1"/>
  <c r="AD10120" i="1"/>
  <c r="AD10121" i="1"/>
  <c r="AD10122" i="1"/>
  <c r="AD10124" i="1"/>
  <c r="AD10125" i="1"/>
  <c r="AD10126" i="1"/>
  <c r="AD10127" i="1"/>
  <c r="AD10128" i="1"/>
  <c r="AD10129" i="1"/>
  <c r="AD10130" i="1"/>
  <c r="AD10131" i="1"/>
  <c r="AD10132" i="1"/>
  <c r="AD10133" i="1"/>
  <c r="AD10134" i="1"/>
  <c r="AD10136" i="1"/>
  <c r="AD10137" i="1"/>
  <c r="AD10138" i="1"/>
  <c r="AD10139" i="1"/>
  <c r="AD10140" i="1"/>
  <c r="AD10141" i="1"/>
  <c r="AD10142" i="1"/>
  <c r="AD10143" i="1"/>
  <c r="AD10144" i="1"/>
  <c r="AD10145" i="1"/>
  <c r="AD10146" i="1"/>
  <c r="AD10148" i="1"/>
  <c r="AD10149" i="1"/>
  <c r="AD10150" i="1"/>
  <c r="AD10151" i="1"/>
  <c r="AD10152" i="1"/>
  <c r="AD10153" i="1"/>
  <c r="AD10154" i="1"/>
  <c r="AD10155" i="1"/>
  <c r="AD10156" i="1"/>
  <c r="AD10157" i="1"/>
  <c r="AD10158" i="1"/>
  <c r="AD10160" i="1"/>
  <c r="AD10161" i="1"/>
  <c r="AD10162" i="1"/>
  <c r="AD10163" i="1"/>
  <c r="AD10164" i="1"/>
  <c r="AD10165" i="1"/>
  <c r="AD10166" i="1"/>
  <c r="AD10167" i="1"/>
  <c r="AD10168" i="1"/>
  <c r="AD10169" i="1"/>
  <c r="AD10170" i="1"/>
  <c r="AD10172" i="1"/>
  <c r="AD10173" i="1"/>
  <c r="AD10174" i="1"/>
  <c r="AD10175" i="1"/>
  <c r="AD10176" i="1"/>
  <c r="AD10177" i="1"/>
  <c r="AD10178" i="1"/>
  <c r="AD10179" i="1"/>
  <c r="AD10180" i="1"/>
  <c r="AD10181" i="1"/>
  <c r="AD10182" i="1"/>
  <c r="AD10184" i="1"/>
  <c r="AD10185" i="1"/>
  <c r="AD10186" i="1"/>
  <c r="AD10187" i="1"/>
  <c r="AD10188" i="1"/>
  <c r="AD10189" i="1"/>
  <c r="AD10190" i="1"/>
  <c r="AD10191" i="1"/>
  <c r="AD10192" i="1"/>
  <c r="AD10193" i="1"/>
  <c r="AD10194" i="1"/>
  <c r="AD10196" i="1"/>
  <c r="AD10197" i="1"/>
  <c r="AD10198" i="1"/>
  <c r="AD10199" i="1"/>
  <c r="AD10200" i="1"/>
  <c r="AD10201" i="1"/>
  <c r="AD10202" i="1"/>
  <c r="AD10203" i="1"/>
  <c r="AD10204" i="1"/>
  <c r="AD10205" i="1"/>
  <c r="AD10206" i="1"/>
  <c r="AD10208" i="1"/>
  <c r="AD10209" i="1"/>
  <c r="AD10210" i="1"/>
  <c r="AD10211" i="1"/>
  <c r="AD10212" i="1"/>
  <c r="AD10213" i="1"/>
  <c r="AD10214" i="1"/>
  <c r="AD10215" i="1"/>
  <c r="AD10216" i="1"/>
  <c r="AD10217" i="1"/>
  <c r="AD10218" i="1"/>
  <c r="AD10220" i="1"/>
  <c r="AD10221" i="1"/>
  <c r="AD10222" i="1"/>
  <c r="AD10223" i="1"/>
  <c r="AD10224" i="1"/>
  <c r="AD10225" i="1"/>
  <c r="AD10226" i="1"/>
  <c r="AD10227" i="1"/>
  <c r="AD10228" i="1"/>
  <c r="AD10229" i="1"/>
  <c r="AD10230" i="1"/>
  <c r="AD10232" i="1"/>
  <c r="AD10233" i="1"/>
  <c r="AD10234" i="1"/>
  <c r="AD10235" i="1"/>
  <c r="AD10236" i="1"/>
  <c r="AD10237" i="1"/>
  <c r="AD10238" i="1"/>
  <c r="AD10239" i="1"/>
  <c r="AD10240" i="1"/>
  <c r="AD10241" i="1"/>
  <c r="AD10242" i="1"/>
  <c r="AD10244" i="1"/>
  <c r="AD10245" i="1"/>
  <c r="AD10246" i="1"/>
  <c r="AD10247" i="1"/>
  <c r="AD10248" i="1"/>
  <c r="AD10249" i="1"/>
  <c r="AD10250" i="1"/>
  <c r="AD10251" i="1"/>
  <c r="AD10252" i="1"/>
  <c r="AD10253" i="1"/>
  <c r="AD10254" i="1"/>
  <c r="AD10256" i="1"/>
  <c r="AD10257" i="1"/>
  <c r="AD10258" i="1"/>
  <c r="AD10259" i="1"/>
  <c r="AD10260" i="1"/>
  <c r="AD10261" i="1"/>
  <c r="AD10262" i="1"/>
  <c r="AD10263" i="1"/>
  <c r="AD10264" i="1"/>
  <c r="AD10265" i="1"/>
  <c r="AD10266" i="1"/>
  <c r="AD10268" i="1"/>
  <c r="AD10269" i="1"/>
  <c r="AD10270" i="1"/>
  <c r="AD10271" i="1"/>
  <c r="AD10272" i="1"/>
  <c r="AD10273" i="1"/>
  <c r="AD10274" i="1"/>
  <c r="AD10275" i="1"/>
  <c r="AD10276" i="1"/>
  <c r="AD10277" i="1"/>
  <c r="AD10278" i="1"/>
  <c r="AD10280" i="1"/>
  <c r="AD10281" i="1"/>
  <c r="AD10282" i="1"/>
  <c r="AD10283" i="1"/>
  <c r="AD10284" i="1"/>
  <c r="AD10285" i="1"/>
  <c r="AD10286" i="1"/>
  <c r="AD10287" i="1"/>
  <c r="AD10288" i="1"/>
  <c r="AD10289" i="1"/>
  <c r="AD10290" i="1"/>
  <c r="AD10292" i="1"/>
  <c r="AD10293" i="1"/>
  <c r="AD10294" i="1"/>
  <c r="AD10295" i="1"/>
  <c r="AD10296" i="1"/>
  <c r="AD10297" i="1"/>
  <c r="AD10298" i="1"/>
  <c r="AD10299" i="1"/>
  <c r="AD10300" i="1"/>
  <c r="AD10301" i="1"/>
  <c r="AD10302" i="1"/>
  <c r="AD10304" i="1"/>
  <c r="AD10305" i="1"/>
  <c r="AD10306" i="1"/>
  <c r="AD10307" i="1"/>
  <c r="AD10308" i="1"/>
  <c r="AD10309" i="1"/>
  <c r="AD10310" i="1"/>
  <c r="AD10311" i="1"/>
  <c r="AD10312" i="1"/>
  <c r="AD10313" i="1"/>
  <c r="AD10314" i="1"/>
  <c r="AD10316" i="1"/>
  <c r="AD10317" i="1"/>
  <c r="AD10318" i="1"/>
  <c r="AD10319" i="1"/>
  <c r="AD10320" i="1"/>
  <c r="AD10321" i="1"/>
  <c r="AD10322" i="1"/>
  <c r="AD10323" i="1"/>
  <c r="AD10324" i="1"/>
  <c r="AD10325" i="1"/>
  <c r="AD10326" i="1"/>
  <c r="AD10328" i="1"/>
  <c r="AD10329" i="1"/>
  <c r="AD10330" i="1"/>
  <c r="AD10331" i="1"/>
  <c r="AD10332" i="1"/>
  <c r="AD10333" i="1"/>
  <c r="AD10334" i="1"/>
  <c r="AD10335" i="1"/>
  <c r="AD10336" i="1"/>
  <c r="AD10337" i="1"/>
  <c r="AD10338" i="1"/>
  <c r="AD10340" i="1"/>
  <c r="AD10341" i="1"/>
  <c r="AD10342" i="1"/>
  <c r="AD10343" i="1"/>
  <c r="AD10344" i="1"/>
  <c r="AD10345" i="1"/>
  <c r="AD10346" i="1"/>
  <c r="AD10347" i="1"/>
  <c r="AD10348" i="1"/>
  <c r="AD10349" i="1"/>
  <c r="AD10350" i="1"/>
  <c r="AD10352" i="1"/>
  <c r="AD10353" i="1"/>
  <c r="AD10354" i="1"/>
  <c r="AD10355" i="1"/>
  <c r="AD10356" i="1"/>
  <c r="AD10357" i="1"/>
  <c r="AD10358" i="1"/>
  <c r="AD10359" i="1"/>
  <c r="AD10360" i="1"/>
  <c r="AD10361" i="1"/>
  <c r="AD10362" i="1"/>
  <c r="AD10364" i="1"/>
  <c r="AD10365" i="1"/>
  <c r="AD10366" i="1"/>
  <c r="AD10367" i="1"/>
  <c r="AD10368" i="1"/>
  <c r="AD10369" i="1"/>
  <c r="AD10370" i="1"/>
  <c r="AD10371" i="1"/>
  <c r="AD10372" i="1"/>
  <c r="AD10373" i="1"/>
  <c r="AD10374" i="1"/>
  <c r="AD10376" i="1"/>
  <c r="AD10377" i="1"/>
  <c r="AD10378" i="1"/>
  <c r="AD10379" i="1"/>
  <c r="AD10380" i="1"/>
  <c r="AD10381" i="1"/>
  <c r="AD10382" i="1"/>
  <c r="AD10383" i="1"/>
  <c r="AD10384" i="1"/>
  <c r="AD10385" i="1"/>
  <c r="AD10386" i="1"/>
  <c r="AD10388" i="1"/>
  <c r="AD10389" i="1"/>
  <c r="AD10390" i="1"/>
  <c r="AD10391" i="1"/>
  <c r="AD10392" i="1"/>
  <c r="AD10393" i="1"/>
  <c r="AD10394" i="1"/>
  <c r="AD10395" i="1"/>
  <c r="AD10396" i="1"/>
  <c r="AD10397" i="1"/>
  <c r="AD10398" i="1"/>
  <c r="AD10400" i="1"/>
  <c r="AD10401" i="1"/>
  <c r="AD10402" i="1"/>
  <c r="AD10403" i="1"/>
  <c r="AD10404" i="1"/>
  <c r="AD10405" i="1"/>
  <c r="AD10406" i="1"/>
  <c r="AD10407" i="1"/>
  <c r="AD10408" i="1"/>
  <c r="AD10409" i="1"/>
  <c r="AD10410" i="1"/>
  <c r="AD10412" i="1"/>
  <c r="AD10413" i="1"/>
  <c r="AD10414" i="1"/>
  <c r="AD10415" i="1"/>
  <c r="AD10416" i="1"/>
  <c r="AD10417" i="1"/>
  <c r="AD10418" i="1"/>
  <c r="AD10419" i="1"/>
  <c r="AD10420" i="1"/>
  <c r="AD10421" i="1"/>
  <c r="AD10422" i="1"/>
  <c r="AD10424" i="1"/>
  <c r="AD10425" i="1"/>
  <c r="AD10426" i="1"/>
  <c r="AD10427" i="1"/>
  <c r="AD10428" i="1"/>
  <c r="AD10429" i="1"/>
  <c r="AD10430" i="1"/>
  <c r="AD10431" i="1"/>
  <c r="AD10432" i="1"/>
  <c r="AD10433" i="1"/>
  <c r="AD10434" i="1"/>
  <c r="AD10436" i="1"/>
  <c r="AD10437" i="1"/>
  <c r="AD10438" i="1"/>
  <c r="AD10439" i="1"/>
  <c r="AD10440" i="1"/>
  <c r="AD10441" i="1"/>
  <c r="AD10442" i="1"/>
  <c r="AD10443" i="1"/>
  <c r="AD10444" i="1"/>
  <c r="AD10445" i="1"/>
  <c r="AD10446" i="1"/>
  <c r="AD10448" i="1"/>
  <c r="AD10449" i="1"/>
  <c r="AD10450" i="1"/>
  <c r="AD10451" i="1"/>
  <c r="AD10452" i="1"/>
  <c r="AD10453" i="1"/>
  <c r="AD10454" i="1"/>
  <c r="AD10455" i="1"/>
  <c r="AD10456" i="1"/>
  <c r="AD10457" i="1"/>
  <c r="AD10458" i="1"/>
  <c r="AD10460" i="1"/>
  <c r="AD10461" i="1"/>
  <c r="AD10462" i="1"/>
  <c r="AD10463" i="1"/>
  <c r="AD10464" i="1"/>
  <c r="AD10465" i="1"/>
  <c r="AD10466" i="1"/>
  <c r="AD10467" i="1"/>
  <c r="AD10468" i="1"/>
  <c r="AD10469" i="1"/>
  <c r="AD10470" i="1"/>
  <c r="AD10472" i="1"/>
  <c r="AD10473" i="1"/>
  <c r="AD10474" i="1"/>
  <c r="AD10475" i="1"/>
  <c r="AD10476" i="1"/>
  <c r="AD10477" i="1"/>
  <c r="AD10478" i="1"/>
  <c r="AD10479" i="1"/>
  <c r="AD10480" i="1"/>
  <c r="AD10481" i="1"/>
  <c r="AD10482" i="1"/>
  <c r="AD10484" i="1"/>
  <c r="AD10485" i="1"/>
  <c r="AD10486" i="1"/>
  <c r="AD10487" i="1"/>
  <c r="AD10488" i="1"/>
  <c r="AD10489" i="1"/>
  <c r="AD10490" i="1"/>
  <c r="AD10491" i="1"/>
  <c r="AD10492" i="1"/>
  <c r="AD10493" i="1"/>
  <c r="AD10494" i="1"/>
  <c r="AD10496" i="1"/>
  <c r="AD10497" i="1"/>
  <c r="AD10498" i="1"/>
  <c r="AD10499" i="1"/>
  <c r="AD10500" i="1"/>
  <c r="AD10501" i="1"/>
  <c r="AD10502" i="1"/>
  <c r="AD10503" i="1"/>
  <c r="AD10504" i="1"/>
  <c r="AD10505" i="1"/>
  <c r="AD10506" i="1"/>
  <c r="AD10508" i="1"/>
  <c r="AD10509" i="1"/>
  <c r="AD10510" i="1"/>
  <c r="AD10511" i="1"/>
  <c r="AD10512" i="1"/>
  <c r="AD10513" i="1"/>
  <c r="AD10514" i="1"/>
  <c r="AD10515" i="1"/>
  <c r="AD10516" i="1"/>
  <c r="AD10517" i="1"/>
  <c r="AD10518" i="1"/>
  <c r="AD10520" i="1"/>
  <c r="AD10521" i="1"/>
  <c r="AD10522" i="1"/>
  <c r="AD10523" i="1"/>
  <c r="AD10524" i="1"/>
  <c r="AD10525" i="1"/>
  <c r="AD10526" i="1"/>
  <c r="AD10527" i="1"/>
  <c r="AD10528" i="1"/>
  <c r="AD10529" i="1"/>
  <c r="AD10530" i="1"/>
  <c r="AD10532" i="1"/>
  <c r="AD10533" i="1"/>
  <c r="AD10534" i="1"/>
  <c r="AD10535" i="1"/>
  <c r="AD10536" i="1"/>
  <c r="AD10537" i="1"/>
  <c r="AD10538" i="1"/>
  <c r="AD10539" i="1"/>
  <c r="AD10540" i="1"/>
  <c r="AD10541" i="1"/>
  <c r="AD10542" i="1"/>
  <c r="AD10544" i="1"/>
  <c r="AD10545" i="1"/>
  <c r="AD10546" i="1"/>
  <c r="AD10547" i="1"/>
  <c r="AD10548" i="1"/>
  <c r="AD10549" i="1"/>
  <c r="AD10550" i="1"/>
  <c r="AD10551" i="1"/>
  <c r="AD10552" i="1"/>
  <c r="AD10553" i="1"/>
  <c r="AD10554" i="1"/>
  <c r="AD10556" i="1"/>
  <c r="AD10557" i="1"/>
  <c r="AD10558" i="1"/>
  <c r="AD10559" i="1"/>
  <c r="AD10560" i="1"/>
  <c r="AD10561" i="1"/>
  <c r="AD10562" i="1"/>
  <c r="AD10563" i="1"/>
  <c r="AD10564" i="1"/>
  <c r="AD10565" i="1"/>
  <c r="AD10566" i="1"/>
  <c r="AD10568" i="1"/>
  <c r="AD10569" i="1"/>
  <c r="AD10570" i="1"/>
  <c r="AD10571" i="1"/>
  <c r="AD10572" i="1"/>
  <c r="AD10573" i="1"/>
  <c r="AD10574" i="1"/>
  <c r="AD10575" i="1"/>
  <c r="AD10576" i="1"/>
  <c r="AD10577" i="1"/>
  <c r="AD10578" i="1"/>
  <c r="AD10580" i="1"/>
  <c r="AD10581" i="1"/>
  <c r="AD10582" i="1"/>
  <c r="AD10583" i="1"/>
  <c r="AD10584" i="1"/>
  <c r="AD10585" i="1"/>
  <c r="AD10586" i="1"/>
  <c r="AD10587" i="1"/>
  <c r="AD10588" i="1"/>
  <c r="AD10589" i="1"/>
  <c r="AD10590" i="1"/>
  <c r="AD10592" i="1"/>
  <c r="AD10593" i="1"/>
  <c r="AD10594" i="1"/>
  <c r="AD10595" i="1"/>
  <c r="AD10596" i="1"/>
  <c r="AD10597" i="1"/>
  <c r="AD10598" i="1"/>
  <c r="AD10599" i="1"/>
  <c r="AD10600" i="1"/>
  <c r="AD10601" i="1"/>
  <c r="AD10602" i="1"/>
  <c r="AD10604" i="1"/>
  <c r="AD10605" i="1"/>
  <c r="AD10606" i="1"/>
  <c r="AD10607" i="1"/>
  <c r="AD10608" i="1"/>
  <c r="AD10609" i="1"/>
  <c r="AD10610" i="1"/>
  <c r="AD10611" i="1"/>
  <c r="AD10612" i="1"/>
  <c r="AD10613" i="1"/>
  <c r="AD10614" i="1"/>
  <c r="AD10616" i="1"/>
  <c r="AD10617" i="1"/>
  <c r="AD10618" i="1"/>
  <c r="AD10619" i="1"/>
  <c r="AD10620" i="1"/>
  <c r="AD10621" i="1"/>
  <c r="AD10622" i="1"/>
  <c r="AD10623" i="1"/>
  <c r="AD10624" i="1"/>
  <c r="AD10625" i="1"/>
  <c r="AD10626" i="1"/>
  <c r="AD10628" i="1"/>
  <c r="AD10629" i="1"/>
  <c r="AD10630" i="1"/>
  <c r="AD10631" i="1"/>
  <c r="AD10632" i="1"/>
  <c r="AD10633" i="1"/>
  <c r="AD10634" i="1"/>
  <c r="AD10635" i="1"/>
  <c r="AD10636" i="1"/>
  <c r="AD10637" i="1"/>
  <c r="AD10638" i="1"/>
  <c r="AD10640" i="1"/>
  <c r="AD10641" i="1"/>
  <c r="AD10642" i="1"/>
  <c r="AD10643" i="1"/>
  <c r="AD10644" i="1"/>
  <c r="AD10645" i="1"/>
  <c r="AD10646" i="1"/>
  <c r="AD10647" i="1"/>
  <c r="AD10648" i="1"/>
  <c r="AD10649" i="1"/>
  <c r="AD10650" i="1"/>
  <c r="AD10652" i="1"/>
  <c r="AD10653" i="1"/>
  <c r="AD10654" i="1"/>
  <c r="AD10655" i="1"/>
  <c r="AD10656" i="1"/>
  <c r="AD10657" i="1"/>
  <c r="AD10658" i="1"/>
  <c r="AD10659" i="1"/>
  <c r="AD10660" i="1"/>
  <c r="AD10661" i="1"/>
  <c r="AD10662" i="1"/>
  <c r="AD10664" i="1"/>
  <c r="AD10665" i="1"/>
  <c r="AD10666" i="1"/>
  <c r="AD10667" i="1"/>
  <c r="AD10668" i="1"/>
  <c r="AD10669" i="1"/>
  <c r="AD10670" i="1"/>
  <c r="AD10671" i="1"/>
  <c r="AD10672" i="1"/>
  <c r="AD10673" i="1"/>
  <c r="AD10674" i="1"/>
  <c r="AD10676" i="1"/>
  <c r="AD10677" i="1"/>
  <c r="AD10678" i="1"/>
  <c r="AD10679" i="1"/>
  <c r="AD10680" i="1"/>
  <c r="AD10681" i="1"/>
  <c r="AD10682" i="1"/>
  <c r="AD10683" i="1"/>
  <c r="AD10684" i="1"/>
  <c r="AD10685" i="1"/>
  <c r="AD10686" i="1"/>
  <c r="AD10688" i="1"/>
  <c r="AD10689" i="1"/>
  <c r="AD10690" i="1"/>
  <c r="AD10691" i="1"/>
  <c r="AD10692" i="1"/>
  <c r="AD10693" i="1"/>
  <c r="AD10694" i="1"/>
  <c r="AD10695" i="1"/>
  <c r="AD10696" i="1"/>
  <c r="AD10697" i="1"/>
  <c r="AD10698" i="1"/>
  <c r="AD10700" i="1"/>
  <c r="AD10701" i="1"/>
  <c r="AD10702" i="1"/>
  <c r="AD10703" i="1"/>
  <c r="AD10704" i="1"/>
  <c r="AD10705" i="1"/>
  <c r="AD10706" i="1"/>
  <c r="AD10707" i="1"/>
  <c r="AD10708" i="1"/>
  <c r="AD10709" i="1"/>
  <c r="AD10710" i="1"/>
  <c r="AD10712" i="1"/>
  <c r="AD10713" i="1"/>
  <c r="AD10714" i="1"/>
  <c r="AD10715" i="1"/>
  <c r="AD10716" i="1"/>
  <c r="AD10717" i="1"/>
  <c r="AD10718" i="1"/>
  <c r="AD10719" i="1"/>
  <c r="AD10720" i="1"/>
  <c r="AD10721" i="1"/>
  <c r="AD10722" i="1"/>
  <c r="AD10724" i="1"/>
  <c r="AD10725" i="1"/>
  <c r="AD10726" i="1"/>
  <c r="AD10727" i="1"/>
  <c r="AD10728" i="1"/>
  <c r="AD10729" i="1"/>
  <c r="AD10730" i="1"/>
  <c r="AD10731" i="1"/>
  <c r="AD10732" i="1"/>
  <c r="AD10733" i="1"/>
  <c r="AD10734" i="1"/>
  <c r="AD10736" i="1"/>
  <c r="AD10737" i="1"/>
  <c r="AD10738" i="1"/>
  <c r="AD10739" i="1"/>
  <c r="AD10740" i="1"/>
  <c r="AD10741" i="1"/>
  <c r="AD10742" i="1"/>
  <c r="AD10743" i="1"/>
  <c r="AD10744" i="1"/>
  <c r="AD10745" i="1"/>
  <c r="AD10746" i="1"/>
  <c r="AD10748" i="1"/>
  <c r="AD10749" i="1"/>
  <c r="AD10750" i="1"/>
  <c r="AD10751" i="1"/>
  <c r="AD10752" i="1"/>
  <c r="AD10753" i="1"/>
  <c r="AD10754" i="1"/>
  <c r="AD10755" i="1"/>
  <c r="AD10756" i="1"/>
  <c r="AD10757" i="1"/>
  <c r="AD10758" i="1"/>
  <c r="AD10760" i="1"/>
  <c r="AD10761" i="1"/>
  <c r="AD10762" i="1"/>
  <c r="AD10763" i="1"/>
  <c r="AD10764" i="1"/>
  <c r="AD10765" i="1"/>
  <c r="AD10766" i="1"/>
  <c r="AD10767" i="1"/>
  <c r="AD10768" i="1"/>
  <c r="AD10769" i="1"/>
  <c r="AD10770" i="1"/>
  <c r="AD10772" i="1"/>
  <c r="AD10773" i="1"/>
  <c r="AD10774" i="1"/>
  <c r="AD10775" i="1"/>
  <c r="AD10776" i="1"/>
  <c r="AD10777" i="1"/>
  <c r="AD10778" i="1"/>
  <c r="AD10779" i="1"/>
  <c r="AD10780" i="1"/>
  <c r="AD10781" i="1"/>
  <c r="AD10782" i="1"/>
  <c r="AD10784" i="1"/>
  <c r="AD10785" i="1"/>
  <c r="AD10786" i="1"/>
  <c r="AD10787" i="1"/>
  <c r="AD10788" i="1"/>
  <c r="AD10789" i="1"/>
  <c r="AD10790" i="1"/>
  <c r="AD10791" i="1"/>
  <c r="AD10792" i="1"/>
  <c r="AD10793" i="1"/>
  <c r="AD10794" i="1"/>
  <c r="AD10796" i="1"/>
  <c r="AD10797" i="1"/>
  <c r="AD10798" i="1"/>
  <c r="AD10799" i="1"/>
  <c r="AD10800" i="1"/>
  <c r="AD10801" i="1"/>
  <c r="AD10802" i="1"/>
  <c r="AD10803" i="1"/>
  <c r="AD10804" i="1"/>
  <c r="AD10805" i="1"/>
  <c r="AD10806" i="1"/>
  <c r="AD10808" i="1"/>
  <c r="AD10809" i="1"/>
  <c r="AD10810" i="1"/>
  <c r="AD10811" i="1"/>
  <c r="AD10812" i="1"/>
  <c r="AD10813" i="1"/>
  <c r="AD10814" i="1"/>
  <c r="AD10815" i="1"/>
  <c r="AD10816" i="1"/>
  <c r="AD10817" i="1"/>
  <c r="AD10818" i="1"/>
  <c r="AD10820" i="1"/>
  <c r="AD10821" i="1"/>
  <c r="AD10822" i="1"/>
  <c r="AD10823" i="1"/>
  <c r="AD10824" i="1"/>
  <c r="AD10825" i="1"/>
  <c r="AD10826" i="1"/>
  <c r="AD10827" i="1"/>
  <c r="AD10828" i="1"/>
  <c r="AD10829" i="1"/>
  <c r="AD10830" i="1"/>
  <c r="AD10832" i="1"/>
  <c r="AD10833" i="1"/>
  <c r="AD10834" i="1"/>
  <c r="AD10835" i="1"/>
  <c r="AD10836" i="1"/>
  <c r="AD10837" i="1"/>
  <c r="AD10838" i="1"/>
  <c r="AD10839" i="1"/>
  <c r="AD10840" i="1"/>
  <c r="AD10841" i="1"/>
  <c r="AD10842" i="1"/>
  <c r="AD10844" i="1"/>
  <c r="AD10845" i="1"/>
  <c r="AD10846" i="1"/>
  <c r="AD10847" i="1"/>
  <c r="AD10848" i="1"/>
  <c r="AD10849" i="1"/>
  <c r="AD10850" i="1"/>
  <c r="AD10851" i="1"/>
  <c r="AD10852" i="1"/>
  <c r="AD10853" i="1"/>
  <c r="AD10854" i="1"/>
  <c r="AD10856" i="1"/>
  <c r="AD10857" i="1"/>
  <c r="AD10858" i="1"/>
  <c r="AD10859" i="1"/>
  <c r="AD10860" i="1"/>
  <c r="AD10861" i="1"/>
  <c r="AD10862" i="1"/>
  <c r="AD10863" i="1"/>
  <c r="AD10864" i="1"/>
  <c r="AD10865" i="1"/>
  <c r="AD10866" i="1"/>
  <c r="AD10868" i="1"/>
  <c r="AD10869" i="1"/>
  <c r="AD10870" i="1"/>
  <c r="AD10871" i="1"/>
  <c r="AD10872" i="1"/>
  <c r="AD10873" i="1"/>
  <c r="AD10874" i="1"/>
  <c r="AD10875" i="1"/>
  <c r="AD10876" i="1"/>
  <c r="AD10877" i="1"/>
  <c r="AD10878" i="1"/>
  <c r="AD10880" i="1"/>
  <c r="AD10881" i="1"/>
  <c r="AD10882" i="1"/>
  <c r="AD10883" i="1"/>
  <c r="AD10884" i="1"/>
  <c r="AD10885" i="1"/>
  <c r="AD10886" i="1"/>
  <c r="AD10887" i="1"/>
  <c r="AD10888" i="1"/>
  <c r="AD10889" i="1"/>
  <c r="AD10890" i="1"/>
  <c r="AD10892" i="1"/>
  <c r="AD10893" i="1"/>
  <c r="AD10894" i="1"/>
  <c r="AD10895" i="1"/>
  <c r="AD10896" i="1"/>
  <c r="AD10897" i="1"/>
  <c r="AD10898" i="1"/>
  <c r="AD10899" i="1"/>
  <c r="AD10900" i="1"/>
  <c r="AD10901" i="1"/>
  <c r="AD10902" i="1"/>
  <c r="AD10904" i="1"/>
  <c r="AD10905" i="1"/>
  <c r="AD10906" i="1"/>
  <c r="AD10907" i="1"/>
  <c r="AD10908" i="1"/>
  <c r="AD10909" i="1"/>
  <c r="AD10910" i="1"/>
  <c r="AD10911" i="1"/>
  <c r="AD10912" i="1"/>
  <c r="AD10913" i="1"/>
  <c r="AD10914" i="1"/>
  <c r="AD10916" i="1"/>
  <c r="AD10917" i="1"/>
  <c r="AD10918" i="1"/>
  <c r="AD10919" i="1"/>
  <c r="AD10920" i="1"/>
  <c r="AD10921" i="1"/>
  <c r="AD10922" i="1"/>
  <c r="AD10923" i="1"/>
  <c r="AD10924" i="1"/>
  <c r="AD10925" i="1"/>
  <c r="AD10926" i="1"/>
  <c r="AD10928" i="1"/>
  <c r="AD10929" i="1"/>
  <c r="AD10930" i="1"/>
  <c r="AD10931" i="1"/>
  <c r="AD10932" i="1"/>
  <c r="AD10933" i="1"/>
  <c r="AD10934" i="1"/>
  <c r="AD10935" i="1"/>
  <c r="AD10936" i="1"/>
  <c r="AD10937" i="1"/>
  <c r="AD10938" i="1"/>
  <c r="AD10940" i="1"/>
  <c r="AD10941" i="1"/>
  <c r="AD10942" i="1"/>
  <c r="AD10943" i="1"/>
  <c r="AD10944" i="1"/>
  <c r="AD10945" i="1"/>
  <c r="AD10946" i="1"/>
  <c r="AD10947" i="1"/>
  <c r="AD10948" i="1"/>
  <c r="AD10949" i="1"/>
  <c r="AD10950" i="1"/>
  <c r="AD10952" i="1"/>
  <c r="AD10953" i="1"/>
  <c r="AD10954" i="1"/>
  <c r="AD10955" i="1"/>
  <c r="AD10956" i="1"/>
  <c r="AD10957" i="1"/>
  <c r="AD10958" i="1"/>
  <c r="AD10959" i="1"/>
  <c r="AD10960" i="1"/>
  <c r="AD10961" i="1"/>
  <c r="AD10962" i="1"/>
  <c r="AD10964" i="1"/>
  <c r="AD10965" i="1"/>
  <c r="AD10966" i="1"/>
  <c r="AD10967" i="1"/>
  <c r="AD10968" i="1"/>
  <c r="AD10969" i="1"/>
  <c r="AD10970" i="1"/>
  <c r="AD10971" i="1"/>
  <c r="AD10972" i="1"/>
  <c r="AD10973" i="1"/>
  <c r="AD10974" i="1"/>
  <c r="AD10976" i="1"/>
  <c r="AD10977" i="1"/>
  <c r="AD10978" i="1"/>
  <c r="AD10979" i="1"/>
  <c r="AD10980" i="1"/>
  <c r="AD10981" i="1"/>
  <c r="AD10982" i="1"/>
  <c r="AD10983" i="1"/>
  <c r="AD10984" i="1"/>
  <c r="AD10985" i="1"/>
  <c r="AD10986" i="1"/>
  <c r="AD10988" i="1"/>
  <c r="AD10989" i="1"/>
  <c r="AD10990" i="1"/>
  <c r="AD10991" i="1"/>
  <c r="AD10992" i="1"/>
  <c r="AD10993" i="1"/>
  <c r="AD10994" i="1"/>
  <c r="AD10995" i="1"/>
  <c r="AD10996" i="1"/>
  <c r="AD10997" i="1"/>
  <c r="AD10998" i="1"/>
  <c r="AD11000" i="1"/>
  <c r="AD11001" i="1"/>
  <c r="AD11002" i="1"/>
  <c r="AD11003" i="1"/>
  <c r="AD11004" i="1"/>
  <c r="AD11005" i="1"/>
  <c r="AD11006" i="1"/>
  <c r="AD11007" i="1"/>
  <c r="AD11008" i="1"/>
  <c r="AD11009" i="1"/>
  <c r="AD11010" i="1"/>
  <c r="AD11012" i="1"/>
  <c r="AD11013" i="1"/>
  <c r="AD11014" i="1"/>
  <c r="AD11015" i="1"/>
  <c r="AD11016" i="1"/>
  <c r="AD11017" i="1"/>
  <c r="AD11018" i="1"/>
  <c r="AD11019" i="1"/>
  <c r="AD11020" i="1"/>
  <c r="AD11021" i="1"/>
  <c r="AD11022" i="1"/>
  <c r="AD11024" i="1"/>
  <c r="AD11025" i="1"/>
  <c r="AD11026" i="1"/>
  <c r="AD11027" i="1"/>
  <c r="AD11028" i="1"/>
  <c r="AD11029" i="1"/>
  <c r="AD11030" i="1"/>
  <c r="AD11031" i="1"/>
  <c r="AD11032" i="1"/>
  <c r="AD11033" i="1"/>
  <c r="AD11034" i="1"/>
  <c r="AD11036" i="1"/>
  <c r="AD11037" i="1"/>
  <c r="AD11038" i="1"/>
  <c r="AD11039" i="1"/>
  <c r="AD11040" i="1"/>
  <c r="AD11041" i="1"/>
  <c r="AD11042" i="1"/>
  <c r="AD11043" i="1"/>
  <c r="AD11044" i="1"/>
  <c r="AD11045" i="1"/>
  <c r="AD11046" i="1"/>
  <c r="AD11048" i="1"/>
  <c r="AD11049" i="1"/>
  <c r="AD11050" i="1"/>
  <c r="AD11051" i="1"/>
  <c r="AD11052" i="1"/>
  <c r="AD11053" i="1"/>
  <c r="AD11054" i="1"/>
  <c r="AD11055" i="1"/>
  <c r="AD11056" i="1"/>
  <c r="AD11057" i="1"/>
  <c r="AD11058" i="1"/>
  <c r="AD11060" i="1"/>
  <c r="AD11061" i="1"/>
  <c r="AD11062" i="1"/>
  <c r="AD11063" i="1"/>
  <c r="AD11064" i="1"/>
  <c r="AD11065" i="1"/>
  <c r="AD11066" i="1"/>
  <c r="AD11067" i="1"/>
  <c r="AD11068" i="1"/>
  <c r="AD11069" i="1"/>
  <c r="AD11070" i="1"/>
  <c r="AD11072" i="1"/>
  <c r="AD11073" i="1"/>
  <c r="AD11074" i="1"/>
  <c r="AD11075" i="1"/>
  <c r="AD11076" i="1"/>
  <c r="AD11077" i="1"/>
  <c r="AD11078" i="1"/>
  <c r="AD11079" i="1"/>
  <c r="AD11080" i="1"/>
  <c r="AD11081" i="1"/>
  <c r="AD11082" i="1"/>
  <c r="AD11084" i="1"/>
  <c r="AD11085" i="1"/>
  <c r="AD11086" i="1"/>
  <c r="AD11087" i="1"/>
  <c r="AD11088" i="1"/>
  <c r="AD11089" i="1"/>
  <c r="AD11090" i="1"/>
  <c r="AD11091" i="1"/>
  <c r="AD11092" i="1"/>
  <c r="AD11093" i="1"/>
  <c r="AD11094" i="1"/>
  <c r="AD11096" i="1"/>
  <c r="AD11097" i="1"/>
  <c r="AD11098" i="1"/>
  <c r="AD11099" i="1"/>
  <c r="AD11100" i="1"/>
  <c r="AD11101" i="1"/>
  <c r="AD11102" i="1"/>
  <c r="AD11103" i="1"/>
  <c r="AD11104" i="1"/>
  <c r="AD11105" i="1"/>
  <c r="AD11106" i="1"/>
  <c r="AD11108" i="1"/>
  <c r="AD11109" i="1"/>
  <c r="AD11110" i="1"/>
  <c r="AD11111" i="1"/>
  <c r="AD11112" i="1"/>
  <c r="AD11113" i="1"/>
  <c r="AD11114" i="1"/>
  <c r="AD11115" i="1"/>
  <c r="AD11116" i="1"/>
  <c r="AD11117" i="1"/>
  <c r="AD11118" i="1"/>
  <c r="AD11120" i="1"/>
  <c r="AD11121" i="1"/>
  <c r="AD11122" i="1"/>
  <c r="AD11123" i="1"/>
  <c r="AD11124" i="1"/>
  <c r="AD11125" i="1"/>
  <c r="AD11126" i="1"/>
  <c r="AD11127" i="1"/>
  <c r="AD11128" i="1"/>
  <c r="AD11129" i="1"/>
  <c r="AD11130" i="1"/>
  <c r="AD11132" i="1"/>
  <c r="AD11133" i="1"/>
  <c r="AD11134" i="1"/>
  <c r="AD11135" i="1"/>
  <c r="AD11136" i="1"/>
  <c r="AD11137" i="1"/>
  <c r="AD11138" i="1"/>
  <c r="AD11139" i="1"/>
  <c r="AD11140" i="1"/>
  <c r="AD11141" i="1"/>
  <c r="AD11142" i="1"/>
  <c r="AD11144" i="1"/>
  <c r="AD11145" i="1"/>
  <c r="AD11146" i="1"/>
  <c r="AD11147" i="1"/>
  <c r="AD11148" i="1"/>
  <c r="AD11149" i="1"/>
  <c r="AD11150" i="1"/>
  <c r="AD11151" i="1"/>
  <c r="AD11152" i="1"/>
  <c r="AD11153" i="1"/>
  <c r="AD11154" i="1"/>
  <c r="AD11156" i="1"/>
  <c r="AD11157" i="1"/>
  <c r="AD11158" i="1"/>
  <c r="AD11159" i="1"/>
  <c r="AD11160" i="1"/>
  <c r="AD11161" i="1"/>
  <c r="AD11162" i="1"/>
  <c r="AD11163" i="1"/>
  <c r="AD11164" i="1"/>
  <c r="AD11165" i="1"/>
  <c r="AD11166" i="1"/>
  <c r="AD11168" i="1"/>
  <c r="AD11169" i="1"/>
  <c r="AD11170" i="1"/>
  <c r="AD11171" i="1"/>
  <c r="AD11172" i="1"/>
  <c r="AD11173" i="1"/>
  <c r="AD11174" i="1"/>
  <c r="AD11175" i="1"/>
  <c r="AD11176" i="1"/>
  <c r="AD11177" i="1"/>
  <c r="AD11178" i="1"/>
  <c r="AD11180" i="1"/>
  <c r="AD11181" i="1"/>
  <c r="AD11182" i="1"/>
  <c r="AD11183" i="1"/>
  <c r="AD11184" i="1"/>
  <c r="AD11185" i="1"/>
  <c r="AD11186" i="1"/>
  <c r="AD11187" i="1"/>
  <c r="AD11188" i="1"/>
  <c r="AD11189" i="1"/>
  <c r="AD11190" i="1"/>
  <c r="AD11192" i="1"/>
  <c r="AD11193" i="1"/>
  <c r="AD11194" i="1"/>
  <c r="AD11195" i="1"/>
  <c r="AD11196" i="1"/>
  <c r="AD11197" i="1"/>
  <c r="AD11198" i="1"/>
  <c r="AD11199" i="1"/>
  <c r="AD11200" i="1"/>
  <c r="AD11201" i="1"/>
  <c r="AD11202" i="1"/>
  <c r="AD11204" i="1"/>
  <c r="AD11205" i="1"/>
  <c r="AD11206" i="1"/>
  <c r="AD11207" i="1"/>
  <c r="AD11208" i="1"/>
  <c r="AD11209" i="1"/>
  <c r="AD11210" i="1"/>
  <c r="AD11211" i="1"/>
  <c r="AD11212" i="1"/>
  <c r="AD11213" i="1"/>
  <c r="AD11214" i="1"/>
  <c r="AD11216" i="1"/>
  <c r="AD11217" i="1"/>
  <c r="AD11218" i="1"/>
  <c r="AD11219" i="1"/>
  <c r="AD11220" i="1"/>
  <c r="AD11221" i="1"/>
  <c r="AD11222" i="1"/>
  <c r="AD11223" i="1"/>
  <c r="AD11224" i="1"/>
  <c r="AD11225" i="1"/>
  <c r="AD11226" i="1"/>
  <c r="AD11228" i="1"/>
  <c r="AD11229" i="1"/>
  <c r="AD11230" i="1"/>
  <c r="AD11231" i="1"/>
  <c r="AD11232" i="1"/>
  <c r="AD11233" i="1"/>
  <c r="AD11234" i="1"/>
  <c r="AD11235" i="1"/>
  <c r="AD11236" i="1"/>
  <c r="AD11237" i="1"/>
  <c r="AD11238" i="1"/>
  <c r="AD11240" i="1"/>
  <c r="AD11241" i="1"/>
  <c r="AD11242" i="1"/>
  <c r="AD11243" i="1"/>
  <c r="AD11244" i="1"/>
  <c r="AD11245" i="1"/>
  <c r="AD11246" i="1"/>
  <c r="AD11247" i="1"/>
  <c r="AD11248" i="1"/>
  <c r="AD11249" i="1"/>
  <c r="AD11250" i="1"/>
  <c r="AD11252" i="1"/>
  <c r="AD11253" i="1"/>
  <c r="AD11254" i="1"/>
  <c r="AD11255" i="1"/>
  <c r="AD11256" i="1"/>
  <c r="AD11257" i="1"/>
  <c r="AD11258" i="1"/>
  <c r="AD11259" i="1"/>
  <c r="AD11260" i="1"/>
  <c r="AD11261" i="1"/>
  <c r="AD11262" i="1"/>
  <c r="AD11264" i="1"/>
  <c r="AD11265" i="1"/>
  <c r="AD11266" i="1"/>
  <c r="AD11267" i="1"/>
  <c r="AD11268" i="1"/>
  <c r="AD11269" i="1"/>
  <c r="AD11270" i="1"/>
  <c r="AD11271" i="1"/>
  <c r="AD11272" i="1"/>
  <c r="AD11273" i="1"/>
  <c r="AD11274" i="1"/>
  <c r="AD11276" i="1"/>
  <c r="AD11277" i="1"/>
  <c r="AD11278" i="1"/>
  <c r="AD11279" i="1"/>
  <c r="AD11280" i="1"/>
  <c r="AD11281" i="1"/>
  <c r="AD11282" i="1"/>
  <c r="AD11283" i="1"/>
  <c r="AD11284" i="1"/>
  <c r="AD11285" i="1"/>
  <c r="AD11286" i="1"/>
  <c r="AD11288" i="1"/>
  <c r="AD11289" i="1"/>
  <c r="AD11290" i="1"/>
  <c r="AD11291" i="1"/>
  <c r="AD11292" i="1"/>
  <c r="AD11293" i="1"/>
  <c r="AD11294" i="1"/>
  <c r="AD11295" i="1"/>
  <c r="AD11296" i="1"/>
  <c r="AD11297" i="1"/>
  <c r="AD11298" i="1"/>
  <c r="AD11300" i="1"/>
  <c r="AD11301" i="1"/>
  <c r="AD11302" i="1"/>
  <c r="AD11303" i="1"/>
  <c r="AD11304" i="1"/>
  <c r="AD11305" i="1"/>
  <c r="AD11306" i="1"/>
  <c r="AD11307" i="1"/>
  <c r="AD11308" i="1"/>
  <c r="AD11309" i="1"/>
  <c r="AD11310" i="1"/>
  <c r="AD11312" i="1"/>
  <c r="AD11313" i="1"/>
  <c r="AD11314" i="1"/>
  <c r="AD11315" i="1"/>
  <c r="AD11316" i="1"/>
  <c r="AD11317" i="1"/>
  <c r="AD11318" i="1"/>
  <c r="AD11319" i="1"/>
  <c r="AD11320" i="1"/>
  <c r="AD11321" i="1"/>
  <c r="AD11322" i="1"/>
  <c r="AD11324" i="1"/>
  <c r="AD11325" i="1"/>
  <c r="AD11326" i="1"/>
  <c r="AD11327" i="1"/>
  <c r="AD11328" i="1"/>
  <c r="AD11329" i="1"/>
  <c r="AD11330" i="1"/>
  <c r="AD11331" i="1"/>
  <c r="AD11332" i="1"/>
  <c r="AD11333" i="1"/>
  <c r="AD11334" i="1"/>
  <c r="AD11336" i="1"/>
  <c r="AD11337" i="1"/>
  <c r="AD11338" i="1"/>
  <c r="AD11339" i="1"/>
  <c r="AD11340" i="1"/>
  <c r="AD11341" i="1"/>
  <c r="AD11342" i="1"/>
  <c r="AD11343" i="1"/>
  <c r="AD11344" i="1"/>
  <c r="AD11345" i="1"/>
  <c r="AD11346" i="1"/>
  <c r="AD11348" i="1"/>
  <c r="AD11349" i="1"/>
  <c r="AD11350" i="1"/>
  <c r="AD11351" i="1"/>
  <c r="AD11352" i="1"/>
  <c r="AD11353" i="1"/>
  <c r="AD11354" i="1"/>
  <c r="AD11355" i="1"/>
  <c r="AD11356" i="1"/>
  <c r="AD11357" i="1"/>
  <c r="AD11358" i="1"/>
  <c r="AD11360" i="1"/>
  <c r="AD11361" i="1"/>
  <c r="AD11362" i="1"/>
  <c r="AD11363" i="1"/>
  <c r="AD11364" i="1"/>
  <c r="AD11365" i="1"/>
  <c r="AD11366" i="1"/>
  <c r="AD11367" i="1"/>
  <c r="AD11368" i="1"/>
  <c r="AD11369" i="1"/>
  <c r="AD11370" i="1"/>
  <c r="AD11372" i="1"/>
  <c r="AD11373" i="1"/>
  <c r="AD11374" i="1"/>
  <c r="AD11375" i="1"/>
  <c r="AD11376" i="1"/>
  <c r="AD11377" i="1"/>
  <c r="AD11378" i="1"/>
  <c r="AD11379" i="1"/>
  <c r="AD11380" i="1"/>
  <c r="AD11381" i="1"/>
  <c r="AD11382" i="1"/>
  <c r="AD11384" i="1"/>
  <c r="AD11385" i="1"/>
  <c r="AD11386" i="1"/>
  <c r="AD11387" i="1"/>
  <c r="AD11388" i="1"/>
  <c r="AD11389" i="1"/>
  <c r="AD11390" i="1"/>
  <c r="AD11391" i="1"/>
  <c r="AD11392" i="1"/>
  <c r="AD11393" i="1"/>
  <c r="AD11394" i="1"/>
  <c r="AD11396" i="1"/>
  <c r="AD11397" i="1"/>
  <c r="AD11398" i="1"/>
  <c r="AD11399" i="1"/>
  <c r="AD11400" i="1"/>
  <c r="AD11401" i="1"/>
  <c r="AD11402" i="1"/>
  <c r="AD11403" i="1"/>
  <c r="AD11404" i="1"/>
  <c r="AD11405" i="1"/>
  <c r="AD11406" i="1"/>
  <c r="AD11408" i="1"/>
  <c r="AD11409" i="1"/>
  <c r="AD11410" i="1"/>
  <c r="AD11411" i="1"/>
  <c r="AD11412" i="1"/>
  <c r="AD11413" i="1"/>
  <c r="AD11414" i="1"/>
  <c r="AD11415" i="1"/>
  <c r="AD11416" i="1"/>
  <c r="AD11417" i="1"/>
  <c r="AD11418" i="1"/>
  <c r="AD11420" i="1"/>
  <c r="AD11421" i="1"/>
  <c r="AD11422" i="1"/>
  <c r="AD11423" i="1"/>
  <c r="AD11424" i="1"/>
  <c r="AD11425" i="1"/>
  <c r="AD11426" i="1"/>
  <c r="AD11427" i="1"/>
  <c r="AD11428" i="1"/>
  <c r="AD11429" i="1"/>
  <c r="AD11430" i="1"/>
  <c r="AD11432" i="1"/>
  <c r="AD11433" i="1"/>
  <c r="AD11434" i="1"/>
  <c r="AD11435" i="1"/>
  <c r="AD11436" i="1"/>
  <c r="AD11437" i="1"/>
  <c r="AD11438" i="1"/>
  <c r="AD11439" i="1"/>
  <c r="AD11440" i="1"/>
  <c r="AD11441" i="1"/>
  <c r="AD11442" i="1"/>
  <c r="AD11444" i="1"/>
  <c r="AD11445" i="1"/>
  <c r="AD11446" i="1"/>
  <c r="AD11447" i="1"/>
  <c r="AD11448" i="1"/>
  <c r="AD11449" i="1"/>
  <c r="AD11450" i="1"/>
  <c r="AD11451" i="1"/>
  <c r="AD11452" i="1"/>
  <c r="AD11453" i="1"/>
  <c r="AD11454" i="1"/>
  <c r="AD11456" i="1"/>
  <c r="AD11457" i="1"/>
  <c r="AD11458" i="1"/>
  <c r="AD11459" i="1"/>
  <c r="AD11460" i="1"/>
  <c r="AD11461" i="1"/>
  <c r="AD11462" i="1"/>
  <c r="AD11463" i="1"/>
  <c r="AD11464" i="1"/>
  <c r="AD11465" i="1"/>
  <c r="AD11466" i="1"/>
  <c r="AD11468" i="1"/>
  <c r="AD11469" i="1"/>
  <c r="AD11470" i="1"/>
  <c r="AD11471" i="1"/>
  <c r="AD11472" i="1"/>
  <c r="AD11473" i="1"/>
  <c r="AD11474" i="1"/>
  <c r="AD11475" i="1"/>
  <c r="AD11476" i="1"/>
  <c r="AD11477" i="1"/>
  <c r="AD11478" i="1"/>
  <c r="AD11480" i="1"/>
  <c r="AD11481" i="1"/>
  <c r="AD11482" i="1"/>
  <c r="AD11483" i="1"/>
  <c r="AD11484" i="1"/>
  <c r="AD11485" i="1"/>
  <c r="AD11486" i="1"/>
  <c r="AD11487" i="1"/>
  <c r="AD11488" i="1"/>
  <c r="AD11489" i="1"/>
  <c r="AD11490" i="1"/>
  <c r="AD11492" i="1"/>
  <c r="AD11493" i="1"/>
  <c r="AD11494" i="1"/>
  <c r="AD11495" i="1"/>
  <c r="AD11496" i="1"/>
  <c r="AD11497" i="1"/>
  <c r="AD11498" i="1"/>
  <c r="AD11499" i="1"/>
  <c r="AD11500" i="1"/>
  <c r="AD11501" i="1"/>
  <c r="AD11502" i="1"/>
  <c r="AD11504" i="1"/>
  <c r="AD11505" i="1"/>
  <c r="AD11506" i="1"/>
  <c r="AD11507" i="1"/>
  <c r="AD11508" i="1"/>
  <c r="AD11509" i="1"/>
  <c r="AD11510" i="1"/>
  <c r="AD11511" i="1"/>
  <c r="AD11512" i="1"/>
  <c r="AD11513" i="1"/>
  <c r="AD11514" i="1"/>
  <c r="AD11516" i="1"/>
  <c r="AD11517" i="1"/>
  <c r="AD11518" i="1"/>
  <c r="AD11519" i="1"/>
  <c r="AD11520" i="1"/>
  <c r="AD11521" i="1"/>
  <c r="AD11522" i="1"/>
  <c r="AD11523" i="1"/>
  <c r="AD11524" i="1"/>
  <c r="AD11525" i="1"/>
  <c r="AD11526" i="1"/>
  <c r="AD11528" i="1"/>
  <c r="AD11529" i="1"/>
  <c r="AD11530" i="1"/>
  <c r="AD11531" i="1"/>
  <c r="AD11532" i="1"/>
  <c r="AD11533" i="1"/>
  <c r="AD11534" i="1"/>
  <c r="AD11535" i="1"/>
  <c r="AD11536" i="1"/>
  <c r="AD11537" i="1"/>
  <c r="AD11538" i="1"/>
  <c r="AD11540" i="1"/>
  <c r="AD11541" i="1"/>
  <c r="AD11542" i="1"/>
  <c r="AD11543" i="1"/>
  <c r="AD11544" i="1"/>
  <c r="AD11545" i="1"/>
  <c r="AD11546" i="1"/>
  <c r="AD11547" i="1"/>
  <c r="AD11548" i="1"/>
  <c r="AD11549" i="1"/>
  <c r="AD11550" i="1"/>
  <c r="AD11552" i="1"/>
  <c r="AD11553" i="1"/>
  <c r="AD11554" i="1"/>
  <c r="AD11555" i="1"/>
  <c r="AD11556" i="1"/>
  <c r="AD11557" i="1"/>
  <c r="AD11558" i="1"/>
  <c r="AD11559" i="1"/>
  <c r="AD11560" i="1"/>
  <c r="AD11561" i="1"/>
  <c r="AD11562" i="1"/>
  <c r="AD11564" i="1"/>
  <c r="AD11565" i="1"/>
  <c r="AD11566" i="1"/>
  <c r="AD11567" i="1"/>
  <c r="AD11568" i="1"/>
  <c r="AD11569" i="1"/>
  <c r="AD11570" i="1"/>
  <c r="AD11571" i="1"/>
  <c r="AD11572" i="1"/>
  <c r="AD11573" i="1"/>
  <c r="AD11574" i="1"/>
  <c r="AD11576" i="1"/>
  <c r="AD11577" i="1"/>
  <c r="AD11578" i="1"/>
  <c r="AD11579" i="1"/>
  <c r="AD11580" i="1"/>
  <c r="AD11581" i="1"/>
  <c r="AD11582" i="1"/>
  <c r="AD11583" i="1"/>
  <c r="AD11584" i="1"/>
  <c r="AD11585" i="1"/>
  <c r="AD11586" i="1"/>
  <c r="AD11588" i="1"/>
  <c r="AD11589" i="1"/>
  <c r="AD11590" i="1"/>
  <c r="AD11591" i="1"/>
  <c r="AD11592" i="1"/>
  <c r="AD11593" i="1"/>
  <c r="AD11594" i="1"/>
  <c r="AD11595" i="1"/>
  <c r="AD11596" i="1"/>
  <c r="AD11597" i="1"/>
  <c r="AD11598" i="1"/>
  <c r="AD11600" i="1"/>
  <c r="AD11601" i="1"/>
  <c r="AD11602" i="1"/>
  <c r="AD11603" i="1"/>
  <c r="AD11604" i="1"/>
  <c r="AD11605" i="1"/>
  <c r="AD11606" i="1"/>
  <c r="AD11607" i="1"/>
  <c r="AD11608" i="1"/>
  <c r="AD11609" i="1"/>
  <c r="AD11610" i="1"/>
  <c r="AD11612" i="1"/>
  <c r="AD11613" i="1"/>
  <c r="AD11614" i="1"/>
  <c r="AD11615" i="1"/>
  <c r="AD11616" i="1"/>
  <c r="AD11617" i="1"/>
  <c r="AD11618" i="1"/>
  <c r="AD11619" i="1"/>
  <c r="AD11620" i="1"/>
  <c r="AD11621" i="1"/>
  <c r="AD11622" i="1"/>
  <c r="AD11624" i="1"/>
  <c r="AD11625" i="1"/>
  <c r="AD11626" i="1"/>
  <c r="AD11627" i="1"/>
  <c r="AD11628" i="1"/>
  <c r="AD11629" i="1"/>
  <c r="AD11630" i="1"/>
  <c r="AD11631" i="1"/>
  <c r="AD11632" i="1"/>
  <c r="AD11633" i="1"/>
  <c r="AD11634" i="1"/>
  <c r="AD11636" i="1"/>
  <c r="AD11637" i="1"/>
  <c r="AD11638" i="1"/>
  <c r="AD11639" i="1"/>
  <c r="AD11640" i="1"/>
  <c r="AD11641" i="1"/>
  <c r="AD11642" i="1"/>
  <c r="AD11643" i="1"/>
  <c r="AD11644" i="1"/>
  <c r="AD11645" i="1"/>
  <c r="AD11646" i="1"/>
  <c r="AD11648" i="1"/>
  <c r="AD11649" i="1"/>
  <c r="AD11650" i="1"/>
  <c r="AD11651" i="1"/>
  <c r="AD11652" i="1"/>
  <c r="AD11653" i="1"/>
  <c r="AD11654" i="1"/>
  <c r="AD11655" i="1"/>
  <c r="AD11656" i="1"/>
  <c r="AD11657" i="1"/>
  <c r="AD11658" i="1"/>
  <c r="AD11660" i="1"/>
  <c r="AD11661" i="1"/>
  <c r="AD11662" i="1"/>
  <c r="AD11663" i="1"/>
  <c r="AD11664" i="1"/>
  <c r="AD11665" i="1"/>
  <c r="AD11666" i="1"/>
  <c r="AD11667" i="1"/>
  <c r="AD11668" i="1"/>
  <c r="AD11669" i="1"/>
  <c r="AD11670" i="1"/>
  <c r="AD11672" i="1"/>
  <c r="AD11673" i="1"/>
  <c r="AD11674" i="1"/>
  <c r="AD11675" i="1"/>
  <c r="AD11676" i="1"/>
  <c r="AD11677" i="1"/>
  <c r="AD11678" i="1"/>
  <c r="AD11679" i="1"/>
  <c r="AD11680" i="1"/>
  <c r="AD11681" i="1"/>
  <c r="AD11682" i="1"/>
  <c r="AD11684" i="1"/>
  <c r="AD11685" i="1"/>
  <c r="AD11686" i="1"/>
  <c r="AD11687" i="1"/>
  <c r="AD11688" i="1"/>
  <c r="AD11689" i="1"/>
  <c r="AD11690" i="1"/>
  <c r="AD11691" i="1"/>
  <c r="AD11692" i="1"/>
  <c r="AD11693" i="1"/>
  <c r="AD11694" i="1"/>
  <c r="AD11696" i="1"/>
  <c r="AD11697" i="1"/>
  <c r="AD11698" i="1"/>
  <c r="AD11699" i="1"/>
  <c r="AD11700" i="1"/>
  <c r="AD11701" i="1"/>
  <c r="AD11702" i="1"/>
  <c r="AD11703" i="1"/>
  <c r="AD11704" i="1"/>
  <c r="AD11705" i="1"/>
  <c r="AD11706" i="1"/>
  <c r="AD11708" i="1"/>
  <c r="AD11709" i="1"/>
  <c r="AD11710" i="1"/>
  <c r="AD11711" i="1"/>
  <c r="AD11712" i="1"/>
  <c r="AD11713" i="1"/>
  <c r="AD11714" i="1"/>
  <c r="AD11715" i="1"/>
  <c r="AD11716" i="1"/>
  <c r="AD11717" i="1"/>
  <c r="AD11718" i="1"/>
  <c r="AD11720" i="1"/>
  <c r="AD11721" i="1"/>
  <c r="AD11722" i="1"/>
  <c r="AD11723" i="1"/>
  <c r="AD11724" i="1"/>
  <c r="AD11725" i="1"/>
  <c r="AD11726" i="1"/>
  <c r="AD11727" i="1"/>
  <c r="AD11728" i="1"/>
  <c r="AD11729" i="1"/>
  <c r="AD11730" i="1"/>
  <c r="AD11732" i="1"/>
  <c r="AD11733" i="1"/>
  <c r="AD11734" i="1"/>
  <c r="AD11735" i="1"/>
  <c r="AD11736" i="1"/>
  <c r="AD11737" i="1"/>
  <c r="AD11738" i="1"/>
  <c r="AD11739" i="1"/>
  <c r="AD11740" i="1"/>
  <c r="AD11741" i="1"/>
  <c r="AD11742" i="1"/>
  <c r="AD11744" i="1"/>
  <c r="AD11745" i="1"/>
  <c r="AD11746" i="1"/>
  <c r="AD11747" i="1"/>
  <c r="AD11748" i="1"/>
  <c r="AD11749" i="1"/>
  <c r="AD11750" i="1"/>
  <c r="AD11751" i="1"/>
  <c r="AD11752" i="1"/>
  <c r="AD11753" i="1"/>
  <c r="AD11754" i="1"/>
  <c r="AD11756" i="1"/>
  <c r="AD11757" i="1"/>
  <c r="AD11758" i="1"/>
  <c r="AD11759" i="1"/>
  <c r="AD11760" i="1"/>
  <c r="AD11761" i="1"/>
  <c r="AD11762" i="1"/>
  <c r="AD11763" i="1"/>
  <c r="AD11764" i="1"/>
  <c r="AD11765" i="1"/>
  <c r="AD11766" i="1"/>
  <c r="AD11768" i="1"/>
  <c r="AD11769" i="1"/>
  <c r="AD11770" i="1"/>
  <c r="AD11771" i="1"/>
  <c r="AD11772" i="1"/>
  <c r="AD11773" i="1"/>
  <c r="AD11774" i="1"/>
  <c r="AD11775" i="1"/>
  <c r="AD11776" i="1"/>
  <c r="AD11777" i="1"/>
  <c r="AD11778" i="1"/>
  <c r="AD11780" i="1"/>
  <c r="AD11781" i="1"/>
  <c r="AD11782" i="1"/>
  <c r="AD11783" i="1"/>
  <c r="AD11784" i="1"/>
  <c r="AD11785" i="1"/>
  <c r="AD11786" i="1"/>
  <c r="AD11787" i="1"/>
  <c r="AD11788" i="1"/>
  <c r="AD11789" i="1"/>
  <c r="AD11790" i="1"/>
  <c r="AD11792" i="1"/>
  <c r="AD11793" i="1"/>
  <c r="AD11794" i="1"/>
  <c r="AD11795" i="1"/>
  <c r="AD11796" i="1"/>
  <c r="AD11797" i="1"/>
  <c r="AD11798" i="1"/>
  <c r="AD11799" i="1"/>
  <c r="AD11800" i="1"/>
  <c r="AD11801" i="1"/>
  <c r="AD11802" i="1"/>
  <c r="AD11804" i="1"/>
  <c r="AD11805" i="1"/>
  <c r="AD11806" i="1"/>
  <c r="AD11807" i="1"/>
  <c r="AD11808" i="1"/>
  <c r="AD11809" i="1"/>
  <c r="AD11810" i="1"/>
  <c r="AD11811" i="1"/>
  <c r="AD11812" i="1"/>
  <c r="AD11813" i="1"/>
  <c r="AD11814" i="1"/>
  <c r="AD11816" i="1"/>
  <c r="AD11817" i="1"/>
  <c r="AD11818" i="1"/>
  <c r="AD11819" i="1"/>
  <c r="AD11820" i="1"/>
  <c r="AD11821" i="1"/>
  <c r="AD11822" i="1"/>
  <c r="AD11823" i="1"/>
  <c r="AD11824" i="1"/>
  <c r="AD11825" i="1"/>
  <c r="AD11826" i="1"/>
  <c r="AD11828" i="1"/>
  <c r="AD11829" i="1"/>
  <c r="AD11830" i="1"/>
  <c r="AD11831" i="1"/>
  <c r="AD11832" i="1"/>
  <c r="AD11833" i="1"/>
  <c r="AD11834" i="1"/>
  <c r="AD11835" i="1"/>
  <c r="AD11836" i="1"/>
  <c r="AD11837" i="1"/>
  <c r="AD11838" i="1"/>
  <c r="AD11840" i="1"/>
  <c r="AD11841" i="1"/>
  <c r="AD11842" i="1"/>
  <c r="AD11843" i="1"/>
  <c r="AD11844" i="1"/>
  <c r="AD11845" i="1"/>
  <c r="AD11846" i="1"/>
  <c r="AD11847" i="1"/>
  <c r="AD11848" i="1"/>
  <c r="AD11849" i="1"/>
  <c r="AD11850" i="1"/>
  <c r="AD11852" i="1"/>
  <c r="AD11853" i="1"/>
  <c r="AD11854" i="1"/>
  <c r="AD11855" i="1"/>
  <c r="AD11856" i="1"/>
  <c r="AD11857" i="1"/>
  <c r="AD11858" i="1"/>
  <c r="AD11859" i="1"/>
  <c r="AD11860" i="1"/>
  <c r="AD11861" i="1"/>
  <c r="AD11862" i="1"/>
  <c r="AD11864" i="1"/>
  <c r="AD11865" i="1"/>
  <c r="AD11866" i="1"/>
  <c r="AD11867" i="1"/>
  <c r="AD11868" i="1"/>
  <c r="AD11869" i="1"/>
  <c r="AD11870" i="1"/>
  <c r="AD11871" i="1"/>
  <c r="AD11872" i="1"/>
  <c r="AD11873" i="1"/>
  <c r="AD11874" i="1"/>
  <c r="AD11876" i="1"/>
  <c r="AD11877" i="1"/>
  <c r="AD11878" i="1"/>
  <c r="AD11879" i="1"/>
  <c r="AD11880" i="1"/>
  <c r="AD11881" i="1"/>
  <c r="AD11882" i="1"/>
  <c r="AD11883" i="1"/>
  <c r="AD11884" i="1"/>
  <c r="AD11885" i="1"/>
  <c r="AD11886" i="1"/>
  <c r="AD11888" i="1"/>
  <c r="AD11889" i="1"/>
  <c r="AD11890" i="1"/>
  <c r="AD11891" i="1"/>
  <c r="AD11892" i="1"/>
  <c r="AD11893" i="1"/>
  <c r="AD11894" i="1"/>
  <c r="AD11895" i="1"/>
  <c r="AD11896" i="1"/>
  <c r="AD11897" i="1"/>
  <c r="AD11898" i="1"/>
  <c r="AD11900" i="1"/>
  <c r="AD11901" i="1"/>
  <c r="AD11902" i="1"/>
  <c r="AD11903" i="1"/>
  <c r="AD11904" i="1"/>
  <c r="AD11905" i="1"/>
  <c r="AD11906" i="1"/>
  <c r="AD11907" i="1"/>
  <c r="AD11908" i="1"/>
  <c r="AD11909" i="1"/>
  <c r="AD11910" i="1"/>
  <c r="AD11912" i="1"/>
  <c r="AD11913" i="1"/>
  <c r="AD11914" i="1"/>
  <c r="AD11915" i="1"/>
  <c r="AD11916" i="1"/>
  <c r="AD11917" i="1"/>
  <c r="AD11918" i="1"/>
  <c r="AD11919" i="1"/>
  <c r="AD11920" i="1"/>
  <c r="AD11921" i="1"/>
  <c r="AD11922" i="1"/>
  <c r="AD11924" i="1"/>
  <c r="AD11925" i="1"/>
  <c r="AD11926" i="1"/>
  <c r="AD11927" i="1"/>
  <c r="AD11928" i="1"/>
  <c r="AD11929" i="1"/>
  <c r="AD11930" i="1"/>
  <c r="AD11931" i="1"/>
  <c r="AD11932" i="1"/>
  <c r="AD11933" i="1"/>
  <c r="AD11934" i="1"/>
  <c r="AD11936" i="1"/>
  <c r="AD11937" i="1"/>
  <c r="AD11938" i="1"/>
  <c r="AD11939" i="1"/>
  <c r="AD11940" i="1"/>
  <c r="AD11941" i="1"/>
  <c r="AD11942" i="1"/>
  <c r="AD11943" i="1"/>
  <c r="AD11944" i="1"/>
  <c r="AD11945" i="1"/>
  <c r="AD11946" i="1"/>
  <c r="AD11948" i="1"/>
  <c r="AD11949" i="1"/>
  <c r="AD11950" i="1"/>
  <c r="AD11951" i="1"/>
  <c r="AD11952" i="1"/>
  <c r="AD11953" i="1"/>
  <c r="AD11954" i="1"/>
  <c r="AD11955" i="1"/>
  <c r="AD11956" i="1"/>
  <c r="AD11957" i="1"/>
  <c r="AD11958" i="1"/>
  <c r="AD11960" i="1"/>
  <c r="AD11961" i="1"/>
  <c r="AD11962" i="1"/>
  <c r="AD11963" i="1"/>
  <c r="AD11964" i="1"/>
  <c r="AD11965" i="1"/>
  <c r="AD11966" i="1"/>
  <c r="AD11967" i="1"/>
  <c r="AD11968" i="1"/>
  <c r="AD11969" i="1"/>
  <c r="AD11970" i="1"/>
  <c r="AD11972" i="1"/>
  <c r="AD11973" i="1"/>
  <c r="AD11974" i="1"/>
  <c r="AD11975" i="1"/>
  <c r="AD11976" i="1"/>
  <c r="AD11977" i="1"/>
  <c r="AD11978" i="1"/>
  <c r="AD11979" i="1"/>
  <c r="AD11980" i="1"/>
  <c r="AD11981" i="1"/>
  <c r="AD11982" i="1"/>
  <c r="AD11984" i="1"/>
  <c r="AD11985" i="1"/>
  <c r="AD11986" i="1"/>
  <c r="AD11987" i="1"/>
  <c r="AD11988" i="1"/>
  <c r="AD11989" i="1"/>
  <c r="AD11990" i="1"/>
  <c r="AD11991" i="1"/>
  <c r="AD11992" i="1"/>
  <c r="AD11993" i="1"/>
  <c r="AD11994" i="1"/>
  <c r="AD11996" i="1"/>
  <c r="AD11997" i="1"/>
  <c r="AD11998" i="1"/>
  <c r="AD11999" i="1"/>
  <c r="AD12000" i="1"/>
  <c r="AD12001" i="1"/>
  <c r="AD12002" i="1"/>
  <c r="AD12003" i="1"/>
  <c r="AD12004" i="1"/>
  <c r="AD12005" i="1"/>
  <c r="AD12006" i="1"/>
  <c r="AD12008" i="1"/>
  <c r="AD12009" i="1"/>
  <c r="AD12010" i="1"/>
  <c r="AD12011" i="1"/>
  <c r="AD12012" i="1"/>
  <c r="AD12013" i="1"/>
  <c r="AD12014" i="1"/>
  <c r="AD12015" i="1"/>
  <c r="AD12016" i="1"/>
  <c r="AD12017" i="1"/>
  <c r="AD12018" i="1"/>
  <c r="AD12020" i="1"/>
  <c r="AD12021" i="1"/>
  <c r="AD12022" i="1"/>
  <c r="AD12023" i="1"/>
  <c r="AD12024" i="1"/>
  <c r="AD12025" i="1"/>
  <c r="AD12026" i="1"/>
  <c r="AD12027" i="1"/>
  <c r="AD12028" i="1"/>
  <c r="AD12029" i="1"/>
  <c r="AD12030" i="1"/>
  <c r="AD12032" i="1"/>
  <c r="AD12033" i="1"/>
  <c r="AD12034" i="1"/>
  <c r="AD12035" i="1"/>
  <c r="AD12036" i="1"/>
  <c r="AD12037" i="1"/>
  <c r="AD12038" i="1"/>
  <c r="AD12039" i="1"/>
  <c r="AD12040" i="1"/>
  <c r="AD12041" i="1"/>
  <c r="AD12042" i="1"/>
  <c r="AD12044" i="1"/>
  <c r="AD12045" i="1"/>
  <c r="AD12046" i="1"/>
  <c r="AD12047" i="1"/>
  <c r="AD12048" i="1"/>
  <c r="AD12049" i="1"/>
  <c r="AD12050" i="1"/>
  <c r="AD12051" i="1"/>
  <c r="AD12052" i="1"/>
  <c r="AD12053" i="1"/>
  <c r="AD12054" i="1"/>
  <c r="AD12056" i="1"/>
  <c r="AD12057" i="1"/>
  <c r="AD12058" i="1"/>
  <c r="AD12059" i="1"/>
  <c r="AD12060" i="1"/>
  <c r="AD12061" i="1"/>
  <c r="AD12062" i="1"/>
  <c r="AD12063" i="1"/>
  <c r="AD12064" i="1"/>
  <c r="AD12065" i="1"/>
  <c r="AD12066" i="1"/>
  <c r="AD12068" i="1"/>
  <c r="AD12069" i="1"/>
  <c r="AD12070" i="1"/>
  <c r="AD12071" i="1"/>
  <c r="AD12072" i="1"/>
  <c r="AD12073" i="1"/>
  <c r="AD12074" i="1"/>
  <c r="AD12075" i="1"/>
  <c r="AD12076" i="1"/>
  <c r="AD12077" i="1"/>
  <c r="AD12078" i="1"/>
  <c r="AD12080" i="1"/>
  <c r="AD12081" i="1"/>
  <c r="AD12082" i="1"/>
  <c r="AD12083" i="1"/>
  <c r="AD12084" i="1"/>
  <c r="AD12085" i="1"/>
  <c r="AD12086" i="1"/>
  <c r="AD12087" i="1"/>
  <c r="AD12088" i="1"/>
  <c r="AD12089" i="1"/>
  <c r="AD12090" i="1"/>
  <c r="AD12092" i="1"/>
  <c r="AD12093" i="1"/>
  <c r="AD12094" i="1"/>
  <c r="AD12095" i="1"/>
  <c r="AD12096" i="1"/>
  <c r="AD12097" i="1"/>
  <c r="AD12098" i="1"/>
  <c r="AD12099" i="1"/>
  <c r="AD12100" i="1"/>
  <c r="AD12101" i="1"/>
  <c r="AD12102" i="1"/>
  <c r="AD12104" i="1"/>
  <c r="AD12105" i="1"/>
  <c r="AD12106" i="1"/>
  <c r="AD12107" i="1"/>
  <c r="AD12108" i="1"/>
  <c r="AD12109" i="1"/>
  <c r="AD12110" i="1"/>
  <c r="AD12111" i="1"/>
  <c r="AD12112" i="1"/>
  <c r="AD12113" i="1"/>
  <c r="AD12114" i="1"/>
  <c r="AD12116" i="1"/>
  <c r="AD12117" i="1"/>
  <c r="AD12118" i="1"/>
  <c r="AD12119" i="1"/>
  <c r="AD12120" i="1"/>
  <c r="AD12121" i="1"/>
  <c r="AD12122" i="1"/>
  <c r="AD12123" i="1"/>
  <c r="AD12124" i="1"/>
  <c r="AD12125" i="1"/>
  <c r="AD12126" i="1"/>
  <c r="AD12128" i="1"/>
  <c r="AD12129" i="1"/>
  <c r="AD12130" i="1"/>
  <c r="AD12131" i="1"/>
  <c r="AD12132" i="1"/>
  <c r="AD12133" i="1"/>
  <c r="AD12134" i="1"/>
  <c r="AD12135" i="1"/>
  <c r="AD12136" i="1"/>
  <c r="AD12137" i="1"/>
  <c r="AD12138" i="1"/>
  <c r="AD12140" i="1"/>
  <c r="AD12141" i="1"/>
  <c r="AD12142" i="1"/>
  <c r="AD12143" i="1"/>
  <c r="AD12144" i="1"/>
  <c r="AD12145" i="1"/>
  <c r="AD12146" i="1"/>
  <c r="AD12147" i="1"/>
  <c r="AD12148" i="1"/>
  <c r="AD12149" i="1"/>
  <c r="AD12150" i="1"/>
  <c r="AD12152" i="1"/>
  <c r="AD12153" i="1"/>
  <c r="AD12154" i="1"/>
  <c r="AD12155" i="1"/>
  <c r="AD12156" i="1"/>
  <c r="AD12157" i="1"/>
  <c r="AD12158" i="1"/>
  <c r="AD12159" i="1"/>
  <c r="AD12160" i="1"/>
  <c r="AD12161" i="1"/>
  <c r="AD12162" i="1"/>
  <c r="AD12164" i="1"/>
  <c r="AD12165" i="1"/>
  <c r="AD12166" i="1"/>
  <c r="AD12167" i="1"/>
  <c r="AD12168" i="1"/>
  <c r="AD12169" i="1"/>
  <c r="AD12170" i="1"/>
  <c r="AD12171" i="1"/>
  <c r="AD12172" i="1"/>
  <c r="AD12173" i="1"/>
  <c r="AD12174" i="1"/>
  <c r="AD12176" i="1"/>
  <c r="AD12177" i="1"/>
  <c r="AD12178" i="1"/>
  <c r="AD12179" i="1"/>
  <c r="AD12180" i="1"/>
  <c r="AD12181" i="1"/>
  <c r="AD12182" i="1"/>
  <c r="AD12183" i="1"/>
  <c r="AD12184" i="1"/>
  <c r="AD12185" i="1"/>
  <c r="AD12186" i="1"/>
  <c r="AD12188" i="1"/>
  <c r="AD12189" i="1"/>
  <c r="AD12190" i="1"/>
  <c r="AD12191" i="1"/>
  <c r="AD12192" i="1"/>
  <c r="AD12193" i="1"/>
  <c r="AD12194" i="1"/>
  <c r="AD12195" i="1"/>
  <c r="AD12196" i="1"/>
  <c r="AD12197" i="1"/>
  <c r="AD12198" i="1"/>
  <c r="AD12200" i="1"/>
  <c r="AD12201" i="1"/>
  <c r="AD12202" i="1"/>
  <c r="AD12203" i="1"/>
  <c r="AD12204" i="1"/>
  <c r="AD12205" i="1"/>
  <c r="AD12206" i="1"/>
  <c r="AD12207" i="1"/>
  <c r="AD12208" i="1"/>
  <c r="AD12209" i="1"/>
  <c r="AD12210" i="1"/>
  <c r="AD12212" i="1"/>
  <c r="AD12213" i="1"/>
  <c r="AD12214" i="1"/>
  <c r="AD12215" i="1"/>
  <c r="AD12216" i="1"/>
  <c r="AD12217" i="1"/>
  <c r="AD12218" i="1"/>
  <c r="AD12219" i="1"/>
  <c r="AD12220" i="1"/>
  <c r="AD12221" i="1"/>
  <c r="AD12222" i="1"/>
  <c r="AD12224" i="1"/>
  <c r="AD12225" i="1"/>
  <c r="AD12226" i="1"/>
  <c r="AD12227" i="1"/>
  <c r="AD12228" i="1"/>
  <c r="AD12229" i="1"/>
  <c r="AD12230" i="1"/>
  <c r="AD12231" i="1"/>
  <c r="AD12232" i="1"/>
  <c r="AD12233" i="1"/>
  <c r="AD12234" i="1"/>
  <c r="AD12236" i="1"/>
  <c r="AD12237" i="1"/>
  <c r="AD12238" i="1"/>
  <c r="AD12239" i="1"/>
  <c r="AD12240" i="1"/>
  <c r="AD12241" i="1"/>
  <c r="AD12242" i="1"/>
  <c r="AD12243" i="1"/>
  <c r="AD12244" i="1"/>
  <c r="AD12245" i="1"/>
  <c r="AD12246" i="1"/>
  <c r="AD12248" i="1"/>
  <c r="AD12249" i="1"/>
  <c r="AD12250" i="1"/>
  <c r="AD12251" i="1"/>
  <c r="AD12252" i="1"/>
  <c r="AD12253" i="1"/>
  <c r="AD12254" i="1"/>
  <c r="AD12255" i="1"/>
  <c r="AD12256" i="1"/>
  <c r="AD12257" i="1"/>
  <c r="AD12258" i="1"/>
  <c r="AD12260" i="1"/>
  <c r="AD12261" i="1"/>
  <c r="AD12262" i="1"/>
  <c r="AD12263" i="1"/>
  <c r="AD12264" i="1"/>
  <c r="AD12265" i="1"/>
  <c r="AD12266" i="1"/>
  <c r="AD12267" i="1"/>
  <c r="AD12268" i="1"/>
  <c r="AD12269" i="1"/>
  <c r="AD12270" i="1"/>
  <c r="AD12272" i="1"/>
  <c r="AD12273" i="1"/>
  <c r="AD12274" i="1"/>
  <c r="AD12275" i="1"/>
  <c r="AD12276" i="1"/>
  <c r="AD12277" i="1"/>
  <c r="AD12278" i="1"/>
  <c r="AD12279" i="1"/>
  <c r="AD12280" i="1"/>
  <c r="AD12281" i="1"/>
  <c r="AD12282" i="1"/>
  <c r="AD12284" i="1"/>
  <c r="AD12285" i="1"/>
  <c r="AD12286" i="1"/>
  <c r="AD12287" i="1"/>
  <c r="AD12288" i="1"/>
  <c r="AD12289" i="1"/>
  <c r="AD12290" i="1"/>
  <c r="AD12291" i="1"/>
  <c r="AD12292" i="1"/>
  <c r="AD12293" i="1"/>
  <c r="AD12294" i="1"/>
  <c r="AD12296" i="1"/>
  <c r="AD12297" i="1"/>
  <c r="AD12298" i="1"/>
  <c r="AD12299" i="1"/>
  <c r="AD12300" i="1"/>
  <c r="AD12301" i="1"/>
  <c r="AD12302" i="1"/>
  <c r="AD12303" i="1"/>
  <c r="AD12304" i="1"/>
  <c r="AD12305" i="1"/>
  <c r="AD12306" i="1"/>
  <c r="AD12308" i="1"/>
  <c r="AD12309" i="1"/>
  <c r="AD12310" i="1"/>
  <c r="AD12311" i="1"/>
  <c r="AD12312" i="1"/>
  <c r="AD12313" i="1"/>
  <c r="AD12314" i="1"/>
  <c r="AD12315" i="1"/>
  <c r="AD12316" i="1"/>
  <c r="AD12317" i="1"/>
  <c r="AD12318" i="1"/>
  <c r="AD12320" i="1"/>
  <c r="AD12321" i="1"/>
  <c r="AD12322" i="1"/>
  <c r="AD12323" i="1"/>
  <c r="AD12324" i="1"/>
  <c r="AD12325" i="1"/>
  <c r="AD12326" i="1"/>
  <c r="AD12327" i="1"/>
  <c r="AD12328" i="1"/>
  <c r="AD12329" i="1"/>
  <c r="AD12330" i="1"/>
  <c r="AD12332" i="1"/>
  <c r="AD12333" i="1"/>
  <c r="AD12334" i="1"/>
  <c r="AD12335" i="1"/>
  <c r="AD12336" i="1"/>
  <c r="AD12337" i="1"/>
  <c r="AD12338" i="1"/>
  <c r="AD12339" i="1"/>
  <c r="AD12340" i="1"/>
  <c r="AD12341" i="1"/>
  <c r="AD12342" i="1"/>
  <c r="AD12344" i="1"/>
  <c r="AD12345" i="1"/>
  <c r="AD12346" i="1"/>
  <c r="AD12347" i="1"/>
  <c r="AD12348" i="1"/>
  <c r="AD12349" i="1"/>
  <c r="AD12350" i="1"/>
  <c r="AD12351" i="1"/>
  <c r="AD12352" i="1"/>
  <c r="AD12353" i="1"/>
  <c r="AD12354" i="1"/>
  <c r="AD12356" i="1"/>
  <c r="AD12357" i="1"/>
  <c r="AD12358" i="1"/>
  <c r="AD12359" i="1"/>
  <c r="AD12360" i="1"/>
  <c r="AD12361" i="1"/>
  <c r="AD12362" i="1"/>
  <c r="AD12363" i="1"/>
  <c r="AD12364" i="1"/>
  <c r="AD12365" i="1"/>
  <c r="AD12366" i="1"/>
  <c r="AD12368" i="1"/>
  <c r="AD12369" i="1"/>
  <c r="AD12370" i="1"/>
  <c r="AD12371" i="1"/>
  <c r="AD12372" i="1"/>
  <c r="AD12373" i="1"/>
  <c r="AD12374" i="1"/>
  <c r="AD12375" i="1"/>
  <c r="AD12376" i="1"/>
  <c r="AD12377" i="1"/>
  <c r="AD12378" i="1"/>
  <c r="AD12380" i="1"/>
  <c r="AD12381" i="1"/>
  <c r="AD12382" i="1"/>
  <c r="AD12383" i="1"/>
  <c r="AD12384" i="1"/>
  <c r="AD12385" i="1"/>
  <c r="AD12386" i="1"/>
  <c r="AD12387" i="1"/>
  <c r="AD12388" i="1"/>
  <c r="AD12389" i="1"/>
  <c r="AD12390" i="1"/>
  <c r="AD12392" i="1"/>
  <c r="AD12393" i="1"/>
  <c r="AD12394" i="1"/>
  <c r="AD12395" i="1"/>
  <c r="AD12396" i="1"/>
  <c r="AD12397" i="1"/>
  <c r="AD12398" i="1"/>
  <c r="AD12399" i="1"/>
  <c r="AD12400" i="1"/>
  <c r="AD12401" i="1"/>
  <c r="AD12402" i="1"/>
  <c r="AD12404" i="1"/>
  <c r="AD12405" i="1"/>
  <c r="AD12406" i="1"/>
  <c r="AD12407" i="1"/>
  <c r="AD12408" i="1"/>
  <c r="AD12409" i="1"/>
  <c r="AD12410" i="1"/>
  <c r="AD12411" i="1"/>
  <c r="AD12412" i="1"/>
  <c r="AD12413" i="1"/>
  <c r="AD12414" i="1"/>
  <c r="AD12416" i="1"/>
  <c r="AD12417" i="1"/>
  <c r="AD12418" i="1"/>
  <c r="AD12419" i="1"/>
  <c r="AD12420" i="1"/>
  <c r="AD12421" i="1"/>
  <c r="AD12422" i="1"/>
  <c r="AD12423" i="1"/>
  <c r="AD12424" i="1"/>
  <c r="AD12425" i="1"/>
  <c r="AD12426" i="1"/>
  <c r="AD12428" i="1"/>
  <c r="AD12429" i="1"/>
  <c r="AD12430" i="1"/>
  <c r="AD12431" i="1"/>
  <c r="AD12432" i="1"/>
  <c r="AD12433" i="1"/>
  <c r="AD12434" i="1"/>
  <c r="AD12435" i="1"/>
  <c r="AD12436" i="1"/>
  <c r="AD12437" i="1"/>
  <c r="AD12438" i="1"/>
  <c r="AD12440" i="1"/>
  <c r="AD12441" i="1"/>
  <c r="AD12442" i="1"/>
  <c r="AD12443" i="1"/>
  <c r="AD12444" i="1"/>
  <c r="AD12445" i="1"/>
  <c r="AD12446" i="1"/>
  <c r="AD12447" i="1"/>
  <c r="AD12448" i="1"/>
  <c r="AD12449" i="1"/>
  <c r="AD12450" i="1"/>
  <c r="AD12452" i="1"/>
  <c r="AD12453" i="1"/>
  <c r="AD12454" i="1"/>
  <c r="AD12455" i="1"/>
  <c r="AD12456" i="1"/>
  <c r="AD12457" i="1"/>
  <c r="AD12458" i="1"/>
  <c r="AD12459" i="1"/>
  <c r="AD12460" i="1"/>
  <c r="AD12461" i="1"/>
  <c r="AD12462" i="1"/>
  <c r="AD12464" i="1"/>
  <c r="AD12465" i="1"/>
  <c r="AD12466" i="1"/>
  <c r="AD12467" i="1"/>
  <c r="AD12468" i="1"/>
  <c r="AD12469" i="1"/>
  <c r="AD12470" i="1"/>
  <c r="AD12471" i="1"/>
  <c r="AD12472" i="1"/>
  <c r="AD12473" i="1"/>
  <c r="AD12474" i="1"/>
  <c r="AD12476" i="1"/>
  <c r="AD12477" i="1"/>
  <c r="AD12478" i="1"/>
  <c r="AD12479" i="1"/>
  <c r="AD12480" i="1"/>
  <c r="AD12481" i="1"/>
  <c r="AD12482" i="1"/>
  <c r="AD12483" i="1"/>
  <c r="AD12484" i="1"/>
  <c r="AD12485" i="1"/>
  <c r="AD12486" i="1"/>
  <c r="AD12488" i="1"/>
  <c r="AD12489" i="1"/>
  <c r="AD12490" i="1"/>
  <c r="AD12491" i="1"/>
  <c r="AD12492" i="1"/>
  <c r="AD12493" i="1"/>
  <c r="AD12494" i="1"/>
  <c r="AD12495" i="1"/>
  <c r="AD12496" i="1"/>
  <c r="AD12497" i="1"/>
  <c r="AD12498" i="1"/>
  <c r="AD12500" i="1"/>
  <c r="AD12501" i="1"/>
  <c r="AD12502" i="1"/>
  <c r="AD12503" i="1"/>
  <c r="AD12504" i="1"/>
  <c r="AD12505" i="1"/>
  <c r="AD12506" i="1"/>
  <c r="AD12507" i="1"/>
  <c r="AD12508" i="1"/>
  <c r="AD12509" i="1"/>
  <c r="AD12510" i="1"/>
  <c r="AD12512" i="1"/>
  <c r="AD12513" i="1"/>
  <c r="AD12514" i="1"/>
  <c r="AD12515" i="1"/>
  <c r="AD12516" i="1"/>
  <c r="AD12517" i="1"/>
  <c r="AD12518" i="1"/>
  <c r="AD12519" i="1"/>
  <c r="AD12520" i="1"/>
  <c r="AD12521" i="1"/>
  <c r="AD12522" i="1"/>
  <c r="AD12524" i="1"/>
  <c r="AD12525" i="1"/>
  <c r="AD12526" i="1"/>
  <c r="AD12527" i="1"/>
  <c r="AD12528" i="1"/>
  <c r="AD12529" i="1"/>
  <c r="AD12530" i="1"/>
  <c r="AD12531" i="1"/>
  <c r="AD12532" i="1"/>
  <c r="AD12533" i="1"/>
  <c r="AD12534" i="1"/>
  <c r="AD12536" i="1"/>
  <c r="AD12537" i="1"/>
  <c r="AD12538" i="1"/>
  <c r="AD12539" i="1"/>
  <c r="AD12540" i="1"/>
  <c r="AD12541" i="1"/>
  <c r="AD12542" i="1"/>
  <c r="AD12543" i="1"/>
  <c r="AD12544" i="1"/>
  <c r="AD12545" i="1"/>
  <c r="AD12546" i="1"/>
  <c r="AD12548" i="1"/>
  <c r="AD12549" i="1"/>
  <c r="AD12550" i="1"/>
  <c r="AD12551" i="1"/>
  <c r="AD12552" i="1"/>
  <c r="AD12553" i="1"/>
  <c r="AD12554" i="1"/>
  <c r="AD12555" i="1"/>
  <c r="AD12556" i="1"/>
  <c r="AD12557" i="1"/>
  <c r="AD12558" i="1"/>
  <c r="AD12560" i="1"/>
  <c r="AD12561" i="1"/>
  <c r="AD12562" i="1"/>
  <c r="AD12563" i="1"/>
  <c r="AD12564" i="1"/>
  <c r="AD12565" i="1"/>
  <c r="AD12566" i="1"/>
  <c r="AD12567" i="1"/>
  <c r="AD12568" i="1"/>
  <c r="AD12569" i="1"/>
  <c r="AD12570" i="1"/>
  <c r="AD12572" i="1"/>
  <c r="AD12573" i="1"/>
  <c r="AD12574" i="1"/>
  <c r="AD12575" i="1"/>
  <c r="AD12576" i="1"/>
  <c r="AD12577" i="1"/>
  <c r="AD12578" i="1"/>
  <c r="AD12579" i="1"/>
  <c r="AD12580" i="1"/>
  <c r="AD12581" i="1"/>
  <c r="AD12582" i="1"/>
  <c r="AD12584" i="1"/>
  <c r="AD12585" i="1"/>
  <c r="AD12586" i="1"/>
  <c r="AD12587" i="1"/>
  <c r="AD12588" i="1"/>
  <c r="AD12589" i="1"/>
  <c r="AD12590" i="1"/>
  <c r="AD12591" i="1"/>
  <c r="AD12592" i="1"/>
  <c r="AD12593" i="1"/>
  <c r="AD12594" i="1"/>
  <c r="AD12596" i="1"/>
  <c r="AD12597" i="1"/>
  <c r="AD12598" i="1"/>
  <c r="AD12599" i="1"/>
  <c r="AD12600" i="1"/>
  <c r="AD12601" i="1"/>
  <c r="AD12602" i="1"/>
  <c r="AD12603" i="1"/>
  <c r="AD12604" i="1"/>
  <c r="AD12605" i="1"/>
  <c r="AD12606" i="1"/>
  <c r="AD12608" i="1"/>
  <c r="AD12609" i="1"/>
  <c r="AD12610" i="1"/>
  <c r="AD12611" i="1"/>
  <c r="AD12612" i="1"/>
  <c r="AD12613" i="1"/>
  <c r="AD12614" i="1"/>
  <c r="AD12615" i="1"/>
  <c r="AD12616" i="1"/>
  <c r="AD12617" i="1"/>
  <c r="AD12618" i="1"/>
  <c r="AD12620" i="1"/>
  <c r="AD12621" i="1"/>
  <c r="AD12622" i="1"/>
  <c r="AD12623" i="1"/>
  <c r="AD12624" i="1"/>
  <c r="AD12625" i="1"/>
  <c r="AD12626" i="1"/>
  <c r="AD12627" i="1"/>
  <c r="AD12628" i="1"/>
  <c r="AD12629" i="1"/>
  <c r="AD12630" i="1"/>
  <c r="AD12632" i="1"/>
  <c r="AD12633" i="1"/>
  <c r="AD12634" i="1"/>
  <c r="AD12635" i="1"/>
  <c r="AD12636" i="1"/>
  <c r="AD12637" i="1"/>
  <c r="AD12638" i="1"/>
  <c r="AD12639" i="1"/>
  <c r="AD12640" i="1"/>
  <c r="AD12641" i="1"/>
  <c r="AD12642" i="1"/>
  <c r="AD12644" i="1"/>
  <c r="AD12645" i="1"/>
  <c r="AD12646" i="1"/>
  <c r="AD12647" i="1"/>
  <c r="AD12648" i="1"/>
  <c r="AD12649" i="1"/>
  <c r="AD12650" i="1"/>
  <c r="AD12651" i="1"/>
  <c r="AD12652" i="1"/>
  <c r="AD12653" i="1"/>
  <c r="AD12654" i="1"/>
  <c r="AD12656" i="1"/>
  <c r="AD12657" i="1"/>
  <c r="AD12658" i="1"/>
  <c r="AD12659" i="1"/>
  <c r="AD12660" i="1"/>
  <c r="AD12661" i="1"/>
  <c r="AD12662" i="1"/>
  <c r="AD12663" i="1"/>
  <c r="AD12664" i="1"/>
  <c r="AD12665" i="1"/>
  <c r="AD12666" i="1"/>
  <c r="AD12668" i="1"/>
  <c r="AD12669" i="1"/>
  <c r="AD12670" i="1"/>
  <c r="AD12671" i="1"/>
  <c r="AD12672" i="1"/>
  <c r="AD12673" i="1"/>
  <c r="AD12674" i="1"/>
  <c r="AD12675" i="1"/>
  <c r="AD12676" i="1"/>
  <c r="AD12677" i="1"/>
  <c r="AD12678" i="1"/>
  <c r="AD12680" i="1"/>
  <c r="AD12681" i="1"/>
  <c r="AD12682" i="1"/>
  <c r="AD12683" i="1"/>
  <c r="AD12684" i="1"/>
  <c r="AD12685" i="1"/>
  <c r="AD12686" i="1"/>
  <c r="AD12687" i="1"/>
  <c r="AD12688" i="1"/>
  <c r="AD12689" i="1"/>
  <c r="AD12690" i="1"/>
  <c r="AD12692" i="1"/>
  <c r="AD12693" i="1"/>
  <c r="AD12694" i="1"/>
  <c r="AD12695" i="1"/>
  <c r="AD12696" i="1"/>
  <c r="AD12697" i="1"/>
  <c r="AD12698" i="1"/>
  <c r="AD12699" i="1"/>
  <c r="AD12700" i="1"/>
  <c r="AD12701" i="1"/>
  <c r="AD12702" i="1"/>
  <c r="AD12704" i="1"/>
  <c r="AD12705" i="1"/>
  <c r="AD12706" i="1"/>
  <c r="AD12707" i="1"/>
  <c r="AD12708" i="1"/>
  <c r="AD12709" i="1"/>
  <c r="AD12710" i="1"/>
  <c r="AD12711" i="1"/>
  <c r="AD12712" i="1"/>
  <c r="AD12713" i="1"/>
  <c r="AD12714" i="1"/>
  <c r="AD12716" i="1"/>
  <c r="AD12717" i="1"/>
  <c r="AD12718" i="1"/>
  <c r="AD12719" i="1"/>
  <c r="AD12720" i="1"/>
  <c r="AD12721" i="1"/>
  <c r="AD12722" i="1"/>
  <c r="AD12723" i="1"/>
  <c r="AD12724" i="1"/>
  <c r="AD12725" i="1"/>
  <c r="AD12726" i="1"/>
  <c r="AD12728" i="1"/>
  <c r="AD12729" i="1"/>
  <c r="AD12730" i="1"/>
  <c r="AD12731" i="1"/>
  <c r="AD12732" i="1"/>
  <c r="AD12733" i="1"/>
  <c r="AD12734" i="1"/>
  <c r="AD12735" i="1"/>
  <c r="AD12736" i="1"/>
  <c r="AD12737" i="1"/>
  <c r="AD12738" i="1"/>
  <c r="AD12740" i="1"/>
  <c r="AD12741" i="1"/>
  <c r="AD12742" i="1"/>
  <c r="AD12743" i="1"/>
  <c r="AD12744" i="1"/>
  <c r="AD12745" i="1"/>
  <c r="AD12746" i="1"/>
  <c r="AD12747" i="1"/>
  <c r="AD12748" i="1"/>
  <c r="AD12749" i="1"/>
  <c r="AD12750" i="1"/>
  <c r="AD12752" i="1"/>
  <c r="AD12753" i="1"/>
  <c r="AD12754" i="1"/>
  <c r="AD12755" i="1"/>
  <c r="AD12756" i="1"/>
  <c r="AD12757" i="1"/>
  <c r="AD12758" i="1"/>
  <c r="AD12759" i="1"/>
  <c r="AD12760" i="1"/>
  <c r="AD12761" i="1"/>
  <c r="AD12762" i="1"/>
  <c r="AD12764" i="1"/>
  <c r="AD12765" i="1"/>
  <c r="AD12766" i="1"/>
  <c r="AD12767" i="1"/>
  <c r="AD12768" i="1"/>
  <c r="AD12769" i="1"/>
  <c r="AD12770" i="1"/>
  <c r="AD12771" i="1"/>
  <c r="AD12772" i="1"/>
  <c r="AD12773" i="1"/>
  <c r="AD12774" i="1"/>
  <c r="AD12776" i="1"/>
  <c r="AD12777" i="1"/>
  <c r="AD12778" i="1"/>
  <c r="AD12779" i="1"/>
  <c r="AD12780" i="1"/>
  <c r="AD12781" i="1"/>
  <c r="AD12782" i="1"/>
  <c r="AD12783" i="1"/>
  <c r="AD12784" i="1"/>
  <c r="AD12785" i="1"/>
  <c r="AD12786" i="1"/>
  <c r="AD12788" i="1"/>
  <c r="AD12789" i="1"/>
  <c r="AD12790" i="1"/>
  <c r="AD12791" i="1"/>
  <c r="AD12792" i="1"/>
  <c r="AD12793" i="1"/>
  <c r="AD12794" i="1"/>
  <c r="AD12795" i="1"/>
  <c r="AD12796" i="1"/>
  <c r="AD12797" i="1"/>
  <c r="AD12798" i="1"/>
  <c r="AD12800" i="1"/>
  <c r="AD12801" i="1"/>
  <c r="AD12802" i="1"/>
  <c r="AD12803" i="1"/>
  <c r="AD12804" i="1"/>
  <c r="AD12805" i="1"/>
  <c r="AD12806" i="1"/>
  <c r="AD12807" i="1"/>
  <c r="AD12808" i="1"/>
  <c r="AD12809" i="1"/>
  <c r="AD12810" i="1"/>
  <c r="AD12812" i="1"/>
  <c r="AD12813" i="1"/>
  <c r="AD12814" i="1"/>
  <c r="AD12815" i="1"/>
  <c r="AD12816" i="1"/>
  <c r="AD12817" i="1"/>
  <c r="AD12818" i="1"/>
  <c r="AD12819" i="1"/>
  <c r="AD12820" i="1"/>
  <c r="AD12821" i="1"/>
  <c r="AD12822" i="1"/>
  <c r="AD12824" i="1"/>
  <c r="AD12825" i="1"/>
  <c r="AD12826" i="1"/>
  <c r="AD12827" i="1"/>
  <c r="AD12828" i="1"/>
  <c r="AD12829" i="1"/>
  <c r="AD12830" i="1"/>
  <c r="AD12831" i="1"/>
  <c r="AD12832" i="1"/>
  <c r="AD12833" i="1"/>
  <c r="AD12834" i="1"/>
  <c r="AD12836" i="1"/>
  <c r="AD12837" i="1"/>
  <c r="AD12838" i="1"/>
  <c r="AD12839" i="1"/>
  <c r="AD12840" i="1"/>
  <c r="AD12841" i="1"/>
  <c r="AD12842" i="1"/>
  <c r="AD12843" i="1"/>
  <c r="AD12844" i="1"/>
  <c r="AD12845" i="1"/>
  <c r="AD12846" i="1"/>
  <c r="AD12848" i="1"/>
  <c r="AD12849" i="1"/>
  <c r="AD12850" i="1"/>
  <c r="AD12851" i="1"/>
  <c r="AD12852" i="1"/>
  <c r="AD12853" i="1"/>
  <c r="AD12854" i="1"/>
  <c r="AD12855" i="1"/>
  <c r="AD12856" i="1"/>
  <c r="AD12857" i="1"/>
  <c r="AD12858" i="1"/>
  <c r="AD12860" i="1"/>
  <c r="AD12861" i="1"/>
  <c r="AD12862" i="1"/>
  <c r="AD12863" i="1"/>
  <c r="AD12864" i="1"/>
  <c r="AD12865" i="1"/>
  <c r="AD12866" i="1"/>
  <c r="AD12867" i="1"/>
  <c r="AD12868" i="1"/>
  <c r="AD12869" i="1"/>
  <c r="AD12870" i="1"/>
  <c r="AD12872" i="1"/>
  <c r="AD12873" i="1"/>
  <c r="AD12874" i="1"/>
  <c r="AD12875" i="1"/>
  <c r="AD12876" i="1"/>
  <c r="AD12877" i="1"/>
  <c r="AD12878" i="1"/>
  <c r="AD12879" i="1"/>
  <c r="AD12880" i="1"/>
  <c r="AD12881" i="1"/>
  <c r="AD12882" i="1"/>
  <c r="AD12884" i="1"/>
  <c r="AD12885" i="1"/>
  <c r="AD12886" i="1"/>
  <c r="AD12887" i="1"/>
  <c r="AD12888" i="1"/>
  <c r="AD12889" i="1"/>
  <c r="AD12890" i="1"/>
  <c r="AD12891" i="1"/>
  <c r="AD12892" i="1"/>
  <c r="AD12893" i="1"/>
  <c r="AD12894" i="1"/>
  <c r="AD12896" i="1"/>
  <c r="AD12897" i="1"/>
  <c r="AD12898" i="1"/>
  <c r="AD12899" i="1"/>
  <c r="AD12900" i="1"/>
  <c r="AD12901" i="1"/>
  <c r="AD12902" i="1"/>
  <c r="AD12903" i="1"/>
  <c r="AD12904" i="1"/>
  <c r="AD12905" i="1"/>
  <c r="AD12906" i="1"/>
  <c r="AD12908" i="1"/>
  <c r="AD12909" i="1"/>
  <c r="AD12910" i="1"/>
  <c r="AD12911" i="1"/>
  <c r="AD12912" i="1"/>
  <c r="AD12913" i="1"/>
  <c r="AD12914" i="1"/>
  <c r="AD12915" i="1"/>
  <c r="AD12916" i="1"/>
  <c r="AD12917" i="1"/>
  <c r="AD12918" i="1"/>
  <c r="AD12920" i="1"/>
  <c r="AD12921" i="1"/>
  <c r="AD12922" i="1"/>
  <c r="AD12923" i="1"/>
  <c r="AD12924" i="1"/>
  <c r="AD12925" i="1"/>
  <c r="AD12926" i="1"/>
  <c r="AD12927" i="1"/>
  <c r="AD12928" i="1"/>
  <c r="AD12929" i="1"/>
  <c r="AD12930" i="1"/>
  <c r="AD12932" i="1"/>
  <c r="AD12933" i="1"/>
  <c r="AD12934" i="1"/>
  <c r="AD12935" i="1"/>
  <c r="AD12936" i="1"/>
  <c r="AD12937" i="1"/>
  <c r="AD12938" i="1"/>
  <c r="AD12939" i="1"/>
  <c r="AD12940" i="1"/>
  <c r="AD12941" i="1"/>
  <c r="AD12942" i="1"/>
  <c r="AD12944" i="1"/>
  <c r="AD12945" i="1"/>
  <c r="AD12946" i="1"/>
  <c r="AD12947" i="1"/>
  <c r="AD12948" i="1"/>
  <c r="AD12949" i="1"/>
  <c r="AD12950" i="1"/>
  <c r="AD12951" i="1"/>
  <c r="AD12952" i="1"/>
  <c r="AD12953" i="1"/>
  <c r="AD12954" i="1"/>
  <c r="AD12956" i="1"/>
  <c r="AD12957" i="1"/>
  <c r="AD12958" i="1"/>
  <c r="AD12959" i="1"/>
  <c r="AD12960" i="1"/>
  <c r="AD12961" i="1"/>
  <c r="AD12962" i="1"/>
  <c r="AD12963" i="1"/>
  <c r="AD12964" i="1"/>
  <c r="AD12965" i="1"/>
  <c r="AD12966" i="1"/>
  <c r="AD12968" i="1"/>
  <c r="AD12969" i="1"/>
  <c r="AD12970" i="1"/>
  <c r="AD12971" i="1"/>
  <c r="AD12972" i="1"/>
  <c r="AD12973" i="1"/>
  <c r="AD12974" i="1"/>
  <c r="AD12975" i="1"/>
  <c r="AD12976" i="1"/>
  <c r="AD12977" i="1"/>
  <c r="AD12978" i="1"/>
  <c r="AD12980" i="1"/>
  <c r="AD12981" i="1"/>
  <c r="AD12982" i="1"/>
  <c r="AD12983" i="1"/>
  <c r="AD12984" i="1"/>
  <c r="AD12985" i="1"/>
  <c r="AD12986" i="1"/>
  <c r="AD12987" i="1"/>
  <c r="AD12988" i="1"/>
  <c r="AD12989" i="1"/>
  <c r="AD12990" i="1"/>
  <c r="AD12992" i="1"/>
  <c r="AD12993" i="1"/>
  <c r="AD12994" i="1"/>
  <c r="AD12995" i="1"/>
  <c r="AD12996" i="1"/>
  <c r="AD12997" i="1"/>
  <c r="AD12998" i="1"/>
  <c r="AD12999" i="1"/>
  <c r="AD13000" i="1"/>
  <c r="AD13001" i="1"/>
  <c r="AD13002" i="1"/>
  <c r="AD13004" i="1"/>
  <c r="AD13005" i="1"/>
  <c r="AD13006" i="1"/>
  <c r="AD13007" i="1"/>
  <c r="AD13008" i="1"/>
  <c r="AD13009" i="1"/>
  <c r="AD13010" i="1"/>
  <c r="AD13011" i="1"/>
  <c r="AD13012" i="1"/>
  <c r="AD13013" i="1"/>
  <c r="AD13014" i="1"/>
  <c r="AD13016" i="1"/>
  <c r="AD13017" i="1"/>
  <c r="AD13018" i="1"/>
  <c r="AD13019" i="1"/>
  <c r="AD13020" i="1"/>
  <c r="AD13021" i="1"/>
  <c r="AD13022" i="1"/>
  <c r="AD13023" i="1"/>
  <c r="AD13024" i="1"/>
  <c r="AD13025" i="1"/>
  <c r="AD13026" i="1"/>
  <c r="AD13028" i="1"/>
  <c r="AD13029" i="1"/>
  <c r="AD13030" i="1"/>
  <c r="AD13031" i="1"/>
  <c r="AD13032" i="1"/>
  <c r="AD13033" i="1"/>
  <c r="AD13034" i="1"/>
  <c r="AD13035" i="1"/>
  <c r="AD13036" i="1"/>
  <c r="AD13037" i="1"/>
  <c r="AD13038" i="1"/>
  <c r="AD13040" i="1"/>
  <c r="AD13041" i="1"/>
  <c r="AD13042" i="1"/>
  <c r="AD13043" i="1"/>
  <c r="AD13044" i="1"/>
  <c r="AD13045" i="1"/>
  <c r="AD13046" i="1"/>
  <c r="AD13047" i="1"/>
  <c r="AD13048" i="1"/>
  <c r="AD13049" i="1"/>
  <c r="AD13050" i="1"/>
  <c r="AD13052" i="1"/>
  <c r="AD13053" i="1"/>
  <c r="AD13054" i="1"/>
  <c r="AD13055" i="1"/>
  <c r="AD13056" i="1"/>
  <c r="AD13057" i="1"/>
  <c r="AD13058" i="1"/>
  <c r="AD13059" i="1"/>
  <c r="AD13060" i="1"/>
  <c r="AD13061" i="1"/>
  <c r="AD13062" i="1"/>
  <c r="AD13064" i="1"/>
  <c r="AD13065" i="1"/>
  <c r="AD13066" i="1"/>
  <c r="AD13067" i="1"/>
  <c r="AD13068" i="1"/>
  <c r="AD13069" i="1"/>
  <c r="AD13070" i="1"/>
  <c r="AD13071" i="1"/>
  <c r="AD13072" i="1"/>
  <c r="AD13073" i="1"/>
  <c r="AD13074" i="1"/>
  <c r="AD13076" i="1"/>
  <c r="AD13077" i="1"/>
  <c r="AD13078" i="1"/>
  <c r="AD13079" i="1"/>
  <c r="AD13080" i="1"/>
  <c r="AD13081" i="1"/>
  <c r="AD13082" i="1"/>
  <c r="AD13083" i="1"/>
  <c r="AD13084" i="1"/>
  <c r="AD13085" i="1"/>
  <c r="AD13086" i="1"/>
  <c r="AD13088" i="1"/>
  <c r="AD13089" i="1"/>
  <c r="AD13090" i="1"/>
  <c r="AD13091" i="1"/>
  <c r="AD13092" i="1"/>
  <c r="AD13093" i="1"/>
  <c r="AD13094" i="1"/>
  <c r="AD13095" i="1"/>
  <c r="AD13096" i="1"/>
  <c r="AD13097" i="1"/>
  <c r="AD13098" i="1"/>
  <c r="AD13100" i="1"/>
  <c r="AD13101" i="1"/>
  <c r="AD13102" i="1"/>
  <c r="AD13103" i="1"/>
  <c r="AD13104" i="1"/>
  <c r="AD13105" i="1"/>
  <c r="AD13106" i="1"/>
  <c r="AD13107" i="1"/>
  <c r="AD13108" i="1"/>
  <c r="AD13109" i="1"/>
  <c r="AD13110" i="1"/>
  <c r="AD13112" i="1"/>
  <c r="AD13113" i="1"/>
  <c r="AD13114" i="1"/>
  <c r="AD13115" i="1"/>
  <c r="AD13116" i="1"/>
  <c r="AD13117" i="1"/>
  <c r="AD13118" i="1"/>
  <c r="AD13119" i="1"/>
  <c r="AD13120" i="1"/>
  <c r="AD13121" i="1"/>
  <c r="AD13122" i="1"/>
  <c r="AD13124" i="1"/>
  <c r="AD13125" i="1"/>
  <c r="AD13126" i="1"/>
  <c r="AD13127" i="1"/>
  <c r="AD13128" i="1"/>
  <c r="AD13129" i="1"/>
  <c r="AD13130" i="1"/>
  <c r="AD13131" i="1"/>
  <c r="AD13132" i="1"/>
  <c r="AD13133" i="1"/>
  <c r="AD13134" i="1"/>
  <c r="AD13136" i="1"/>
  <c r="AD13137" i="1"/>
  <c r="AD13138" i="1"/>
  <c r="AD13139" i="1"/>
  <c r="AD13140" i="1"/>
  <c r="AD13141" i="1"/>
  <c r="AD13142" i="1"/>
  <c r="AD13143" i="1"/>
  <c r="AD13144" i="1"/>
  <c r="AD13145" i="1"/>
  <c r="AD13146" i="1"/>
  <c r="AD13148" i="1"/>
  <c r="AD13149" i="1"/>
  <c r="AD13150" i="1"/>
  <c r="AD13151" i="1"/>
  <c r="AD13152" i="1"/>
  <c r="AD13153" i="1"/>
  <c r="AD13154" i="1"/>
  <c r="AD13155" i="1"/>
  <c r="AD13156" i="1"/>
  <c r="AD13157" i="1"/>
  <c r="AD13158" i="1"/>
  <c r="AD13160" i="1"/>
  <c r="AD13161" i="1"/>
  <c r="AD13162" i="1"/>
  <c r="AD13163" i="1"/>
  <c r="AD13164" i="1"/>
  <c r="AD13165" i="1"/>
  <c r="AD13166" i="1"/>
  <c r="AD13167" i="1"/>
  <c r="AD13168" i="1"/>
  <c r="AD13169" i="1"/>
  <c r="AD13170" i="1"/>
  <c r="AD13172" i="1"/>
  <c r="AD13173" i="1"/>
  <c r="AD13174" i="1"/>
  <c r="AD13175" i="1"/>
  <c r="AD13176" i="1"/>
  <c r="AD13177" i="1"/>
  <c r="AD13178" i="1"/>
  <c r="AD13179" i="1"/>
  <c r="AD13180" i="1"/>
  <c r="AD13181" i="1"/>
  <c r="AD13182" i="1"/>
  <c r="AD13184" i="1"/>
  <c r="AD13185" i="1"/>
  <c r="AD13186" i="1"/>
  <c r="AD13187" i="1"/>
  <c r="AD13188" i="1"/>
  <c r="AD13189" i="1"/>
  <c r="AD13190" i="1"/>
  <c r="AD13191" i="1"/>
  <c r="AD13192" i="1"/>
  <c r="AD13193" i="1"/>
  <c r="AD13194" i="1"/>
  <c r="AD13196" i="1"/>
  <c r="AD13197" i="1"/>
  <c r="AD13198" i="1"/>
  <c r="AD13199" i="1"/>
  <c r="AD13200" i="1"/>
  <c r="AD13201" i="1"/>
  <c r="AD13202" i="1"/>
  <c r="AD13203" i="1"/>
  <c r="AD13204" i="1"/>
  <c r="AD13205" i="1"/>
  <c r="AD13206" i="1"/>
  <c r="AD13208" i="1"/>
  <c r="AD13209" i="1"/>
  <c r="AD13210" i="1"/>
  <c r="AD13211" i="1"/>
  <c r="AD13212" i="1"/>
  <c r="AD13213" i="1"/>
  <c r="AD13214" i="1"/>
  <c r="AD13215" i="1"/>
  <c r="AD13216" i="1"/>
  <c r="AD13217" i="1"/>
  <c r="AD13218" i="1"/>
  <c r="AD13220" i="1"/>
  <c r="AD13221" i="1"/>
  <c r="AD13222" i="1"/>
  <c r="AD13223" i="1"/>
  <c r="AD13224" i="1"/>
  <c r="AD13225" i="1"/>
  <c r="AD13226" i="1"/>
  <c r="AD13227" i="1"/>
  <c r="AD13228" i="1"/>
  <c r="AD13229" i="1"/>
  <c r="AD13230" i="1"/>
  <c r="AD13232" i="1"/>
  <c r="AD13233" i="1"/>
  <c r="AD13234" i="1"/>
  <c r="AD13235" i="1"/>
  <c r="AD13236" i="1"/>
  <c r="AD13237" i="1"/>
  <c r="AD13238" i="1"/>
  <c r="AD13239" i="1"/>
  <c r="AD13240" i="1"/>
  <c r="AD13241" i="1"/>
  <c r="AD13242" i="1"/>
  <c r="AD13244" i="1"/>
  <c r="AD13245" i="1"/>
  <c r="AD13246" i="1"/>
  <c r="AD13247" i="1"/>
  <c r="AD13248" i="1"/>
  <c r="AD13249" i="1"/>
  <c r="AD13250" i="1"/>
  <c r="AD13251" i="1"/>
  <c r="AD13252" i="1"/>
  <c r="AD13253" i="1"/>
  <c r="AD13254" i="1"/>
  <c r="AD13256" i="1"/>
  <c r="AD13257" i="1"/>
  <c r="AD13258" i="1"/>
  <c r="AD13259" i="1"/>
  <c r="AD13260" i="1"/>
  <c r="AD13261" i="1"/>
  <c r="AD13262" i="1"/>
  <c r="AD13263" i="1"/>
  <c r="AD13264" i="1"/>
  <c r="AD13265" i="1"/>
  <c r="AD13266" i="1"/>
  <c r="AD13268" i="1"/>
  <c r="AD13269" i="1"/>
  <c r="AD13270" i="1"/>
  <c r="AD13271" i="1"/>
  <c r="AD13272" i="1"/>
  <c r="AD13273" i="1"/>
  <c r="AD13274" i="1"/>
  <c r="AD13275" i="1"/>
  <c r="AD13276" i="1"/>
  <c r="AD13277" i="1"/>
  <c r="AD13278" i="1"/>
  <c r="AD13280" i="1"/>
  <c r="AD13281" i="1"/>
  <c r="AD13282" i="1"/>
  <c r="AD13283" i="1"/>
  <c r="AD13284" i="1"/>
  <c r="AD13285" i="1"/>
  <c r="AD13286" i="1"/>
  <c r="AD13287" i="1"/>
  <c r="AD13288" i="1"/>
  <c r="AD13289" i="1"/>
  <c r="AD13290" i="1"/>
  <c r="AD13292" i="1"/>
  <c r="AD13293" i="1"/>
  <c r="AD13294" i="1"/>
  <c r="AD13295" i="1"/>
  <c r="AD13296" i="1"/>
  <c r="AD13297" i="1"/>
  <c r="AD13298" i="1"/>
  <c r="AD13299" i="1"/>
  <c r="AD13300" i="1"/>
  <c r="AD13301" i="1"/>
  <c r="AD13302" i="1"/>
  <c r="AD13304" i="1"/>
  <c r="AD13305" i="1"/>
  <c r="AD13306" i="1"/>
  <c r="AD13307" i="1"/>
  <c r="AD13308" i="1"/>
  <c r="AD13309" i="1"/>
  <c r="AD13310" i="1"/>
  <c r="AD13311" i="1"/>
  <c r="AD13312" i="1"/>
  <c r="AD13313" i="1"/>
  <c r="AD13314" i="1"/>
  <c r="AD13316" i="1"/>
  <c r="AD13317" i="1"/>
  <c r="AD13318" i="1"/>
  <c r="AD13319" i="1"/>
  <c r="AD13320" i="1"/>
  <c r="AD13321" i="1"/>
  <c r="AD13322" i="1"/>
  <c r="AD13323" i="1"/>
  <c r="AD13324" i="1"/>
  <c r="AD13325" i="1"/>
  <c r="AD13326" i="1"/>
  <c r="AD13328" i="1"/>
  <c r="AD13329" i="1"/>
  <c r="AD13330" i="1"/>
  <c r="AD13331" i="1"/>
  <c r="AD13332" i="1"/>
  <c r="AD13333" i="1"/>
  <c r="AD13334" i="1"/>
  <c r="AD13335" i="1"/>
  <c r="AD13336" i="1"/>
  <c r="AD13337" i="1"/>
  <c r="AD13338" i="1"/>
  <c r="AD13340" i="1"/>
  <c r="AD13341" i="1"/>
  <c r="AD13342" i="1"/>
  <c r="AD13343" i="1"/>
  <c r="AD13344" i="1"/>
  <c r="AD13345" i="1"/>
  <c r="AD13346" i="1"/>
  <c r="AD13347" i="1"/>
  <c r="AD13348" i="1"/>
  <c r="AD13349" i="1"/>
  <c r="AD13350" i="1"/>
  <c r="AD13352" i="1"/>
  <c r="AD13353" i="1"/>
  <c r="AD13354" i="1"/>
  <c r="AD13355" i="1"/>
  <c r="AD13356" i="1"/>
  <c r="AD13357" i="1"/>
  <c r="AD13358" i="1"/>
  <c r="AD13359" i="1"/>
  <c r="AD13360" i="1"/>
  <c r="AD13361" i="1"/>
  <c r="AD13362" i="1"/>
  <c r="AD13364" i="1"/>
  <c r="AD13365" i="1"/>
  <c r="AD13366" i="1"/>
  <c r="AD13367" i="1"/>
  <c r="AD13368" i="1"/>
  <c r="AD13369" i="1"/>
  <c r="AD13370" i="1"/>
  <c r="AD13371" i="1"/>
  <c r="AD13372" i="1"/>
  <c r="AD13373" i="1"/>
  <c r="AD13374" i="1"/>
  <c r="AD13376" i="1"/>
  <c r="AD13377" i="1"/>
  <c r="AD13378" i="1"/>
  <c r="AD13379" i="1"/>
  <c r="AD13380" i="1"/>
  <c r="AD13381" i="1"/>
  <c r="AD13382" i="1"/>
  <c r="AD13383" i="1"/>
  <c r="AD13384" i="1"/>
  <c r="AD13385" i="1"/>
  <c r="AD13386" i="1"/>
  <c r="AD13388" i="1"/>
  <c r="AD13389" i="1"/>
  <c r="AD13390" i="1"/>
  <c r="AD13391" i="1"/>
  <c r="AD13392" i="1"/>
  <c r="AD13393" i="1"/>
  <c r="AD13394" i="1"/>
  <c r="AD13395" i="1"/>
  <c r="AD13396" i="1"/>
  <c r="AD13397" i="1"/>
  <c r="AD13398" i="1"/>
  <c r="AD13399" i="1"/>
  <c r="AD13400" i="1"/>
  <c r="AD13401" i="1"/>
  <c r="AD13402" i="1"/>
  <c r="AD13403" i="1"/>
  <c r="AD13404" i="1"/>
  <c r="AD13405" i="1"/>
  <c r="AD13406" i="1"/>
  <c r="AD13407" i="1"/>
  <c r="AD13408" i="1"/>
  <c r="AD13409" i="1"/>
  <c r="AD13410" i="1"/>
  <c r="AD13411" i="1"/>
  <c r="AD13412" i="1"/>
  <c r="AD13413" i="1"/>
  <c r="AD13414" i="1"/>
  <c r="AD13415" i="1"/>
  <c r="AD13416" i="1"/>
  <c r="AD13417" i="1"/>
  <c r="AD13418" i="1"/>
  <c r="AD13419" i="1"/>
  <c r="AD13420" i="1"/>
  <c r="AD13421" i="1"/>
  <c r="AD13422" i="1"/>
  <c r="AD13423" i="1"/>
  <c r="AD13424" i="1"/>
  <c r="AD13425" i="1"/>
  <c r="AD13426" i="1"/>
  <c r="AD13427" i="1"/>
  <c r="AD13428" i="1"/>
  <c r="AD13429" i="1"/>
  <c r="AD13430" i="1"/>
  <c r="AD13431" i="1"/>
  <c r="AD13432" i="1"/>
  <c r="AD13433" i="1"/>
  <c r="AD13434" i="1"/>
  <c r="AD13435" i="1"/>
  <c r="AD13436" i="1"/>
  <c r="AD13437" i="1"/>
  <c r="AD13438" i="1"/>
  <c r="AD13439" i="1"/>
  <c r="AD13440" i="1"/>
  <c r="AD13441" i="1"/>
  <c r="AD13442" i="1"/>
  <c r="AD13443" i="1"/>
  <c r="AD13444" i="1"/>
  <c r="AD13445" i="1"/>
  <c r="AD13446" i="1"/>
  <c r="AD13447" i="1"/>
  <c r="AD13448" i="1"/>
  <c r="AD13449" i="1"/>
  <c r="AD13450" i="1"/>
  <c r="AD13451" i="1"/>
  <c r="AD13452" i="1"/>
  <c r="AD13453" i="1"/>
  <c r="AD13454" i="1"/>
  <c r="AD13455" i="1"/>
  <c r="AD13456" i="1"/>
  <c r="AD13457" i="1"/>
  <c r="AD13458" i="1"/>
  <c r="AD13459" i="1"/>
  <c r="AD13460" i="1"/>
  <c r="AD13461" i="1"/>
  <c r="AD13462" i="1"/>
  <c r="AD13463" i="1"/>
  <c r="AD13464" i="1"/>
  <c r="AD13465" i="1"/>
  <c r="AD13466" i="1"/>
  <c r="AD13467" i="1"/>
  <c r="AD13468" i="1"/>
  <c r="AD13469" i="1"/>
  <c r="AD13470" i="1"/>
  <c r="AD13471" i="1"/>
  <c r="AD13472" i="1"/>
  <c r="AD13473" i="1"/>
  <c r="AD13474" i="1"/>
  <c r="AD13475" i="1"/>
  <c r="AD13476" i="1"/>
  <c r="AD13477" i="1"/>
  <c r="AD13478" i="1"/>
  <c r="AD13479" i="1"/>
  <c r="AD13480" i="1"/>
  <c r="AD13481" i="1"/>
  <c r="AD13482" i="1"/>
  <c r="AD13483" i="1"/>
  <c r="AD13484" i="1"/>
  <c r="AD13485" i="1"/>
  <c r="AD13486" i="1"/>
  <c r="AD13487" i="1"/>
  <c r="AD13488" i="1"/>
  <c r="AD13489" i="1"/>
  <c r="AD13490" i="1"/>
  <c r="AD13491" i="1"/>
  <c r="AD13492" i="1"/>
  <c r="AD13493" i="1"/>
  <c r="AD13494" i="1"/>
  <c r="AD13495" i="1"/>
  <c r="AD13496" i="1"/>
  <c r="AD13497" i="1"/>
  <c r="AD13498" i="1"/>
  <c r="AD13499" i="1"/>
  <c r="AD13500" i="1"/>
  <c r="AD13501" i="1"/>
  <c r="AD13502" i="1"/>
  <c r="AD13503" i="1"/>
  <c r="AD13504" i="1"/>
  <c r="AD13505" i="1"/>
  <c r="AD13506" i="1"/>
  <c r="AD13507" i="1"/>
  <c r="AD13508" i="1"/>
  <c r="AD13509" i="1"/>
  <c r="AD13510" i="1"/>
  <c r="AD13511" i="1"/>
  <c r="AD13512" i="1"/>
  <c r="AD13513" i="1"/>
  <c r="AD13514" i="1"/>
  <c r="AD13515" i="1"/>
  <c r="AD13516" i="1"/>
  <c r="AD13517" i="1"/>
  <c r="AD13518" i="1"/>
  <c r="AD13519" i="1"/>
  <c r="AD13520" i="1"/>
  <c r="AD13521" i="1"/>
  <c r="AD13522" i="1"/>
  <c r="AD13523" i="1"/>
  <c r="AD13524" i="1"/>
  <c r="AD13525" i="1"/>
  <c r="AD13526" i="1"/>
  <c r="AD13527" i="1"/>
  <c r="AD13528" i="1"/>
  <c r="AD13529" i="1"/>
  <c r="AD13530" i="1"/>
  <c r="AD13531" i="1"/>
  <c r="AD13532" i="1"/>
  <c r="AD13533" i="1"/>
  <c r="AD13534" i="1"/>
  <c r="AD13535" i="1"/>
  <c r="AD13536" i="1"/>
  <c r="AD13537" i="1"/>
  <c r="AD13538" i="1"/>
  <c r="AD13539" i="1"/>
  <c r="AD13540" i="1"/>
  <c r="AD13541" i="1"/>
  <c r="AD13542" i="1"/>
  <c r="AD13543" i="1"/>
  <c r="AD13544" i="1"/>
  <c r="AD13545" i="1"/>
  <c r="AD13546" i="1"/>
  <c r="AD13547" i="1"/>
  <c r="AD13548" i="1"/>
  <c r="AD13549" i="1"/>
  <c r="AD13550" i="1"/>
  <c r="AD13551" i="1"/>
  <c r="AD13552" i="1"/>
  <c r="AD13553" i="1"/>
  <c r="AD13554" i="1"/>
  <c r="AD13555" i="1"/>
  <c r="AD13556" i="1"/>
  <c r="AD13557" i="1"/>
  <c r="AD13558" i="1"/>
  <c r="AD13559" i="1"/>
  <c r="AD13560" i="1"/>
  <c r="AD13561" i="1"/>
  <c r="AD13562" i="1"/>
  <c r="AD13563" i="1"/>
  <c r="AD13564" i="1"/>
  <c r="AD13565" i="1"/>
  <c r="AD13566" i="1"/>
  <c r="AD13567" i="1"/>
  <c r="AD13568" i="1"/>
  <c r="AD13569" i="1"/>
  <c r="AD13570" i="1"/>
  <c r="AD13571" i="1"/>
  <c r="AD13572" i="1"/>
  <c r="AD13573" i="1"/>
  <c r="AD13574" i="1"/>
  <c r="AD13575" i="1"/>
  <c r="AD13576" i="1"/>
  <c r="AD13577" i="1"/>
  <c r="AD13578" i="1"/>
  <c r="AD13579" i="1"/>
  <c r="AD13580" i="1"/>
  <c r="AD13581" i="1"/>
  <c r="AD13582" i="1"/>
  <c r="AD13583" i="1"/>
  <c r="AD13584" i="1"/>
  <c r="AD13585" i="1"/>
  <c r="AD13586" i="1"/>
  <c r="AD13587" i="1"/>
  <c r="AD13588" i="1"/>
  <c r="AD13589" i="1"/>
  <c r="AD13590" i="1"/>
  <c r="AD13591" i="1"/>
  <c r="AD13592" i="1"/>
  <c r="AD13593" i="1"/>
  <c r="AD13594" i="1"/>
  <c r="AD13595" i="1"/>
  <c r="AD13596" i="1"/>
  <c r="AD13597" i="1"/>
  <c r="AD13598" i="1"/>
  <c r="AD13599" i="1"/>
  <c r="AD13600" i="1"/>
  <c r="AD13601" i="1"/>
  <c r="AD13602" i="1"/>
  <c r="AD13603" i="1"/>
  <c r="AD13604" i="1"/>
  <c r="AD13605" i="1"/>
  <c r="AD13606" i="1"/>
  <c r="AD13607" i="1"/>
  <c r="AD13608" i="1"/>
  <c r="AD13609" i="1"/>
  <c r="AD13610" i="1"/>
  <c r="AD13611" i="1"/>
  <c r="AD13612" i="1"/>
  <c r="AD13613" i="1"/>
  <c r="AD13614" i="1"/>
  <c r="AD13615" i="1"/>
  <c r="AD13616" i="1"/>
  <c r="AD13617" i="1"/>
  <c r="AD13618" i="1"/>
  <c r="AD13619" i="1"/>
  <c r="AD13620" i="1"/>
  <c r="AD13621" i="1"/>
  <c r="AD13622" i="1"/>
  <c r="AD13623" i="1"/>
  <c r="AD13624" i="1"/>
  <c r="AD13625" i="1"/>
  <c r="AD13626" i="1"/>
  <c r="AD13627" i="1"/>
  <c r="AD13628" i="1"/>
  <c r="AD13629" i="1"/>
  <c r="AD13630" i="1"/>
  <c r="AD13631" i="1"/>
  <c r="AD13632" i="1"/>
  <c r="AD13633" i="1"/>
  <c r="AD13634" i="1"/>
  <c r="AD13635" i="1"/>
  <c r="AD13636" i="1"/>
  <c r="AD13637" i="1"/>
  <c r="AD13638" i="1"/>
  <c r="AD13639" i="1"/>
  <c r="AD13640" i="1"/>
  <c r="AD13641" i="1"/>
  <c r="AD13642" i="1"/>
  <c r="AD13643" i="1"/>
  <c r="AD13644" i="1"/>
  <c r="AD13645" i="1"/>
  <c r="AD13646" i="1"/>
  <c r="AD13647" i="1"/>
  <c r="AD13648" i="1"/>
  <c r="AD13649" i="1"/>
  <c r="AD13650" i="1"/>
  <c r="AD13651" i="1"/>
  <c r="AD13652" i="1"/>
  <c r="AD13653" i="1"/>
  <c r="AD13654" i="1"/>
  <c r="AD13655" i="1"/>
  <c r="AD13656" i="1"/>
  <c r="AD13657" i="1"/>
  <c r="AD13658" i="1"/>
  <c r="AD13659" i="1"/>
  <c r="AD13660" i="1"/>
  <c r="AD13661" i="1"/>
  <c r="AD13662" i="1"/>
  <c r="AD13663" i="1"/>
  <c r="AD13664" i="1"/>
  <c r="AD13665" i="1"/>
  <c r="AD13666" i="1"/>
  <c r="AD13667" i="1"/>
  <c r="AD13668" i="1"/>
  <c r="AD13669" i="1"/>
  <c r="AD13670" i="1"/>
  <c r="AD13671" i="1"/>
  <c r="AD13672" i="1"/>
  <c r="AD13673" i="1"/>
  <c r="AD13674" i="1"/>
  <c r="AD13675" i="1"/>
  <c r="AD13676" i="1"/>
  <c r="AD13677" i="1"/>
  <c r="AD13678" i="1"/>
  <c r="AD13679" i="1"/>
  <c r="AD13680" i="1"/>
  <c r="AD13681" i="1"/>
  <c r="AD13682" i="1"/>
  <c r="AD13683" i="1"/>
  <c r="AD13684" i="1"/>
  <c r="AD13685" i="1"/>
  <c r="AD13686" i="1"/>
  <c r="AD13687" i="1"/>
  <c r="AD13688" i="1"/>
  <c r="AD13689" i="1"/>
  <c r="AD13690" i="1"/>
  <c r="AD13691" i="1"/>
  <c r="AD13692" i="1"/>
  <c r="AD13693" i="1"/>
  <c r="AD13694" i="1"/>
  <c r="AD13695" i="1"/>
  <c r="AD13696" i="1"/>
  <c r="AD13697" i="1"/>
  <c r="AD13698" i="1"/>
  <c r="AD13699" i="1"/>
  <c r="AD13700" i="1"/>
  <c r="AD13701" i="1"/>
  <c r="AD13702" i="1"/>
  <c r="AD13703" i="1"/>
  <c r="AD13704" i="1"/>
  <c r="AD13705" i="1"/>
  <c r="AD13706" i="1"/>
  <c r="AD13707" i="1"/>
  <c r="AD13708" i="1"/>
  <c r="AD13709" i="1"/>
  <c r="AD13710" i="1"/>
  <c r="AD13711" i="1"/>
  <c r="AD13712" i="1"/>
  <c r="AD13713" i="1"/>
  <c r="AD13714" i="1"/>
  <c r="AD13715" i="1"/>
  <c r="AD13716" i="1"/>
  <c r="AD13717" i="1"/>
  <c r="AD13718" i="1"/>
  <c r="AD13719" i="1"/>
  <c r="AD13720" i="1"/>
  <c r="AD13721" i="1"/>
  <c r="AD13722" i="1"/>
  <c r="AD13723" i="1"/>
  <c r="AD13724" i="1"/>
  <c r="AD13725" i="1"/>
  <c r="AD13726" i="1"/>
  <c r="AD13727" i="1"/>
  <c r="AD13728" i="1"/>
  <c r="AD13729" i="1"/>
  <c r="AD13730" i="1"/>
  <c r="AD13731" i="1"/>
  <c r="AD13732" i="1"/>
  <c r="AD13733" i="1"/>
  <c r="AD13734" i="1"/>
  <c r="AD13735" i="1"/>
  <c r="AD13736" i="1"/>
  <c r="AD13737" i="1"/>
  <c r="AD13738" i="1"/>
  <c r="AD13739" i="1"/>
  <c r="AD13740" i="1"/>
  <c r="AD13741" i="1"/>
  <c r="AD13742" i="1"/>
  <c r="AD13743" i="1"/>
  <c r="AD13744" i="1"/>
  <c r="AD13745" i="1"/>
  <c r="AD13746" i="1"/>
  <c r="AD13747" i="1"/>
  <c r="AD13748" i="1"/>
  <c r="AD13749" i="1"/>
  <c r="AD13750" i="1"/>
  <c r="AD13751" i="1"/>
  <c r="AD13752" i="1"/>
  <c r="AD13753" i="1"/>
  <c r="AD13754" i="1"/>
  <c r="AD13755" i="1"/>
  <c r="AD13756" i="1"/>
  <c r="AD13757" i="1"/>
  <c r="AD13758" i="1"/>
  <c r="AD13759" i="1"/>
  <c r="AD13760" i="1"/>
  <c r="AD13761" i="1"/>
  <c r="AD13762" i="1"/>
  <c r="AD13763" i="1"/>
  <c r="AD13764" i="1"/>
  <c r="AD13765" i="1"/>
  <c r="AD13766" i="1"/>
  <c r="AD13767" i="1"/>
  <c r="AD13768" i="1"/>
  <c r="AD13769" i="1"/>
  <c r="AD13770" i="1"/>
  <c r="AD13771" i="1"/>
  <c r="AD13772" i="1"/>
  <c r="AD13773" i="1"/>
  <c r="AD13774" i="1"/>
  <c r="AD13775" i="1"/>
  <c r="AD13776" i="1"/>
  <c r="AD13777" i="1"/>
  <c r="AD13778" i="1"/>
  <c r="AD13779" i="1"/>
  <c r="AD13780" i="1"/>
  <c r="AD13781" i="1"/>
  <c r="AD13782" i="1"/>
  <c r="AD13783" i="1"/>
  <c r="AD13784" i="1"/>
  <c r="AD13785" i="1"/>
  <c r="AD13786" i="1"/>
  <c r="AD13787" i="1"/>
  <c r="AD13788" i="1"/>
  <c r="AD13789" i="1"/>
  <c r="AD13790" i="1"/>
  <c r="AD13791" i="1"/>
  <c r="AD13792" i="1"/>
  <c r="AD13793" i="1"/>
  <c r="AD13794" i="1"/>
  <c r="AD13795" i="1"/>
  <c r="AD13796" i="1"/>
  <c r="AD13797" i="1"/>
  <c r="AD13798" i="1"/>
  <c r="AD13799" i="1"/>
  <c r="AD13800" i="1"/>
  <c r="AD13801" i="1"/>
  <c r="AD13802" i="1"/>
  <c r="AD13803" i="1"/>
  <c r="AD13804" i="1"/>
  <c r="AD13805" i="1"/>
  <c r="AD13806" i="1"/>
  <c r="AD13807" i="1"/>
  <c r="AD13808" i="1"/>
  <c r="AD13809" i="1"/>
  <c r="AD13810" i="1"/>
  <c r="AD13811" i="1"/>
  <c r="AD13812" i="1"/>
  <c r="AD13813" i="1"/>
  <c r="AD13814" i="1"/>
  <c r="AD13815" i="1"/>
  <c r="AD13816" i="1"/>
  <c r="AD13817" i="1"/>
  <c r="AD13818" i="1"/>
  <c r="AD13819" i="1"/>
  <c r="AD13820" i="1"/>
  <c r="AD13821" i="1"/>
  <c r="AD13822" i="1"/>
  <c r="AD13823" i="1"/>
  <c r="AD13824" i="1"/>
  <c r="AD13825" i="1"/>
  <c r="AD13826" i="1"/>
  <c r="AD13827" i="1"/>
  <c r="AD13828" i="1"/>
  <c r="AD13829" i="1"/>
  <c r="AD13830" i="1"/>
  <c r="AD13831" i="1"/>
  <c r="AD13832" i="1"/>
  <c r="AD13833" i="1"/>
  <c r="AD13834" i="1"/>
  <c r="AD13835" i="1"/>
  <c r="AD13836" i="1"/>
  <c r="AD13837" i="1"/>
  <c r="AD13838" i="1"/>
  <c r="AD13839" i="1"/>
  <c r="AD13840" i="1"/>
  <c r="AD13841" i="1"/>
  <c r="AD13842" i="1"/>
  <c r="AD13843" i="1"/>
  <c r="AD13844" i="1"/>
  <c r="AD13845" i="1"/>
  <c r="AD13846" i="1"/>
  <c r="AD13847" i="1"/>
  <c r="AD13848" i="1"/>
  <c r="AD13849" i="1"/>
  <c r="AD13850" i="1"/>
  <c r="AD13851" i="1"/>
  <c r="AD13852" i="1"/>
  <c r="AD13853" i="1"/>
  <c r="AD13854" i="1"/>
  <c r="AD13855" i="1"/>
  <c r="AD13856" i="1"/>
  <c r="AD13857" i="1"/>
  <c r="AD13858" i="1"/>
  <c r="AD13859" i="1"/>
  <c r="AD13860" i="1"/>
  <c r="AD13861" i="1"/>
  <c r="AD13862" i="1"/>
  <c r="AD13863" i="1"/>
  <c r="AD13864" i="1"/>
  <c r="AD13865" i="1"/>
  <c r="AD13866" i="1"/>
  <c r="AD13867" i="1"/>
  <c r="AD13868" i="1"/>
  <c r="AD13869" i="1"/>
  <c r="AD13870" i="1"/>
  <c r="AD13871" i="1"/>
  <c r="AD13872" i="1"/>
  <c r="AD13873" i="1"/>
  <c r="AD13874" i="1"/>
  <c r="AD13875" i="1"/>
  <c r="AD13876" i="1"/>
  <c r="AD13877" i="1"/>
  <c r="AD13878" i="1"/>
  <c r="AD13879" i="1"/>
  <c r="AD13880" i="1"/>
  <c r="AD13881" i="1"/>
  <c r="AD13882" i="1"/>
  <c r="AD13883" i="1"/>
  <c r="AD13884" i="1"/>
  <c r="AD13885" i="1"/>
  <c r="AD13886" i="1"/>
  <c r="AD13887" i="1"/>
  <c r="AD13888" i="1"/>
  <c r="AD13889" i="1"/>
  <c r="AD13890" i="1"/>
  <c r="AD13891" i="1"/>
  <c r="AD13892" i="1"/>
  <c r="AD13893" i="1"/>
  <c r="AD13894" i="1"/>
  <c r="AD13895" i="1"/>
  <c r="AD13896" i="1"/>
  <c r="AD13897" i="1"/>
  <c r="AD13898" i="1"/>
  <c r="AD13899" i="1"/>
  <c r="AD13900" i="1"/>
  <c r="AD13901" i="1"/>
  <c r="AD13902" i="1"/>
  <c r="AD13903" i="1"/>
  <c r="AD13904" i="1"/>
  <c r="AD13905" i="1"/>
  <c r="AD13906" i="1"/>
  <c r="AD13907" i="1"/>
  <c r="AD13908" i="1"/>
  <c r="AD13909" i="1"/>
  <c r="AD13910" i="1"/>
  <c r="AD13911" i="1"/>
  <c r="AD13912" i="1"/>
  <c r="AD13913" i="1"/>
  <c r="AD13914" i="1"/>
  <c r="AD13915" i="1"/>
  <c r="AD13916" i="1"/>
  <c r="AD13917" i="1"/>
  <c r="AD13918" i="1"/>
  <c r="AD13919" i="1"/>
  <c r="AD13920" i="1"/>
  <c r="AD13921" i="1"/>
  <c r="AD13922" i="1"/>
  <c r="AD13923" i="1"/>
  <c r="AD13924" i="1"/>
  <c r="AD13925" i="1"/>
  <c r="AD13926" i="1"/>
  <c r="AD13927" i="1"/>
  <c r="AD13928" i="1"/>
  <c r="AD13929" i="1"/>
  <c r="AD13930" i="1"/>
  <c r="AD13931" i="1"/>
  <c r="AD13932" i="1"/>
  <c r="AD13933" i="1"/>
  <c r="AD13934" i="1"/>
  <c r="AD13935" i="1"/>
  <c r="AD13936" i="1"/>
  <c r="AD13937" i="1"/>
  <c r="AD13938" i="1"/>
  <c r="AD13939" i="1"/>
  <c r="AD13940" i="1"/>
  <c r="AD13941" i="1"/>
  <c r="AD13942" i="1"/>
  <c r="AD13943" i="1"/>
  <c r="AD13944" i="1"/>
  <c r="AD13945" i="1"/>
  <c r="AD13946" i="1"/>
  <c r="AD13947" i="1"/>
  <c r="AD13948" i="1"/>
  <c r="AD13949" i="1"/>
  <c r="AD13950" i="1"/>
  <c r="AD13951" i="1"/>
  <c r="AD13952" i="1"/>
  <c r="AD13953" i="1"/>
  <c r="AD13954" i="1"/>
  <c r="AD13955" i="1"/>
  <c r="AD13956" i="1"/>
  <c r="AD13957" i="1"/>
  <c r="AD13958" i="1"/>
  <c r="AD13959" i="1"/>
  <c r="AD13960" i="1"/>
  <c r="AD13961" i="1"/>
  <c r="AD13962" i="1"/>
  <c r="AD13963" i="1"/>
  <c r="AD13964" i="1"/>
  <c r="AD13965" i="1"/>
  <c r="AD13966" i="1"/>
  <c r="AD13967" i="1"/>
  <c r="AD13968" i="1"/>
  <c r="AD13969" i="1"/>
  <c r="AD13970" i="1"/>
  <c r="AD13971" i="1"/>
  <c r="AD13972" i="1"/>
  <c r="AD13973" i="1"/>
  <c r="AD13974" i="1"/>
  <c r="AD13975" i="1"/>
  <c r="AD13976" i="1"/>
  <c r="AD13977" i="1"/>
  <c r="AD13978" i="1"/>
  <c r="AD13979" i="1"/>
  <c r="AD13980" i="1"/>
  <c r="AD13981" i="1"/>
  <c r="AD13982" i="1"/>
  <c r="AD13983" i="1"/>
  <c r="AD13984" i="1"/>
  <c r="AD13985" i="1"/>
  <c r="AD13986" i="1"/>
  <c r="AD13987" i="1"/>
  <c r="AD13988" i="1"/>
  <c r="AD13989" i="1"/>
  <c r="AD13990" i="1"/>
  <c r="AD13991" i="1"/>
  <c r="AD13992" i="1"/>
  <c r="AD13993" i="1"/>
  <c r="AD13994" i="1"/>
  <c r="AD13995" i="1"/>
  <c r="AD13996" i="1"/>
  <c r="AD13997" i="1"/>
  <c r="AD13998" i="1"/>
  <c r="AD13999" i="1"/>
  <c r="AD14000" i="1"/>
  <c r="AD14001" i="1"/>
  <c r="AD14002" i="1"/>
  <c r="AD14003" i="1"/>
  <c r="AD14004" i="1"/>
  <c r="AD14005" i="1"/>
  <c r="AD14006" i="1"/>
  <c r="AD14007" i="1"/>
  <c r="AD14008" i="1"/>
  <c r="AD14009" i="1"/>
  <c r="AD14010" i="1"/>
  <c r="AD14011" i="1"/>
  <c r="AD14012" i="1"/>
  <c r="AD14013" i="1"/>
  <c r="AD14014" i="1"/>
  <c r="AD14015" i="1"/>
  <c r="AD14016" i="1"/>
  <c r="AD14017" i="1"/>
  <c r="AD14018" i="1"/>
  <c r="AD14019" i="1"/>
  <c r="AD14020" i="1"/>
  <c r="AD14021" i="1"/>
  <c r="AD14022" i="1"/>
  <c r="AD14023" i="1"/>
  <c r="AD14024" i="1"/>
  <c r="AD14025" i="1"/>
  <c r="AD14026" i="1"/>
  <c r="AD14027" i="1"/>
  <c r="AD14028" i="1"/>
  <c r="AD14029" i="1"/>
  <c r="AD14030" i="1"/>
  <c r="AD14031" i="1"/>
  <c r="AD14032" i="1"/>
  <c r="AD14033" i="1"/>
  <c r="AD14034" i="1"/>
  <c r="AD14035" i="1"/>
  <c r="AD14036" i="1"/>
  <c r="AD14037" i="1"/>
  <c r="AD14038" i="1"/>
  <c r="AD14039" i="1"/>
  <c r="AD14040" i="1"/>
  <c r="AD14041" i="1"/>
  <c r="AD14042" i="1"/>
  <c r="AD14043" i="1"/>
  <c r="AD14044" i="1"/>
  <c r="AD14045" i="1"/>
  <c r="AD14046" i="1"/>
  <c r="AD14047" i="1"/>
  <c r="AD14048" i="1"/>
  <c r="AD14049" i="1"/>
  <c r="AD14050" i="1"/>
  <c r="AD14051" i="1"/>
  <c r="AD14052" i="1"/>
  <c r="AD14053" i="1"/>
  <c r="AD14054" i="1"/>
  <c r="AD14055" i="1"/>
  <c r="AD14056" i="1"/>
  <c r="AD14057" i="1"/>
  <c r="AD14058" i="1"/>
  <c r="AD14059" i="1"/>
  <c r="AD14060" i="1"/>
  <c r="AD14061" i="1"/>
  <c r="AD14062" i="1"/>
  <c r="AD14063" i="1"/>
  <c r="AD14064" i="1"/>
  <c r="AD14065" i="1"/>
  <c r="AD14066" i="1"/>
  <c r="AD14067" i="1"/>
  <c r="AD14068" i="1"/>
  <c r="AD14069" i="1"/>
  <c r="AD14070" i="1"/>
  <c r="AD14071" i="1"/>
  <c r="AD14072" i="1"/>
  <c r="AD14073" i="1"/>
  <c r="AD14074" i="1"/>
  <c r="AD14075" i="1"/>
  <c r="AD14076" i="1"/>
  <c r="AD14077" i="1"/>
  <c r="AD14078" i="1"/>
  <c r="AD14079" i="1"/>
  <c r="AD14080" i="1"/>
  <c r="AD14081" i="1"/>
  <c r="AD14082" i="1"/>
  <c r="AD14083" i="1"/>
  <c r="AD14084" i="1"/>
  <c r="AD14085" i="1"/>
  <c r="AD14086" i="1"/>
  <c r="AD14087" i="1"/>
  <c r="AD14088" i="1"/>
  <c r="AD14089" i="1"/>
  <c r="AD14090" i="1"/>
  <c r="AD14091" i="1"/>
  <c r="AD14092" i="1"/>
  <c r="AD14093" i="1"/>
  <c r="AD14094" i="1"/>
  <c r="AD14095" i="1"/>
  <c r="AD14096" i="1"/>
  <c r="AD14097" i="1"/>
  <c r="AD14098" i="1"/>
  <c r="AD14099" i="1"/>
  <c r="AD14100" i="1"/>
  <c r="AD14101" i="1"/>
  <c r="AD14102" i="1"/>
  <c r="AD14103" i="1"/>
  <c r="AD14104" i="1"/>
  <c r="AD14105" i="1"/>
  <c r="AD14106" i="1"/>
  <c r="AD14107" i="1"/>
  <c r="AD14108" i="1"/>
  <c r="AD14109" i="1"/>
  <c r="AD14110" i="1"/>
  <c r="AD14111" i="1"/>
  <c r="AD14112" i="1"/>
  <c r="AD14113" i="1"/>
  <c r="AD14114" i="1"/>
  <c r="AD14115" i="1"/>
  <c r="AD14116" i="1"/>
  <c r="AD14117" i="1"/>
  <c r="AD14118" i="1"/>
  <c r="AD14119" i="1"/>
  <c r="AD14120" i="1"/>
  <c r="AD14121" i="1"/>
  <c r="AD14122" i="1"/>
  <c r="AD14123" i="1"/>
  <c r="AD14124" i="1"/>
  <c r="AD14125" i="1"/>
  <c r="AD14126" i="1"/>
  <c r="AD14127" i="1"/>
  <c r="AD14128" i="1"/>
  <c r="AD14129" i="1"/>
  <c r="AD14130" i="1"/>
  <c r="AD14131" i="1"/>
  <c r="AD14132" i="1"/>
  <c r="AD14133" i="1"/>
  <c r="AD14134" i="1"/>
  <c r="AD14135" i="1"/>
  <c r="AD14136" i="1"/>
  <c r="AD14137" i="1"/>
  <c r="AD14138" i="1"/>
  <c r="AD14139" i="1"/>
  <c r="AD14140" i="1"/>
  <c r="AD14141" i="1"/>
  <c r="AD14142" i="1"/>
  <c r="AD14143" i="1"/>
  <c r="AD14144" i="1"/>
  <c r="AD14145" i="1"/>
  <c r="AD14146" i="1"/>
  <c r="AD14147" i="1"/>
  <c r="AD14148" i="1"/>
  <c r="AD14149" i="1"/>
  <c r="AD14150" i="1"/>
  <c r="AD14151" i="1"/>
  <c r="AD14152" i="1"/>
  <c r="AD14153" i="1"/>
  <c r="AD14154" i="1"/>
  <c r="AD14155" i="1"/>
  <c r="AD14156" i="1"/>
  <c r="AD14157" i="1"/>
  <c r="AD14158" i="1"/>
  <c r="AD14159" i="1"/>
  <c r="AD14160" i="1"/>
  <c r="AD14161" i="1"/>
  <c r="AD14162" i="1"/>
  <c r="AD14163" i="1"/>
  <c r="AD14164" i="1"/>
  <c r="AD14165" i="1"/>
  <c r="AD14166" i="1"/>
  <c r="AD14167" i="1"/>
  <c r="AD14168" i="1"/>
  <c r="AD14169" i="1"/>
  <c r="AD14170" i="1"/>
  <c r="AD14171" i="1"/>
  <c r="AD14172" i="1"/>
  <c r="AD14173" i="1"/>
  <c r="AD14174" i="1"/>
  <c r="AD14175" i="1"/>
  <c r="AD14176" i="1"/>
  <c r="AD14177" i="1"/>
  <c r="AD14178" i="1"/>
  <c r="AD14179" i="1"/>
  <c r="AD14180" i="1"/>
  <c r="AD14181" i="1"/>
  <c r="AD14182" i="1"/>
  <c r="AD14183" i="1"/>
  <c r="AD14184" i="1"/>
  <c r="AD14185" i="1"/>
  <c r="AD14186" i="1"/>
  <c r="AD14187" i="1"/>
  <c r="AD14188" i="1"/>
  <c r="AD14189" i="1"/>
  <c r="AD14190" i="1"/>
  <c r="AD14191" i="1"/>
  <c r="AD14192" i="1"/>
  <c r="AD14193" i="1"/>
  <c r="AD14194" i="1"/>
  <c r="AD14195" i="1"/>
  <c r="AD14196" i="1"/>
  <c r="AD14197" i="1"/>
  <c r="AD14198" i="1"/>
  <c r="AD14199" i="1"/>
  <c r="AD14200" i="1"/>
  <c r="AD14201" i="1"/>
  <c r="AD14202" i="1"/>
  <c r="AD14203" i="1"/>
  <c r="AD14204" i="1"/>
  <c r="AD14205" i="1"/>
  <c r="AD14206" i="1"/>
  <c r="AD14207" i="1"/>
  <c r="AD14208" i="1"/>
  <c r="AD14209" i="1"/>
  <c r="AD14210" i="1"/>
  <c r="AD14211" i="1"/>
  <c r="AD14212" i="1"/>
  <c r="AD14213" i="1"/>
  <c r="AD14214" i="1"/>
  <c r="AD14215" i="1"/>
  <c r="AD14216" i="1"/>
  <c r="AD14217" i="1"/>
  <c r="AD14218" i="1"/>
  <c r="AD14219" i="1"/>
  <c r="AD14220" i="1"/>
  <c r="AD14221" i="1"/>
  <c r="AD14222" i="1"/>
  <c r="AD14223" i="1"/>
  <c r="AD14224" i="1"/>
  <c r="AD14225" i="1"/>
  <c r="AD14226" i="1"/>
  <c r="AD14227" i="1"/>
  <c r="AD14228" i="1"/>
  <c r="AD14229" i="1"/>
  <c r="AD14230" i="1"/>
  <c r="AD14231" i="1"/>
  <c r="AD14232" i="1"/>
  <c r="AD14233" i="1"/>
  <c r="AD14234" i="1"/>
  <c r="AD14235" i="1"/>
  <c r="AD14236" i="1"/>
  <c r="AD14237" i="1"/>
  <c r="AD14238" i="1"/>
  <c r="AD14239" i="1"/>
  <c r="AD14240" i="1"/>
  <c r="AD14241" i="1"/>
  <c r="AD14242" i="1"/>
  <c r="AD14243" i="1"/>
  <c r="AD14244" i="1"/>
  <c r="AD14245" i="1"/>
  <c r="AD14246" i="1"/>
  <c r="AD14247" i="1"/>
  <c r="AD14248" i="1"/>
  <c r="AD14249" i="1"/>
  <c r="AD14250" i="1"/>
  <c r="AD14251" i="1"/>
  <c r="AD14252" i="1"/>
  <c r="AD14253" i="1"/>
  <c r="AD14254" i="1"/>
  <c r="AD14255" i="1"/>
  <c r="AD14256" i="1"/>
  <c r="AD14257" i="1"/>
  <c r="AD14258" i="1"/>
  <c r="AD14259" i="1"/>
  <c r="AD14260" i="1"/>
  <c r="AD14261" i="1"/>
  <c r="AD14262" i="1"/>
  <c r="AD14263" i="1"/>
  <c r="AD14264" i="1"/>
  <c r="AD14265" i="1"/>
  <c r="AD14266" i="1"/>
  <c r="AD14267" i="1"/>
  <c r="AD14268" i="1"/>
  <c r="AD14269" i="1"/>
  <c r="AD14270" i="1"/>
  <c r="AD14271" i="1"/>
  <c r="AD14272" i="1"/>
  <c r="AD14273" i="1"/>
  <c r="AD14274" i="1"/>
  <c r="AD14275" i="1"/>
  <c r="AD14276" i="1"/>
  <c r="AD14277" i="1"/>
  <c r="AD14278" i="1"/>
  <c r="AD14279" i="1"/>
  <c r="AD14280" i="1"/>
  <c r="AD14281" i="1"/>
  <c r="AD14282" i="1"/>
  <c r="AD14283" i="1"/>
  <c r="AD14284" i="1"/>
  <c r="AD14285" i="1"/>
  <c r="AD14286" i="1"/>
  <c r="AD14287" i="1"/>
  <c r="AD14288" i="1"/>
  <c r="AD14289" i="1"/>
  <c r="AD14290" i="1"/>
  <c r="AD14291" i="1"/>
  <c r="AD14292" i="1"/>
  <c r="AD14293" i="1"/>
  <c r="AD14294" i="1"/>
  <c r="AD14295" i="1"/>
  <c r="AD14296" i="1"/>
  <c r="AD14297" i="1"/>
  <c r="AD14298" i="1"/>
  <c r="AD14299" i="1"/>
  <c r="AD14300" i="1"/>
  <c r="AD14301" i="1"/>
  <c r="AD14302" i="1"/>
  <c r="AD14303" i="1"/>
  <c r="AD14304" i="1"/>
  <c r="AD14305" i="1"/>
  <c r="AD14306" i="1"/>
  <c r="AD14307" i="1"/>
  <c r="AD14308" i="1"/>
  <c r="AD14309" i="1"/>
  <c r="AD14310" i="1"/>
  <c r="AD14311" i="1"/>
  <c r="AD14312" i="1"/>
  <c r="AD14313" i="1"/>
  <c r="AD14314" i="1"/>
  <c r="AD14315" i="1"/>
  <c r="AD14316" i="1"/>
  <c r="AD14317" i="1"/>
  <c r="AD14318" i="1"/>
  <c r="AD14319" i="1"/>
  <c r="AD14320" i="1"/>
  <c r="AD14321" i="1"/>
  <c r="AD14322" i="1"/>
  <c r="AD14323" i="1"/>
  <c r="AD14324" i="1"/>
  <c r="AD14325" i="1"/>
  <c r="AD14326" i="1"/>
  <c r="AD14327" i="1"/>
  <c r="AD14328" i="1"/>
  <c r="AD14329" i="1"/>
  <c r="AD14330" i="1"/>
  <c r="AD14331" i="1"/>
  <c r="AD14332" i="1"/>
  <c r="AD14333" i="1"/>
  <c r="AD14334" i="1"/>
  <c r="AD14335" i="1"/>
  <c r="AD14336" i="1"/>
  <c r="AD14337" i="1"/>
  <c r="AD14338" i="1"/>
  <c r="AD14339" i="1"/>
  <c r="AD14340" i="1"/>
  <c r="AD14341" i="1"/>
  <c r="AD14342" i="1"/>
  <c r="AD14343" i="1"/>
  <c r="AD14344" i="1"/>
  <c r="AD14345" i="1"/>
  <c r="AD14346" i="1"/>
  <c r="AD14347" i="1"/>
  <c r="AD14348" i="1"/>
  <c r="AD14349" i="1"/>
  <c r="AD14350" i="1"/>
  <c r="AD14351" i="1"/>
  <c r="AD14352" i="1"/>
  <c r="AD14353" i="1"/>
  <c r="AD14354" i="1"/>
  <c r="AD14355" i="1"/>
  <c r="AD14356" i="1"/>
  <c r="AD14357" i="1"/>
  <c r="AD14358" i="1"/>
  <c r="AD14359" i="1"/>
  <c r="AD14360" i="1"/>
  <c r="AD14361" i="1"/>
  <c r="AD14362" i="1"/>
  <c r="AD14363" i="1"/>
  <c r="AD14364" i="1"/>
  <c r="AD14365" i="1"/>
  <c r="AD14366" i="1"/>
  <c r="AD14367" i="1"/>
  <c r="AD14368" i="1"/>
  <c r="AD14369" i="1"/>
  <c r="AD14370" i="1"/>
  <c r="AD14371" i="1"/>
  <c r="AD14372" i="1"/>
  <c r="AD14373" i="1"/>
  <c r="AD14374" i="1"/>
  <c r="AD14375" i="1"/>
  <c r="AD14376" i="1"/>
  <c r="AD14377" i="1"/>
  <c r="AD14378" i="1"/>
  <c r="AD14379" i="1"/>
  <c r="AD14380" i="1"/>
  <c r="AD14381" i="1"/>
  <c r="AD14382" i="1"/>
  <c r="AD14383" i="1"/>
  <c r="AD14384" i="1"/>
  <c r="AD14385" i="1"/>
  <c r="AD14386" i="1"/>
  <c r="AD14387" i="1"/>
  <c r="AD14388" i="1"/>
  <c r="AD14389" i="1"/>
  <c r="AD14390" i="1"/>
  <c r="AD14391" i="1"/>
  <c r="AD14392" i="1"/>
  <c r="AD14393" i="1"/>
  <c r="AD14394" i="1"/>
  <c r="AD14395" i="1"/>
  <c r="AD14396" i="1"/>
  <c r="AD14397" i="1"/>
  <c r="AD14398" i="1"/>
  <c r="AD14399" i="1"/>
  <c r="AD14400" i="1"/>
  <c r="AD14401" i="1"/>
  <c r="AD14402" i="1"/>
  <c r="AD14403" i="1"/>
  <c r="AD14404" i="1"/>
  <c r="AD14405" i="1"/>
  <c r="AD14406" i="1"/>
  <c r="AD14407" i="1"/>
  <c r="AD14408" i="1"/>
  <c r="AD14409" i="1"/>
  <c r="AD14410" i="1"/>
  <c r="AD14411" i="1"/>
  <c r="AD14412" i="1"/>
  <c r="AD14413" i="1"/>
  <c r="AD14414" i="1"/>
  <c r="AD14415" i="1"/>
  <c r="AD14416" i="1"/>
  <c r="AD14417" i="1"/>
  <c r="AD14418" i="1"/>
  <c r="AD14419" i="1"/>
  <c r="AD14420" i="1"/>
  <c r="AD14421" i="1"/>
  <c r="AD14422" i="1"/>
  <c r="AD14423" i="1"/>
  <c r="AD14424" i="1"/>
  <c r="AD14425" i="1"/>
  <c r="AD14426" i="1"/>
  <c r="AD14427" i="1"/>
  <c r="AD14428" i="1"/>
  <c r="AD14429" i="1"/>
  <c r="AD14430" i="1"/>
  <c r="AD14431" i="1"/>
  <c r="AD14432" i="1"/>
  <c r="AD14433" i="1"/>
  <c r="AD14434" i="1"/>
  <c r="AD14435" i="1"/>
  <c r="AD14436" i="1"/>
  <c r="AD14437" i="1"/>
  <c r="AD14438" i="1"/>
  <c r="AD14439" i="1"/>
  <c r="AD14440" i="1"/>
  <c r="AD14441" i="1"/>
  <c r="AD14442" i="1"/>
  <c r="AD14443" i="1"/>
  <c r="AD14444" i="1"/>
  <c r="AD14445" i="1"/>
  <c r="AD14446" i="1"/>
  <c r="AD14447" i="1"/>
  <c r="AD14448" i="1"/>
  <c r="AD14449" i="1"/>
  <c r="AD14450" i="1"/>
  <c r="AD14451" i="1"/>
  <c r="AD14452" i="1"/>
  <c r="AD14453" i="1"/>
  <c r="AD14454" i="1"/>
  <c r="AD14455" i="1"/>
  <c r="AD14456" i="1"/>
  <c r="AD14457" i="1"/>
  <c r="AD14458" i="1"/>
  <c r="AD14459" i="1"/>
  <c r="AD14460" i="1"/>
  <c r="AD14461" i="1"/>
  <c r="AD14462" i="1"/>
  <c r="AD14463" i="1"/>
  <c r="AD14464" i="1"/>
  <c r="AD14465" i="1"/>
  <c r="AD14466" i="1"/>
  <c r="AD14467" i="1"/>
  <c r="AD14468" i="1"/>
  <c r="AD14469" i="1"/>
  <c r="AD14470" i="1"/>
  <c r="AD14471" i="1"/>
  <c r="AD14472" i="1"/>
  <c r="AD14473" i="1"/>
  <c r="AD14474" i="1"/>
  <c r="AD14475" i="1"/>
  <c r="AD14476" i="1"/>
  <c r="AD14477" i="1"/>
  <c r="AD14478" i="1"/>
  <c r="AD14479" i="1"/>
  <c r="AD14480" i="1"/>
  <c r="AD14481" i="1"/>
  <c r="AD14482" i="1"/>
  <c r="AD14483" i="1"/>
  <c r="AD14484" i="1"/>
  <c r="AD14485" i="1"/>
  <c r="AD14486" i="1"/>
  <c r="AD14487" i="1"/>
  <c r="AD14488" i="1"/>
  <c r="AD14489" i="1"/>
  <c r="AD14490" i="1"/>
  <c r="AD14491" i="1"/>
  <c r="AD14492" i="1"/>
  <c r="AD14493" i="1"/>
  <c r="AD14494" i="1"/>
  <c r="AD14495" i="1"/>
  <c r="AD14496" i="1"/>
  <c r="AD14497" i="1"/>
  <c r="AD14498" i="1"/>
  <c r="AD14499" i="1"/>
  <c r="AD14500" i="1"/>
  <c r="AD14501" i="1"/>
  <c r="AD14502" i="1"/>
  <c r="AD14503" i="1"/>
  <c r="AD14504" i="1"/>
  <c r="AD14505" i="1"/>
  <c r="AD14506" i="1"/>
  <c r="AD14507" i="1"/>
  <c r="AD14508" i="1"/>
  <c r="AD14509" i="1"/>
  <c r="AD14510" i="1"/>
  <c r="AD14511" i="1"/>
  <c r="AD14512" i="1"/>
  <c r="AD14513" i="1"/>
  <c r="AD14514" i="1"/>
  <c r="AD14515" i="1"/>
  <c r="AD14516" i="1"/>
  <c r="AD14517" i="1"/>
  <c r="AD14518" i="1"/>
  <c r="AD14519" i="1"/>
  <c r="AD14520" i="1"/>
  <c r="AD14521" i="1"/>
  <c r="AD14522" i="1"/>
  <c r="AD14523" i="1"/>
  <c r="AD14524" i="1"/>
  <c r="AD14525" i="1"/>
  <c r="AD14526" i="1"/>
  <c r="AD14527" i="1"/>
  <c r="AD14528" i="1"/>
  <c r="AD14529" i="1"/>
  <c r="AD14530" i="1"/>
  <c r="AD14531" i="1"/>
  <c r="AD14532" i="1"/>
  <c r="AD14533" i="1"/>
  <c r="AD14534" i="1"/>
  <c r="AD14535" i="1"/>
  <c r="AD14536" i="1"/>
  <c r="AD14537" i="1"/>
  <c r="AD14538" i="1"/>
  <c r="AD14539" i="1"/>
  <c r="AD14540" i="1"/>
  <c r="AD14541" i="1"/>
  <c r="AD14542" i="1"/>
  <c r="AD14543" i="1"/>
  <c r="AD14544" i="1"/>
  <c r="AD14545" i="1"/>
  <c r="AD14546" i="1"/>
  <c r="AD14547" i="1"/>
  <c r="AD14548" i="1"/>
  <c r="AD14549" i="1"/>
  <c r="AD14550" i="1"/>
  <c r="AD14551" i="1"/>
  <c r="AD14552" i="1"/>
  <c r="AD14553" i="1"/>
  <c r="AD14554" i="1"/>
  <c r="AD14555" i="1"/>
  <c r="AD14556" i="1"/>
  <c r="AD14557" i="1"/>
  <c r="AD14558" i="1"/>
  <c r="AD14559" i="1"/>
  <c r="AD14560" i="1"/>
  <c r="AD14561" i="1"/>
  <c r="AD14562" i="1"/>
  <c r="AD14563" i="1"/>
  <c r="AD14564" i="1"/>
  <c r="AD14565" i="1"/>
  <c r="AD14566" i="1"/>
  <c r="AD14567" i="1"/>
  <c r="AD14568" i="1"/>
  <c r="AD14569" i="1"/>
  <c r="AD14570" i="1"/>
  <c r="AD14571" i="1"/>
  <c r="AD14572" i="1"/>
  <c r="AD14573" i="1"/>
  <c r="AD14574" i="1"/>
  <c r="AD14575" i="1"/>
  <c r="AD14576" i="1"/>
  <c r="AD14577" i="1"/>
  <c r="AD14578" i="1"/>
  <c r="AD14579" i="1"/>
  <c r="AD14580" i="1"/>
  <c r="AD14581" i="1"/>
  <c r="AD14582" i="1"/>
  <c r="AD14583" i="1"/>
  <c r="AD14584" i="1"/>
  <c r="AD14585" i="1"/>
  <c r="AD14586" i="1"/>
  <c r="AD14587" i="1"/>
  <c r="AD14588" i="1"/>
  <c r="AD14589" i="1"/>
  <c r="AD14590" i="1"/>
  <c r="AD14591" i="1"/>
  <c r="AD14592" i="1"/>
  <c r="AD14593" i="1"/>
  <c r="AD14594" i="1"/>
  <c r="AD14595" i="1"/>
  <c r="AD14596" i="1"/>
  <c r="AD14597" i="1"/>
  <c r="AD14598" i="1"/>
  <c r="AD14599" i="1"/>
  <c r="AD14600" i="1"/>
  <c r="AD14601" i="1"/>
  <c r="AD14602" i="1"/>
  <c r="AD14603" i="1"/>
  <c r="AD14604" i="1"/>
  <c r="AD14605" i="1"/>
  <c r="AD14606" i="1"/>
  <c r="AD14607" i="1"/>
  <c r="AD14608" i="1"/>
  <c r="AD14609" i="1"/>
  <c r="AD14610" i="1"/>
  <c r="AD14611" i="1"/>
  <c r="AD14612" i="1"/>
  <c r="AD14613" i="1"/>
  <c r="AD14614" i="1"/>
  <c r="AD14615" i="1"/>
  <c r="AD14616" i="1"/>
  <c r="AD14617" i="1"/>
  <c r="AD14618" i="1"/>
  <c r="AD14619" i="1"/>
  <c r="AD14620" i="1"/>
  <c r="AD14621" i="1"/>
  <c r="AD14622" i="1"/>
  <c r="AD14623" i="1"/>
  <c r="AD14624" i="1"/>
  <c r="AD14625" i="1"/>
  <c r="AD14626" i="1"/>
  <c r="AD14627" i="1"/>
  <c r="AD14628" i="1"/>
  <c r="AD14629" i="1"/>
  <c r="AD14630" i="1"/>
  <c r="AD14631" i="1"/>
  <c r="AD14632" i="1"/>
  <c r="AD14633" i="1"/>
  <c r="AD14634" i="1"/>
  <c r="AD14635" i="1"/>
  <c r="AD14636" i="1"/>
  <c r="AD14637" i="1"/>
  <c r="AD14638" i="1"/>
  <c r="AD14639" i="1"/>
  <c r="AD14640" i="1"/>
  <c r="AD14641" i="1"/>
  <c r="AD14642" i="1"/>
  <c r="AD14643" i="1"/>
  <c r="AD14644" i="1"/>
  <c r="AD14645" i="1"/>
  <c r="AD14646" i="1"/>
  <c r="AD14647" i="1"/>
  <c r="AD14648" i="1"/>
  <c r="AD14649" i="1"/>
  <c r="AD14650" i="1"/>
  <c r="AD14651" i="1"/>
  <c r="AD14652" i="1"/>
  <c r="AD14653" i="1"/>
  <c r="AD14654" i="1"/>
  <c r="AD14655" i="1"/>
  <c r="AD14656" i="1"/>
  <c r="AD14657" i="1"/>
  <c r="AD14658" i="1"/>
  <c r="AD14659" i="1"/>
  <c r="AD14660" i="1"/>
  <c r="AD14661" i="1"/>
  <c r="AD14662" i="1"/>
  <c r="AD14663" i="1"/>
  <c r="AD14664" i="1"/>
  <c r="AD14665" i="1"/>
  <c r="AD14666" i="1"/>
  <c r="AD14667" i="1"/>
  <c r="AD14668" i="1"/>
  <c r="AD14669" i="1"/>
  <c r="AD14670" i="1"/>
  <c r="AD14671" i="1"/>
  <c r="AD14672" i="1"/>
  <c r="AD14673" i="1"/>
  <c r="AD14674" i="1"/>
  <c r="AD14675" i="1"/>
  <c r="AD14676" i="1"/>
  <c r="AD14677" i="1"/>
  <c r="AD14678" i="1"/>
  <c r="AD14679" i="1"/>
  <c r="AD14680" i="1"/>
  <c r="AD14681" i="1"/>
  <c r="AD14682" i="1"/>
  <c r="AD14683" i="1"/>
  <c r="AD14684" i="1"/>
  <c r="AD14685" i="1"/>
  <c r="AD14686" i="1"/>
  <c r="AD14687" i="1"/>
  <c r="AD14688" i="1"/>
  <c r="AD14689" i="1"/>
  <c r="AD14690" i="1"/>
  <c r="AD14691" i="1"/>
  <c r="AD14692" i="1"/>
  <c r="AD14693" i="1"/>
  <c r="AD14694" i="1"/>
  <c r="AD14695" i="1"/>
  <c r="AD14696" i="1"/>
  <c r="AD14697" i="1"/>
  <c r="AD14698" i="1"/>
  <c r="AD14699" i="1"/>
  <c r="AD14700" i="1"/>
  <c r="AD14701" i="1"/>
  <c r="AD14702" i="1"/>
  <c r="AD14703" i="1"/>
  <c r="AD14704" i="1"/>
  <c r="AD14705" i="1"/>
  <c r="AD14706" i="1"/>
  <c r="AD14707" i="1"/>
  <c r="AD14708" i="1"/>
  <c r="AD14709" i="1"/>
  <c r="AD14710" i="1"/>
  <c r="AD14711" i="1"/>
  <c r="AD14712" i="1"/>
  <c r="AD14713" i="1"/>
  <c r="AD14714" i="1"/>
  <c r="AD14715" i="1"/>
  <c r="AD14716" i="1"/>
  <c r="AD14717" i="1"/>
  <c r="AD14718" i="1"/>
  <c r="AD14719" i="1"/>
  <c r="AD14720" i="1"/>
  <c r="AD14721" i="1"/>
  <c r="AD14722" i="1"/>
  <c r="AD14723" i="1"/>
  <c r="AD14724" i="1"/>
  <c r="AD14725" i="1"/>
  <c r="AD14726" i="1"/>
  <c r="AD14727" i="1"/>
  <c r="AD14728" i="1"/>
  <c r="AD14729" i="1"/>
  <c r="AD14730" i="1"/>
  <c r="AD14731" i="1"/>
  <c r="AD14732" i="1"/>
  <c r="AD14733" i="1"/>
  <c r="AD14734" i="1"/>
  <c r="AD14735" i="1"/>
  <c r="AD14736" i="1"/>
  <c r="AD14737" i="1"/>
  <c r="AD14738" i="1"/>
  <c r="AD14739" i="1"/>
  <c r="AD14740" i="1"/>
  <c r="AD14741" i="1"/>
  <c r="AD14742" i="1"/>
  <c r="AD14743" i="1"/>
  <c r="AD14744" i="1"/>
  <c r="AD14745" i="1"/>
  <c r="AD14746" i="1"/>
  <c r="AD14747" i="1"/>
  <c r="AD14748" i="1"/>
  <c r="AD14749" i="1"/>
  <c r="AD14750" i="1"/>
  <c r="AD14751" i="1"/>
  <c r="AD14752" i="1"/>
  <c r="AD14753" i="1"/>
  <c r="AD14754" i="1"/>
  <c r="AD14755" i="1"/>
  <c r="AD14756" i="1"/>
  <c r="AD14757" i="1"/>
  <c r="AD14758" i="1"/>
  <c r="AD14759" i="1"/>
  <c r="AD14760" i="1"/>
  <c r="AD14761" i="1"/>
  <c r="AD14762" i="1"/>
  <c r="AD14763" i="1"/>
  <c r="AD14764" i="1"/>
  <c r="AD14765" i="1"/>
  <c r="AD14766" i="1"/>
  <c r="AD14767" i="1"/>
  <c r="AD14768" i="1"/>
  <c r="AD14769" i="1"/>
  <c r="AD14770" i="1"/>
  <c r="AD14771" i="1"/>
  <c r="AD14772" i="1"/>
  <c r="AD14773" i="1"/>
  <c r="AD14774" i="1"/>
  <c r="AD14775" i="1"/>
  <c r="AD14776" i="1"/>
  <c r="AD14777" i="1"/>
  <c r="AD14778" i="1"/>
  <c r="AD14779" i="1"/>
  <c r="AD14780" i="1"/>
  <c r="AD14781" i="1"/>
  <c r="AD14782" i="1"/>
  <c r="AD14783" i="1"/>
  <c r="AD14784" i="1"/>
  <c r="AD14785" i="1"/>
  <c r="AD14786" i="1"/>
  <c r="AD14787" i="1"/>
  <c r="AD14788" i="1"/>
  <c r="AD14789" i="1"/>
  <c r="AD14790" i="1"/>
  <c r="AD14791" i="1"/>
  <c r="AD14792" i="1"/>
  <c r="AD14793" i="1"/>
  <c r="AD14794" i="1"/>
  <c r="AD14795" i="1"/>
  <c r="AD14796" i="1"/>
  <c r="AD14797" i="1"/>
  <c r="AD14798" i="1"/>
  <c r="AD14799" i="1"/>
  <c r="AD14800" i="1"/>
  <c r="AD14801" i="1"/>
  <c r="AD14802" i="1"/>
  <c r="AD14803" i="1"/>
  <c r="AD14804" i="1"/>
  <c r="AD14805" i="1"/>
  <c r="AD14806" i="1"/>
  <c r="AD14807" i="1"/>
  <c r="AD14808" i="1"/>
  <c r="AD14809" i="1"/>
  <c r="AD14810" i="1"/>
  <c r="AD14811" i="1"/>
  <c r="AD14812" i="1"/>
  <c r="AD14813" i="1"/>
  <c r="AD14814" i="1"/>
  <c r="AD14815" i="1"/>
  <c r="AD14816" i="1"/>
  <c r="AD14817" i="1"/>
  <c r="AD14818" i="1"/>
  <c r="AD14819" i="1"/>
  <c r="AD14820" i="1"/>
  <c r="AD14821" i="1"/>
  <c r="AD14822" i="1"/>
  <c r="AD14823" i="1"/>
  <c r="AD14824" i="1"/>
  <c r="AD14825" i="1"/>
  <c r="AD14826" i="1"/>
  <c r="AD14827" i="1"/>
  <c r="AD14828" i="1"/>
  <c r="AD14829" i="1"/>
  <c r="AD14830" i="1"/>
  <c r="AD14831" i="1"/>
  <c r="AD14832" i="1"/>
  <c r="AD14833" i="1"/>
  <c r="AD14834" i="1"/>
  <c r="AD14835" i="1"/>
  <c r="AD14836" i="1"/>
  <c r="AD14837" i="1"/>
  <c r="AD14838" i="1"/>
  <c r="AD14839" i="1"/>
  <c r="AD14840" i="1"/>
  <c r="AD14841" i="1"/>
  <c r="AD14842" i="1"/>
  <c r="AD14843" i="1"/>
  <c r="AD14844" i="1"/>
  <c r="AD14845" i="1"/>
  <c r="AD14846" i="1"/>
  <c r="AD14847" i="1"/>
  <c r="AD14848" i="1"/>
  <c r="AD14849" i="1"/>
  <c r="AD14850" i="1"/>
  <c r="AD14851" i="1"/>
  <c r="AD14852" i="1"/>
  <c r="AD14853" i="1"/>
  <c r="AD14854" i="1"/>
  <c r="AD14855" i="1"/>
  <c r="AD14856" i="1"/>
  <c r="AD14857" i="1"/>
  <c r="AD14858" i="1"/>
  <c r="AD14859" i="1"/>
  <c r="AD14860" i="1"/>
  <c r="AD14861" i="1"/>
  <c r="AD14862" i="1"/>
  <c r="AD14863" i="1"/>
  <c r="AD14864" i="1"/>
  <c r="AD14865" i="1"/>
  <c r="AD14866" i="1"/>
  <c r="AD14867" i="1"/>
  <c r="AD14868" i="1"/>
  <c r="AD14869" i="1"/>
  <c r="AD14870" i="1"/>
  <c r="AD14871" i="1"/>
  <c r="AD14872" i="1"/>
  <c r="AD14873" i="1"/>
  <c r="AD14874" i="1"/>
  <c r="AD14875" i="1"/>
  <c r="AD14876" i="1"/>
  <c r="AD14877" i="1"/>
  <c r="AD14878" i="1"/>
  <c r="AD14879" i="1"/>
  <c r="AD14880" i="1"/>
  <c r="AD14881" i="1"/>
  <c r="AD14882" i="1"/>
  <c r="AD14883" i="1"/>
  <c r="AD14884" i="1"/>
  <c r="AD14885" i="1"/>
  <c r="AD14886" i="1"/>
  <c r="AD14887" i="1"/>
  <c r="AD14888" i="1"/>
  <c r="AD14889" i="1"/>
  <c r="AD14890" i="1"/>
  <c r="AD14891" i="1"/>
  <c r="AD14892" i="1"/>
  <c r="AD14893" i="1"/>
  <c r="AD14894" i="1"/>
  <c r="AD14895" i="1"/>
  <c r="AD14896" i="1"/>
  <c r="AD14897" i="1"/>
  <c r="AD14898" i="1"/>
  <c r="AD14899" i="1"/>
  <c r="AD14900" i="1"/>
  <c r="AD14901" i="1"/>
  <c r="AD14902" i="1"/>
  <c r="AD14903" i="1"/>
  <c r="AD14904" i="1"/>
  <c r="AD14905" i="1"/>
  <c r="AD14906" i="1"/>
  <c r="AD14907" i="1"/>
  <c r="AD14908" i="1"/>
  <c r="AD14909" i="1"/>
  <c r="AD14910" i="1"/>
  <c r="AD14911" i="1"/>
  <c r="AD14912" i="1"/>
  <c r="AD14913" i="1"/>
  <c r="AD14914" i="1"/>
  <c r="AD14915" i="1"/>
  <c r="AD14916" i="1"/>
  <c r="AD14917" i="1"/>
  <c r="AD14918" i="1"/>
  <c r="AD14919" i="1"/>
  <c r="AD14920" i="1"/>
  <c r="AD14921" i="1"/>
  <c r="AD14922" i="1"/>
  <c r="AD14923" i="1"/>
  <c r="AD14924" i="1"/>
  <c r="AD14925" i="1"/>
  <c r="AD14926" i="1"/>
  <c r="AD14927" i="1"/>
  <c r="AD14928" i="1"/>
  <c r="AD14929" i="1"/>
  <c r="AD14930" i="1"/>
  <c r="AD14931" i="1"/>
  <c r="AD14932" i="1"/>
  <c r="AD14933" i="1"/>
  <c r="AD14934" i="1"/>
  <c r="AD14935" i="1"/>
  <c r="AD14936" i="1"/>
  <c r="AD14937" i="1"/>
  <c r="AD14938" i="1"/>
  <c r="AD14939" i="1"/>
  <c r="AD14940" i="1"/>
  <c r="AD14941" i="1"/>
  <c r="AD14942" i="1"/>
  <c r="AD14943" i="1"/>
  <c r="AD14944" i="1"/>
  <c r="AD14945" i="1"/>
  <c r="AD14946" i="1"/>
  <c r="AD14947" i="1"/>
  <c r="AD14948" i="1"/>
  <c r="AD14949" i="1"/>
  <c r="AD14950" i="1"/>
  <c r="AD14951" i="1"/>
  <c r="AD14952" i="1"/>
  <c r="AD14953" i="1"/>
  <c r="AD14954" i="1"/>
  <c r="AD14955" i="1"/>
  <c r="AD14956" i="1"/>
  <c r="AD14957" i="1"/>
  <c r="AD14958" i="1"/>
  <c r="AD14959" i="1"/>
  <c r="AD14960" i="1"/>
  <c r="AD14961" i="1"/>
  <c r="AD14962" i="1"/>
  <c r="AD14963" i="1"/>
  <c r="AD14964" i="1"/>
  <c r="AD14965" i="1"/>
  <c r="AD14966" i="1"/>
  <c r="AD14967" i="1"/>
  <c r="AD14968" i="1"/>
  <c r="AD14969" i="1"/>
  <c r="AD14970" i="1"/>
  <c r="AD14971" i="1"/>
  <c r="AD14972" i="1"/>
  <c r="AD14973" i="1"/>
  <c r="AD14974" i="1"/>
  <c r="AD14975" i="1"/>
  <c r="AD14976" i="1"/>
  <c r="AD14977" i="1"/>
  <c r="AD14978" i="1"/>
  <c r="AD14979" i="1"/>
  <c r="AD14980" i="1"/>
  <c r="AD14981" i="1"/>
  <c r="AD14982" i="1"/>
  <c r="AD14983" i="1"/>
  <c r="AD14984" i="1"/>
  <c r="AD14985" i="1"/>
  <c r="AD14986" i="1"/>
  <c r="AD14987" i="1"/>
  <c r="AD14988" i="1"/>
  <c r="AD14989" i="1"/>
  <c r="AD14990" i="1"/>
  <c r="AD14991" i="1"/>
  <c r="AD14992" i="1"/>
  <c r="AD14993" i="1"/>
  <c r="AD14994" i="1"/>
  <c r="AD14995" i="1"/>
  <c r="AD14996" i="1"/>
  <c r="AD14997" i="1"/>
  <c r="AD14998" i="1"/>
  <c r="AD14999" i="1"/>
  <c r="AD15000" i="1"/>
  <c r="AD15001" i="1"/>
  <c r="AD15002" i="1"/>
  <c r="AD15003" i="1"/>
  <c r="AD15004" i="1"/>
  <c r="AD15005" i="1"/>
  <c r="AD15006" i="1"/>
  <c r="AD15007" i="1"/>
  <c r="AD15008" i="1"/>
  <c r="AD15009" i="1"/>
  <c r="AD15010" i="1"/>
  <c r="AD15011" i="1"/>
  <c r="AD15012" i="1"/>
  <c r="AD15013" i="1"/>
  <c r="AD15014" i="1"/>
  <c r="AD15015" i="1"/>
  <c r="AD15016" i="1"/>
  <c r="AD15017" i="1"/>
  <c r="AD15018" i="1"/>
  <c r="AD15019" i="1"/>
  <c r="AD15020" i="1"/>
  <c r="AD15021" i="1"/>
  <c r="AD15022" i="1"/>
  <c r="AD15023" i="1"/>
  <c r="AD15024" i="1"/>
  <c r="AD15025" i="1"/>
  <c r="AD15026" i="1"/>
  <c r="AD15027" i="1"/>
  <c r="AD15028" i="1"/>
  <c r="AD15029" i="1"/>
  <c r="AD15030" i="1"/>
  <c r="AD15031" i="1"/>
  <c r="AD15032" i="1"/>
  <c r="AD15033" i="1"/>
  <c r="AD15034" i="1"/>
  <c r="AD15035" i="1"/>
  <c r="AD15036" i="1"/>
  <c r="AD15037" i="1"/>
  <c r="AD15038" i="1"/>
  <c r="AD15039" i="1"/>
  <c r="AD15040" i="1"/>
  <c r="AD15041" i="1"/>
  <c r="AD15042" i="1"/>
  <c r="AD15043" i="1"/>
  <c r="AD15044" i="1"/>
  <c r="AD15045" i="1"/>
  <c r="AD15046" i="1"/>
  <c r="AD15047" i="1"/>
  <c r="AD15048" i="1"/>
  <c r="AD15049" i="1"/>
  <c r="AD15050" i="1"/>
  <c r="AD15051" i="1"/>
  <c r="AD15052" i="1"/>
  <c r="AD15053" i="1"/>
  <c r="AD15054" i="1"/>
  <c r="AD15055" i="1"/>
  <c r="AD15056" i="1"/>
  <c r="AD15057" i="1"/>
  <c r="AD15058" i="1"/>
  <c r="AD15059" i="1"/>
  <c r="AD15060" i="1"/>
  <c r="AD15061" i="1"/>
  <c r="AD15062" i="1"/>
  <c r="AD15063" i="1"/>
  <c r="AD15064" i="1"/>
  <c r="AD15065" i="1"/>
  <c r="AD15066" i="1"/>
  <c r="AD15067" i="1"/>
  <c r="AD15068" i="1"/>
  <c r="AD15069" i="1"/>
  <c r="AD15070" i="1"/>
  <c r="AD15071" i="1"/>
  <c r="AD15072" i="1"/>
  <c r="AD15073" i="1"/>
  <c r="AD15074" i="1"/>
  <c r="AD15075" i="1"/>
  <c r="AD15076" i="1"/>
  <c r="AD15077" i="1"/>
  <c r="AD15078" i="1"/>
  <c r="AD15079" i="1"/>
  <c r="AD15080" i="1"/>
  <c r="AD15081" i="1"/>
  <c r="AD15082" i="1"/>
  <c r="AD15083" i="1"/>
  <c r="AD15084" i="1"/>
  <c r="AD15085" i="1"/>
  <c r="AD15086" i="1"/>
  <c r="AD15087" i="1"/>
  <c r="AD15088" i="1"/>
  <c r="AD15089" i="1"/>
  <c r="AD15090" i="1"/>
  <c r="AD15091" i="1"/>
  <c r="AD15092" i="1"/>
  <c r="AD15093" i="1"/>
  <c r="AD15094" i="1"/>
  <c r="AD15095" i="1"/>
  <c r="AD15096" i="1"/>
  <c r="AD15097" i="1"/>
  <c r="AD15098" i="1"/>
  <c r="AD15099" i="1"/>
  <c r="AD15100" i="1"/>
  <c r="AD15101" i="1"/>
  <c r="AD15102" i="1"/>
  <c r="AD15103" i="1"/>
  <c r="AD15104" i="1"/>
  <c r="AD15105" i="1"/>
  <c r="AD15106" i="1"/>
  <c r="AD15107" i="1"/>
  <c r="AD15108" i="1"/>
  <c r="AD15109" i="1"/>
  <c r="AD15110" i="1"/>
  <c r="AD15111" i="1"/>
  <c r="AD15112" i="1"/>
  <c r="AD15113" i="1"/>
  <c r="AD15114" i="1"/>
  <c r="AD15115" i="1"/>
  <c r="AD15116" i="1"/>
  <c r="AD15117" i="1"/>
  <c r="AD15118" i="1"/>
  <c r="AD15119" i="1"/>
  <c r="AD15120" i="1"/>
  <c r="AD15121" i="1"/>
  <c r="AD15122" i="1"/>
  <c r="AD15123" i="1"/>
  <c r="AD15124" i="1"/>
  <c r="AD15125" i="1"/>
  <c r="AD15126" i="1"/>
  <c r="AD15127" i="1"/>
  <c r="AD15128" i="1"/>
  <c r="AD15129" i="1"/>
  <c r="AD15130" i="1"/>
  <c r="AD15131" i="1"/>
  <c r="AD15132" i="1"/>
  <c r="AD15133" i="1"/>
  <c r="AD15134" i="1"/>
  <c r="AD15135" i="1"/>
  <c r="AD15136" i="1"/>
  <c r="AD15137" i="1"/>
  <c r="AD15138" i="1"/>
  <c r="AD15139" i="1"/>
  <c r="AD15140" i="1"/>
  <c r="AD15141" i="1"/>
  <c r="AD15142" i="1"/>
  <c r="AD15143" i="1"/>
  <c r="AD15144" i="1"/>
  <c r="AD15145" i="1"/>
  <c r="AD15146" i="1"/>
  <c r="AD15147" i="1"/>
  <c r="AD15148" i="1"/>
  <c r="AD15149" i="1"/>
  <c r="AD15150" i="1"/>
  <c r="AD15151" i="1"/>
  <c r="AD15152" i="1"/>
  <c r="AD15153" i="1"/>
  <c r="AD15154" i="1"/>
  <c r="AD15155" i="1"/>
  <c r="AD15156" i="1"/>
  <c r="AD15157" i="1"/>
  <c r="AD15158" i="1"/>
  <c r="AD15159" i="1"/>
  <c r="AD15160" i="1"/>
  <c r="AD15161" i="1"/>
  <c r="AD15162" i="1"/>
  <c r="AD15163" i="1"/>
  <c r="AD15164" i="1"/>
  <c r="AD15165" i="1"/>
  <c r="AD15166" i="1"/>
  <c r="AD15167" i="1"/>
  <c r="AD15168" i="1"/>
  <c r="AD15169" i="1"/>
  <c r="AD15170" i="1"/>
  <c r="AD15171" i="1"/>
  <c r="AD15172" i="1"/>
  <c r="AD15173" i="1"/>
  <c r="AD15174" i="1"/>
  <c r="AD15175" i="1"/>
  <c r="AD15176" i="1"/>
  <c r="AD15177" i="1"/>
  <c r="AD15178" i="1"/>
  <c r="AD15179" i="1"/>
  <c r="AD15180" i="1"/>
  <c r="AD15181" i="1"/>
  <c r="AD15182" i="1"/>
  <c r="AD15183" i="1"/>
  <c r="AD15184" i="1"/>
  <c r="AD15185" i="1"/>
  <c r="AD15186" i="1"/>
  <c r="AD15187" i="1"/>
  <c r="AD15188" i="1"/>
  <c r="AD15189" i="1"/>
  <c r="AD15190" i="1"/>
  <c r="AD15191" i="1"/>
  <c r="AD15192" i="1"/>
  <c r="AD15193" i="1"/>
  <c r="AD15194" i="1"/>
  <c r="AD15195" i="1"/>
  <c r="AD15196" i="1"/>
  <c r="AD15197" i="1"/>
  <c r="AD15198" i="1"/>
  <c r="AD15199" i="1"/>
  <c r="AD15200" i="1"/>
  <c r="AD15201" i="1"/>
  <c r="AD15202" i="1"/>
  <c r="AD15203" i="1"/>
  <c r="AD15204" i="1"/>
  <c r="AD15205" i="1"/>
  <c r="AD15206" i="1"/>
  <c r="AD15207" i="1"/>
  <c r="AD15208" i="1"/>
  <c r="AD15209" i="1"/>
  <c r="AD15210" i="1"/>
  <c r="AD15211" i="1"/>
  <c r="AD15212" i="1"/>
  <c r="AD15213" i="1"/>
  <c r="AD15214" i="1"/>
  <c r="AD15215" i="1"/>
  <c r="AD15216" i="1"/>
  <c r="AD15217" i="1"/>
  <c r="AD15218" i="1"/>
  <c r="AD15219" i="1"/>
  <c r="AD15220" i="1"/>
  <c r="AD15221" i="1"/>
  <c r="AD15222" i="1"/>
  <c r="AD15223" i="1"/>
  <c r="AD15224" i="1"/>
  <c r="AD15225" i="1"/>
  <c r="AD15226" i="1"/>
  <c r="AD15227" i="1"/>
  <c r="AD15228" i="1"/>
  <c r="AD15229" i="1"/>
  <c r="AD15230" i="1"/>
  <c r="AD15231" i="1"/>
  <c r="AD15232" i="1"/>
  <c r="AD15233" i="1"/>
  <c r="AD15234" i="1"/>
  <c r="AD15235" i="1"/>
  <c r="AD15236" i="1"/>
  <c r="AD15237" i="1"/>
  <c r="AD15238" i="1"/>
  <c r="AD15239" i="1"/>
  <c r="AD15240" i="1"/>
  <c r="AD15241" i="1"/>
  <c r="AD15242" i="1"/>
  <c r="AD15243" i="1"/>
  <c r="AD15244" i="1"/>
  <c r="AD15245" i="1"/>
  <c r="AD15246" i="1"/>
  <c r="AD15247" i="1"/>
  <c r="AD15248" i="1"/>
  <c r="AD15249" i="1"/>
  <c r="AD15250" i="1"/>
  <c r="AD15251" i="1"/>
  <c r="AD15252" i="1"/>
  <c r="AD15253" i="1"/>
  <c r="AD15254" i="1"/>
  <c r="AD15255" i="1"/>
  <c r="AD15256" i="1"/>
  <c r="AD15257" i="1"/>
  <c r="AD15258" i="1"/>
  <c r="AD15259" i="1"/>
  <c r="AD15260" i="1"/>
  <c r="AD15261" i="1"/>
  <c r="AD15262" i="1"/>
  <c r="AD15263" i="1"/>
  <c r="AD15264" i="1"/>
  <c r="AD15265" i="1"/>
  <c r="AD15266" i="1"/>
  <c r="AD15267" i="1"/>
  <c r="AD15268" i="1"/>
  <c r="AD15269" i="1"/>
  <c r="AD15270" i="1"/>
  <c r="AD15271" i="1"/>
  <c r="AD15272" i="1"/>
  <c r="AD15273" i="1"/>
  <c r="AD15274" i="1"/>
  <c r="AD15275" i="1"/>
  <c r="AD15276" i="1"/>
  <c r="AD15277" i="1"/>
  <c r="AD15278" i="1"/>
  <c r="AD15279" i="1"/>
  <c r="AD15280" i="1"/>
  <c r="AD15281" i="1"/>
  <c r="AD15282" i="1"/>
  <c r="AD15283" i="1"/>
  <c r="AD15284" i="1"/>
  <c r="AD15285" i="1"/>
  <c r="AD15286" i="1"/>
  <c r="AD15287" i="1"/>
  <c r="AD15288" i="1"/>
  <c r="AD15289" i="1"/>
  <c r="AD15290" i="1"/>
  <c r="AD15291" i="1"/>
  <c r="AD15292" i="1"/>
  <c r="AD15293" i="1"/>
  <c r="AD15294" i="1"/>
  <c r="AD15295" i="1"/>
  <c r="AD15296" i="1"/>
  <c r="AD15297" i="1"/>
  <c r="AD15298" i="1"/>
  <c r="AD15299" i="1"/>
  <c r="AD15300" i="1"/>
  <c r="AD15301" i="1"/>
  <c r="AD15302" i="1"/>
  <c r="AD15303" i="1"/>
  <c r="AD15304" i="1"/>
  <c r="AD15305" i="1"/>
  <c r="AD15306" i="1"/>
  <c r="AD15307" i="1"/>
  <c r="AD15308" i="1"/>
  <c r="AD15309" i="1"/>
  <c r="AD15310" i="1"/>
  <c r="AD15311" i="1"/>
  <c r="AD15312" i="1"/>
  <c r="AD15313" i="1"/>
  <c r="AD15314" i="1"/>
  <c r="AD15315" i="1"/>
  <c r="AD15316" i="1"/>
  <c r="AD15317" i="1"/>
  <c r="AD15318" i="1"/>
  <c r="AD15319" i="1"/>
  <c r="AD15320" i="1"/>
  <c r="AD15321" i="1"/>
  <c r="AD15322" i="1"/>
  <c r="AD15323" i="1"/>
  <c r="AD15324" i="1"/>
  <c r="AD15325" i="1"/>
  <c r="AD15326" i="1"/>
  <c r="AD15327" i="1"/>
  <c r="AD15328" i="1"/>
  <c r="AD15329" i="1"/>
  <c r="AD15330" i="1"/>
  <c r="AD15331" i="1"/>
  <c r="AD15332" i="1"/>
  <c r="AD15333" i="1"/>
  <c r="AD15334" i="1"/>
  <c r="AD15335" i="1"/>
  <c r="AD15336" i="1"/>
  <c r="AD15337" i="1"/>
  <c r="AD15338" i="1"/>
  <c r="AD15339" i="1"/>
  <c r="AD15340" i="1"/>
  <c r="AD15341" i="1"/>
  <c r="AD15342" i="1"/>
  <c r="AD15343" i="1"/>
  <c r="AD15344" i="1"/>
  <c r="AD15345" i="1"/>
  <c r="AD15346" i="1"/>
  <c r="AD15347" i="1"/>
  <c r="AD15348" i="1"/>
  <c r="AD15349" i="1"/>
  <c r="AD15350" i="1"/>
  <c r="AD15351" i="1"/>
  <c r="AD15352" i="1"/>
  <c r="AD15353" i="1"/>
  <c r="AD15354" i="1"/>
  <c r="AD15355" i="1"/>
  <c r="AD15356" i="1"/>
  <c r="AD15357" i="1"/>
  <c r="AD15358" i="1"/>
  <c r="AD15359" i="1"/>
  <c r="AD15360" i="1"/>
  <c r="AD15361" i="1"/>
  <c r="AD15362" i="1"/>
  <c r="AD15363" i="1"/>
  <c r="AD15364" i="1"/>
  <c r="AD15365" i="1"/>
  <c r="AD15366" i="1"/>
  <c r="AD15367" i="1"/>
  <c r="AD15368" i="1"/>
  <c r="AD15369" i="1"/>
  <c r="AD15370" i="1"/>
  <c r="AD15371" i="1"/>
  <c r="AD15372" i="1"/>
  <c r="AD15373" i="1"/>
  <c r="AD15374" i="1"/>
  <c r="AD15375" i="1"/>
  <c r="AD15376" i="1"/>
  <c r="AD15377" i="1"/>
  <c r="AD15378" i="1"/>
  <c r="AD15379" i="1"/>
  <c r="AD15380" i="1"/>
  <c r="AD15381" i="1"/>
  <c r="AD15382" i="1"/>
  <c r="AD15383" i="1"/>
  <c r="AD15384" i="1"/>
  <c r="AD15385" i="1"/>
  <c r="AD15386" i="1"/>
  <c r="AD15387" i="1"/>
  <c r="AD15388" i="1"/>
  <c r="AD15389" i="1"/>
  <c r="AD15390" i="1"/>
  <c r="AD15391" i="1"/>
  <c r="AD15392" i="1"/>
  <c r="AD15393" i="1"/>
  <c r="AD15394" i="1"/>
  <c r="AD15395" i="1"/>
  <c r="AD15396" i="1"/>
  <c r="AD15397" i="1"/>
  <c r="AD15398" i="1"/>
  <c r="AD15399" i="1"/>
  <c r="AD15400" i="1"/>
  <c r="AD15401" i="1"/>
  <c r="AD15402" i="1"/>
  <c r="AD15403" i="1"/>
  <c r="AD15404" i="1"/>
  <c r="AD15405" i="1"/>
  <c r="AD15406" i="1"/>
  <c r="AD15407" i="1"/>
  <c r="AD15408" i="1"/>
  <c r="AD15409" i="1"/>
  <c r="AD15410" i="1"/>
  <c r="AD15411" i="1"/>
  <c r="AD15412" i="1"/>
  <c r="AD15413" i="1"/>
  <c r="AD15414" i="1"/>
  <c r="AD15415" i="1"/>
  <c r="AD15416" i="1"/>
  <c r="AD15417" i="1"/>
  <c r="AD15418" i="1"/>
  <c r="AD15419" i="1"/>
  <c r="AD15420" i="1"/>
  <c r="AD15421" i="1"/>
  <c r="AD15422" i="1"/>
  <c r="AD15423" i="1"/>
  <c r="AD15424" i="1"/>
  <c r="AD15425" i="1"/>
  <c r="AD15426" i="1"/>
  <c r="AD15427" i="1"/>
  <c r="AD15428" i="1"/>
  <c r="AD15429" i="1"/>
  <c r="AD15430" i="1"/>
  <c r="AD15431" i="1"/>
  <c r="AD15432" i="1"/>
  <c r="AD15433" i="1"/>
  <c r="AD15434" i="1"/>
  <c r="AD15435" i="1"/>
  <c r="AD15436" i="1"/>
  <c r="AD15437" i="1"/>
  <c r="AD15438" i="1"/>
  <c r="AD15439" i="1"/>
  <c r="AD15440" i="1"/>
  <c r="AD15441" i="1"/>
  <c r="AD15442" i="1"/>
  <c r="AD15443" i="1"/>
  <c r="AD15444" i="1"/>
  <c r="AD15445" i="1"/>
  <c r="AD15446" i="1"/>
  <c r="AD15447" i="1"/>
  <c r="AD15448" i="1"/>
  <c r="AD15449" i="1"/>
  <c r="AD15450" i="1"/>
  <c r="AD15451" i="1"/>
  <c r="AD15452" i="1"/>
  <c r="AD15453" i="1"/>
  <c r="AD15454" i="1"/>
  <c r="AD15455" i="1"/>
  <c r="AD15456" i="1"/>
  <c r="AD15457" i="1"/>
  <c r="AD15458" i="1"/>
  <c r="AD15459" i="1"/>
  <c r="AD15460" i="1"/>
  <c r="AD15461" i="1"/>
  <c r="AD15462" i="1"/>
  <c r="AD15463" i="1"/>
  <c r="AD15464" i="1"/>
  <c r="AD15465" i="1"/>
  <c r="AD15466" i="1"/>
  <c r="AD15467" i="1"/>
  <c r="AD15468" i="1"/>
  <c r="AD15469" i="1"/>
  <c r="AD15470" i="1"/>
  <c r="AD15471" i="1"/>
  <c r="AD15472" i="1"/>
  <c r="AD15473" i="1"/>
  <c r="AD15474" i="1"/>
  <c r="AD15475" i="1"/>
  <c r="AD15476" i="1"/>
  <c r="AD15477" i="1"/>
  <c r="AD15478" i="1"/>
  <c r="AD15479" i="1"/>
  <c r="AD15480" i="1"/>
  <c r="AD15481" i="1"/>
  <c r="AD15482" i="1"/>
  <c r="AD15483" i="1"/>
  <c r="AD15484" i="1"/>
  <c r="AD15485" i="1"/>
  <c r="AD15486" i="1"/>
  <c r="AD15487" i="1"/>
  <c r="AD15488" i="1"/>
  <c r="AD15489" i="1"/>
  <c r="AD15490" i="1"/>
  <c r="AD15491" i="1"/>
  <c r="AD15492" i="1"/>
  <c r="AD15493" i="1"/>
  <c r="AD15494" i="1"/>
  <c r="AD15495" i="1"/>
  <c r="AD15496" i="1"/>
  <c r="AD15497" i="1"/>
  <c r="AD15498" i="1"/>
  <c r="AD15499" i="1"/>
  <c r="AD15500" i="1"/>
  <c r="AD15501" i="1"/>
  <c r="AD15502" i="1"/>
  <c r="AD15503" i="1"/>
  <c r="AD15504" i="1"/>
  <c r="AD15505" i="1"/>
  <c r="AD15506" i="1"/>
  <c r="AD15507" i="1"/>
  <c r="AD15508" i="1"/>
  <c r="AD15509" i="1"/>
  <c r="AD15510" i="1"/>
  <c r="AD15511" i="1"/>
  <c r="AD15512" i="1"/>
  <c r="AD15513" i="1"/>
  <c r="AD15514" i="1"/>
  <c r="AD15515" i="1"/>
  <c r="AD15516" i="1"/>
  <c r="AD15517" i="1"/>
  <c r="AD15518" i="1"/>
  <c r="AD15519" i="1"/>
  <c r="AD15520" i="1"/>
  <c r="AD15521" i="1"/>
  <c r="AD15522" i="1"/>
  <c r="AD15523" i="1"/>
  <c r="AD15524" i="1"/>
  <c r="AD15525" i="1"/>
  <c r="AD15526" i="1"/>
  <c r="AD15527" i="1"/>
  <c r="AD15528" i="1"/>
  <c r="AD15529" i="1"/>
  <c r="AD15530" i="1"/>
  <c r="AD15531" i="1"/>
  <c r="AD15532" i="1"/>
  <c r="AD15533" i="1"/>
  <c r="AD15534" i="1"/>
  <c r="AD15535" i="1"/>
  <c r="AD15536" i="1"/>
  <c r="AD15537" i="1"/>
  <c r="AD15538" i="1"/>
  <c r="AD15539" i="1"/>
  <c r="AD15540" i="1"/>
  <c r="AD15541" i="1"/>
  <c r="AD15542" i="1"/>
  <c r="AD15543" i="1"/>
  <c r="AD15544" i="1"/>
  <c r="AD15545" i="1"/>
  <c r="AD15546" i="1"/>
  <c r="AD15547" i="1"/>
  <c r="AD15548" i="1"/>
  <c r="AD15549" i="1"/>
  <c r="AD15550" i="1"/>
  <c r="AD15551" i="1"/>
  <c r="AD15552" i="1"/>
  <c r="AD15553" i="1"/>
  <c r="AD15554" i="1"/>
  <c r="AD15555" i="1"/>
  <c r="AD15556" i="1"/>
  <c r="AD15557" i="1"/>
  <c r="AD15558" i="1"/>
  <c r="AD15559" i="1"/>
  <c r="AD15560" i="1"/>
  <c r="AD15561" i="1"/>
  <c r="AD15562" i="1"/>
  <c r="AD15563" i="1"/>
  <c r="AD15564" i="1"/>
  <c r="AD15565" i="1"/>
  <c r="AD15566" i="1"/>
  <c r="AD15567" i="1"/>
  <c r="AD15568" i="1"/>
  <c r="AD15569" i="1"/>
  <c r="AD15570" i="1"/>
  <c r="AD15571" i="1"/>
  <c r="AD15572" i="1"/>
  <c r="AD15573" i="1"/>
  <c r="AD15574" i="1"/>
  <c r="AD15575" i="1"/>
  <c r="AD15576" i="1"/>
  <c r="AD15577" i="1"/>
  <c r="AD15578" i="1"/>
  <c r="AD15579" i="1"/>
  <c r="AD15580" i="1"/>
  <c r="AD15581" i="1"/>
  <c r="AD15582" i="1"/>
  <c r="AD15583" i="1"/>
  <c r="AD15584" i="1"/>
  <c r="AD15585" i="1"/>
  <c r="AD15586" i="1"/>
  <c r="AD15587" i="1"/>
  <c r="AD15588" i="1"/>
  <c r="AD15589" i="1"/>
  <c r="AD15590" i="1"/>
  <c r="AD15591" i="1"/>
  <c r="AD15592" i="1"/>
  <c r="AD15593" i="1"/>
  <c r="AD15594" i="1"/>
  <c r="AD15595" i="1"/>
  <c r="AD15596" i="1"/>
  <c r="AD15597" i="1"/>
  <c r="AD15598" i="1"/>
  <c r="AD15599" i="1"/>
  <c r="AD15600" i="1"/>
  <c r="AD15601" i="1"/>
  <c r="AD15602" i="1"/>
  <c r="AD15603" i="1"/>
  <c r="AD15604" i="1"/>
  <c r="AD15605" i="1"/>
  <c r="AD15606" i="1"/>
  <c r="AD15607" i="1"/>
  <c r="AD15608" i="1"/>
  <c r="AD15609" i="1"/>
  <c r="AD15610" i="1"/>
  <c r="AD15611" i="1"/>
  <c r="AD15612" i="1"/>
  <c r="AD15613" i="1"/>
  <c r="AD15614" i="1"/>
  <c r="AD15615" i="1"/>
  <c r="AD15616" i="1"/>
  <c r="AD15617" i="1"/>
  <c r="AD15618" i="1"/>
  <c r="AD15619" i="1"/>
  <c r="AD15620" i="1"/>
  <c r="AD15621" i="1"/>
  <c r="AD15622" i="1"/>
  <c r="AD15623" i="1"/>
  <c r="AD15624" i="1"/>
  <c r="AD15625" i="1"/>
  <c r="AD15626" i="1"/>
  <c r="AD15627" i="1"/>
  <c r="AD15628" i="1"/>
  <c r="AD15629" i="1"/>
  <c r="AD15630" i="1"/>
  <c r="AD15631" i="1"/>
  <c r="AD15632" i="1"/>
  <c r="AD15633" i="1"/>
  <c r="AD15634" i="1"/>
  <c r="AD15635" i="1"/>
  <c r="AD15636" i="1"/>
  <c r="AD15637" i="1"/>
  <c r="AD15638" i="1"/>
  <c r="AD15639" i="1"/>
  <c r="AD15640" i="1"/>
  <c r="AD15641" i="1"/>
  <c r="AD15642" i="1"/>
  <c r="AD15643" i="1"/>
  <c r="AD15644" i="1"/>
  <c r="AD15645" i="1"/>
  <c r="AD15646" i="1"/>
  <c r="AD15647" i="1"/>
  <c r="AD15648" i="1"/>
  <c r="AD15649" i="1"/>
  <c r="AD15650" i="1"/>
  <c r="AD15651" i="1"/>
  <c r="AD15652" i="1"/>
  <c r="AD15653" i="1"/>
  <c r="AD15654" i="1"/>
  <c r="AD15655" i="1"/>
  <c r="AD15656" i="1"/>
  <c r="AD15657" i="1"/>
  <c r="AD15658" i="1"/>
  <c r="AD15659" i="1"/>
  <c r="AD15660" i="1"/>
  <c r="AD15661" i="1"/>
  <c r="AD15662" i="1"/>
  <c r="AD15663" i="1"/>
  <c r="AD15664" i="1"/>
  <c r="AD15665" i="1"/>
  <c r="AD15666" i="1"/>
  <c r="AD15667" i="1"/>
  <c r="AD15668" i="1"/>
  <c r="AD15669" i="1"/>
  <c r="AD15670" i="1"/>
  <c r="AD15671" i="1"/>
  <c r="AD15672" i="1"/>
  <c r="AD15673" i="1"/>
  <c r="AD15674" i="1"/>
  <c r="AD15675" i="1"/>
  <c r="AD15676" i="1"/>
  <c r="AD15677" i="1"/>
  <c r="AD15678" i="1"/>
  <c r="AD15679" i="1"/>
  <c r="AD15680" i="1"/>
  <c r="AD15681" i="1"/>
  <c r="AD15682" i="1"/>
  <c r="AD15683" i="1"/>
  <c r="AD15684" i="1"/>
  <c r="AD15685" i="1"/>
  <c r="AD15686" i="1"/>
  <c r="AD15687" i="1"/>
  <c r="AD15688" i="1"/>
  <c r="AD15689" i="1"/>
  <c r="AD15690" i="1"/>
  <c r="AD15691" i="1"/>
  <c r="AD15692" i="1"/>
  <c r="AD15693" i="1"/>
  <c r="AD15694" i="1"/>
  <c r="AD15695" i="1"/>
  <c r="AD15696" i="1"/>
  <c r="AD15697" i="1"/>
  <c r="AD15698" i="1"/>
  <c r="AD15699" i="1"/>
  <c r="AD15700" i="1"/>
  <c r="AD15701" i="1"/>
  <c r="AD15702" i="1"/>
  <c r="AD15703" i="1"/>
  <c r="AD15704" i="1"/>
  <c r="AD15705" i="1"/>
  <c r="AD15706" i="1"/>
  <c r="AD15707" i="1"/>
  <c r="AD15708" i="1"/>
  <c r="AD15709" i="1"/>
  <c r="AD15710" i="1"/>
  <c r="AD15711" i="1"/>
  <c r="AD15712" i="1"/>
  <c r="AD15713" i="1"/>
  <c r="AD15714" i="1"/>
  <c r="AD15715" i="1"/>
  <c r="AD15716" i="1"/>
  <c r="AD15717" i="1"/>
  <c r="AD15718" i="1"/>
  <c r="AD15719" i="1"/>
  <c r="AD15720" i="1"/>
  <c r="AD15721" i="1"/>
  <c r="AD15722" i="1"/>
  <c r="AD15723" i="1"/>
  <c r="AD15724" i="1"/>
  <c r="AD15725" i="1"/>
  <c r="AD15726" i="1"/>
  <c r="AD15727" i="1"/>
  <c r="AD15728" i="1"/>
  <c r="AD15729" i="1"/>
  <c r="AD15730" i="1"/>
  <c r="AD15731" i="1"/>
  <c r="AD15732" i="1"/>
  <c r="AD15733" i="1"/>
  <c r="AD15734" i="1"/>
  <c r="AD15735" i="1"/>
  <c r="AD15736" i="1"/>
  <c r="AD15737" i="1"/>
  <c r="AD15738" i="1"/>
  <c r="AD15739" i="1"/>
  <c r="AD15740" i="1"/>
  <c r="AD15741" i="1"/>
  <c r="AD15742" i="1"/>
  <c r="AD15743" i="1"/>
  <c r="AD15744" i="1"/>
  <c r="AD15745" i="1"/>
  <c r="AD15746" i="1"/>
  <c r="AD15747" i="1"/>
  <c r="AD15748" i="1"/>
  <c r="AD15749" i="1"/>
  <c r="AD15750" i="1"/>
  <c r="AD15751" i="1"/>
  <c r="AD15752" i="1"/>
  <c r="AD15753" i="1"/>
  <c r="AD15754" i="1"/>
  <c r="AD15755" i="1"/>
  <c r="AD15756" i="1"/>
  <c r="AD15757" i="1"/>
  <c r="AD15758" i="1"/>
  <c r="AD15759" i="1"/>
  <c r="AD15760" i="1"/>
  <c r="AD15761" i="1"/>
  <c r="AD15762" i="1"/>
  <c r="AD15763" i="1"/>
  <c r="AD15764" i="1"/>
  <c r="AD15765" i="1"/>
  <c r="AD15766" i="1"/>
  <c r="AD15767" i="1"/>
  <c r="AD15768" i="1"/>
  <c r="AD15769" i="1"/>
  <c r="AD15770" i="1"/>
  <c r="AD15771" i="1"/>
  <c r="AD15772" i="1"/>
  <c r="AD15773" i="1"/>
  <c r="AD15774" i="1"/>
  <c r="AD15775" i="1"/>
  <c r="AD15776" i="1"/>
  <c r="AD15777" i="1"/>
  <c r="AD15778" i="1"/>
  <c r="AD15779" i="1"/>
  <c r="AD15780" i="1"/>
  <c r="AD15781" i="1"/>
  <c r="AD15782" i="1"/>
  <c r="AD15783" i="1"/>
  <c r="AD15784" i="1"/>
  <c r="AD15785" i="1"/>
  <c r="AD15786" i="1"/>
  <c r="AD15787" i="1"/>
  <c r="AD15788" i="1"/>
  <c r="AD15789" i="1"/>
  <c r="AD15790" i="1"/>
  <c r="AD15791" i="1"/>
  <c r="AD15792" i="1"/>
  <c r="AD15793" i="1"/>
  <c r="AD15794" i="1"/>
  <c r="AD15795" i="1"/>
  <c r="AD15796" i="1"/>
  <c r="AD15797" i="1"/>
  <c r="AD15798" i="1"/>
  <c r="AD15799" i="1"/>
  <c r="AD15800" i="1"/>
  <c r="AD15801" i="1"/>
  <c r="AD15802" i="1"/>
  <c r="AD15803" i="1"/>
  <c r="AD15804" i="1"/>
  <c r="AD15805" i="1"/>
  <c r="AD15806" i="1"/>
  <c r="AD15807" i="1"/>
  <c r="AD15808" i="1"/>
  <c r="AD15809" i="1"/>
  <c r="AD15810" i="1"/>
  <c r="AD15811" i="1"/>
  <c r="AD15812" i="1"/>
  <c r="AD15813" i="1"/>
  <c r="AD15814" i="1"/>
  <c r="AD15815" i="1"/>
  <c r="AD15816" i="1"/>
  <c r="AD15817" i="1"/>
  <c r="AD15818" i="1"/>
  <c r="AD15819" i="1"/>
  <c r="AD15820" i="1"/>
  <c r="AD15821" i="1"/>
  <c r="AD15822" i="1"/>
  <c r="AD15823" i="1"/>
  <c r="AD15824" i="1"/>
  <c r="AD15825" i="1"/>
  <c r="AD15826" i="1"/>
  <c r="AD15827" i="1"/>
  <c r="AD15828" i="1"/>
  <c r="AD15829" i="1"/>
  <c r="AD15830" i="1"/>
  <c r="AD15831" i="1"/>
  <c r="AD15832" i="1"/>
  <c r="AD15833" i="1"/>
  <c r="AD15834" i="1"/>
  <c r="AD15835" i="1"/>
  <c r="AD15836" i="1"/>
  <c r="AD15837" i="1"/>
  <c r="AD15838" i="1"/>
  <c r="AD15839" i="1"/>
  <c r="AD15840" i="1"/>
  <c r="AD15841" i="1"/>
  <c r="AD15842" i="1"/>
  <c r="AD15843" i="1"/>
  <c r="AD15844" i="1"/>
  <c r="AD15845" i="1"/>
  <c r="AD15846" i="1"/>
  <c r="AD15847" i="1"/>
  <c r="AD15848" i="1"/>
  <c r="AD15849" i="1"/>
  <c r="AD15850" i="1"/>
  <c r="AD15851" i="1"/>
  <c r="AD15852" i="1"/>
  <c r="AD15853" i="1"/>
  <c r="AD15854" i="1"/>
  <c r="AD15855" i="1"/>
  <c r="AD15856" i="1"/>
  <c r="AD15857" i="1"/>
  <c r="AD15858" i="1"/>
  <c r="AD15859" i="1"/>
  <c r="AD15860" i="1"/>
  <c r="AD15861" i="1"/>
  <c r="AD15862" i="1"/>
  <c r="AD15863" i="1"/>
  <c r="AD15864" i="1"/>
  <c r="AD15865" i="1"/>
  <c r="AD15866" i="1"/>
  <c r="AD15867" i="1"/>
  <c r="AD15868" i="1"/>
  <c r="AD15869" i="1"/>
  <c r="AD15870" i="1"/>
  <c r="AD15871" i="1"/>
  <c r="AD15872" i="1"/>
  <c r="AD15873" i="1"/>
  <c r="AD15874" i="1"/>
  <c r="AD15875" i="1"/>
  <c r="AD15876" i="1"/>
  <c r="AD15877" i="1"/>
  <c r="AD15878" i="1"/>
  <c r="AD15879" i="1"/>
  <c r="AD15880" i="1"/>
  <c r="AD15881" i="1"/>
  <c r="AD15882" i="1"/>
  <c r="AD15883" i="1"/>
  <c r="AD15884" i="1"/>
  <c r="AD15885" i="1"/>
  <c r="AD15886" i="1"/>
  <c r="AD15887" i="1"/>
  <c r="AD15888" i="1"/>
  <c r="AD15889" i="1"/>
  <c r="AD15890" i="1"/>
  <c r="AD15891" i="1"/>
  <c r="AD15892" i="1"/>
  <c r="AD15893" i="1"/>
  <c r="AD15894" i="1"/>
  <c r="AD15895" i="1"/>
  <c r="AD15896" i="1"/>
  <c r="AD15897" i="1"/>
  <c r="AD15898" i="1"/>
  <c r="AD15899" i="1"/>
  <c r="AD15900" i="1"/>
  <c r="AD15901" i="1"/>
  <c r="AD15902" i="1"/>
  <c r="AD15903" i="1"/>
  <c r="AD15904" i="1"/>
  <c r="AD15905" i="1"/>
  <c r="AD15906" i="1"/>
  <c r="AD15907" i="1"/>
  <c r="AD15908" i="1"/>
  <c r="AD15909" i="1"/>
  <c r="AD15910" i="1"/>
  <c r="AD15911" i="1"/>
  <c r="AD15912" i="1"/>
  <c r="AD15913" i="1"/>
  <c r="AD15914" i="1"/>
  <c r="AD15915" i="1"/>
  <c r="AD15916" i="1"/>
  <c r="AD15917" i="1"/>
  <c r="AD15918" i="1"/>
  <c r="AD15919" i="1"/>
  <c r="AD15920" i="1"/>
  <c r="AD15921" i="1"/>
  <c r="AD15922" i="1"/>
  <c r="AD15923" i="1"/>
  <c r="AD15924" i="1"/>
  <c r="AD15925" i="1"/>
  <c r="AD15926" i="1"/>
  <c r="AD15927" i="1"/>
  <c r="AD15928" i="1"/>
  <c r="AD15929" i="1"/>
  <c r="AD15930" i="1"/>
  <c r="AD15931" i="1"/>
  <c r="AD15932" i="1"/>
  <c r="AD15933" i="1"/>
  <c r="AD15934" i="1"/>
  <c r="AD15935" i="1"/>
  <c r="AD15936" i="1"/>
  <c r="AD15937" i="1"/>
  <c r="AD15938" i="1"/>
  <c r="AD15939" i="1"/>
  <c r="AD15940" i="1"/>
  <c r="AD15941" i="1"/>
  <c r="AD15942" i="1"/>
  <c r="AD15943" i="1"/>
  <c r="AD15944" i="1"/>
  <c r="AD15945" i="1"/>
  <c r="AD15946" i="1"/>
  <c r="AD15947" i="1"/>
  <c r="AD15948" i="1"/>
  <c r="AD15949" i="1"/>
  <c r="AD15950" i="1"/>
  <c r="AD15951" i="1"/>
  <c r="AD15952" i="1"/>
  <c r="AD15953" i="1"/>
  <c r="AD15954" i="1"/>
  <c r="AD15955" i="1"/>
  <c r="AD15956" i="1"/>
  <c r="AD15957" i="1"/>
  <c r="AD15958" i="1"/>
  <c r="AD15959" i="1"/>
  <c r="AD15960" i="1"/>
  <c r="AD15961" i="1"/>
  <c r="AD15962" i="1"/>
  <c r="AD15963" i="1"/>
  <c r="AD15964" i="1"/>
  <c r="AD15965" i="1"/>
  <c r="AD15966" i="1"/>
  <c r="AD15967" i="1"/>
  <c r="AD15968" i="1"/>
  <c r="AD15969" i="1"/>
  <c r="AD15970" i="1"/>
  <c r="AD15971" i="1"/>
  <c r="AD15972" i="1"/>
  <c r="AD15973" i="1"/>
  <c r="AD15974" i="1"/>
  <c r="AD15975" i="1"/>
  <c r="AD15976" i="1"/>
  <c r="AD15977" i="1"/>
  <c r="AD15978" i="1"/>
  <c r="AD15979" i="1"/>
  <c r="AD15980" i="1"/>
  <c r="AD15981" i="1"/>
  <c r="AD15982" i="1"/>
  <c r="AD15983" i="1"/>
  <c r="AD15984" i="1"/>
  <c r="AD15985" i="1"/>
  <c r="AD15986" i="1"/>
  <c r="AD15987" i="1"/>
  <c r="AD15988" i="1"/>
  <c r="AD15989" i="1"/>
  <c r="AD15990" i="1"/>
  <c r="AD15991" i="1"/>
  <c r="AD15992" i="1"/>
  <c r="AD15993" i="1"/>
  <c r="AD15994" i="1"/>
  <c r="AD15995" i="1"/>
  <c r="AD15996" i="1"/>
  <c r="AD15997" i="1"/>
  <c r="AD15998" i="1"/>
  <c r="AD15999" i="1"/>
  <c r="AD16000" i="1"/>
  <c r="AD16001" i="1"/>
  <c r="AD16002" i="1"/>
  <c r="AD16003" i="1"/>
  <c r="AD16004" i="1"/>
  <c r="AD16005" i="1"/>
  <c r="AD16006" i="1"/>
  <c r="AD16007" i="1"/>
  <c r="AD16008" i="1"/>
  <c r="AD16009" i="1"/>
  <c r="AD16010" i="1"/>
  <c r="AD16011" i="1"/>
  <c r="AD16012" i="1"/>
  <c r="AD16013" i="1"/>
  <c r="AD16014" i="1"/>
  <c r="AD16015" i="1"/>
  <c r="AD16016" i="1"/>
  <c r="AD16017" i="1"/>
  <c r="AD16018" i="1"/>
  <c r="AD16019" i="1"/>
  <c r="AD16020" i="1"/>
  <c r="AD16021" i="1"/>
  <c r="AD16022" i="1"/>
  <c r="AD16023" i="1"/>
  <c r="AD16024" i="1"/>
  <c r="AD16025" i="1"/>
  <c r="AD16026" i="1"/>
  <c r="AD16027" i="1"/>
  <c r="AD16028" i="1"/>
  <c r="AD16029" i="1"/>
  <c r="AD16030" i="1"/>
  <c r="AD16031" i="1"/>
  <c r="AD16032" i="1"/>
  <c r="AD16033" i="1"/>
  <c r="AD16034" i="1"/>
  <c r="AD16035" i="1"/>
  <c r="AD16036" i="1"/>
  <c r="AD16037" i="1"/>
  <c r="AD16038" i="1"/>
  <c r="AD16039" i="1"/>
  <c r="AD16040" i="1"/>
  <c r="AD16041" i="1"/>
  <c r="AD16042" i="1"/>
  <c r="AD16043" i="1"/>
  <c r="AD16044" i="1"/>
  <c r="AD16045" i="1"/>
  <c r="AD16046" i="1"/>
  <c r="AD16047" i="1"/>
  <c r="AD16048" i="1"/>
  <c r="AD16049" i="1"/>
  <c r="AD16050" i="1"/>
  <c r="AD16051" i="1"/>
  <c r="AD16052" i="1"/>
  <c r="AD16053" i="1"/>
  <c r="AD16054" i="1"/>
  <c r="AD16055" i="1"/>
  <c r="AD16056" i="1"/>
  <c r="AD16057" i="1"/>
  <c r="AD16058" i="1"/>
  <c r="AD16059" i="1"/>
  <c r="AD16060" i="1"/>
  <c r="AD16061" i="1"/>
  <c r="AD16062" i="1"/>
  <c r="AD16063" i="1"/>
  <c r="AD16064" i="1"/>
  <c r="AD16065" i="1"/>
  <c r="AD16066" i="1"/>
  <c r="AD16067" i="1"/>
  <c r="AD16068" i="1"/>
  <c r="AD16069" i="1"/>
  <c r="AD16070" i="1"/>
  <c r="AD16071" i="1"/>
  <c r="AD16072" i="1"/>
  <c r="AD16073" i="1"/>
  <c r="AD16074" i="1"/>
  <c r="AD16075" i="1"/>
  <c r="AD16076" i="1"/>
  <c r="AD16077" i="1"/>
  <c r="AD16078" i="1"/>
  <c r="AD16079" i="1"/>
  <c r="AD16080" i="1"/>
  <c r="AD16081" i="1"/>
  <c r="AD16082" i="1"/>
  <c r="AD16083" i="1"/>
  <c r="AD16084" i="1"/>
  <c r="AD16085" i="1"/>
  <c r="AD16086" i="1"/>
  <c r="AD16087" i="1"/>
  <c r="AD16088" i="1"/>
  <c r="AD16089" i="1"/>
  <c r="AD16090" i="1"/>
  <c r="AD16091" i="1"/>
  <c r="AD16092" i="1"/>
  <c r="AD16093" i="1"/>
  <c r="AD16094" i="1"/>
  <c r="AD16095" i="1"/>
  <c r="AD16096" i="1"/>
  <c r="AD16097" i="1"/>
  <c r="AD16098" i="1"/>
  <c r="AD16099" i="1"/>
  <c r="AD16100" i="1"/>
  <c r="AD16101" i="1"/>
  <c r="AD16102" i="1"/>
  <c r="AD16103" i="1"/>
  <c r="AD16104" i="1"/>
  <c r="AD16105" i="1"/>
  <c r="AD16106" i="1"/>
  <c r="AD16107" i="1"/>
  <c r="AD16108" i="1"/>
  <c r="AD16109" i="1"/>
  <c r="AD16110" i="1"/>
  <c r="AD16111" i="1"/>
  <c r="AD16112" i="1"/>
  <c r="AD16113" i="1"/>
  <c r="AD16114" i="1"/>
  <c r="AD16115" i="1"/>
  <c r="AD16116" i="1"/>
  <c r="AD16117" i="1"/>
  <c r="AD16118" i="1"/>
  <c r="AD16119" i="1"/>
  <c r="AD16120" i="1"/>
  <c r="AD16121" i="1"/>
  <c r="AD16122" i="1"/>
  <c r="AD16123" i="1"/>
  <c r="AD16124" i="1"/>
  <c r="AD16125" i="1"/>
  <c r="AD16126" i="1"/>
  <c r="AD16127" i="1"/>
  <c r="AD16128" i="1"/>
  <c r="AD16129" i="1"/>
  <c r="AD16130" i="1"/>
  <c r="AD16131" i="1"/>
  <c r="AD16132" i="1"/>
  <c r="AD16133" i="1"/>
  <c r="AD16134" i="1"/>
  <c r="AD16135" i="1"/>
  <c r="AD16136" i="1"/>
  <c r="AD16137" i="1"/>
  <c r="AD16138" i="1"/>
  <c r="AD16139" i="1"/>
  <c r="AD16140" i="1"/>
  <c r="AD16141" i="1"/>
  <c r="AD16142" i="1"/>
  <c r="AD16143" i="1"/>
  <c r="AD16144" i="1"/>
  <c r="AD16145" i="1"/>
  <c r="AD16146" i="1"/>
  <c r="AD16147" i="1"/>
  <c r="AD16148" i="1"/>
  <c r="AD16149" i="1"/>
  <c r="AD16150" i="1"/>
  <c r="AD16151" i="1"/>
  <c r="AD16152" i="1"/>
  <c r="AD16153" i="1"/>
  <c r="AD16154" i="1"/>
  <c r="AD16155" i="1"/>
  <c r="AD16156" i="1"/>
  <c r="AD16157" i="1"/>
  <c r="AD16158" i="1"/>
  <c r="AD16159" i="1"/>
  <c r="AD16160" i="1"/>
  <c r="AD16161" i="1"/>
  <c r="AD16162" i="1"/>
  <c r="AD16163" i="1"/>
  <c r="AD16164" i="1"/>
  <c r="AD16165" i="1"/>
  <c r="AD16166" i="1"/>
  <c r="AD16167" i="1"/>
  <c r="AD16168" i="1"/>
  <c r="AD16169" i="1"/>
  <c r="AD16170" i="1"/>
  <c r="AD16171" i="1"/>
  <c r="AD16172" i="1"/>
  <c r="AD16173" i="1"/>
  <c r="AD16174" i="1"/>
  <c r="AD16175" i="1"/>
  <c r="AD16176" i="1"/>
  <c r="AD16177" i="1"/>
  <c r="AD16178" i="1"/>
  <c r="AD16179" i="1"/>
  <c r="AD16180" i="1"/>
  <c r="AD16181" i="1"/>
  <c r="AD16182" i="1"/>
  <c r="AD16183" i="1"/>
  <c r="AD16184" i="1"/>
  <c r="AD16185" i="1"/>
  <c r="AD16186" i="1"/>
  <c r="AD16187" i="1"/>
  <c r="AD16188" i="1"/>
  <c r="AD16189" i="1"/>
  <c r="AD16190" i="1"/>
  <c r="AD16191" i="1"/>
  <c r="AD16192" i="1"/>
  <c r="AD16193" i="1"/>
  <c r="AD16194" i="1"/>
  <c r="AD16195" i="1"/>
  <c r="AD16196" i="1"/>
  <c r="AD16197" i="1"/>
  <c r="AD16198" i="1"/>
  <c r="AD16199" i="1"/>
  <c r="AD16200" i="1"/>
  <c r="AD16201" i="1"/>
  <c r="AD16202" i="1"/>
  <c r="AD16203" i="1"/>
  <c r="AD16204" i="1"/>
  <c r="AD16205" i="1"/>
  <c r="AD16206" i="1"/>
  <c r="AD16207" i="1"/>
  <c r="AD16208" i="1"/>
  <c r="AD16209" i="1"/>
  <c r="AD16210" i="1"/>
  <c r="AD16211" i="1"/>
  <c r="AD16212" i="1"/>
  <c r="AD16213" i="1"/>
  <c r="AD16214" i="1"/>
  <c r="AD16215" i="1"/>
  <c r="AD16216" i="1"/>
  <c r="AD16217" i="1"/>
  <c r="AD16218" i="1"/>
  <c r="AD16219" i="1"/>
  <c r="AD16220" i="1"/>
  <c r="AD16221" i="1"/>
  <c r="AD16222" i="1"/>
  <c r="AD16223" i="1"/>
  <c r="AD16224" i="1"/>
  <c r="AD16225" i="1"/>
  <c r="AD16226" i="1"/>
  <c r="AD16227" i="1"/>
  <c r="AD16228" i="1"/>
  <c r="AD16229" i="1"/>
  <c r="AD16230" i="1"/>
  <c r="AD16231" i="1"/>
  <c r="AD16232" i="1"/>
  <c r="AD16233" i="1"/>
  <c r="AD16234" i="1"/>
  <c r="AD16235" i="1"/>
  <c r="AD16236" i="1"/>
  <c r="AD16237" i="1"/>
  <c r="AD16238" i="1"/>
  <c r="AD16239" i="1"/>
  <c r="AD16240" i="1"/>
  <c r="AD16241" i="1"/>
  <c r="AD16242" i="1"/>
  <c r="AD16243" i="1"/>
  <c r="AD16244" i="1"/>
  <c r="AD16245" i="1"/>
  <c r="AD16246" i="1"/>
  <c r="AD16247" i="1"/>
  <c r="AD16248" i="1"/>
  <c r="AD16249" i="1"/>
  <c r="AD16250" i="1"/>
  <c r="AD16251" i="1"/>
  <c r="AD16252" i="1"/>
  <c r="AD16253" i="1"/>
  <c r="AD16254" i="1"/>
  <c r="AD16255" i="1"/>
  <c r="AD16256" i="1"/>
  <c r="AD16257" i="1"/>
  <c r="AD16258" i="1"/>
  <c r="AD16259" i="1"/>
  <c r="AD16260" i="1"/>
  <c r="AD16261" i="1"/>
  <c r="AD16262" i="1"/>
  <c r="AD16263" i="1"/>
  <c r="AD16264" i="1"/>
  <c r="AD16265" i="1"/>
  <c r="AD16266" i="1"/>
  <c r="AD16267" i="1"/>
  <c r="AD16268" i="1"/>
  <c r="AD16269" i="1"/>
  <c r="AD16270" i="1"/>
  <c r="AD16271" i="1"/>
  <c r="AD16272" i="1"/>
  <c r="AD16273" i="1"/>
  <c r="AD16274" i="1"/>
  <c r="AD16275" i="1"/>
  <c r="AD16276" i="1"/>
  <c r="AD16277" i="1"/>
  <c r="AD16278" i="1"/>
  <c r="AD16279" i="1"/>
  <c r="AD16280" i="1"/>
  <c r="AD16281" i="1"/>
  <c r="AD16282" i="1"/>
  <c r="AD16283" i="1"/>
  <c r="AD16284" i="1"/>
  <c r="AD16285" i="1"/>
  <c r="AD16286" i="1"/>
  <c r="AD16287" i="1"/>
  <c r="AD16288" i="1"/>
  <c r="AD16289" i="1"/>
  <c r="AD16290" i="1"/>
  <c r="AD16291" i="1"/>
  <c r="AD16292" i="1"/>
  <c r="AD16293" i="1"/>
  <c r="AD16294" i="1"/>
  <c r="AD16295" i="1"/>
  <c r="AD16296" i="1"/>
  <c r="AD16297" i="1"/>
  <c r="AD16298" i="1"/>
  <c r="AD16299" i="1"/>
  <c r="AD16300" i="1"/>
  <c r="AD16301" i="1"/>
  <c r="AD16302" i="1"/>
  <c r="AD16303" i="1"/>
  <c r="AD16304" i="1"/>
  <c r="AD16305" i="1"/>
  <c r="AD16306" i="1"/>
  <c r="AD16307" i="1"/>
  <c r="AD16308" i="1"/>
  <c r="AD16309" i="1"/>
  <c r="AD16310" i="1"/>
  <c r="AD16311" i="1"/>
  <c r="AD16312" i="1"/>
  <c r="AD16313" i="1"/>
  <c r="AD16314" i="1"/>
  <c r="AD16315" i="1"/>
  <c r="AD16316" i="1"/>
  <c r="AD16317" i="1"/>
  <c r="AD16318" i="1"/>
  <c r="AD16319" i="1"/>
  <c r="AD16320" i="1"/>
  <c r="AD16321" i="1"/>
  <c r="AD16322" i="1"/>
  <c r="AD16323" i="1"/>
  <c r="AD16324" i="1"/>
  <c r="AD16325" i="1"/>
  <c r="AD16326" i="1"/>
  <c r="AD16327" i="1"/>
  <c r="AD16328" i="1"/>
  <c r="AD16329" i="1"/>
  <c r="AD16330" i="1"/>
  <c r="AD16331" i="1"/>
  <c r="AD16332" i="1"/>
  <c r="AD16333" i="1"/>
  <c r="AD16334" i="1"/>
  <c r="AD16335" i="1"/>
  <c r="AD16336" i="1"/>
  <c r="AD16337" i="1"/>
  <c r="AD16338" i="1"/>
  <c r="AD16339" i="1"/>
  <c r="AD16340" i="1"/>
  <c r="AD16341" i="1"/>
  <c r="AD16342" i="1"/>
  <c r="AD16343" i="1"/>
  <c r="AD16344" i="1"/>
  <c r="AD16345" i="1"/>
  <c r="AD16346" i="1"/>
  <c r="AD16347" i="1"/>
  <c r="AD16348" i="1"/>
  <c r="AD16349" i="1"/>
  <c r="AD16350" i="1"/>
  <c r="AD16351" i="1"/>
  <c r="AD16352" i="1"/>
  <c r="AD16353" i="1"/>
  <c r="AD16354" i="1"/>
  <c r="AD16355" i="1"/>
  <c r="AD16356" i="1"/>
  <c r="AD16357" i="1"/>
  <c r="AD16358" i="1"/>
  <c r="AD16359" i="1"/>
  <c r="AD16360" i="1"/>
  <c r="AD16361" i="1"/>
  <c r="AD16362" i="1"/>
  <c r="AD16363" i="1"/>
  <c r="AD16364" i="1"/>
  <c r="AD16365" i="1"/>
  <c r="AD16366" i="1"/>
  <c r="AD16367" i="1"/>
  <c r="AD16368" i="1"/>
  <c r="AD16369" i="1"/>
  <c r="AD16370" i="1"/>
  <c r="AD16371" i="1"/>
  <c r="AD16372" i="1"/>
  <c r="AD16373" i="1"/>
  <c r="AD16374" i="1"/>
  <c r="AD16375" i="1"/>
  <c r="AD16376" i="1"/>
  <c r="AD16377" i="1"/>
  <c r="AD16378" i="1"/>
  <c r="AD16379" i="1"/>
  <c r="AD16380" i="1"/>
  <c r="AD16381" i="1"/>
  <c r="AD16382" i="1"/>
  <c r="AD16383" i="1"/>
  <c r="AD16384" i="1"/>
  <c r="AD16385" i="1"/>
  <c r="AD16386" i="1"/>
  <c r="AD16387" i="1"/>
  <c r="AD16388" i="1"/>
  <c r="AD16389" i="1"/>
  <c r="AD16390" i="1"/>
  <c r="AD16391" i="1"/>
  <c r="AD16392" i="1"/>
  <c r="AD16393" i="1"/>
  <c r="AD16394" i="1"/>
  <c r="AD16395" i="1"/>
  <c r="AD16396" i="1"/>
  <c r="AD16397" i="1"/>
  <c r="AD16398" i="1"/>
  <c r="AD16399" i="1"/>
  <c r="AD16400" i="1"/>
  <c r="AD16401" i="1"/>
  <c r="AD16402" i="1"/>
  <c r="AD16403" i="1"/>
  <c r="AD16404" i="1"/>
  <c r="AD16405" i="1"/>
  <c r="AD16406" i="1"/>
  <c r="AD16407" i="1"/>
  <c r="AD16408" i="1"/>
  <c r="AD16409" i="1"/>
  <c r="AD16410" i="1"/>
  <c r="AD16411" i="1"/>
  <c r="AD16412" i="1"/>
  <c r="AD16413" i="1"/>
  <c r="AD16414" i="1"/>
  <c r="AD16415" i="1"/>
  <c r="AD16416" i="1"/>
  <c r="AD16417" i="1"/>
  <c r="AD16418" i="1"/>
  <c r="AD16419" i="1"/>
  <c r="AD16420" i="1"/>
  <c r="AD16421" i="1"/>
  <c r="AD16422" i="1"/>
  <c r="AD16423" i="1"/>
  <c r="AD16424" i="1"/>
  <c r="AD16425" i="1"/>
  <c r="AD16426" i="1"/>
  <c r="AD16427" i="1"/>
  <c r="AD16428" i="1"/>
  <c r="AD16429" i="1"/>
  <c r="AD16430" i="1"/>
  <c r="AD16431" i="1"/>
  <c r="AD16432" i="1"/>
  <c r="AD16433" i="1"/>
  <c r="AD16434" i="1"/>
  <c r="AD16435" i="1"/>
  <c r="AD16436" i="1"/>
  <c r="AD16437" i="1"/>
  <c r="AD16438" i="1"/>
  <c r="AD16439" i="1"/>
  <c r="AD16440" i="1"/>
  <c r="AD16441" i="1"/>
  <c r="AD16442" i="1"/>
  <c r="AD16443" i="1"/>
  <c r="AD16444" i="1"/>
  <c r="AD16445" i="1"/>
  <c r="AD16446" i="1"/>
  <c r="AD16447" i="1"/>
  <c r="AD16448" i="1"/>
  <c r="AD16449" i="1"/>
  <c r="AD16450" i="1"/>
  <c r="AD16451" i="1"/>
  <c r="AD16452" i="1"/>
  <c r="AD16453" i="1"/>
  <c r="AD16454" i="1"/>
  <c r="AD16455" i="1"/>
  <c r="AD16456" i="1"/>
  <c r="AD16457" i="1"/>
  <c r="AD16458" i="1"/>
  <c r="AD16459" i="1"/>
  <c r="AD16460" i="1"/>
  <c r="AD16461" i="1"/>
  <c r="AD16462" i="1"/>
  <c r="AD16463" i="1"/>
  <c r="AD16464" i="1"/>
  <c r="AD16465" i="1"/>
  <c r="AD16466" i="1"/>
  <c r="AD16467" i="1"/>
  <c r="AD16468" i="1"/>
  <c r="AD16469" i="1"/>
  <c r="AD16470" i="1"/>
  <c r="AD16471" i="1"/>
  <c r="AD16472" i="1"/>
  <c r="AD16473" i="1"/>
  <c r="AD16474" i="1"/>
  <c r="AD16475" i="1"/>
  <c r="AD16476" i="1"/>
  <c r="AD16477" i="1"/>
  <c r="AD16478" i="1"/>
  <c r="AD16479" i="1"/>
  <c r="AD16480" i="1"/>
  <c r="AD16481" i="1"/>
  <c r="AD16482" i="1"/>
  <c r="AD16483" i="1"/>
  <c r="AD16484" i="1"/>
  <c r="AD16485" i="1"/>
  <c r="AD16486" i="1"/>
  <c r="AD16487" i="1"/>
  <c r="AD16488" i="1"/>
  <c r="AD16489" i="1"/>
  <c r="AD16490" i="1"/>
  <c r="AD16491" i="1"/>
  <c r="AD16492" i="1"/>
  <c r="AD16493" i="1"/>
  <c r="AD16494" i="1"/>
  <c r="AD16495" i="1"/>
  <c r="AD16496" i="1"/>
  <c r="AD16497" i="1"/>
  <c r="AD16498" i="1"/>
  <c r="AD16499" i="1"/>
  <c r="AD16500" i="1"/>
  <c r="AD16501" i="1"/>
  <c r="AD16502" i="1"/>
  <c r="AD16503" i="1"/>
  <c r="AD16504" i="1"/>
  <c r="AD16505" i="1"/>
  <c r="AD16506" i="1"/>
  <c r="AD16507" i="1"/>
  <c r="AD16508" i="1"/>
  <c r="AD16509" i="1"/>
  <c r="AD16510" i="1"/>
  <c r="AD16511" i="1"/>
  <c r="AD16512" i="1"/>
  <c r="AD16513" i="1"/>
  <c r="AD16514" i="1"/>
  <c r="AD16515" i="1"/>
  <c r="AD16516" i="1"/>
  <c r="AD16517" i="1"/>
  <c r="AD16518" i="1"/>
  <c r="AD16519" i="1"/>
  <c r="AD16520" i="1"/>
  <c r="AD16521" i="1"/>
  <c r="AD16522" i="1"/>
  <c r="AD16523" i="1"/>
  <c r="AD16524" i="1"/>
  <c r="AD16525" i="1"/>
  <c r="AD16526" i="1"/>
  <c r="AD16527" i="1"/>
  <c r="AD16528" i="1"/>
  <c r="AD16529" i="1"/>
  <c r="AD16530" i="1"/>
  <c r="AD16531" i="1"/>
  <c r="AD16532" i="1"/>
  <c r="AD16533" i="1"/>
  <c r="AD16534" i="1"/>
  <c r="AD16535" i="1"/>
  <c r="AD16536" i="1"/>
  <c r="AD16537" i="1"/>
  <c r="AD16538" i="1"/>
  <c r="AD16539" i="1"/>
  <c r="AD16540" i="1"/>
  <c r="AD16541" i="1"/>
  <c r="AD16542" i="1"/>
  <c r="AD16543" i="1"/>
  <c r="AD16544" i="1"/>
  <c r="AD16545" i="1"/>
  <c r="AD16546" i="1"/>
  <c r="AD16547" i="1"/>
  <c r="AD16548" i="1"/>
  <c r="AD16549" i="1"/>
  <c r="AD16550" i="1"/>
  <c r="AD16551" i="1"/>
  <c r="AD16552" i="1"/>
  <c r="AD16553" i="1"/>
  <c r="AD16554" i="1"/>
  <c r="AD16555" i="1"/>
  <c r="AD16556" i="1"/>
  <c r="AD16557" i="1"/>
  <c r="AD16558" i="1"/>
  <c r="AD16559" i="1"/>
  <c r="AD16560" i="1"/>
  <c r="AD16561" i="1"/>
  <c r="AD16562" i="1"/>
  <c r="AD16563" i="1"/>
  <c r="AD16564" i="1"/>
  <c r="AD16565" i="1"/>
  <c r="AD16566" i="1"/>
  <c r="AD16567" i="1"/>
  <c r="AD16568" i="1"/>
  <c r="AD16569" i="1"/>
  <c r="AD16570" i="1"/>
  <c r="AD16571" i="1"/>
  <c r="AD16572" i="1"/>
  <c r="AD16573" i="1"/>
  <c r="AD16574" i="1"/>
  <c r="AD16575" i="1"/>
  <c r="AD16576" i="1"/>
  <c r="AD16577" i="1"/>
  <c r="AD16578" i="1"/>
  <c r="AD16579" i="1"/>
  <c r="AD16580" i="1"/>
  <c r="AD16581" i="1"/>
  <c r="AD16582" i="1"/>
  <c r="AD16583" i="1"/>
  <c r="AD16584" i="1"/>
  <c r="AD16585" i="1"/>
  <c r="AD16586" i="1"/>
  <c r="AD16587" i="1"/>
  <c r="AD16588" i="1"/>
  <c r="AD16589" i="1"/>
  <c r="AD16590" i="1"/>
  <c r="AD16591" i="1"/>
  <c r="AD16592" i="1"/>
  <c r="AD16593" i="1"/>
  <c r="AD16594" i="1"/>
  <c r="AD16595" i="1"/>
  <c r="AD16596" i="1"/>
  <c r="AD16597" i="1"/>
  <c r="AD16598" i="1"/>
  <c r="AD16599" i="1"/>
  <c r="AD16600" i="1"/>
  <c r="AD16601" i="1"/>
  <c r="AD16602" i="1"/>
  <c r="AD16603" i="1"/>
  <c r="AD16604" i="1"/>
  <c r="AD16605" i="1"/>
  <c r="AD16606" i="1"/>
  <c r="AD16607" i="1"/>
  <c r="AD16608" i="1"/>
  <c r="AD16609" i="1"/>
  <c r="AD16610" i="1"/>
  <c r="AD16611" i="1"/>
  <c r="AD16612" i="1"/>
  <c r="AD16613" i="1"/>
  <c r="AD16614" i="1"/>
  <c r="AD16615" i="1"/>
  <c r="AD16616" i="1"/>
  <c r="AD16617" i="1"/>
  <c r="AD16618" i="1"/>
  <c r="AD16619" i="1"/>
  <c r="AD16620" i="1"/>
  <c r="AD16621" i="1"/>
  <c r="AD16622" i="1"/>
  <c r="AD16623" i="1"/>
  <c r="AD16624" i="1"/>
  <c r="AD16625" i="1"/>
  <c r="AD16626" i="1"/>
  <c r="AD16627" i="1"/>
  <c r="AD16628" i="1"/>
  <c r="AD16629" i="1"/>
  <c r="AD16630" i="1"/>
  <c r="AD16631" i="1"/>
  <c r="AD16632" i="1"/>
  <c r="AD16633" i="1"/>
  <c r="AD16634" i="1"/>
  <c r="AD16635" i="1"/>
  <c r="AD16636" i="1"/>
  <c r="AD16637" i="1"/>
  <c r="AD16638" i="1"/>
  <c r="AD16639" i="1"/>
  <c r="AD16640" i="1"/>
  <c r="AD16641" i="1"/>
  <c r="AD16642" i="1"/>
  <c r="AD16643" i="1"/>
  <c r="AD16644" i="1"/>
  <c r="AD16645" i="1"/>
  <c r="AD16646" i="1"/>
  <c r="AD16647" i="1"/>
  <c r="AD16648" i="1"/>
  <c r="AD16649" i="1"/>
  <c r="AD16650" i="1"/>
  <c r="AD16651" i="1"/>
  <c r="AD16652" i="1"/>
  <c r="AD16653" i="1"/>
  <c r="AD16654" i="1"/>
  <c r="AD16655" i="1"/>
  <c r="AD16656" i="1"/>
  <c r="AD16657" i="1"/>
  <c r="AD16658" i="1"/>
  <c r="AD16659" i="1"/>
  <c r="AD16660" i="1"/>
  <c r="AD16661" i="1"/>
  <c r="AD16662" i="1"/>
  <c r="AD16663" i="1"/>
  <c r="AD16664" i="1"/>
  <c r="AD16665" i="1"/>
  <c r="AD16666" i="1"/>
  <c r="AD16667" i="1"/>
  <c r="AD16668" i="1"/>
  <c r="AD16669" i="1"/>
  <c r="AD16670" i="1"/>
  <c r="AD16671" i="1"/>
  <c r="AD16672" i="1"/>
  <c r="AD16673" i="1"/>
  <c r="AD16674" i="1"/>
  <c r="AD16675" i="1"/>
  <c r="AD16676" i="1"/>
  <c r="AD16677" i="1"/>
  <c r="AD16678" i="1"/>
  <c r="AD16679" i="1"/>
  <c r="AD16680" i="1"/>
  <c r="AD16681" i="1"/>
  <c r="AD16682" i="1"/>
  <c r="AD16683" i="1"/>
  <c r="AD16684" i="1"/>
  <c r="AD16685" i="1"/>
  <c r="AD16686" i="1"/>
  <c r="AD16687" i="1"/>
  <c r="AD16688" i="1"/>
  <c r="AD16689" i="1"/>
  <c r="AD16690" i="1"/>
  <c r="AD16691" i="1"/>
  <c r="AD16692" i="1"/>
  <c r="AD16693" i="1"/>
  <c r="AD16694" i="1"/>
  <c r="AD16695" i="1"/>
  <c r="AD16696" i="1"/>
  <c r="AD16697" i="1"/>
  <c r="AD16698" i="1"/>
  <c r="AD16699" i="1"/>
  <c r="AD16700" i="1"/>
  <c r="AD16701" i="1"/>
  <c r="AD16702" i="1"/>
  <c r="AD16703" i="1"/>
  <c r="AD16704" i="1"/>
  <c r="AD16705" i="1"/>
  <c r="AD16706" i="1"/>
  <c r="AD16707" i="1"/>
  <c r="AD16708" i="1"/>
  <c r="AD16709" i="1"/>
  <c r="AD16710" i="1"/>
  <c r="AD16711" i="1"/>
  <c r="AD16712" i="1"/>
  <c r="AD16713" i="1"/>
  <c r="AD16714" i="1"/>
  <c r="AD16715" i="1"/>
  <c r="AD16716" i="1"/>
  <c r="AD16717" i="1"/>
  <c r="AD16718" i="1"/>
  <c r="AD16719" i="1"/>
  <c r="AD16720" i="1"/>
  <c r="AD16721" i="1"/>
  <c r="AD16722" i="1"/>
  <c r="AD16723" i="1"/>
  <c r="AD16724" i="1"/>
  <c r="AD16725" i="1"/>
  <c r="AD16726" i="1"/>
  <c r="AD16727" i="1"/>
  <c r="AD16728" i="1"/>
  <c r="AD16729" i="1"/>
  <c r="AD16730" i="1"/>
  <c r="AD16731" i="1"/>
  <c r="AD16732" i="1"/>
  <c r="AD16733" i="1"/>
  <c r="AD16734" i="1"/>
  <c r="AD16735" i="1"/>
  <c r="AD16736" i="1"/>
  <c r="AD16737" i="1"/>
  <c r="AD16738" i="1"/>
  <c r="AD16739" i="1"/>
  <c r="AD16740" i="1"/>
  <c r="AD16741" i="1"/>
  <c r="AD16742" i="1"/>
  <c r="AD16743" i="1"/>
  <c r="AD16744" i="1"/>
  <c r="AD16745" i="1"/>
  <c r="AD16746" i="1"/>
  <c r="AD16747" i="1"/>
  <c r="AD16748" i="1"/>
  <c r="AD16749" i="1"/>
  <c r="AD16750" i="1"/>
  <c r="AD16751" i="1"/>
  <c r="AD16752" i="1"/>
  <c r="AD16753" i="1"/>
  <c r="AD16754" i="1"/>
  <c r="AD16755" i="1"/>
  <c r="AD16756" i="1"/>
  <c r="AD16757" i="1"/>
  <c r="AD16758" i="1"/>
  <c r="AD16759" i="1"/>
  <c r="AD16760" i="1"/>
  <c r="AD16761" i="1"/>
  <c r="AD16762" i="1"/>
  <c r="AD16763" i="1"/>
  <c r="AD16764" i="1"/>
  <c r="AD16765" i="1"/>
  <c r="AD16766" i="1"/>
  <c r="AD16767" i="1"/>
  <c r="AD16768" i="1"/>
  <c r="AD16769" i="1"/>
  <c r="AD16770" i="1"/>
  <c r="AD16771" i="1"/>
  <c r="AD16772" i="1"/>
  <c r="AD16773" i="1"/>
  <c r="AD16774" i="1"/>
  <c r="AD16775" i="1"/>
  <c r="AD16776" i="1"/>
  <c r="AD16777" i="1"/>
  <c r="AD16778" i="1"/>
  <c r="AD16779" i="1"/>
  <c r="AD16780" i="1"/>
  <c r="AD16781" i="1"/>
  <c r="AD16782" i="1"/>
  <c r="AD16783" i="1"/>
  <c r="AD16784" i="1"/>
  <c r="AD16785" i="1"/>
  <c r="AD16786" i="1"/>
  <c r="AD16787" i="1"/>
  <c r="AD16788" i="1"/>
  <c r="AD16789" i="1"/>
  <c r="AD16790" i="1"/>
  <c r="AD16791" i="1"/>
  <c r="AD16792" i="1"/>
  <c r="AD16793" i="1"/>
  <c r="AD16794" i="1"/>
  <c r="AD16795" i="1"/>
  <c r="AD16796" i="1"/>
  <c r="AD16797" i="1"/>
  <c r="AD16798" i="1"/>
  <c r="AD16799" i="1"/>
  <c r="AD16800" i="1"/>
  <c r="AD16801" i="1"/>
  <c r="AD16802" i="1"/>
  <c r="AD16803" i="1"/>
  <c r="AD16804" i="1"/>
  <c r="AD16805" i="1"/>
  <c r="AD16806" i="1"/>
  <c r="AD16807" i="1"/>
  <c r="AD16808" i="1"/>
  <c r="AD16809" i="1"/>
  <c r="AD16810" i="1"/>
  <c r="AD16811" i="1"/>
  <c r="AD16812" i="1"/>
  <c r="AD16813" i="1"/>
  <c r="AD16814" i="1"/>
  <c r="AD16815" i="1"/>
  <c r="AD16816" i="1"/>
  <c r="AD16817" i="1"/>
  <c r="AD16818" i="1"/>
  <c r="AD16819" i="1"/>
  <c r="AD16820" i="1"/>
  <c r="AD16821" i="1"/>
  <c r="AD16822" i="1"/>
  <c r="AD16823" i="1"/>
  <c r="AD16824" i="1"/>
  <c r="AD16825" i="1"/>
  <c r="AD16826" i="1"/>
  <c r="AD16827" i="1"/>
  <c r="AD16828" i="1"/>
  <c r="AD16829" i="1"/>
  <c r="AD16830" i="1"/>
  <c r="AD16831" i="1"/>
  <c r="AD16832" i="1"/>
  <c r="AD16833" i="1"/>
  <c r="AD16834" i="1"/>
  <c r="AD16835" i="1"/>
  <c r="AD16836" i="1"/>
  <c r="AD16837" i="1"/>
  <c r="AD16838" i="1"/>
  <c r="AD16839" i="1"/>
  <c r="AD16840" i="1"/>
  <c r="AD16841" i="1"/>
  <c r="AD16842" i="1"/>
  <c r="AD16843" i="1"/>
  <c r="AD16844" i="1"/>
  <c r="AD16845" i="1"/>
  <c r="AD16846" i="1"/>
  <c r="AD16847" i="1"/>
  <c r="AD16848" i="1"/>
  <c r="AD16849" i="1"/>
  <c r="AD16850" i="1"/>
  <c r="AD16851" i="1"/>
  <c r="AD16852" i="1"/>
  <c r="AD16853" i="1"/>
  <c r="AD16854" i="1"/>
  <c r="AD16855" i="1"/>
  <c r="AD16856" i="1"/>
  <c r="AD16857" i="1"/>
  <c r="AD16858" i="1"/>
  <c r="AD16859" i="1"/>
  <c r="AD16860" i="1"/>
  <c r="AD16861" i="1"/>
  <c r="AD16862" i="1"/>
  <c r="AD16863" i="1"/>
  <c r="AD16864" i="1"/>
  <c r="AD16865" i="1"/>
  <c r="AD16866" i="1"/>
  <c r="AD16867" i="1"/>
  <c r="AD16868" i="1"/>
  <c r="AD16869" i="1"/>
  <c r="AD16870" i="1"/>
  <c r="AD16871" i="1"/>
  <c r="AD16872" i="1"/>
  <c r="AD16873" i="1"/>
  <c r="AD16874" i="1"/>
  <c r="AD16875" i="1"/>
  <c r="AD16876" i="1"/>
  <c r="AD16877" i="1"/>
  <c r="AD16878" i="1"/>
  <c r="AD16879" i="1"/>
  <c r="AD16880" i="1"/>
  <c r="AD16881" i="1"/>
  <c r="AD16882" i="1"/>
  <c r="AD16883" i="1"/>
  <c r="AD16884" i="1"/>
  <c r="AD16885" i="1"/>
  <c r="AD16886" i="1"/>
  <c r="AD16887" i="1"/>
  <c r="AD16888" i="1"/>
  <c r="AD16889" i="1"/>
  <c r="AD16890" i="1"/>
  <c r="AD16891" i="1"/>
  <c r="AD16892" i="1"/>
  <c r="AD16893" i="1"/>
  <c r="AD16894" i="1"/>
  <c r="AD16895" i="1"/>
  <c r="AD16896" i="1"/>
  <c r="AD16897" i="1"/>
  <c r="AD16898" i="1"/>
  <c r="AD16899" i="1"/>
  <c r="AD16900" i="1"/>
  <c r="AD16901" i="1"/>
  <c r="AD16902" i="1"/>
  <c r="AD16903" i="1"/>
  <c r="AD16904" i="1"/>
  <c r="AD16905" i="1"/>
  <c r="AD16906" i="1"/>
  <c r="AD16907" i="1"/>
  <c r="AD16908" i="1"/>
  <c r="AD16909" i="1"/>
  <c r="AD16910" i="1"/>
  <c r="AD16911" i="1"/>
  <c r="AD16912" i="1"/>
  <c r="AD16913" i="1"/>
  <c r="AD16914" i="1"/>
  <c r="AD16915" i="1"/>
  <c r="AD16916" i="1"/>
  <c r="AD16917" i="1"/>
  <c r="AD16918" i="1"/>
  <c r="AD16919" i="1"/>
  <c r="AD16920" i="1"/>
  <c r="AD16921" i="1"/>
  <c r="AD16922" i="1"/>
  <c r="AD16923" i="1"/>
  <c r="AD16924" i="1"/>
  <c r="AD16925" i="1"/>
  <c r="AD16926" i="1"/>
  <c r="AD16927" i="1"/>
  <c r="AD16928" i="1"/>
  <c r="AD16929" i="1"/>
  <c r="AD16930" i="1"/>
  <c r="AD16931" i="1"/>
  <c r="AD16932" i="1"/>
  <c r="AD16933" i="1"/>
  <c r="AD16934" i="1"/>
  <c r="AD16935" i="1"/>
  <c r="AD16936" i="1"/>
  <c r="AD16937" i="1"/>
  <c r="AD16938" i="1"/>
  <c r="AD16939" i="1"/>
  <c r="AD16940" i="1"/>
  <c r="AD16941" i="1"/>
  <c r="AD16942" i="1"/>
  <c r="AD16943" i="1"/>
  <c r="AD16944" i="1"/>
  <c r="AD16945" i="1"/>
  <c r="AD16946" i="1"/>
  <c r="AD16947" i="1"/>
  <c r="AD16948" i="1"/>
  <c r="AD16949" i="1"/>
  <c r="AD16950" i="1"/>
  <c r="AD16951" i="1"/>
  <c r="AD16952" i="1"/>
  <c r="AD16953" i="1"/>
  <c r="AD16954" i="1"/>
  <c r="AD16955" i="1"/>
  <c r="AD16956" i="1"/>
  <c r="AD16957" i="1"/>
  <c r="AD16958" i="1"/>
  <c r="AD16959" i="1"/>
  <c r="AD16960" i="1"/>
  <c r="AD16961" i="1"/>
  <c r="AD16962" i="1"/>
  <c r="AD16963" i="1"/>
  <c r="AD16964" i="1"/>
  <c r="AD16965" i="1"/>
  <c r="AD16966" i="1"/>
  <c r="AD16967" i="1"/>
  <c r="AD16968" i="1"/>
  <c r="AD16969" i="1"/>
  <c r="AD16970" i="1"/>
  <c r="AD16971" i="1"/>
  <c r="AD16972" i="1"/>
  <c r="AD16973" i="1"/>
  <c r="AD16974" i="1"/>
  <c r="AD16975" i="1"/>
  <c r="AD16976" i="1"/>
  <c r="AD16977" i="1"/>
  <c r="AD16978" i="1"/>
  <c r="AD16979" i="1"/>
  <c r="AD16980" i="1"/>
  <c r="AD16981" i="1"/>
  <c r="AD16982" i="1"/>
  <c r="AD16983" i="1"/>
  <c r="AD16984" i="1"/>
  <c r="AD16985" i="1"/>
  <c r="AD16986" i="1"/>
  <c r="AD16987" i="1"/>
  <c r="AD16988" i="1"/>
  <c r="AD16989" i="1"/>
  <c r="AD16990" i="1"/>
  <c r="AD16991" i="1"/>
  <c r="AD16992" i="1"/>
  <c r="AD16993" i="1"/>
  <c r="AD16994" i="1"/>
  <c r="AD16995" i="1"/>
  <c r="AD16996" i="1"/>
  <c r="AD16997" i="1"/>
  <c r="AD16998" i="1"/>
  <c r="AD16999" i="1"/>
  <c r="AD17000" i="1"/>
  <c r="AD17001" i="1"/>
  <c r="AD17002" i="1"/>
  <c r="AD17003" i="1"/>
  <c r="AD17004" i="1"/>
  <c r="AD17005" i="1"/>
  <c r="AD17006" i="1"/>
  <c r="AD17007" i="1"/>
  <c r="AD17008" i="1"/>
  <c r="AD17009" i="1"/>
  <c r="AD17010" i="1"/>
  <c r="AD17011" i="1"/>
  <c r="AD17012" i="1"/>
  <c r="AD17013" i="1"/>
  <c r="AD17014" i="1"/>
  <c r="AD17015" i="1"/>
  <c r="AD17016" i="1"/>
  <c r="AD17017" i="1"/>
  <c r="AD17018" i="1"/>
  <c r="AD17019" i="1"/>
  <c r="AD17020" i="1"/>
  <c r="AD17021" i="1"/>
  <c r="AD17022" i="1"/>
  <c r="AD17023" i="1"/>
  <c r="AD17024" i="1"/>
  <c r="AD17025" i="1"/>
  <c r="AD17026" i="1"/>
  <c r="AD17027" i="1"/>
  <c r="AD17028" i="1"/>
  <c r="AD17029" i="1"/>
  <c r="AD17030" i="1"/>
  <c r="AD17031" i="1"/>
  <c r="AD17032" i="1"/>
  <c r="AD17033" i="1"/>
  <c r="AD17034" i="1"/>
  <c r="AD17035" i="1"/>
  <c r="AD17036" i="1"/>
  <c r="AD17037" i="1"/>
  <c r="AD17038" i="1"/>
  <c r="AD17039" i="1"/>
  <c r="AD17040" i="1"/>
  <c r="AD17041" i="1"/>
  <c r="AD17042" i="1"/>
  <c r="AD17043" i="1"/>
  <c r="AD17044" i="1"/>
  <c r="AD17045" i="1"/>
  <c r="AD17046" i="1"/>
  <c r="AD17047" i="1"/>
  <c r="AD17048" i="1"/>
  <c r="AD17049" i="1"/>
  <c r="AD17050" i="1"/>
  <c r="AD17051" i="1"/>
  <c r="AD17052" i="1"/>
  <c r="AD17053" i="1"/>
  <c r="AD17054" i="1"/>
  <c r="AD17055" i="1"/>
  <c r="AD17056" i="1"/>
  <c r="AD17057" i="1"/>
  <c r="AD17058" i="1"/>
  <c r="AD17059" i="1"/>
  <c r="AD17060" i="1"/>
  <c r="AD17061" i="1"/>
  <c r="AD17062" i="1"/>
  <c r="AD17063" i="1"/>
  <c r="AD17064" i="1"/>
  <c r="AD17065" i="1"/>
  <c r="AD17066" i="1"/>
  <c r="AD17067" i="1"/>
  <c r="AD17068" i="1"/>
  <c r="AD17069" i="1"/>
  <c r="AD17070" i="1"/>
  <c r="AD17071" i="1"/>
  <c r="AD17072" i="1"/>
  <c r="AD17073" i="1"/>
  <c r="AD17074" i="1"/>
  <c r="AD17075" i="1"/>
  <c r="AD17076" i="1"/>
  <c r="AD17077" i="1"/>
  <c r="AD17078" i="1"/>
  <c r="AD17079" i="1"/>
  <c r="AD17080" i="1"/>
  <c r="AD17081" i="1"/>
  <c r="AD17082" i="1"/>
  <c r="AD17083" i="1"/>
  <c r="AD17084" i="1"/>
  <c r="AD17085" i="1"/>
  <c r="AD17086" i="1"/>
  <c r="AD17087" i="1"/>
  <c r="AD17088" i="1"/>
  <c r="AD17089" i="1"/>
  <c r="AD17090" i="1"/>
  <c r="AD17091" i="1"/>
  <c r="AD17092" i="1"/>
  <c r="AD17093" i="1"/>
  <c r="AD17094" i="1"/>
  <c r="AD17095" i="1"/>
  <c r="AD17096" i="1"/>
  <c r="AD17097" i="1"/>
  <c r="AD17098" i="1"/>
  <c r="AD17099" i="1"/>
  <c r="AD17100" i="1"/>
  <c r="AD17101" i="1"/>
  <c r="AD17102" i="1"/>
  <c r="AD17103" i="1"/>
  <c r="AD17104" i="1"/>
  <c r="AD17105" i="1"/>
  <c r="AD17106" i="1"/>
  <c r="AD17107" i="1"/>
  <c r="AD17108" i="1"/>
  <c r="AD17109" i="1"/>
  <c r="AD17110" i="1"/>
  <c r="AD17111" i="1"/>
  <c r="AD17112" i="1"/>
  <c r="AD17113" i="1"/>
  <c r="AD17114" i="1"/>
  <c r="AD17115" i="1"/>
  <c r="AD17116" i="1"/>
  <c r="AD17117" i="1"/>
  <c r="AD17118" i="1"/>
  <c r="AD17119" i="1"/>
  <c r="AD17120" i="1"/>
  <c r="AD17121" i="1"/>
  <c r="AD17122" i="1"/>
  <c r="AD17123" i="1"/>
  <c r="AD17124" i="1"/>
  <c r="AD17125" i="1"/>
  <c r="AD17126" i="1"/>
  <c r="AD17127" i="1"/>
  <c r="AD17128" i="1"/>
  <c r="AD17129" i="1"/>
  <c r="AD17130" i="1"/>
  <c r="AD17131" i="1"/>
  <c r="AD17132" i="1"/>
  <c r="AD17133" i="1"/>
  <c r="AD17134" i="1"/>
  <c r="AD17135" i="1"/>
  <c r="AD17136" i="1"/>
  <c r="AD17137" i="1"/>
  <c r="AD17138" i="1"/>
  <c r="AD17139" i="1"/>
  <c r="AD17140" i="1"/>
  <c r="AD17141" i="1"/>
  <c r="AD17142" i="1"/>
  <c r="AD17143" i="1"/>
  <c r="AD17144" i="1"/>
  <c r="AD17145" i="1"/>
  <c r="AD17146" i="1"/>
  <c r="AD17147" i="1"/>
  <c r="AD17148" i="1"/>
  <c r="AD17149" i="1"/>
  <c r="AD17150" i="1"/>
  <c r="AD17151" i="1"/>
  <c r="AD17152" i="1"/>
  <c r="AD17153" i="1"/>
  <c r="AD17154" i="1"/>
  <c r="AD17155" i="1"/>
  <c r="AD17156" i="1"/>
  <c r="AD17157" i="1"/>
  <c r="AD17158" i="1"/>
  <c r="AD17159" i="1"/>
  <c r="AD17160" i="1"/>
  <c r="AD17161" i="1"/>
  <c r="AD17162" i="1"/>
  <c r="AD17163" i="1"/>
  <c r="AD17164" i="1"/>
  <c r="AD17165" i="1"/>
  <c r="AD17166" i="1"/>
  <c r="AD17167" i="1"/>
  <c r="AD17168" i="1"/>
  <c r="AD17169" i="1"/>
  <c r="AD17170" i="1"/>
  <c r="AD17171" i="1"/>
  <c r="AD17172" i="1"/>
  <c r="AD17173" i="1"/>
  <c r="AD17174" i="1"/>
  <c r="AD17175" i="1"/>
  <c r="AD17176" i="1"/>
  <c r="AD17177" i="1"/>
  <c r="AD17178" i="1"/>
  <c r="AD17179" i="1"/>
  <c r="AD17180" i="1"/>
  <c r="AD17181" i="1"/>
  <c r="AD17182" i="1"/>
  <c r="AD17183" i="1"/>
  <c r="AD17184" i="1"/>
  <c r="AD17185" i="1"/>
  <c r="AD17186" i="1"/>
  <c r="AD17187" i="1"/>
  <c r="AD17188" i="1"/>
  <c r="AD17189" i="1"/>
  <c r="AD17190" i="1"/>
  <c r="AD17191" i="1"/>
  <c r="AD17192" i="1"/>
  <c r="AD17193" i="1"/>
  <c r="AD17194" i="1"/>
  <c r="AD17195" i="1"/>
  <c r="AD17196" i="1"/>
  <c r="AD17197" i="1"/>
  <c r="AD17198" i="1"/>
  <c r="AD17199" i="1"/>
  <c r="AD17200" i="1"/>
  <c r="AD17201" i="1"/>
  <c r="AD17202" i="1"/>
  <c r="AD17203" i="1"/>
  <c r="AD17204" i="1"/>
  <c r="AD17205" i="1"/>
  <c r="AD17206" i="1"/>
  <c r="AD17207" i="1"/>
  <c r="AD17208" i="1"/>
  <c r="AD17209" i="1"/>
  <c r="AD17210" i="1"/>
  <c r="AD17211" i="1"/>
  <c r="AD17212" i="1"/>
  <c r="AD17213" i="1"/>
  <c r="AD17214" i="1"/>
  <c r="AD17215" i="1"/>
  <c r="AD17216" i="1"/>
  <c r="AD17217" i="1"/>
  <c r="AD17218" i="1"/>
  <c r="AD17219" i="1"/>
  <c r="AD17220" i="1"/>
  <c r="AD17221" i="1"/>
  <c r="AD17222" i="1"/>
  <c r="AD17223" i="1"/>
  <c r="AD17224" i="1"/>
  <c r="AD17225" i="1"/>
  <c r="AD17226" i="1"/>
  <c r="AD17227" i="1"/>
  <c r="AD17228" i="1"/>
  <c r="AD17229" i="1"/>
  <c r="AD17230" i="1"/>
  <c r="AD17231" i="1"/>
  <c r="AD17232" i="1"/>
  <c r="AD17233" i="1"/>
  <c r="AD17234" i="1"/>
  <c r="AD17235" i="1"/>
  <c r="AD17236" i="1"/>
  <c r="AD17237" i="1"/>
  <c r="AD17238" i="1"/>
  <c r="AD17239" i="1"/>
  <c r="AD17240" i="1"/>
  <c r="AD17241" i="1"/>
  <c r="AD17242" i="1"/>
  <c r="AD17243" i="1"/>
  <c r="AD17244" i="1"/>
  <c r="AD17245" i="1"/>
  <c r="AD17246" i="1"/>
  <c r="AD17247" i="1"/>
  <c r="AD17248" i="1"/>
  <c r="AD17249" i="1"/>
  <c r="AD17250" i="1"/>
  <c r="AD17251" i="1"/>
  <c r="AD17252" i="1"/>
  <c r="AD17253" i="1"/>
  <c r="AD17254" i="1"/>
  <c r="AD17255" i="1"/>
  <c r="AD17256" i="1"/>
  <c r="AD17257" i="1"/>
  <c r="AD17258" i="1"/>
  <c r="AD17259" i="1"/>
  <c r="AD17260" i="1"/>
  <c r="AD17261" i="1"/>
  <c r="AD17262" i="1"/>
  <c r="AD17263" i="1"/>
  <c r="AD17264" i="1"/>
  <c r="AD17265" i="1"/>
  <c r="AD17266" i="1"/>
  <c r="AD17267" i="1"/>
  <c r="AD17268" i="1"/>
  <c r="AD17269" i="1"/>
  <c r="AD17270" i="1"/>
  <c r="AD17271" i="1"/>
  <c r="AD17272" i="1"/>
  <c r="AD17273" i="1"/>
  <c r="AD17274" i="1"/>
  <c r="AD17275" i="1"/>
  <c r="AD17276" i="1"/>
  <c r="AD17277" i="1"/>
  <c r="AD17278" i="1"/>
  <c r="AD17279" i="1"/>
  <c r="AD17280" i="1"/>
  <c r="AD17281" i="1"/>
  <c r="AD17282" i="1"/>
  <c r="AD17283" i="1"/>
  <c r="AD17284" i="1"/>
  <c r="AD17285" i="1"/>
  <c r="AD17286" i="1"/>
  <c r="AD17287" i="1"/>
  <c r="AD17288" i="1"/>
  <c r="AD17289" i="1"/>
  <c r="AD17290" i="1"/>
  <c r="AD17291" i="1"/>
  <c r="AD17292" i="1"/>
  <c r="AD17293" i="1"/>
  <c r="AD17294" i="1"/>
  <c r="AD17295" i="1"/>
  <c r="AD17296" i="1"/>
  <c r="AD17297" i="1"/>
  <c r="AD17298" i="1"/>
  <c r="AD17299" i="1"/>
  <c r="AD17300" i="1"/>
  <c r="AD17301" i="1"/>
  <c r="AD17302" i="1"/>
  <c r="AD17303" i="1"/>
  <c r="AD17304" i="1"/>
  <c r="AD17305" i="1"/>
  <c r="AD17306" i="1"/>
  <c r="AD17307" i="1"/>
  <c r="AD17308" i="1"/>
  <c r="AD17309" i="1"/>
  <c r="AD17310" i="1"/>
  <c r="AD17311" i="1"/>
  <c r="AD17312" i="1"/>
  <c r="AD17313" i="1"/>
  <c r="AD17314" i="1"/>
  <c r="AD17315" i="1"/>
  <c r="AD17316" i="1"/>
  <c r="AD17317" i="1"/>
  <c r="AD17318" i="1"/>
  <c r="AD17319" i="1"/>
  <c r="AD17320" i="1"/>
  <c r="AD17321" i="1"/>
  <c r="AD17322" i="1"/>
  <c r="AD17323" i="1"/>
  <c r="AD17324" i="1"/>
  <c r="AD17325" i="1"/>
  <c r="AD17326" i="1"/>
  <c r="AD17327" i="1"/>
  <c r="AD17328" i="1"/>
  <c r="AD17329" i="1"/>
  <c r="AD17330" i="1"/>
  <c r="AD17331" i="1"/>
  <c r="AD17332" i="1"/>
  <c r="AD17333" i="1"/>
  <c r="AD17334" i="1"/>
  <c r="AD17335" i="1"/>
  <c r="AD17336" i="1"/>
  <c r="AD17337" i="1"/>
  <c r="AD17338" i="1"/>
  <c r="AD17339" i="1"/>
  <c r="AD17340" i="1"/>
  <c r="AD17341" i="1"/>
  <c r="AD17342" i="1"/>
  <c r="AD17343" i="1"/>
  <c r="AD17344" i="1"/>
  <c r="AD17345" i="1"/>
  <c r="AD17346" i="1"/>
  <c r="AD17347" i="1"/>
  <c r="AD17348" i="1"/>
  <c r="AD17349" i="1"/>
  <c r="AD17350" i="1"/>
  <c r="AD17351" i="1"/>
  <c r="AD17352" i="1"/>
  <c r="AD17353" i="1"/>
  <c r="AD17354" i="1"/>
  <c r="AD17355" i="1"/>
  <c r="AD17356" i="1"/>
  <c r="AD17357" i="1"/>
  <c r="AD17358" i="1"/>
  <c r="AD17359" i="1"/>
  <c r="AD17360" i="1"/>
  <c r="AD17361" i="1"/>
  <c r="AD17362" i="1"/>
  <c r="AD17363" i="1"/>
  <c r="AD17364" i="1"/>
  <c r="AD17365" i="1"/>
  <c r="AD17366" i="1"/>
  <c r="AD17367" i="1"/>
  <c r="AD17368" i="1"/>
  <c r="AD17369" i="1"/>
  <c r="AD17370" i="1"/>
  <c r="AD17371" i="1"/>
  <c r="AD17372" i="1"/>
  <c r="AD17373" i="1"/>
  <c r="AD17374" i="1"/>
  <c r="AD17375" i="1"/>
  <c r="AD17376" i="1"/>
  <c r="AD17377" i="1"/>
  <c r="AD17378" i="1"/>
  <c r="AD17379" i="1"/>
  <c r="AD17380" i="1"/>
  <c r="AD17381" i="1"/>
  <c r="AD17382" i="1"/>
  <c r="AD17383" i="1"/>
  <c r="AD17384" i="1"/>
  <c r="AD17385" i="1"/>
  <c r="AD17386" i="1"/>
  <c r="AD17387" i="1"/>
  <c r="AD17388" i="1"/>
  <c r="AD17389" i="1"/>
  <c r="AD17390" i="1"/>
  <c r="AD17391" i="1"/>
  <c r="AD17392" i="1"/>
  <c r="AD17393" i="1"/>
  <c r="AD17394" i="1"/>
  <c r="AD17395" i="1"/>
  <c r="AD17396" i="1"/>
  <c r="AD17397" i="1"/>
  <c r="AD17398" i="1"/>
  <c r="AD17399" i="1"/>
  <c r="AD17400" i="1"/>
  <c r="AD17401" i="1"/>
  <c r="AD17402" i="1"/>
  <c r="AD17403" i="1"/>
  <c r="AD17404" i="1"/>
  <c r="AD17405" i="1"/>
  <c r="AD17406" i="1"/>
  <c r="AD17407" i="1"/>
  <c r="AD17408" i="1"/>
  <c r="AD17409" i="1"/>
  <c r="AD17410" i="1"/>
  <c r="AD17411" i="1"/>
  <c r="AD17412" i="1"/>
  <c r="AD17413" i="1"/>
  <c r="AD17414" i="1"/>
  <c r="AD17415" i="1"/>
  <c r="AD17416" i="1"/>
  <c r="AD17417" i="1"/>
  <c r="AD17418" i="1"/>
  <c r="AD17419" i="1"/>
  <c r="AD17420" i="1"/>
  <c r="AD17421" i="1"/>
  <c r="AD17422" i="1"/>
  <c r="AD17423" i="1"/>
  <c r="AD17424" i="1"/>
  <c r="AD17425" i="1"/>
  <c r="AD17426" i="1"/>
  <c r="AD17427" i="1"/>
  <c r="AD17428" i="1"/>
  <c r="AD17429" i="1"/>
  <c r="AD17430" i="1"/>
  <c r="AD17431" i="1"/>
  <c r="AD17432" i="1"/>
  <c r="AD17433" i="1"/>
  <c r="AD17434" i="1"/>
  <c r="AD17435" i="1"/>
  <c r="AD17436" i="1"/>
  <c r="AD17437" i="1"/>
  <c r="AD17438" i="1"/>
  <c r="AD17439" i="1"/>
  <c r="AD17440" i="1"/>
  <c r="AD17441" i="1"/>
  <c r="AD17442" i="1"/>
  <c r="AD17443" i="1"/>
  <c r="AD17444" i="1"/>
  <c r="AD17445" i="1"/>
  <c r="AD17446" i="1"/>
  <c r="AD17447" i="1"/>
  <c r="AD17448" i="1"/>
  <c r="AD17449" i="1"/>
  <c r="AD17450" i="1"/>
  <c r="AD17451" i="1"/>
  <c r="AD17452" i="1"/>
  <c r="AD17453" i="1"/>
  <c r="AD17454" i="1"/>
  <c r="AD17455" i="1"/>
  <c r="AD17456" i="1"/>
  <c r="AD17457" i="1"/>
  <c r="AD17458" i="1"/>
  <c r="AD17459" i="1"/>
  <c r="AD17460" i="1"/>
  <c r="AD17461" i="1"/>
  <c r="AD17462" i="1"/>
  <c r="AD17463" i="1"/>
  <c r="AD17464" i="1"/>
  <c r="AD17465" i="1"/>
  <c r="AD17466" i="1"/>
  <c r="AD17467" i="1"/>
  <c r="AD17468" i="1"/>
  <c r="AD17469" i="1"/>
  <c r="AD17470" i="1"/>
  <c r="AD17471" i="1"/>
  <c r="AD17472" i="1"/>
  <c r="AD17473" i="1"/>
  <c r="AD17474" i="1"/>
  <c r="AD17475" i="1"/>
  <c r="AD17476" i="1"/>
  <c r="AD17477" i="1"/>
  <c r="AD17478" i="1"/>
  <c r="AD17479" i="1"/>
  <c r="AD17480" i="1"/>
  <c r="AD17481" i="1"/>
  <c r="AD17482" i="1"/>
  <c r="AD17483" i="1"/>
  <c r="AD17484" i="1"/>
  <c r="AD17485" i="1"/>
  <c r="AD17486" i="1"/>
  <c r="AD17487" i="1"/>
  <c r="AD17488" i="1"/>
  <c r="AD17489" i="1"/>
  <c r="AD17490" i="1"/>
  <c r="AD17491" i="1"/>
  <c r="AD17492" i="1"/>
  <c r="AD17493" i="1"/>
  <c r="AD17494" i="1"/>
  <c r="AD17495" i="1"/>
  <c r="AD17496" i="1"/>
  <c r="AD17497" i="1"/>
  <c r="AD17498" i="1"/>
  <c r="AD17499" i="1"/>
  <c r="AD17500" i="1"/>
  <c r="AD17501" i="1"/>
  <c r="AD17502" i="1"/>
  <c r="AD17503" i="1"/>
  <c r="AD17504" i="1"/>
  <c r="AD17505" i="1"/>
  <c r="AD17506" i="1"/>
  <c r="AD17507" i="1"/>
  <c r="AD17508" i="1"/>
  <c r="AD17509" i="1"/>
  <c r="AD17510" i="1"/>
  <c r="AD17511" i="1"/>
  <c r="AD17512" i="1"/>
  <c r="AD17513" i="1"/>
  <c r="AD17514" i="1"/>
  <c r="AD17515" i="1"/>
  <c r="AD17516" i="1"/>
  <c r="AD17517" i="1"/>
  <c r="AD17518" i="1"/>
  <c r="AD17519" i="1"/>
  <c r="AD17520" i="1"/>
  <c r="AD17521" i="1"/>
  <c r="AD17522" i="1"/>
  <c r="AD17523" i="1"/>
  <c r="AD17524" i="1"/>
  <c r="AD17525" i="1"/>
  <c r="AD17526" i="1"/>
  <c r="AD17527" i="1"/>
  <c r="AD17528" i="1"/>
  <c r="AD17529" i="1"/>
  <c r="AD17530" i="1"/>
  <c r="AD17531" i="1"/>
  <c r="AD17532" i="1"/>
  <c r="AD17533" i="1"/>
  <c r="AD17534" i="1"/>
  <c r="AD17535" i="1"/>
  <c r="AD17536" i="1"/>
  <c r="AD17537" i="1"/>
  <c r="AD17538" i="1"/>
  <c r="AD17539" i="1"/>
  <c r="AD17540" i="1"/>
  <c r="AD17541" i="1"/>
  <c r="AD17542" i="1"/>
  <c r="AD17543" i="1"/>
  <c r="AD17544" i="1"/>
  <c r="AD17545" i="1"/>
  <c r="AD17546" i="1"/>
  <c r="AD17547" i="1"/>
  <c r="AD17548" i="1"/>
  <c r="AD17549" i="1"/>
  <c r="AD17550" i="1"/>
  <c r="AD17551" i="1"/>
  <c r="AD17552" i="1"/>
  <c r="AD17553" i="1"/>
  <c r="AD17554" i="1"/>
  <c r="AD17555" i="1"/>
  <c r="AD17556" i="1"/>
  <c r="AD17557" i="1"/>
  <c r="AD17558" i="1"/>
  <c r="AD17559" i="1"/>
  <c r="AD17560" i="1"/>
  <c r="AD17561" i="1"/>
  <c r="AD17562" i="1"/>
  <c r="AD17563" i="1"/>
  <c r="AD17564" i="1"/>
  <c r="AD17565" i="1"/>
  <c r="AD17566" i="1"/>
  <c r="AD17567" i="1"/>
  <c r="AD17568" i="1"/>
  <c r="AD17569" i="1"/>
  <c r="AD17570" i="1"/>
  <c r="AD17571" i="1"/>
  <c r="AD17572" i="1"/>
  <c r="AD17573" i="1"/>
  <c r="AD17574" i="1"/>
  <c r="AD17575" i="1"/>
  <c r="AD17576" i="1"/>
  <c r="AD17577" i="1"/>
  <c r="AD17578" i="1"/>
  <c r="AD17579" i="1"/>
  <c r="AD17580" i="1"/>
  <c r="AD17581" i="1"/>
  <c r="AD17582" i="1"/>
  <c r="AD17583" i="1"/>
  <c r="AD17584" i="1"/>
  <c r="AD17585" i="1"/>
  <c r="AD17586" i="1"/>
  <c r="AD17587" i="1"/>
  <c r="AD17588" i="1"/>
  <c r="AD17589" i="1"/>
  <c r="AD17590" i="1"/>
  <c r="AD17591" i="1"/>
  <c r="AD17592" i="1"/>
  <c r="AD17593" i="1"/>
  <c r="AD17594" i="1"/>
  <c r="AD17595" i="1"/>
  <c r="AD17596" i="1"/>
  <c r="AD17597" i="1"/>
  <c r="AD17598" i="1"/>
  <c r="AD17599" i="1"/>
  <c r="AD17600" i="1"/>
  <c r="AD17601" i="1"/>
  <c r="AD17602" i="1"/>
  <c r="AD17603" i="1"/>
  <c r="AD17604" i="1"/>
  <c r="AD17605" i="1"/>
  <c r="AD17606" i="1"/>
  <c r="AD17607" i="1"/>
  <c r="AD17608" i="1"/>
  <c r="AD17609" i="1"/>
  <c r="AD17610" i="1"/>
  <c r="AD17611" i="1"/>
  <c r="AD17612" i="1"/>
  <c r="AD17613" i="1"/>
  <c r="AD17614" i="1"/>
  <c r="AD17615" i="1"/>
  <c r="AD17616" i="1"/>
  <c r="AD17617" i="1"/>
  <c r="AD17618" i="1"/>
  <c r="AD17619" i="1"/>
  <c r="AD17620" i="1"/>
  <c r="AD17621" i="1"/>
  <c r="AD17622" i="1"/>
  <c r="AD17623" i="1"/>
  <c r="AD17624" i="1"/>
  <c r="AD17625" i="1"/>
  <c r="AD17626" i="1"/>
  <c r="AD17627" i="1"/>
  <c r="AD17628" i="1"/>
  <c r="AD17629" i="1"/>
  <c r="AD17630" i="1"/>
  <c r="AD17631" i="1"/>
  <c r="AD17632" i="1"/>
  <c r="AD17633" i="1"/>
  <c r="AD17634" i="1"/>
  <c r="AD17635" i="1"/>
  <c r="AD17636" i="1"/>
  <c r="AD17637" i="1"/>
  <c r="AD17638" i="1"/>
  <c r="AD17639" i="1"/>
  <c r="AD17640" i="1"/>
  <c r="AD17641" i="1"/>
  <c r="AD17642" i="1"/>
  <c r="AD17643" i="1"/>
  <c r="AD17644" i="1"/>
  <c r="AD17645" i="1"/>
  <c r="AD17646" i="1"/>
  <c r="AD17647" i="1"/>
  <c r="AD17648" i="1"/>
  <c r="AD17649" i="1"/>
  <c r="AD17650" i="1"/>
  <c r="AD17651" i="1"/>
  <c r="AD17652" i="1"/>
  <c r="AD17653" i="1"/>
  <c r="AD17654" i="1"/>
  <c r="AD17655" i="1"/>
  <c r="AD17656" i="1"/>
  <c r="AD17657" i="1"/>
  <c r="AD17658" i="1"/>
  <c r="AD17659" i="1"/>
  <c r="AD17660" i="1"/>
  <c r="AD17661" i="1"/>
  <c r="AD17662" i="1"/>
  <c r="AD17663" i="1"/>
  <c r="AD17664" i="1"/>
  <c r="AD17665" i="1"/>
  <c r="AD17666" i="1"/>
  <c r="AD17667" i="1"/>
  <c r="AD17668" i="1"/>
  <c r="AD17669" i="1"/>
  <c r="AD17670" i="1"/>
  <c r="AD17671" i="1"/>
  <c r="AD17672" i="1"/>
  <c r="AD17673" i="1"/>
  <c r="AD17674" i="1"/>
  <c r="AD17675" i="1"/>
  <c r="AD17676" i="1"/>
  <c r="AD17677" i="1"/>
  <c r="AD17678" i="1"/>
  <c r="AD17679" i="1"/>
  <c r="AD17680" i="1"/>
  <c r="AD17681" i="1"/>
  <c r="AD17682" i="1"/>
  <c r="AD17683" i="1"/>
  <c r="AD17684" i="1"/>
  <c r="AD17685" i="1"/>
  <c r="AD17686" i="1"/>
  <c r="AD17687" i="1"/>
  <c r="AD17688" i="1"/>
  <c r="AD17689" i="1"/>
  <c r="AD17690" i="1"/>
  <c r="AD17691" i="1"/>
  <c r="AD17692" i="1"/>
  <c r="AD17693" i="1"/>
  <c r="AD17694" i="1"/>
  <c r="AD17695" i="1"/>
  <c r="AD17696" i="1"/>
  <c r="AD17697" i="1"/>
  <c r="AD17698" i="1"/>
  <c r="AD17699" i="1"/>
  <c r="AD17700" i="1"/>
  <c r="AD17701" i="1"/>
  <c r="AD17702" i="1"/>
  <c r="AD17703" i="1"/>
  <c r="AD17704" i="1"/>
  <c r="AD17705" i="1"/>
  <c r="AD17706" i="1"/>
  <c r="AD17707" i="1"/>
  <c r="AD17708" i="1"/>
  <c r="AD17709" i="1"/>
  <c r="AD17710" i="1"/>
  <c r="AD17711" i="1"/>
  <c r="AD17712" i="1"/>
  <c r="AD17713" i="1"/>
  <c r="AD17714" i="1"/>
  <c r="AD17715" i="1"/>
  <c r="AD17716" i="1"/>
  <c r="AD17717" i="1"/>
  <c r="AD17718" i="1"/>
  <c r="AD17719" i="1"/>
  <c r="AD17720" i="1"/>
  <c r="AD17721" i="1"/>
  <c r="AD17722" i="1"/>
  <c r="AD17723" i="1"/>
  <c r="AD17724" i="1"/>
  <c r="AD17725" i="1"/>
  <c r="AD17726" i="1"/>
  <c r="AD17727" i="1"/>
  <c r="AD17728" i="1"/>
  <c r="AD17729" i="1"/>
  <c r="AD17730" i="1"/>
  <c r="AD17731" i="1"/>
  <c r="AD17732" i="1"/>
  <c r="AD17733" i="1"/>
  <c r="AD17734" i="1"/>
  <c r="AD17735" i="1"/>
  <c r="AD17736" i="1"/>
  <c r="AD17737" i="1"/>
  <c r="AD17738" i="1"/>
  <c r="AD17739" i="1"/>
  <c r="AD17740" i="1"/>
  <c r="AD17741" i="1"/>
  <c r="AD17742" i="1"/>
  <c r="AD17743" i="1"/>
  <c r="AD17744" i="1"/>
  <c r="AD17745" i="1"/>
  <c r="AD17746" i="1"/>
  <c r="AD17747" i="1"/>
  <c r="AD17748" i="1"/>
  <c r="AD17749" i="1"/>
  <c r="AD17750" i="1"/>
  <c r="AD17751" i="1"/>
  <c r="AD17752" i="1"/>
  <c r="AD17753" i="1"/>
  <c r="AD17754" i="1"/>
  <c r="AD17755" i="1"/>
  <c r="AD17756" i="1"/>
  <c r="AD17757" i="1"/>
  <c r="AD17758" i="1"/>
  <c r="AD17759" i="1"/>
  <c r="AD17760" i="1"/>
  <c r="AD17761" i="1"/>
  <c r="AD17762" i="1"/>
  <c r="AD17763" i="1"/>
  <c r="AD17764" i="1"/>
  <c r="AD17765" i="1"/>
  <c r="AD17766" i="1"/>
  <c r="AD17767" i="1"/>
  <c r="AD17768" i="1"/>
  <c r="AD17769" i="1"/>
  <c r="AD17770" i="1"/>
  <c r="AD17771" i="1"/>
  <c r="AD17772" i="1"/>
  <c r="AD17773" i="1"/>
  <c r="AD17774" i="1"/>
  <c r="AD17775" i="1"/>
  <c r="AD17776" i="1"/>
  <c r="AD17777" i="1"/>
  <c r="AD17778" i="1"/>
  <c r="AD17779" i="1"/>
  <c r="AD17780" i="1"/>
  <c r="AD17781" i="1"/>
  <c r="AD17782" i="1"/>
  <c r="AD17783" i="1"/>
  <c r="AD17784" i="1"/>
  <c r="AD17785" i="1"/>
  <c r="AD17786" i="1"/>
  <c r="AD17787" i="1"/>
  <c r="AD17788" i="1"/>
  <c r="AD17789" i="1"/>
  <c r="AD17790" i="1"/>
  <c r="AD17791" i="1"/>
  <c r="AD17792" i="1"/>
  <c r="AD17793" i="1"/>
  <c r="AD17794" i="1"/>
  <c r="AD17795" i="1"/>
  <c r="AD17796" i="1"/>
  <c r="AD17797" i="1"/>
  <c r="AD17798" i="1"/>
  <c r="AD17799" i="1"/>
  <c r="AD17800" i="1"/>
  <c r="AD17801" i="1"/>
  <c r="AD17802" i="1"/>
  <c r="AD17803" i="1"/>
  <c r="AD17804" i="1"/>
  <c r="AD17805" i="1"/>
  <c r="AD17806" i="1"/>
  <c r="AD17807" i="1"/>
  <c r="AD17808" i="1"/>
  <c r="AD17809" i="1"/>
  <c r="AD17810" i="1"/>
  <c r="AD17811" i="1"/>
  <c r="AD17812" i="1"/>
  <c r="AD17813" i="1"/>
  <c r="AD17814" i="1"/>
  <c r="AD17815" i="1"/>
  <c r="AD17816" i="1"/>
  <c r="AD17817" i="1"/>
  <c r="AD17818" i="1"/>
  <c r="AD17819" i="1"/>
  <c r="AD17820" i="1"/>
  <c r="AD17821" i="1"/>
  <c r="AD17822" i="1"/>
  <c r="AD17823" i="1"/>
  <c r="AD17824" i="1"/>
  <c r="AD17825" i="1"/>
  <c r="AD17826" i="1"/>
  <c r="AD17827" i="1"/>
  <c r="AD17828" i="1"/>
  <c r="AD17829" i="1"/>
  <c r="AD17830" i="1"/>
  <c r="AD17831" i="1"/>
  <c r="AD17832" i="1"/>
  <c r="AD17833" i="1"/>
  <c r="AD17834" i="1"/>
  <c r="AD17835" i="1"/>
  <c r="AD17836" i="1"/>
  <c r="AD17837" i="1"/>
  <c r="AD17838" i="1"/>
  <c r="AD17839" i="1"/>
  <c r="AD17840" i="1"/>
  <c r="AD17841" i="1"/>
  <c r="AD17842" i="1"/>
  <c r="AD17843" i="1"/>
  <c r="AD17844" i="1"/>
  <c r="AD17845" i="1"/>
  <c r="AD17846" i="1"/>
  <c r="AD17847" i="1"/>
  <c r="AD17848" i="1"/>
  <c r="AD17849" i="1"/>
  <c r="AD17850" i="1"/>
  <c r="AD17851" i="1"/>
  <c r="AD17852" i="1"/>
  <c r="AD17853" i="1"/>
  <c r="AD17854" i="1"/>
  <c r="AD17855" i="1"/>
  <c r="AD17856" i="1"/>
  <c r="AD17857" i="1"/>
  <c r="AD17858" i="1"/>
  <c r="AD17859" i="1"/>
  <c r="AD17860" i="1"/>
  <c r="AD17861" i="1"/>
  <c r="AD17862" i="1"/>
  <c r="AD17863" i="1"/>
  <c r="AD17864" i="1"/>
  <c r="AD17865" i="1"/>
  <c r="AD17866" i="1"/>
  <c r="AD17867" i="1"/>
  <c r="AD17868" i="1"/>
  <c r="AD17869" i="1"/>
  <c r="AD17870" i="1"/>
  <c r="AD17871" i="1"/>
  <c r="AD17872" i="1"/>
  <c r="AD17873" i="1"/>
  <c r="AD17874" i="1"/>
  <c r="AD17875" i="1"/>
  <c r="AD17876" i="1"/>
  <c r="AD17877" i="1"/>
  <c r="AD17878" i="1"/>
  <c r="AD17879" i="1"/>
  <c r="AD17880" i="1"/>
  <c r="AD17881" i="1"/>
  <c r="AD17882" i="1"/>
  <c r="AD17883" i="1"/>
  <c r="AD17884" i="1"/>
  <c r="AD17885" i="1"/>
  <c r="AD17886" i="1"/>
  <c r="AD17887" i="1"/>
  <c r="AD17888" i="1"/>
  <c r="AD17889" i="1"/>
  <c r="AD17890" i="1"/>
  <c r="AD17891" i="1"/>
  <c r="AD17892" i="1"/>
  <c r="AD17893" i="1"/>
  <c r="AD17894" i="1"/>
  <c r="AD17895" i="1"/>
  <c r="AD17896" i="1"/>
  <c r="AD17897" i="1"/>
  <c r="AD17898" i="1"/>
  <c r="AD17899" i="1"/>
  <c r="AD17900" i="1"/>
  <c r="AD17901" i="1"/>
  <c r="AD17902" i="1"/>
  <c r="AD17903" i="1"/>
  <c r="AD17904" i="1"/>
  <c r="AD17905" i="1"/>
  <c r="AD17906" i="1"/>
  <c r="AD17907" i="1"/>
  <c r="AD17908" i="1"/>
  <c r="AD17909" i="1"/>
  <c r="AD17910" i="1"/>
  <c r="AD17911" i="1"/>
  <c r="AD17912" i="1"/>
  <c r="AD17913" i="1"/>
  <c r="AD17914" i="1"/>
  <c r="AD17915" i="1"/>
  <c r="AD17916" i="1"/>
  <c r="AD17917" i="1"/>
  <c r="AD17918" i="1"/>
  <c r="AD17919" i="1"/>
  <c r="AD17920" i="1"/>
  <c r="AD17921" i="1"/>
  <c r="AD17922" i="1"/>
  <c r="AD17923" i="1"/>
  <c r="AD17924" i="1"/>
  <c r="AD17925" i="1"/>
  <c r="AD17926" i="1"/>
  <c r="AD17927" i="1"/>
  <c r="AD17928" i="1"/>
  <c r="AD17929" i="1"/>
  <c r="AD17930" i="1"/>
  <c r="AD17931" i="1"/>
  <c r="AD17932" i="1"/>
  <c r="AD17933" i="1"/>
  <c r="AD17934" i="1"/>
  <c r="AD17935" i="1"/>
  <c r="AD17936" i="1"/>
  <c r="AD17937" i="1"/>
  <c r="AD17938" i="1"/>
  <c r="AD17939" i="1"/>
  <c r="AD17940" i="1"/>
  <c r="AD17941" i="1"/>
  <c r="AD17942" i="1"/>
  <c r="AD17943" i="1"/>
  <c r="AD17944" i="1"/>
  <c r="AD17945" i="1"/>
  <c r="AD17946" i="1"/>
  <c r="AD17947" i="1"/>
  <c r="AD17948" i="1"/>
  <c r="AD17949" i="1"/>
  <c r="AD17950" i="1"/>
  <c r="AD17951" i="1"/>
  <c r="AD17952" i="1"/>
  <c r="AD17953" i="1"/>
  <c r="AD17954" i="1"/>
  <c r="AD17955" i="1"/>
  <c r="AD17956" i="1"/>
  <c r="AD17957" i="1"/>
  <c r="AD17958" i="1"/>
  <c r="AD17959" i="1"/>
  <c r="AD17960" i="1"/>
  <c r="AD17961" i="1"/>
  <c r="AD17962" i="1"/>
  <c r="AD17963" i="1"/>
  <c r="AD17964" i="1"/>
  <c r="AD17965" i="1"/>
  <c r="AD17966" i="1"/>
  <c r="AD17967" i="1"/>
  <c r="AD17968" i="1"/>
  <c r="AD17969" i="1"/>
  <c r="AD17970" i="1"/>
  <c r="AD17971" i="1"/>
  <c r="AD17972" i="1"/>
  <c r="AD17973" i="1"/>
  <c r="AD17974" i="1"/>
  <c r="AD17975" i="1"/>
  <c r="AD17976" i="1"/>
  <c r="AD17977" i="1"/>
  <c r="AD17978" i="1"/>
  <c r="AD17979" i="1"/>
  <c r="AD17980" i="1"/>
  <c r="AD17981" i="1"/>
  <c r="AD17982" i="1"/>
  <c r="AD17983" i="1"/>
  <c r="AD17984" i="1"/>
  <c r="AD17985" i="1"/>
  <c r="AD17986" i="1"/>
  <c r="AD17987" i="1"/>
  <c r="AD17988" i="1"/>
  <c r="AD17989" i="1"/>
  <c r="AD17990" i="1"/>
  <c r="AD17991" i="1"/>
  <c r="AD17992" i="1"/>
  <c r="AD17993" i="1"/>
  <c r="AD17994" i="1"/>
  <c r="AD17995" i="1"/>
  <c r="AD17996" i="1"/>
  <c r="AD17997" i="1"/>
  <c r="AD17998" i="1"/>
  <c r="AD17999" i="1"/>
  <c r="AD18000" i="1"/>
  <c r="AD18001" i="1"/>
  <c r="AD18002" i="1"/>
  <c r="AD18003" i="1"/>
  <c r="AD18004" i="1"/>
  <c r="AD18005" i="1"/>
  <c r="AD18006" i="1"/>
  <c r="AD18007" i="1"/>
  <c r="AD18008" i="1"/>
  <c r="AD18009" i="1"/>
  <c r="AD18010" i="1"/>
  <c r="AD18011" i="1"/>
  <c r="AD18012" i="1"/>
  <c r="AD18013" i="1"/>
  <c r="AD18014" i="1"/>
  <c r="AD18015" i="1"/>
  <c r="AD18016" i="1"/>
  <c r="AD18017" i="1"/>
  <c r="AD18018" i="1"/>
  <c r="AD18019" i="1"/>
  <c r="AD18020" i="1"/>
  <c r="AD18021" i="1"/>
  <c r="AD18022" i="1"/>
  <c r="AD18023" i="1"/>
  <c r="AD18024" i="1"/>
  <c r="AD18025" i="1"/>
  <c r="AD18026" i="1"/>
  <c r="AD18027" i="1"/>
  <c r="AD18028" i="1"/>
  <c r="AD18029" i="1"/>
  <c r="AD18030" i="1"/>
  <c r="AD18031" i="1"/>
  <c r="AD18032" i="1"/>
  <c r="AD18033" i="1"/>
  <c r="AD18034" i="1"/>
  <c r="AD18035" i="1"/>
  <c r="AD18036" i="1"/>
  <c r="AD18037" i="1"/>
  <c r="AD18038" i="1"/>
  <c r="AD18039" i="1"/>
  <c r="AD18040" i="1"/>
  <c r="AD18041" i="1"/>
  <c r="AD18042" i="1"/>
  <c r="AD18043" i="1"/>
  <c r="AD18044" i="1"/>
  <c r="AD18045" i="1"/>
  <c r="AD18046" i="1"/>
  <c r="AD18047" i="1"/>
  <c r="AD18048" i="1"/>
  <c r="AD18049" i="1"/>
  <c r="AD18050" i="1"/>
  <c r="AD18051" i="1"/>
  <c r="AD18052" i="1"/>
  <c r="AD18053" i="1"/>
  <c r="AD18054" i="1"/>
  <c r="AD18055" i="1"/>
  <c r="AD18056" i="1"/>
  <c r="AD18057" i="1"/>
  <c r="AD18058" i="1"/>
  <c r="AD18059" i="1"/>
  <c r="AD18060" i="1"/>
  <c r="AD18061" i="1"/>
  <c r="AD18062" i="1"/>
  <c r="AD18063" i="1"/>
  <c r="AD18064" i="1"/>
  <c r="AD18065" i="1"/>
  <c r="AD18066" i="1"/>
  <c r="AD18067" i="1"/>
  <c r="AD18068" i="1"/>
  <c r="AD18069" i="1"/>
  <c r="AD18070" i="1"/>
  <c r="AD18071" i="1"/>
  <c r="AD18072" i="1"/>
  <c r="AD18073" i="1"/>
  <c r="AD18074" i="1"/>
  <c r="AD18075" i="1"/>
  <c r="AD18076" i="1"/>
  <c r="AD18077" i="1"/>
  <c r="AD18078" i="1"/>
  <c r="AD18079" i="1"/>
  <c r="AD18080" i="1"/>
  <c r="AD18081" i="1"/>
  <c r="AD18082" i="1"/>
  <c r="AD18083" i="1"/>
  <c r="AD18084" i="1"/>
  <c r="AD18085" i="1"/>
  <c r="AD18086" i="1"/>
  <c r="AD18087" i="1"/>
  <c r="AD18088" i="1"/>
  <c r="AD18089" i="1"/>
  <c r="AD18090" i="1"/>
  <c r="AD18091" i="1"/>
  <c r="AD18092" i="1"/>
  <c r="AD18093" i="1"/>
  <c r="AD18094" i="1"/>
  <c r="AD18095" i="1"/>
  <c r="AD18096" i="1"/>
  <c r="AD18097" i="1"/>
  <c r="AD18098" i="1"/>
  <c r="AD18099" i="1"/>
  <c r="AD18100" i="1"/>
  <c r="AD18101" i="1"/>
  <c r="AD18102" i="1"/>
  <c r="AD18103" i="1"/>
  <c r="AD18104" i="1"/>
  <c r="AD18105" i="1"/>
  <c r="AD18106" i="1"/>
  <c r="AD18107" i="1"/>
  <c r="AD18108" i="1"/>
  <c r="AD18109" i="1"/>
  <c r="AD18110" i="1"/>
  <c r="AD18111" i="1"/>
  <c r="AD18112" i="1"/>
  <c r="AD18113" i="1"/>
  <c r="AD18114" i="1"/>
  <c r="AD18115" i="1"/>
  <c r="AD18116" i="1"/>
  <c r="AD18117" i="1"/>
  <c r="AD18118" i="1"/>
  <c r="AD18119" i="1"/>
  <c r="AD18120" i="1"/>
  <c r="AD18121" i="1"/>
  <c r="AD18122" i="1"/>
  <c r="AD18123" i="1"/>
  <c r="AD18124" i="1"/>
  <c r="AD18125" i="1"/>
  <c r="AD18126" i="1"/>
  <c r="AD18127" i="1"/>
  <c r="AD18128" i="1"/>
  <c r="AD18129" i="1"/>
  <c r="AD18130" i="1"/>
  <c r="AD18131" i="1"/>
  <c r="AD18132" i="1"/>
  <c r="AD18133" i="1"/>
  <c r="AD18134" i="1"/>
  <c r="AD18135" i="1"/>
  <c r="AD18136" i="1"/>
  <c r="AD18137" i="1"/>
  <c r="AD18138" i="1"/>
  <c r="AD18139" i="1"/>
  <c r="AD18140" i="1"/>
  <c r="AD18141" i="1"/>
  <c r="AD18142" i="1"/>
  <c r="AD18143" i="1"/>
  <c r="AD18144" i="1"/>
  <c r="AD18145" i="1"/>
  <c r="AD18146" i="1"/>
  <c r="AD18147" i="1"/>
  <c r="AD18148" i="1"/>
  <c r="AD18149" i="1"/>
  <c r="AD18150" i="1"/>
  <c r="AD18151" i="1"/>
  <c r="AD18152" i="1"/>
  <c r="AD18153" i="1"/>
  <c r="AD18154" i="1"/>
  <c r="AD18155" i="1"/>
  <c r="AD18156" i="1"/>
  <c r="AD18157" i="1"/>
  <c r="AD18158" i="1"/>
  <c r="AD18159" i="1"/>
  <c r="AD18160" i="1"/>
  <c r="AD18161" i="1"/>
  <c r="AD18162" i="1"/>
  <c r="AD18163" i="1"/>
  <c r="AD18164" i="1"/>
  <c r="AD18165" i="1"/>
  <c r="AD18166" i="1"/>
  <c r="AD18167" i="1"/>
  <c r="AD18168" i="1"/>
  <c r="AD18169" i="1"/>
  <c r="AD18170" i="1"/>
  <c r="AD18171" i="1"/>
  <c r="AD18172" i="1"/>
  <c r="AD18173" i="1"/>
  <c r="AD18174" i="1"/>
  <c r="AD18175" i="1"/>
  <c r="AD18176" i="1"/>
  <c r="AD18177" i="1"/>
  <c r="AD18178" i="1"/>
  <c r="AD18179" i="1"/>
  <c r="AD18180" i="1"/>
  <c r="AD18181" i="1"/>
  <c r="AD18182" i="1"/>
  <c r="AD18183" i="1"/>
  <c r="AD18184" i="1"/>
  <c r="AD18185" i="1"/>
  <c r="AD18186" i="1"/>
  <c r="AD18187" i="1"/>
  <c r="AD18188" i="1"/>
  <c r="AD18189" i="1"/>
  <c r="AD18190" i="1"/>
  <c r="AD18191" i="1"/>
  <c r="AD18192" i="1"/>
  <c r="AD18193" i="1"/>
  <c r="AD18194" i="1"/>
  <c r="AD18195" i="1"/>
  <c r="AD18196" i="1"/>
  <c r="AD18197" i="1"/>
  <c r="AD18198" i="1"/>
  <c r="AD18199" i="1"/>
  <c r="AD18200" i="1"/>
  <c r="AD18201" i="1"/>
  <c r="AD18202" i="1"/>
  <c r="AD18203" i="1"/>
  <c r="AD18204" i="1"/>
  <c r="AD18205" i="1"/>
  <c r="AD18206" i="1"/>
  <c r="AD18207" i="1"/>
  <c r="AD18208" i="1"/>
  <c r="AD18209" i="1"/>
  <c r="AD18210" i="1"/>
  <c r="AD18211" i="1"/>
  <c r="AD18212" i="1"/>
  <c r="AD18213" i="1"/>
  <c r="AD18214" i="1"/>
  <c r="AD18215" i="1"/>
  <c r="AD18216" i="1"/>
  <c r="AD18217" i="1"/>
  <c r="AD18218" i="1"/>
  <c r="AD18219" i="1"/>
  <c r="AD18220" i="1"/>
  <c r="AD18221" i="1"/>
  <c r="AD18222" i="1"/>
  <c r="AD18223" i="1"/>
  <c r="AD18224" i="1"/>
  <c r="AD18225" i="1"/>
  <c r="AD18226" i="1"/>
  <c r="AD18227" i="1"/>
  <c r="AD18228" i="1"/>
  <c r="AD18229" i="1"/>
  <c r="AD18230" i="1"/>
  <c r="AD18231" i="1"/>
  <c r="AD18232" i="1"/>
  <c r="AD18233" i="1"/>
  <c r="AD18234" i="1"/>
  <c r="AD18235" i="1"/>
  <c r="AD18236" i="1"/>
  <c r="AD18237" i="1"/>
  <c r="AD18238" i="1"/>
  <c r="AD18239" i="1"/>
  <c r="AD18240" i="1"/>
  <c r="AD18241" i="1"/>
  <c r="AD18242" i="1"/>
  <c r="AD18243" i="1"/>
  <c r="AD18244" i="1"/>
  <c r="AD18245" i="1"/>
  <c r="AD18246" i="1"/>
  <c r="AD18247" i="1"/>
  <c r="AD18248" i="1"/>
  <c r="AD18249" i="1"/>
  <c r="AD18250" i="1"/>
  <c r="AD18251" i="1"/>
  <c r="AD18252" i="1"/>
  <c r="AD18253" i="1"/>
  <c r="AD18254" i="1"/>
  <c r="AD18255" i="1"/>
  <c r="AD18256" i="1"/>
  <c r="AD18257" i="1"/>
  <c r="AD18258" i="1"/>
  <c r="AD18259" i="1"/>
  <c r="AD18260" i="1"/>
  <c r="AD18261" i="1"/>
  <c r="AD18262" i="1"/>
  <c r="AD18263" i="1"/>
  <c r="AD18264" i="1"/>
  <c r="AD18265" i="1"/>
  <c r="AD18266" i="1"/>
  <c r="AD18267" i="1"/>
  <c r="AD18268" i="1"/>
  <c r="AD18269" i="1"/>
  <c r="AD18270" i="1"/>
  <c r="AD18271" i="1"/>
  <c r="AD18272" i="1"/>
  <c r="AD18273" i="1"/>
  <c r="AD18274" i="1"/>
  <c r="AD18275" i="1"/>
  <c r="AD18276" i="1"/>
  <c r="AD18277" i="1"/>
  <c r="AD18278" i="1"/>
  <c r="AD18279" i="1"/>
  <c r="AD18280" i="1"/>
  <c r="AD18281" i="1"/>
  <c r="AD18282" i="1"/>
  <c r="AD18283" i="1"/>
  <c r="AD18284" i="1"/>
  <c r="AD18285" i="1"/>
  <c r="AD18286" i="1"/>
  <c r="AD18287" i="1"/>
  <c r="AD18288" i="1"/>
  <c r="AD18289" i="1"/>
  <c r="AD18290" i="1"/>
  <c r="AD18291" i="1"/>
  <c r="AD18292" i="1"/>
  <c r="AD18293" i="1"/>
  <c r="AD18294" i="1"/>
  <c r="AD18295" i="1"/>
  <c r="AD18296" i="1"/>
  <c r="AD18297" i="1"/>
  <c r="AD18298" i="1"/>
  <c r="AD18299" i="1"/>
  <c r="AD18300" i="1"/>
  <c r="AD18301" i="1"/>
  <c r="AD18302" i="1"/>
  <c r="AD18303" i="1"/>
  <c r="AD18304" i="1"/>
  <c r="AD18305" i="1"/>
  <c r="AD18306" i="1"/>
  <c r="AD18307" i="1"/>
  <c r="AD18308" i="1"/>
  <c r="AD18309" i="1"/>
  <c r="AD18310" i="1"/>
  <c r="AD18311" i="1"/>
  <c r="AD18312" i="1"/>
  <c r="AD18313" i="1"/>
  <c r="AD18314" i="1"/>
  <c r="AD18315" i="1"/>
  <c r="AD18316" i="1"/>
  <c r="AD18317" i="1"/>
  <c r="AD18318" i="1"/>
  <c r="AD18319" i="1"/>
  <c r="AD18320" i="1"/>
  <c r="AD18321" i="1"/>
  <c r="AD18322" i="1"/>
  <c r="AD18323" i="1"/>
  <c r="AD18324" i="1"/>
  <c r="AD18325" i="1"/>
  <c r="AD18326" i="1"/>
  <c r="AD18327" i="1"/>
  <c r="AD18328" i="1"/>
  <c r="AD18329" i="1"/>
  <c r="AD18330" i="1"/>
  <c r="AD18331" i="1"/>
  <c r="AD18332" i="1"/>
  <c r="AD18333" i="1"/>
  <c r="AD18334" i="1"/>
  <c r="AD18335" i="1"/>
  <c r="AD18336" i="1"/>
  <c r="AD18337" i="1"/>
  <c r="AD18338" i="1"/>
  <c r="AD18339" i="1"/>
  <c r="AD18340" i="1"/>
  <c r="AD18341" i="1"/>
  <c r="AD18342" i="1"/>
  <c r="AD18343" i="1"/>
  <c r="AD18344" i="1"/>
  <c r="AD18345" i="1"/>
  <c r="AD18346" i="1"/>
  <c r="AD18347" i="1"/>
  <c r="AD18348" i="1"/>
  <c r="AD18349" i="1"/>
  <c r="AD18350" i="1"/>
  <c r="AD18351" i="1"/>
  <c r="AD18352" i="1"/>
  <c r="AD18353" i="1"/>
  <c r="AD18354" i="1"/>
  <c r="AD18355" i="1"/>
  <c r="AD18356" i="1"/>
  <c r="AD18357" i="1"/>
  <c r="AD18358" i="1"/>
  <c r="AD18359" i="1"/>
  <c r="AD18360" i="1"/>
  <c r="AD18361" i="1"/>
  <c r="AD18362" i="1"/>
  <c r="AD18363" i="1"/>
  <c r="AD18364" i="1"/>
  <c r="AD18365" i="1"/>
  <c r="AD18366" i="1"/>
  <c r="AD18367" i="1"/>
  <c r="AD18368" i="1"/>
  <c r="AD18369" i="1"/>
  <c r="AD18370" i="1"/>
  <c r="AD18371" i="1"/>
  <c r="AD18372" i="1"/>
  <c r="AD18373" i="1"/>
  <c r="AD18374" i="1"/>
  <c r="AD18375" i="1"/>
  <c r="AD18376" i="1"/>
  <c r="AD18377" i="1"/>
  <c r="AD18378" i="1"/>
  <c r="AD18379" i="1"/>
  <c r="AD18380" i="1"/>
  <c r="AD18381" i="1"/>
  <c r="AD18382" i="1"/>
  <c r="AD18383" i="1"/>
  <c r="AD18384" i="1"/>
  <c r="AD18385" i="1"/>
  <c r="AD18386" i="1"/>
  <c r="AD18387" i="1"/>
  <c r="AD18388" i="1"/>
  <c r="AD18389" i="1"/>
  <c r="AD18390" i="1"/>
  <c r="AD18391" i="1"/>
  <c r="AD18392" i="1"/>
  <c r="AD18393" i="1"/>
  <c r="AD18394" i="1"/>
  <c r="AD18395" i="1"/>
  <c r="AD18396" i="1"/>
  <c r="AD18397" i="1"/>
  <c r="AD18398" i="1"/>
  <c r="AD18399" i="1"/>
  <c r="AD18400" i="1"/>
  <c r="AD18401" i="1"/>
  <c r="AD18402" i="1"/>
  <c r="AD18403" i="1"/>
  <c r="AD18404" i="1"/>
  <c r="AD18405" i="1"/>
  <c r="AD18406" i="1"/>
  <c r="AD18407" i="1"/>
  <c r="AD18408" i="1"/>
  <c r="AD18409" i="1"/>
  <c r="AD18410" i="1"/>
  <c r="AD18411" i="1"/>
  <c r="AD18412" i="1"/>
  <c r="AD18413" i="1"/>
  <c r="AD18414" i="1"/>
  <c r="AD18415" i="1"/>
  <c r="AD18416" i="1"/>
  <c r="AD18417" i="1"/>
  <c r="AD18418" i="1"/>
  <c r="AD18419" i="1"/>
  <c r="AD18420" i="1"/>
  <c r="AD18421" i="1"/>
  <c r="AD18422" i="1"/>
  <c r="AD18423" i="1"/>
  <c r="AD18424" i="1"/>
  <c r="AD18425" i="1"/>
  <c r="AD18426" i="1"/>
  <c r="AD18427" i="1"/>
  <c r="AD18428" i="1"/>
  <c r="AD18429" i="1"/>
  <c r="AD18430" i="1"/>
  <c r="AD18431" i="1"/>
  <c r="AD18432" i="1"/>
  <c r="AD18433" i="1"/>
  <c r="AD18434" i="1"/>
  <c r="AD18435" i="1"/>
  <c r="AD18436" i="1"/>
  <c r="AD18437" i="1"/>
  <c r="AD18438" i="1"/>
  <c r="AD18439" i="1"/>
  <c r="AD18440" i="1"/>
  <c r="AD18441" i="1"/>
  <c r="AD18442" i="1"/>
  <c r="AD18443" i="1"/>
  <c r="AD18444" i="1"/>
  <c r="AD18445" i="1"/>
  <c r="AD18446" i="1"/>
  <c r="AD18447" i="1"/>
  <c r="AD18448" i="1"/>
  <c r="AD18449" i="1"/>
  <c r="AD18450" i="1"/>
  <c r="AD18451" i="1"/>
  <c r="AD18452" i="1"/>
  <c r="AD18453" i="1"/>
  <c r="AD18454" i="1"/>
  <c r="AD18455" i="1"/>
  <c r="AD18456" i="1"/>
  <c r="AD18457" i="1"/>
  <c r="AD18458" i="1"/>
  <c r="AD18459" i="1"/>
  <c r="AD18460" i="1"/>
  <c r="AD18461" i="1"/>
  <c r="AD18462" i="1"/>
  <c r="AD18463" i="1"/>
  <c r="AD18464" i="1"/>
  <c r="AD18465" i="1"/>
  <c r="AD18466" i="1"/>
  <c r="AD18467" i="1"/>
  <c r="AD18468" i="1"/>
  <c r="AD18469" i="1"/>
  <c r="AD18470" i="1"/>
  <c r="AD18471" i="1"/>
  <c r="AD18472" i="1"/>
  <c r="AD18473" i="1"/>
  <c r="AD18474" i="1"/>
  <c r="AD18475" i="1"/>
  <c r="AD18476" i="1"/>
  <c r="AD18477" i="1"/>
  <c r="AD18478" i="1"/>
  <c r="AD18479" i="1"/>
  <c r="AD18480" i="1"/>
  <c r="AD18481" i="1"/>
  <c r="AD18482" i="1"/>
  <c r="AD18483" i="1"/>
  <c r="AD18484" i="1"/>
  <c r="AD18485" i="1"/>
  <c r="AD18486" i="1"/>
  <c r="AD18487" i="1"/>
  <c r="AD18488" i="1"/>
  <c r="AD18489" i="1"/>
  <c r="AD18490" i="1"/>
  <c r="AD18491" i="1"/>
  <c r="AD18492" i="1"/>
  <c r="AD18493" i="1"/>
  <c r="AD18494" i="1"/>
  <c r="AD18495" i="1"/>
  <c r="AD18496" i="1"/>
  <c r="AD18497" i="1"/>
  <c r="AD18498" i="1"/>
  <c r="AD18499" i="1"/>
  <c r="AD18500" i="1"/>
  <c r="AD18501" i="1"/>
  <c r="AD18502" i="1"/>
  <c r="AD18503" i="1"/>
  <c r="AD18504" i="1"/>
  <c r="AD18505" i="1"/>
  <c r="AD18506" i="1"/>
  <c r="AD18507" i="1"/>
  <c r="AD18508" i="1"/>
  <c r="AD18509" i="1"/>
  <c r="AD18510" i="1"/>
  <c r="AD18511" i="1"/>
  <c r="AD18512" i="1"/>
  <c r="AD18513" i="1"/>
  <c r="AD18514" i="1"/>
  <c r="AD18515" i="1"/>
  <c r="AD18516" i="1"/>
  <c r="AD18517" i="1"/>
  <c r="AD18518" i="1"/>
  <c r="AD18519" i="1"/>
  <c r="AD18520" i="1"/>
  <c r="AD18521" i="1"/>
  <c r="AD18522" i="1"/>
  <c r="AD18523" i="1"/>
  <c r="AD18524" i="1"/>
  <c r="AD18525" i="1"/>
  <c r="AD18526" i="1"/>
  <c r="AD18527" i="1"/>
  <c r="AD18528" i="1"/>
  <c r="AD18529" i="1"/>
  <c r="AD18530" i="1"/>
  <c r="AD18531" i="1"/>
  <c r="AD18532" i="1"/>
  <c r="AD18533" i="1"/>
  <c r="AD18534" i="1"/>
  <c r="AD18535" i="1"/>
  <c r="AD18536" i="1"/>
  <c r="AD18537" i="1"/>
  <c r="AD18538" i="1"/>
  <c r="AD18539" i="1"/>
  <c r="AD18540" i="1"/>
  <c r="AD18541" i="1"/>
  <c r="AD18542" i="1"/>
  <c r="AD18543" i="1"/>
  <c r="AD18544" i="1"/>
  <c r="AD18545" i="1"/>
  <c r="AD18546" i="1"/>
  <c r="AD18547" i="1"/>
  <c r="AD18548" i="1"/>
  <c r="AD18549" i="1"/>
  <c r="AD18550" i="1"/>
  <c r="AD18551" i="1"/>
  <c r="AD18552" i="1"/>
  <c r="AD18553" i="1"/>
  <c r="AD18554" i="1"/>
  <c r="AD18555" i="1"/>
  <c r="AD18556" i="1"/>
  <c r="AD18557" i="1"/>
  <c r="AD18558" i="1"/>
  <c r="AD18559" i="1"/>
  <c r="AD18560" i="1"/>
  <c r="AD18561" i="1"/>
  <c r="AD18562" i="1"/>
  <c r="AD18563" i="1"/>
  <c r="AD18564" i="1"/>
  <c r="AD18565" i="1"/>
  <c r="AD18566" i="1"/>
  <c r="AD18567" i="1"/>
  <c r="AD18568" i="1"/>
  <c r="AD18569" i="1"/>
  <c r="AD18570" i="1"/>
  <c r="AD18571" i="1"/>
  <c r="AD18572" i="1"/>
  <c r="AD18573" i="1"/>
  <c r="AD18574" i="1"/>
  <c r="AD18575" i="1"/>
  <c r="AD18576" i="1"/>
  <c r="AD18577" i="1"/>
  <c r="AD18578" i="1"/>
  <c r="AD18579" i="1"/>
  <c r="AD18580" i="1"/>
  <c r="AD18581" i="1"/>
  <c r="AD18582" i="1"/>
  <c r="AD18583" i="1"/>
  <c r="AD18584" i="1"/>
  <c r="AD18585" i="1"/>
  <c r="AD18586" i="1"/>
  <c r="AD18587" i="1"/>
  <c r="AD18588" i="1"/>
  <c r="AD18589" i="1"/>
  <c r="AD18590" i="1"/>
  <c r="AD18591" i="1"/>
  <c r="AD18592" i="1"/>
  <c r="AD18593" i="1"/>
  <c r="AD18594" i="1"/>
  <c r="AD18595" i="1"/>
  <c r="AD18596" i="1"/>
  <c r="AD18597" i="1"/>
  <c r="AD18598" i="1"/>
  <c r="AD18599" i="1"/>
  <c r="AD18600" i="1"/>
  <c r="AD18601" i="1"/>
  <c r="AD18602" i="1"/>
  <c r="AD18603" i="1"/>
  <c r="AD18604" i="1"/>
  <c r="AD18605" i="1"/>
  <c r="AD18606" i="1"/>
  <c r="AD18607" i="1"/>
  <c r="AD18608" i="1"/>
  <c r="AD18609" i="1"/>
  <c r="AD18610" i="1"/>
  <c r="AD18611" i="1"/>
  <c r="AD18612" i="1"/>
  <c r="AD18613" i="1"/>
  <c r="AD18614" i="1"/>
  <c r="AD18615" i="1"/>
  <c r="AD18616" i="1"/>
  <c r="AD18617" i="1"/>
  <c r="AD18618" i="1"/>
  <c r="AD18619" i="1"/>
  <c r="AD18620" i="1"/>
  <c r="AD18621" i="1"/>
  <c r="AD18622" i="1"/>
  <c r="AD18623" i="1"/>
  <c r="AD18624" i="1"/>
  <c r="AD18625" i="1"/>
  <c r="AD18626" i="1"/>
  <c r="AD18627" i="1"/>
  <c r="AD18628" i="1"/>
  <c r="AD18629" i="1"/>
  <c r="AD18630" i="1"/>
  <c r="AD18631" i="1"/>
  <c r="AD18632" i="1"/>
  <c r="AD18633" i="1"/>
  <c r="AD18634" i="1"/>
  <c r="AD18635" i="1"/>
  <c r="AD18636" i="1"/>
  <c r="AD18637" i="1"/>
  <c r="AD18638" i="1"/>
  <c r="AD18639" i="1"/>
  <c r="AD18640" i="1"/>
  <c r="AD18641" i="1"/>
  <c r="AD18642" i="1"/>
  <c r="AD18643" i="1"/>
  <c r="AD18644" i="1"/>
  <c r="AD18645" i="1"/>
  <c r="AD18646" i="1"/>
  <c r="AD18647" i="1"/>
  <c r="AD18648" i="1"/>
  <c r="AD18649" i="1"/>
  <c r="AD18650" i="1"/>
  <c r="AD18651" i="1"/>
  <c r="AD18652" i="1"/>
  <c r="AD18653" i="1"/>
  <c r="AD18654" i="1"/>
  <c r="AD18655" i="1"/>
  <c r="AD18656" i="1"/>
  <c r="AD18657" i="1"/>
  <c r="AD18658" i="1"/>
  <c r="AD18659" i="1"/>
  <c r="AD18660" i="1"/>
  <c r="AD18661" i="1"/>
  <c r="AD18662" i="1"/>
  <c r="AD18663" i="1"/>
  <c r="AD18664" i="1"/>
  <c r="AD18665" i="1"/>
  <c r="AD18666" i="1"/>
  <c r="AD18667" i="1"/>
  <c r="AD18668" i="1"/>
  <c r="AD18669" i="1"/>
  <c r="AD18670" i="1"/>
  <c r="AD18671" i="1"/>
  <c r="AD18672" i="1"/>
  <c r="AD18673" i="1"/>
  <c r="AD18674" i="1"/>
  <c r="AD18675" i="1"/>
  <c r="AD18676" i="1"/>
  <c r="AD18677" i="1"/>
  <c r="AD18678" i="1"/>
  <c r="AD18679" i="1"/>
  <c r="AD18680" i="1"/>
  <c r="AD18681" i="1"/>
  <c r="AD18682" i="1"/>
  <c r="AD18683" i="1"/>
  <c r="AD18684" i="1"/>
  <c r="AD18685" i="1"/>
  <c r="AD18686" i="1"/>
  <c r="AD18687" i="1"/>
  <c r="AD18688" i="1"/>
  <c r="AD18689" i="1"/>
  <c r="AD18690" i="1"/>
  <c r="AD18691" i="1"/>
  <c r="AD18692" i="1"/>
  <c r="AD18693" i="1"/>
  <c r="AD18694" i="1"/>
  <c r="AD18695" i="1"/>
  <c r="AD18696" i="1"/>
  <c r="AD18697" i="1"/>
  <c r="AD18698" i="1"/>
  <c r="AD18699" i="1"/>
  <c r="AD18700" i="1"/>
  <c r="AD18701" i="1"/>
  <c r="AD18702" i="1"/>
  <c r="AD18703" i="1"/>
  <c r="AD18704" i="1"/>
  <c r="AD18705" i="1"/>
  <c r="AD18706" i="1"/>
  <c r="AD18707" i="1"/>
  <c r="AD18708" i="1"/>
  <c r="AD18709" i="1"/>
  <c r="AD18710" i="1"/>
  <c r="AD18711" i="1"/>
  <c r="AD18712" i="1"/>
  <c r="AD18713" i="1"/>
  <c r="AD18714" i="1"/>
  <c r="AD18715" i="1"/>
  <c r="AD18716" i="1"/>
  <c r="AD18717" i="1"/>
  <c r="AD18718" i="1"/>
  <c r="AD18719" i="1"/>
  <c r="AD18720" i="1"/>
  <c r="AD18721" i="1"/>
  <c r="AD18722" i="1"/>
  <c r="AD18723" i="1"/>
  <c r="AD18724" i="1"/>
  <c r="AD18725" i="1"/>
  <c r="AD18726" i="1"/>
  <c r="AD18727" i="1"/>
  <c r="AD18728" i="1"/>
  <c r="AD18729" i="1"/>
  <c r="AD18730" i="1"/>
  <c r="AD18731" i="1"/>
  <c r="AD18732" i="1"/>
  <c r="AD18733" i="1"/>
  <c r="AD18734" i="1"/>
  <c r="AD18735" i="1"/>
  <c r="AD18736" i="1"/>
  <c r="AD18737" i="1"/>
  <c r="AD18738" i="1"/>
  <c r="AD18739" i="1"/>
  <c r="AD18740" i="1"/>
  <c r="AD18741" i="1"/>
  <c r="AD18742" i="1"/>
  <c r="AD18743" i="1"/>
  <c r="AD18744" i="1"/>
  <c r="AD18745" i="1"/>
  <c r="AD18746" i="1"/>
  <c r="AD18747" i="1"/>
  <c r="AD18748" i="1"/>
  <c r="AD18749" i="1"/>
  <c r="AD18750" i="1"/>
  <c r="AD18751" i="1"/>
  <c r="AD18752" i="1"/>
  <c r="AD18753" i="1"/>
  <c r="AD18754" i="1"/>
  <c r="AD18755" i="1"/>
  <c r="AD18756" i="1"/>
  <c r="AD18757" i="1"/>
  <c r="AD18758" i="1"/>
  <c r="AD18759" i="1"/>
  <c r="AD18760" i="1"/>
  <c r="AD18761" i="1"/>
  <c r="AD18762" i="1"/>
  <c r="AD18763" i="1"/>
  <c r="AD18764" i="1"/>
  <c r="AD18765" i="1"/>
  <c r="AD18766" i="1"/>
  <c r="AD18767" i="1"/>
  <c r="AD18768" i="1"/>
  <c r="AD18769" i="1"/>
  <c r="AD18770" i="1"/>
  <c r="AD18771" i="1"/>
  <c r="AD18772" i="1"/>
  <c r="AD18773" i="1"/>
  <c r="AD18774" i="1"/>
  <c r="AD18775" i="1"/>
  <c r="AD18776" i="1"/>
  <c r="AD18777" i="1"/>
  <c r="AD18778" i="1"/>
  <c r="AD18779" i="1"/>
  <c r="AD18780" i="1"/>
  <c r="AD18781" i="1"/>
  <c r="AD18782" i="1"/>
  <c r="AD18783" i="1"/>
  <c r="AD18784" i="1"/>
  <c r="AD18785" i="1"/>
  <c r="AD18786" i="1"/>
  <c r="AD18787" i="1"/>
  <c r="AD18788" i="1"/>
  <c r="AD18789" i="1"/>
  <c r="AD18790" i="1"/>
  <c r="AD18791" i="1"/>
  <c r="AD18792" i="1"/>
  <c r="AD18793" i="1"/>
  <c r="AD18794" i="1"/>
  <c r="AD18795" i="1"/>
  <c r="AD18796" i="1"/>
  <c r="AD18797" i="1"/>
  <c r="AD18798" i="1"/>
  <c r="AD18799" i="1"/>
  <c r="AD18800" i="1"/>
  <c r="AD18801" i="1"/>
  <c r="AD18802" i="1"/>
  <c r="AD18803" i="1"/>
  <c r="AD18804" i="1"/>
  <c r="AD18805" i="1"/>
  <c r="AD18806" i="1"/>
  <c r="AD18807" i="1"/>
  <c r="AD18808" i="1"/>
  <c r="AD18809" i="1"/>
  <c r="AD18810" i="1"/>
  <c r="AD18811" i="1"/>
  <c r="AD18812" i="1"/>
  <c r="AD18813" i="1"/>
  <c r="AD18814" i="1"/>
  <c r="AD18815" i="1"/>
  <c r="AD18816" i="1"/>
  <c r="AD18817" i="1"/>
  <c r="AD18818" i="1"/>
  <c r="AD18819" i="1"/>
  <c r="AD18820" i="1"/>
  <c r="AD18821" i="1"/>
  <c r="AD18822" i="1"/>
  <c r="AD18823" i="1"/>
  <c r="AD18824" i="1"/>
  <c r="AD18825" i="1"/>
  <c r="AD18826" i="1"/>
  <c r="AD18827" i="1"/>
  <c r="AD18828" i="1"/>
  <c r="AD18829" i="1"/>
  <c r="AD18830" i="1"/>
  <c r="AD18831" i="1"/>
  <c r="AD18832" i="1"/>
  <c r="AD18833" i="1"/>
  <c r="AD18834" i="1"/>
  <c r="AD18835" i="1"/>
  <c r="AD18836" i="1"/>
  <c r="AD18837" i="1"/>
  <c r="AD18838" i="1"/>
  <c r="AD18839" i="1"/>
  <c r="AD18840" i="1"/>
  <c r="AD18841" i="1"/>
  <c r="AD18842" i="1"/>
  <c r="AD18843" i="1"/>
  <c r="AD18844" i="1"/>
  <c r="AD18845" i="1"/>
  <c r="AD18846" i="1"/>
  <c r="AD18847" i="1"/>
  <c r="AD18848" i="1"/>
  <c r="AD18849" i="1"/>
  <c r="AD18850" i="1"/>
  <c r="AD18851" i="1"/>
  <c r="AD18852" i="1"/>
  <c r="AD18853" i="1"/>
  <c r="AD18854" i="1"/>
  <c r="AD18855" i="1"/>
  <c r="AD18856" i="1"/>
  <c r="AD18857" i="1"/>
  <c r="AD18858" i="1"/>
  <c r="AD18859" i="1"/>
  <c r="AD18860" i="1"/>
  <c r="AD18861" i="1"/>
  <c r="AD18862" i="1"/>
  <c r="AD18863" i="1"/>
  <c r="AD18864" i="1"/>
  <c r="AD18865" i="1"/>
  <c r="AD18866" i="1"/>
  <c r="AD18867" i="1"/>
  <c r="AD18868" i="1"/>
  <c r="AD18869" i="1"/>
  <c r="AD18870" i="1"/>
  <c r="AD18871" i="1"/>
  <c r="AD18872" i="1"/>
  <c r="AD18873" i="1"/>
  <c r="AD18874" i="1"/>
  <c r="AD18875" i="1"/>
  <c r="AD18876" i="1"/>
  <c r="AD18877" i="1"/>
  <c r="AD18878" i="1"/>
  <c r="AD18879" i="1"/>
  <c r="AD18880" i="1"/>
  <c r="AD18881" i="1"/>
  <c r="AD18882" i="1"/>
  <c r="AD18883" i="1"/>
  <c r="AD18884" i="1"/>
  <c r="AD18885" i="1"/>
  <c r="AD18886" i="1"/>
  <c r="AD18887" i="1"/>
  <c r="AD18888" i="1"/>
  <c r="AD18889" i="1"/>
  <c r="AD18890" i="1"/>
  <c r="AD18891" i="1"/>
  <c r="AD18892" i="1"/>
  <c r="AD18893" i="1"/>
  <c r="AD18894" i="1"/>
  <c r="AD18895" i="1"/>
  <c r="AD18896" i="1"/>
  <c r="AD18897" i="1"/>
  <c r="AD18898" i="1"/>
  <c r="AD18899" i="1"/>
  <c r="AD18900" i="1"/>
  <c r="AD18901" i="1"/>
  <c r="AD18902" i="1"/>
  <c r="AD18903" i="1"/>
  <c r="AD18904" i="1"/>
  <c r="AD18905" i="1"/>
  <c r="AD18906" i="1"/>
  <c r="AD18907" i="1"/>
  <c r="AD18908" i="1"/>
  <c r="AD18909" i="1"/>
  <c r="AD18910" i="1"/>
  <c r="AD18911" i="1"/>
  <c r="AD18912" i="1"/>
  <c r="AD18913" i="1"/>
  <c r="AD18914" i="1"/>
  <c r="AD18915" i="1"/>
  <c r="AD18916" i="1"/>
  <c r="AD18917" i="1"/>
  <c r="AD18918" i="1"/>
  <c r="AD18919" i="1"/>
  <c r="AD18920" i="1"/>
  <c r="AD18921" i="1"/>
  <c r="AD18922" i="1"/>
  <c r="AD18923" i="1"/>
  <c r="AD18924" i="1"/>
  <c r="AD18925" i="1"/>
  <c r="AD18926" i="1"/>
  <c r="AD18927" i="1"/>
  <c r="AD18928" i="1"/>
  <c r="AD18929" i="1"/>
  <c r="AD18930" i="1"/>
  <c r="AD18931" i="1"/>
  <c r="AD18932" i="1"/>
  <c r="AD18933" i="1"/>
  <c r="AD18934" i="1"/>
  <c r="AD18935" i="1"/>
  <c r="AD18936" i="1"/>
  <c r="AD18937" i="1"/>
  <c r="AD18938" i="1"/>
  <c r="AD18939" i="1"/>
  <c r="AD18940" i="1"/>
  <c r="AD18941" i="1"/>
  <c r="AD18942" i="1"/>
  <c r="AD18943" i="1"/>
  <c r="AD18944" i="1"/>
  <c r="AD18945" i="1"/>
  <c r="AD18946" i="1"/>
  <c r="AD18947" i="1"/>
  <c r="AD18948" i="1"/>
  <c r="AD18949" i="1"/>
  <c r="AD18950" i="1"/>
  <c r="AD18951" i="1"/>
  <c r="AD18952" i="1"/>
  <c r="AD18953" i="1"/>
  <c r="AD18954" i="1"/>
  <c r="AD18955" i="1"/>
  <c r="AD18956" i="1"/>
  <c r="AD18957" i="1"/>
  <c r="AD18958" i="1"/>
  <c r="AD18959" i="1"/>
  <c r="AD18960" i="1"/>
  <c r="AD18961" i="1"/>
  <c r="AD18962" i="1"/>
  <c r="AD18963" i="1"/>
  <c r="AD18964" i="1"/>
  <c r="AD18965" i="1"/>
  <c r="AD18966" i="1"/>
  <c r="AD18967" i="1"/>
  <c r="AD18968" i="1"/>
  <c r="AD18969" i="1"/>
  <c r="AD18970" i="1"/>
  <c r="AD18971" i="1"/>
  <c r="AD18972" i="1"/>
  <c r="AD18973" i="1"/>
  <c r="AD18974" i="1"/>
  <c r="AD18975" i="1"/>
  <c r="AD18976" i="1"/>
  <c r="AD18977" i="1"/>
  <c r="AD18978" i="1"/>
  <c r="AD18979" i="1"/>
  <c r="AD18980" i="1"/>
  <c r="AD18981" i="1"/>
  <c r="AD18982" i="1"/>
  <c r="AD18983" i="1"/>
  <c r="AD18984" i="1"/>
  <c r="AD18985" i="1"/>
  <c r="AD18986" i="1"/>
  <c r="AD18987" i="1"/>
  <c r="AD18988" i="1"/>
  <c r="AD18989" i="1"/>
  <c r="AD18990" i="1"/>
  <c r="AD18991" i="1"/>
  <c r="AD18992" i="1"/>
  <c r="AD18993" i="1"/>
  <c r="AD18994" i="1"/>
  <c r="AD18995" i="1"/>
  <c r="AD18996" i="1"/>
  <c r="AD18997" i="1"/>
  <c r="AD18998" i="1"/>
  <c r="AD18999" i="1"/>
  <c r="AD19000" i="1"/>
  <c r="AD19001" i="1"/>
  <c r="AD19002" i="1"/>
  <c r="AD19003" i="1"/>
  <c r="AD19004" i="1"/>
  <c r="AD19005" i="1"/>
  <c r="AD19006" i="1"/>
  <c r="AD19007" i="1"/>
  <c r="AD19008" i="1"/>
  <c r="AD19009" i="1"/>
  <c r="AD19010" i="1"/>
  <c r="AD19011" i="1"/>
  <c r="AD19012" i="1"/>
  <c r="AD19013" i="1"/>
  <c r="AD19014" i="1"/>
  <c r="AD19015" i="1"/>
  <c r="AD19016" i="1"/>
  <c r="AD19017" i="1"/>
  <c r="AD19018" i="1"/>
  <c r="AD19019" i="1"/>
  <c r="AD19020" i="1"/>
  <c r="AD19021" i="1"/>
  <c r="AD19022" i="1"/>
  <c r="AD19023" i="1"/>
  <c r="AD19024" i="1"/>
  <c r="AD19025" i="1"/>
  <c r="AD19026" i="1"/>
  <c r="AD19027" i="1"/>
  <c r="AD19028" i="1"/>
  <c r="AD19029" i="1"/>
  <c r="AD19030" i="1"/>
  <c r="AD19031" i="1"/>
  <c r="AD19032" i="1"/>
  <c r="AD19033" i="1"/>
  <c r="AD19034" i="1"/>
  <c r="AD19035" i="1"/>
  <c r="AD19036" i="1"/>
  <c r="AD19037" i="1"/>
  <c r="AD19038" i="1"/>
  <c r="AD19039" i="1"/>
  <c r="AD19040" i="1"/>
  <c r="AD19041" i="1"/>
  <c r="AD19042" i="1"/>
  <c r="AD19043" i="1"/>
  <c r="AD19044" i="1"/>
  <c r="AD19045" i="1"/>
  <c r="AD19046" i="1"/>
  <c r="AD19047" i="1"/>
  <c r="AD19048" i="1"/>
  <c r="AD19049" i="1"/>
  <c r="AD19050" i="1"/>
  <c r="AD19051" i="1"/>
  <c r="AD19052" i="1"/>
  <c r="AD19053" i="1"/>
  <c r="AD19054" i="1"/>
  <c r="AD19055" i="1"/>
  <c r="AD19056" i="1"/>
  <c r="AD19057" i="1"/>
  <c r="AD19058" i="1"/>
  <c r="AD19059" i="1"/>
  <c r="AD19060" i="1"/>
  <c r="AD19061" i="1"/>
  <c r="AD19062" i="1"/>
  <c r="AD19063" i="1"/>
  <c r="AD19064" i="1"/>
  <c r="AD19065" i="1"/>
  <c r="AD19066" i="1"/>
  <c r="AD19067" i="1"/>
  <c r="AD19068" i="1"/>
  <c r="AD19069" i="1"/>
  <c r="AD19070" i="1"/>
  <c r="AD19071" i="1"/>
  <c r="AD19072" i="1"/>
  <c r="AD19073" i="1"/>
  <c r="AD19074" i="1"/>
  <c r="AD19075" i="1"/>
  <c r="AD19076" i="1"/>
  <c r="AD19077" i="1"/>
  <c r="AD19078" i="1"/>
  <c r="AD19079" i="1"/>
  <c r="AD19080" i="1"/>
  <c r="AD19081" i="1"/>
  <c r="AD19082" i="1"/>
  <c r="AD19083" i="1"/>
  <c r="AD19084" i="1"/>
  <c r="AD19085" i="1"/>
  <c r="AD19086" i="1"/>
  <c r="AD19087" i="1"/>
  <c r="AD19088" i="1"/>
  <c r="AD19089" i="1"/>
  <c r="AD19090" i="1"/>
  <c r="AD19091" i="1"/>
  <c r="AD19092" i="1"/>
  <c r="AD19093" i="1"/>
  <c r="AD19094" i="1"/>
  <c r="AD19095" i="1"/>
  <c r="AD19096" i="1"/>
  <c r="AD19097" i="1"/>
  <c r="AD19098" i="1"/>
  <c r="AD19099" i="1"/>
  <c r="AD19100" i="1"/>
  <c r="AD19101" i="1"/>
  <c r="AD19102" i="1"/>
  <c r="AD19103" i="1"/>
  <c r="AD19104" i="1"/>
  <c r="AD19105" i="1"/>
  <c r="AD19106" i="1"/>
  <c r="AD19107" i="1"/>
  <c r="AD19108" i="1"/>
  <c r="AD19109" i="1"/>
  <c r="AD19110" i="1"/>
  <c r="AD19111" i="1"/>
  <c r="AD19112" i="1"/>
  <c r="AD19113" i="1"/>
  <c r="AD19114" i="1"/>
  <c r="AD19115" i="1"/>
  <c r="AD19116" i="1"/>
  <c r="AD19117" i="1"/>
  <c r="AD19118" i="1"/>
  <c r="AD19119" i="1"/>
  <c r="AD19120" i="1"/>
  <c r="AD19121" i="1"/>
  <c r="AD19122" i="1"/>
  <c r="AD19123" i="1"/>
  <c r="AD19124" i="1"/>
  <c r="AD19125" i="1"/>
  <c r="AD19126" i="1"/>
  <c r="AD19127" i="1"/>
  <c r="AD19128" i="1"/>
  <c r="AD19129" i="1"/>
  <c r="AD19130" i="1"/>
  <c r="AD19131" i="1"/>
  <c r="AD19132" i="1"/>
  <c r="AD19133" i="1"/>
  <c r="AD19134" i="1"/>
  <c r="AD19135" i="1"/>
  <c r="AD19136" i="1"/>
  <c r="AD19137" i="1"/>
  <c r="AD19138" i="1"/>
  <c r="AD19139" i="1"/>
  <c r="AD19140" i="1"/>
  <c r="AD19141" i="1"/>
  <c r="AD19142" i="1"/>
  <c r="AD19143" i="1"/>
  <c r="AD19144" i="1"/>
  <c r="AD19145" i="1"/>
  <c r="AD19146" i="1"/>
  <c r="AD19147" i="1"/>
  <c r="AD19148" i="1"/>
  <c r="AD19149" i="1"/>
  <c r="AD19150" i="1"/>
  <c r="AD19151" i="1"/>
  <c r="AD19152" i="1"/>
  <c r="AD19153" i="1"/>
  <c r="AD19154" i="1"/>
  <c r="AD19155" i="1"/>
  <c r="AD19156" i="1"/>
  <c r="AD19157" i="1"/>
  <c r="AD19158" i="1"/>
  <c r="AD19159" i="1"/>
  <c r="AD19160" i="1"/>
  <c r="AD19161" i="1"/>
  <c r="AD19162" i="1"/>
  <c r="AD19163" i="1"/>
  <c r="AD19164" i="1"/>
  <c r="AD19165" i="1"/>
  <c r="AD19166" i="1"/>
  <c r="AD19167" i="1"/>
  <c r="AD19168" i="1"/>
  <c r="AD19169" i="1"/>
  <c r="AD19170" i="1"/>
  <c r="AD19171" i="1"/>
  <c r="AD19172" i="1"/>
  <c r="AD19173" i="1"/>
  <c r="AD19174" i="1"/>
  <c r="AD19175" i="1"/>
  <c r="AD19176" i="1"/>
  <c r="AD19177" i="1"/>
  <c r="AD19178" i="1"/>
  <c r="AD19179" i="1"/>
  <c r="AD19180" i="1"/>
  <c r="AD19181" i="1"/>
  <c r="AD19182" i="1"/>
  <c r="AD19183" i="1"/>
  <c r="AD19184" i="1"/>
  <c r="AD19185" i="1"/>
  <c r="AD19186" i="1"/>
  <c r="AD19187" i="1"/>
  <c r="AD19188" i="1"/>
  <c r="AD19189" i="1"/>
  <c r="AD19190" i="1"/>
  <c r="AD19191" i="1"/>
  <c r="AD19192" i="1"/>
  <c r="AD19193" i="1"/>
  <c r="AD19194" i="1"/>
  <c r="AD19195" i="1"/>
  <c r="AD19196" i="1"/>
  <c r="AD19197" i="1"/>
  <c r="AD19198" i="1"/>
  <c r="AD19199" i="1"/>
  <c r="AD19200" i="1"/>
  <c r="AD19201" i="1"/>
  <c r="AD19202" i="1"/>
  <c r="AD19203" i="1"/>
  <c r="AD19204" i="1"/>
  <c r="AD19205" i="1"/>
  <c r="AD19206" i="1"/>
  <c r="AD19207" i="1"/>
  <c r="AD19208" i="1"/>
  <c r="AD19209" i="1"/>
  <c r="AD19210" i="1"/>
  <c r="AD19211" i="1"/>
  <c r="AD19212" i="1"/>
  <c r="AD19213" i="1"/>
  <c r="AD19214" i="1"/>
  <c r="AD19215" i="1"/>
  <c r="AD19216" i="1"/>
  <c r="AD19217" i="1"/>
  <c r="AD19218" i="1"/>
  <c r="AD19219" i="1"/>
  <c r="AD19220" i="1"/>
  <c r="AD19221" i="1"/>
  <c r="AD19222" i="1"/>
  <c r="AD19223" i="1"/>
  <c r="AD19224" i="1"/>
  <c r="AD19225" i="1"/>
  <c r="AD19226" i="1"/>
  <c r="AD19227" i="1"/>
  <c r="AD19228" i="1"/>
  <c r="AD19229" i="1"/>
  <c r="AD19230" i="1"/>
  <c r="AD19231" i="1"/>
  <c r="AD19232" i="1"/>
  <c r="AD19233" i="1"/>
  <c r="AD19234" i="1"/>
  <c r="AD19235" i="1"/>
  <c r="AD19236" i="1"/>
  <c r="AD19237" i="1"/>
  <c r="AD19238" i="1"/>
  <c r="AD19239" i="1"/>
  <c r="AD19240" i="1"/>
  <c r="AD19241" i="1"/>
  <c r="AD19242" i="1"/>
  <c r="AD19243" i="1"/>
  <c r="AD19244" i="1"/>
  <c r="AD19245" i="1"/>
  <c r="AD19246" i="1"/>
  <c r="AD19247" i="1"/>
  <c r="AD19248" i="1"/>
  <c r="AD19249" i="1"/>
  <c r="AD19250" i="1"/>
  <c r="AD19251" i="1"/>
  <c r="AD19252" i="1"/>
  <c r="AD19253" i="1"/>
  <c r="AD19254" i="1"/>
  <c r="AD19255" i="1"/>
  <c r="AD19256" i="1"/>
  <c r="AD19257" i="1"/>
  <c r="AD19258" i="1"/>
  <c r="AD19259" i="1"/>
  <c r="AD19260" i="1"/>
  <c r="AD19261" i="1"/>
  <c r="AD19262" i="1"/>
  <c r="AD19263" i="1"/>
  <c r="AD19264" i="1"/>
  <c r="AD19265" i="1"/>
  <c r="AD19266" i="1"/>
  <c r="AD19267" i="1"/>
  <c r="AD19268" i="1"/>
  <c r="AD19269" i="1"/>
  <c r="AD19270" i="1"/>
  <c r="AD19271" i="1"/>
  <c r="AD19272" i="1"/>
  <c r="AD19273" i="1"/>
  <c r="AD19274" i="1"/>
  <c r="AD19275" i="1"/>
  <c r="AD19276" i="1"/>
  <c r="AD19277" i="1"/>
  <c r="AD19278" i="1"/>
  <c r="AD19279" i="1"/>
  <c r="AD19280" i="1"/>
  <c r="AD19281" i="1"/>
  <c r="AD19282" i="1"/>
  <c r="AD19283" i="1"/>
  <c r="AD19284" i="1"/>
  <c r="AD19285" i="1"/>
  <c r="AD19286" i="1"/>
  <c r="AD19287" i="1"/>
  <c r="AD19288" i="1"/>
  <c r="AD19289" i="1"/>
  <c r="AD19290" i="1"/>
  <c r="AD19291" i="1"/>
  <c r="AD19292" i="1"/>
  <c r="AD19293" i="1"/>
  <c r="AD19294" i="1"/>
  <c r="AD19295" i="1"/>
  <c r="AD19296" i="1"/>
  <c r="AD19297" i="1"/>
  <c r="AD19298" i="1"/>
  <c r="AD19299" i="1"/>
  <c r="AD19300" i="1"/>
  <c r="AD19301" i="1"/>
  <c r="AD19302" i="1"/>
  <c r="AD19303" i="1"/>
  <c r="AD19304" i="1"/>
  <c r="AD19305" i="1"/>
  <c r="AD19306" i="1"/>
  <c r="AD19307" i="1"/>
  <c r="AD19308" i="1"/>
  <c r="AD19309" i="1"/>
  <c r="AD19310" i="1"/>
  <c r="AD19311" i="1"/>
  <c r="AD19312" i="1"/>
  <c r="AD19313" i="1"/>
  <c r="AD19314" i="1"/>
  <c r="AD19315" i="1"/>
  <c r="AD19316" i="1"/>
  <c r="AD19317" i="1"/>
  <c r="AD19318" i="1"/>
  <c r="AD19319" i="1"/>
  <c r="AD19320" i="1"/>
  <c r="AD19321" i="1"/>
  <c r="AD19322" i="1"/>
  <c r="AD19323" i="1"/>
  <c r="AD19324" i="1"/>
  <c r="AD19325" i="1"/>
  <c r="AD19326" i="1"/>
  <c r="AD19327" i="1"/>
  <c r="AD19328" i="1"/>
  <c r="AD19329" i="1"/>
  <c r="AD19330" i="1"/>
  <c r="AD19331" i="1"/>
  <c r="AD19332" i="1"/>
  <c r="AD19333" i="1"/>
  <c r="AD19334" i="1"/>
  <c r="AD19335" i="1"/>
  <c r="AD19336" i="1"/>
  <c r="AD19337" i="1"/>
  <c r="AD19338" i="1"/>
  <c r="AD19339" i="1"/>
  <c r="AD19340" i="1"/>
  <c r="AD19341" i="1"/>
  <c r="AD19342" i="1"/>
  <c r="AD19343" i="1"/>
  <c r="AD19344" i="1"/>
  <c r="AD19345" i="1"/>
  <c r="AD19346" i="1"/>
  <c r="AD19347" i="1"/>
  <c r="AD19348" i="1"/>
  <c r="AD19349" i="1"/>
  <c r="AD19350" i="1"/>
  <c r="AD19351" i="1"/>
  <c r="AD19352" i="1"/>
  <c r="AD19353" i="1"/>
  <c r="AD19354" i="1"/>
  <c r="AD19355" i="1"/>
  <c r="AD19356" i="1"/>
  <c r="AD19357" i="1"/>
  <c r="AD19358" i="1"/>
  <c r="AD19359" i="1"/>
  <c r="AD19360" i="1"/>
  <c r="AD19361" i="1"/>
  <c r="AD19362" i="1"/>
  <c r="AD19363" i="1"/>
  <c r="AD19364" i="1"/>
  <c r="AD19365" i="1"/>
  <c r="AD19366" i="1"/>
  <c r="AD19367" i="1"/>
  <c r="AD19368" i="1"/>
  <c r="AD19369" i="1"/>
  <c r="AD19370" i="1"/>
  <c r="AD19371" i="1"/>
  <c r="AD19372" i="1"/>
  <c r="AD19373" i="1"/>
  <c r="AD19374" i="1"/>
  <c r="AD19375" i="1"/>
  <c r="AD19376" i="1"/>
  <c r="AD19377" i="1"/>
  <c r="AD19378" i="1"/>
  <c r="AD19379" i="1"/>
  <c r="AD19380" i="1"/>
  <c r="AD19381" i="1"/>
  <c r="AD19382" i="1"/>
  <c r="AD19383" i="1"/>
  <c r="AD19384" i="1"/>
  <c r="AD19385" i="1"/>
  <c r="AD19386" i="1"/>
  <c r="AD19387" i="1"/>
  <c r="AD19388" i="1"/>
  <c r="AD19389" i="1"/>
  <c r="AD19390" i="1"/>
  <c r="AD19391" i="1"/>
  <c r="AD19392" i="1"/>
  <c r="AD19393" i="1"/>
  <c r="AD19394" i="1"/>
  <c r="AD19395" i="1"/>
  <c r="AD19396" i="1"/>
  <c r="AD19397" i="1"/>
  <c r="AD19398" i="1"/>
  <c r="AD19399" i="1"/>
  <c r="AD19400" i="1"/>
  <c r="AD19401" i="1"/>
  <c r="AD19402" i="1"/>
  <c r="AD19403" i="1"/>
  <c r="AD19404" i="1"/>
  <c r="AD19405" i="1"/>
  <c r="AD19406" i="1"/>
  <c r="AD19407" i="1"/>
  <c r="AD19408" i="1"/>
  <c r="AD19409" i="1"/>
  <c r="AD19410" i="1"/>
  <c r="AD19411" i="1"/>
  <c r="AD19412" i="1"/>
  <c r="AD19413" i="1"/>
  <c r="AD19414" i="1"/>
  <c r="AD19415" i="1"/>
  <c r="AD19416" i="1"/>
  <c r="AD19417" i="1"/>
  <c r="AD19418" i="1"/>
  <c r="AD19419" i="1"/>
  <c r="AD19420" i="1"/>
  <c r="AD19421" i="1"/>
  <c r="AD19422" i="1"/>
  <c r="AD19423" i="1"/>
  <c r="AD19424" i="1"/>
  <c r="AD19425" i="1"/>
  <c r="AD19426" i="1"/>
  <c r="AD19427" i="1"/>
  <c r="AD19428" i="1"/>
  <c r="AD19429" i="1"/>
  <c r="AD19430" i="1"/>
  <c r="AD19431" i="1"/>
  <c r="AD19432" i="1"/>
  <c r="AD19433" i="1"/>
  <c r="AD19434" i="1"/>
  <c r="AD19435" i="1"/>
  <c r="AD19436" i="1"/>
  <c r="AD19437" i="1"/>
  <c r="AD19438" i="1"/>
  <c r="AD19439" i="1"/>
  <c r="AD19440" i="1"/>
  <c r="AD19441" i="1"/>
  <c r="AD19442" i="1"/>
  <c r="AD19443" i="1"/>
  <c r="AD19444" i="1"/>
  <c r="AD19445" i="1"/>
  <c r="AD19446" i="1"/>
  <c r="AD19447" i="1"/>
  <c r="AD19448" i="1"/>
  <c r="AD19449" i="1"/>
  <c r="AD19450" i="1"/>
  <c r="AD19451" i="1"/>
  <c r="AD19452" i="1"/>
  <c r="AD19453" i="1"/>
  <c r="AD19454" i="1"/>
  <c r="AD19455" i="1"/>
  <c r="AD19456" i="1"/>
  <c r="AD19457" i="1"/>
  <c r="AD19458" i="1"/>
  <c r="AD19459" i="1"/>
  <c r="AD19460" i="1"/>
  <c r="AD19461" i="1"/>
  <c r="AD19462" i="1"/>
  <c r="AD19463" i="1"/>
  <c r="AD19464" i="1"/>
  <c r="AD19465" i="1"/>
  <c r="AD19466" i="1"/>
  <c r="AD19467" i="1"/>
  <c r="AD19468" i="1"/>
  <c r="AD19469" i="1"/>
  <c r="AD19470" i="1"/>
  <c r="AD19471" i="1"/>
  <c r="AD19472" i="1"/>
  <c r="AD19473" i="1"/>
  <c r="AD19474" i="1"/>
  <c r="AD19475" i="1"/>
  <c r="AD19476" i="1"/>
  <c r="AD19477" i="1"/>
  <c r="AD19478" i="1"/>
  <c r="AD19479" i="1"/>
  <c r="AD19480" i="1"/>
  <c r="AD19481" i="1"/>
  <c r="AD19482" i="1"/>
  <c r="AD19483" i="1"/>
  <c r="AD19484" i="1"/>
  <c r="AD19485" i="1"/>
  <c r="AD19486" i="1"/>
  <c r="AD19487" i="1"/>
  <c r="AD19488" i="1"/>
  <c r="AD19489" i="1"/>
  <c r="AD19490" i="1"/>
  <c r="AD19491" i="1"/>
  <c r="AD19492" i="1"/>
  <c r="AD19493" i="1"/>
  <c r="AD19494" i="1"/>
  <c r="AD19495" i="1"/>
  <c r="AD19496" i="1"/>
  <c r="AD19497" i="1"/>
  <c r="AD19498" i="1"/>
  <c r="AD19499" i="1"/>
  <c r="AD19500" i="1"/>
  <c r="AD19501" i="1"/>
  <c r="AD19502" i="1"/>
  <c r="AD19503" i="1"/>
  <c r="AD19504" i="1"/>
  <c r="AD19505" i="1"/>
  <c r="AD19506" i="1"/>
  <c r="AD19507" i="1"/>
  <c r="AD19508" i="1"/>
  <c r="AD19509" i="1"/>
  <c r="AD19510" i="1"/>
  <c r="AD19511" i="1"/>
  <c r="AD19512" i="1"/>
  <c r="AD19513" i="1"/>
  <c r="AD19514" i="1"/>
  <c r="AD19515" i="1"/>
  <c r="AD19516" i="1"/>
  <c r="AD19517" i="1"/>
  <c r="AD19518" i="1"/>
  <c r="AD19519" i="1"/>
  <c r="AD19520" i="1"/>
  <c r="AD19521" i="1"/>
  <c r="AD19522" i="1"/>
  <c r="AD19523" i="1"/>
  <c r="AD19524" i="1"/>
  <c r="AD19525" i="1"/>
  <c r="AD19526" i="1"/>
  <c r="AD19527" i="1"/>
  <c r="AD19528" i="1"/>
  <c r="AD19529" i="1"/>
  <c r="AD19530" i="1"/>
  <c r="AD19531" i="1"/>
  <c r="AD19532" i="1"/>
  <c r="AD19533" i="1"/>
  <c r="AD19534" i="1"/>
  <c r="AD19535" i="1"/>
  <c r="AD19536" i="1"/>
  <c r="AD19537" i="1"/>
  <c r="AD19538" i="1"/>
  <c r="AD19539" i="1"/>
  <c r="AD19540" i="1"/>
  <c r="AD19541" i="1"/>
  <c r="AD19542" i="1"/>
  <c r="AD19543" i="1"/>
  <c r="AD19544" i="1"/>
  <c r="AD19545" i="1"/>
  <c r="AD19546" i="1"/>
  <c r="AD19547" i="1"/>
  <c r="AD19548" i="1"/>
  <c r="AD19549" i="1"/>
  <c r="AD19550" i="1"/>
  <c r="AD19551" i="1"/>
  <c r="AD19552" i="1"/>
  <c r="AD19553" i="1"/>
  <c r="AD19554" i="1"/>
  <c r="AD19555" i="1"/>
  <c r="AD19556" i="1"/>
  <c r="AD19557" i="1"/>
  <c r="AD19558" i="1"/>
  <c r="AD19559" i="1"/>
  <c r="AD19560" i="1"/>
  <c r="AD19561" i="1"/>
  <c r="AD19562" i="1"/>
  <c r="AD19563" i="1"/>
  <c r="AD19564" i="1"/>
  <c r="AD19565" i="1"/>
  <c r="AD19566" i="1"/>
  <c r="AD19567" i="1"/>
  <c r="AD19568" i="1"/>
  <c r="AD19569" i="1"/>
  <c r="AD19570" i="1"/>
  <c r="AD19571" i="1"/>
  <c r="AD19572" i="1"/>
  <c r="AD19573" i="1"/>
  <c r="AD19574" i="1"/>
  <c r="AD19575" i="1"/>
  <c r="AD19576" i="1"/>
  <c r="AD19577" i="1"/>
  <c r="AD19578" i="1"/>
  <c r="AD19579" i="1"/>
  <c r="AD19580" i="1"/>
  <c r="AD19581" i="1"/>
  <c r="AD19582" i="1"/>
  <c r="AD19583" i="1"/>
  <c r="AD19584" i="1"/>
  <c r="AD19585" i="1"/>
  <c r="AD19586" i="1"/>
  <c r="AD19587" i="1"/>
  <c r="AD19588" i="1"/>
  <c r="AD19589" i="1"/>
  <c r="AD19590" i="1"/>
  <c r="AD19591" i="1"/>
  <c r="AD19592" i="1"/>
  <c r="AD19593" i="1"/>
  <c r="AD19594" i="1"/>
  <c r="AD19595" i="1"/>
  <c r="AD19596" i="1"/>
  <c r="AD19597" i="1"/>
  <c r="AD19598" i="1"/>
  <c r="AD19599" i="1"/>
  <c r="AD19600" i="1"/>
  <c r="AD19601" i="1"/>
  <c r="AD19602" i="1"/>
  <c r="AD19603" i="1"/>
  <c r="AD19604" i="1"/>
  <c r="AD19605" i="1"/>
  <c r="AD19606" i="1"/>
  <c r="AD19607" i="1"/>
  <c r="AD19608" i="1"/>
  <c r="AD19609" i="1"/>
  <c r="AD19610" i="1"/>
  <c r="AD19611" i="1"/>
  <c r="AD19612" i="1"/>
  <c r="AD19613" i="1"/>
  <c r="AD19614" i="1"/>
  <c r="AD19615" i="1"/>
  <c r="AD19616" i="1"/>
  <c r="AD19617" i="1"/>
  <c r="AD19618" i="1"/>
  <c r="AD19619" i="1"/>
  <c r="AD19620" i="1"/>
  <c r="AD19621" i="1"/>
  <c r="AD19622" i="1"/>
  <c r="AD19623" i="1"/>
  <c r="AD19624" i="1"/>
  <c r="AD19625" i="1"/>
  <c r="AD19626" i="1"/>
  <c r="AD19627" i="1"/>
  <c r="AD19628" i="1"/>
  <c r="AD19629" i="1"/>
  <c r="AD19630" i="1"/>
  <c r="AD19631" i="1"/>
  <c r="AD19632" i="1"/>
  <c r="AD19633" i="1"/>
  <c r="AD19634" i="1"/>
  <c r="AD19635" i="1"/>
  <c r="AD19636" i="1"/>
  <c r="AD19637" i="1"/>
  <c r="AD19638" i="1"/>
  <c r="AD19639" i="1"/>
  <c r="AD19640" i="1"/>
  <c r="AD19641" i="1"/>
  <c r="AD19642" i="1"/>
  <c r="AD19643" i="1"/>
  <c r="AD19644" i="1"/>
  <c r="AD19645" i="1"/>
  <c r="AD19646" i="1"/>
  <c r="AD19647" i="1"/>
  <c r="AD19648" i="1"/>
  <c r="AD19649" i="1"/>
  <c r="AD19650" i="1"/>
  <c r="AD19651" i="1"/>
  <c r="AD19652" i="1"/>
  <c r="AD19653" i="1"/>
  <c r="AD19654" i="1"/>
  <c r="AD19655" i="1"/>
  <c r="AD19656" i="1"/>
  <c r="AD19657" i="1"/>
  <c r="AD19658" i="1"/>
  <c r="AD19659" i="1"/>
  <c r="AD19660" i="1"/>
  <c r="AD19661" i="1"/>
  <c r="AD19662" i="1"/>
  <c r="AD19663" i="1"/>
  <c r="AD19664" i="1"/>
  <c r="AD19665" i="1"/>
  <c r="AD19666" i="1"/>
  <c r="AD19667" i="1"/>
  <c r="AD19668" i="1"/>
  <c r="AD19669" i="1"/>
  <c r="AD19670" i="1"/>
  <c r="AD19671" i="1"/>
  <c r="AD19672" i="1"/>
  <c r="AD19673" i="1"/>
  <c r="AD19674" i="1"/>
  <c r="AD19675" i="1"/>
  <c r="AD19676" i="1"/>
  <c r="AD19677" i="1"/>
  <c r="AD19678" i="1"/>
  <c r="AD19679" i="1"/>
  <c r="AD19680" i="1"/>
  <c r="AD19681" i="1"/>
  <c r="AD19682" i="1"/>
  <c r="AD19683" i="1"/>
  <c r="AD19684" i="1"/>
  <c r="AD19685" i="1"/>
  <c r="AD19686" i="1"/>
  <c r="AD19687" i="1"/>
  <c r="AD19688" i="1"/>
  <c r="AD19689" i="1"/>
  <c r="AD19690" i="1"/>
  <c r="AD19691" i="1"/>
  <c r="AD19692" i="1"/>
  <c r="AD19693" i="1"/>
  <c r="AD19694" i="1"/>
  <c r="AD19695" i="1"/>
  <c r="AD19696" i="1"/>
  <c r="AD19697" i="1"/>
  <c r="AD19698" i="1"/>
  <c r="AD19699" i="1"/>
  <c r="AD19700" i="1"/>
  <c r="AD19701" i="1"/>
  <c r="AD19702" i="1"/>
  <c r="AD19703" i="1"/>
  <c r="AD19704" i="1"/>
  <c r="AD19705" i="1"/>
  <c r="AD19706" i="1"/>
  <c r="AD19707" i="1"/>
  <c r="AD19708" i="1"/>
  <c r="AD19709" i="1"/>
  <c r="AD19710" i="1"/>
  <c r="AD19711" i="1"/>
  <c r="AD19712" i="1"/>
  <c r="AD19713" i="1"/>
  <c r="AD19714" i="1"/>
  <c r="AD19715" i="1"/>
  <c r="AD19716" i="1"/>
  <c r="AD19717" i="1"/>
  <c r="AD19718" i="1"/>
  <c r="AD19719" i="1"/>
  <c r="AD19720" i="1"/>
  <c r="AD19721" i="1"/>
  <c r="AD19722" i="1"/>
  <c r="AD19723" i="1"/>
  <c r="AD19724" i="1"/>
  <c r="AD19725" i="1"/>
  <c r="AD19726" i="1"/>
  <c r="AD19727" i="1"/>
  <c r="AD19728" i="1"/>
  <c r="AD19729" i="1"/>
  <c r="AD19730" i="1"/>
  <c r="AD19731" i="1"/>
  <c r="AD19732" i="1"/>
  <c r="AD19733" i="1"/>
  <c r="AD19734" i="1"/>
  <c r="AD19735" i="1"/>
  <c r="AD19736" i="1"/>
  <c r="AD19737" i="1"/>
  <c r="AD19738" i="1"/>
  <c r="AD19739" i="1"/>
  <c r="AD19740" i="1"/>
  <c r="AD19741" i="1"/>
  <c r="AD19742" i="1"/>
  <c r="AD19743" i="1"/>
  <c r="AD19744" i="1"/>
  <c r="AD19745" i="1"/>
  <c r="AD19746" i="1"/>
  <c r="AD19747" i="1"/>
  <c r="AD19748" i="1"/>
  <c r="AD19749" i="1"/>
  <c r="AD19750" i="1"/>
  <c r="AD19751" i="1"/>
  <c r="AD19752" i="1"/>
  <c r="AD19753" i="1"/>
  <c r="AD19754" i="1"/>
  <c r="AD19755" i="1"/>
  <c r="AD19756" i="1"/>
  <c r="AD19757" i="1"/>
  <c r="AD19758" i="1"/>
  <c r="AD19759" i="1"/>
  <c r="AD19760" i="1"/>
  <c r="AD19761" i="1"/>
  <c r="AD19762" i="1"/>
  <c r="AD19763" i="1"/>
  <c r="AD19764" i="1"/>
  <c r="AD19765" i="1"/>
  <c r="AD19766" i="1"/>
  <c r="AD19767" i="1"/>
  <c r="AD19768" i="1"/>
  <c r="AD19769" i="1"/>
  <c r="AD19770" i="1"/>
  <c r="AD19771" i="1"/>
  <c r="AD19772" i="1"/>
  <c r="AD19773" i="1"/>
  <c r="AD19774" i="1"/>
  <c r="AD19775" i="1"/>
  <c r="AD19776" i="1"/>
  <c r="AD19777" i="1"/>
  <c r="AD19778" i="1"/>
  <c r="AD19779" i="1"/>
  <c r="AD19780" i="1"/>
  <c r="AD19781" i="1"/>
  <c r="AD19782" i="1"/>
  <c r="AD19783" i="1"/>
  <c r="AD19784" i="1"/>
  <c r="AD19785" i="1"/>
  <c r="AD19786" i="1"/>
  <c r="AD19787" i="1"/>
  <c r="AD19788" i="1"/>
  <c r="AD19789" i="1"/>
  <c r="AD19790" i="1"/>
  <c r="AD19791" i="1"/>
  <c r="AD19792" i="1"/>
  <c r="AD19793" i="1"/>
  <c r="AD19794" i="1"/>
  <c r="AD19795" i="1"/>
  <c r="AD19796" i="1"/>
  <c r="AD19797" i="1"/>
  <c r="AD19798" i="1"/>
  <c r="AD19799" i="1"/>
  <c r="AD19800" i="1"/>
  <c r="AD19801" i="1"/>
  <c r="AD19802" i="1"/>
  <c r="AD19803" i="1"/>
  <c r="AD19804" i="1"/>
  <c r="AD19805" i="1"/>
  <c r="AD19806" i="1"/>
  <c r="AD19807" i="1"/>
  <c r="AD19808" i="1"/>
  <c r="AD19809" i="1"/>
  <c r="AD19810" i="1"/>
  <c r="AD19811" i="1"/>
  <c r="AD19812" i="1"/>
  <c r="AD19813" i="1"/>
  <c r="AD19814" i="1"/>
  <c r="AD19815" i="1"/>
  <c r="AD19816" i="1"/>
  <c r="AD19817" i="1"/>
  <c r="AD19818" i="1"/>
  <c r="AD19819" i="1"/>
  <c r="AD19820" i="1"/>
  <c r="AD19821" i="1"/>
  <c r="AD19822" i="1"/>
  <c r="AD19823" i="1"/>
  <c r="AD19824" i="1"/>
  <c r="AD19825" i="1"/>
  <c r="AD19826" i="1"/>
  <c r="AD19827" i="1"/>
  <c r="AD19828" i="1"/>
  <c r="AD19829" i="1"/>
  <c r="AD19830" i="1"/>
  <c r="AD19831" i="1"/>
  <c r="AD19832" i="1"/>
  <c r="AD19833" i="1"/>
  <c r="AD19834" i="1"/>
  <c r="AD19835" i="1"/>
  <c r="AD19836" i="1"/>
  <c r="AD19837" i="1"/>
  <c r="AD19838" i="1"/>
  <c r="AD19839" i="1"/>
  <c r="AD19840" i="1"/>
  <c r="AD19841" i="1"/>
  <c r="AD19842" i="1"/>
  <c r="AD19843" i="1"/>
  <c r="AD19844" i="1"/>
  <c r="AD19845" i="1"/>
  <c r="AD19846" i="1"/>
  <c r="AD19847" i="1"/>
  <c r="AD19848" i="1"/>
  <c r="AD19849" i="1"/>
  <c r="AD19850" i="1"/>
  <c r="AD19851" i="1"/>
  <c r="AD19852" i="1"/>
  <c r="AD19853" i="1"/>
  <c r="AD19854" i="1"/>
  <c r="AD19855" i="1"/>
  <c r="AD19856" i="1"/>
  <c r="AD19857" i="1"/>
  <c r="AD19858" i="1"/>
  <c r="AD19859" i="1"/>
  <c r="AD19860" i="1"/>
  <c r="AD19861" i="1"/>
  <c r="AD19862" i="1"/>
  <c r="AD19863" i="1"/>
  <c r="AD19864" i="1"/>
  <c r="AD19865" i="1"/>
  <c r="AD19866" i="1"/>
  <c r="AD19867" i="1"/>
  <c r="AD19868" i="1"/>
  <c r="AD19869" i="1"/>
  <c r="AD19870" i="1"/>
  <c r="AD19871" i="1"/>
  <c r="AD19872" i="1"/>
  <c r="AD19873" i="1"/>
  <c r="AD19874" i="1"/>
  <c r="AD19875" i="1"/>
  <c r="AD19876" i="1"/>
  <c r="AD19877" i="1"/>
  <c r="AD19878" i="1"/>
  <c r="AD19879" i="1"/>
  <c r="AD19880" i="1"/>
  <c r="AD19881" i="1"/>
  <c r="AD19882" i="1"/>
  <c r="AD19883" i="1"/>
  <c r="AD19884" i="1"/>
  <c r="AD19885" i="1"/>
  <c r="AD19886" i="1"/>
  <c r="AD19887" i="1"/>
  <c r="AD19888" i="1"/>
  <c r="AD19889" i="1"/>
  <c r="AD19890" i="1"/>
  <c r="AD19891" i="1"/>
  <c r="AD19892" i="1"/>
  <c r="AD19893" i="1"/>
  <c r="AD19894" i="1"/>
  <c r="AD19895" i="1"/>
  <c r="AD19896" i="1"/>
  <c r="AD19897" i="1"/>
  <c r="AD19898" i="1"/>
  <c r="AD19899" i="1"/>
  <c r="AD19900" i="1"/>
  <c r="AD19901" i="1"/>
  <c r="AD19902" i="1"/>
  <c r="AD19903" i="1"/>
  <c r="AD19904" i="1"/>
  <c r="AD19905" i="1"/>
  <c r="AD19906" i="1"/>
  <c r="AD19907" i="1"/>
  <c r="AD19908" i="1"/>
  <c r="AD19909" i="1"/>
  <c r="AD19910" i="1"/>
  <c r="AD19911" i="1"/>
  <c r="AD19912" i="1"/>
  <c r="AD19913" i="1"/>
  <c r="AD19914" i="1"/>
  <c r="AD19915" i="1"/>
  <c r="AD19916" i="1"/>
  <c r="AD19917" i="1"/>
  <c r="AD19918" i="1"/>
  <c r="AD19919" i="1"/>
  <c r="AD19920" i="1"/>
  <c r="AD19921" i="1"/>
  <c r="AD19922" i="1"/>
  <c r="AD19923" i="1"/>
  <c r="AD19924" i="1"/>
  <c r="AD19925" i="1"/>
  <c r="AD19926" i="1"/>
  <c r="AD19927" i="1"/>
  <c r="AD19928" i="1"/>
  <c r="AD19929" i="1"/>
  <c r="AD19930" i="1"/>
  <c r="AD19931" i="1"/>
  <c r="AD19932" i="1"/>
  <c r="AD19933" i="1"/>
  <c r="AD19934" i="1"/>
  <c r="AD19935" i="1"/>
  <c r="AD19936" i="1"/>
  <c r="AD19937" i="1"/>
  <c r="AD19938" i="1"/>
  <c r="AD19939" i="1"/>
  <c r="AD19940" i="1"/>
  <c r="AD19941" i="1"/>
  <c r="AD19942" i="1"/>
  <c r="AD19943" i="1"/>
  <c r="AD19944" i="1"/>
  <c r="AD19945" i="1"/>
  <c r="AD19946" i="1"/>
  <c r="AD19947" i="1"/>
  <c r="AD19948" i="1"/>
  <c r="AD19949" i="1"/>
  <c r="AD19950" i="1"/>
  <c r="AD19951" i="1"/>
  <c r="AD19952" i="1"/>
  <c r="AD19953" i="1"/>
  <c r="AD19954" i="1"/>
  <c r="AD19955" i="1"/>
  <c r="AD19956" i="1"/>
  <c r="AD19957" i="1"/>
  <c r="AD19958" i="1"/>
  <c r="AD19959" i="1"/>
  <c r="AD19960" i="1"/>
  <c r="AD19961" i="1"/>
  <c r="AD19962" i="1"/>
  <c r="AD19963" i="1"/>
  <c r="AD19964" i="1"/>
  <c r="AD19965" i="1"/>
  <c r="AD19966" i="1"/>
  <c r="AD19967" i="1"/>
  <c r="AD19968" i="1"/>
  <c r="AD19969" i="1"/>
  <c r="AD19970" i="1"/>
  <c r="AD19971" i="1"/>
  <c r="AD19972" i="1"/>
  <c r="AD19973" i="1"/>
  <c r="AD19974" i="1"/>
  <c r="AD19975" i="1"/>
  <c r="AD19976" i="1"/>
  <c r="AD19977" i="1"/>
  <c r="AD19978" i="1"/>
  <c r="AD19979" i="1"/>
  <c r="AD19980" i="1"/>
  <c r="AD19981" i="1"/>
  <c r="AD19982" i="1"/>
  <c r="AD19983" i="1"/>
  <c r="AD19984" i="1"/>
  <c r="AD19985" i="1"/>
  <c r="AD19986" i="1"/>
  <c r="AD19987" i="1"/>
  <c r="AD19988" i="1"/>
  <c r="AD19989" i="1"/>
  <c r="AD19990" i="1"/>
  <c r="AD19991" i="1"/>
  <c r="AD19992" i="1"/>
  <c r="AD19993" i="1"/>
  <c r="AD19994" i="1"/>
  <c r="AD19995" i="1"/>
  <c r="AD19996" i="1"/>
  <c r="AD19997" i="1"/>
  <c r="AD19998" i="1"/>
  <c r="AD19999" i="1"/>
  <c r="AD20000" i="1"/>
  <c r="AD20001" i="1"/>
  <c r="AD20002" i="1"/>
  <c r="AD20003" i="1"/>
  <c r="AD20004" i="1"/>
  <c r="AD20005" i="1"/>
  <c r="AD20006" i="1"/>
  <c r="AD20007" i="1"/>
  <c r="AD20008" i="1"/>
  <c r="AD20009" i="1"/>
  <c r="AD20010" i="1"/>
  <c r="AD20011" i="1"/>
  <c r="AD20012" i="1"/>
  <c r="AD20013" i="1"/>
  <c r="AD20014" i="1"/>
  <c r="AD20015" i="1"/>
  <c r="AD20016" i="1"/>
  <c r="AD20017" i="1"/>
  <c r="AD20018" i="1"/>
  <c r="AD20019" i="1"/>
  <c r="AD20020" i="1"/>
  <c r="AD20021" i="1"/>
  <c r="AD20022" i="1"/>
  <c r="AD20023" i="1"/>
  <c r="AD20024" i="1"/>
  <c r="AD20025" i="1"/>
  <c r="AD20026" i="1"/>
  <c r="AD20027" i="1"/>
  <c r="AD20028" i="1"/>
  <c r="AD20029" i="1"/>
  <c r="AD20030" i="1"/>
  <c r="AD20031" i="1"/>
  <c r="AD20032" i="1"/>
  <c r="AD20033" i="1"/>
  <c r="AD20034" i="1"/>
  <c r="AD20035" i="1"/>
  <c r="AD20036" i="1"/>
  <c r="AD20037" i="1"/>
  <c r="AD20038" i="1"/>
  <c r="AD20039" i="1"/>
  <c r="AD20040" i="1"/>
  <c r="AD20041" i="1"/>
  <c r="AD20042" i="1"/>
  <c r="AD20043" i="1"/>
  <c r="AD20044" i="1"/>
  <c r="AD20045" i="1"/>
  <c r="AD20046" i="1"/>
  <c r="AD20047" i="1"/>
  <c r="AD20048" i="1"/>
  <c r="AD20049" i="1"/>
  <c r="AD20050" i="1"/>
  <c r="AD20051" i="1"/>
  <c r="AD20052" i="1"/>
  <c r="AD20053" i="1"/>
  <c r="AD20054" i="1"/>
  <c r="AD20055" i="1"/>
  <c r="AD20056" i="1"/>
  <c r="AD20057" i="1"/>
  <c r="AD20058" i="1"/>
  <c r="AD20059" i="1"/>
  <c r="AD20060" i="1"/>
  <c r="AD20061" i="1"/>
  <c r="AD20062" i="1"/>
  <c r="AD20063" i="1"/>
  <c r="AD20064" i="1"/>
  <c r="AD20065" i="1"/>
  <c r="AD20066" i="1"/>
  <c r="AD20067" i="1"/>
  <c r="AD20068" i="1"/>
  <c r="AD20069" i="1"/>
  <c r="AD20070" i="1"/>
  <c r="AD20071" i="1"/>
  <c r="AD20072" i="1"/>
  <c r="AD20073" i="1"/>
  <c r="AD20074" i="1"/>
  <c r="AD20075" i="1"/>
  <c r="AD20076" i="1"/>
  <c r="AD20077" i="1"/>
  <c r="AD20078" i="1"/>
  <c r="AD20079" i="1"/>
  <c r="AD20080" i="1"/>
  <c r="AD20081" i="1"/>
  <c r="AD20082" i="1"/>
  <c r="AD20083" i="1"/>
  <c r="AD20084" i="1"/>
  <c r="AD20085" i="1"/>
  <c r="AD20086" i="1"/>
  <c r="AD20087" i="1"/>
  <c r="AD20088" i="1"/>
  <c r="AD20089" i="1"/>
  <c r="AD20090" i="1"/>
  <c r="AD20091" i="1"/>
  <c r="AD20092" i="1"/>
  <c r="AD20093" i="1"/>
  <c r="AD20094" i="1"/>
  <c r="AD20095" i="1"/>
  <c r="AD20096" i="1"/>
  <c r="AD20097" i="1"/>
  <c r="AD20098" i="1"/>
  <c r="AD20099" i="1"/>
  <c r="AD20100" i="1"/>
  <c r="AD20101" i="1"/>
  <c r="AD20102" i="1"/>
  <c r="AD20103" i="1"/>
  <c r="AD20104" i="1"/>
  <c r="AD20105" i="1"/>
  <c r="AD20106" i="1"/>
  <c r="AD20107" i="1"/>
  <c r="AD20108" i="1"/>
  <c r="AD20109" i="1"/>
  <c r="AD20110" i="1"/>
  <c r="AD20111" i="1"/>
  <c r="AD20112" i="1"/>
  <c r="AD20113" i="1"/>
  <c r="AD20114" i="1"/>
  <c r="AD20115" i="1"/>
  <c r="AD20116" i="1"/>
  <c r="AD20117" i="1"/>
  <c r="AD20118" i="1"/>
  <c r="AD20119" i="1"/>
  <c r="AD20120" i="1"/>
  <c r="AD20121" i="1"/>
  <c r="AD20122" i="1"/>
  <c r="AD20123" i="1"/>
  <c r="AD20124" i="1"/>
  <c r="AD20125" i="1"/>
  <c r="AD20126" i="1"/>
  <c r="AD20127" i="1"/>
  <c r="AD20128" i="1"/>
  <c r="AD20129" i="1"/>
  <c r="AD20130" i="1"/>
  <c r="AD20131" i="1"/>
  <c r="AD20132" i="1"/>
  <c r="AD20133" i="1"/>
  <c r="AD20134" i="1"/>
  <c r="AD20135" i="1"/>
  <c r="AD20136" i="1"/>
  <c r="AD20137" i="1"/>
  <c r="AD20138" i="1"/>
  <c r="AD20139" i="1"/>
  <c r="AD20140" i="1"/>
  <c r="AD20141" i="1"/>
  <c r="AD20142" i="1"/>
  <c r="AD20143" i="1"/>
  <c r="AD20144" i="1"/>
  <c r="AD20145" i="1"/>
  <c r="AD20146" i="1"/>
  <c r="AD20147" i="1"/>
  <c r="AD20148" i="1"/>
  <c r="AD20149" i="1"/>
  <c r="AD20150" i="1"/>
  <c r="AD20151" i="1"/>
  <c r="AD20152" i="1"/>
  <c r="AD20153" i="1"/>
  <c r="AD20154" i="1"/>
  <c r="AD20155" i="1"/>
  <c r="AD20156" i="1"/>
  <c r="AD20157" i="1"/>
  <c r="AD20158" i="1"/>
  <c r="AD20159" i="1"/>
  <c r="AD20160" i="1"/>
  <c r="AD20161" i="1"/>
  <c r="AD20162" i="1"/>
  <c r="AD20163" i="1"/>
  <c r="AD20164" i="1"/>
  <c r="AD20165" i="1"/>
  <c r="AD20166" i="1"/>
  <c r="AD20167" i="1"/>
  <c r="AD20168" i="1"/>
  <c r="AD20169" i="1"/>
  <c r="AD20170" i="1"/>
  <c r="AD20171" i="1"/>
  <c r="AD20172" i="1"/>
  <c r="AD20173" i="1"/>
  <c r="AD20174" i="1"/>
  <c r="AD20175" i="1"/>
  <c r="AD20176" i="1"/>
  <c r="AD20177" i="1"/>
  <c r="AD20178" i="1"/>
  <c r="AD20179" i="1"/>
  <c r="AD20180" i="1"/>
  <c r="AD20181" i="1"/>
  <c r="AD20182" i="1"/>
  <c r="AD20183" i="1"/>
  <c r="AD20184" i="1"/>
  <c r="AD20185" i="1"/>
  <c r="AD20186" i="1"/>
  <c r="AD20187" i="1"/>
  <c r="AD20188" i="1"/>
  <c r="AD20189" i="1"/>
  <c r="AD20190" i="1"/>
  <c r="AD20191" i="1"/>
  <c r="AD20192" i="1"/>
  <c r="AD20193" i="1"/>
  <c r="AD20194" i="1"/>
  <c r="AD20195" i="1"/>
  <c r="AD20196" i="1"/>
  <c r="AD20197" i="1"/>
  <c r="AD20198" i="1"/>
  <c r="AD20199" i="1"/>
  <c r="AD20200" i="1"/>
  <c r="AD20201" i="1"/>
  <c r="AD20202" i="1"/>
  <c r="AD20203" i="1"/>
  <c r="AD20204" i="1"/>
  <c r="AD20205" i="1"/>
  <c r="AD20206" i="1"/>
  <c r="AD20207" i="1"/>
  <c r="AD20208" i="1"/>
  <c r="AD20209" i="1"/>
  <c r="AD20210" i="1"/>
  <c r="AD20211" i="1"/>
  <c r="AD20212" i="1"/>
  <c r="AD20213" i="1"/>
  <c r="AD20214" i="1"/>
  <c r="AD20215" i="1"/>
  <c r="AD20216" i="1"/>
  <c r="AD20217" i="1"/>
  <c r="AD20218" i="1"/>
  <c r="AD20219" i="1"/>
  <c r="AD20220" i="1"/>
  <c r="AD20221" i="1"/>
  <c r="AD20222" i="1"/>
  <c r="AD20223" i="1"/>
  <c r="AD20224" i="1"/>
  <c r="AD20225" i="1"/>
  <c r="AD20226" i="1"/>
  <c r="AD20227" i="1"/>
  <c r="AD20228" i="1"/>
  <c r="AD20229" i="1"/>
  <c r="AD20230" i="1"/>
  <c r="AD20231" i="1"/>
  <c r="AD20232" i="1"/>
  <c r="AD20233" i="1"/>
  <c r="AD20234" i="1"/>
  <c r="AD20235" i="1"/>
  <c r="AD20236" i="1"/>
  <c r="AD20237" i="1"/>
  <c r="AD20238" i="1"/>
  <c r="AD20239" i="1"/>
  <c r="AD20240" i="1"/>
  <c r="AD20241" i="1"/>
  <c r="AD20242" i="1"/>
  <c r="AD20243" i="1"/>
  <c r="AD20244" i="1"/>
  <c r="AD20245" i="1"/>
  <c r="AD20246" i="1"/>
  <c r="AD20247" i="1"/>
  <c r="AD20248" i="1"/>
  <c r="AD20249" i="1"/>
  <c r="AD20250" i="1"/>
  <c r="AD20251" i="1"/>
  <c r="AD20252" i="1"/>
  <c r="AD20253" i="1"/>
  <c r="AD20254" i="1"/>
  <c r="AD20255" i="1"/>
  <c r="AD20256" i="1"/>
  <c r="AD20257" i="1"/>
  <c r="AD20258" i="1"/>
  <c r="AD20259" i="1"/>
  <c r="AD20260" i="1"/>
  <c r="AD20261" i="1"/>
  <c r="AD20262" i="1"/>
  <c r="AD20263" i="1"/>
  <c r="AD20264" i="1"/>
  <c r="AD20265" i="1"/>
  <c r="AD20266" i="1"/>
  <c r="AD20267" i="1"/>
  <c r="AD20268" i="1"/>
  <c r="AD20269" i="1"/>
  <c r="AD20270" i="1"/>
  <c r="AD20271" i="1"/>
  <c r="AD20272" i="1"/>
  <c r="AD20273" i="1"/>
  <c r="AD20274" i="1"/>
  <c r="AD20275" i="1"/>
  <c r="AD20276" i="1"/>
  <c r="AD20277" i="1"/>
  <c r="AD20278" i="1"/>
  <c r="AD20279" i="1"/>
  <c r="AD20280" i="1"/>
  <c r="AD20281" i="1"/>
  <c r="AD20282" i="1"/>
  <c r="AD20283" i="1"/>
  <c r="AD20284" i="1"/>
  <c r="AD20285" i="1"/>
  <c r="AD20286" i="1"/>
  <c r="AD20287" i="1"/>
  <c r="AD20288" i="1"/>
  <c r="AD20289" i="1"/>
  <c r="AD20290" i="1"/>
  <c r="AD20291" i="1"/>
  <c r="AD20292" i="1"/>
  <c r="AD20293" i="1"/>
  <c r="AD20294" i="1"/>
  <c r="AD20295" i="1"/>
  <c r="AD20296" i="1"/>
  <c r="AD20297" i="1"/>
  <c r="AD20298" i="1"/>
  <c r="AD20299" i="1"/>
  <c r="AD20300" i="1"/>
  <c r="AD20301" i="1"/>
  <c r="AD20302" i="1"/>
  <c r="AD20303" i="1"/>
  <c r="AD20304" i="1"/>
  <c r="AD20305" i="1"/>
  <c r="AD20306" i="1"/>
  <c r="AD20307" i="1"/>
  <c r="AD20308" i="1"/>
  <c r="AD20309" i="1"/>
  <c r="AD20310" i="1"/>
  <c r="AD20311" i="1"/>
  <c r="AD20312" i="1"/>
  <c r="AD20313" i="1"/>
  <c r="AD20314" i="1"/>
  <c r="AD20315" i="1"/>
  <c r="AD20316" i="1"/>
  <c r="AD20317" i="1"/>
  <c r="AD20318" i="1"/>
  <c r="AD20319" i="1"/>
  <c r="AD20320" i="1"/>
  <c r="AD20321" i="1"/>
  <c r="AD20322" i="1"/>
  <c r="AD20323" i="1"/>
  <c r="AD20324" i="1"/>
  <c r="AD20325" i="1"/>
  <c r="AD20326" i="1"/>
  <c r="AD20327" i="1"/>
  <c r="AD20328" i="1"/>
  <c r="AD20329" i="1"/>
  <c r="AD20330" i="1"/>
  <c r="AD20331" i="1"/>
  <c r="AD20332" i="1"/>
  <c r="AD20333" i="1"/>
  <c r="AD20334" i="1"/>
  <c r="AD20335" i="1"/>
  <c r="AD20336" i="1"/>
  <c r="AD20337" i="1"/>
  <c r="AD20338" i="1"/>
  <c r="AD20339" i="1"/>
  <c r="AD20340" i="1"/>
  <c r="AD20341" i="1"/>
  <c r="AD20342" i="1"/>
  <c r="AD20343" i="1"/>
  <c r="AD20344" i="1"/>
  <c r="AD20345" i="1"/>
  <c r="AD20346" i="1"/>
  <c r="AD20347" i="1"/>
  <c r="AD20348" i="1"/>
  <c r="AD20349" i="1"/>
  <c r="AD20350" i="1"/>
  <c r="AD20351" i="1"/>
  <c r="AD20352" i="1"/>
  <c r="AD20353" i="1"/>
  <c r="AD20354" i="1"/>
  <c r="AD20355" i="1"/>
  <c r="AD20356" i="1"/>
  <c r="AD20357" i="1"/>
  <c r="AD20358" i="1"/>
  <c r="AD20359" i="1"/>
  <c r="AD20360" i="1"/>
  <c r="AD20361" i="1"/>
  <c r="AD20362" i="1"/>
  <c r="AD20363" i="1"/>
  <c r="AD20364" i="1"/>
  <c r="AD20365" i="1"/>
  <c r="AD20366" i="1"/>
  <c r="AD20367" i="1"/>
  <c r="AD20368" i="1"/>
  <c r="AD20369" i="1"/>
  <c r="AD20370" i="1"/>
  <c r="AD20371" i="1"/>
  <c r="AD20372" i="1"/>
  <c r="AD20373" i="1"/>
  <c r="AD20374" i="1"/>
  <c r="AD20375" i="1"/>
  <c r="AD20376" i="1"/>
  <c r="AD20377" i="1"/>
  <c r="AD20378" i="1"/>
  <c r="AD20379" i="1"/>
  <c r="AD20380" i="1"/>
  <c r="AD20381" i="1"/>
  <c r="AD20382" i="1"/>
  <c r="AD20383" i="1"/>
  <c r="AD20384" i="1"/>
  <c r="AD20385" i="1"/>
  <c r="AD20386" i="1"/>
  <c r="AD20387" i="1"/>
  <c r="AD20388" i="1"/>
  <c r="AD20389" i="1"/>
  <c r="AD20390" i="1"/>
  <c r="AD20391" i="1"/>
  <c r="AD20392" i="1"/>
  <c r="AD20393" i="1"/>
  <c r="AD20394" i="1"/>
  <c r="AD20395" i="1"/>
  <c r="AD20396" i="1"/>
  <c r="AD20397" i="1"/>
  <c r="AD20398" i="1"/>
  <c r="AD20399" i="1"/>
  <c r="AD20400" i="1"/>
  <c r="AD20401" i="1"/>
  <c r="AD20402" i="1"/>
  <c r="AD20403" i="1"/>
  <c r="AD20404" i="1"/>
  <c r="AD20405" i="1"/>
  <c r="AD20406" i="1"/>
  <c r="AD20407" i="1"/>
  <c r="AD20408" i="1"/>
  <c r="AD20409" i="1"/>
  <c r="AD20410" i="1"/>
  <c r="AD20411" i="1"/>
  <c r="AD20412" i="1"/>
  <c r="AD20413" i="1"/>
  <c r="AD20414" i="1"/>
  <c r="AD20415" i="1"/>
  <c r="AD20416" i="1"/>
  <c r="AD20417" i="1"/>
  <c r="AD20418" i="1"/>
  <c r="AD20419" i="1"/>
  <c r="AD20420" i="1"/>
  <c r="AD20421" i="1"/>
  <c r="AD20422" i="1"/>
  <c r="AD20423" i="1"/>
  <c r="AD20424" i="1"/>
  <c r="AD20425" i="1"/>
  <c r="AD20426" i="1"/>
  <c r="AD20427" i="1"/>
  <c r="AD20428" i="1"/>
  <c r="AD20429" i="1"/>
  <c r="AD20430" i="1"/>
  <c r="AD20431" i="1"/>
  <c r="AD20432" i="1"/>
  <c r="AD20433" i="1"/>
  <c r="AD20434" i="1"/>
  <c r="AD20435" i="1"/>
  <c r="AD20436" i="1"/>
  <c r="AD20437" i="1"/>
  <c r="AD20438" i="1"/>
  <c r="AD20439" i="1"/>
  <c r="AD20440" i="1"/>
  <c r="AD20441" i="1"/>
  <c r="AD20442" i="1"/>
  <c r="AD20443" i="1"/>
  <c r="AD20444" i="1"/>
  <c r="AD20445" i="1"/>
  <c r="AD20446" i="1"/>
  <c r="AD20447" i="1"/>
  <c r="AD20448" i="1"/>
  <c r="AD20449" i="1"/>
  <c r="AD20450" i="1"/>
  <c r="AD20451" i="1"/>
  <c r="AD20452" i="1"/>
  <c r="AD20453" i="1"/>
  <c r="AD20454" i="1"/>
  <c r="AD20455" i="1"/>
  <c r="AD20456" i="1"/>
  <c r="AD20457" i="1"/>
  <c r="AD20458" i="1"/>
  <c r="AD20459" i="1"/>
  <c r="AD20460" i="1"/>
  <c r="AD20461" i="1"/>
  <c r="AD20462" i="1"/>
  <c r="AD20463" i="1"/>
  <c r="AD20464" i="1"/>
  <c r="AD20465" i="1"/>
  <c r="AD20466" i="1"/>
  <c r="AD20467" i="1"/>
  <c r="AD20468" i="1"/>
  <c r="AD20469" i="1"/>
  <c r="AD20470" i="1"/>
  <c r="AD20471" i="1"/>
  <c r="AD20472" i="1"/>
  <c r="AD20473" i="1"/>
  <c r="AD20474" i="1"/>
  <c r="AD20475" i="1"/>
  <c r="AD20476" i="1"/>
  <c r="AD20477" i="1"/>
  <c r="AD20478" i="1"/>
  <c r="AD20479" i="1"/>
  <c r="AD20480" i="1"/>
  <c r="AD20481" i="1"/>
  <c r="AD20482" i="1"/>
  <c r="AD20483" i="1"/>
  <c r="AD20484" i="1"/>
  <c r="AD20485" i="1"/>
  <c r="AD20486" i="1"/>
  <c r="AD20487" i="1"/>
  <c r="AD20488" i="1"/>
  <c r="AD20489" i="1"/>
  <c r="AD20490" i="1"/>
  <c r="AD20491" i="1"/>
  <c r="AD20492" i="1"/>
  <c r="AD20493" i="1"/>
  <c r="AD20494" i="1"/>
  <c r="AD20495" i="1"/>
  <c r="AD20496" i="1"/>
  <c r="AD20497" i="1"/>
  <c r="AD20498" i="1"/>
  <c r="AD20499" i="1"/>
  <c r="AD20500" i="1"/>
  <c r="AD20501" i="1"/>
  <c r="AD20502" i="1"/>
  <c r="AD20503" i="1"/>
  <c r="AD20504" i="1"/>
  <c r="AD20505" i="1"/>
  <c r="AD20506" i="1"/>
  <c r="AD20507" i="1"/>
  <c r="AD20508" i="1"/>
  <c r="AD20509" i="1"/>
  <c r="AD20510" i="1"/>
  <c r="AD20511" i="1"/>
  <c r="AD20512" i="1"/>
  <c r="AD20513" i="1"/>
  <c r="AD20514" i="1"/>
  <c r="AD20515" i="1"/>
  <c r="AD20516" i="1"/>
  <c r="AD20517" i="1"/>
  <c r="AD20518" i="1"/>
  <c r="AD20519" i="1"/>
  <c r="AD20520" i="1"/>
  <c r="AD20521" i="1"/>
  <c r="AD20522" i="1"/>
  <c r="AD20523" i="1"/>
  <c r="AD20524" i="1"/>
  <c r="AD20525" i="1"/>
  <c r="AD20526" i="1"/>
  <c r="AD20527" i="1"/>
  <c r="AD20528" i="1"/>
  <c r="AD20529" i="1"/>
  <c r="AD20530" i="1"/>
  <c r="AD20531" i="1"/>
  <c r="AD20532" i="1"/>
  <c r="AD20533" i="1"/>
  <c r="AD20534" i="1"/>
  <c r="AD20535" i="1"/>
  <c r="AD20536" i="1"/>
  <c r="AD20537" i="1"/>
  <c r="AD20538" i="1"/>
  <c r="AD20539" i="1"/>
  <c r="AD20540" i="1"/>
  <c r="AD20541" i="1"/>
  <c r="AD20542" i="1"/>
  <c r="AD20543" i="1"/>
  <c r="AD20544" i="1"/>
  <c r="AD20545" i="1"/>
  <c r="AD20546" i="1"/>
  <c r="AD20547" i="1"/>
  <c r="AD20548" i="1"/>
  <c r="AD20549" i="1"/>
  <c r="AD20550" i="1"/>
  <c r="AD20551" i="1"/>
  <c r="AD20552" i="1"/>
  <c r="AD20553" i="1"/>
  <c r="AD20554" i="1"/>
  <c r="AD20555" i="1"/>
  <c r="AD20556" i="1"/>
  <c r="AD20557" i="1"/>
  <c r="AD20558" i="1"/>
  <c r="AD20559" i="1"/>
  <c r="AD20560" i="1"/>
  <c r="AD20561" i="1"/>
  <c r="AD20562" i="1"/>
  <c r="AD20563" i="1"/>
  <c r="AD20564" i="1"/>
  <c r="AD20565" i="1"/>
  <c r="AD20566" i="1"/>
  <c r="AD20567" i="1"/>
  <c r="AD20568" i="1"/>
  <c r="AD20569" i="1"/>
  <c r="AD20570" i="1"/>
  <c r="AD20571" i="1"/>
  <c r="AD20572" i="1"/>
  <c r="AD20573" i="1"/>
  <c r="AD20574" i="1"/>
  <c r="AD20575" i="1"/>
  <c r="AD20576" i="1"/>
  <c r="AD20577" i="1"/>
  <c r="AD20578" i="1"/>
  <c r="AD20579" i="1"/>
  <c r="AD20580" i="1"/>
  <c r="AD20581" i="1"/>
  <c r="AD20582" i="1"/>
  <c r="AD20583" i="1"/>
  <c r="AD20584" i="1"/>
  <c r="AD20585" i="1"/>
  <c r="AD20586" i="1"/>
  <c r="AD20587" i="1"/>
  <c r="AD20588" i="1"/>
  <c r="AD20589" i="1"/>
  <c r="AD20590" i="1"/>
  <c r="AD20591" i="1"/>
  <c r="AD20592" i="1"/>
  <c r="AD20593" i="1"/>
  <c r="AD20594" i="1"/>
  <c r="AD20595" i="1"/>
  <c r="AD20596" i="1"/>
  <c r="AD20597" i="1"/>
  <c r="AD20598" i="1"/>
  <c r="AD20599" i="1"/>
  <c r="AD20600" i="1"/>
  <c r="AD20601" i="1"/>
  <c r="AD20602" i="1"/>
  <c r="AD20603" i="1"/>
  <c r="AD20604" i="1"/>
  <c r="AD20605" i="1"/>
  <c r="AD20606" i="1"/>
  <c r="AD20607" i="1"/>
  <c r="AD20608" i="1"/>
  <c r="AD20609" i="1"/>
  <c r="AD20610" i="1"/>
  <c r="AD20611" i="1"/>
  <c r="AD20612" i="1"/>
  <c r="AD20613" i="1"/>
  <c r="AD20614" i="1"/>
  <c r="AD20615" i="1"/>
  <c r="AD20616" i="1"/>
  <c r="AD20617" i="1"/>
  <c r="AD20618" i="1"/>
  <c r="AD20619" i="1"/>
  <c r="AD20620" i="1"/>
  <c r="AD20621" i="1"/>
  <c r="AD20622" i="1"/>
  <c r="AD20623" i="1"/>
  <c r="AD20624" i="1"/>
  <c r="AD20625" i="1"/>
  <c r="AD20626" i="1"/>
  <c r="AD20627" i="1"/>
  <c r="AD20628" i="1"/>
  <c r="AD20629" i="1"/>
  <c r="AD20630" i="1"/>
  <c r="AD20631" i="1"/>
  <c r="AD20632" i="1"/>
  <c r="AD20633" i="1"/>
  <c r="AD20634" i="1"/>
  <c r="AD20635" i="1"/>
  <c r="AD20636" i="1"/>
  <c r="AD20637" i="1"/>
  <c r="AD20638" i="1"/>
  <c r="AD20639" i="1"/>
  <c r="AD20640" i="1"/>
  <c r="AD20641" i="1"/>
  <c r="AD20642" i="1"/>
  <c r="AD20643" i="1"/>
  <c r="AD20644" i="1"/>
  <c r="AD20645" i="1"/>
  <c r="AD20646" i="1"/>
  <c r="AD20647" i="1"/>
  <c r="AD20648" i="1"/>
  <c r="AD20649" i="1"/>
  <c r="AD20650" i="1"/>
  <c r="AD20651" i="1"/>
  <c r="AD20652" i="1"/>
  <c r="AD20653" i="1"/>
  <c r="AD20654" i="1"/>
  <c r="AD20655" i="1"/>
  <c r="AD20656" i="1"/>
  <c r="AD20657" i="1"/>
  <c r="AD20658" i="1"/>
  <c r="AD20659" i="1"/>
  <c r="AD20660" i="1"/>
  <c r="AD20661" i="1"/>
  <c r="AD20662" i="1"/>
  <c r="AD20663" i="1"/>
  <c r="AD20664" i="1"/>
  <c r="AD20665" i="1"/>
  <c r="AD20666" i="1"/>
  <c r="AD20667" i="1"/>
  <c r="AD20668" i="1"/>
  <c r="AD20669" i="1"/>
  <c r="AD20670" i="1"/>
  <c r="AD20671" i="1"/>
  <c r="AD20672" i="1"/>
  <c r="AD20673" i="1"/>
  <c r="AD20674" i="1"/>
  <c r="AD20675" i="1"/>
  <c r="AD20676" i="1"/>
  <c r="AD20677" i="1"/>
  <c r="AD20678" i="1"/>
  <c r="AD20679" i="1"/>
  <c r="AD20680" i="1"/>
  <c r="AD20681" i="1"/>
  <c r="AD20682" i="1"/>
  <c r="AD20683" i="1"/>
  <c r="AD20684" i="1"/>
  <c r="AD20685" i="1"/>
  <c r="AD20686" i="1"/>
  <c r="AD20687" i="1"/>
  <c r="AD20688" i="1"/>
  <c r="AD20689" i="1"/>
  <c r="AD20690" i="1"/>
  <c r="AD20691" i="1"/>
  <c r="AD20692" i="1"/>
  <c r="AD20693" i="1"/>
  <c r="AD20694" i="1"/>
  <c r="AD20695" i="1"/>
  <c r="AD20696" i="1"/>
  <c r="AD20697" i="1"/>
  <c r="AD20698" i="1"/>
  <c r="AD20699" i="1"/>
  <c r="AD20700" i="1"/>
  <c r="AD20701" i="1"/>
  <c r="AD20702" i="1"/>
  <c r="AD20703" i="1"/>
  <c r="AD20704" i="1"/>
  <c r="AD20705" i="1"/>
  <c r="AD20706" i="1"/>
  <c r="AD20707" i="1"/>
  <c r="AD20708" i="1"/>
  <c r="AD20709" i="1"/>
  <c r="AD20710" i="1"/>
  <c r="AD20711" i="1"/>
  <c r="AD20712" i="1"/>
  <c r="AD20713" i="1"/>
  <c r="AD20714" i="1"/>
  <c r="AD20715" i="1"/>
  <c r="AD20716" i="1"/>
  <c r="AD20717" i="1"/>
  <c r="AD20718" i="1"/>
  <c r="AD20719" i="1"/>
  <c r="AD20720" i="1"/>
  <c r="AD20721" i="1"/>
  <c r="AD20722" i="1"/>
  <c r="AD20723" i="1"/>
  <c r="AD20724" i="1"/>
  <c r="AD20725" i="1"/>
  <c r="AD20726" i="1"/>
  <c r="AD20727" i="1"/>
  <c r="AD20728" i="1"/>
  <c r="AD20729" i="1"/>
  <c r="AD20730" i="1"/>
  <c r="AD20731" i="1"/>
  <c r="AD20732" i="1"/>
  <c r="AD20733" i="1"/>
  <c r="AD20734" i="1"/>
  <c r="AD20735" i="1"/>
  <c r="AD20736" i="1"/>
  <c r="AD20737" i="1"/>
  <c r="AD20738" i="1"/>
  <c r="AD20739" i="1"/>
  <c r="AD20740" i="1"/>
  <c r="AD20741" i="1"/>
  <c r="AD20742" i="1"/>
  <c r="AD20743" i="1"/>
  <c r="AD20744" i="1"/>
  <c r="AD20745" i="1"/>
  <c r="AD20746" i="1"/>
  <c r="AD20747" i="1"/>
  <c r="AD20748" i="1"/>
  <c r="AD20749" i="1"/>
  <c r="AD20750" i="1"/>
  <c r="AD20751" i="1"/>
  <c r="AD20752" i="1"/>
  <c r="AD20753" i="1"/>
  <c r="AD20754" i="1"/>
  <c r="AD20755" i="1"/>
  <c r="AD20756" i="1"/>
  <c r="AD20757" i="1"/>
  <c r="AD20758" i="1"/>
  <c r="AD20759" i="1"/>
  <c r="AD20760" i="1"/>
  <c r="AD20761" i="1"/>
  <c r="AD20762" i="1"/>
  <c r="AD20763" i="1"/>
  <c r="AD20764" i="1"/>
  <c r="AD20765" i="1"/>
  <c r="AD20766" i="1"/>
  <c r="AD20767" i="1"/>
  <c r="AD20768" i="1"/>
  <c r="AD20769" i="1"/>
  <c r="AD20770" i="1"/>
  <c r="AD20771" i="1"/>
  <c r="AD20772" i="1"/>
  <c r="AD20773" i="1"/>
  <c r="AD20774" i="1"/>
  <c r="AD20775" i="1"/>
  <c r="AD20776" i="1"/>
  <c r="AD20777" i="1"/>
  <c r="AD20778" i="1"/>
  <c r="AD20779" i="1"/>
  <c r="AD20780" i="1"/>
  <c r="AD20781" i="1"/>
  <c r="AD20782" i="1"/>
  <c r="AD20783" i="1"/>
  <c r="AD20784" i="1"/>
  <c r="AD20785" i="1"/>
  <c r="AD20786" i="1"/>
  <c r="AD20787" i="1"/>
  <c r="AD20788" i="1"/>
  <c r="AD20789" i="1"/>
  <c r="AD20790" i="1"/>
  <c r="AD20791" i="1"/>
  <c r="AD20792" i="1"/>
  <c r="AD20793" i="1"/>
  <c r="AD20794" i="1"/>
  <c r="AD20795" i="1"/>
  <c r="AD20796" i="1"/>
  <c r="AD20797" i="1"/>
  <c r="AD20798" i="1"/>
  <c r="AD20799" i="1"/>
  <c r="AD20800" i="1"/>
  <c r="AD20801" i="1"/>
  <c r="AD20802" i="1"/>
  <c r="AD20803" i="1"/>
  <c r="AD20804" i="1"/>
  <c r="AD20805" i="1"/>
  <c r="AD20806" i="1"/>
  <c r="AD20807" i="1"/>
  <c r="AD20808" i="1"/>
  <c r="AD20809" i="1"/>
  <c r="AD20810" i="1"/>
  <c r="AD20811" i="1"/>
  <c r="AD20812" i="1"/>
  <c r="AD20813" i="1"/>
  <c r="AD20814" i="1"/>
  <c r="AD20815" i="1"/>
  <c r="AD20816" i="1"/>
  <c r="AD20817" i="1"/>
  <c r="AD20818" i="1"/>
  <c r="AD20819" i="1"/>
  <c r="AD20820" i="1"/>
  <c r="AD20821" i="1"/>
  <c r="AD20822" i="1"/>
  <c r="AD20823" i="1"/>
  <c r="AD20824" i="1"/>
  <c r="AD20825" i="1"/>
  <c r="AD20826" i="1"/>
  <c r="AD20827" i="1"/>
  <c r="AD20828" i="1"/>
  <c r="AD20829" i="1"/>
  <c r="AD20830" i="1"/>
  <c r="AD20831" i="1"/>
  <c r="AD20832" i="1"/>
  <c r="AD20833" i="1"/>
  <c r="AD20834" i="1"/>
  <c r="AD20835" i="1"/>
  <c r="AD20836" i="1"/>
  <c r="AD20837" i="1"/>
  <c r="AD20838" i="1"/>
  <c r="AD20839" i="1"/>
  <c r="AD20840" i="1"/>
  <c r="AD20841" i="1"/>
  <c r="AD20842" i="1"/>
  <c r="AD20843" i="1"/>
  <c r="AD20844" i="1"/>
  <c r="AD20845" i="1"/>
  <c r="AD20846" i="1"/>
  <c r="AD20847" i="1"/>
  <c r="AD20848" i="1"/>
  <c r="AD20849" i="1"/>
  <c r="AD20850" i="1"/>
  <c r="AD20851" i="1"/>
  <c r="AD20852" i="1"/>
  <c r="AD20853" i="1"/>
  <c r="AD20854" i="1"/>
  <c r="AD20855" i="1"/>
  <c r="AD20856" i="1"/>
  <c r="AD20857" i="1"/>
  <c r="AD20858" i="1"/>
  <c r="AD20859" i="1"/>
  <c r="AD20860" i="1"/>
  <c r="AD20861" i="1"/>
  <c r="AD20862" i="1"/>
  <c r="AD20863" i="1"/>
  <c r="AD20864" i="1"/>
  <c r="AD20865" i="1"/>
  <c r="AD20866" i="1"/>
  <c r="AD20867" i="1"/>
  <c r="AD20868" i="1"/>
  <c r="AD20869" i="1"/>
  <c r="AD20870" i="1"/>
  <c r="AD20871" i="1"/>
  <c r="AD20872" i="1"/>
  <c r="AD20873" i="1"/>
  <c r="AD20874" i="1"/>
  <c r="AD20875" i="1"/>
  <c r="AD20876" i="1"/>
  <c r="AD20877" i="1"/>
  <c r="AD20878" i="1"/>
  <c r="AD20879" i="1"/>
  <c r="AD20880" i="1"/>
  <c r="AD20881" i="1"/>
  <c r="AD20882" i="1"/>
  <c r="AD20883" i="1"/>
  <c r="AD20884" i="1"/>
  <c r="AD20885" i="1"/>
  <c r="AD20886" i="1"/>
  <c r="AD20887" i="1"/>
  <c r="AD20888" i="1"/>
  <c r="AD20889" i="1"/>
  <c r="AD20890" i="1"/>
  <c r="AD20891" i="1"/>
  <c r="AD20892" i="1"/>
  <c r="AD20893" i="1"/>
  <c r="AD20894" i="1"/>
  <c r="AD20895" i="1"/>
  <c r="AD20896" i="1"/>
  <c r="AD20897" i="1"/>
  <c r="AD20898" i="1"/>
  <c r="AD20899" i="1"/>
  <c r="AD20900" i="1"/>
  <c r="AD20901" i="1"/>
  <c r="AD20902" i="1"/>
  <c r="AD20903" i="1"/>
  <c r="AD20904" i="1"/>
  <c r="AD20905" i="1"/>
  <c r="AD20906" i="1"/>
  <c r="AD20907" i="1"/>
  <c r="AD20908" i="1"/>
  <c r="AD20909" i="1"/>
  <c r="AD20910" i="1"/>
  <c r="AD20911" i="1"/>
  <c r="AD20912" i="1"/>
  <c r="AD20913" i="1"/>
  <c r="AD20914" i="1"/>
  <c r="AD20915" i="1"/>
  <c r="AD20916" i="1"/>
  <c r="AD20917" i="1"/>
  <c r="AD20918" i="1"/>
  <c r="AD20919" i="1"/>
  <c r="AD20920" i="1"/>
  <c r="AD20921" i="1"/>
  <c r="AD20922" i="1"/>
  <c r="AD20923" i="1"/>
  <c r="AD20924" i="1"/>
  <c r="AD20925" i="1"/>
  <c r="AD20926" i="1"/>
  <c r="AD20927" i="1"/>
  <c r="AD20928" i="1"/>
  <c r="AD20929" i="1"/>
  <c r="AD20930" i="1"/>
  <c r="AD20931" i="1"/>
  <c r="AD20932" i="1"/>
  <c r="AD20933" i="1"/>
  <c r="AD20934" i="1"/>
  <c r="AD20935" i="1"/>
  <c r="AD20936" i="1"/>
  <c r="AD20937" i="1"/>
  <c r="AD20938" i="1"/>
  <c r="AD20939" i="1"/>
  <c r="AD20940" i="1"/>
  <c r="AD20941" i="1"/>
  <c r="AD20942" i="1"/>
  <c r="AD20943" i="1"/>
  <c r="AD20944" i="1"/>
  <c r="AD20945" i="1"/>
  <c r="AD20946" i="1"/>
  <c r="AD20947" i="1"/>
  <c r="AD20948" i="1"/>
  <c r="AD20949" i="1"/>
  <c r="AD20950" i="1"/>
  <c r="AD20951" i="1"/>
  <c r="AD20952" i="1"/>
  <c r="AD20953" i="1"/>
  <c r="AD20954" i="1"/>
  <c r="AD20955" i="1"/>
  <c r="AD20956" i="1"/>
  <c r="AD20957" i="1"/>
  <c r="AD20958" i="1"/>
  <c r="AD20959" i="1"/>
  <c r="AD20960" i="1"/>
  <c r="AD20961" i="1"/>
  <c r="AD20962" i="1"/>
  <c r="AD20963" i="1"/>
  <c r="AD20964" i="1"/>
  <c r="AD20965" i="1"/>
  <c r="AD20966" i="1"/>
  <c r="AD20967" i="1"/>
  <c r="AD20968" i="1"/>
  <c r="AD20969" i="1"/>
  <c r="AD20970" i="1"/>
  <c r="AD20971" i="1"/>
  <c r="AD20972" i="1"/>
  <c r="AD20973" i="1"/>
  <c r="AD20974" i="1"/>
  <c r="AD20975" i="1"/>
  <c r="AD20976" i="1"/>
  <c r="AD20977" i="1"/>
  <c r="AD20978" i="1"/>
  <c r="AD20979" i="1"/>
  <c r="AD20980" i="1"/>
  <c r="AD20981" i="1"/>
  <c r="AD20982" i="1"/>
  <c r="AD20983" i="1"/>
  <c r="AD20984" i="1"/>
  <c r="AD20985" i="1"/>
  <c r="AD20986" i="1"/>
  <c r="AD20987" i="1"/>
  <c r="AD20988" i="1"/>
  <c r="AD20989" i="1"/>
  <c r="AD20990" i="1"/>
  <c r="AD20991" i="1"/>
  <c r="AD20992" i="1"/>
  <c r="AD20993" i="1"/>
  <c r="AD20994" i="1"/>
  <c r="AD20995" i="1"/>
  <c r="AD20996" i="1"/>
  <c r="AD20997" i="1"/>
  <c r="AD20998" i="1"/>
  <c r="AD20999" i="1"/>
  <c r="AD21000" i="1"/>
  <c r="AD21001" i="1"/>
  <c r="AD21002" i="1"/>
  <c r="AD21003" i="1"/>
  <c r="AD21004" i="1"/>
  <c r="AD21005" i="1"/>
  <c r="AD21006" i="1"/>
  <c r="AD21007" i="1"/>
  <c r="AD21008" i="1"/>
  <c r="AD21009" i="1"/>
  <c r="AD21010" i="1"/>
  <c r="AD21011" i="1"/>
  <c r="AD21012" i="1"/>
  <c r="AD21013" i="1"/>
  <c r="AD21014" i="1"/>
  <c r="AD21015" i="1"/>
  <c r="AD21016" i="1"/>
  <c r="AD21017" i="1"/>
  <c r="AD21018" i="1"/>
  <c r="AD21019" i="1"/>
  <c r="AD21020" i="1"/>
  <c r="AD21021" i="1"/>
  <c r="AD21022" i="1"/>
  <c r="AD21023" i="1"/>
  <c r="AD21024" i="1"/>
  <c r="AD21025" i="1"/>
  <c r="AD21026" i="1"/>
  <c r="AD21027" i="1"/>
  <c r="AD21028" i="1"/>
  <c r="AD21029" i="1"/>
  <c r="AD21030" i="1"/>
  <c r="AD21031" i="1"/>
  <c r="AD21032" i="1"/>
  <c r="AD21033" i="1"/>
  <c r="AD21034" i="1"/>
  <c r="AD21035" i="1"/>
  <c r="AD21036" i="1"/>
  <c r="AD21037" i="1"/>
  <c r="AD21038" i="1"/>
  <c r="AD21039" i="1"/>
  <c r="AD21040" i="1"/>
  <c r="AD21041" i="1"/>
  <c r="AD21042" i="1"/>
  <c r="AD21043" i="1"/>
  <c r="AD21044" i="1"/>
  <c r="AD21045" i="1"/>
  <c r="AD21046" i="1"/>
  <c r="AD21047" i="1"/>
  <c r="AD21048" i="1"/>
  <c r="AD21049" i="1"/>
  <c r="AD21050" i="1"/>
  <c r="AD21051" i="1"/>
  <c r="AD21052" i="1"/>
  <c r="AD21053" i="1"/>
  <c r="AD21054" i="1"/>
  <c r="AD21055" i="1"/>
  <c r="AD21056" i="1"/>
  <c r="AD21057" i="1"/>
  <c r="AD21058" i="1"/>
  <c r="AD21059" i="1"/>
  <c r="AD21060" i="1"/>
  <c r="AD21061" i="1"/>
  <c r="AD21062" i="1"/>
  <c r="AD21063" i="1"/>
  <c r="AD21064" i="1"/>
  <c r="AD21065" i="1"/>
  <c r="AD21066" i="1"/>
  <c r="AD21067" i="1"/>
  <c r="AD21068" i="1"/>
  <c r="AD21069" i="1"/>
  <c r="AD21070" i="1"/>
  <c r="AD21071" i="1"/>
  <c r="AD21072" i="1"/>
  <c r="AD21073" i="1"/>
  <c r="AD21074" i="1"/>
  <c r="AD21075" i="1"/>
  <c r="AD21076" i="1"/>
  <c r="AD21077" i="1"/>
  <c r="AD21078" i="1"/>
  <c r="AD21079" i="1"/>
  <c r="AD21080" i="1"/>
  <c r="AD21081" i="1"/>
  <c r="AD21082" i="1"/>
  <c r="AD21083" i="1"/>
  <c r="AD21084" i="1"/>
  <c r="AD21085" i="1"/>
  <c r="AD21086" i="1"/>
  <c r="AD21087" i="1"/>
  <c r="AD21088" i="1"/>
  <c r="AD21089" i="1"/>
  <c r="AD21090" i="1"/>
  <c r="AD21091" i="1"/>
  <c r="AD21092" i="1"/>
  <c r="AD21093" i="1"/>
  <c r="AD21094" i="1"/>
  <c r="AD21095" i="1"/>
  <c r="AD21096" i="1"/>
  <c r="AD21097" i="1"/>
  <c r="AD21098" i="1"/>
  <c r="AD21099" i="1"/>
  <c r="AD21100" i="1"/>
  <c r="AD21101" i="1"/>
  <c r="AD21102" i="1"/>
  <c r="AD21103" i="1"/>
  <c r="AD21104" i="1"/>
  <c r="AD21105" i="1"/>
  <c r="AD21106" i="1"/>
  <c r="AD21107" i="1"/>
  <c r="AD21108" i="1"/>
  <c r="AD21109" i="1"/>
  <c r="AD21110" i="1"/>
  <c r="AD21111" i="1"/>
  <c r="AD21112" i="1"/>
  <c r="AD21113" i="1"/>
  <c r="AD21114" i="1"/>
  <c r="AD21115" i="1"/>
  <c r="AD21116" i="1"/>
  <c r="AD21117" i="1"/>
  <c r="AD21118" i="1"/>
  <c r="AD21119" i="1"/>
  <c r="AD21120" i="1"/>
  <c r="AD21121" i="1"/>
  <c r="AD21122" i="1"/>
  <c r="AD21123" i="1"/>
  <c r="AD21124" i="1"/>
  <c r="AD21125" i="1"/>
  <c r="AD21126" i="1"/>
  <c r="AD21127" i="1"/>
  <c r="AD21128" i="1"/>
  <c r="AD21129" i="1"/>
  <c r="AD21130" i="1"/>
  <c r="AD21131" i="1"/>
  <c r="AD21132" i="1"/>
  <c r="AD21133" i="1"/>
  <c r="AD21134" i="1"/>
  <c r="AD21135" i="1"/>
  <c r="AD21136" i="1"/>
  <c r="AD21137" i="1"/>
  <c r="AD21138" i="1"/>
  <c r="AD21139" i="1"/>
  <c r="AD21140" i="1"/>
  <c r="AD21141" i="1"/>
  <c r="AD21142" i="1"/>
  <c r="AD21143" i="1"/>
  <c r="AD21144" i="1"/>
  <c r="AD21145" i="1"/>
  <c r="AD21146" i="1"/>
  <c r="AD21147" i="1"/>
  <c r="AD21148" i="1"/>
  <c r="AD21149" i="1"/>
  <c r="AD21150" i="1"/>
  <c r="AD21151" i="1"/>
  <c r="AD21152" i="1"/>
  <c r="AD21153" i="1"/>
  <c r="AD21154" i="1"/>
  <c r="AD21155" i="1"/>
  <c r="AD21156" i="1"/>
  <c r="AD21157" i="1"/>
  <c r="AD21158" i="1"/>
  <c r="AD21159" i="1"/>
  <c r="AD21160" i="1"/>
  <c r="AD21161" i="1"/>
  <c r="AD21162" i="1"/>
  <c r="AD21163" i="1"/>
  <c r="AD21164" i="1"/>
  <c r="AD21165" i="1"/>
  <c r="AD21166" i="1"/>
  <c r="AD21167" i="1"/>
  <c r="AD21168" i="1"/>
  <c r="AD21169" i="1"/>
  <c r="AD21170" i="1"/>
  <c r="AD21171" i="1"/>
  <c r="AD21172" i="1"/>
  <c r="AD21173" i="1"/>
  <c r="AD21174" i="1"/>
  <c r="AD21175" i="1"/>
  <c r="AD21176" i="1"/>
  <c r="AD21177" i="1"/>
  <c r="AD21178" i="1"/>
  <c r="AD21179" i="1"/>
  <c r="AD21180" i="1"/>
  <c r="AD21181" i="1"/>
  <c r="AD21182" i="1"/>
  <c r="AD21183" i="1"/>
  <c r="AD21184" i="1"/>
  <c r="AD21185" i="1"/>
  <c r="AD21186" i="1"/>
  <c r="AD21187" i="1"/>
  <c r="AD21188" i="1"/>
  <c r="AD21189" i="1"/>
  <c r="AD21190" i="1"/>
  <c r="AD21191" i="1"/>
  <c r="AD21192" i="1"/>
  <c r="AD21193" i="1"/>
  <c r="AD21194" i="1"/>
  <c r="AD21195" i="1"/>
  <c r="AD21196" i="1"/>
  <c r="AD21197" i="1"/>
  <c r="AD21198" i="1"/>
  <c r="AD21199" i="1"/>
  <c r="AD21200" i="1"/>
  <c r="AD21201" i="1"/>
  <c r="AD21202" i="1"/>
  <c r="AD21203" i="1"/>
  <c r="AD21204" i="1"/>
  <c r="AD21205" i="1"/>
  <c r="AD21206" i="1"/>
  <c r="AD21207" i="1"/>
  <c r="AD21208" i="1"/>
  <c r="AD21209" i="1"/>
  <c r="AD21210" i="1"/>
  <c r="AD21211" i="1"/>
  <c r="AD21212" i="1"/>
  <c r="AD21213" i="1"/>
  <c r="AD21214" i="1"/>
  <c r="AD21215" i="1"/>
  <c r="AD21216" i="1"/>
  <c r="AD21217" i="1"/>
  <c r="AD21218" i="1"/>
  <c r="AD21219" i="1"/>
  <c r="AD21220" i="1"/>
  <c r="AD21221" i="1"/>
  <c r="AD21222" i="1"/>
  <c r="AD21223" i="1"/>
  <c r="AD21224" i="1"/>
  <c r="AD21225" i="1"/>
  <c r="AD21226" i="1"/>
  <c r="AD21227" i="1"/>
  <c r="AD21228" i="1"/>
  <c r="AD21229" i="1"/>
  <c r="AD21230" i="1"/>
  <c r="AD21231" i="1"/>
  <c r="AD21232" i="1"/>
  <c r="AD21233" i="1"/>
  <c r="AD21234" i="1"/>
  <c r="AD21235" i="1"/>
  <c r="AD21236" i="1"/>
  <c r="AD21237" i="1"/>
  <c r="AD21238" i="1"/>
  <c r="AD21239" i="1"/>
  <c r="AD21240" i="1"/>
  <c r="AD21241" i="1"/>
  <c r="AD21242" i="1"/>
  <c r="AD21243" i="1"/>
  <c r="AD21244" i="1"/>
  <c r="AD21245" i="1"/>
  <c r="AD21246" i="1"/>
  <c r="AD21247" i="1"/>
  <c r="AD21248" i="1"/>
  <c r="AD21249" i="1"/>
  <c r="AD21250" i="1"/>
  <c r="AD21251" i="1"/>
  <c r="AD21252" i="1"/>
  <c r="AD21253" i="1"/>
  <c r="AD21254" i="1"/>
  <c r="AD21255" i="1"/>
  <c r="AD21256" i="1"/>
  <c r="AD21257" i="1"/>
  <c r="AD21258" i="1"/>
  <c r="AD21259" i="1"/>
  <c r="AD21260" i="1"/>
  <c r="AD21261" i="1"/>
  <c r="AD21262" i="1"/>
  <c r="AD21263" i="1"/>
  <c r="AD21264" i="1"/>
  <c r="AD21265" i="1"/>
  <c r="AD21266" i="1"/>
  <c r="AD21267" i="1"/>
  <c r="AD21268" i="1"/>
  <c r="AD21269" i="1"/>
  <c r="AD21270" i="1"/>
  <c r="AD21271" i="1"/>
  <c r="AD21272" i="1"/>
  <c r="AD21273" i="1"/>
  <c r="AD21274" i="1"/>
  <c r="AD21275" i="1"/>
  <c r="AD21276" i="1"/>
  <c r="AD21277" i="1"/>
  <c r="AD21278" i="1"/>
  <c r="AD21279" i="1"/>
  <c r="AD21280" i="1"/>
  <c r="AD21281" i="1"/>
  <c r="AD21282" i="1"/>
  <c r="AD21283" i="1"/>
  <c r="AD21284" i="1"/>
  <c r="AD21285" i="1"/>
  <c r="AD21286" i="1"/>
  <c r="AD21287" i="1"/>
  <c r="AD21288" i="1"/>
  <c r="AD21289" i="1"/>
  <c r="AD21290" i="1"/>
  <c r="AD21291" i="1"/>
  <c r="AD21292" i="1"/>
  <c r="AD21293" i="1"/>
  <c r="AD21294" i="1"/>
  <c r="AD21295" i="1"/>
  <c r="AD21296" i="1"/>
  <c r="AD21297" i="1"/>
  <c r="AD21298" i="1"/>
  <c r="AD21299" i="1"/>
  <c r="AD21300" i="1"/>
  <c r="AD21301" i="1"/>
  <c r="AD21302" i="1"/>
  <c r="AD21303" i="1"/>
  <c r="AD21304" i="1"/>
  <c r="AD21305" i="1"/>
  <c r="AD21306" i="1"/>
  <c r="AD21307" i="1"/>
  <c r="AD21308" i="1"/>
  <c r="AD21309" i="1"/>
  <c r="AD21310" i="1"/>
  <c r="AD21311" i="1"/>
  <c r="AD21312" i="1"/>
  <c r="AD21313" i="1"/>
  <c r="AD21314" i="1"/>
  <c r="AD21315" i="1"/>
  <c r="AD21316" i="1"/>
  <c r="AD21317" i="1"/>
  <c r="AD21318" i="1"/>
  <c r="AD21319" i="1"/>
  <c r="AD21320" i="1"/>
  <c r="AD21321" i="1"/>
  <c r="AD21322" i="1"/>
  <c r="AD21323" i="1"/>
  <c r="AD21324" i="1"/>
  <c r="AD21325" i="1"/>
  <c r="AD21326" i="1"/>
  <c r="AD21327" i="1"/>
  <c r="AD21328" i="1"/>
  <c r="AD21329" i="1"/>
  <c r="AD21330" i="1"/>
  <c r="AD21331" i="1"/>
  <c r="AD21332" i="1"/>
  <c r="AD21333" i="1"/>
  <c r="AD21334" i="1"/>
  <c r="AD21335" i="1"/>
  <c r="AD21336" i="1"/>
  <c r="AD21337" i="1"/>
  <c r="AD21338" i="1"/>
  <c r="AD21339" i="1"/>
  <c r="AD21340" i="1"/>
  <c r="AD21341" i="1"/>
  <c r="AD21342" i="1"/>
  <c r="AD21343" i="1"/>
  <c r="AD21344" i="1"/>
  <c r="AD21345" i="1"/>
  <c r="AD21346" i="1"/>
  <c r="AD21347" i="1"/>
  <c r="AD21348" i="1"/>
  <c r="AD21349" i="1"/>
  <c r="AD21350" i="1"/>
  <c r="AD21351" i="1"/>
  <c r="AD21352" i="1"/>
  <c r="AD21353" i="1"/>
  <c r="AD21354" i="1"/>
  <c r="AD21355" i="1"/>
  <c r="AD21356" i="1"/>
  <c r="AD21357" i="1"/>
  <c r="AD21358" i="1"/>
  <c r="AD21359" i="1"/>
  <c r="AD21360" i="1"/>
  <c r="AD21361" i="1"/>
  <c r="AD21362" i="1"/>
  <c r="AD21363" i="1"/>
  <c r="AD21364" i="1"/>
  <c r="AD21365" i="1"/>
  <c r="AD21366" i="1"/>
  <c r="AD21367" i="1"/>
  <c r="AD21368" i="1"/>
  <c r="AD21369" i="1"/>
  <c r="AD21370" i="1"/>
  <c r="AD21371" i="1"/>
  <c r="AD21372" i="1"/>
  <c r="AD21373" i="1"/>
  <c r="AD21374" i="1"/>
  <c r="AD21375" i="1"/>
  <c r="AD21376" i="1"/>
  <c r="AD21377" i="1"/>
  <c r="AD21378" i="1"/>
  <c r="AD21379" i="1"/>
  <c r="AD21380" i="1"/>
  <c r="AD21381" i="1"/>
  <c r="AD21382" i="1"/>
  <c r="AD21383" i="1"/>
  <c r="AD21384" i="1"/>
  <c r="AD21385" i="1"/>
  <c r="AD21386" i="1"/>
  <c r="AD21387" i="1"/>
  <c r="AD21388" i="1"/>
  <c r="AD21389" i="1"/>
  <c r="AD21390" i="1"/>
  <c r="AD21391" i="1"/>
  <c r="AD21392" i="1"/>
  <c r="AD21393" i="1"/>
  <c r="AD21394" i="1"/>
  <c r="AD21395" i="1"/>
  <c r="AD21396" i="1"/>
  <c r="AD21397" i="1"/>
  <c r="AD21398" i="1"/>
  <c r="AD21399" i="1"/>
  <c r="AD21400" i="1"/>
  <c r="AD21401" i="1"/>
  <c r="AD21402" i="1"/>
  <c r="AD21403" i="1"/>
  <c r="AD21404" i="1"/>
  <c r="AD21405" i="1"/>
  <c r="AD21406" i="1"/>
  <c r="AD21407" i="1"/>
  <c r="AD21408" i="1"/>
  <c r="AD21409" i="1"/>
  <c r="AD21410" i="1"/>
  <c r="AD21411" i="1"/>
  <c r="AD21412" i="1"/>
  <c r="AD21413" i="1"/>
  <c r="AD21414" i="1"/>
  <c r="AD21415" i="1"/>
  <c r="AD21416" i="1"/>
  <c r="AD21417" i="1"/>
  <c r="AD21418" i="1"/>
  <c r="AD21419" i="1"/>
  <c r="AD21420" i="1"/>
  <c r="AD21421" i="1"/>
  <c r="AD21422" i="1"/>
  <c r="AD21423" i="1"/>
  <c r="AD21424" i="1"/>
  <c r="AD21425" i="1"/>
  <c r="AD21426" i="1"/>
  <c r="AD21427" i="1"/>
  <c r="AD21428" i="1"/>
  <c r="AD21429" i="1"/>
  <c r="AD21430" i="1"/>
  <c r="AD21431" i="1"/>
  <c r="AD21432" i="1"/>
  <c r="AD21433" i="1"/>
  <c r="AD21434" i="1"/>
  <c r="AD21435" i="1"/>
  <c r="AD21436" i="1"/>
  <c r="AD21437" i="1"/>
  <c r="AD21438" i="1"/>
  <c r="AD21439" i="1"/>
  <c r="AD21440" i="1"/>
  <c r="AD21441" i="1"/>
  <c r="AD21442" i="1"/>
  <c r="AD21443" i="1"/>
  <c r="AD21444" i="1"/>
  <c r="AD21445" i="1"/>
  <c r="AD21446" i="1"/>
  <c r="AD21447" i="1"/>
  <c r="AD21448" i="1"/>
  <c r="AD21449" i="1"/>
  <c r="AD21450" i="1"/>
  <c r="AD21451" i="1"/>
  <c r="AD21452" i="1"/>
  <c r="AD21453" i="1"/>
  <c r="AD21454" i="1"/>
  <c r="AD21455" i="1"/>
  <c r="AD21456" i="1"/>
  <c r="AD21457" i="1"/>
  <c r="AD21458" i="1"/>
  <c r="AD21459" i="1"/>
  <c r="AD21460" i="1"/>
  <c r="AD21461" i="1"/>
  <c r="AD21462" i="1"/>
  <c r="AD21463" i="1"/>
  <c r="AD21464" i="1"/>
  <c r="AD21465" i="1"/>
  <c r="AD21466" i="1"/>
  <c r="AD21467" i="1"/>
  <c r="AD21468" i="1"/>
  <c r="AD21469" i="1"/>
  <c r="AD21470" i="1"/>
  <c r="AD21471" i="1"/>
  <c r="AD21472" i="1"/>
  <c r="AD21473" i="1"/>
  <c r="AD21474" i="1"/>
  <c r="AD21475" i="1"/>
  <c r="AD21476" i="1"/>
  <c r="AD21477" i="1"/>
  <c r="AD21478" i="1"/>
  <c r="AD21479" i="1"/>
  <c r="AD21480" i="1"/>
  <c r="AD21481" i="1"/>
  <c r="AD21482" i="1"/>
  <c r="AD21483" i="1"/>
  <c r="AD21484" i="1"/>
  <c r="AD21485" i="1"/>
  <c r="AD21486" i="1"/>
  <c r="AD21487" i="1"/>
  <c r="AD21488" i="1"/>
  <c r="AD21489" i="1"/>
  <c r="AD21490" i="1"/>
  <c r="AD21491" i="1"/>
  <c r="AD21492" i="1"/>
  <c r="AD21493" i="1"/>
  <c r="AD21494" i="1"/>
  <c r="AD21495" i="1"/>
  <c r="AD21496" i="1"/>
  <c r="AD21497" i="1"/>
  <c r="AD21498" i="1"/>
  <c r="AD21499" i="1"/>
  <c r="AD21500" i="1"/>
  <c r="AD21501" i="1"/>
  <c r="AD21502" i="1"/>
  <c r="AD21503" i="1"/>
  <c r="AD21504" i="1"/>
  <c r="AD21505" i="1"/>
  <c r="AD21506" i="1"/>
  <c r="AD21507" i="1"/>
  <c r="AD21508" i="1"/>
  <c r="AD21509" i="1"/>
  <c r="AD21510" i="1"/>
  <c r="AD21511" i="1"/>
  <c r="AD21512" i="1"/>
  <c r="AD21513" i="1"/>
  <c r="AD21514" i="1"/>
  <c r="AD21515" i="1"/>
  <c r="AD21516" i="1"/>
  <c r="AD21517" i="1"/>
  <c r="AD21518" i="1"/>
  <c r="AD21519" i="1"/>
  <c r="AD21520" i="1"/>
  <c r="AD21521" i="1"/>
  <c r="AD21522" i="1"/>
  <c r="AD21523" i="1"/>
  <c r="AD21524" i="1"/>
  <c r="AD21525" i="1"/>
  <c r="AD21526" i="1"/>
  <c r="AD21527" i="1"/>
  <c r="AD21528" i="1"/>
  <c r="AD21529" i="1"/>
  <c r="AD21530" i="1"/>
  <c r="AD21531" i="1"/>
  <c r="AD21532" i="1"/>
  <c r="AD21533" i="1"/>
  <c r="AD21534" i="1"/>
  <c r="AD21535" i="1"/>
  <c r="AD21536" i="1"/>
  <c r="AD21537" i="1"/>
  <c r="AD21538" i="1"/>
  <c r="AD21539" i="1"/>
  <c r="AD21540" i="1"/>
  <c r="AD21541" i="1"/>
  <c r="AD21542" i="1"/>
  <c r="AD21543" i="1"/>
  <c r="AD21544" i="1"/>
  <c r="AD21545" i="1"/>
  <c r="AD21546" i="1"/>
  <c r="AD21547" i="1"/>
  <c r="AD21548" i="1"/>
  <c r="AD21549" i="1"/>
  <c r="AD21550" i="1"/>
  <c r="AD21551" i="1"/>
  <c r="AD21552" i="1"/>
  <c r="AD21553" i="1"/>
  <c r="AD21554" i="1"/>
  <c r="AD21555" i="1"/>
  <c r="AD21556" i="1"/>
  <c r="AD21557" i="1"/>
  <c r="AD21558" i="1"/>
  <c r="AD21559" i="1"/>
  <c r="AD21560" i="1"/>
  <c r="AD21561" i="1"/>
  <c r="AD21562" i="1"/>
  <c r="AD21563" i="1"/>
  <c r="AD21564" i="1"/>
  <c r="AD21565" i="1"/>
  <c r="AD21566" i="1"/>
  <c r="AD21567" i="1"/>
  <c r="AD21568" i="1"/>
  <c r="AD21569" i="1"/>
  <c r="AD21570" i="1"/>
  <c r="AD21571" i="1"/>
  <c r="AD21572" i="1"/>
  <c r="AD21573" i="1"/>
  <c r="AD21574" i="1"/>
  <c r="AD21575" i="1"/>
  <c r="AD21576" i="1"/>
  <c r="AD21577" i="1"/>
  <c r="AD21578" i="1"/>
  <c r="AD21579" i="1"/>
  <c r="AD21580" i="1"/>
  <c r="AD21581" i="1"/>
  <c r="AD21582" i="1"/>
  <c r="AD21583" i="1"/>
  <c r="AD21584" i="1"/>
  <c r="AD21585" i="1"/>
  <c r="AD21586" i="1"/>
  <c r="AD21587" i="1"/>
  <c r="AD21588" i="1"/>
  <c r="AD21589" i="1"/>
  <c r="AD21590" i="1"/>
  <c r="AD21591" i="1"/>
  <c r="AD21592" i="1"/>
  <c r="AD21593" i="1"/>
  <c r="AD21594" i="1"/>
  <c r="AD21595" i="1"/>
  <c r="AD21596" i="1"/>
  <c r="AD21597" i="1"/>
  <c r="AD21598" i="1"/>
  <c r="AD21599" i="1"/>
  <c r="AD21600" i="1"/>
  <c r="AD21601" i="1"/>
  <c r="AD21602" i="1"/>
  <c r="AD21603" i="1"/>
  <c r="AD21604" i="1"/>
  <c r="AD21605" i="1"/>
  <c r="AD21606" i="1"/>
  <c r="AD21607" i="1"/>
  <c r="AD21608" i="1"/>
  <c r="AD21609" i="1"/>
  <c r="AD21610" i="1"/>
  <c r="AD21611" i="1"/>
  <c r="AD21612" i="1"/>
  <c r="AD21613" i="1"/>
  <c r="AD21614" i="1"/>
  <c r="AD21615" i="1"/>
  <c r="AD21616" i="1"/>
  <c r="AD21617" i="1"/>
  <c r="AD21618" i="1"/>
  <c r="AD21619" i="1"/>
  <c r="AD21620" i="1"/>
  <c r="AD21621" i="1"/>
  <c r="AD21622" i="1"/>
  <c r="AD21623" i="1"/>
  <c r="AD21624" i="1"/>
  <c r="AD21625" i="1"/>
  <c r="AD21626" i="1"/>
  <c r="AD21627" i="1"/>
  <c r="AD21628" i="1"/>
  <c r="AD21629" i="1"/>
  <c r="AD21630" i="1"/>
  <c r="AD21631" i="1"/>
  <c r="AD21632" i="1"/>
  <c r="AD21633" i="1"/>
  <c r="AD21634" i="1"/>
  <c r="AD21635" i="1"/>
  <c r="AD21636" i="1"/>
  <c r="AD21637" i="1"/>
  <c r="AD21638" i="1"/>
  <c r="AD21639" i="1"/>
  <c r="AD21640" i="1"/>
  <c r="AD21641" i="1"/>
  <c r="AD21642" i="1"/>
  <c r="AD21643" i="1"/>
  <c r="AD21644" i="1"/>
  <c r="AD21645" i="1"/>
  <c r="AD21646" i="1"/>
  <c r="AD21647" i="1"/>
  <c r="AD21648" i="1"/>
  <c r="AD21649" i="1"/>
  <c r="AD21650" i="1"/>
  <c r="AD21651" i="1"/>
  <c r="AD21652" i="1"/>
  <c r="AD21653" i="1"/>
  <c r="AD21654" i="1"/>
  <c r="AD21655" i="1"/>
  <c r="AD21656" i="1"/>
  <c r="AD21657" i="1"/>
  <c r="AD21658" i="1"/>
  <c r="AD21659" i="1"/>
  <c r="AD21660" i="1"/>
  <c r="AD21661" i="1"/>
  <c r="AD21662" i="1"/>
  <c r="AD21663" i="1"/>
  <c r="AD21664" i="1"/>
  <c r="AD21665" i="1"/>
  <c r="AD21666" i="1"/>
  <c r="AD21667" i="1"/>
  <c r="AD21668" i="1"/>
  <c r="AD21669" i="1"/>
  <c r="AD21670" i="1"/>
  <c r="AD21671" i="1"/>
  <c r="AD21672" i="1"/>
  <c r="AD21673" i="1"/>
  <c r="AD21674" i="1"/>
  <c r="AD21675" i="1"/>
  <c r="AD21676" i="1"/>
  <c r="AD21677" i="1"/>
  <c r="AD21678" i="1"/>
  <c r="AD21679" i="1"/>
  <c r="AD21680" i="1"/>
  <c r="AD21681" i="1"/>
  <c r="AD21682" i="1"/>
  <c r="AD21683" i="1"/>
  <c r="AD21684" i="1"/>
  <c r="AD21685" i="1"/>
  <c r="AD21686" i="1"/>
  <c r="AD21687" i="1"/>
  <c r="AD21688" i="1"/>
  <c r="AD21689" i="1"/>
  <c r="AD21690" i="1"/>
  <c r="AD21691" i="1"/>
  <c r="AD21692" i="1"/>
  <c r="AD21693" i="1"/>
  <c r="AD21694" i="1"/>
  <c r="AD21695" i="1"/>
  <c r="AD21696" i="1"/>
  <c r="AD21697" i="1"/>
  <c r="AD21698" i="1"/>
  <c r="AD21699" i="1"/>
  <c r="AD21700" i="1"/>
  <c r="AD21701" i="1"/>
  <c r="AD21702" i="1"/>
  <c r="AD21703" i="1"/>
  <c r="AD21704" i="1"/>
  <c r="AD21705" i="1"/>
  <c r="AD21706" i="1"/>
  <c r="AD21707" i="1"/>
  <c r="AD21708" i="1"/>
  <c r="AD21709" i="1"/>
  <c r="AD21710" i="1"/>
  <c r="AD21711" i="1"/>
  <c r="AD21712" i="1"/>
  <c r="AD21713" i="1"/>
  <c r="AD21714" i="1"/>
  <c r="AD21715" i="1"/>
  <c r="AD21716" i="1"/>
  <c r="AD21717" i="1"/>
  <c r="AD21718" i="1"/>
  <c r="AD21719" i="1"/>
  <c r="AD21720" i="1"/>
  <c r="AD21721" i="1"/>
  <c r="AD21722" i="1"/>
  <c r="AD21723" i="1"/>
  <c r="AD21724" i="1"/>
  <c r="AD21725" i="1"/>
  <c r="AD21726" i="1"/>
  <c r="AD21727" i="1"/>
  <c r="AD21728" i="1"/>
  <c r="AD21729" i="1"/>
  <c r="AD21730" i="1"/>
  <c r="AD21731" i="1"/>
  <c r="AD21732" i="1"/>
  <c r="AD21733" i="1"/>
  <c r="AD21734" i="1"/>
  <c r="AD21735" i="1"/>
  <c r="AD21736" i="1"/>
  <c r="AD21737" i="1"/>
  <c r="AD21738" i="1"/>
  <c r="AD21739" i="1"/>
  <c r="AD21740" i="1"/>
  <c r="AD21741" i="1"/>
  <c r="AD21742" i="1"/>
  <c r="AD21743" i="1"/>
  <c r="AD21744" i="1"/>
  <c r="AD21745" i="1"/>
  <c r="AD21746" i="1"/>
  <c r="AD21747" i="1"/>
  <c r="AD21748" i="1"/>
  <c r="AD21749" i="1"/>
  <c r="AD21750" i="1"/>
  <c r="AD21751" i="1"/>
  <c r="AD21752" i="1"/>
  <c r="AD21753" i="1"/>
  <c r="AD21754" i="1"/>
  <c r="AD21755" i="1"/>
  <c r="AD21756" i="1"/>
  <c r="AD21757" i="1"/>
  <c r="AD21758" i="1"/>
  <c r="AD21759" i="1"/>
  <c r="AD21760" i="1"/>
  <c r="AD21761" i="1"/>
  <c r="AD21762" i="1"/>
  <c r="AD21763" i="1"/>
  <c r="AD21764" i="1"/>
  <c r="AD21765" i="1"/>
  <c r="AD21766" i="1"/>
  <c r="AD21767" i="1"/>
  <c r="AD21768" i="1"/>
  <c r="AD21769" i="1"/>
  <c r="AD21770" i="1"/>
  <c r="AD21771" i="1"/>
  <c r="AD21772" i="1"/>
  <c r="AD21773" i="1"/>
  <c r="AD21774" i="1"/>
  <c r="AD21775" i="1"/>
  <c r="AD21776" i="1"/>
  <c r="AD21777" i="1"/>
  <c r="AD21778" i="1"/>
  <c r="AD21779" i="1"/>
  <c r="AD21780" i="1"/>
  <c r="AD21781" i="1"/>
  <c r="AD21782" i="1"/>
  <c r="AD21783" i="1"/>
  <c r="AD21784" i="1"/>
  <c r="AD21785" i="1"/>
  <c r="AD21786" i="1"/>
  <c r="AD21787" i="1"/>
  <c r="AD21788" i="1"/>
  <c r="AD21789" i="1"/>
  <c r="AD21790" i="1"/>
  <c r="AD21791" i="1"/>
  <c r="AD21792" i="1"/>
  <c r="AD21793" i="1"/>
  <c r="AD21794" i="1"/>
  <c r="AD21795" i="1"/>
  <c r="AD21796" i="1"/>
  <c r="AD21797" i="1"/>
  <c r="AD21798" i="1"/>
  <c r="AD21799" i="1"/>
  <c r="AD21800" i="1"/>
  <c r="AD21801" i="1"/>
  <c r="AD21802" i="1"/>
  <c r="AD21803" i="1"/>
  <c r="AD21804" i="1"/>
  <c r="AD21805" i="1"/>
  <c r="AD21806" i="1"/>
  <c r="AD21807" i="1"/>
  <c r="AD21808" i="1"/>
  <c r="AD21809" i="1"/>
  <c r="AD21810" i="1"/>
  <c r="AD21811" i="1"/>
  <c r="AD21812" i="1"/>
  <c r="AD21813" i="1"/>
  <c r="AD21814" i="1"/>
  <c r="AD21815" i="1"/>
  <c r="AD21816" i="1"/>
  <c r="AD21817" i="1"/>
  <c r="AD21818" i="1"/>
  <c r="AD21819" i="1"/>
  <c r="AD21820" i="1"/>
  <c r="AD21821" i="1"/>
  <c r="AD21822" i="1"/>
  <c r="AD21823" i="1"/>
  <c r="AD21824" i="1"/>
  <c r="AD21825" i="1"/>
  <c r="AD21826" i="1"/>
  <c r="AD21827" i="1"/>
  <c r="AD21828" i="1"/>
  <c r="AD21829" i="1"/>
  <c r="AD21830" i="1"/>
  <c r="AD21831" i="1"/>
  <c r="AD21832" i="1"/>
  <c r="AD21833" i="1"/>
  <c r="AD21834" i="1"/>
  <c r="AD21835" i="1"/>
  <c r="AD21836" i="1"/>
  <c r="AD21837" i="1"/>
  <c r="AD21838" i="1"/>
  <c r="AD21839" i="1"/>
  <c r="AD21840" i="1"/>
  <c r="AD21841" i="1"/>
  <c r="AD21842" i="1"/>
  <c r="AD21843" i="1"/>
  <c r="AD21844" i="1"/>
  <c r="AD21845" i="1"/>
  <c r="AD21846" i="1"/>
  <c r="AD21847" i="1"/>
  <c r="AD21848" i="1"/>
  <c r="AD21849" i="1"/>
  <c r="AD21850" i="1"/>
  <c r="AD21851" i="1"/>
  <c r="AD21852" i="1"/>
  <c r="AD21853" i="1"/>
  <c r="AD21854" i="1"/>
  <c r="AD21855" i="1"/>
  <c r="AD21856" i="1"/>
  <c r="AD21857" i="1"/>
  <c r="AD21858" i="1"/>
  <c r="AD21859" i="1"/>
  <c r="AD21860" i="1"/>
  <c r="AD21861" i="1"/>
  <c r="AD21862" i="1"/>
  <c r="AD21863" i="1"/>
  <c r="AD21864" i="1"/>
  <c r="AD21865" i="1"/>
  <c r="AD21866" i="1"/>
  <c r="AD21867" i="1"/>
  <c r="AD21868" i="1"/>
  <c r="AD21869" i="1"/>
  <c r="AD21870" i="1"/>
  <c r="AD21871" i="1"/>
  <c r="AD21872" i="1"/>
  <c r="AD21873" i="1"/>
  <c r="AD21874" i="1"/>
  <c r="AD21875" i="1"/>
  <c r="AD21876" i="1"/>
  <c r="AD21877" i="1"/>
  <c r="AD21878" i="1"/>
  <c r="AD21879" i="1"/>
  <c r="AD21880" i="1"/>
  <c r="AD21881" i="1"/>
  <c r="AD21882" i="1"/>
  <c r="AD21883" i="1"/>
  <c r="AD21884" i="1"/>
  <c r="AD21885" i="1"/>
  <c r="AD21886" i="1"/>
  <c r="AD21887" i="1"/>
  <c r="AD21888" i="1"/>
  <c r="AD21889" i="1"/>
  <c r="AD21890" i="1"/>
  <c r="AD21891" i="1"/>
  <c r="AD21892" i="1"/>
  <c r="AD21893" i="1"/>
  <c r="AD21894" i="1"/>
  <c r="AD21895" i="1"/>
  <c r="AD21896" i="1"/>
  <c r="AD21897" i="1"/>
  <c r="AD21898" i="1"/>
  <c r="AD21899" i="1"/>
  <c r="AD21900" i="1"/>
  <c r="AD21901" i="1"/>
  <c r="AD21902" i="1"/>
  <c r="AD21903" i="1"/>
  <c r="AD21904" i="1"/>
  <c r="AD21905" i="1"/>
  <c r="AD21906" i="1"/>
  <c r="AD21907" i="1"/>
  <c r="AD21908" i="1"/>
  <c r="AD21909" i="1"/>
  <c r="AD21910" i="1"/>
  <c r="AD21911" i="1"/>
  <c r="AD21912" i="1"/>
  <c r="AD21913" i="1"/>
  <c r="AD21914" i="1"/>
  <c r="AD21915" i="1"/>
  <c r="AD21916" i="1"/>
  <c r="AD21917" i="1"/>
  <c r="AD21918" i="1"/>
  <c r="AD21919" i="1"/>
  <c r="AD21920" i="1"/>
  <c r="AD21921" i="1"/>
  <c r="AD21922" i="1"/>
  <c r="AD21923" i="1"/>
  <c r="AD21924" i="1"/>
  <c r="AD21925" i="1"/>
  <c r="AD21926" i="1"/>
  <c r="AD21927" i="1"/>
  <c r="AD21928" i="1"/>
  <c r="AD21929" i="1"/>
  <c r="AD21930" i="1"/>
  <c r="AD21931" i="1"/>
  <c r="AD21932" i="1"/>
  <c r="AD21933" i="1"/>
  <c r="AD21934" i="1"/>
  <c r="AD21935" i="1"/>
  <c r="AD21936" i="1"/>
  <c r="AD21937" i="1"/>
  <c r="AD21938" i="1"/>
  <c r="AD21939" i="1"/>
  <c r="AD21940" i="1"/>
  <c r="AD21941" i="1"/>
  <c r="AD21942" i="1"/>
  <c r="AD21943" i="1"/>
  <c r="AD21944" i="1"/>
  <c r="AD21945" i="1"/>
  <c r="AD21946" i="1"/>
  <c r="AD21947" i="1"/>
  <c r="AD21948" i="1"/>
  <c r="AD21949" i="1"/>
  <c r="AD21950" i="1"/>
  <c r="AD21951" i="1"/>
  <c r="AD21952" i="1"/>
  <c r="AD21953" i="1"/>
  <c r="AD21954" i="1"/>
  <c r="AD21955" i="1"/>
  <c r="AD21956" i="1"/>
  <c r="AD21957" i="1"/>
  <c r="AD21958" i="1"/>
  <c r="AD21959" i="1"/>
  <c r="AD21960" i="1"/>
  <c r="AD21961" i="1"/>
  <c r="AD21962" i="1"/>
  <c r="AD21963" i="1"/>
  <c r="AD21964" i="1"/>
  <c r="AD21965" i="1"/>
  <c r="AD21966" i="1"/>
  <c r="AD21967" i="1"/>
  <c r="AD21968" i="1"/>
  <c r="AD21969" i="1"/>
  <c r="AD21970" i="1"/>
  <c r="AD21971" i="1"/>
  <c r="AD21972" i="1"/>
  <c r="AD21973" i="1"/>
  <c r="AD21974" i="1"/>
  <c r="AD21975" i="1"/>
  <c r="AD21976" i="1"/>
  <c r="AD21977" i="1"/>
  <c r="AD21978" i="1"/>
  <c r="AD21979" i="1"/>
  <c r="AD21980" i="1"/>
  <c r="AD21981" i="1"/>
  <c r="AD21982" i="1"/>
  <c r="AD21983" i="1"/>
  <c r="AD21984" i="1"/>
  <c r="AD21985" i="1"/>
  <c r="AD21986" i="1"/>
  <c r="AD21987" i="1"/>
  <c r="AD21988" i="1"/>
  <c r="AD21989" i="1"/>
  <c r="AD21990" i="1"/>
  <c r="AD21991" i="1"/>
  <c r="AD21992" i="1"/>
  <c r="AD21993" i="1"/>
  <c r="AD21994" i="1"/>
  <c r="AD21995" i="1"/>
  <c r="AD21996" i="1"/>
  <c r="AD21997" i="1"/>
  <c r="AD21998" i="1"/>
  <c r="AD21999" i="1"/>
  <c r="AD22000" i="1"/>
  <c r="AD22001" i="1"/>
  <c r="AD22002" i="1"/>
  <c r="AD22003" i="1"/>
  <c r="AD22004" i="1"/>
  <c r="AD22005" i="1"/>
  <c r="AD22006" i="1"/>
  <c r="AD22007" i="1"/>
  <c r="AD22008" i="1"/>
  <c r="AD22009" i="1"/>
  <c r="AD22010" i="1"/>
  <c r="AD22011" i="1"/>
  <c r="AD22012" i="1"/>
  <c r="AD22013" i="1"/>
  <c r="AD22014" i="1"/>
  <c r="AD22015" i="1"/>
  <c r="AD22016" i="1"/>
  <c r="AD22017" i="1"/>
  <c r="AD22018" i="1"/>
  <c r="AD22019" i="1"/>
  <c r="AD22020" i="1"/>
  <c r="AD22021" i="1"/>
  <c r="AD22022" i="1"/>
  <c r="AD22023" i="1"/>
  <c r="AD22024" i="1"/>
  <c r="AD22025" i="1"/>
  <c r="AD22026" i="1"/>
  <c r="AD22027" i="1"/>
  <c r="AD22028" i="1"/>
  <c r="AD22029" i="1"/>
  <c r="AD22030" i="1"/>
  <c r="AD22031" i="1"/>
  <c r="AD22032" i="1"/>
  <c r="AD22033" i="1"/>
  <c r="AD22034" i="1"/>
  <c r="AD22035" i="1"/>
  <c r="AD22036" i="1"/>
  <c r="AD22037" i="1"/>
  <c r="AD22038" i="1"/>
  <c r="AD22039" i="1"/>
  <c r="AD22040" i="1"/>
  <c r="AD22041" i="1"/>
  <c r="AD22042" i="1"/>
  <c r="AD22043" i="1"/>
  <c r="AD22044" i="1"/>
  <c r="AD22045" i="1"/>
  <c r="AD22046" i="1"/>
  <c r="AD22047" i="1"/>
  <c r="AD22048" i="1"/>
  <c r="AD22049" i="1"/>
  <c r="AD22050" i="1"/>
  <c r="AD22051" i="1"/>
  <c r="AD22052" i="1"/>
  <c r="AD22053" i="1"/>
  <c r="AD22054" i="1"/>
  <c r="AD22055" i="1"/>
  <c r="AD22056" i="1"/>
  <c r="AD22057" i="1"/>
  <c r="AD22058" i="1"/>
  <c r="AD22059" i="1"/>
  <c r="AD22060" i="1"/>
  <c r="AD22061" i="1"/>
  <c r="AD22062" i="1"/>
  <c r="AD22063" i="1"/>
  <c r="AD22064" i="1"/>
  <c r="AD22065" i="1"/>
  <c r="AD22066" i="1"/>
  <c r="AD22067" i="1"/>
  <c r="AD22068" i="1"/>
  <c r="AD22069" i="1"/>
  <c r="AD22070" i="1"/>
  <c r="AD22071" i="1"/>
  <c r="AD22072" i="1"/>
  <c r="AD22073" i="1"/>
  <c r="AD22074" i="1"/>
  <c r="AD22075" i="1"/>
  <c r="AD22076" i="1"/>
  <c r="AD22077" i="1"/>
  <c r="AD22078" i="1"/>
  <c r="AD22079" i="1"/>
  <c r="AD22080" i="1"/>
  <c r="AD22081" i="1"/>
  <c r="AD22082" i="1"/>
  <c r="AD22083" i="1"/>
  <c r="AD22084" i="1"/>
  <c r="AD22085" i="1"/>
  <c r="AD22086" i="1"/>
  <c r="AD22087" i="1"/>
  <c r="AD22088" i="1"/>
  <c r="AD22089" i="1"/>
  <c r="AD22090" i="1"/>
  <c r="AD22091" i="1"/>
  <c r="AD22092" i="1"/>
  <c r="AD22093" i="1"/>
  <c r="AD22094" i="1"/>
  <c r="AD22095" i="1"/>
  <c r="AD22096" i="1"/>
  <c r="AD22097" i="1"/>
  <c r="AD22098" i="1"/>
  <c r="AD22099" i="1"/>
  <c r="AD22100" i="1"/>
  <c r="AD22101" i="1"/>
  <c r="AD22102" i="1"/>
  <c r="AD22103" i="1"/>
  <c r="AD22104" i="1"/>
  <c r="AD22105" i="1"/>
  <c r="AD22106" i="1"/>
  <c r="AD22107" i="1"/>
  <c r="AD22108" i="1"/>
  <c r="AD22109" i="1"/>
  <c r="AD22110" i="1"/>
  <c r="AD22111" i="1"/>
  <c r="AD22112" i="1"/>
  <c r="AD22113" i="1"/>
  <c r="AD22114" i="1"/>
  <c r="AD22115" i="1"/>
  <c r="AD22116" i="1"/>
  <c r="AD22117" i="1"/>
  <c r="AD22118" i="1"/>
  <c r="AD22119" i="1"/>
  <c r="AD22120" i="1"/>
  <c r="AD22121" i="1"/>
  <c r="AD22122" i="1"/>
  <c r="AD22123" i="1"/>
  <c r="AD22124" i="1"/>
  <c r="AD22125" i="1"/>
  <c r="AD22126" i="1"/>
  <c r="AD22127" i="1"/>
  <c r="AD22128" i="1"/>
  <c r="AD22129" i="1"/>
  <c r="AD22130" i="1"/>
  <c r="AD22131" i="1"/>
  <c r="AD22132" i="1"/>
  <c r="AD22133" i="1"/>
  <c r="AD22134" i="1"/>
  <c r="AD22135" i="1"/>
  <c r="AD22136" i="1"/>
  <c r="AD22137" i="1"/>
  <c r="AD22138" i="1"/>
  <c r="AD22139" i="1"/>
  <c r="AD22140" i="1"/>
  <c r="AD22141" i="1"/>
  <c r="AD22142" i="1"/>
  <c r="AD22143" i="1"/>
  <c r="AD22144" i="1"/>
  <c r="AD22145" i="1"/>
  <c r="AD22146" i="1"/>
  <c r="AD22147" i="1"/>
  <c r="AD22148" i="1"/>
  <c r="AD22149" i="1"/>
  <c r="AD22150" i="1"/>
  <c r="AD22151" i="1"/>
  <c r="AD22152" i="1"/>
  <c r="AD22153" i="1"/>
  <c r="AD22154" i="1"/>
  <c r="AD22155" i="1"/>
  <c r="AD22156" i="1"/>
  <c r="AD22157" i="1"/>
  <c r="AD22158" i="1"/>
  <c r="AD22159" i="1"/>
  <c r="AD22160" i="1"/>
  <c r="AD22161" i="1"/>
  <c r="AD22162" i="1"/>
  <c r="AD22163" i="1"/>
  <c r="AD22164" i="1"/>
  <c r="AD22165" i="1"/>
  <c r="AD22166" i="1"/>
  <c r="AD22167" i="1"/>
  <c r="AD22168" i="1"/>
  <c r="AD22169" i="1"/>
  <c r="AD22170" i="1"/>
  <c r="AD22171" i="1"/>
  <c r="AD22172" i="1"/>
  <c r="AD22173" i="1"/>
  <c r="AD22174" i="1"/>
  <c r="AD22175" i="1"/>
  <c r="AD22176" i="1"/>
  <c r="AD22177" i="1"/>
  <c r="AD22178" i="1"/>
  <c r="AD22179" i="1"/>
  <c r="AD22180" i="1"/>
  <c r="AD22181" i="1"/>
  <c r="AD22182" i="1"/>
  <c r="AD22183" i="1"/>
  <c r="AD22184" i="1"/>
  <c r="AD22185" i="1"/>
  <c r="AD22186" i="1"/>
  <c r="AD22187" i="1"/>
  <c r="AD22188" i="1"/>
  <c r="AD22189" i="1"/>
  <c r="AD22190" i="1"/>
  <c r="AD22191" i="1"/>
  <c r="AD22192" i="1"/>
  <c r="AD22193" i="1"/>
  <c r="AD22194" i="1"/>
  <c r="AD22195" i="1"/>
  <c r="AD22196" i="1"/>
  <c r="AD22197" i="1"/>
  <c r="AD22198" i="1"/>
  <c r="AD22199" i="1"/>
  <c r="AD22200" i="1"/>
  <c r="AD22201" i="1"/>
  <c r="AD22202" i="1"/>
  <c r="AD22203" i="1"/>
  <c r="AD22204" i="1"/>
  <c r="AD22205" i="1"/>
  <c r="AD22206" i="1"/>
  <c r="AD22207" i="1"/>
  <c r="AD22208" i="1"/>
  <c r="AD22209" i="1"/>
  <c r="AD22210" i="1"/>
  <c r="AD22211" i="1"/>
  <c r="AD22212" i="1"/>
  <c r="AD22213" i="1"/>
  <c r="AD22214" i="1"/>
  <c r="AD22215" i="1"/>
  <c r="AD22216" i="1"/>
  <c r="AD22217" i="1"/>
  <c r="AD22218" i="1"/>
  <c r="AD22219" i="1"/>
  <c r="AD22220" i="1"/>
  <c r="AD22221" i="1"/>
  <c r="AD22222" i="1"/>
  <c r="AD22223" i="1"/>
  <c r="AD22224" i="1"/>
  <c r="AD22225" i="1"/>
  <c r="AD22226" i="1"/>
  <c r="AD22227" i="1"/>
  <c r="AD22228" i="1"/>
  <c r="AD22229" i="1"/>
  <c r="AD22230" i="1"/>
  <c r="AD22231" i="1"/>
  <c r="AD22232" i="1"/>
  <c r="AD22233" i="1"/>
  <c r="AD22234" i="1"/>
  <c r="AD22235" i="1"/>
  <c r="AD22236" i="1"/>
  <c r="AD22237" i="1"/>
  <c r="AD22238" i="1"/>
  <c r="AD22239" i="1"/>
  <c r="AD22240" i="1"/>
  <c r="AD22241" i="1"/>
  <c r="AD22242" i="1"/>
  <c r="AD22243" i="1"/>
  <c r="AD22244" i="1"/>
  <c r="AD22245" i="1"/>
  <c r="AD22246" i="1"/>
  <c r="AD22247" i="1"/>
  <c r="AD22248" i="1"/>
  <c r="AD22249" i="1"/>
  <c r="AD22250" i="1"/>
  <c r="AD22251" i="1"/>
  <c r="AD22252" i="1"/>
  <c r="AD22253" i="1"/>
  <c r="AD22254" i="1"/>
  <c r="AD22255" i="1"/>
  <c r="AD22256" i="1"/>
  <c r="AD22257" i="1"/>
  <c r="AD22258" i="1"/>
  <c r="AD22259" i="1"/>
  <c r="AD22260" i="1"/>
  <c r="AD22261" i="1"/>
  <c r="AD22262" i="1"/>
  <c r="AD22263" i="1"/>
  <c r="AD22264" i="1"/>
  <c r="AD22265" i="1"/>
  <c r="AD22266" i="1"/>
  <c r="AD22267" i="1"/>
  <c r="AD22268" i="1"/>
  <c r="AD22269" i="1"/>
  <c r="AD22270" i="1"/>
  <c r="AD22271" i="1"/>
  <c r="AD22272" i="1"/>
  <c r="AD22273" i="1"/>
  <c r="AD22274" i="1"/>
  <c r="AD22275" i="1"/>
  <c r="AD22276" i="1"/>
  <c r="AD22277" i="1"/>
  <c r="AD22278" i="1"/>
  <c r="AD22279" i="1"/>
  <c r="AD22280" i="1"/>
  <c r="AD22281" i="1"/>
  <c r="AD22282" i="1"/>
  <c r="AD22283" i="1"/>
  <c r="AD22284" i="1"/>
  <c r="AD22285" i="1"/>
  <c r="AD22286" i="1"/>
  <c r="AD22287" i="1"/>
  <c r="AD22288" i="1"/>
  <c r="AD22289" i="1"/>
  <c r="AD22290" i="1"/>
  <c r="AD22291" i="1"/>
  <c r="AD22292" i="1"/>
  <c r="AD22293" i="1"/>
  <c r="AD22294" i="1"/>
  <c r="AD22295" i="1"/>
  <c r="AD22296" i="1"/>
  <c r="AD22297" i="1"/>
  <c r="AD22298" i="1"/>
  <c r="AD22299" i="1"/>
  <c r="AD22300" i="1"/>
  <c r="AD22301" i="1"/>
  <c r="AD22302" i="1"/>
  <c r="AD22303" i="1"/>
  <c r="AD22304" i="1"/>
  <c r="AD22305" i="1"/>
  <c r="AD22306" i="1"/>
  <c r="AD22307" i="1"/>
  <c r="AD22308" i="1"/>
  <c r="AD22309" i="1"/>
  <c r="AD22310" i="1"/>
  <c r="AD22311" i="1"/>
  <c r="AD22312" i="1"/>
  <c r="AD22313" i="1"/>
  <c r="AD22314" i="1"/>
  <c r="AD22315" i="1"/>
  <c r="AD22316" i="1"/>
  <c r="AD22317" i="1"/>
  <c r="AD22318" i="1"/>
  <c r="AD22319" i="1"/>
  <c r="AD22320" i="1"/>
  <c r="AD22321" i="1"/>
  <c r="AD22322" i="1"/>
  <c r="AD22323" i="1"/>
  <c r="AD22324" i="1"/>
  <c r="AD22325" i="1"/>
  <c r="AD22326" i="1"/>
  <c r="AD22327" i="1"/>
  <c r="AD22328" i="1"/>
  <c r="AD22329" i="1"/>
  <c r="AD22330" i="1"/>
  <c r="AD22331" i="1"/>
  <c r="AD22332" i="1"/>
  <c r="AD22333" i="1"/>
  <c r="AD22334" i="1"/>
  <c r="AD22335" i="1"/>
  <c r="AD22336" i="1"/>
  <c r="AD22337" i="1"/>
  <c r="AD22338" i="1"/>
  <c r="AD22339" i="1"/>
  <c r="AD22340" i="1"/>
  <c r="AD22341" i="1"/>
  <c r="AD22342" i="1"/>
  <c r="AD22343" i="1"/>
  <c r="AD22344" i="1"/>
  <c r="AD22345" i="1"/>
  <c r="AD22346" i="1"/>
  <c r="AD22347" i="1"/>
  <c r="AD22348" i="1"/>
  <c r="AD22349" i="1"/>
  <c r="AD22350" i="1"/>
  <c r="AD22351" i="1"/>
  <c r="AD22352" i="1"/>
  <c r="AD22353" i="1"/>
  <c r="AD22354" i="1"/>
  <c r="AD22355" i="1"/>
  <c r="AD22356" i="1"/>
  <c r="AD22357" i="1"/>
  <c r="AD22358" i="1"/>
  <c r="AD22359" i="1"/>
  <c r="AD22360" i="1"/>
  <c r="AD22361" i="1"/>
  <c r="AD22362" i="1"/>
  <c r="AD22363" i="1"/>
  <c r="AD22364" i="1"/>
  <c r="AD22365" i="1"/>
  <c r="AD22366" i="1"/>
  <c r="AD22367" i="1"/>
  <c r="AD22368" i="1"/>
  <c r="AD22369" i="1"/>
  <c r="AD22370" i="1"/>
  <c r="AD22371" i="1"/>
  <c r="AD22372" i="1"/>
  <c r="AD22373" i="1"/>
  <c r="AD22374" i="1"/>
  <c r="AD22375" i="1"/>
  <c r="AD22376" i="1"/>
  <c r="AD22377" i="1"/>
  <c r="AD22378" i="1"/>
  <c r="AD22379" i="1"/>
  <c r="AD22380" i="1"/>
  <c r="AD22381" i="1"/>
  <c r="AD22382" i="1"/>
  <c r="AD22383" i="1"/>
  <c r="AD22384" i="1"/>
  <c r="AD22385" i="1"/>
  <c r="AD22386" i="1"/>
  <c r="AD22387" i="1"/>
  <c r="AD22388" i="1"/>
  <c r="AD22389" i="1"/>
  <c r="AD22390" i="1"/>
  <c r="AD22391" i="1"/>
  <c r="AD22392" i="1"/>
  <c r="AD22393" i="1"/>
  <c r="AD22394" i="1"/>
  <c r="AD22395" i="1"/>
  <c r="AD22396" i="1"/>
  <c r="AD22397" i="1"/>
  <c r="AD22398" i="1"/>
  <c r="AD22399" i="1"/>
  <c r="AD22400" i="1"/>
  <c r="AD22401" i="1"/>
  <c r="AD22402" i="1"/>
  <c r="AD22403" i="1"/>
  <c r="AD22404" i="1"/>
  <c r="AD22405" i="1"/>
  <c r="AD22406" i="1"/>
  <c r="AD22407" i="1"/>
  <c r="AD22408" i="1"/>
  <c r="AD22409" i="1"/>
  <c r="AD22410" i="1"/>
  <c r="AD22411" i="1"/>
  <c r="AD22412" i="1"/>
  <c r="AD22413" i="1"/>
  <c r="AD22414" i="1"/>
  <c r="AD22415" i="1"/>
  <c r="AD22416" i="1"/>
  <c r="AD22417" i="1"/>
  <c r="AD22418" i="1"/>
  <c r="AD22419" i="1"/>
  <c r="AD22420" i="1"/>
  <c r="AD22421" i="1"/>
  <c r="AD22422" i="1"/>
  <c r="AD22423" i="1"/>
  <c r="AD22424" i="1"/>
  <c r="AD22425" i="1"/>
  <c r="AD22426" i="1"/>
  <c r="AD22427" i="1"/>
  <c r="AD22428" i="1"/>
  <c r="AD22429" i="1"/>
  <c r="AD22430" i="1"/>
  <c r="AD22431" i="1"/>
  <c r="AD22432" i="1"/>
  <c r="AD22433" i="1"/>
  <c r="AD22434" i="1"/>
  <c r="AD22435" i="1"/>
  <c r="AD22436" i="1"/>
  <c r="AD22437" i="1"/>
  <c r="AD22438" i="1"/>
  <c r="AD22439" i="1"/>
  <c r="AD22440" i="1"/>
  <c r="AD22441" i="1"/>
  <c r="AD22442" i="1"/>
  <c r="AD22443" i="1"/>
  <c r="AD22444" i="1"/>
  <c r="AD22445" i="1"/>
  <c r="AD22446" i="1"/>
  <c r="AD22447" i="1"/>
  <c r="AD22448" i="1"/>
  <c r="AD22449" i="1"/>
  <c r="AD22450" i="1"/>
  <c r="AD22451" i="1"/>
  <c r="AD22452" i="1"/>
  <c r="AD22453" i="1"/>
  <c r="AD22454" i="1"/>
  <c r="AD22455" i="1"/>
  <c r="AD22456" i="1"/>
  <c r="AD22457" i="1"/>
  <c r="AD22458" i="1"/>
  <c r="AD22459" i="1"/>
  <c r="AD22460" i="1"/>
  <c r="AD22461" i="1"/>
  <c r="AD22462" i="1"/>
  <c r="AD22463" i="1"/>
  <c r="AD22464" i="1"/>
  <c r="AD22465" i="1"/>
  <c r="AD22466" i="1"/>
  <c r="AD22467" i="1"/>
  <c r="AD22468" i="1"/>
  <c r="AD22469" i="1"/>
  <c r="AD22470" i="1"/>
  <c r="AD22471" i="1"/>
  <c r="AD22472" i="1"/>
  <c r="AD22473" i="1"/>
  <c r="AD22474" i="1"/>
  <c r="AD22475" i="1"/>
  <c r="AD22476" i="1"/>
  <c r="AD22477" i="1"/>
  <c r="AD22478" i="1"/>
  <c r="AD22479" i="1"/>
  <c r="AD22480" i="1"/>
  <c r="AD22481" i="1"/>
  <c r="AD22482" i="1"/>
  <c r="AD22483" i="1"/>
  <c r="AD22484" i="1"/>
  <c r="AD22485" i="1"/>
  <c r="AD22486" i="1"/>
  <c r="AD22487" i="1"/>
  <c r="AD22488" i="1"/>
  <c r="AD22489" i="1"/>
  <c r="AD22490" i="1"/>
  <c r="AD22491" i="1"/>
  <c r="AD22492" i="1"/>
  <c r="AD22493" i="1"/>
  <c r="AD22494" i="1"/>
  <c r="AD22495" i="1"/>
  <c r="AD22496" i="1"/>
  <c r="AD22497" i="1"/>
  <c r="AD22498" i="1"/>
  <c r="AD22499" i="1"/>
  <c r="AD22500" i="1"/>
  <c r="AD22501" i="1"/>
  <c r="AD22502" i="1"/>
  <c r="AD22503" i="1"/>
  <c r="AD22504" i="1"/>
  <c r="AD22505" i="1"/>
  <c r="AD22506" i="1"/>
  <c r="AD22507" i="1"/>
  <c r="AD22508" i="1"/>
  <c r="AD22509" i="1"/>
  <c r="AD22510" i="1"/>
  <c r="AD22511" i="1"/>
  <c r="AD22512" i="1"/>
  <c r="AD22513" i="1"/>
  <c r="AD22514" i="1"/>
  <c r="AD22515" i="1"/>
  <c r="AD22516" i="1"/>
  <c r="AD22517" i="1"/>
  <c r="AD22518" i="1"/>
  <c r="AD22519" i="1"/>
  <c r="AD22520" i="1"/>
  <c r="AD22521" i="1"/>
  <c r="AD22522" i="1"/>
  <c r="AD22523" i="1"/>
  <c r="AD22524" i="1"/>
  <c r="AD22525" i="1"/>
  <c r="AD22526" i="1"/>
  <c r="AD22527" i="1"/>
  <c r="AD22528" i="1"/>
  <c r="AD22529" i="1"/>
  <c r="AD22530" i="1"/>
  <c r="AD22531" i="1"/>
  <c r="AD22532" i="1"/>
  <c r="AD22533" i="1"/>
  <c r="AD22534" i="1"/>
  <c r="AD22535" i="1"/>
  <c r="AD22536" i="1"/>
  <c r="AD22537" i="1"/>
  <c r="AD22538" i="1"/>
  <c r="AD22539" i="1"/>
  <c r="AD22540" i="1"/>
  <c r="AD22541" i="1"/>
  <c r="AD22542" i="1"/>
  <c r="AD22543" i="1"/>
  <c r="AD22544" i="1"/>
  <c r="AD22545" i="1"/>
  <c r="AD22546" i="1"/>
  <c r="AD22547" i="1"/>
  <c r="AD22548" i="1"/>
  <c r="AD22549" i="1"/>
  <c r="AD22550" i="1"/>
  <c r="AD22551" i="1"/>
  <c r="AD22552" i="1"/>
  <c r="AD22553" i="1"/>
  <c r="AD22554" i="1"/>
  <c r="AD22555" i="1"/>
  <c r="AD22556" i="1"/>
  <c r="AD22557" i="1"/>
  <c r="AD22558" i="1"/>
  <c r="AD22559" i="1"/>
  <c r="AD22560" i="1"/>
  <c r="AD22561" i="1"/>
  <c r="AD22562" i="1"/>
  <c r="AD22563" i="1"/>
  <c r="AD22564" i="1"/>
  <c r="AD22565" i="1"/>
  <c r="AD22566" i="1"/>
  <c r="AD22567" i="1"/>
  <c r="AD22568" i="1"/>
  <c r="AD22569" i="1"/>
  <c r="AD22570" i="1"/>
  <c r="AD22571" i="1"/>
  <c r="AD22572" i="1"/>
  <c r="AD22573" i="1"/>
  <c r="AD22574" i="1"/>
  <c r="AD22575" i="1"/>
  <c r="AD22576" i="1"/>
  <c r="AD22577" i="1"/>
  <c r="AD22578" i="1"/>
  <c r="AD22579" i="1"/>
  <c r="AD22580" i="1"/>
  <c r="AD22581" i="1"/>
  <c r="AD22582" i="1"/>
  <c r="AD22583" i="1"/>
  <c r="AD22584" i="1"/>
  <c r="AD22585" i="1"/>
  <c r="AD22586" i="1"/>
  <c r="AD22587" i="1"/>
  <c r="AD22588" i="1"/>
  <c r="AD22589" i="1"/>
  <c r="AD22590" i="1"/>
  <c r="AD22591" i="1"/>
  <c r="AD22592" i="1"/>
  <c r="AD22593" i="1"/>
  <c r="AD22594" i="1"/>
  <c r="AD22595" i="1"/>
  <c r="AD22596" i="1"/>
  <c r="AD22597" i="1"/>
  <c r="AD22598" i="1"/>
  <c r="AD22599" i="1"/>
  <c r="AD22600" i="1"/>
  <c r="AD22601" i="1"/>
  <c r="AD22602" i="1"/>
  <c r="AD22603" i="1"/>
  <c r="AD22604" i="1"/>
  <c r="AD22605" i="1"/>
  <c r="AD22606" i="1"/>
  <c r="AD22607" i="1"/>
  <c r="AD22608" i="1"/>
  <c r="AD22609" i="1"/>
  <c r="AD22610" i="1"/>
  <c r="AD22611" i="1"/>
  <c r="AD22612" i="1"/>
  <c r="AD22613" i="1"/>
  <c r="AD22614" i="1"/>
  <c r="AD22615" i="1"/>
  <c r="AD22616" i="1"/>
  <c r="AD22617" i="1"/>
  <c r="AD22618" i="1"/>
  <c r="AD22619" i="1"/>
  <c r="AD22620" i="1"/>
  <c r="AD22621" i="1"/>
  <c r="AD22622" i="1"/>
  <c r="AD22623" i="1"/>
  <c r="AD22624" i="1"/>
  <c r="AD22625" i="1"/>
  <c r="AD22626" i="1"/>
  <c r="AD22627" i="1"/>
  <c r="AD22628" i="1"/>
  <c r="AD22629" i="1"/>
  <c r="AD22630" i="1"/>
  <c r="AD22631" i="1"/>
  <c r="AD22632" i="1"/>
  <c r="AD22633" i="1"/>
  <c r="AD22634" i="1"/>
  <c r="AD22635" i="1"/>
  <c r="AD22636" i="1"/>
  <c r="AD22637" i="1"/>
  <c r="AD22638" i="1"/>
  <c r="AD22639" i="1"/>
  <c r="AD22640" i="1"/>
  <c r="AD22641" i="1"/>
  <c r="AD22642" i="1"/>
  <c r="AD22643" i="1"/>
  <c r="AD22644" i="1"/>
  <c r="AD22645" i="1"/>
  <c r="AD22646" i="1"/>
  <c r="AD22647" i="1"/>
  <c r="AD22648" i="1"/>
  <c r="AD22649" i="1"/>
  <c r="AD22650" i="1"/>
  <c r="AD22651" i="1"/>
  <c r="AD22652" i="1"/>
  <c r="AD22653" i="1"/>
  <c r="AD22654" i="1"/>
  <c r="AD22655" i="1"/>
  <c r="AD22656" i="1"/>
  <c r="AD22657" i="1"/>
  <c r="AD22658" i="1"/>
  <c r="AD22659" i="1"/>
  <c r="AD22660" i="1"/>
  <c r="AD22661" i="1"/>
  <c r="AD22662" i="1"/>
  <c r="AD22663" i="1"/>
  <c r="AD22664" i="1"/>
  <c r="AD22665" i="1"/>
  <c r="AD22666" i="1"/>
  <c r="AD22667" i="1"/>
  <c r="AD22668" i="1"/>
  <c r="AD22669" i="1"/>
  <c r="AD22670" i="1"/>
  <c r="AD22671" i="1"/>
  <c r="AD22672" i="1"/>
  <c r="AD22673" i="1"/>
  <c r="AD22674" i="1"/>
  <c r="AD22675" i="1"/>
  <c r="AD22676" i="1"/>
  <c r="AD22677" i="1"/>
  <c r="AD22678" i="1"/>
  <c r="AD22679" i="1"/>
  <c r="AD22680" i="1"/>
  <c r="AD22681" i="1"/>
  <c r="AD22682" i="1"/>
  <c r="AD22683" i="1"/>
  <c r="AD22684" i="1"/>
  <c r="AD22685" i="1"/>
  <c r="AD22686" i="1"/>
  <c r="AD22687" i="1"/>
  <c r="AD22688" i="1"/>
  <c r="AD22689" i="1"/>
  <c r="AD22690" i="1"/>
  <c r="AD22691" i="1"/>
  <c r="AD22692" i="1"/>
  <c r="AD22693" i="1"/>
  <c r="AD22694" i="1"/>
  <c r="AD22695" i="1"/>
  <c r="AD22696" i="1"/>
  <c r="AD22697" i="1"/>
  <c r="AD22698" i="1"/>
  <c r="AD22699" i="1"/>
  <c r="AD22700" i="1"/>
  <c r="AD22701" i="1"/>
  <c r="AD22702" i="1"/>
  <c r="AD22703" i="1"/>
  <c r="AD22704" i="1"/>
  <c r="AD22705" i="1"/>
  <c r="AD22706" i="1"/>
  <c r="AD22707" i="1"/>
  <c r="AD22708" i="1"/>
  <c r="AD22709" i="1"/>
  <c r="AD22710" i="1"/>
  <c r="AD22711" i="1"/>
  <c r="AD22712" i="1"/>
  <c r="AD22713" i="1"/>
  <c r="AD22714" i="1"/>
  <c r="AD22715" i="1"/>
  <c r="AD22716" i="1"/>
  <c r="AD22717" i="1"/>
  <c r="AD22718" i="1"/>
  <c r="AD22719" i="1"/>
  <c r="AD22720" i="1"/>
  <c r="AD22721" i="1"/>
  <c r="AD22722" i="1"/>
  <c r="AD22723" i="1"/>
  <c r="AD22724" i="1"/>
  <c r="AD22725" i="1"/>
  <c r="AD22726" i="1"/>
  <c r="AD22727" i="1"/>
  <c r="AD22728" i="1"/>
  <c r="AD22729" i="1"/>
  <c r="AD22730" i="1"/>
  <c r="AD22731" i="1"/>
  <c r="AD22732" i="1"/>
  <c r="AD22733" i="1"/>
  <c r="AD22734" i="1"/>
  <c r="AD22735" i="1"/>
  <c r="AD22736" i="1"/>
  <c r="AD22737" i="1"/>
  <c r="AD22738" i="1"/>
  <c r="AD22739" i="1"/>
  <c r="AD22740" i="1"/>
  <c r="AD22741" i="1"/>
  <c r="AD22742" i="1"/>
  <c r="AD22743" i="1"/>
  <c r="AD22744" i="1"/>
  <c r="AD22745" i="1"/>
  <c r="AD22746" i="1"/>
  <c r="AD22747" i="1"/>
  <c r="AD22748" i="1"/>
  <c r="AD22749" i="1"/>
  <c r="AD22750" i="1"/>
  <c r="AD22751" i="1"/>
  <c r="AD22752" i="1"/>
  <c r="AD22753" i="1"/>
  <c r="AD22754" i="1"/>
  <c r="AD22755" i="1"/>
  <c r="AD22756" i="1"/>
  <c r="AD22757" i="1"/>
  <c r="AD22758" i="1"/>
  <c r="AD22759" i="1"/>
  <c r="AD22760" i="1"/>
  <c r="AD22761" i="1"/>
  <c r="AD22762" i="1"/>
  <c r="AD22763" i="1"/>
  <c r="AD22764" i="1"/>
  <c r="AD22765" i="1"/>
  <c r="AD22766" i="1"/>
  <c r="AD22767" i="1"/>
  <c r="AD22768" i="1"/>
  <c r="AD22769" i="1"/>
  <c r="AD22770" i="1"/>
  <c r="AD22771" i="1"/>
  <c r="AD22772" i="1"/>
  <c r="AD22773" i="1"/>
  <c r="AD22774" i="1"/>
  <c r="AD22775" i="1"/>
  <c r="AD22776" i="1"/>
  <c r="AD22777" i="1"/>
  <c r="AD22778" i="1"/>
  <c r="AD22779" i="1"/>
  <c r="AD22780" i="1"/>
  <c r="AD22781" i="1"/>
  <c r="AD22782" i="1"/>
  <c r="AD22783" i="1"/>
  <c r="AD22784" i="1"/>
  <c r="AD22785" i="1"/>
  <c r="AD22786" i="1"/>
  <c r="AD22787" i="1"/>
  <c r="AD22788" i="1"/>
  <c r="AD22789" i="1"/>
  <c r="AD22790" i="1"/>
  <c r="AD22791" i="1"/>
  <c r="AD22792" i="1"/>
  <c r="AD22793" i="1"/>
  <c r="AD22794" i="1"/>
  <c r="AD22795" i="1"/>
  <c r="AD22796" i="1"/>
  <c r="AD22797" i="1"/>
  <c r="AD22798" i="1"/>
  <c r="AD22799" i="1"/>
  <c r="AD22800" i="1"/>
  <c r="AD22801" i="1"/>
  <c r="AD22802" i="1"/>
  <c r="AD22803" i="1"/>
  <c r="AD22804" i="1"/>
  <c r="AD22805" i="1"/>
  <c r="AD22806" i="1"/>
  <c r="AD22807" i="1"/>
  <c r="AD22808" i="1"/>
  <c r="AD22809" i="1"/>
  <c r="AD22810" i="1"/>
  <c r="AD22811" i="1"/>
  <c r="AD22812" i="1"/>
  <c r="AD22813" i="1"/>
  <c r="AD22814" i="1"/>
  <c r="AD22815" i="1"/>
  <c r="AD22816" i="1"/>
  <c r="AD22817" i="1"/>
  <c r="AD22818" i="1"/>
  <c r="AD22819" i="1"/>
  <c r="AD22820" i="1"/>
  <c r="AD22821" i="1"/>
  <c r="AD22822" i="1"/>
  <c r="AD22823" i="1"/>
  <c r="AD22824" i="1"/>
  <c r="AD22825" i="1"/>
  <c r="AD22826" i="1"/>
  <c r="AD22827" i="1"/>
  <c r="AD22828" i="1"/>
  <c r="AD22829" i="1"/>
  <c r="AD22830" i="1"/>
  <c r="AD22831" i="1"/>
  <c r="AD22832" i="1"/>
  <c r="AD22833" i="1"/>
  <c r="AD22834" i="1"/>
  <c r="AD22835" i="1"/>
  <c r="AD22836" i="1"/>
  <c r="AD22837" i="1"/>
  <c r="AD22838" i="1"/>
  <c r="AD22839" i="1"/>
  <c r="AD22840" i="1"/>
  <c r="AD22841" i="1"/>
  <c r="AD22842" i="1"/>
  <c r="AD22843" i="1"/>
  <c r="AD22844" i="1"/>
  <c r="AD22845" i="1"/>
  <c r="AD22846" i="1"/>
  <c r="AD22847" i="1"/>
  <c r="AD22848" i="1"/>
  <c r="AD22849" i="1"/>
  <c r="AD22850" i="1"/>
  <c r="AD22851" i="1"/>
  <c r="AD22852" i="1"/>
  <c r="AD22853" i="1"/>
  <c r="AD22854" i="1"/>
  <c r="AD22855" i="1"/>
  <c r="AD22856" i="1"/>
  <c r="AD22857" i="1"/>
  <c r="AD22858" i="1"/>
  <c r="AD22859" i="1"/>
  <c r="AD22860" i="1"/>
  <c r="AD22861" i="1"/>
  <c r="AD22862" i="1"/>
  <c r="AD22863" i="1"/>
  <c r="AD22864" i="1"/>
  <c r="AD22865" i="1"/>
  <c r="AD22866" i="1"/>
  <c r="AD22867" i="1"/>
  <c r="AD22868" i="1"/>
  <c r="AD22869" i="1"/>
  <c r="AD22870" i="1"/>
  <c r="AD22871" i="1"/>
  <c r="AD22872" i="1"/>
  <c r="AD22873" i="1"/>
  <c r="AD22874" i="1"/>
  <c r="AD22875" i="1"/>
  <c r="AD22876" i="1"/>
  <c r="AD22877" i="1"/>
  <c r="AD22878" i="1"/>
  <c r="AD22879" i="1"/>
  <c r="AD22880" i="1"/>
  <c r="AD22881" i="1"/>
  <c r="AD22882" i="1"/>
  <c r="AD22883" i="1"/>
  <c r="AD22884" i="1"/>
  <c r="AD22885" i="1"/>
  <c r="AD22886" i="1"/>
  <c r="AD22887" i="1"/>
  <c r="AD22888" i="1"/>
  <c r="AD22889" i="1"/>
  <c r="AD22890" i="1"/>
  <c r="AD22891" i="1"/>
  <c r="AD22892" i="1"/>
  <c r="AD22893" i="1"/>
  <c r="AD22894" i="1"/>
  <c r="AD22895" i="1"/>
  <c r="AD22896" i="1"/>
  <c r="AD22897" i="1"/>
  <c r="AD22898" i="1"/>
  <c r="AD22899" i="1"/>
  <c r="AD22900" i="1"/>
  <c r="AD22901" i="1"/>
  <c r="AD22902" i="1"/>
  <c r="AD22903" i="1"/>
  <c r="AD22904" i="1"/>
  <c r="AD22905" i="1"/>
  <c r="AD22906" i="1"/>
  <c r="AD22907" i="1"/>
  <c r="AD22908" i="1"/>
  <c r="AD22909" i="1"/>
  <c r="AD22910" i="1"/>
  <c r="AD22911" i="1"/>
  <c r="AD22912" i="1"/>
  <c r="AD22913" i="1"/>
  <c r="AD22914" i="1"/>
  <c r="AD22915" i="1"/>
  <c r="AD22916" i="1"/>
  <c r="AD22917" i="1"/>
  <c r="AD22918" i="1"/>
  <c r="AD22919" i="1"/>
  <c r="AD22920" i="1"/>
  <c r="AD22921" i="1"/>
  <c r="AD22922" i="1"/>
  <c r="AD22923" i="1"/>
  <c r="AD22924" i="1"/>
  <c r="AD22925" i="1"/>
  <c r="AD22926" i="1"/>
  <c r="AD22927" i="1"/>
  <c r="AD22928" i="1"/>
  <c r="AD22929" i="1"/>
  <c r="AD22930" i="1"/>
  <c r="AD22931" i="1"/>
  <c r="AD22932" i="1"/>
  <c r="AD22933" i="1"/>
  <c r="AD22934" i="1"/>
  <c r="AD22935" i="1"/>
  <c r="AD22936" i="1"/>
  <c r="AD22937" i="1"/>
  <c r="AD22938" i="1"/>
  <c r="AD22939" i="1"/>
  <c r="AD22940" i="1"/>
  <c r="AD22941" i="1"/>
  <c r="AD22942" i="1"/>
  <c r="AD22943" i="1"/>
  <c r="AD22944" i="1"/>
  <c r="AD22945" i="1"/>
  <c r="AD22946" i="1"/>
  <c r="AD22947" i="1"/>
  <c r="AD22948" i="1"/>
  <c r="AD22949" i="1"/>
  <c r="AD22950" i="1"/>
  <c r="AD22951" i="1"/>
  <c r="AD22952" i="1"/>
  <c r="AD22953" i="1"/>
  <c r="AD22954" i="1"/>
  <c r="AD22955" i="1"/>
  <c r="AD22956" i="1"/>
  <c r="AD22957" i="1"/>
  <c r="AD22958" i="1"/>
  <c r="AD22959" i="1"/>
  <c r="AD22960" i="1"/>
  <c r="AD22961" i="1"/>
  <c r="AD22962" i="1"/>
  <c r="AD22963" i="1"/>
  <c r="AD22964" i="1"/>
  <c r="AD22965" i="1"/>
  <c r="AD22966" i="1"/>
  <c r="AD22967" i="1"/>
  <c r="AD22968" i="1"/>
  <c r="AD22969" i="1"/>
  <c r="AD22970" i="1"/>
  <c r="AD22971" i="1"/>
  <c r="AD22972" i="1"/>
  <c r="AD22973" i="1"/>
  <c r="AD22974" i="1"/>
  <c r="AD22975" i="1"/>
  <c r="AD22976" i="1"/>
  <c r="AD22977" i="1"/>
  <c r="AD22978" i="1"/>
  <c r="AD22979" i="1"/>
  <c r="AD22980" i="1"/>
  <c r="AD22981" i="1"/>
  <c r="AD22982" i="1"/>
  <c r="AD22983" i="1"/>
  <c r="AD22984" i="1"/>
  <c r="AD22985" i="1"/>
  <c r="AD22986" i="1"/>
  <c r="AD22987" i="1"/>
  <c r="AD22988" i="1"/>
  <c r="AD22989" i="1"/>
  <c r="AD22990" i="1"/>
  <c r="AD22991" i="1"/>
  <c r="AD22992" i="1"/>
  <c r="AD22993" i="1"/>
  <c r="AD22994" i="1"/>
  <c r="AD22995" i="1"/>
  <c r="AD22996" i="1"/>
  <c r="AD22997" i="1"/>
  <c r="AD22998" i="1"/>
  <c r="AD22999" i="1"/>
  <c r="AD23000" i="1"/>
  <c r="AD23001" i="1"/>
  <c r="AD23002" i="1"/>
  <c r="AD23003" i="1"/>
  <c r="AD23004" i="1"/>
  <c r="AD23005" i="1"/>
  <c r="AD23006" i="1"/>
  <c r="AD23007" i="1"/>
  <c r="AD23008" i="1"/>
  <c r="AD23009" i="1"/>
  <c r="AD23010" i="1"/>
  <c r="AD23011" i="1"/>
  <c r="AD23012" i="1"/>
  <c r="AD23013" i="1"/>
  <c r="AD23014" i="1"/>
  <c r="AD23015" i="1"/>
  <c r="AD23016" i="1"/>
  <c r="AD23017" i="1"/>
  <c r="AD23018" i="1"/>
  <c r="AD23019" i="1"/>
  <c r="AD23020" i="1"/>
  <c r="AD23021" i="1"/>
  <c r="AD23022" i="1"/>
  <c r="AD23023" i="1"/>
  <c r="AD23024" i="1"/>
  <c r="AD23025" i="1"/>
  <c r="AD23026" i="1"/>
  <c r="AD23027" i="1"/>
  <c r="AD23028" i="1"/>
  <c r="AD23029" i="1"/>
  <c r="AD23030" i="1"/>
  <c r="AD23031" i="1"/>
  <c r="AD23032" i="1"/>
  <c r="AD23033" i="1"/>
  <c r="AD23034" i="1"/>
  <c r="AD23035" i="1"/>
  <c r="AD23036" i="1"/>
  <c r="AD23037" i="1"/>
  <c r="AD23038" i="1"/>
  <c r="AD23039" i="1"/>
  <c r="AD23040" i="1"/>
  <c r="AD23041" i="1"/>
  <c r="AD23042" i="1"/>
  <c r="AD23043" i="1"/>
  <c r="AD23044" i="1"/>
  <c r="AD23045" i="1"/>
  <c r="AD23046" i="1"/>
  <c r="AD23047" i="1"/>
  <c r="AD23048" i="1"/>
  <c r="AD23049" i="1"/>
  <c r="AD23050" i="1"/>
  <c r="AD23051" i="1"/>
  <c r="AD23052" i="1"/>
  <c r="AD23053" i="1"/>
  <c r="AD23054" i="1"/>
  <c r="AD23055" i="1"/>
  <c r="AD23056" i="1"/>
  <c r="AD23057" i="1"/>
  <c r="AD23058" i="1"/>
  <c r="AD23059" i="1"/>
  <c r="AD23060" i="1"/>
  <c r="AD23061" i="1"/>
  <c r="AD23062" i="1"/>
  <c r="AD23063" i="1"/>
  <c r="AD23064" i="1"/>
  <c r="AD23065" i="1"/>
  <c r="AD23066" i="1"/>
  <c r="AD23067" i="1"/>
  <c r="AD23068" i="1"/>
  <c r="AD23069" i="1"/>
  <c r="AD23070" i="1"/>
  <c r="AD23071" i="1"/>
  <c r="AD23072" i="1"/>
  <c r="AD23073" i="1"/>
  <c r="AD23074" i="1"/>
  <c r="AD23075" i="1"/>
  <c r="AD23076" i="1"/>
  <c r="AD23077" i="1"/>
  <c r="AD23078" i="1"/>
  <c r="AD23079" i="1"/>
  <c r="AD23080" i="1"/>
  <c r="AD23081" i="1"/>
  <c r="AD23082" i="1"/>
  <c r="AD23083" i="1"/>
  <c r="AD23084" i="1"/>
  <c r="AD23085" i="1"/>
  <c r="AD23086" i="1"/>
  <c r="AD23087" i="1"/>
  <c r="AD23088" i="1"/>
  <c r="AD23089" i="1"/>
  <c r="AD23090" i="1"/>
  <c r="AD23091" i="1"/>
  <c r="AD23092" i="1"/>
  <c r="AD23093" i="1"/>
  <c r="AD23094" i="1"/>
  <c r="AD23095" i="1"/>
  <c r="AD23096" i="1"/>
  <c r="AD23097" i="1"/>
  <c r="AD23098" i="1"/>
  <c r="AD23099" i="1"/>
  <c r="AD23100" i="1"/>
  <c r="AD23101" i="1"/>
  <c r="AD23102" i="1"/>
  <c r="AD23103" i="1"/>
  <c r="AD23104" i="1"/>
  <c r="AD23105" i="1"/>
  <c r="AD23106" i="1"/>
  <c r="AD23107" i="1"/>
  <c r="AD23108" i="1"/>
  <c r="AD23109" i="1"/>
  <c r="AD23110" i="1"/>
  <c r="AD23111" i="1"/>
  <c r="AD23112" i="1"/>
  <c r="AD23113" i="1"/>
  <c r="AD23114" i="1"/>
  <c r="AD23115" i="1"/>
  <c r="AD23116" i="1"/>
  <c r="AD23117" i="1"/>
  <c r="AD23118" i="1"/>
  <c r="AD23119" i="1"/>
  <c r="AD23120" i="1"/>
  <c r="AD23121" i="1"/>
  <c r="AD23122" i="1"/>
  <c r="AD23123" i="1"/>
  <c r="AD23124" i="1"/>
  <c r="AD23125" i="1"/>
  <c r="AD23126" i="1"/>
  <c r="AD23127" i="1"/>
  <c r="AD23128" i="1"/>
  <c r="AD23129" i="1"/>
  <c r="AD23130" i="1"/>
  <c r="AD23131" i="1"/>
  <c r="AD23132" i="1"/>
  <c r="AD23133" i="1"/>
  <c r="AD23134" i="1"/>
  <c r="AD23135" i="1"/>
  <c r="AD23136" i="1"/>
  <c r="AD23137" i="1"/>
  <c r="AD23138" i="1"/>
  <c r="AD23139" i="1"/>
  <c r="AD23140" i="1"/>
  <c r="AD23141" i="1"/>
  <c r="AD23142" i="1"/>
  <c r="AD23143" i="1"/>
  <c r="AD23144" i="1"/>
  <c r="AD23145" i="1"/>
  <c r="AD23146" i="1"/>
  <c r="AD23147" i="1"/>
  <c r="AD23148" i="1"/>
  <c r="AD23149" i="1"/>
  <c r="AD23150" i="1"/>
  <c r="AD23151" i="1"/>
  <c r="AD23152" i="1"/>
  <c r="AD23153" i="1"/>
  <c r="AD23154" i="1"/>
  <c r="AD23155" i="1"/>
  <c r="AD23156" i="1"/>
  <c r="AD23157" i="1"/>
  <c r="AD23158" i="1"/>
  <c r="AD23159" i="1"/>
  <c r="AD23160" i="1"/>
  <c r="AD23161" i="1"/>
  <c r="AD23162" i="1"/>
  <c r="AD23163" i="1"/>
  <c r="AD23164" i="1"/>
  <c r="AD23165" i="1"/>
  <c r="AD23166" i="1"/>
  <c r="AD23167" i="1"/>
  <c r="AD23168" i="1"/>
  <c r="AD23169" i="1"/>
  <c r="AD23170" i="1"/>
  <c r="AD23171" i="1"/>
  <c r="AD23172" i="1"/>
  <c r="AD23173" i="1"/>
  <c r="AD23174" i="1"/>
  <c r="AD23175" i="1"/>
  <c r="AD23176" i="1"/>
  <c r="AD23177" i="1"/>
  <c r="AD23178" i="1"/>
  <c r="AD23179" i="1"/>
  <c r="AD23180" i="1"/>
  <c r="AD23181" i="1"/>
  <c r="AD23182" i="1"/>
  <c r="AD23183" i="1"/>
  <c r="AD23184" i="1"/>
  <c r="AD23185" i="1"/>
  <c r="AD23186" i="1"/>
  <c r="AD23187" i="1"/>
  <c r="AD23188" i="1"/>
  <c r="AD23189" i="1"/>
  <c r="AD23190" i="1"/>
  <c r="AD23191" i="1"/>
  <c r="AD23192" i="1"/>
  <c r="AD23193" i="1"/>
  <c r="AD23194" i="1"/>
  <c r="AD23195" i="1"/>
  <c r="AD23196" i="1"/>
  <c r="AD23197" i="1"/>
  <c r="AD23198" i="1"/>
  <c r="AD23199" i="1"/>
  <c r="AD23200" i="1"/>
  <c r="AD23201" i="1"/>
  <c r="AD23202" i="1"/>
  <c r="AD23203" i="1"/>
  <c r="AD23204" i="1"/>
  <c r="AD23205" i="1"/>
  <c r="AD23206" i="1"/>
  <c r="AD23207" i="1"/>
  <c r="AD23208" i="1"/>
  <c r="AD23209" i="1"/>
  <c r="AD23210" i="1"/>
  <c r="AD23211" i="1"/>
  <c r="AD23212" i="1"/>
  <c r="AD23213" i="1"/>
  <c r="AD23214" i="1"/>
  <c r="AD23215" i="1"/>
  <c r="AD23216" i="1"/>
  <c r="AD23217" i="1"/>
  <c r="AD23218" i="1"/>
  <c r="AD23219" i="1"/>
  <c r="AD23220" i="1"/>
  <c r="AD23221" i="1"/>
  <c r="AD23222" i="1"/>
  <c r="AD23223" i="1"/>
  <c r="AD23224" i="1"/>
  <c r="AD23225" i="1"/>
  <c r="AD23226" i="1"/>
  <c r="AD23227" i="1"/>
  <c r="AD23228" i="1"/>
  <c r="AD23229" i="1"/>
  <c r="AD23230" i="1"/>
  <c r="AD23231" i="1"/>
  <c r="AD23232" i="1"/>
  <c r="AD23233" i="1"/>
  <c r="AD23234" i="1"/>
  <c r="AD23235" i="1"/>
  <c r="AD23236" i="1"/>
  <c r="AD23237" i="1"/>
  <c r="AD23238" i="1"/>
  <c r="AD23239" i="1"/>
  <c r="AD23240" i="1"/>
  <c r="AD23241" i="1"/>
  <c r="AD23242" i="1"/>
  <c r="AD23243" i="1"/>
  <c r="AD23244" i="1"/>
  <c r="AD23245" i="1"/>
  <c r="AD23246" i="1"/>
  <c r="AD23247" i="1"/>
  <c r="AD23248" i="1"/>
  <c r="AD23249" i="1"/>
  <c r="AD23250" i="1"/>
  <c r="AD23251" i="1"/>
  <c r="AD23252" i="1"/>
  <c r="AD23253" i="1"/>
  <c r="AD23254" i="1"/>
  <c r="AD23255" i="1"/>
  <c r="AD23256" i="1"/>
  <c r="AD23257" i="1"/>
  <c r="AD23258" i="1"/>
  <c r="AD23259" i="1"/>
  <c r="AD23260" i="1"/>
  <c r="AD23261" i="1"/>
  <c r="AD23262" i="1"/>
  <c r="AD23263" i="1"/>
  <c r="AD23264" i="1"/>
  <c r="AD23265" i="1"/>
  <c r="AD23266" i="1"/>
  <c r="AD23267" i="1"/>
  <c r="AD23268" i="1"/>
  <c r="AD23269" i="1"/>
  <c r="AD23270" i="1"/>
  <c r="AD23271" i="1"/>
  <c r="AD23272" i="1"/>
  <c r="AD23273" i="1"/>
  <c r="AD23274" i="1"/>
  <c r="AD23275" i="1"/>
  <c r="AD23276" i="1"/>
  <c r="AD23277" i="1"/>
  <c r="AD23278" i="1"/>
  <c r="AD23279" i="1"/>
  <c r="AD23280" i="1"/>
  <c r="AD23281" i="1"/>
  <c r="AD23282" i="1"/>
  <c r="AD23283" i="1"/>
  <c r="AD23284" i="1"/>
  <c r="AD23285" i="1"/>
  <c r="AD23286" i="1"/>
  <c r="AD23287" i="1"/>
  <c r="AD23288" i="1"/>
  <c r="AD23289" i="1"/>
  <c r="AD23290" i="1"/>
  <c r="AD23291" i="1"/>
  <c r="AD23292" i="1"/>
  <c r="AD23293" i="1"/>
  <c r="AD23294" i="1"/>
  <c r="AD23295" i="1"/>
  <c r="AD23296" i="1"/>
  <c r="AD23297" i="1"/>
  <c r="AD23298" i="1"/>
  <c r="AD23299" i="1"/>
  <c r="AD23300" i="1"/>
  <c r="AD23301" i="1"/>
  <c r="AD23302" i="1"/>
  <c r="AD23303" i="1"/>
  <c r="AD23304" i="1"/>
  <c r="AD23305" i="1"/>
  <c r="AD23306" i="1"/>
  <c r="AD23307" i="1"/>
  <c r="AD23308" i="1"/>
  <c r="AD23309" i="1"/>
  <c r="AD23310" i="1"/>
  <c r="AD23311" i="1"/>
  <c r="AD23312" i="1"/>
  <c r="AD23313" i="1"/>
  <c r="AD23314" i="1"/>
  <c r="AD23315" i="1"/>
  <c r="AD23316" i="1"/>
  <c r="AD23317" i="1"/>
  <c r="AD23318" i="1"/>
  <c r="AD23319" i="1"/>
  <c r="AD23320" i="1"/>
  <c r="AD23321" i="1"/>
  <c r="AD23322" i="1"/>
  <c r="AD23323" i="1"/>
  <c r="AD23324" i="1"/>
  <c r="AD23325" i="1"/>
  <c r="AD23326" i="1"/>
  <c r="AD23327" i="1"/>
  <c r="AD23328" i="1"/>
  <c r="AD23329" i="1"/>
  <c r="AD23330" i="1"/>
  <c r="AD23331" i="1"/>
  <c r="AD23332" i="1"/>
  <c r="AD23333" i="1"/>
  <c r="AD23334" i="1"/>
  <c r="AD23335" i="1"/>
  <c r="AD23336" i="1"/>
  <c r="AD23337" i="1"/>
  <c r="AD23338" i="1"/>
  <c r="AD23339" i="1"/>
  <c r="AD23340" i="1"/>
  <c r="AD23341" i="1"/>
  <c r="AD23342" i="1"/>
  <c r="AD23343" i="1"/>
  <c r="AD23344" i="1"/>
  <c r="AD23345" i="1"/>
  <c r="AD23346" i="1"/>
  <c r="AD23347" i="1"/>
  <c r="AD23348" i="1"/>
  <c r="AD23349" i="1"/>
  <c r="AD23350" i="1"/>
  <c r="AD23351" i="1"/>
  <c r="AD23352" i="1"/>
  <c r="AD23353" i="1"/>
  <c r="AD23354" i="1"/>
  <c r="AD23355" i="1"/>
  <c r="AD23356" i="1"/>
  <c r="AD23357" i="1"/>
  <c r="AD23358" i="1"/>
  <c r="AD23359" i="1"/>
  <c r="AD23360" i="1"/>
  <c r="AD23361" i="1"/>
  <c r="AD23362" i="1"/>
  <c r="AD23363" i="1"/>
  <c r="AD23364" i="1"/>
  <c r="AD23365" i="1"/>
  <c r="AD23366" i="1"/>
  <c r="AD23367" i="1"/>
  <c r="AD23368" i="1"/>
  <c r="AD23369" i="1"/>
  <c r="AD23370" i="1"/>
  <c r="AD23371" i="1"/>
  <c r="AD23372" i="1"/>
  <c r="AD23373" i="1"/>
  <c r="AD23374" i="1"/>
  <c r="AD23375" i="1"/>
  <c r="AD23376" i="1"/>
  <c r="AD23377" i="1"/>
  <c r="AD23378" i="1"/>
  <c r="AD23379" i="1"/>
  <c r="AD23380" i="1"/>
  <c r="AD23381" i="1"/>
  <c r="AD23382" i="1"/>
  <c r="AD23383" i="1"/>
  <c r="AD23384" i="1"/>
  <c r="AD23385" i="1"/>
  <c r="AD23386" i="1"/>
  <c r="AD23387" i="1"/>
  <c r="AD23388" i="1"/>
  <c r="AD23389" i="1"/>
  <c r="AD23390" i="1"/>
  <c r="AD23391" i="1"/>
  <c r="AD23392" i="1"/>
  <c r="AD23393" i="1"/>
  <c r="AD23394" i="1"/>
  <c r="AD23395" i="1"/>
  <c r="AD23396" i="1"/>
  <c r="AD23397" i="1"/>
  <c r="AD23398" i="1"/>
  <c r="AD23399" i="1"/>
  <c r="AD23400" i="1"/>
  <c r="AD23401" i="1"/>
  <c r="AD23402" i="1"/>
  <c r="AD23403" i="1"/>
  <c r="AD23404" i="1"/>
  <c r="AD23405" i="1"/>
  <c r="AD23406" i="1"/>
  <c r="AD23407" i="1"/>
  <c r="AD23408" i="1"/>
  <c r="AD23409" i="1"/>
  <c r="AD23410" i="1"/>
  <c r="AD23411" i="1"/>
  <c r="AD23412" i="1"/>
  <c r="AD23413" i="1"/>
  <c r="AD23414" i="1"/>
  <c r="AD23415" i="1"/>
  <c r="AD23416" i="1"/>
  <c r="AD23417" i="1"/>
  <c r="AD23418" i="1"/>
  <c r="AD23419" i="1"/>
  <c r="AD23420" i="1"/>
  <c r="AD23421" i="1"/>
  <c r="AD23422" i="1"/>
  <c r="AD23423" i="1"/>
  <c r="AD23424" i="1"/>
  <c r="AD23425" i="1"/>
  <c r="AD23426" i="1"/>
  <c r="AD23427" i="1"/>
  <c r="AD23428" i="1"/>
  <c r="AD23429" i="1"/>
  <c r="AD23430" i="1"/>
  <c r="AD23431" i="1"/>
  <c r="AD23432" i="1"/>
  <c r="AD23433" i="1"/>
  <c r="AD23434" i="1"/>
  <c r="AD23435" i="1"/>
  <c r="AD23436" i="1"/>
  <c r="AD23437" i="1"/>
  <c r="AD23438" i="1"/>
  <c r="AD23439" i="1"/>
  <c r="AD23440" i="1"/>
  <c r="AD23441" i="1"/>
  <c r="AD23442" i="1"/>
  <c r="AD23443" i="1"/>
  <c r="AD23444" i="1"/>
  <c r="AD23445" i="1"/>
  <c r="AD23446" i="1"/>
  <c r="AD23447" i="1"/>
  <c r="AD23448" i="1"/>
  <c r="AD23449" i="1"/>
  <c r="AD23450" i="1"/>
  <c r="AD23451" i="1"/>
  <c r="AD23452" i="1"/>
  <c r="AD23453" i="1"/>
  <c r="AD23454" i="1"/>
  <c r="AD23455" i="1"/>
  <c r="AD23456" i="1"/>
  <c r="AD23457" i="1"/>
  <c r="AD23458" i="1"/>
  <c r="AD23459" i="1"/>
  <c r="AD23460" i="1"/>
  <c r="AD23461" i="1"/>
  <c r="AD23462" i="1"/>
  <c r="AD23463" i="1"/>
  <c r="AD23464" i="1"/>
  <c r="AD23465" i="1"/>
  <c r="AD23466" i="1"/>
  <c r="AD23467" i="1"/>
  <c r="AD23468" i="1"/>
  <c r="AD23469" i="1"/>
  <c r="AD23470" i="1"/>
  <c r="AD23471" i="1"/>
  <c r="AD23472" i="1"/>
  <c r="AD23473" i="1"/>
  <c r="AD23474" i="1"/>
  <c r="AD23475" i="1"/>
  <c r="AD23476" i="1"/>
  <c r="AD23477" i="1"/>
  <c r="AD23478" i="1"/>
  <c r="AD23479" i="1"/>
  <c r="AD23480" i="1"/>
  <c r="AD23481" i="1"/>
  <c r="AD23482" i="1"/>
  <c r="AD23483" i="1"/>
  <c r="AD23484" i="1"/>
  <c r="AD23485" i="1"/>
  <c r="AD23486" i="1"/>
  <c r="AD23487" i="1"/>
  <c r="AD23488" i="1"/>
  <c r="AD23489" i="1"/>
  <c r="AD23490" i="1"/>
  <c r="AD23491" i="1"/>
  <c r="AD23492" i="1"/>
  <c r="AD23493" i="1"/>
  <c r="AD23494" i="1"/>
  <c r="AD23495" i="1"/>
  <c r="AD23496" i="1"/>
  <c r="AD23497" i="1"/>
  <c r="AD23498" i="1"/>
  <c r="AD23499" i="1"/>
  <c r="AD23500" i="1"/>
  <c r="AD23501" i="1"/>
  <c r="AD23502" i="1"/>
  <c r="AD23503" i="1"/>
  <c r="AD23504" i="1"/>
  <c r="AD23505" i="1"/>
  <c r="AD23506" i="1"/>
  <c r="AD23507" i="1"/>
  <c r="AD23508" i="1"/>
  <c r="AD23509" i="1"/>
  <c r="AD23510" i="1"/>
  <c r="AD23511" i="1"/>
  <c r="AD23512" i="1"/>
  <c r="AD23513" i="1"/>
  <c r="AD23514" i="1"/>
  <c r="AD23515" i="1"/>
  <c r="AD23516" i="1"/>
  <c r="AD23517" i="1"/>
  <c r="AD23518" i="1"/>
  <c r="AD23519" i="1"/>
  <c r="AD23520" i="1"/>
  <c r="AD23521" i="1"/>
  <c r="AD23522" i="1"/>
  <c r="AD23523" i="1"/>
  <c r="AD23524" i="1"/>
  <c r="AD23525" i="1"/>
  <c r="AD23526" i="1"/>
  <c r="AD23527" i="1"/>
  <c r="AD23528" i="1"/>
  <c r="AD23529" i="1"/>
  <c r="AD23530" i="1"/>
  <c r="AD23531" i="1"/>
  <c r="AD23532" i="1"/>
  <c r="AD23533" i="1"/>
  <c r="AD23534" i="1"/>
  <c r="AD23535" i="1"/>
  <c r="AD23536" i="1"/>
  <c r="AD23537" i="1"/>
  <c r="AD23538" i="1"/>
  <c r="AD23539" i="1"/>
  <c r="AD23540" i="1"/>
  <c r="AD23541" i="1"/>
  <c r="AD23542" i="1"/>
  <c r="AD23543" i="1"/>
  <c r="AD23544" i="1"/>
  <c r="AD23545" i="1"/>
  <c r="AD23546" i="1"/>
  <c r="AD23547" i="1"/>
  <c r="AD23548" i="1"/>
  <c r="AD23549" i="1"/>
  <c r="AD23550" i="1"/>
  <c r="AD23551" i="1"/>
  <c r="AD23552" i="1"/>
  <c r="AD23553" i="1"/>
  <c r="AD23554" i="1"/>
  <c r="AD23555" i="1"/>
  <c r="AD23556" i="1"/>
  <c r="AD23557" i="1"/>
  <c r="AD23558" i="1"/>
  <c r="AD23559" i="1"/>
  <c r="AD23560" i="1"/>
  <c r="AD23561" i="1"/>
  <c r="AD23562" i="1"/>
  <c r="AD23563" i="1"/>
  <c r="AD23564" i="1"/>
  <c r="AD23565" i="1"/>
  <c r="AD23566" i="1"/>
  <c r="AD23567" i="1"/>
  <c r="AD23568" i="1"/>
  <c r="AD23569" i="1"/>
  <c r="AD23570" i="1"/>
  <c r="AD23571" i="1"/>
  <c r="AD23572" i="1"/>
  <c r="AD23573" i="1"/>
  <c r="AD23574" i="1"/>
  <c r="AD23575" i="1"/>
  <c r="AD23576" i="1"/>
  <c r="AD23577" i="1"/>
  <c r="AD23578" i="1"/>
  <c r="AD23579" i="1"/>
  <c r="AD23580" i="1"/>
  <c r="AD23581" i="1"/>
  <c r="AD23582" i="1"/>
  <c r="AD23583" i="1"/>
  <c r="AD23584" i="1"/>
  <c r="AD23585" i="1"/>
  <c r="AD23586" i="1"/>
  <c r="AD23587" i="1"/>
  <c r="AD23588" i="1"/>
  <c r="AD23589" i="1"/>
  <c r="AD23590" i="1"/>
  <c r="AD23591" i="1"/>
  <c r="AD23592" i="1"/>
  <c r="AD23593" i="1"/>
  <c r="AD23594" i="1"/>
  <c r="AD23595" i="1"/>
  <c r="AD23596" i="1"/>
  <c r="AD23597" i="1"/>
  <c r="AD23598" i="1"/>
  <c r="AD23599" i="1"/>
  <c r="AD23600" i="1"/>
  <c r="AD23601" i="1"/>
  <c r="AD23602" i="1"/>
  <c r="AD23603" i="1"/>
  <c r="AD23604" i="1"/>
  <c r="AD23605" i="1"/>
  <c r="AD23606" i="1"/>
  <c r="AD23607" i="1"/>
  <c r="AD23608" i="1"/>
  <c r="AD23609" i="1"/>
  <c r="AD23610" i="1"/>
  <c r="AD23611" i="1"/>
  <c r="AD23612" i="1"/>
  <c r="AD23613" i="1"/>
  <c r="AD23614" i="1"/>
  <c r="AD23615" i="1"/>
  <c r="AD23616" i="1"/>
  <c r="AD23617" i="1"/>
  <c r="AD23618" i="1"/>
  <c r="AD23619" i="1"/>
  <c r="AD23620" i="1"/>
  <c r="AD23621" i="1"/>
  <c r="AD23622" i="1"/>
  <c r="AD23623" i="1"/>
  <c r="AD23624" i="1"/>
  <c r="AD23625" i="1"/>
  <c r="AD23626" i="1"/>
  <c r="AD23627" i="1"/>
  <c r="AD23628" i="1"/>
  <c r="AD23629" i="1"/>
  <c r="AD23630" i="1"/>
  <c r="AD23631" i="1"/>
  <c r="AD23632" i="1"/>
  <c r="AD23633" i="1"/>
  <c r="AD23634" i="1"/>
  <c r="AD23635" i="1"/>
  <c r="AD23636" i="1"/>
  <c r="AD23637" i="1"/>
  <c r="AD23638" i="1"/>
  <c r="AD23639" i="1"/>
  <c r="AD23640" i="1"/>
  <c r="AD23641" i="1"/>
  <c r="AD23642" i="1"/>
  <c r="AD23643" i="1"/>
  <c r="AD23644" i="1"/>
  <c r="AD23645" i="1"/>
  <c r="AD23646" i="1"/>
  <c r="AD23647" i="1"/>
  <c r="AD23648" i="1"/>
  <c r="AD23649" i="1"/>
  <c r="AD23650" i="1"/>
  <c r="AD23651" i="1"/>
  <c r="AD23652" i="1"/>
  <c r="AD23653" i="1"/>
  <c r="AD23654" i="1"/>
  <c r="AD23655" i="1"/>
  <c r="AD23656" i="1"/>
  <c r="AD23657" i="1"/>
  <c r="AD23658" i="1"/>
  <c r="AD23659" i="1"/>
  <c r="AD23660" i="1"/>
  <c r="AD23661" i="1"/>
  <c r="AD23662" i="1"/>
  <c r="AD23663" i="1"/>
  <c r="AD23664" i="1"/>
  <c r="AD23665" i="1"/>
  <c r="AD23666" i="1"/>
  <c r="AD23667" i="1"/>
  <c r="AD23668" i="1"/>
  <c r="AD23669" i="1"/>
  <c r="AD23670" i="1"/>
  <c r="AD23671" i="1"/>
  <c r="AD23672" i="1"/>
  <c r="AD23673" i="1"/>
  <c r="AD23674" i="1"/>
  <c r="AD23675" i="1"/>
  <c r="AD23676" i="1"/>
  <c r="AD23677" i="1"/>
  <c r="AD23678" i="1"/>
  <c r="AD23679" i="1"/>
  <c r="AD23680" i="1"/>
  <c r="AD23681" i="1"/>
  <c r="AD23682" i="1"/>
  <c r="AD23683" i="1"/>
  <c r="AD23684" i="1"/>
  <c r="AD23685" i="1"/>
  <c r="AD23686" i="1"/>
  <c r="AD23687" i="1"/>
  <c r="AD23688" i="1"/>
  <c r="AD23689" i="1"/>
  <c r="AD23690" i="1"/>
  <c r="AD23691" i="1"/>
  <c r="AD23692" i="1"/>
  <c r="AD23693" i="1"/>
  <c r="AD23694" i="1"/>
  <c r="AD23695" i="1"/>
  <c r="AD23696" i="1"/>
  <c r="AD23697" i="1"/>
  <c r="AD23698" i="1"/>
  <c r="AD23699" i="1"/>
  <c r="AD23700" i="1"/>
  <c r="AD23701" i="1"/>
  <c r="AD23702" i="1"/>
  <c r="AD23703" i="1"/>
  <c r="AD23704" i="1"/>
  <c r="AD23705" i="1"/>
  <c r="AD23706" i="1"/>
  <c r="AD23707" i="1"/>
  <c r="AD23708" i="1"/>
  <c r="AD23709" i="1"/>
  <c r="AD23710" i="1"/>
  <c r="AD23711" i="1"/>
  <c r="AD23712" i="1"/>
  <c r="AD23713" i="1"/>
  <c r="AD23714" i="1"/>
  <c r="AD23715" i="1"/>
  <c r="AD23716" i="1"/>
  <c r="AD23717" i="1"/>
  <c r="AD23718" i="1"/>
  <c r="AD23719" i="1"/>
  <c r="AD23720" i="1"/>
  <c r="AD23721" i="1"/>
  <c r="AD23722" i="1"/>
  <c r="AD23723" i="1"/>
  <c r="AD23724" i="1"/>
  <c r="AD23725" i="1"/>
  <c r="AD23726" i="1"/>
  <c r="AD23727" i="1"/>
  <c r="AD23728" i="1"/>
  <c r="AD23729" i="1"/>
  <c r="AD23730" i="1"/>
  <c r="AD23731" i="1"/>
  <c r="AD23732" i="1"/>
  <c r="AD23733" i="1"/>
  <c r="AD23734" i="1"/>
  <c r="AD23735" i="1"/>
  <c r="AD23736" i="1"/>
  <c r="AD23737" i="1"/>
  <c r="AD23738" i="1"/>
  <c r="AD23739" i="1"/>
  <c r="AD23740" i="1"/>
  <c r="AD23741" i="1"/>
  <c r="AD23742" i="1"/>
  <c r="AD23743" i="1"/>
  <c r="AD23744" i="1"/>
  <c r="AD23745" i="1"/>
  <c r="AD23746" i="1"/>
  <c r="AD23747" i="1"/>
  <c r="AD23748" i="1"/>
  <c r="AD23749" i="1"/>
  <c r="AD23750" i="1"/>
  <c r="AD23751" i="1"/>
  <c r="AD23752" i="1"/>
  <c r="AD23753" i="1"/>
  <c r="AD23754" i="1"/>
  <c r="AD23755" i="1"/>
  <c r="AD23756" i="1"/>
  <c r="AD23757" i="1"/>
  <c r="AD23758" i="1"/>
  <c r="AD23759" i="1"/>
  <c r="AD23760" i="1"/>
  <c r="AD23761" i="1"/>
  <c r="AD23762" i="1"/>
  <c r="AD23763" i="1"/>
  <c r="AD23764" i="1"/>
  <c r="AD23765" i="1"/>
  <c r="AD23766" i="1"/>
  <c r="AD23767" i="1"/>
  <c r="AD23768" i="1"/>
  <c r="AD23769" i="1"/>
  <c r="AD23770" i="1"/>
  <c r="AD23771" i="1"/>
  <c r="AD23772" i="1"/>
  <c r="AD23773" i="1"/>
  <c r="AD23774" i="1"/>
  <c r="AD23775" i="1"/>
  <c r="AD23776" i="1"/>
  <c r="AD23777" i="1"/>
  <c r="AD23778" i="1"/>
  <c r="AD23779" i="1"/>
  <c r="AD23780" i="1"/>
  <c r="AD23781" i="1"/>
  <c r="AD23782" i="1"/>
  <c r="AD23783" i="1"/>
  <c r="AD23784" i="1"/>
  <c r="AD23785" i="1"/>
  <c r="AD23786" i="1"/>
  <c r="AD23787" i="1"/>
  <c r="AD23788" i="1"/>
  <c r="AD23789" i="1"/>
  <c r="AD23790" i="1"/>
  <c r="AD23791" i="1"/>
  <c r="AD23792" i="1"/>
  <c r="AD23793" i="1"/>
  <c r="AD23794" i="1"/>
  <c r="AD23795" i="1"/>
  <c r="AD23796" i="1"/>
  <c r="AD23797" i="1"/>
  <c r="AD23798" i="1"/>
  <c r="AD23799" i="1"/>
  <c r="AD23800" i="1"/>
  <c r="AD23801" i="1"/>
  <c r="AD23802" i="1"/>
  <c r="AD23803" i="1"/>
  <c r="AD23804" i="1"/>
  <c r="AD23805" i="1"/>
  <c r="AD23806" i="1"/>
  <c r="AD23807" i="1"/>
  <c r="AD23808" i="1"/>
  <c r="AD23809" i="1"/>
  <c r="AD23810" i="1"/>
  <c r="AD23811" i="1"/>
  <c r="AD23812" i="1"/>
  <c r="AD23813" i="1"/>
  <c r="AD23814" i="1"/>
  <c r="AD23815" i="1"/>
  <c r="AD23816" i="1"/>
  <c r="AD23817" i="1"/>
  <c r="AD23818" i="1"/>
  <c r="AD23819" i="1"/>
  <c r="AD23820" i="1"/>
  <c r="AD23821" i="1"/>
  <c r="AD23822" i="1"/>
  <c r="AD23823" i="1"/>
  <c r="AD23824" i="1"/>
  <c r="AD23825" i="1"/>
  <c r="AD23826" i="1"/>
  <c r="AD23827" i="1"/>
  <c r="AD23828" i="1"/>
  <c r="AD23829" i="1"/>
  <c r="AD23830" i="1"/>
  <c r="AD23831" i="1"/>
  <c r="AD23832" i="1"/>
  <c r="AD23833" i="1"/>
  <c r="AD23834" i="1"/>
  <c r="AD23835" i="1"/>
  <c r="AD23836" i="1"/>
  <c r="AD23837" i="1"/>
  <c r="AD23838" i="1"/>
  <c r="AD23839" i="1"/>
  <c r="AD23840" i="1"/>
  <c r="AD23841" i="1"/>
  <c r="AD23842" i="1"/>
  <c r="AD23843" i="1"/>
  <c r="AD23844" i="1"/>
  <c r="AD23845" i="1"/>
  <c r="AD23846" i="1"/>
  <c r="AD23847" i="1"/>
  <c r="AD23848" i="1"/>
  <c r="AD23849" i="1"/>
  <c r="AD23850" i="1"/>
  <c r="AD23851" i="1"/>
  <c r="AD23852" i="1"/>
  <c r="AD23853" i="1"/>
  <c r="AD23854" i="1"/>
  <c r="AD23855" i="1"/>
  <c r="AD23856" i="1"/>
  <c r="AD23857" i="1"/>
  <c r="AD23858" i="1"/>
  <c r="AD23859" i="1"/>
  <c r="AD23860" i="1"/>
  <c r="AD23861" i="1"/>
  <c r="AD23862" i="1"/>
  <c r="AD23863" i="1"/>
  <c r="AD23864" i="1"/>
  <c r="AD23865" i="1"/>
  <c r="AD23866" i="1"/>
  <c r="AD23867" i="1"/>
  <c r="AD23868" i="1"/>
  <c r="AD23869" i="1"/>
  <c r="AD23870" i="1"/>
  <c r="AD23871" i="1"/>
  <c r="AD23872" i="1"/>
  <c r="AD23873" i="1"/>
  <c r="AD23874" i="1"/>
  <c r="AD23875" i="1"/>
  <c r="AD23876" i="1"/>
  <c r="AD23877" i="1"/>
  <c r="AD23878" i="1"/>
  <c r="AD23879" i="1"/>
  <c r="AD23880" i="1"/>
  <c r="AD23881" i="1"/>
  <c r="AD23882" i="1"/>
  <c r="AD23883" i="1"/>
  <c r="AD23884" i="1"/>
  <c r="AD23885" i="1"/>
  <c r="AD23886" i="1"/>
  <c r="AD23887" i="1"/>
  <c r="AD23888" i="1"/>
  <c r="AD23889" i="1"/>
  <c r="AD23890" i="1"/>
  <c r="AD23891" i="1"/>
  <c r="AD23892" i="1"/>
  <c r="AD23893" i="1"/>
  <c r="AD23894" i="1"/>
  <c r="AD23895" i="1"/>
  <c r="AD23896" i="1"/>
  <c r="AD23897" i="1"/>
  <c r="AD23898" i="1"/>
  <c r="AD23899" i="1"/>
  <c r="AD23900" i="1"/>
  <c r="AD23901" i="1"/>
  <c r="AD23902" i="1"/>
  <c r="AD23903" i="1"/>
  <c r="AD23904" i="1"/>
  <c r="AD23905" i="1"/>
  <c r="AD23906" i="1"/>
  <c r="AD23907" i="1"/>
  <c r="AD23908" i="1"/>
  <c r="AD23909" i="1"/>
  <c r="AD23910" i="1"/>
  <c r="AD23911" i="1"/>
  <c r="AD23912" i="1"/>
  <c r="AD23913" i="1"/>
  <c r="AD23914" i="1"/>
  <c r="AD23915" i="1"/>
  <c r="AD23916" i="1"/>
  <c r="AD23917" i="1"/>
  <c r="AD23918" i="1"/>
  <c r="AD23919" i="1"/>
  <c r="AD23920" i="1"/>
  <c r="AD23921" i="1"/>
  <c r="AD23922" i="1"/>
  <c r="AD23923" i="1"/>
  <c r="AD23924" i="1"/>
  <c r="AD23925" i="1"/>
  <c r="AD23926" i="1"/>
  <c r="AD23927" i="1"/>
  <c r="AD23928" i="1"/>
  <c r="AD23929" i="1"/>
  <c r="AD23930" i="1"/>
  <c r="AD23931" i="1"/>
  <c r="AD23932" i="1"/>
  <c r="AD23933" i="1"/>
  <c r="AD23934" i="1"/>
  <c r="AD23935" i="1"/>
  <c r="AD23936" i="1"/>
  <c r="AD23937" i="1"/>
  <c r="AD23938" i="1"/>
  <c r="AD23939" i="1"/>
  <c r="AD23940" i="1"/>
  <c r="AD23941" i="1"/>
  <c r="AD23942" i="1"/>
  <c r="AD23943" i="1"/>
  <c r="AD23944" i="1"/>
  <c r="AD23945" i="1"/>
  <c r="AD23946" i="1"/>
  <c r="AD23947" i="1"/>
  <c r="AD23948" i="1"/>
  <c r="AD23949" i="1"/>
  <c r="AD23950" i="1"/>
  <c r="AD23951" i="1"/>
  <c r="AD23952" i="1"/>
  <c r="AD23953" i="1"/>
  <c r="AD23954" i="1"/>
  <c r="AD23955" i="1"/>
  <c r="AD23956" i="1"/>
  <c r="AD23957" i="1"/>
  <c r="AD23958" i="1"/>
  <c r="AD23959" i="1"/>
  <c r="AD23960" i="1"/>
  <c r="AD23961" i="1"/>
  <c r="AD23962" i="1"/>
  <c r="AD23963" i="1"/>
  <c r="AD23964" i="1"/>
  <c r="AD23965" i="1"/>
  <c r="AD23966" i="1"/>
  <c r="AD23967" i="1"/>
  <c r="AD23968" i="1"/>
  <c r="AD23969" i="1"/>
  <c r="AD23970" i="1"/>
  <c r="AD23971" i="1"/>
  <c r="AD23972" i="1"/>
  <c r="AD23973" i="1"/>
  <c r="AD23974" i="1"/>
  <c r="AD23975" i="1"/>
  <c r="AD23976" i="1"/>
  <c r="AD23977" i="1"/>
  <c r="AD23978" i="1"/>
  <c r="AD23979" i="1"/>
  <c r="AD23980" i="1"/>
  <c r="AD23981" i="1"/>
  <c r="AD23982" i="1"/>
  <c r="AD23983" i="1"/>
  <c r="AD23984" i="1"/>
  <c r="AD23985" i="1"/>
  <c r="AD23986" i="1"/>
  <c r="AD23987" i="1"/>
  <c r="AD23988" i="1"/>
  <c r="AD23989" i="1"/>
  <c r="AD23990" i="1"/>
  <c r="AD23991" i="1"/>
  <c r="AD23992" i="1"/>
  <c r="AD23993" i="1"/>
  <c r="AD23994" i="1"/>
  <c r="AD23995" i="1"/>
  <c r="AD23996" i="1"/>
  <c r="AD23997" i="1"/>
  <c r="AD23998" i="1"/>
  <c r="AD23999" i="1"/>
  <c r="AD24000" i="1"/>
  <c r="AD24001" i="1"/>
  <c r="AD24002" i="1"/>
  <c r="AD24003" i="1"/>
  <c r="AD24004" i="1"/>
  <c r="AD24005" i="1"/>
  <c r="AD24006" i="1"/>
  <c r="AD24007" i="1"/>
  <c r="AD24008" i="1"/>
  <c r="AD24009" i="1"/>
  <c r="AD24010" i="1"/>
  <c r="AD24011" i="1"/>
  <c r="AD24012" i="1"/>
  <c r="AD24013" i="1"/>
  <c r="AD24014" i="1"/>
  <c r="AD24015" i="1"/>
  <c r="AD24016" i="1"/>
  <c r="AD24017" i="1"/>
  <c r="AD24018" i="1"/>
  <c r="AD24019" i="1"/>
  <c r="AD24020" i="1"/>
  <c r="AD24021" i="1"/>
  <c r="AD24022" i="1"/>
  <c r="AD24023" i="1"/>
  <c r="AD24024" i="1"/>
  <c r="AD24025" i="1"/>
  <c r="AD24026" i="1"/>
  <c r="AD24027" i="1"/>
  <c r="AD24028" i="1"/>
  <c r="AD24029" i="1"/>
  <c r="AD24030" i="1"/>
  <c r="AD24031" i="1"/>
  <c r="AD24032" i="1"/>
  <c r="AD24033" i="1"/>
  <c r="AD24034" i="1"/>
  <c r="AD24035" i="1"/>
  <c r="AD24036" i="1"/>
  <c r="AD24037" i="1"/>
  <c r="AD24038" i="1"/>
  <c r="AD24039" i="1"/>
  <c r="AD24040" i="1"/>
  <c r="AD24041" i="1"/>
  <c r="AD24042" i="1"/>
  <c r="AD24043" i="1"/>
  <c r="AD24044" i="1"/>
  <c r="AD24045" i="1"/>
  <c r="AD24046" i="1"/>
  <c r="AD24047" i="1"/>
  <c r="AD24048" i="1"/>
  <c r="AD24049" i="1"/>
  <c r="AD24050" i="1"/>
  <c r="AD24051" i="1"/>
  <c r="AD24052" i="1"/>
  <c r="AD24053" i="1"/>
  <c r="AD24054" i="1"/>
  <c r="AD24055" i="1"/>
  <c r="AD24056" i="1"/>
  <c r="AD24057" i="1"/>
  <c r="AD24058" i="1"/>
  <c r="AD24059" i="1"/>
  <c r="AD24060" i="1"/>
  <c r="AD24061" i="1"/>
  <c r="AD24062" i="1"/>
  <c r="AD24063" i="1"/>
  <c r="AD24064" i="1"/>
  <c r="AD24065" i="1"/>
  <c r="AD24066" i="1"/>
  <c r="AD24067" i="1"/>
  <c r="AD24068" i="1"/>
  <c r="AD24069" i="1"/>
  <c r="AD24070" i="1"/>
  <c r="AD24071" i="1"/>
  <c r="AD24072" i="1"/>
  <c r="AD24073" i="1"/>
  <c r="AD24074" i="1"/>
  <c r="AD24075" i="1"/>
  <c r="AD24076" i="1"/>
  <c r="AD24077" i="1"/>
  <c r="AD24078" i="1"/>
  <c r="AD24079" i="1"/>
  <c r="AD24080" i="1"/>
  <c r="AD24081" i="1"/>
  <c r="AD24082" i="1"/>
  <c r="AD24083" i="1"/>
  <c r="AD24084" i="1"/>
  <c r="AD24085" i="1"/>
  <c r="AD24086" i="1"/>
  <c r="AD24087" i="1"/>
  <c r="AD24088" i="1"/>
  <c r="AD24089" i="1"/>
  <c r="AD24090" i="1"/>
  <c r="AD24091" i="1"/>
  <c r="AD24092" i="1"/>
  <c r="AD24093" i="1"/>
  <c r="AD24094" i="1"/>
  <c r="AD24095" i="1"/>
  <c r="AD24096" i="1"/>
  <c r="AD24097" i="1"/>
  <c r="AD24098" i="1"/>
  <c r="AD24099" i="1"/>
  <c r="AD24100" i="1"/>
  <c r="AD24101" i="1"/>
  <c r="AD24102" i="1"/>
  <c r="AD24103" i="1"/>
  <c r="AD24104" i="1"/>
  <c r="AD24105" i="1"/>
  <c r="AD24106" i="1"/>
  <c r="AD24107" i="1"/>
  <c r="AD24108" i="1"/>
  <c r="AD24109" i="1"/>
  <c r="AD24110" i="1"/>
  <c r="AD24111" i="1"/>
  <c r="AD24112" i="1"/>
  <c r="AD24113" i="1"/>
  <c r="AD24114" i="1"/>
  <c r="AD24115" i="1"/>
  <c r="AD24116" i="1"/>
  <c r="AD24117" i="1"/>
  <c r="AD24118" i="1"/>
  <c r="AD24119" i="1"/>
  <c r="AD24120" i="1"/>
  <c r="AD24121" i="1"/>
  <c r="AD24122" i="1"/>
  <c r="AD24123" i="1"/>
  <c r="AD24124" i="1"/>
  <c r="AD24125" i="1"/>
  <c r="AD24126" i="1"/>
  <c r="AD24127" i="1"/>
  <c r="AD24128" i="1"/>
  <c r="AD24129" i="1"/>
  <c r="AD24130" i="1"/>
  <c r="AD24131" i="1"/>
  <c r="AD24132" i="1"/>
  <c r="AD24133" i="1"/>
  <c r="AD24134" i="1"/>
  <c r="AD24135" i="1"/>
  <c r="AD24136" i="1"/>
  <c r="AD24137" i="1"/>
  <c r="AD24138" i="1"/>
  <c r="AD24139" i="1"/>
  <c r="AD24140" i="1"/>
  <c r="AD24141" i="1"/>
  <c r="AD24142" i="1"/>
  <c r="AD24143" i="1"/>
  <c r="AD24144" i="1"/>
  <c r="AD24145" i="1"/>
  <c r="AD24146" i="1"/>
  <c r="AD24147" i="1"/>
  <c r="AD24148" i="1"/>
  <c r="AD24149" i="1"/>
  <c r="AD24150" i="1"/>
  <c r="AD24151" i="1"/>
  <c r="AD24152" i="1"/>
  <c r="AD24153" i="1"/>
  <c r="AD24154" i="1"/>
  <c r="AD24155" i="1"/>
  <c r="AD24156" i="1"/>
  <c r="AD24157" i="1"/>
  <c r="AD24158" i="1"/>
  <c r="AD24159" i="1"/>
  <c r="AD24160" i="1"/>
  <c r="AD24161" i="1"/>
  <c r="AD24162" i="1"/>
  <c r="AD24163" i="1"/>
  <c r="AD24164" i="1"/>
  <c r="AD24165" i="1"/>
  <c r="AD24166" i="1"/>
  <c r="AD24167" i="1"/>
  <c r="AD24168" i="1"/>
  <c r="AD24169" i="1"/>
  <c r="AD24170" i="1"/>
  <c r="AD24171" i="1"/>
  <c r="AD24172" i="1"/>
  <c r="AD24173" i="1"/>
  <c r="AD24174" i="1"/>
  <c r="AD24175" i="1"/>
  <c r="AD24176" i="1"/>
  <c r="AD24177" i="1"/>
  <c r="AD24178" i="1"/>
  <c r="AD24179" i="1"/>
  <c r="AD24180" i="1"/>
  <c r="AD24181" i="1"/>
  <c r="AD24182" i="1"/>
  <c r="AD24183" i="1"/>
  <c r="AD24184" i="1"/>
  <c r="AD24185" i="1"/>
  <c r="AD24186" i="1"/>
  <c r="AD24187" i="1"/>
  <c r="AD24188" i="1"/>
  <c r="AD24189" i="1"/>
  <c r="AD24190" i="1"/>
  <c r="AD24191" i="1"/>
  <c r="AD24192" i="1"/>
  <c r="AD24193" i="1"/>
  <c r="AD24194" i="1"/>
  <c r="AD24195" i="1"/>
  <c r="AD24196" i="1"/>
  <c r="AD24197" i="1"/>
  <c r="AD24198" i="1"/>
  <c r="AD24199" i="1"/>
  <c r="AD24200" i="1"/>
  <c r="AD24201" i="1"/>
  <c r="AD24202" i="1"/>
  <c r="AD24203" i="1"/>
  <c r="AD24204" i="1"/>
  <c r="AD24205" i="1"/>
  <c r="AD24206" i="1"/>
  <c r="AD24207" i="1"/>
  <c r="AD24208" i="1"/>
  <c r="AD24209" i="1"/>
  <c r="AD24210" i="1"/>
  <c r="AD24211" i="1"/>
  <c r="AD24212" i="1"/>
  <c r="AD24213" i="1"/>
  <c r="AD24214" i="1"/>
  <c r="AD24215" i="1"/>
  <c r="AD24216" i="1"/>
  <c r="AD24217" i="1"/>
  <c r="AD24218" i="1"/>
  <c r="AD24219" i="1"/>
  <c r="AD24220" i="1"/>
  <c r="AD24221" i="1"/>
  <c r="AD24222" i="1"/>
  <c r="AD24223" i="1"/>
  <c r="AD24224" i="1"/>
  <c r="AD24225" i="1"/>
  <c r="AD24226" i="1"/>
  <c r="AD24227" i="1"/>
  <c r="AD24228" i="1"/>
  <c r="AD24229" i="1"/>
  <c r="AD24230" i="1"/>
  <c r="AD24231" i="1"/>
  <c r="AD24232" i="1"/>
  <c r="AD24233" i="1"/>
  <c r="AD24234" i="1"/>
  <c r="AD24235" i="1"/>
  <c r="AD24236" i="1"/>
  <c r="AD24237" i="1"/>
  <c r="AD24238" i="1"/>
  <c r="AD24239" i="1"/>
  <c r="AD24240" i="1"/>
  <c r="AD24241" i="1"/>
  <c r="AD24242" i="1"/>
  <c r="AD24243" i="1"/>
  <c r="AD24244" i="1"/>
  <c r="AD24245" i="1"/>
  <c r="AD24246" i="1"/>
  <c r="AD24247" i="1"/>
  <c r="AD24248" i="1"/>
  <c r="AD24249" i="1"/>
  <c r="AD24250" i="1"/>
  <c r="AD24251" i="1"/>
  <c r="AD24252" i="1"/>
  <c r="AD24253" i="1"/>
  <c r="AD24254" i="1"/>
  <c r="AD24255" i="1"/>
  <c r="AD24256" i="1"/>
  <c r="AD24257" i="1"/>
  <c r="AD24258" i="1"/>
  <c r="AD24259" i="1"/>
  <c r="AD24260" i="1"/>
  <c r="AD24261" i="1"/>
  <c r="AD24262" i="1"/>
  <c r="AD24263" i="1"/>
  <c r="AD24264" i="1"/>
  <c r="AD24265" i="1"/>
  <c r="AD24266" i="1"/>
  <c r="AD24267" i="1"/>
  <c r="AD24268" i="1"/>
  <c r="AD24269" i="1"/>
  <c r="AD24270" i="1"/>
  <c r="AD24271" i="1"/>
  <c r="AD24272" i="1"/>
  <c r="AD24273" i="1"/>
  <c r="AD24274" i="1"/>
  <c r="AD24275" i="1"/>
  <c r="AD24276" i="1"/>
  <c r="AD24277" i="1"/>
  <c r="AD24278" i="1"/>
  <c r="AD24279" i="1"/>
  <c r="AD24280" i="1"/>
  <c r="AD24281" i="1"/>
  <c r="AD24282" i="1"/>
  <c r="AD24283" i="1"/>
  <c r="AD24284" i="1"/>
  <c r="AD24285" i="1"/>
  <c r="AD24286" i="1"/>
  <c r="AD24287" i="1"/>
  <c r="AD24288" i="1"/>
  <c r="AD24289" i="1"/>
  <c r="AD24290" i="1"/>
  <c r="AD24291" i="1"/>
  <c r="AD24292" i="1"/>
  <c r="AD24293" i="1"/>
  <c r="AD24294" i="1"/>
  <c r="AD24295" i="1"/>
  <c r="AD24296" i="1"/>
  <c r="AD24297" i="1"/>
  <c r="AD24298" i="1"/>
  <c r="AD24299" i="1"/>
  <c r="AD24300" i="1"/>
  <c r="AD24301" i="1"/>
  <c r="AD24302" i="1"/>
  <c r="AD24303" i="1"/>
  <c r="AD24304" i="1"/>
  <c r="AD24305" i="1"/>
  <c r="AD24306" i="1"/>
  <c r="AD24307" i="1"/>
  <c r="AD24308" i="1"/>
  <c r="AD24309" i="1"/>
  <c r="AD24310" i="1"/>
  <c r="AD24311" i="1"/>
  <c r="AD24312" i="1"/>
  <c r="AD24313" i="1"/>
  <c r="AD24314" i="1"/>
  <c r="AD24315" i="1"/>
  <c r="AD24316" i="1"/>
  <c r="AD24317" i="1"/>
  <c r="AD24318" i="1"/>
  <c r="AD24319" i="1"/>
  <c r="AD24320" i="1"/>
  <c r="AD24321" i="1"/>
  <c r="AD24322" i="1"/>
  <c r="AD24323" i="1"/>
  <c r="AD24324" i="1"/>
  <c r="AD24325" i="1"/>
  <c r="AD24326" i="1"/>
  <c r="AD24327" i="1"/>
  <c r="AD24328" i="1"/>
  <c r="AD24329" i="1"/>
  <c r="AD24330" i="1"/>
  <c r="AD24331" i="1"/>
  <c r="AD24332" i="1"/>
  <c r="AD24333" i="1"/>
  <c r="AD24334" i="1"/>
  <c r="AD24335" i="1"/>
  <c r="AD24336" i="1"/>
  <c r="AD24337" i="1"/>
  <c r="AD24338" i="1"/>
  <c r="AD24339" i="1"/>
  <c r="AD24340" i="1"/>
  <c r="AD24341" i="1"/>
  <c r="AD24342" i="1"/>
  <c r="AD24343" i="1"/>
  <c r="AD24344" i="1"/>
  <c r="AD24345" i="1"/>
  <c r="AD24346" i="1"/>
  <c r="AD24347" i="1"/>
  <c r="AD24348" i="1"/>
  <c r="AD24349" i="1"/>
  <c r="AD24350" i="1"/>
  <c r="AD24351" i="1"/>
  <c r="AD24352" i="1"/>
  <c r="AD24353" i="1"/>
  <c r="AD24354" i="1"/>
  <c r="AD24355" i="1"/>
  <c r="AD24356" i="1"/>
  <c r="AD24357" i="1"/>
  <c r="AD24358" i="1"/>
  <c r="AD24359" i="1"/>
  <c r="AD24360" i="1"/>
  <c r="AD24361" i="1"/>
  <c r="AD24362" i="1"/>
  <c r="AD24363" i="1"/>
  <c r="AD24364" i="1"/>
  <c r="AD24365" i="1"/>
  <c r="AD24366" i="1"/>
  <c r="AD24367" i="1"/>
  <c r="AD24368" i="1"/>
  <c r="AD24369" i="1"/>
  <c r="AD24370" i="1"/>
  <c r="AD24371" i="1"/>
  <c r="AD24372" i="1"/>
  <c r="AD24373" i="1"/>
  <c r="AD24374" i="1"/>
  <c r="AD24375" i="1"/>
  <c r="AD24376" i="1"/>
  <c r="AD24377" i="1"/>
  <c r="AD24378" i="1"/>
  <c r="AD24379" i="1"/>
  <c r="AD24380" i="1"/>
  <c r="AD24381" i="1"/>
  <c r="AD24382" i="1"/>
  <c r="AD24383" i="1"/>
  <c r="AD24384" i="1"/>
  <c r="AD24385" i="1"/>
  <c r="AD24386" i="1"/>
  <c r="AD24387" i="1"/>
  <c r="AD24388" i="1"/>
  <c r="AD24389" i="1"/>
  <c r="AD24390" i="1"/>
  <c r="AD24391" i="1"/>
  <c r="AD24392" i="1"/>
  <c r="AD24393" i="1"/>
  <c r="AD24394" i="1"/>
  <c r="AD24395" i="1"/>
  <c r="AD24396" i="1"/>
  <c r="AD24397" i="1"/>
  <c r="AD24398" i="1"/>
  <c r="AD24399" i="1"/>
  <c r="AD24400" i="1"/>
  <c r="AD24401" i="1"/>
  <c r="AD24402" i="1"/>
  <c r="AD24403" i="1"/>
  <c r="AD24404" i="1"/>
  <c r="AD24405" i="1"/>
  <c r="AD24406" i="1"/>
  <c r="AD24407" i="1"/>
  <c r="AD24408" i="1"/>
  <c r="AD24409" i="1"/>
  <c r="AD24410" i="1"/>
  <c r="AD24411" i="1"/>
  <c r="AD24412" i="1"/>
  <c r="AD24413" i="1"/>
  <c r="AD24414" i="1"/>
  <c r="AD24415" i="1"/>
  <c r="AD24416" i="1"/>
  <c r="AD24417" i="1"/>
  <c r="AD24418" i="1"/>
  <c r="AD24419" i="1"/>
  <c r="AD24420" i="1"/>
  <c r="AD24421" i="1"/>
  <c r="AD24422" i="1"/>
  <c r="AD24423" i="1"/>
  <c r="AD24424" i="1"/>
  <c r="AD24425" i="1"/>
  <c r="AD24426" i="1"/>
  <c r="AD24427" i="1"/>
  <c r="AD24428" i="1"/>
  <c r="AD24429" i="1"/>
  <c r="AD24430" i="1"/>
  <c r="AD24431" i="1"/>
  <c r="AD24432" i="1"/>
  <c r="AD24433" i="1"/>
  <c r="AD24434" i="1"/>
  <c r="AD24435" i="1"/>
  <c r="AD24436" i="1"/>
  <c r="AD24437" i="1"/>
  <c r="AD24438" i="1"/>
  <c r="AD24439" i="1"/>
  <c r="AD24440" i="1"/>
  <c r="AD24441" i="1"/>
  <c r="AD24442" i="1"/>
  <c r="AD24443" i="1"/>
  <c r="AD24444" i="1"/>
  <c r="AD24445" i="1"/>
  <c r="AD24446" i="1"/>
  <c r="AD24447" i="1"/>
  <c r="AD24448" i="1"/>
  <c r="AD24449" i="1"/>
  <c r="AD24450" i="1"/>
  <c r="AD24451" i="1"/>
  <c r="AD24452" i="1"/>
  <c r="AD24453" i="1"/>
  <c r="AD24454" i="1"/>
  <c r="AD24455" i="1"/>
  <c r="AD24456" i="1"/>
  <c r="AD24457" i="1"/>
  <c r="AD24458" i="1"/>
  <c r="AD24459" i="1"/>
  <c r="AD24460" i="1"/>
  <c r="AD24461" i="1"/>
  <c r="AD24462" i="1"/>
  <c r="AD24463" i="1"/>
  <c r="AD24464" i="1"/>
  <c r="AD24465" i="1"/>
  <c r="AD24466" i="1"/>
  <c r="AD24467" i="1"/>
  <c r="AD24468" i="1"/>
  <c r="AD24469" i="1"/>
  <c r="AD24470" i="1"/>
  <c r="AD24471" i="1"/>
  <c r="AD24472" i="1"/>
  <c r="AD24473" i="1"/>
  <c r="AD24474" i="1"/>
  <c r="AD24475" i="1"/>
  <c r="AD24476" i="1"/>
  <c r="AD24477" i="1"/>
  <c r="AD24478" i="1"/>
  <c r="AD24479" i="1"/>
  <c r="AD24480" i="1"/>
  <c r="AD24481" i="1"/>
  <c r="AD24482" i="1"/>
  <c r="AD24483" i="1"/>
  <c r="AD24484" i="1"/>
  <c r="AD24485" i="1"/>
  <c r="AD24486" i="1"/>
  <c r="AD24487" i="1"/>
  <c r="AD24488" i="1"/>
  <c r="AD24489" i="1"/>
  <c r="AD24490" i="1"/>
  <c r="AD24491" i="1"/>
  <c r="AD24492" i="1"/>
  <c r="AD24493" i="1"/>
  <c r="AD24494" i="1"/>
  <c r="AD24495" i="1"/>
  <c r="AD24496" i="1"/>
  <c r="AD24497" i="1"/>
  <c r="AD24498" i="1"/>
  <c r="AD24499" i="1"/>
  <c r="AD24500" i="1"/>
  <c r="AD24501" i="1"/>
  <c r="AD24502" i="1"/>
  <c r="AD24503" i="1"/>
  <c r="AD24504" i="1"/>
  <c r="AD24505" i="1"/>
  <c r="AD24506" i="1"/>
  <c r="AD24507" i="1"/>
  <c r="AD24508" i="1"/>
  <c r="AD24509" i="1"/>
  <c r="AD24510" i="1"/>
  <c r="AD24511" i="1"/>
  <c r="AD24512" i="1"/>
  <c r="AD24513" i="1"/>
  <c r="AD24514" i="1"/>
  <c r="AD24515" i="1"/>
  <c r="AD24516" i="1"/>
  <c r="AD24517" i="1"/>
  <c r="AD24518" i="1"/>
  <c r="AD24519" i="1"/>
  <c r="AD24520" i="1"/>
  <c r="AD24521" i="1"/>
  <c r="AD24522" i="1"/>
  <c r="AD24523" i="1"/>
  <c r="AD24524" i="1"/>
  <c r="AD24525" i="1"/>
  <c r="AD24526" i="1"/>
  <c r="AD24527" i="1"/>
  <c r="AD24528" i="1"/>
  <c r="AD24529" i="1"/>
  <c r="AD24530" i="1"/>
  <c r="AD24531" i="1"/>
  <c r="AD24532" i="1"/>
  <c r="AD24533" i="1"/>
  <c r="AD24534" i="1"/>
  <c r="AD24535" i="1"/>
  <c r="AD24536" i="1"/>
  <c r="AD24537" i="1"/>
  <c r="AD24538" i="1"/>
  <c r="AD24539" i="1"/>
  <c r="AD24540" i="1"/>
  <c r="AD24541" i="1"/>
  <c r="AD24542" i="1"/>
  <c r="AD24543" i="1"/>
  <c r="AD24544" i="1"/>
  <c r="AD24545" i="1"/>
  <c r="AD24546" i="1"/>
  <c r="AD24547" i="1"/>
  <c r="AD24548" i="1"/>
  <c r="AD24549" i="1"/>
  <c r="AD24550" i="1"/>
  <c r="AD24551" i="1"/>
  <c r="AD24552" i="1"/>
  <c r="AD24553" i="1"/>
  <c r="AD24554" i="1"/>
  <c r="AD24555" i="1"/>
  <c r="AD24556" i="1"/>
  <c r="AD24557" i="1"/>
  <c r="AD24558" i="1"/>
  <c r="AD24559" i="1"/>
  <c r="AD24560" i="1"/>
  <c r="AD24561" i="1"/>
  <c r="AD24562" i="1"/>
  <c r="AD24563" i="1"/>
  <c r="AD24564" i="1"/>
  <c r="AD24565" i="1"/>
  <c r="AD24566" i="1"/>
  <c r="AD24567" i="1"/>
  <c r="AD24568" i="1"/>
  <c r="AD24569" i="1"/>
  <c r="AD24570" i="1"/>
  <c r="AD24571" i="1"/>
  <c r="AD24572" i="1"/>
  <c r="AD24573" i="1"/>
  <c r="AD24574" i="1"/>
  <c r="AD24575" i="1"/>
  <c r="AD24576" i="1"/>
  <c r="AD24577" i="1"/>
  <c r="AD24578" i="1"/>
  <c r="AD24579" i="1"/>
  <c r="AD24580" i="1"/>
  <c r="AD24581" i="1"/>
  <c r="AD24582" i="1"/>
  <c r="AD24583" i="1"/>
  <c r="AD24584" i="1"/>
  <c r="AD24585" i="1"/>
  <c r="AD24586" i="1"/>
  <c r="AD24587" i="1"/>
  <c r="AD24588" i="1"/>
  <c r="AD24589" i="1"/>
  <c r="AD24590" i="1"/>
  <c r="AD24591" i="1"/>
  <c r="AD24592" i="1"/>
  <c r="AD24593" i="1"/>
  <c r="AD24594" i="1"/>
  <c r="AD24595" i="1"/>
  <c r="AD24596" i="1"/>
  <c r="AD24597" i="1"/>
  <c r="AD24598" i="1"/>
  <c r="AD24599" i="1"/>
  <c r="AD24600" i="1"/>
  <c r="AD24601" i="1"/>
  <c r="AD24602" i="1"/>
  <c r="AD24603" i="1"/>
  <c r="AD24604" i="1"/>
  <c r="AD24605" i="1"/>
  <c r="AD24606" i="1"/>
  <c r="AD24607" i="1"/>
  <c r="AD24608" i="1"/>
  <c r="AD24609" i="1"/>
  <c r="AD24610" i="1"/>
  <c r="AD24611" i="1"/>
  <c r="AD24612" i="1"/>
  <c r="AD24613" i="1"/>
  <c r="AD24614" i="1"/>
  <c r="AD24615" i="1"/>
  <c r="AD24616" i="1"/>
  <c r="AD24617" i="1"/>
  <c r="AD24618" i="1"/>
  <c r="AD24619" i="1"/>
  <c r="AD24620" i="1"/>
  <c r="AD24621" i="1"/>
  <c r="AD24622" i="1"/>
  <c r="AD24623" i="1"/>
  <c r="AD24624" i="1"/>
  <c r="AD24625" i="1"/>
  <c r="AD24626" i="1"/>
  <c r="AD24627" i="1"/>
  <c r="AD24628" i="1"/>
  <c r="AD24629" i="1"/>
  <c r="AD24630" i="1"/>
  <c r="AD24631" i="1"/>
  <c r="AD24632" i="1"/>
  <c r="AD24633" i="1"/>
  <c r="AD24634" i="1"/>
  <c r="AD24635" i="1"/>
  <c r="AD24636" i="1"/>
  <c r="AD24637" i="1"/>
  <c r="AD24638" i="1"/>
  <c r="AD24639" i="1"/>
  <c r="AD24640" i="1"/>
  <c r="AD24641" i="1"/>
  <c r="AD24642" i="1"/>
  <c r="AD24643" i="1"/>
  <c r="AD24644" i="1"/>
  <c r="AD24645" i="1"/>
  <c r="AD24646" i="1"/>
  <c r="AD24647" i="1"/>
  <c r="AD24648" i="1"/>
  <c r="AD24649" i="1"/>
  <c r="AD24650" i="1"/>
  <c r="AD24651" i="1"/>
  <c r="AD24652" i="1"/>
  <c r="AD24653" i="1"/>
  <c r="AD24654" i="1"/>
  <c r="AD24655" i="1"/>
  <c r="AD24656" i="1"/>
  <c r="AD24657" i="1"/>
  <c r="AD24658" i="1"/>
  <c r="AD24659" i="1"/>
  <c r="AD24660" i="1"/>
  <c r="AD24661" i="1"/>
  <c r="AD24662" i="1"/>
  <c r="AD24663" i="1"/>
  <c r="AD24664" i="1"/>
  <c r="AD24665" i="1"/>
  <c r="AD24666" i="1"/>
  <c r="AD24667" i="1"/>
  <c r="AD24668" i="1"/>
  <c r="AD24669" i="1"/>
  <c r="AD24670" i="1"/>
  <c r="AD24671" i="1"/>
  <c r="AD24672" i="1"/>
  <c r="AD24673" i="1"/>
  <c r="AD24674" i="1"/>
  <c r="AD24675" i="1"/>
  <c r="AD24676" i="1"/>
  <c r="AD24677" i="1"/>
  <c r="AD24678" i="1"/>
  <c r="AD24679" i="1"/>
  <c r="AD24680" i="1"/>
  <c r="AD24681" i="1"/>
  <c r="AD24682" i="1"/>
  <c r="AD24683" i="1"/>
  <c r="AD24684" i="1"/>
  <c r="AD24685" i="1"/>
  <c r="AD24686" i="1"/>
  <c r="AD24687" i="1"/>
  <c r="AD24688" i="1"/>
  <c r="AD24689" i="1"/>
  <c r="AD24690" i="1"/>
  <c r="AD24691" i="1"/>
  <c r="AD24692" i="1"/>
  <c r="AD24693" i="1"/>
  <c r="AD24694" i="1"/>
  <c r="AD24695" i="1"/>
  <c r="AD24696" i="1"/>
  <c r="AD24697" i="1"/>
  <c r="AD24698" i="1"/>
  <c r="AD24699" i="1"/>
  <c r="AD24700" i="1"/>
  <c r="AD24701" i="1"/>
  <c r="AD24702" i="1"/>
  <c r="AD24703" i="1"/>
  <c r="AD24704" i="1"/>
  <c r="AD24705" i="1"/>
  <c r="AD24706" i="1"/>
  <c r="AD24707" i="1"/>
  <c r="AD24708" i="1"/>
  <c r="AD24709" i="1"/>
  <c r="AD24710" i="1"/>
  <c r="AD24711" i="1"/>
  <c r="AD24712" i="1"/>
  <c r="AD24713" i="1"/>
  <c r="AD24714" i="1"/>
  <c r="AD24715" i="1"/>
  <c r="AD24716" i="1"/>
  <c r="AD24717" i="1"/>
  <c r="AD24718" i="1"/>
  <c r="AD24719" i="1"/>
  <c r="AD24720" i="1"/>
  <c r="AD24721" i="1"/>
  <c r="AD24722" i="1"/>
  <c r="AD24723" i="1"/>
  <c r="AD24724" i="1"/>
  <c r="AD24725" i="1"/>
  <c r="AD24726" i="1"/>
  <c r="AD24727" i="1"/>
  <c r="AD24728" i="1"/>
  <c r="AD24729" i="1"/>
  <c r="AD24730" i="1"/>
  <c r="AD24731" i="1"/>
  <c r="AD24732" i="1"/>
  <c r="AD24733" i="1"/>
  <c r="AD24734" i="1"/>
  <c r="AD24735" i="1"/>
  <c r="AD24736" i="1"/>
  <c r="AD24737" i="1"/>
  <c r="AD24738" i="1"/>
  <c r="AD24739" i="1"/>
  <c r="AD24740" i="1"/>
  <c r="AD24741" i="1"/>
  <c r="AD24742" i="1"/>
  <c r="AD24743" i="1"/>
  <c r="AD24744" i="1"/>
  <c r="AD24745" i="1"/>
  <c r="AD24746" i="1"/>
  <c r="AD24747" i="1"/>
  <c r="AD24748" i="1"/>
  <c r="AD24749" i="1"/>
  <c r="AD24750" i="1"/>
  <c r="AD24751" i="1"/>
  <c r="AD24752" i="1"/>
  <c r="AD24753" i="1"/>
  <c r="AD24754" i="1"/>
  <c r="AD24755" i="1"/>
  <c r="AD24756" i="1"/>
  <c r="AD24757" i="1"/>
  <c r="AD24758" i="1"/>
  <c r="AD24759" i="1"/>
  <c r="AD24760" i="1"/>
  <c r="AD24761" i="1"/>
  <c r="AD24762" i="1"/>
  <c r="AD24763" i="1"/>
  <c r="AD24764" i="1"/>
  <c r="AD24765" i="1"/>
  <c r="AD24766" i="1"/>
  <c r="AD24767" i="1"/>
  <c r="AD24768" i="1"/>
  <c r="AD24769" i="1"/>
  <c r="AD24770" i="1"/>
  <c r="AD24771" i="1"/>
  <c r="AD24772" i="1"/>
  <c r="AD24773" i="1"/>
  <c r="AD24774" i="1"/>
  <c r="AD24775" i="1"/>
  <c r="AD24776" i="1"/>
  <c r="AD24777" i="1"/>
  <c r="AD24778" i="1"/>
  <c r="AD24779" i="1"/>
  <c r="AD24780" i="1"/>
  <c r="AD24781" i="1"/>
  <c r="AD24782" i="1"/>
  <c r="AD24783" i="1"/>
  <c r="AD24784" i="1"/>
  <c r="AD24785" i="1"/>
  <c r="AD24786" i="1"/>
  <c r="AD24787" i="1"/>
  <c r="AD24788" i="1"/>
  <c r="AD24789" i="1"/>
  <c r="AD24790" i="1"/>
  <c r="AD24791" i="1"/>
  <c r="AD24792" i="1"/>
  <c r="AD24793" i="1"/>
  <c r="AD24794" i="1"/>
  <c r="AD24795" i="1"/>
  <c r="AD24796" i="1"/>
  <c r="AD24797" i="1"/>
  <c r="AD24798" i="1"/>
  <c r="AD24799" i="1"/>
  <c r="AD24800" i="1"/>
  <c r="AD24801" i="1"/>
  <c r="AD24802" i="1"/>
  <c r="AD24803" i="1"/>
  <c r="AD24804" i="1"/>
  <c r="AD24805" i="1"/>
  <c r="AD24806" i="1"/>
  <c r="AD24807" i="1"/>
  <c r="AD24808" i="1"/>
  <c r="AD24809" i="1"/>
  <c r="AD24810" i="1"/>
  <c r="AD24811" i="1"/>
  <c r="AD24812" i="1"/>
  <c r="AD24813" i="1"/>
  <c r="AD24814" i="1"/>
  <c r="AD24815" i="1"/>
  <c r="AD24816" i="1"/>
  <c r="AD24817" i="1"/>
  <c r="AD24818" i="1"/>
  <c r="AD24819" i="1"/>
  <c r="AD24820" i="1"/>
  <c r="AD24821" i="1"/>
  <c r="AD24822" i="1"/>
  <c r="AD24823" i="1"/>
  <c r="AD24824" i="1"/>
  <c r="AD24825" i="1"/>
  <c r="AD24826" i="1"/>
  <c r="AD24827" i="1"/>
  <c r="AD24828" i="1"/>
  <c r="AD24829" i="1"/>
  <c r="AD24830" i="1"/>
  <c r="AD24831" i="1"/>
  <c r="AD24832" i="1"/>
  <c r="AD24833" i="1"/>
  <c r="AD24834" i="1"/>
  <c r="AD24835" i="1"/>
  <c r="AD24836" i="1"/>
  <c r="AD24837" i="1"/>
  <c r="AD24838" i="1"/>
  <c r="AD24839" i="1"/>
  <c r="AD24840" i="1"/>
  <c r="AD24841" i="1"/>
  <c r="AD24842" i="1"/>
  <c r="AD24843" i="1"/>
  <c r="AD24844" i="1"/>
  <c r="AD24845" i="1"/>
  <c r="AD24846" i="1"/>
  <c r="AD24847" i="1"/>
  <c r="AD24848" i="1"/>
  <c r="AD24849" i="1"/>
  <c r="AD24850" i="1"/>
  <c r="AD24851" i="1"/>
  <c r="AD24852" i="1"/>
  <c r="AD24853" i="1"/>
  <c r="AD24854" i="1"/>
  <c r="AD24855" i="1"/>
  <c r="AD24856" i="1"/>
  <c r="AD24857" i="1"/>
  <c r="AD24858" i="1"/>
  <c r="AD24859" i="1"/>
  <c r="AD24860" i="1"/>
  <c r="AD24861" i="1"/>
  <c r="AD24862" i="1"/>
  <c r="AD24863" i="1"/>
  <c r="AD24864" i="1"/>
  <c r="AD24865" i="1"/>
  <c r="AD24866" i="1"/>
  <c r="AD24867" i="1"/>
  <c r="AD24868" i="1"/>
  <c r="AD24869" i="1"/>
  <c r="AD24870" i="1"/>
  <c r="AD24871" i="1"/>
  <c r="AD24872" i="1"/>
  <c r="AD24873" i="1"/>
  <c r="AD24874" i="1"/>
  <c r="AD24875" i="1"/>
  <c r="AD24876" i="1"/>
  <c r="AD24877" i="1"/>
  <c r="AD24878" i="1"/>
  <c r="AD24879" i="1"/>
  <c r="AD24880" i="1"/>
  <c r="AD24881" i="1"/>
  <c r="AD24882" i="1"/>
  <c r="AD24883" i="1"/>
  <c r="AD24884" i="1"/>
  <c r="AD24885" i="1"/>
  <c r="AD24886" i="1"/>
  <c r="AD24887" i="1"/>
  <c r="AD24888" i="1"/>
  <c r="AD24889" i="1"/>
  <c r="AD24890" i="1"/>
  <c r="AD24891" i="1"/>
  <c r="AD24892" i="1"/>
  <c r="AD24893" i="1"/>
  <c r="AD24894" i="1"/>
  <c r="AD24895" i="1"/>
  <c r="AD24896" i="1"/>
  <c r="AD24897" i="1"/>
  <c r="AD24898" i="1"/>
  <c r="AD24899" i="1"/>
  <c r="AD24900" i="1"/>
  <c r="AD24901" i="1"/>
  <c r="AD24902" i="1"/>
  <c r="AD24903" i="1"/>
  <c r="AD24904" i="1"/>
  <c r="AD24905" i="1"/>
  <c r="AD24906" i="1"/>
  <c r="AD24907" i="1"/>
  <c r="AD24908" i="1"/>
  <c r="AD24909" i="1"/>
  <c r="AD24910" i="1"/>
  <c r="AD24911" i="1"/>
  <c r="AD24912" i="1"/>
  <c r="AD24913" i="1"/>
  <c r="AD24914" i="1"/>
  <c r="AD24915" i="1"/>
  <c r="AD24916" i="1"/>
  <c r="AD24917" i="1"/>
  <c r="AD24918" i="1"/>
  <c r="AD24919" i="1"/>
  <c r="AD24920" i="1"/>
  <c r="AD24921" i="1"/>
  <c r="AD24922" i="1"/>
  <c r="AD24923" i="1"/>
  <c r="AD24924" i="1"/>
  <c r="AD24925" i="1"/>
  <c r="AD24926" i="1"/>
  <c r="AD24927" i="1"/>
  <c r="AD24928" i="1"/>
  <c r="AD24929" i="1"/>
  <c r="AD24930" i="1"/>
  <c r="AD24931" i="1"/>
  <c r="AD24932" i="1"/>
  <c r="AD24933" i="1"/>
  <c r="AD24934" i="1"/>
  <c r="AD24935" i="1"/>
  <c r="AD24936" i="1"/>
  <c r="AD24937" i="1"/>
  <c r="AD24938" i="1"/>
  <c r="AD24939" i="1"/>
  <c r="AD24940" i="1"/>
  <c r="AD24941" i="1"/>
  <c r="AD24942" i="1"/>
  <c r="AD24943" i="1"/>
  <c r="AD24944" i="1"/>
  <c r="AD24945" i="1"/>
  <c r="AD24946" i="1"/>
  <c r="AD24947" i="1"/>
  <c r="AD24948" i="1"/>
  <c r="AD24949" i="1"/>
  <c r="AD24950" i="1"/>
  <c r="AD24951" i="1"/>
  <c r="AD24952" i="1"/>
  <c r="AD24953" i="1"/>
  <c r="AD24954" i="1"/>
  <c r="AD24955" i="1"/>
  <c r="AD24956" i="1"/>
  <c r="AD24957" i="1"/>
  <c r="AD24958" i="1"/>
  <c r="AD24959" i="1"/>
  <c r="AD24960" i="1"/>
  <c r="AD24961" i="1"/>
  <c r="AD24962" i="1"/>
  <c r="AD24963" i="1"/>
  <c r="AD24964" i="1"/>
  <c r="AD24965" i="1"/>
  <c r="AD24966" i="1"/>
  <c r="AD24967" i="1"/>
  <c r="AD24968" i="1"/>
  <c r="AD24969" i="1"/>
  <c r="AD24970" i="1"/>
  <c r="AD24971" i="1"/>
  <c r="AD24972" i="1"/>
  <c r="AD24973" i="1"/>
  <c r="AD24974" i="1"/>
  <c r="AD24975" i="1"/>
  <c r="AD24976" i="1"/>
  <c r="AD24977" i="1"/>
  <c r="AD24978" i="1"/>
  <c r="AD24979" i="1"/>
  <c r="AD24980" i="1"/>
  <c r="AD24981" i="1"/>
  <c r="AD24982" i="1"/>
  <c r="AD24983" i="1"/>
  <c r="AD24984" i="1"/>
  <c r="AD24985" i="1"/>
  <c r="AD24986" i="1"/>
  <c r="AD24987" i="1"/>
  <c r="AD24988" i="1"/>
  <c r="AD24989" i="1"/>
  <c r="AD24990" i="1"/>
  <c r="AD24991" i="1"/>
  <c r="AD24992" i="1"/>
  <c r="AD24993" i="1"/>
  <c r="AD24994" i="1"/>
  <c r="AD24995" i="1"/>
  <c r="AD24996" i="1"/>
  <c r="AD24997" i="1"/>
  <c r="AD24998" i="1"/>
  <c r="AD24999" i="1"/>
  <c r="AD25000" i="1"/>
  <c r="AD25001" i="1"/>
  <c r="AD25002" i="1"/>
  <c r="AD25003" i="1"/>
  <c r="AD25004" i="1"/>
  <c r="AD25005" i="1"/>
  <c r="AD25006" i="1"/>
  <c r="AD25007" i="1"/>
  <c r="AD25008" i="1"/>
  <c r="AD25009" i="1"/>
  <c r="AD25010" i="1"/>
  <c r="AD25011" i="1"/>
  <c r="AD25012" i="1"/>
  <c r="AD25013" i="1"/>
  <c r="AD25014" i="1"/>
  <c r="AD25015" i="1"/>
  <c r="AD25016" i="1"/>
  <c r="AD25017" i="1"/>
  <c r="AD25018" i="1"/>
  <c r="AD25019" i="1"/>
  <c r="AD25020" i="1"/>
  <c r="AD25021" i="1"/>
  <c r="AD25022" i="1"/>
  <c r="AD25023" i="1"/>
  <c r="AD25024" i="1"/>
  <c r="AD25025" i="1"/>
  <c r="AD25026" i="1"/>
  <c r="AD25027" i="1"/>
  <c r="AD25028" i="1"/>
  <c r="AD25029" i="1"/>
  <c r="AD25030" i="1"/>
  <c r="AD25031" i="1"/>
  <c r="AD25032" i="1"/>
  <c r="AD25033" i="1"/>
  <c r="AD25034" i="1"/>
  <c r="AD25035" i="1"/>
  <c r="AD25036" i="1"/>
  <c r="AD25037" i="1"/>
  <c r="AD25038" i="1"/>
  <c r="AD25039" i="1"/>
  <c r="AD25040" i="1"/>
  <c r="AD25041" i="1"/>
  <c r="AD25042" i="1"/>
  <c r="AD25043" i="1"/>
  <c r="AD25044" i="1"/>
  <c r="AD25045" i="1"/>
  <c r="AD25046" i="1"/>
  <c r="AD25047" i="1"/>
  <c r="AD25048" i="1"/>
  <c r="AD25049" i="1"/>
  <c r="AD25050" i="1"/>
  <c r="AD25051" i="1"/>
  <c r="AD25052" i="1"/>
  <c r="AD25053" i="1"/>
  <c r="AD25054" i="1"/>
  <c r="AD25055" i="1"/>
  <c r="AD25056" i="1"/>
  <c r="AD25057" i="1"/>
  <c r="AD25058" i="1"/>
  <c r="AD25059" i="1"/>
  <c r="AD25060" i="1"/>
  <c r="AD25061" i="1"/>
  <c r="AD25062" i="1"/>
  <c r="AD25063" i="1"/>
  <c r="AD25064" i="1"/>
  <c r="AD25065" i="1"/>
  <c r="AD25066" i="1"/>
  <c r="AD25067" i="1"/>
  <c r="AD25068" i="1"/>
  <c r="AD25069" i="1"/>
  <c r="AD25070" i="1"/>
  <c r="AD25071" i="1"/>
  <c r="AD25072" i="1"/>
  <c r="AD25073" i="1"/>
  <c r="AD25074" i="1"/>
  <c r="AD25075" i="1"/>
  <c r="AD25076" i="1"/>
  <c r="AD25077" i="1"/>
  <c r="AD25078" i="1"/>
  <c r="AD25079" i="1"/>
  <c r="AD25080" i="1"/>
  <c r="AD25081" i="1"/>
  <c r="AD25082" i="1"/>
  <c r="AD25083" i="1"/>
  <c r="AD25084" i="1"/>
  <c r="AD25085" i="1"/>
  <c r="AD25086" i="1"/>
  <c r="AD25087" i="1"/>
  <c r="AD25088" i="1"/>
  <c r="AD25089" i="1"/>
  <c r="AD25090" i="1"/>
  <c r="AD25091" i="1"/>
  <c r="AD25092" i="1"/>
  <c r="AD25093" i="1"/>
  <c r="AD25094" i="1"/>
  <c r="AD25095" i="1"/>
  <c r="AD25096" i="1"/>
  <c r="AD25097" i="1"/>
  <c r="AD25098" i="1"/>
  <c r="AD25099" i="1"/>
  <c r="AD25100" i="1"/>
  <c r="AD25101" i="1"/>
  <c r="AD25102" i="1"/>
  <c r="AD25103" i="1"/>
  <c r="AD25104" i="1"/>
  <c r="AD25105" i="1"/>
  <c r="AD25106" i="1"/>
  <c r="AD25107" i="1"/>
  <c r="AD25108" i="1"/>
  <c r="AD25109" i="1"/>
  <c r="AD25110" i="1"/>
  <c r="AD25111" i="1"/>
  <c r="AD25112" i="1"/>
  <c r="AD25113" i="1"/>
  <c r="AD25114" i="1"/>
  <c r="AD25115" i="1"/>
  <c r="AD25116" i="1"/>
  <c r="AD25117" i="1"/>
  <c r="AD25118" i="1"/>
  <c r="AD25119" i="1"/>
  <c r="AD25120" i="1"/>
  <c r="AD25121" i="1"/>
  <c r="AD25122" i="1"/>
  <c r="AD25123" i="1"/>
  <c r="AD25124" i="1"/>
  <c r="AD25125" i="1"/>
  <c r="AD25126" i="1"/>
  <c r="AD25127" i="1"/>
  <c r="AD25128" i="1"/>
  <c r="AD25129" i="1"/>
  <c r="AD25130" i="1"/>
  <c r="AD25131" i="1"/>
  <c r="AD25132" i="1"/>
  <c r="AD25133" i="1"/>
  <c r="AD25134" i="1"/>
  <c r="AD25135" i="1"/>
  <c r="AD25136" i="1"/>
  <c r="AD25137" i="1"/>
  <c r="AD25138" i="1"/>
  <c r="AD25139" i="1"/>
  <c r="AD25140" i="1"/>
  <c r="AD25141" i="1"/>
  <c r="AD25142" i="1"/>
  <c r="AD25143" i="1"/>
  <c r="AD25144" i="1"/>
  <c r="AD25145" i="1"/>
  <c r="AD25146" i="1"/>
  <c r="AD25147" i="1"/>
  <c r="AD25148" i="1"/>
  <c r="AD25149" i="1"/>
  <c r="AD25150" i="1"/>
  <c r="AD25151" i="1"/>
  <c r="AD25152" i="1"/>
  <c r="AD25153" i="1"/>
  <c r="AD25154" i="1"/>
  <c r="AD25155" i="1"/>
  <c r="AD25156" i="1"/>
  <c r="AD25157" i="1"/>
  <c r="AD25158" i="1"/>
  <c r="AD25159" i="1"/>
  <c r="AD25160" i="1"/>
  <c r="AD25161" i="1"/>
  <c r="AD25162" i="1"/>
  <c r="AD25163" i="1"/>
  <c r="AD25164" i="1"/>
  <c r="AD25165" i="1"/>
  <c r="AD25166" i="1"/>
  <c r="AD25167" i="1"/>
  <c r="AD25168" i="1"/>
  <c r="AD25169" i="1"/>
  <c r="AD25170" i="1"/>
  <c r="AD25171" i="1"/>
  <c r="AD25172" i="1"/>
  <c r="AD25173" i="1"/>
  <c r="AD25174" i="1"/>
  <c r="AD25175" i="1"/>
  <c r="AD25176" i="1"/>
  <c r="AD25177" i="1"/>
  <c r="AD25178" i="1"/>
  <c r="AD25179" i="1"/>
  <c r="AD25180" i="1"/>
  <c r="AD25181" i="1"/>
  <c r="AD25182" i="1"/>
  <c r="AD25183" i="1"/>
  <c r="AD25184" i="1"/>
  <c r="AD25185" i="1"/>
  <c r="AD25186" i="1"/>
  <c r="AD25187" i="1"/>
  <c r="AD25188" i="1"/>
  <c r="AD25189" i="1"/>
  <c r="AD25190" i="1"/>
  <c r="AD25191" i="1"/>
  <c r="AD25192" i="1"/>
  <c r="AD25193" i="1"/>
  <c r="AD25194" i="1"/>
  <c r="AD25195" i="1"/>
  <c r="AD25196" i="1"/>
  <c r="AD25197" i="1"/>
  <c r="AD25198" i="1"/>
  <c r="AD25199" i="1"/>
  <c r="AD25200" i="1"/>
  <c r="AD25201" i="1"/>
  <c r="AD25202" i="1"/>
  <c r="AD25203" i="1"/>
  <c r="AD25204" i="1"/>
  <c r="AD25205" i="1"/>
  <c r="AD25206" i="1"/>
  <c r="AD25207" i="1"/>
  <c r="AD25208" i="1"/>
  <c r="AD25209" i="1"/>
  <c r="AD25210" i="1"/>
  <c r="AD25211" i="1"/>
  <c r="AD25212" i="1"/>
  <c r="AD25213" i="1"/>
  <c r="AD25214" i="1"/>
  <c r="AD25215" i="1"/>
  <c r="AD25216" i="1"/>
  <c r="AD25217" i="1"/>
  <c r="AD25218" i="1"/>
  <c r="AD25219" i="1"/>
  <c r="AD25220" i="1"/>
  <c r="AD25221" i="1"/>
  <c r="AD25222" i="1"/>
  <c r="AD25223" i="1"/>
  <c r="AD25224" i="1"/>
  <c r="AD25225" i="1"/>
  <c r="AD25226" i="1"/>
  <c r="AD25227" i="1"/>
  <c r="AD25228" i="1"/>
  <c r="AD25229" i="1"/>
  <c r="AD25230" i="1"/>
  <c r="AD25231" i="1"/>
  <c r="AD25232" i="1"/>
  <c r="AD25233" i="1"/>
  <c r="AD25234" i="1"/>
  <c r="AD25235" i="1"/>
  <c r="AD25236" i="1"/>
  <c r="AD25237" i="1"/>
  <c r="AD25238" i="1"/>
  <c r="AD25239" i="1"/>
  <c r="AD25240" i="1"/>
  <c r="AD25241" i="1"/>
  <c r="AD25242" i="1"/>
  <c r="AD25243" i="1"/>
  <c r="AD25244" i="1"/>
  <c r="AD25245" i="1"/>
  <c r="AD25246" i="1"/>
  <c r="AD25247" i="1"/>
  <c r="AD25248" i="1"/>
  <c r="AD25249" i="1"/>
  <c r="AD25250" i="1"/>
  <c r="AD25251" i="1"/>
  <c r="AD25252" i="1"/>
  <c r="AD25253" i="1"/>
  <c r="AD25254" i="1"/>
  <c r="AD25255" i="1"/>
  <c r="AD25256" i="1"/>
  <c r="AD25257" i="1"/>
  <c r="AD25258" i="1"/>
  <c r="AD25259" i="1"/>
  <c r="AD25260" i="1"/>
  <c r="AD25261" i="1"/>
  <c r="AD25262" i="1"/>
  <c r="AD25263" i="1"/>
  <c r="AD25264" i="1"/>
  <c r="AD25265" i="1"/>
  <c r="AD25266" i="1"/>
  <c r="AD25267" i="1"/>
  <c r="AD25268" i="1"/>
  <c r="AD25269" i="1"/>
  <c r="AD25270" i="1"/>
  <c r="AD25271" i="1"/>
  <c r="AD25272" i="1"/>
  <c r="AD25273" i="1"/>
  <c r="AD25274" i="1"/>
  <c r="AD25275" i="1"/>
  <c r="AD25276" i="1"/>
  <c r="AD25277" i="1"/>
  <c r="AD25278" i="1"/>
  <c r="AD25279" i="1"/>
  <c r="AD25280" i="1"/>
  <c r="AD25281" i="1"/>
  <c r="AD25282" i="1"/>
  <c r="AD25283" i="1"/>
  <c r="AD25284" i="1"/>
  <c r="AD25285" i="1"/>
  <c r="AD25286" i="1"/>
  <c r="AD25287" i="1"/>
  <c r="AD25288" i="1"/>
  <c r="AD25289" i="1"/>
  <c r="AD25290" i="1"/>
  <c r="AD25291" i="1"/>
  <c r="AD25292" i="1"/>
  <c r="AD25293" i="1"/>
  <c r="AD25294" i="1"/>
  <c r="AD25295" i="1"/>
  <c r="AD25296" i="1"/>
  <c r="AD25297" i="1"/>
  <c r="AD25298" i="1"/>
  <c r="AD25299" i="1"/>
  <c r="AD25300" i="1"/>
  <c r="AD25301" i="1"/>
  <c r="AD25302" i="1"/>
  <c r="AD25303" i="1"/>
  <c r="AD25304" i="1"/>
  <c r="AD25305" i="1"/>
  <c r="AD25306" i="1"/>
  <c r="AD25307" i="1"/>
  <c r="AD25308" i="1"/>
  <c r="AD25309" i="1"/>
  <c r="AD25310" i="1"/>
  <c r="AD25311" i="1"/>
  <c r="AD25312" i="1"/>
  <c r="AD25313" i="1"/>
  <c r="AD25314" i="1"/>
  <c r="AD25315" i="1"/>
  <c r="AD25316" i="1"/>
  <c r="AD25317" i="1"/>
  <c r="AD25318" i="1"/>
  <c r="AD25319" i="1"/>
  <c r="AD25320" i="1"/>
  <c r="AD25321" i="1"/>
  <c r="AD25322" i="1"/>
  <c r="AD25323" i="1"/>
  <c r="AD25324" i="1"/>
  <c r="AD25325" i="1"/>
  <c r="AD25326" i="1"/>
  <c r="AD25327" i="1"/>
  <c r="AD25328" i="1"/>
  <c r="AD25329" i="1"/>
  <c r="AD25330" i="1"/>
  <c r="AD25331" i="1"/>
  <c r="AD25332" i="1"/>
  <c r="AD25333" i="1"/>
  <c r="AD25334" i="1"/>
  <c r="AD25335" i="1"/>
  <c r="AD25336" i="1"/>
  <c r="AD25337" i="1"/>
  <c r="AD25338" i="1"/>
  <c r="AD25339" i="1"/>
  <c r="AD25340" i="1"/>
  <c r="AD25341" i="1"/>
  <c r="AD25342" i="1"/>
  <c r="AD25343" i="1"/>
  <c r="AD25344" i="1"/>
  <c r="AD25345" i="1"/>
  <c r="AD25346" i="1"/>
  <c r="AD25347" i="1"/>
  <c r="AD25348" i="1"/>
  <c r="AD25349" i="1"/>
  <c r="AD25350" i="1"/>
  <c r="AD25351" i="1"/>
  <c r="AD25352" i="1"/>
  <c r="AD25353" i="1"/>
  <c r="AD25354" i="1"/>
  <c r="AD25355" i="1"/>
  <c r="AD25356" i="1"/>
  <c r="AD25357" i="1"/>
  <c r="AD25358" i="1"/>
  <c r="AD25359" i="1"/>
  <c r="AD25360" i="1"/>
  <c r="AD25361" i="1"/>
  <c r="AD25362" i="1"/>
  <c r="AD25363" i="1"/>
  <c r="AD25364" i="1"/>
  <c r="AD25365" i="1"/>
  <c r="AD25366" i="1"/>
  <c r="AD25367" i="1"/>
  <c r="AD25368" i="1"/>
  <c r="AD25369" i="1"/>
  <c r="AD25370" i="1"/>
  <c r="AD25371" i="1"/>
  <c r="AD25372" i="1"/>
  <c r="AD25373" i="1"/>
  <c r="AD25374" i="1"/>
  <c r="AD25375" i="1"/>
  <c r="AD25376" i="1"/>
  <c r="AD25377" i="1"/>
  <c r="AD25378" i="1"/>
  <c r="AD25379" i="1"/>
  <c r="AD25380" i="1"/>
  <c r="AD25381" i="1"/>
  <c r="AD25382" i="1"/>
  <c r="AD25383" i="1"/>
  <c r="AD25384" i="1"/>
  <c r="AD25385" i="1"/>
  <c r="AD25386" i="1"/>
  <c r="AD25387" i="1"/>
  <c r="AD25388" i="1"/>
  <c r="AD25389" i="1"/>
  <c r="AD25390" i="1"/>
  <c r="AD25391" i="1"/>
  <c r="AD25392" i="1"/>
  <c r="AD25393" i="1"/>
  <c r="AD25394" i="1"/>
  <c r="AD25395" i="1"/>
  <c r="AD25396" i="1"/>
  <c r="AD25397" i="1"/>
  <c r="AD25398" i="1"/>
  <c r="AD25399" i="1"/>
  <c r="AD25400" i="1"/>
  <c r="AD25401" i="1"/>
  <c r="AD25402" i="1"/>
  <c r="AD25403" i="1"/>
  <c r="AD25404" i="1"/>
  <c r="AD25405" i="1"/>
  <c r="AD25406" i="1"/>
  <c r="AD25407" i="1"/>
  <c r="AD25408" i="1"/>
  <c r="AD25409" i="1"/>
  <c r="AD25410" i="1"/>
  <c r="AD25411" i="1"/>
  <c r="AD25412" i="1"/>
  <c r="AD25413" i="1"/>
  <c r="AD25414" i="1"/>
  <c r="AD25415" i="1"/>
  <c r="AD25416" i="1"/>
  <c r="AD25417" i="1"/>
  <c r="AD25418" i="1"/>
  <c r="AD25419" i="1"/>
  <c r="AD25420" i="1"/>
  <c r="AD25421" i="1"/>
  <c r="AD25422" i="1"/>
  <c r="AD25423" i="1"/>
  <c r="AD25424" i="1"/>
  <c r="AD25425" i="1"/>
  <c r="AD25426" i="1"/>
  <c r="AD25427" i="1"/>
  <c r="AD25428" i="1"/>
  <c r="AD25429" i="1"/>
  <c r="AD25430" i="1"/>
  <c r="AD25431" i="1"/>
  <c r="AD25432" i="1"/>
  <c r="AD25433" i="1"/>
  <c r="AD25434" i="1"/>
  <c r="AD25435" i="1"/>
  <c r="AD25436" i="1"/>
  <c r="AD25437" i="1"/>
  <c r="AD25438" i="1"/>
  <c r="AD25439" i="1"/>
  <c r="AD25440" i="1"/>
  <c r="AD25441" i="1"/>
  <c r="AD25442" i="1"/>
  <c r="AD25443" i="1"/>
  <c r="AD25444" i="1"/>
  <c r="AD25445" i="1"/>
  <c r="AD25446" i="1"/>
  <c r="AD25447" i="1"/>
  <c r="AD25448" i="1"/>
  <c r="AD25449" i="1"/>
  <c r="AD25450" i="1"/>
  <c r="AD25451" i="1"/>
  <c r="AD25452" i="1"/>
  <c r="AD25453" i="1"/>
  <c r="AD25454" i="1"/>
  <c r="AD25455" i="1"/>
  <c r="AD25456" i="1"/>
  <c r="AD25457" i="1"/>
  <c r="AD25458" i="1"/>
  <c r="AD25459" i="1"/>
  <c r="AD25460" i="1"/>
  <c r="AD25461" i="1"/>
  <c r="AD25462" i="1"/>
  <c r="AD25463" i="1"/>
  <c r="AD25464" i="1"/>
  <c r="AD25465" i="1"/>
  <c r="AD25466" i="1"/>
  <c r="AD25467" i="1"/>
  <c r="AD25468" i="1"/>
  <c r="AD25469" i="1"/>
  <c r="AD25470" i="1"/>
  <c r="AD25471" i="1"/>
  <c r="AD25472" i="1"/>
  <c r="AD25473" i="1"/>
  <c r="AD25474" i="1"/>
  <c r="AD25475" i="1"/>
  <c r="AD25476" i="1"/>
  <c r="AD25477" i="1"/>
  <c r="AD25478" i="1"/>
  <c r="AD25479" i="1"/>
  <c r="AD25480" i="1"/>
  <c r="AD25481" i="1"/>
  <c r="AD25482" i="1"/>
  <c r="AD25483" i="1"/>
  <c r="AD25484" i="1"/>
  <c r="AD25485" i="1"/>
  <c r="AD25486" i="1"/>
  <c r="AD25487" i="1"/>
  <c r="AD25488" i="1"/>
  <c r="AD25489" i="1"/>
  <c r="AD25490" i="1"/>
  <c r="AD25491" i="1"/>
  <c r="AD25492" i="1"/>
  <c r="AD25493" i="1"/>
  <c r="AD25494" i="1"/>
  <c r="AD25495" i="1"/>
  <c r="AD25496" i="1"/>
  <c r="AD25497" i="1"/>
  <c r="AD25498" i="1"/>
  <c r="AD25499" i="1"/>
  <c r="AD25500" i="1"/>
  <c r="AD25501" i="1"/>
  <c r="AD25502" i="1"/>
  <c r="AD25503" i="1"/>
  <c r="AD25504" i="1"/>
  <c r="AD25505" i="1"/>
  <c r="AD25506" i="1"/>
  <c r="AD25507" i="1"/>
  <c r="AD25508" i="1"/>
  <c r="AD25509" i="1"/>
  <c r="AD25510" i="1"/>
  <c r="AD25511" i="1"/>
  <c r="AD25512" i="1"/>
  <c r="AD25513" i="1"/>
  <c r="AD25514" i="1"/>
  <c r="AD25515" i="1"/>
  <c r="AD25516" i="1"/>
  <c r="AD25517" i="1"/>
  <c r="AD25518" i="1"/>
  <c r="AD25519" i="1"/>
  <c r="AD25520" i="1"/>
  <c r="AD25521" i="1"/>
  <c r="AD25522" i="1"/>
  <c r="AD25523" i="1"/>
  <c r="AD25524" i="1"/>
  <c r="AD25525" i="1"/>
  <c r="AD25526" i="1"/>
  <c r="AD25527" i="1"/>
  <c r="AD25528" i="1"/>
  <c r="AD25529" i="1"/>
  <c r="AD25530" i="1"/>
  <c r="AD25531" i="1"/>
  <c r="AD25532" i="1"/>
  <c r="AD25533" i="1"/>
  <c r="AD25534" i="1"/>
  <c r="AD25535" i="1"/>
  <c r="AD25536" i="1"/>
  <c r="AD25537" i="1"/>
  <c r="AD25538" i="1"/>
  <c r="AD25539" i="1"/>
  <c r="AD25540" i="1"/>
  <c r="AD25541" i="1"/>
  <c r="AD25542" i="1"/>
  <c r="AD25543" i="1"/>
  <c r="AD25544" i="1"/>
  <c r="AD25545" i="1"/>
  <c r="AD25546" i="1"/>
  <c r="AD25547" i="1"/>
  <c r="AD25548" i="1"/>
  <c r="AD25549" i="1"/>
  <c r="AD25550" i="1"/>
  <c r="AD25551" i="1"/>
  <c r="AD25552" i="1"/>
  <c r="AD25553" i="1"/>
  <c r="AD25554" i="1"/>
  <c r="AD25555" i="1"/>
  <c r="AD25556" i="1"/>
  <c r="AD25557" i="1"/>
  <c r="AD25558" i="1"/>
  <c r="AD25559" i="1"/>
  <c r="AD25560" i="1"/>
  <c r="AD25561" i="1"/>
  <c r="AD25562" i="1"/>
  <c r="AD25563" i="1"/>
  <c r="AD25564" i="1"/>
  <c r="AD25565" i="1"/>
  <c r="AD25566" i="1"/>
  <c r="AD25567" i="1"/>
  <c r="AD25568" i="1"/>
  <c r="AD25569" i="1"/>
  <c r="AD25570" i="1"/>
  <c r="AD25571" i="1"/>
  <c r="AD25572" i="1"/>
  <c r="AD25573" i="1"/>
  <c r="AD25574" i="1"/>
  <c r="AD25575" i="1"/>
  <c r="AD25576" i="1"/>
  <c r="AD25577" i="1"/>
  <c r="AD25578" i="1"/>
  <c r="AD25579" i="1"/>
  <c r="AD25580" i="1"/>
  <c r="AD25581" i="1"/>
  <c r="AD25582" i="1"/>
  <c r="AD25583" i="1"/>
  <c r="AD25584" i="1"/>
  <c r="AD25585" i="1"/>
  <c r="AD25586" i="1"/>
  <c r="AD25587" i="1"/>
  <c r="AD25588" i="1"/>
  <c r="AD25589" i="1"/>
  <c r="AD25590" i="1"/>
  <c r="AD25591" i="1"/>
  <c r="AD25592" i="1"/>
  <c r="AD25593" i="1"/>
  <c r="AD25594" i="1"/>
  <c r="AD25595" i="1"/>
  <c r="AD25596" i="1"/>
  <c r="AD25597" i="1"/>
  <c r="AD25598" i="1"/>
  <c r="AD25599" i="1"/>
  <c r="AD25600" i="1"/>
  <c r="AD25601" i="1"/>
  <c r="AD25602" i="1"/>
  <c r="AD25603" i="1"/>
  <c r="AD25604" i="1"/>
  <c r="AD25605" i="1"/>
  <c r="AD25606" i="1"/>
  <c r="AD25607" i="1"/>
  <c r="AD25608" i="1"/>
  <c r="AD25609" i="1"/>
  <c r="AD25610" i="1"/>
  <c r="AD25611" i="1"/>
  <c r="AD25612" i="1"/>
  <c r="AD25613" i="1"/>
  <c r="AD25614" i="1"/>
  <c r="AD25615" i="1"/>
  <c r="AD25616" i="1"/>
  <c r="AD25617" i="1"/>
  <c r="AD25618" i="1"/>
  <c r="AD25619" i="1"/>
  <c r="AD25620" i="1"/>
  <c r="AD25621" i="1"/>
  <c r="AD25622" i="1"/>
  <c r="AD25623" i="1"/>
  <c r="AD25624" i="1"/>
  <c r="AD25625" i="1"/>
  <c r="AD25626" i="1"/>
  <c r="AD25627" i="1"/>
  <c r="AD25628" i="1"/>
  <c r="AD25629" i="1"/>
  <c r="AD25630" i="1"/>
  <c r="AD25631" i="1"/>
  <c r="AD25632" i="1"/>
  <c r="AD25633" i="1"/>
  <c r="AD25634" i="1"/>
  <c r="AD25635" i="1"/>
  <c r="AD25636" i="1"/>
  <c r="AD25637" i="1"/>
  <c r="AD25638" i="1"/>
  <c r="AD25639" i="1"/>
  <c r="AD25640" i="1"/>
  <c r="AD25641" i="1"/>
  <c r="AD25642" i="1"/>
  <c r="AD25643" i="1"/>
  <c r="AD25644" i="1"/>
  <c r="AD25645" i="1"/>
  <c r="AD25646" i="1"/>
  <c r="AD25647" i="1"/>
  <c r="AD25648" i="1"/>
  <c r="AD25649" i="1"/>
  <c r="AD25650" i="1"/>
  <c r="AD25651" i="1"/>
  <c r="AD25652" i="1"/>
  <c r="AD25653" i="1"/>
  <c r="AD25654" i="1"/>
  <c r="AD25655" i="1"/>
  <c r="AD25656" i="1"/>
  <c r="AD25657" i="1"/>
  <c r="AD25658" i="1"/>
  <c r="AD25659" i="1"/>
  <c r="AD25660" i="1"/>
  <c r="AD25661" i="1"/>
  <c r="AD25662" i="1"/>
  <c r="AD25663" i="1"/>
  <c r="AD25664" i="1"/>
  <c r="AD25665" i="1"/>
  <c r="AD25666" i="1"/>
  <c r="AD25667" i="1"/>
  <c r="AD25668" i="1"/>
  <c r="AD25669" i="1"/>
  <c r="AD25670" i="1"/>
  <c r="AD25671" i="1"/>
  <c r="AD25672" i="1"/>
  <c r="AD25673" i="1"/>
  <c r="AD25674" i="1"/>
  <c r="AD25675" i="1"/>
  <c r="AD25676" i="1"/>
  <c r="AD25677" i="1"/>
  <c r="AD25678" i="1"/>
  <c r="AD25679" i="1"/>
  <c r="AD25680" i="1"/>
  <c r="AD25681" i="1"/>
  <c r="AD25682" i="1"/>
  <c r="AD25683" i="1"/>
  <c r="AD25684" i="1"/>
  <c r="AD25685" i="1"/>
  <c r="AD25686" i="1"/>
  <c r="AD25687" i="1"/>
  <c r="AD25688" i="1"/>
  <c r="AD25689" i="1"/>
  <c r="AD25690" i="1"/>
  <c r="AD25691" i="1"/>
  <c r="AD25692" i="1"/>
  <c r="AD25693" i="1"/>
  <c r="AD25694" i="1"/>
  <c r="AD25695" i="1"/>
  <c r="AD25696" i="1"/>
  <c r="AD25697" i="1"/>
  <c r="AD25698" i="1"/>
  <c r="AD25699" i="1"/>
  <c r="AD25700" i="1"/>
  <c r="AD25701" i="1"/>
  <c r="AD25702" i="1"/>
  <c r="AD25703" i="1"/>
  <c r="AD25704" i="1"/>
  <c r="AD25705" i="1"/>
  <c r="AD25706" i="1"/>
  <c r="AD25707" i="1"/>
  <c r="AD25708" i="1"/>
  <c r="AD25709" i="1"/>
  <c r="AD25710" i="1"/>
  <c r="AD25711" i="1"/>
  <c r="AD25712" i="1"/>
  <c r="AD25713" i="1"/>
  <c r="AD25714" i="1"/>
  <c r="AD25715" i="1"/>
  <c r="AD25716" i="1"/>
  <c r="AD25717" i="1"/>
  <c r="AD25718" i="1"/>
  <c r="AD25719" i="1"/>
  <c r="AD25720" i="1"/>
  <c r="AD25721" i="1"/>
  <c r="AD25722" i="1"/>
  <c r="AD25723" i="1"/>
  <c r="AD25724" i="1"/>
  <c r="AD25725" i="1"/>
  <c r="AD25726" i="1"/>
  <c r="AD25727" i="1"/>
  <c r="AD25728" i="1"/>
  <c r="AD25729" i="1"/>
  <c r="AD25730" i="1"/>
  <c r="AD25731" i="1"/>
  <c r="AD25732" i="1"/>
  <c r="AD25733" i="1"/>
  <c r="AD25734" i="1"/>
  <c r="AD25735" i="1"/>
  <c r="AD25736" i="1"/>
  <c r="AD25737" i="1"/>
  <c r="AD25738" i="1"/>
  <c r="AD25739" i="1"/>
  <c r="AD25740" i="1"/>
  <c r="AD25741" i="1"/>
  <c r="AD25742" i="1"/>
  <c r="AD25743" i="1"/>
  <c r="AD25744" i="1"/>
  <c r="AD25745" i="1"/>
  <c r="AD25746" i="1"/>
  <c r="AD25747" i="1"/>
  <c r="AD25748" i="1"/>
  <c r="AD25749" i="1"/>
  <c r="AD25750" i="1"/>
  <c r="AD25751" i="1"/>
  <c r="AD25752" i="1"/>
  <c r="AD25753" i="1"/>
  <c r="AD25754" i="1"/>
  <c r="AD25755" i="1"/>
  <c r="AD25756" i="1"/>
  <c r="AD25757" i="1"/>
  <c r="AD25758" i="1"/>
  <c r="AD25759" i="1"/>
  <c r="AD25760" i="1"/>
  <c r="AD25761" i="1"/>
  <c r="AD25762" i="1"/>
  <c r="AD25763" i="1"/>
  <c r="AD25764" i="1"/>
  <c r="AD25765" i="1"/>
  <c r="AD25766" i="1"/>
  <c r="AD25767" i="1"/>
  <c r="AD25768" i="1"/>
  <c r="AD25769" i="1"/>
  <c r="AD25770" i="1"/>
  <c r="AD25771" i="1"/>
  <c r="AD25772" i="1"/>
  <c r="AD25773" i="1"/>
  <c r="AD25774" i="1"/>
  <c r="AD25775" i="1"/>
  <c r="AD25776" i="1"/>
  <c r="AD25777" i="1"/>
  <c r="AD25778" i="1"/>
  <c r="AD25779" i="1"/>
  <c r="AD25780" i="1"/>
  <c r="AD25781" i="1"/>
  <c r="AD25782" i="1"/>
  <c r="AD25783" i="1"/>
  <c r="AD25784" i="1"/>
  <c r="AD25785" i="1"/>
  <c r="AD25786" i="1"/>
  <c r="AD25787" i="1"/>
  <c r="AD25788" i="1"/>
  <c r="AD25789" i="1"/>
  <c r="AD25790" i="1"/>
  <c r="AD25791" i="1"/>
  <c r="AD25792" i="1"/>
  <c r="AD25793" i="1"/>
  <c r="AD25794" i="1"/>
  <c r="AD25795" i="1"/>
  <c r="AD25796" i="1"/>
  <c r="AD25797" i="1"/>
  <c r="AD25798" i="1"/>
  <c r="AD25799" i="1"/>
  <c r="AD25800" i="1"/>
  <c r="AD25801" i="1"/>
  <c r="AD25802" i="1"/>
  <c r="AD25803" i="1"/>
  <c r="AD25804" i="1"/>
  <c r="AD25805" i="1"/>
  <c r="AD25806" i="1"/>
  <c r="AD25807" i="1"/>
  <c r="AD25808" i="1"/>
  <c r="AD25809" i="1"/>
  <c r="AD25810" i="1"/>
  <c r="AD25811" i="1"/>
  <c r="AD25812" i="1"/>
  <c r="AD25813" i="1"/>
  <c r="AD25814" i="1"/>
  <c r="AD25815" i="1"/>
  <c r="AD25816" i="1"/>
  <c r="AD25817" i="1"/>
  <c r="AD25818" i="1"/>
  <c r="AD25819" i="1"/>
  <c r="AD25820" i="1"/>
  <c r="AD25821" i="1"/>
  <c r="AD25822" i="1"/>
  <c r="AD25823" i="1"/>
  <c r="AD25824" i="1"/>
  <c r="AD25825" i="1"/>
  <c r="AD25826" i="1"/>
  <c r="AD25827" i="1"/>
  <c r="AD25828" i="1"/>
  <c r="AD25829" i="1"/>
  <c r="AD25830" i="1"/>
  <c r="AD25831" i="1"/>
  <c r="AD25832" i="1"/>
  <c r="AD25833" i="1"/>
  <c r="AD25834" i="1"/>
  <c r="AD25835" i="1"/>
  <c r="AD25836" i="1"/>
  <c r="AD25837" i="1"/>
  <c r="AD25838" i="1"/>
  <c r="AD25839" i="1"/>
  <c r="AD25840" i="1"/>
  <c r="AD25841" i="1"/>
  <c r="AD25842" i="1"/>
  <c r="AD25843" i="1"/>
  <c r="AD25844" i="1"/>
  <c r="AD25845" i="1"/>
  <c r="AD25846" i="1"/>
  <c r="AD25847" i="1"/>
  <c r="AD25848" i="1"/>
  <c r="AD25849" i="1"/>
  <c r="AD25850" i="1"/>
  <c r="AD25851" i="1"/>
  <c r="AD25852" i="1"/>
  <c r="AD25853" i="1"/>
  <c r="AD25854" i="1"/>
  <c r="AD25855" i="1"/>
  <c r="AD25856" i="1"/>
  <c r="AD25857" i="1"/>
  <c r="AD25858" i="1"/>
  <c r="AD25859" i="1"/>
  <c r="AD25860" i="1"/>
  <c r="AD25861" i="1"/>
  <c r="AD25862" i="1"/>
  <c r="AD25863" i="1"/>
  <c r="AD25864" i="1"/>
  <c r="AD25865" i="1"/>
  <c r="AD25866" i="1"/>
  <c r="AD25867" i="1"/>
  <c r="AD25868" i="1"/>
  <c r="AD25869" i="1"/>
  <c r="AD25870" i="1"/>
  <c r="AD25871" i="1"/>
  <c r="AD25872" i="1"/>
  <c r="AD25873" i="1"/>
  <c r="AD25874" i="1"/>
  <c r="AD25875" i="1"/>
  <c r="AD25876" i="1"/>
  <c r="AD25877" i="1"/>
  <c r="AD25878" i="1"/>
  <c r="AD25879" i="1"/>
  <c r="AD25880" i="1"/>
  <c r="AD25881" i="1"/>
  <c r="AD25882" i="1"/>
  <c r="AD25883" i="1"/>
  <c r="AD25884" i="1"/>
  <c r="AD25885" i="1"/>
  <c r="AD25886" i="1"/>
  <c r="AD25887" i="1"/>
  <c r="AD25888" i="1"/>
  <c r="AD25889" i="1"/>
  <c r="AD25890" i="1"/>
  <c r="AD25891" i="1"/>
  <c r="AD25892" i="1"/>
  <c r="AD25893" i="1"/>
  <c r="AD25894" i="1"/>
  <c r="AD25895" i="1"/>
  <c r="AD25896" i="1"/>
  <c r="AD25897" i="1"/>
  <c r="AD25898" i="1"/>
  <c r="AD25899" i="1"/>
  <c r="AD25900" i="1"/>
  <c r="AD25901" i="1"/>
  <c r="AD25902" i="1"/>
  <c r="AD25903" i="1"/>
  <c r="AD25904" i="1"/>
  <c r="AD25905" i="1"/>
  <c r="AD25906" i="1"/>
  <c r="AD25907" i="1"/>
  <c r="AD25908" i="1"/>
  <c r="AD25909" i="1"/>
  <c r="AD25910" i="1"/>
  <c r="AD25911" i="1"/>
  <c r="AD25912" i="1"/>
  <c r="AD25913" i="1"/>
  <c r="AD25914" i="1"/>
  <c r="AD25915" i="1"/>
  <c r="AD25916" i="1"/>
  <c r="AD25917" i="1"/>
  <c r="AD25918" i="1"/>
  <c r="AD25919" i="1"/>
  <c r="AD25920" i="1"/>
  <c r="AD25921" i="1"/>
  <c r="AD25922" i="1"/>
  <c r="AD25923" i="1"/>
  <c r="AD25924" i="1"/>
  <c r="AD25925" i="1"/>
  <c r="AD25926" i="1"/>
  <c r="AD25927" i="1"/>
  <c r="AD25928" i="1"/>
  <c r="AD25929" i="1"/>
  <c r="AD25930" i="1"/>
  <c r="AD25931" i="1"/>
  <c r="AD25932" i="1"/>
  <c r="AD25933" i="1"/>
  <c r="AD25934" i="1"/>
  <c r="AD25935" i="1"/>
  <c r="AD25936" i="1"/>
  <c r="AD25937" i="1"/>
  <c r="AD25938" i="1"/>
  <c r="AD25939" i="1"/>
  <c r="AD25940" i="1"/>
  <c r="AD25941" i="1"/>
  <c r="AD25942" i="1"/>
  <c r="AD25943" i="1"/>
  <c r="AD25944" i="1"/>
  <c r="AD25945" i="1"/>
  <c r="AD25946" i="1"/>
  <c r="AD25947" i="1"/>
  <c r="AD25948" i="1"/>
  <c r="AD25949" i="1"/>
  <c r="AD25950" i="1"/>
  <c r="AD25951" i="1"/>
  <c r="AD25952" i="1"/>
  <c r="AD25953" i="1"/>
  <c r="AD25954" i="1"/>
  <c r="AD25955" i="1"/>
  <c r="AD25956" i="1"/>
  <c r="AD25957" i="1"/>
  <c r="AD25958" i="1"/>
  <c r="AD25959" i="1"/>
  <c r="AD25960" i="1"/>
  <c r="AD25961" i="1"/>
  <c r="AD25962" i="1"/>
  <c r="AD25963" i="1"/>
  <c r="AD25964" i="1"/>
  <c r="AD25965" i="1"/>
  <c r="AD25966" i="1"/>
  <c r="AD25967" i="1"/>
  <c r="AD25968" i="1"/>
  <c r="AD25969" i="1"/>
  <c r="AD25970" i="1"/>
  <c r="AD25971" i="1"/>
  <c r="AD25972" i="1"/>
  <c r="AD25973" i="1"/>
  <c r="AD25974" i="1"/>
  <c r="AD25975" i="1"/>
  <c r="AD25976" i="1"/>
  <c r="AD25977" i="1"/>
  <c r="AD25978" i="1"/>
  <c r="AD25979" i="1"/>
  <c r="AD25980" i="1"/>
  <c r="AD25981" i="1"/>
  <c r="AD25982" i="1"/>
  <c r="AD25983" i="1"/>
  <c r="AD25984" i="1"/>
  <c r="AD25985" i="1"/>
  <c r="AD25986" i="1"/>
  <c r="AD25987" i="1"/>
  <c r="AD25988" i="1"/>
  <c r="AD25989" i="1"/>
  <c r="AD25990" i="1"/>
  <c r="AD25991" i="1"/>
  <c r="AD25992" i="1"/>
  <c r="AD25993" i="1"/>
  <c r="AD25994" i="1"/>
  <c r="AD25995" i="1"/>
  <c r="AD25996" i="1"/>
  <c r="AD25997" i="1"/>
  <c r="AD25998" i="1"/>
  <c r="AD25999" i="1"/>
  <c r="AD26000" i="1"/>
  <c r="AD26001" i="1"/>
  <c r="AD26002" i="1"/>
  <c r="AD26003" i="1"/>
  <c r="AD26004" i="1"/>
  <c r="AD26005" i="1"/>
  <c r="AD26006" i="1"/>
  <c r="AD26007" i="1"/>
  <c r="AD26008" i="1"/>
  <c r="AD26009" i="1"/>
  <c r="AD26010" i="1"/>
  <c r="AD26011" i="1"/>
  <c r="AD26012" i="1"/>
  <c r="AD26013" i="1"/>
  <c r="AD26014" i="1"/>
  <c r="AD26015" i="1"/>
  <c r="AD26016" i="1"/>
  <c r="AD26017" i="1"/>
  <c r="AD26018" i="1"/>
  <c r="AD26019" i="1"/>
  <c r="AD26020" i="1"/>
  <c r="AD26021" i="1"/>
  <c r="AD26022" i="1"/>
  <c r="AD26023" i="1"/>
  <c r="AD26024" i="1"/>
  <c r="AD26025" i="1"/>
  <c r="AD26026" i="1"/>
  <c r="AD26027" i="1"/>
  <c r="AD26028" i="1"/>
  <c r="AD26029" i="1"/>
  <c r="AD26030" i="1"/>
  <c r="AD26031" i="1"/>
  <c r="AD26032" i="1"/>
  <c r="AD26033" i="1"/>
  <c r="AD26034" i="1"/>
  <c r="AD26035" i="1"/>
  <c r="AD26036" i="1"/>
  <c r="AD26037" i="1"/>
  <c r="AD26038" i="1"/>
  <c r="AD26039" i="1"/>
  <c r="AD26040" i="1"/>
  <c r="AD26041" i="1"/>
  <c r="AD26042" i="1"/>
  <c r="AD26043" i="1"/>
  <c r="AD26044" i="1"/>
  <c r="AD26045" i="1"/>
  <c r="AD26046" i="1"/>
  <c r="AD26047" i="1"/>
  <c r="AD26048" i="1"/>
  <c r="AD26049" i="1"/>
  <c r="AD26050" i="1"/>
  <c r="AD26051" i="1"/>
  <c r="AD26052" i="1"/>
  <c r="AD26053" i="1"/>
  <c r="AD26054" i="1"/>
  <c r="AD26055" i="1"/>
  <c r="AD26056" i="1"/>
  <c r="AD26057" i="1"/>
  <c r="AD26058" i="1"/>
  <c r="AD26059" i="1"/>
  <c r="AD26060" i="1"/>
  <c r="AD26061" i="1"/>
  <c r="AD26062" i="1"/>
  <c r="AD26063" i="1"/>
  <c r="AD26064" i="1"/>
  <c r="AD26065" i="1"/>
  <c r="AD26066" i="1"/>
  <c r="AD26067" i="1"/>
  <c r="AD26068" i="1"/>
  <c r="AD26069" i="1"/>
  <c r="AD26070" i="1"/>
  <c r="AD26071" i="1"/>
  <c r="AD26072" i="1"/>
  <c r="AD26073" i="1"/>
  <c r="AD26074" i="1"/>
  <c r="AD26075" i="1"/>
  <c r="AD26076" i="1"/>
  <c r="AD26077" i="1"/>
  <c r="AD26078" i="1"/>
  <c r="AD26079" i="1"/>
  <c r="AD26080" i="1"/>
  <c r="AD26081" i="1"/>
  <c r="AD26082" i="1"/>
  <c r="AD26083" i="1"/>
  <c r="AD26084" i="1"/>
  <c r="AD26085" i="1"/>
  <c r="AD26086" i="1"/>
  <c r="AD26087" i="1"/>
  <c r="AD26088" i="1"/>
  <c r="AD26089" i="1"/>
  <c r="AD26090" i="1"/>
  <c r="AD26091" i="1"/>
  <c r="AD26092" i="1"/>
  <c r="AD26093" i="1"/>
  <c r="AD26094" i="1"/>
  <c r="AD26095" i="1"/>
  <c r="AD26096" i="1"/>
  <c r="AD26097" i="1"/>
  <c r="AD26098" i="1"/>
  <c r="AD26099" i="1"/>
  <c r="AD26100" i="1"/>
  <c r="AD26101" i="1"/>
  <c r="AD26102" i="1"/>
  <c r="AD26103" i="1"/>
  <c r="AD26104" i="1"/>
  <c r="AD26105" i="1"/>
  <c r="AD26106" i="1"/>
  <c r="AD26107" i="1"/>
  <c r="AD26108" i="1"/>
  <c r="AD26109" i="1"/>
  <c r="AD26110" i="1"/>
  <c r="AD26111" i="1"/>
  <c r="AD26112" i="1"/>
  <c r="AD26113" i="1"/>
  <c r="AD26114" i="1"/>
  <c r="AD26115" i="1"/>
  <c r="AD26116" i="1"/>
  <c r="AD26117" i="1"/>
  <c r="AD26118" i="1"/>
  <c r="AD26119" i="1"/>
  <c r="AD26120" i="1"/>
  <c r="AD26121" i="1"/>
  <c r="AD26122" i="1"/>
  <c r="AD26123" i="1"/>
  <c r="AD26124" i="1"/>
  <c r="AD26125" i="1"/>
  <c r="AD26126" i="1"/>
  <c r="AD26127" i="1"/>
  <c r="AD26128" i="1"/>
  <c r="AD26129" i="1"/>
  <c r="AD26130" i="1"/>
  <c r="AD26131" i="1"/>
  <c r="AD26132" i="1"/>
  <c r="AD26133" i="1"/>
  <c r="AD26134" i="1"/>
  <c r="AD26135" i="1"/>
  <c r="AD26136" i="1"/>
  <c r="AD26137" i="1"/>
  <c r="AD26138" i="1"/>
  <c r="AD26139" i="1"/>
  <c r="AD26140" i="1"/>
  <c r="AD26141" i="1"/>
  <c r="AD26142" i="1"/>
  <c r="AD26143" i="1"/>
  <c r="AD26144" i="1"/>
  <c r="AD26145" i="1"/>
  <c r="AD26146" i="1"/>
  <c r="AD26147" i="1"/>
  <c r="AD26148" i="1"/>
  <c r="AD26149" i="1"/>
  <c r="AD26150" i="1"/>
  <c r="AD26151" i="1"/>
  <c r="AD26152" i="1"/>
  <c r="AD26153" i="1"/>
  <c r="AD26154" i="1"/>
  <c r="AD26155" i="1"/>
  <c r="AD26156" i="1"/>
  <c r="AD26157" i="1"/>
  <c r="AD26158" i="1"/>
  <c r="AD26159" i="1"/>
  <c r="AD26160" i="1"/>
  <c r="AD26161" i="1"/>
  <c r="AD26162" i="1"/>
  <c r="AD26163" i="1"/>
  <c r="AD26164" i="1"/>
  <c r="AD26165" i="1"/>
  <c r="AD26166" i="1"/>
  <c r="AD26167" i="1"/>
  <c r="AD26168" i="1"/>
  <c r="AD26169" i="1"/>
  <c r="AD26170" i="1"/>
  <c r="AD26171" i="1"/>
  <c r="AD26172" i="1"/>
  <c r="AD26173" i="1"/>
  <c r="AD26174" i="1"/>
  <c r="AD26175" i="1"/>
  <c r="AD26176" i="1"/>
  <c r="AD26177" i="1"/>
  <c r="AD26178" i="1"/>
  <c r="AD26179" i="1"/>
  <c r="AD26180" i="1"/>
  <c r="AD26181" i="1"/>
  <c r="AD26182" i="1"/>
  <c r="AD26183" i="1"/>
  <c r="AD26184" i="1"/>
  <c r="AD26185" i="1"/>
  <c r="AD26186" i="1"/>
  <c r="AD26187" i="1"/>
  <c r="AD26188" i="1"/>
  <c r="AD26189" i="1"/>
  <c r="AD26190" i="1"/>
  <c r="AD26191" i="1"/>
  <c r="AD26192" i="1"/>
  <c r="AD26193" i="1"/>
  <c r="AD26194" i="1"/>
  <c r="AD26195" i="1"/>
  <c r="AD26196" i="1"/>
  <c r="AD26197" i="1"/>
  <c r="AD26198" i="1"/>
  <c r="AD26199" i="1"/>
  <c r="AD26200" i="1"/>
  <c r="AD26201" i="1"/>
  <c r="AD26202" i="1"/>
  <c r="AD26203" i="1"/>
  <c r="AD26204" i="1"/>
  <c r="AD26205" i="1"/>
  <c r="AD26206" i="1"/>
  <c r="AD26207" i="1"/>
  <c r="AD26208" i="1"/>
  <c r="AD26209" i="1"/>
  <c r="AD26210" i="1"/>
  <c r="AD26211" i="1"/>
  <c r="AD26212" i="1"/>
  <c r="AD26213" i="1"/>
  <c r="AD26214" i="1"/>
  <c r="AD26215" i="1"/>
  <c r="AD26216" i="1"/>
  <c r="AD26217" i="1"/>
  <c r="AD26218" i="1"/>
  <c r="AD26219" i="1"/>
  <c r="AD26220" i="1"/>
  <c r="AD26221" i="1"/>
  <c r="AD26222" i="1"/>
  <c r="AD26223" i="1"/>
  <c r="AD26224" i="1"/>
  <c r="AD26225" i="1"/>
  <c r="AD26226" i="1"/>
  <c r="AD26227" i="1"/>
  <c r="AD26228" i="1"/>
  <c r="AD26229" i="1"/>
  <c r="AD26230" i="1"/>
  <c r="AD26231" i="1"/>
  <c r="AD26232" i="1"/>
  <c r="AD26233" i="1"/>
  <c r="AD26234" i="1"/>
  <c r="AD26235" i="1"/>
  <c r="AD26236" i="1"/>
  <c r="AD26237" i="1"/>
  <c r="AD26238" i="1"/>
  <c r="AD26239" i="1"/>
  <c r="AD26240" i="1"/>
  <c r="AD26241" i="1"/>
  <c r="AD26242" i="1"/>
  <c r="AD26243" i="1"/>
  <c r="AD26244" i="1"/>
  <c r="AD26245" i="1"/>
  <c r="AD26246" i="1"/>
  <c r="AD26247" i="1"/>
  <c r="AD26248" i="1"/>
  <c r="AD26249" i="1"/>
  <c r="AD26250" i="1"/>
  <c r="AD26251" i="1"/>
  <c r="AD26252" i="1"/>
  <c r="AD26253" i="1"/>
  <c r="AD26254" i="1"/>
  <c r="AD26255" i="1"/>
  <c r="AD26256" i="1"/>
  <c r="AD26257" i="1"/>
  <c r="AD26258" i="1"/>
  <c r="AD26259" i="1"/>
  <c r="AD26260" i="1"/>
  <c r="AD26261" i="1"/>
  <c r="AD26262" i="1"/>
  <c r="AD26263" i="1"/>
  <c r="AD26264" i="1"/>
  <c r="AD26265" i="1"/>
  <c r="AD26266" i="1"/>
  <c r="AD26267" i="1"/>
  <c r="AD26268" i="1"/>
  <c r="AD26269" i="1"/>
  <c r="AD26270" i="1"/>
  <c r="AD26271" i="1"/>
  <c r="AD26272" i="1"/>
  <c r="AD26273" i="1"/>
  <c r="AD26274" i="1"/>
  <c r="AD26275" i="1"/>
  <c r="AD26276" i="1"/>
  <c r="AD26277" i="1"/>
  <c r="AD26278" i="1"/>
  <c r="AD26279" i="1"/>
  <c r="AD26280" i="1"/>
  <c r="AD26281" i="1"/>
  <c r="AD26282" i="1"/>
  <c r="AD26283" i="1"/>
  <c r="AD26284" i="1"/>
  <c r="AD26285" i="1"/>
  <c r="AD26286" i="1"/>
  <c r="AD26287" i="1"/>
  <c r="AD26288" i="1"/>
  <c r="AD26289" i="1"/>
  <c r="AD26290" i="1"/>
  <c r="AD26291" i="1"/>
  <c r="AD26292" i="1"/>
  <c r="AD26293" i="1"/>
  <c r="AD26294" i="1"/>
  <c r="AD26295" i="1"/>
  <c r="AD26296" i="1"/>
  <c r="AD26297" i="1"/>
  <c r="AD26298" i="1"/>
  <c r="AD26299" i="1"/>
  <c r="AD26300" i="1"/>
  <c r="AD26301" i="1"/>
  <c r="AD26302" i="1"/>
  <c r="AD26303" i="1"/>
  <c r="AD26304" i="1"/>
  <c r="AD26305" i="1"/>
  <c r="AD26306" i="1"/>
  <c r="AD26307" i="1"/>
  <c r="AD26308" i="1"/>
  <c r="AD26309" i="1"/>
  <c r="AD26310" i="1"/>
  <c r="AD26311" i="1"/>
  <c r="AD26312" i="1"/>
  <c r="AD26313" i="1"/>
  <c r="AD26314" i="1"/>
  <c r="AD26315" i="1"/>
  <c r="AD26316" i="1"/>
  <c r="AD26317" i="1"/>
  <c r="AD26318" i="1"/>
  <c r="AD26319" i="1"/>
  <c r="AD26320" i="1"/>
  <c r="AD26321" i="1"/>
  <c r="AD26322" i="1"/>
  <c r="AD26323" i="1"/>
  <c r="AD26324" i="1"/>
  <c r="AD26325" i="1"/>
  <c r="AD26326" i="1"/>
  <c r="AD26327" i="1"/>
  <c r="AD26328" i="1"/>
  <c r="AD26329" i="1"/>
  <c r="AD26330" i="1"/>
  <c r="AD26331" i="1"/>
  <c r="AD26332" i="1"/>
  <c r="AD26333" i="1"/>
  <c r="AD26334" i="1"/>
  <c r="AD26335" i="1"/>
  <c r="AD26336" i="1"/>
  <c r="AD26337" i="1"/>
  <c r="AD26338" i="1"/>
  <c r="AD26339" i="1"/>
  <c r="AD26340" i="1"/>
  <c r="AD26341" i="1"/>
  <c r="AD26342" i="1"/>
  <c r="AD26343" i="1"/>
  <c r="AD26344" i="1"/>
  <c r="AD26345" i="1"/>
  <c r="AD26346" i="1"/>
  <c r="AD26347" i="1"/>
  <c r="AD26348" i="1"/>
  <c r="AD26349" i="1"/>
  <c r="AD26350" i="1"/>
  <c r="AD26351" i="1"/>
  <c r="AD26352" i="1"/>
  <c r="AD26353" i="1"/>
  <c r="AD26354" i="1"/>
  <c r="AD26355" i="1"/>
  <c r="AD26356" i="1"/>
  <c r="AD26357" i="1"/>
  <c r="AD26358" i="1"/>
  <c r="AD26359" i="1"/>
  <c r="AD26360" i="1"/>
  <c r="AD26361" i="1"/>
  <c r="AD26362" i="1"/>
  <c r="AD26363" i="1"/>
  <c r="AD26364" i="1"/>
  <c r="AD26365" i="1"/>
  <c r="AD26366" i="1"/>
  <c r="AD26367" i="1"/>
  <c r="AD26368" i="1"/>
  <c r="AD26369" i="1"/>
  <c r="AD26370" i="1"/>
  <c r="AD26371" i="1"/>
  <c r="AD26372" i="1"/>
  <c r="AD26373" i="1"/>
  <c r="AD26374" i="1"/>
  <c r="AD26375" i="1"/>
  <c r="AD26376" i="1"/>
  <c r="AD26377" i="1"/>
  <c r="AD26378" i="1"/>
  <c r="AD26379" i="1"/>
  <c r="AD26380" i="1"/>
  <c r="AD26381" i="1"/>
  <c r="AD26382" i="1"/>
  <c r="AD26383" i="1"/>
  <c r="AD26384" i="1"/>
  <c r="AD26385" i="1"/>
  <c r="AD26386" i="1"/>
  <c r="AD26387" i="1"/>
  <c r="AD26388" i="1"/>
  <c r="AD26389" i="1"/>
  <c r="AD26390" i="1"/>
  <c r="AD26391" i="1"/>
  <c r="AD26392" i="1"/>
  <c r="AD26393" i="1"/>
  <c r="AD26394" i="1"/>
  <c r="AD26395" i="1"/>
  <c r="AD26396" i="1"/>
  <c r="AD26397" i="1"/>
  <c r="AD26398" i="1"/>
  <c r="AD26399" i="1"/>
  <c r="AD26400" i="1"/>
  <c r="AD26401" i="1"/>
  <c r="AD26402" i="1"/>
  <c r="AD26403" i="1"/>
  <c r="AD26404" i="1"/>
  <c r="AD26405" i="1"/>
  <c r="AD26406" i="1"/>
  <c r="AD26407" i="1"/>
  <c r="AD26408" i="1"/>
  <c r="AD26409" i="1"/>
  <c r="AD26410" i="1"/>
  <c r="AD26411" i="1"/>
  <c r="AD26412" i="1"/>
  <c r="AD26413" i="1"/>
  <c r="AD26414" i="1"/>
  <c r="AD26415" i="1"/>
  <c r="AD26416" i="1"/>
  <c r="AD26417" i="1"/>
  <c r="AD26418" i="1"/>
  <c r="AD26419" i="1"/>
  <c r="AD26420" i="1"/>
  <c r="AD26421" i="1"/>
  <c r="AD26422" i="1"/>
  <c r="AD26423" i="1"/>
  <c r="AD26424" i="1"/>
  <c r="AD26425" i="1"/>
  <c r="AD26426" i="1"/>
  <c r="AD26427" i="1"/>
  <c r="AD26428" i="1"/>
  <c r="AD26429" i="1"/>
  <c r="AD26430" i="1"/>
  <c r="AD26431" i="1"/>
  <c r="AD26432" i="1"/>
  <c r="AD26433" i="1"/>
  <c r="AD26434" i="1"/>
  <c r="AD26435" i="1"/>
  <c r="AD26436" i="1"/>
  <c r="AD26437" i="1"/>
  <c r="AD26438" i="1"/>
  <c r="AD26439" i="1"/>
  <c r="AD26440" i="1"/>
  <c r="AD26441" i="1"/>
  <c r="AD26442" i="1"/>
  <c r="AD26443" i="1"/>
  <c r="AD26444" i="1"/>
  <c r="AD26445" i="1"/>
  <c r="AD26446" i="1"/>
  <c r="AD26447" i="1"/>
  <c r="AD26448" i="1"/>
  <c r="AD26449" i="1"/>
  <c r="AD26450" i="1"/>
  <c r="AD26451" i="1"/>
  <c r="AD26452" i="1"/>
  <c r="AD26453" i="1"/>
  <c r="AD26454" i="1"/>
  <c r="AD26455" i="1"/>
  <c r="AD26456" i="1"/>
  <c r="AD26457" i="1"/>
  <c r="AD26458" i="1"/>
  <c r="AD26459" i="1"/>
  <c r="AD26460" i="1"/>
  <c r="AD26461" i="1"/>
  <c r="AD26462" i="1"/>
  <c r="AD26463" i="1"/>
  <c r="AD26464" i="1"/>
  <c r="AD26465" i="1"/>
  <c r="AD26466" i="1"/>
  <c r="AD26467" i="1"/>
  <c r="AD26468" i="1"/>
  <c r="AD26469" i="1"/>
  <c r="AD26470" i="1"/>
  <c r="AD26471" i="1"/>
  <c r="AD26472" i="1"/>
  <c r="AD26473" i="1"/>
  <c r="AD26474" i="1"/>
  <c r="AD26475" i="1"/>
  <c r="AD26476" i="1"/>
  <c r="AD26477" i="1"/>
  <c r="AD26478" i="1"/>
  <c r="AD26479" i="1"/>
  <c r="AD26480" i="1"/>
  <c r="AD26481" i="1"/>
  <c r="AD26482" i="1"/>
  <c r="AD26483" i="1"/>
  <c r="AD26484" i="1"/>
  <c r="AD26485" i="1"/>
  <c r="AD26486" i="1"/>
  <c r="AD26487" i="1"/>
  <c r="AD26488" i="1"/>
  <c r="AD26489" i="1"/>
  <c r="AD26490" i="1"/>
  <c r="AD26491" i="1"/>
  <c r="AD26492" i="1"/>
  <c r="AD26493" i="1"/>
  <c r="AD26494" i="1"/>
  <c r="AD26495" i="1"/>
  <c r="AD26496" i="1"/>
  <c r="AD26497" i="1"/>
  <c r="AD26498" i="1"/>
  <c r="AD26499" i="1"/>
  <c r="AD26500" i="1"/>
  <c r="AD26501" i="1"/>
  <c r="AD26502" i="1"/>
  <c r="AD26503" i="1"/>
  <c r="AD26504" i="1"/>
  <c r="AD26505" i="1"/>
  <c r="AD26506" i="1"/>
  <c r="AD26507" i="1"/>
  <c r="AD26508" i="1"/>
  <c r="AD26509" i="1"/>
  <c r="AD26510" i="1"/>
  <c r="AD26511" i="1"/>
  <c r="AD26512" i="1"/>
  <c r="AD26513" i="1"/>
  <c r="AD26514" i="1"/>
  <c r="AD26515" i="1"/>
  <c r="AD26516" i="1"/>
  <c r="AD26517" i="1"/>
  <c r="AD26518" i="1"/>
  <c r="AD26519" i="1"/>
  <c r="AD26520" i="1"/>
  <c r="AD26521" i="1"/>
  <c r="AD26522" i="1"/>
  <c r="AD26523" i="1"/>
  <c r="AD26524" i="1"/>
  <c r="AD26525" i="1"/>
  <c r="AD26526" i="1"/>
  <c r="AD26527" i="1"/>
  <c r="AD26528" i="1"/>
  <c r="AD26529" i="1"/>
  <c r="AD26530" i="1"/>
  <c r="AD26531" i="1"/>
  <c r="AD26532" i="1"/>
  <c r="AD26533" i="1"/>
  <c r="AD26534" i="1"/>
  <c r="AD26535" i="1"/>
  <c r="AD26536" i="1"/>
  <c r="AD26537" i="1"/>
  <c r="AD26538" i="1"/>
  <c r="AD26539" i="1"/>
  <c r="AD26540" i="1"/>
  <c r="AD26541" i="1"/>
  <c r="AD26542" i="1"/>
  <c r="AD26543" i="1"/>
  <c r="AD26544" i="1"/>
  <c r="AD26545" i="1"/>
  <c r="AD26546" i="1"/>
  <c r="AD26547" i="1"/>
  <c r="AD26548" i="1"/>
  <c r="AD26549" i="1"/>
  <c r="AD26550" i="1"/>
  <c r="AD26551" i="1"/>
  <c r="AD26552" i="1"/>
  <c r="AD26553" i="1"/>
  <c r="AD26554" i="1"/>
  <c r="AD26555" i="1"/>
  <c r="AD26556" i="1"/>
  <c r="AD26557" i="1"/>
  <c r="AD26558" i="1"/>
  <c r="AD26559" i="1"/>
  <c r="AD26560" i="1"/>
  <c r="AD26561" i="1"/>
  <c r="AD26562" i="1"/>
  <c r="AD26563" i="1"/>
  <c r="AD26564" i="1"/>
  <c r="AD26565" i="1"/>
  <c r="AD26566" i="1"/>
  <c r="AD26567" i="1"/>
  <c r="AD26568" i="1"/>
  <c r="AD26569" i="1"/>
  <c r="AD26570" i="1"/>
  <c r="AD26571" i="1"/>
  <c r="AD26572" i="1"/>
  <c r="AD26573" i="1"/>
  <c r="AD26574" i="1"/>
  <c r="AD26575" i="1"/>
  <c r="AD26576" i="1"/>
  <c r="AD26577" i="1"/>
  <c r="AD26578" i="1"/>
  <c r="AD26579" i="1"/>
  <c r="AD26580" i="1"/>
  <c r="AD26581" i="1"/>
  <c r="AD26582" i="1"/>
  <c r="AD26583" i="1"/>
  <c r="AD26584" i="1"/>
  <c r="AD26585" i="1"/>
  <c r="AD26586" i="1"/>
  <c r="AD26587" i="1"/>
  <c r="AD26588" i="1"/>
  <c r="AD26589" i="1"/>
  <c r="AD26590" i="1"/>
  <c r="AD26591" i="1"/>
  <c r="AD26592" i="1"/>
  <c r="AD26593" i="1"/>
  <c r="AD26594" i="1"/>
  <c r="AD26595" i="1"/>
  <c r="AD26596" i="1"/>
  <c r="AD26597" i="1"/>
  <c r="AD26598" i="1"/>
  <c r="AD26599" i="1"/>
  <c r="AD26600" i="1"/>
  <c r="AD26601" i="1"/>
  <c r="AD26602" i="1"/>
  <c r="AD26603" i="1"/>
  <c r="AD26604" i="1"/>
  <c r="AD26605" i="1"/>
  <c r="AD26606" i="1"/>
  <c r="AD26607" i="1"/>
  <c r="AD26608" i="1"/>
  <c r="AD26609" i="1"/>
  <c r="AD26610" i="1"/>
  <c r="AD26611" i="1"/>
  <c r="AD26612" i="1"/>
  <c r="AD26613" i="1"/>
  <c r="AD26614" i="1"/>
  <c r="AD26615" i="1"/>
  <c r="AD26616" i="1"/>
  <c r="AD26617" i="1"/>
  <c r="AD26618" i="1"/>
  <c r="AD26619" i="1"/>
  <c r="AD26620" i="1"/>
  <c r="AD26621" i="1"/>
  <c r="AD26622" i="1"/>
  <c r="AD26623" i="1"/>
  <c r="AD26624" i="1"/>
  <c r="AD26625" i="1"/>
  <c r="AD26626" i="1"/>
  <c r="AD26627" i="1"/>
  <c r="AD26628" i="1"/>
  <c r="AD26629" i="1"/>
  <c r="AD26630" i="1"/>
  <c r="AD26631" i="1"/>
  <c r="AD26632" i="1"/>
  <c r="AD26633" i="1"/>
  <c r="AD26634" i="1"/>
  <c r="AD26635" i="1"/>
  <c r="AD26636" i="1"/>
  <c r="AD26637" i="1"/>
  <c r="AD26638" i="1"/>
  <c r="AD26639" i="1"/>
  <c r="AD26640" i="1"/>
  <c r="AD26641" i="1"/>
  <c r="AD26642" i="1"/>
  <c r="AD26643" i="1"/>
  <c r="AD26644" i="1"/>
  <c r="AD26645" i="1"/>
  <c r="AD26646" i="1"/>
  <c r="AD26647" i="1"/>
  <c r="AD26648" i="1"/>
  <c r="AD26649" i="1"/>
  <c r="AD26650" i="1"/>
  <c r="AD26651" i="1"/>
  <c r="AD26652" i="1"/>
  <c r="AD26653" i="1"/>
  <c r="AD26654" i="1"/>
  <c r="AD26655" i="1"/>
  <c r="AD26656" i="1"/>
  <c r="AD26657" i="1"/>
  <c r="AD26658" i="1"/>
  <c r="AD26659" i="1"/>
  <c r="AD26660" i="1"/>
  <c r="AD26661" i="1"/>
  <c r="AD26662" i="1"/>
  <c r="AD26663" i="1"/>
  <c r="AD26664" i="1"/>
  <c r="AD26665" i="1"/>
  <c r="AD26666" i="1"/>
  <c r="AD26667" i="1"/>
  <c r="AD26668" i="1"/>
  <c r="AD26669" i="1"/>
  <c r="AD26670" i="1"/>
  <c r="AD26671" i="1"/>
  <c r="AD26672" i="1"/>
  <c r="AD26673" i="1"/>
  <c r="AD26674" i="1"/>
  <c r="AD26675" i="1"/>
  <c r="AD26676" i="1"/>
  <c r="AD26677" i="1"/>
  <c r="AD26678" i="1"/>
  <c r="AD26679" i="1"/>
  <c r="AD26680" i="1"/>
  <c r="AD26681" i="1"/>
  <c r="AD26682" i="1"/>
  <c r="AD26683" i="1"/>
  <c r="AD26684" i="1"/>
  <c r="AD26685" i="1"/>
  <c r="AD26686" i="1"/>
  <c r="AD26687" i="1"/>
  <c r="AD26688" i="1"/>
  <c r="AD26689" i="1"/>
  <c r="AD26690" i="1"/>
  <c r="AD26691" i="1"/>
  <c r="AD26692" i="1"/>
  <c r="AD26693" i="1"/>
  <c r="AD26694" i="1"/>
  <c r="AD26695" i="1"/>
  <c r="AD26696" i="1"/>
  <c r="AD26697" i="1"/>
  <c r="AD26698" i="1"/>
  <c r="AD26699" i="1"/>
  <c r="AD26700" i="1"/>
  <c r="AD26701" i="1"/>
  <c r="AD26702" i="1"/>
  <c r="AD26703" i="1"/>
  <c r="AD26704" i="1"/>
  <c r="AD26705" i="1"/>
  <c r="AD26706" i="1"/>
  <c r="AD26707" i="1"/>
  <c r="AD26708" i="1"/>
  <c r="AD26709" i="1"/>
  <c r="AD26710" i="1"/>
  <c r="AD26711" i="1"/>
  <c r="AD26712" i="1"/>
  <c r="AD26713" i="1"/>
  <c r="AD26714" i="1"/>
  <c r="AD26715" i="1"/>
  <c r="AD26716" i="1"/>
  <c r="AD26717" i="1"/>
  <c r="AD26718" i="1"/>
  <c r="AD26719" i="1"/>
  <c r="AD26720" i="1"/>
  <c r="AD26721" i="1"/>
  <c r="AD26722" i="1"/>
  <c r="AD26723" i="1"/>
  <c r="AD26724" i="1"/>
  <c r="AD26725" i="1"/>
  <c r="AD26726" i="1"/>
  <c r="AD26727" i="1"/>
  <c r="AD26728" i="1"/>
  <c r="AD26729" i="1"/>
  <c r="AD26730" i="1"/>
  <c r="AD26731" i="1"/>
  <c r="AD26732" i="1"/>
  <c r="AD26733" i="1"/>
  <c r="AD26734" i="1"/>
  <c r="AD26735" i="1"/>
  <c r="AD26736" i="1"/>
  <c r="AD26737" i="1"/>
  <c r="AD26738" i="1"/>
  <c r="AD26739" i="1"/>
  <c r="AD26740" i="1"/>
  <c r="AD26741" i="1"/>
  <c r="AD26742" i="1"/>
  <c r="AD26743" i="1"/>
  <c r="AD26744" i="1"/>
  <c r="AD26745" i="1"/>
  <c r="AD26746" i="1"/>
  <c r="AD26747" i="1"/>
  <c r="AD26748" i="1"/>
  <c r="AD26749" i="1"/>
  <c r="AD26750" i="1"/>
  <c r="AD26751" i="1"/>
  <c r="AD26752" i="1"/>
  <c r="AD26753" i="1"/>
  <c r="AD26754" i="1"/>
  <c r="AD26755" i="1"/>
  <c r="AD26756" i="1"/>
  <c r="AD26757" i="1"/>
  <c r="AD26758" i="1"/>
  <c r="AD26759" i="1"/>
  <c r="AD26760" i="1"/>
  <c r="AD26761" i="1"/>
  <c r="AD26762" i="1"/>
  <c r="AD26763" i="1"/>
  <c r="AD26764" i="1"/>
  <c r="AD26765" i="1"/>
  <c r="AD26766" i="1"/>
  <c r="AD26767" i="1"/>
  <c r="AD26768" i="1"/>
  <c r="AD26769" i="1"/>
  <c r="AD26770" i="1"/>
  <c r="AD26771" i="1"/>
  <c r="AD26772" i="1"/>
  <c r="AD26773" i="1"/>
  <c r="AD26774" i="1"/>
  <c r="AD26775" i="1"/>
  <c r="AD26776" i="1"/>
  <c r="AD26777" i="1"/>
  <c r="AD26778" i="1"/>
  <c r="AD26779" i="1"/>
  <c r="AD26780" i="1"/>
  <c r="AD26781" i="1"/>
  <c r="AD26782" i="1"/>
  <c r="AD26783" i="1"/>
  <c r="AD26784" i="1"/>
  <c r="AD26785" i="1"/>
  <c r="AD26786" i="1"/>
  <c r="AD26787" i="1"/>
  <c r="AD26788" i="1"/>
  <c r="AD26789" i="1"/>
  <c r="AD26790" i="1"/>
  <c r="AD26791" i="1"/>
  <c r="AD26792" i="1"/>
  <c r="AD26793" i="1"/>
  <c r="AD26794" i="1"/>
  <c r="AD26795" i="1"/>
  <c r="AD26796" i="1"/>
  <c r="AD26797" i="1"/>
  <c r="AD26798" i="1"/>
  <c r="AD26799" i="1"/>
  <c r="AD26800" i="1"/>
  <c r="AD26801" i="1"/>
  <c r="AD26802" i="1"/>
  <c r="AD26803" i="1"/>
  <c r="AD26804" i="1"/>
  <c r="AD26805" i="1"/>
  <c r="AD26806" i="1"/>
  <c r="AD26807" i="1"/>
  <c r="AD26808" i="1"/>
  <c r="AD26809" i="1"/>
  <c r="AD26810" i="1"/>
  <c r="AD26811" i="1"/>
  <c r="AD26812" i="1"/>
  <c r="AD26813" i="1"/>
  <c r="AD26814" i="1"/>
  <c r="AD26815" i="1"/>
  <c r="AD26816" i="1"/>
  <c r="AD26817" i="1"/>
  <c r="AD26818" i="1"/>
  <c r="AD26819" i="1"/>
  <c r="AD26820" i="1"/>
  <c r="AD26821" i="1"/>
  <c r="AD26822" i="1"/>
  <c r="AD26823" i="1"/>
  <c r="AD26824" i="1"/>
  <c r="AD26825" i="1"/>
  <c r="AD26826" i="1"/>
  <c r="AD26827" i="1"/>
  <c r="AD26828" i="1"/>
  <c r="AD26829" i="1"/>
  <c r="AD26830" i="1"/>
  <c r="AD26831" i="1"/>
  <c r="AD26832" i="1"/>
  <c r="AD26833" i="1"/>
  <c r="AD26834" i="1"/>
  <c r="AD26835" i="1"/>
  <c r="AD26836" i="1"/>
  <c r="AD26837" i="1"/>
  <c r="AD26838" i="1"/>
  <c r="AD26839" i="1"/>
  <c r="AD26840" i="1"/>
  <c r="AD26841" i="1"/>
  <c r="AD26842" i="1"/>
  <c r="AD26843" i="1"/>
  <c r="AD26844" i="1"/>
  <c r="AD26845" i="1"/>
  <c r="AD26846" i="1"/>
  <c r="AD26847" i="1"/>
  <c r="AD26848" i="1"/>
  <c r="AD26849" i="1"/>
  <c r="AD26850" i="1"/>
  <c r="AD26851" i="1"/>
  <c r="AD26852" i="1"/>
  <c r="AD26853" i="1"/>
  <c r="AD26854" i="1"/>
  <c r="AD26855" i="1"/>
  <c r="AD26856" i="1"/>
  <c r="AD26857" i="1"/>
  <c r="AD26858" i="1"/>
  <c r="AD26859" i="1"/>
  <c r="AD26860" i="1"/>
  <c r="AD26861" i="1"/>
  <c r="AD26862" i="1"/>
  <c r="AD26863" i="1"/>
  <c r="AD26864" i="1"/>
  <c r="AD26865" i="1"/>
  <c r="AD26866" i="1"/>
  <c r="AD26867" i="1"/>
  <c r="AD26868" i="1"/>
  <c r="AD26869" i="1"/>
  <c r="AD26870" i="1"/>
  <c r="AD26871" i="1"/>
  <c r="AD26872" i="1"/>
  <c r="AD26873" i="1"/>
  <c r="AD26874" i="1"/>
  <c r="AD26875" i="1"/>
  <c r="AD26876" i="1"/>
  <c r="AD26877" i="1"/>
  <c r="AD26878" i="1"/>
  <c r="AD26879" i="1"/>
  <c r="AD26880" i="1"/>
  <c r="AD26881" i="1"/>
  <c r="AD26882" i="1"/>
  <c r="AD26883" i="1"/>
  <c r="AD26884" i="1"/>
  <c r="AD26885" i="1"/>
  <c r="AD26886" i="1"/>
  <c r="AD26887" i="1"/>
  <c r="AD26888" i="1"/>
  <c r="AD26889" i="1"/>
  <c r="AD26890" i="1"/>
  <c r="AD26891" i="1"/>
  <c r="AD26892" i="1"/>
  <c r="AD26893" i="1"/>
  <c r="AD26894" i="1"/>
  <c r="AD26895" i="1"/>
  <c r="AD26896" i="1"/>
  <c r="AD26897" i="1"/>
  <c r="AD26898" i="1"/>
  <c r="AD26899" i="1"/>
  <c r="AD26900" i="1"/>
  <c r="AD26901" i="1"/>
  <c r="AD26902" i="1"/>
  <c r="AD26903" i="1"/>
  <c r="AD26904" i="1"/>
  <c r="AD26905" i="1"/>
  <c r="AD26906" i="1"/>
  <c r="AD26907" i="1"/>
  <c r="AD26908" i="1"/>
  <c r="AD26909" i="1"/>
  <c r="AD26910" i="1"/>
  <c r="AD26911" i="1"/>
  <c r="AD26912" i="1"/>
  <c r="AD26913" i="1"/>
  <c r="AD26914" i="1"/>
  <c r="AD26915" i="1"/>
  <c r="AD26916" i="1"/>
  <c r="AD26917" i="1"/>
  <c r="AD26918" i="1"/>
  <c r="AD26919" i="1"/>
  <c r="AD26920" i="1"/>
  <c r="AD26921" i="1"/>
  <c r="AD26922" i="1"/>
  <c r="AD26923" i="1"/>
  <c r="AD26924" i="1"/>
  <c r="AD26925" i="1"/>
  <c r="AD26926" i="1"/>
  <c r="AD26927" i="1"/>
  <c r="AD26928" i="1"/>
  <c r="AD26929" i="1"/>
  <c r="AD26930" i="1"/>
  <c r="AD26931" i="1"/>
  <c r="AD26932" i="1"/>
  <c r="AD26933" i="1"/>
  <c r="AD26934" i="1"/>
  <c r="AD26935" i="1"/>
  <c r="AD26936" i="1"/>
  <c r="AD26937" i="1"/>
  <c r="AD26938" i="1"/>
  <c r="AD26939" i="1"/>
  <c r="AD26940" i="1"/>
  <c r="AD26941" i="1"/>
  <c r="AD26942" i="1"/>
  <c r="AD26943" i="1"/>
  <c r="AD26944" i="1"/>
  <c r="AD26945" i="1"/>
  <c r="AD26946" i="1"/>
  <c r="AD26947" i="1"/>
  <c r="AD26948" i="1"/>
  <c r="AD26949" i="1"/>
  <c r="AD26950" i="1"/>
  <c r="AD26951" i="1"/>
  <c r="AD26952" i="1"/>
  <c r="AD26953" i="1"/>
  <c r="AD26954" i="1"/>
  <c r="AD26955" i="1"/>
  <c r="AD26956" i="1"/>
  <c r="AD26957" i="1"/>
  <c r="AD26958" i="1"/>
  <c r="AD26959" i="1"/>
  <c r="AD26960" i="1"/>
  <c r="AD26961" i="1"/>
  <c r="AD26962" i="1"/>
  <c r="AD26963" i="1"/>
  <c r="AD26964" i="1"/>
  <c r="AD26965" i="1"/>
  <c r="AD26966" i="1"/>
  <c r="AD26967" i="1"/>
  <c r="AD26968" i="1"/>
  <c r="AD26969" i="1"/>
  <c r="AD26970" i="1"/>
  <c r="AD26971" i="1"/>
  <c r="AD26972" i="1"/>
  <c r="AD26973" i="1"/>
  <c r="AD26974" i="1"/>
  <c r="AD26975" i="1"/>
  <c r="AD26976" i="1"/>
  <c r="AD26977" i="1"/>
  <c r="AD26978" i="1"/>
  <c r="AD26979" i="1"/>
  <c r="AD26980" i="1"/>
  <c r="AD26981" i="1"/>
  <c r="AD26982" i="1"/>
  <c r="AD26983" i="1"/>
  <c r="AD26984" i="1"/>
  <c r="AD26985" i="1"/>
  <c r="AD26986" i="1"/>
  <c r="AD26987" i="1"/>
  <c r="AD26988" i="1"/>
  <c r="AD26989" i="1"/>
  <c r="AD26990" i="1"/>
  <c r="AD26991" i="1"/>
  <c r="AD26992" i="1"/>
  <c r="AD26993" i="1"/>
  <c r="AD26994" i="1"/>
  <c r="AD26995" i="1"/>
  <c r="AD26996" i="1"/>
  <c r="AD26997" i="1"/>
  <c r="AD26998" i="1"/>
  <c r="AD26999" i="1"/>
  <c r="AD27000" i="1"/>
  <c r="AD27001" i="1"/>
  <c r="AD27002" i="1"/>
  <c r="AD27003" i="1"/>
  <c r="AD27004" i="1"/>
  <c r="AD27005" i="1"/>
  <c r="AD27006" i="1"/>
  <c r="AD27007" i="1"/>
  <c r="AD27008" i="1"/>
  <c r="AD27009" i="1"/>
  <c r="AD27010" i="1"/>
  <c r="AD27011" i="1"/>
  <c r="AD27012" i="1"/>
  <c r="AD27013" i="1"/>
  <c r="AD27014" i="1"/>
  <c r="AD27015" i="1"/>
  <c r="AD27016" i="1"/>
  <c r="AD27017" i="1"/>
  <c r="AD27018" i="1"/>
  <c r="AD27019" i="1"/>
  <c r="AD27020" i="1"/>
  <c r="AD27021" i="1"/>
  <c r="AD27022" i="1"/>
  <c r="AD27023" i="1"/>
  <c r="AD27024" i="1"/>
  <c r="AD27025" i="1"/>
  <c r="AD27026" i="1"/>
  <c r="AD27027" i="1"/>
  <c r="AD27028" i="1"/>
  <c r="AD27029" i="1"/>
  <c r="AD27030" i="1"/>
  <c r="AD27031" i="1"/>
  <c r="AD27032" i="1"/>
  <c r="AD27033" i="1"/>
  <c r="AD27034" i="1"/>
  <c r="AD27035" i="1"/>
  <c r="AD27036" i="1"/>
  <c r="AD27037" i="1"/>
  <c r="AD27038" i="1"/>
  <c r="AD27039" i="1"/>
  <c r="AD27040" i="1"/>
  <c r="AD27041" i="1"/>
  <c r="AD27042" i="1"/>
  <c r="AD27043" i="1"/>
  <c r="AD27044" i="1"/>
  <c r="AD27045" i="1"/>
  <c r="AD27046" i="1"/>
  <c r="AD27047" i="1"/>
  <c r="AD27048" i="1"/>
  <c r="AD27049" i="1"/>
  <c r="AD27050" i="1"/>
  <c r="AD27051" i="1"/>
  <c r="AD27052" i="1"/>
  <c r="AD27053" i="1"/>
  <c r="AD27054" i="1"/>
  <c r="AD27055" i="1"/>
  <c r="AD27056" i="1"/>
  <c r="AD27057" i="1"/>
  <c r="AD27058" i="1"/>
  <c r="AD27059" i="1"/>
  <c r="AD27060" i="1"/>
  <c r="AD27061" i="1"/>
  <c r="AD27062" i="1"/>
  <c r="AD27063" i="1"/>
  <c r="AD27064" i="1"/>
  <c r="AD27065" i="1"/>
  <c r="AD27066" i="1"/>
  <c r="AD27067" i="1"/>
  <c r="AD27068" i="1"/>
  <c r="AD27069" i="1"/>
  <c r="AD27070" i="1"/>
  <c r="AD27071" i="1"/>
  <c r="AD27072" i="1"/>
  <c r="AD27073" i="1"/>
  <c r="AD27074" i="1"/>
  <c r="AD27075" i="1"/>
  <c r="AD27076" i="1"/>
  <c r="AD27077" i="1"/>
  <c r="AD27078" i="1"/>
  <c r="AD27079" i="1"/>
  <c r="AD27080" i="1"/>
  <c r="AD27081" i="1"/>
  <c r="AD27082" i="1"/>
  <c r="AD27083" i="1"/>
  <c r="AD27084" i="1"/>
  <c r="AD27085" i="1"/>
  <c r="AD27086" i="1"/>
  <c r="AD27087" i="1"/>
  <c r="AD27088" i="1"/>
  <c r="AD27089" i="1"/>
  <c r="AD27090" i="1"/>
  <c r="AD27091" i="1"/>
  <c r="AD27092" i="1"/>
  <c r="AD27093" i="1"/>
  <c r="AD27094" i="1"/>
  <c r="AD27095" i="1"/>
  <c r="AD27096" i="1"/>
  <c r="AD27097" i="1"/>
  <c r="AD27098" i="1"/>
  <c r="AD27099" i="1"/>
  <c r="AD27100" i="1"/>
  <c r="AD27101" i="1"/>
  <c r="AD27102" i="1"/>
  <c r="AD27103" i="1"/>
  <c r="AD27104" i="1"/>
  <c r="AD27105" i="1"/>
  <c r="AD27106" i="1"/>
  <c r="AD27107" i="1"/>
  <c r="AD27108" i="1"/>
  <c r="AD27109" i="1"/>
  <c r="AD27110" i="1"/>
  <c r="AD27111" i="1"/>
  <c r="AD27112" i="1"/>
  <c r="AD27113" i="1"/>
  <c r="AD27114" i="1"/>
  <c r="AD27115" i="1"/>
  <c r="AD27116" i="1"/>
  <c r="AD27117" i="1"/>
  <c r="AD27118" i="1"/>
  <c r="AD27119" i="1"/>
  <c r="AD27120" i="1"/>
  <c r="AD27121" i="1"/>
  <c r="AD27122" i="1"/>
  <c r="AD27123" i="1"/>
  <c r="AD27124" i="1"/>
  <c r="AD27125" i="1"/>
  <c r="AD27126" i="1"/>
  <c r="AD27127" i="1"/>
  <c r="AD27128" i="1"/>
  <c r="AD27129" i="1"/>
  <c r="AD27130" i="1"/>
  <c r="AD27131" i="1"/>
  <c r="AD27132" i="1"/>
  <c r="AD27133" i="1"/>
  <c r="AD27134" i="1"/>
  <c r="AD27135" i="1"/>
  <c r="AD27136" i="1"/>
  <c r="AD27137" i="1"/>
  <c r="AD27138" i="1"/>
  <c r="AD27139" i="1"/>
  <c r="AD27140" i="1"/>
  <c r="AD27141" i="1"/>
  <c r="AD27142" i="1"/>
  <c r="AD27143" i="1"/>
  <c r="AD27144" i="1"/>
  <c r="AD27145" i="1"/>
  <c r="AD27146" i="1"/>
  <c r="AD27147" i="1"/>
  <c r="AD27148" i="1"/>
  <c r="AD27149" i="1"/>
  <c r="AD27150" i="1"/>
  <c r="AD27151" i="1"/>
  <c r="AD27152" i="1"/>
  <c r="AD27153" i="1"/>
  <c r="AD27154" i="1"/>
  <c r="AD27155" i="1"/>
  <c r="AD27156" i="1"/>
  <c r="AD27157" i="1"/>
  <c r="AD27158" i="1"/>
  <c r="AD27159" i="1"/>
  <c r="AD27160" i="1"/>
  <c r="AD27161" i="1"/>
  <c r="AD27162" i="1"/>
  <c r="AD27163" i="1"/>
  <c r="AD27164" i="1"/>
  <c r="AD27165" i="1"/>
  <c r="AD27166" i="1"/>
  <c r="AD27167" i="1"/>
  <c r="AD27168" i="1"/>
  <c r="AD27169" i="1"/>
  <c r="AD27170" i="1"/>
  <c r="AD27171" i="1"/>
  <c r="AD27172" i="1"/>
  <c r="AD27173" i="1"/>
  <c r="AD27174" i="1"/>
  <c r="AD27175" i="1"/>
  <c r="AD27176" i="1"/>
  <c r="AD27177" i="1"/>
  <c r="AD27178" i="1"/>
  <c r="AD27179" i="1"/>
  <c r="AD27180" i="1"/>
  <c r="AD27181" i="1"/>
  <c r="AD27182" i="1"/>
  <c r="AD27183" i="1"/>
  <c r="AD27184" i="1"/>
  <c r="AD27185" i="1"/>
  <c r="AD27186" i="1"/>
  <c r="AD27187" i="1"/>
  <c r="AD27188" i="1"/>
  <c r="AD27189" i="1"/>
  <c r="AD27190" i="1"/>
  <c r="AD27191" i="1"/>
  <c r="AD27192" i="1"/>
  <c r="AD27193" i="1"/>
  <c r="AD27194" i="1"/>
  <c r="AD27195" i="1"/>
  <c r="AD27196" i="1"/>
  <c r="AD27197" i="1"/>
  <c r="AD27198" i="1"/>
  <c r="AD27199" i="1"/>
  <c r="AD27200" i="1"/>
  <c r="AD27201" i="1"/>
  <c r="AD27202" i="1"/>
  <c r="AD27203" i="1"/>
  <c r="AD27204" i="1"/>
  <c r="AD27205" i="1"/>
  <c r="AD27206" i="1"/>
  <c r="AD27207" i="1"/>
  <c r="AD27208" i="1"/>
  <c r="AD27209" i="1"/>
  <c r="AD27210" i="1"/>
  <c r="AD27211" i="1"/>
  <c r="AD27212" i="1"/>
  <c r="AD27213" i="1"/>
  <c r="AD27214" i="1"/>
  <c r="AD27215" i="1"/>
  <c r="AD27216" i="1"/>
  <c r="AD27217" i="1"/>
  <c r="AD27218" i="1"/>
  <c r="AD27219" i="1"/>
  <c r="AD27220" i="1"/>
  <c r="AD27221" i="1"/>
  <c r="AD27222" i="1"/>
  <c r="AD27223" i="1"/>
  <c r="AD27224" i="1"/>
  <c r="AD27225" i="1"/>
  <c r="AD27226" i="1"/>
  <c r="AD27227" i="1"/>
  <c r="AD27228" i="1"/>
  <c r="AD27229" i="1"/>
  <c r="AD27230" i="1"/>
  <c r="AD27231" i="1"/>
  <c r="AD27232" i="1"/>
  <c r="AD27233" i="1"/>
  <c r="AD27234" i="1"/>
  <c r="AD27235" i="1"/>
  <c r="AD27236" i="1"/>
  <c r="AD27237" i="1"/>
  <c r="AD27238" i="1"/>
  <c r="AD27239" i="1"/>
  <c r="AD27240" i="1"/>
  <c r="AD27241" i="1"/>
  <c r="AD27242" i="1"/>
  <c r="AD27243" i="1"/>
  <c r="AD27244" i="1"/>
  <c r="AD27245" i="1"/>
  <c r="AD27246" i="1"/>
  <c r="AD27247" i="1"/>
  <c r="AD27248" i="1"/>
  <c r="AD27249" i="1"/>
  <c r="AD27250" i="1"/>
  <c r="AD27251" i="1"/>
  <c r="AD27252" i="1"/>
  <c r="AD27253" i="1"/>
  <c r="AD27254" i="1"/>
  <c r="AD27255" i="1"/>
  <c r="AD27256" i="1"/>
  <c r="AD27257" i="1"/>
  <c r="AD27258" i="1"/>
  <c r="AD27259" i="1"/>
  <c r="AD27260" i="1"/>
  <c r="AD27261" i="1"/>
  <c r="AD27262" i="1"/>
  <c r="AD27263" i="1"/>
  <c r="AD27264" i="1"/>
  <c r="AD27265" i="1"/>
  <c r="AD27266" i="1"/>
  <c r="AD27267" i="1"/>
  <c r="AD27268" i="1"/>
  <c r="AD27269" i="1"/>
  <c r="AD27270" i="1"/>
  <c r="AD27271" i="1"/>
  <c r="AD27272" i="1"/>
  <c r="AD27273" i="1"/>
  <c r="AD27274" i="1"/>
  <c r="AD27275" i="1"/>
  <c r="AD27276" i="1"/>
  <c r="AD27277" i="1"/>
  <c r="AD27278" i="1"/>
  <c r="AD27279" i="1"/>
  <c r="AD27280" i="1"/>
  <c r="AD27281" i="1"/>
  <c r="AD27282" i="1"/>
  <c r="AD27283" i="1"/>
  <c r="AD27284" i="1"/>
  <c r="AD27285" i="1"/>
  <c r="AD27286" i="1"/>
  <c r="AD27287" i="1"/>
  <c r="AD27288" i="1"/>
  <c r="AD27289" i="1"/>
  <c r="AD27290" i="1"/>
  <c r="AD27291" i="1"/>
  <c r="AD27292" i="1"/>
  <c r="AD27293" i="1"/>
  <c r="AD27294" i="1"/>
  <c r="AD27295" i="1"/>
  <c r="AD27296" i="1"/>
  <c r="AD27297" i="1"/>
  <c r="AD27298" i="1"/>
  <c r="AD27299" i="1"/>
  <c r="AD27300" i="1"/>
  <c r="AD27301" i="1"/>
  <c r="AD27302" i="1"/>
  <c r="AD27303" i="1"/>
  <c r="AD27304" i="1"/>
  <c r="AD27305" i="1"/>
  <c r="AD27306" i="1"/>
  <c r="AD27307" i="1"/>
  <c r="AD27308" i="1"/>
  <c r="AD27309" i="1"/>
  <c r="AD27310" i="1"/>
  <c r="AD27311" i="1"/>
  <c r="AD27312" i="1"/>
  <c r="AD27313" i="1"/>
  <c r="AD27314" i="1"/>
  <c r="AD27315" i="1"/>
  <c r="AD27316" i="1"/>
  <c r="AD27317" i="1"/>
  <c r="AD27318" i="1"/>
  <c r="AD27319" i="1"/>
  <c r="AD27320" i="1"/>
  <c r="AD27321" i="1"/>
  <c r="AD27322" i="1"/>
  <c r="AD27323" i="1"/>
  <c r="AD27324" i="1"/>
  <c r="AD27325" i="1"/>
  <c r="AD27326" i="1"/>
  <c r="AD27327" i="1"/>
  <c r="AD27328" i="1"/>
  <c r="AD27329" i="1"/>
  <c r="AD27330" i="1"/>
  <c r="AD27331" i="1"/>
  <c r="AD27332" i="1"/>
  <c r="AD27333" i="1"/>
  <c r="AD27334" i="1"/>
  <c r="AD27335" i="1"/>
  <c r="AD27336" i="1"/>
  <c r="AD27337" i="1"/>
  <c r="AD27338" i="1"/>
  <c r="AD27339" i="1"/>
  <c r="AD27340" i="1"/>
  <c r="AD27341" i="1"/>
  <c r="AD27342" i="1"/>
  <c r="AD27343" i="1"/>
  <c r="AD27344" i="1"/>
  <c r="AD27345" i="1"/>
  <c r="AD27346" i="1"/>
  <c r="AD27347" i="1"/>
  <c r="AD27348" i="1"/>
  <c r="AD27349" i="1"/>
  <c r="AD27350" i="1"/>
  <c r="AD27351" i="1"/>
  <c r="AD27352" i="1"/>
  <c r="AD27353" i="1"/>
  <c r="AD27354" i="1"/>
  <c r="AD27355" i="1"/>
  <c r="AD27356" i="1"/>
  <c r="AD27357" i="1"/>
  <c r="AD27358" i="1"/>
  <c r="AD27359" i="1"/>
  <c r="AD27360" i="1"/>
  <c r="AD27361" i="1"/>
  <c r="AD27362" i="1"/>
  <c r="AD27363" i="1"/>
  <c r="AD27364" i="1"/>
  <c r="AD27365" i="1"/>
  <c r="AD27366" i="1"/>
  <c r="AD27367" i="1"/>
  <c r="AD27368" i="1"/>
  <c r="AD27369" i="1"/>
  <c r="AD27370" i="1"/>
  <c r="AD27371" i="1"/>
  <c r="AD27372" i="1"/>
  <c r="AD27373" i="1"/>
  <c r="AD27374" i="1"/>
  <c r="AD27375" i="1"/>
  <c r="AD27376" i="1"/>
  <c r="AD27377" i="1"/>
  <c r="AD27378" i="1"/>
  <c r="AD27379" i="1"/>
  <c r="AD27380" i="1"/>
  <c r="AD27381" i="1"/>
  <c r="AD27382" i="1"/>
  <c r="AD27383" i="1"/>
  <c r="AD27384" i="1"/>
  <c r="AD27385" i="1"/>
  <c r="AD27386" i="1"/>
  <c r="AD27387" i="1"/>
  <c r="AD27388" i="1"/>
  <c r="AD27389" i="1"/>
  <c r="AD27390" i="1"/>
  <c r="AD27391" i="1"/>
  <c r="AD27392" i="1"/>
  <c r="AD27393" i="1"/>
  <c r="AD27394" i="1"/>
  <c r="AD27395" i="1"/>
  <c r="AD27396" i="1"/>
  <c r="AD27397" i="1"/>
  <c r="AD27398" i="1"/>
  <c r="AD27399" i="1"/>
  <c r="AD27400" i="1"/>
  <c r="AD27401" i="1"/>
  <c r="AD27402" i="1"/>
  <c r="AD27403" i="1"/>
  <c r="AD27404" i="1"/>
  <c r="AD27405" i="1"/>
  <c r="AD27406" i="1"/>
  <c r="AD27407" i="1"/>
  <c r="AD27408" i="1"/>
  <c r="AD27409" i="1"/>
  <c r="AD27410" i="1"/>
  <c r="AD27411" i="1"/>
  <c r="AD27412" i="1"/>
  <c r="AD27413" i="1"/>
  <c r="AD27414" i="1"/>
  <c r="AD27415" i="1"/>
  <c r="AD27416" i="1"/>
  <c r="AD27417" i="1"/>
  <c r="AD27418" i="1"/>
  <c r="AD27419" i="1"/>
  <c r="AD27420" i="1"/>
  <c r="AD27421" i="1"/>
  <c r="AD27422" i="1"/>
  <c r="AD27423" i="1"/>
  <c r="AD27424" i="1"/>
  <c r="AD27425" i="1"/>
  <c r="AD27426" i="1"/>
  <c r="AD27427" i="1"/>
  <c r="AD27428" i="1"/>
  <c r="AD27429" i="1"/>
  <c r="AD27430" i="1"/>
  <c r="AD27431" i="1"/>
  <c r="AD27432" i="1"/>
  <c r="AD27433" i="1"/>
  <c r="AD27434" i="1"/>
  <c r="AD27435" i="1"/>
  <c r="AD27436" i="1"/>
  <c r="AD27437" i="1"/>
  <c r="AD27438" i="1"/>
  <c r="AD27439" i="1"/>
  <c r="AD27440" i="1"/>
  <c r="AD27441" i="1"/>
  <c r="AD27442" i="1"/>
  <c r="AD27443" i="1"/>
  <c r="AD27444" i="1"/>
  <c r="AD27445" i="1"/>
  <c r="AD27446" i="1"/>
  <c r="AD27447" i="1"/>
  <c r="AD27448" i="1"/>
  <c r="AD27449" i="1"/>
  <c r="AD27450" i="1"/>
  <c r="AD27451" i="1"/>
  <c r="AD27452" i="1"/>
  <c r="AD27453" i="1"/>
  <c r="AD27454" i="1"/>
  <c r="AD27455" i="1"/>
  <c r="AD27456" i="1"/>
  <c r="AD27457" i="1"/>
  <c r="AD27458" i="1"/>
  <c r="AD27459" i="1"/>
  <c r="AD27460" i="1"/>
  <c r="AD27461" i="1"/>
  <c r="AD27462" i="1"/>
  <c r="AD27463" i="1"/>
  <c r="AD27464" i="1"/>
  <c r="AD27465" i="1"/>
  <c r="AD27466" i="1"/>
  <c r="AD27467" i="1"/>
  <c r="AD27468" i="1"/>
  <c r="AD27469" i="1"/>
  <c r="AD27470" i="1"/>
  <c r="AD27471" i="1"/>
  <c r="AD27472" i="1"/>
  <c r="AD27473" i="1"/>
  <c r="AD27474" i="1"/>
  <c r="AD27475" i="1"/>
  <c r="AD27476" i="1"/>
  <c r="AD27477" i="1"/>
  <c r="AD27478" i="1"/>
  <c r="AD27479" i="1"/>
  <c r="AD27480" i="1"/>
  <c r="AD27481" i="1"/>
  <c r="AD27482" i="1"/>
  <c r="AD27483" i="1"/>
  <c r="AD27484" i="1"/>
  <c r="AD27485" i="1"/>
  <c r="AD27486" i="1"/>
  <c r="AD27487" i="1"/>
  <c r="AD27488" i="1"/>
  <c r="AD27489" i="1"/>
  <c r="AD27490" i="1"/>
  <c r="AD27491" i="1"/>
  <c r="AD27492" i="1"/>
  <c r="AD27493" i="1"/>
  <c r="AD27494" i="1"/>
  <c r="AD27495" i="1"/>
  <c r="AD27496" i="1"/>
  <c r="AD27497" i="1"/>
  <c r="AD27498" i="1"/>
  <c r="AD27499" i="1"/>
  <c r="AD27500" i="1"/>
  <c r="AD27501" i="1"/>
  <c r="AD27502" i="1"/>
  <c r="AD27503" i="1"/>
  <c r="AD27504" i="1"/>
  <c r="AD27505" i="1"/>
  <c r="AD27506" i="1"/>
  <c r="AD27507" i="1"/>
  <c r="AD27508" i="1"/>
  <c r="AD27509" i="1"/>
  <c r="AD27510" i="1"/>
  <c r="AD27511" i="1"/>
  <c r="AD27512" i="1"/>
  <c r="AD27513" i="1"/>
  <c r="AD27514" i="1"/>
  <c r="AD27515" i="1"/>
  <c r="AD27516" i="1"/>
  <c r="AD27517" i="1"/>
  <c r="AD27518" i="1"/>
  <c r="AD27519" i="1"/>
  <c r="AD27520" i="1"/>
  <c r="AD27521" i="1"/>
  <c r="AD27522" i="1"/>
  <c r="AD27523" i="1"/>
  <c r="AD27524" i="1"/>
  <c r="AD27525" i="1"/>
  <c r="AD27526" i="1"/>
  <c r="AD27527" i="1"/>
  <c r="AD27528" i="1"/>
  <c r="AD27529" i="1"/>
  <c r="AD27530" i="1"/>
  <c r="AD27531" i="1"/>
  <c r="AD27532" i="1"/>
  <c r="AD27533" i="1"/>
  <c r="AD27534" i="1"/>
  <c r="AD27535" i="1"/>
  <c r="AD27536" i="1"/>
  <c r="AD27537" i="1"/>
  <c r="AD27538" i="1"/>
  <c r="AD27539" i="1"/>
  <c r="AD27540" i="1"/>
  <c r="AD27541" i="1"/>
  <c r="AD27542" i="1"/>
  <c r="AD27543" i="1"/>
  <c r="AD27544" i="1"/>
  <c r="AD27545" i="1"/>
  <c r="AD27546" i="1"/>
  <c r="AD27547" i="1"/>
  <c r="AD27548" i="1"/>
  <c r="AD27549" i="1"/>
  <c r="AD27550" i="1"/>
  <c r="AD27551" i="1"/>
  <c r="AD27552" i="1"/>
  <c r="AD27553" i="1"/>
  <c r="AD27554" i="1"/>
  <c r="AD27555" i="1"/>
  <c r="AD27556" i="1"/>
  <c r="AD27557" i="1"/>
  <c r="AD27558" i="1"/>
  <c r="AD27559" i="1"/>
  <c r="AD27560" i="1"/>
  <c r="AD27561" i="1"/>
  <c r="AD27562" i="1"/>
  <c r="AD27563" i="1"/>
  <c r="AD27564" i="1"/>
  <c r="AD27565" i="1"/>
  <c r="AD27566" i="1"/>
  <c r="AD27567" i="1"/>
  <c r="AD27568" i="1"/>
  <c r="AD27569" i="1"/>
  <c r="AD27570" i="1"/>
  <c r="AD27571" i="1"/>
  <c r="AD27572" i="1"/>
  <c r="AD27573" i="1"/>
  <c r="AD27574" i="1"/>
  <c r="AD27575" i="1"/>
  <c r="AD27576" i="1"/>
  <c r="AD27577" i="1"/>
  <c r="AD27578" i="1"/>
  <c r="AD27579" i="1"/>
  <c r="AD27580" i="1"/>
  <c r="AD27581" i="1"/>
  <c r="AD27582" i="1"/>
  <c r="AD27583" i="1"/>
  <c r="AD27584" i="1"/>
  <c r="AD27585" i="1"/>
  <c r="AD27586" i="1"/>
  <c r="AD27587" i="1"/>
  <c r="AD27588" i="1"/>
  <c r="AD27589" i="1"/>
  <c r="AD27590" i="1"/>
  <c r="AD27591" i="1"/>
  <c r="AD27592" i="1"/>
  <c r="AD27593" i="1"/>
  <c r="AD27594" i="1"/>
  <c r="AD27595" i="1"/>
  <c r="AD27596" i="1"/>
  <c r="AD27597" i="1"/>
  <c r="AD27598" i="1"/>
  <c r="AD27599" i="1"/>
  <c r="AD27600" i="1"/>
  <c r="AD27601" i="1"/>
  <c r="AD27602" i="1"/>
  <c r="AD27603" i="1"/>
  <c r="AD27604" i="1"/>
  <c r="AD27605" i="1"/>
  <c r="AD27606" i="1"/>
  <c r="AD27607" i="1"/>
  <c r="AD27608" i="1"/>
  <c r="AD27609" i="1"/>
  <c r="AD27610" i="1"/>
  <c r="AD27611" i="1"/>
  <c r="AD27612" i="1"/>
  <c r="AD27613" i="1"/>
  <c r="AD27614" i="1"/>
  <c r="AD27615" i="1"/>
  <c r="AD27616" i="1"/>
  <c r="AD27617" i="1"/>
  <c r="AD27618" i="1"/>
  <c r="AD27619" i="1"/>
  <c r="AD27620" i="1"/>
  <c r="AD27621" i="1"/>
  <c r="AD27622" i="1"/>
  <c r="AD27623" i="1"/>
  <c r="AD27624" i="1"/>
  <c r="AD27625" i="1"/>
  <c r="AD27626" i="1"/>
  <c r="AD27627" i="1"/>
  <c r="AD27628" i="1"/>
  <c r="AD27629" i="1"/>
  <c r="AD27630" i="1"/>
  <c r="AD27631" i="1"/>
  <c r="AD27632" i="1"/>
  <c r="AD27633" i="1"/>
  <c r="AD27634" i="1"/>
  <c r="AD27635" i="1"/>
  <c r="AD27636" i="1"/>
  <c r="AD27637" i="1"/>
  <c r="AD27638" i="1"/>
  <c r="AD27639" i="1"/>
  <c r="AD27640" i="1"/>
  <c r="AD27641" i="1"/>
  <c r="AD27642" i="1"/>
  <c r="AD27643" i="1"/>
  <c r="AD27644" i="1"/>
  <c r="AD27645" i="1"/>
  <c r="AD27646" i="1"/>
  <c r="AD27647" i="1"/>
  <c r="AD27648" i="1"/>
  <c r="AD27649" i="1"/>
  <c r="AD27650" i="1"/>
  <c r="AD27651" i="1"/>
  <c r="AD27652" i="1"/>
  <c r="AD27653" i="1"/>
  <c r="AD27654" i="1"/>
  <c r="AD27655" i="1"/>
  <c r="AD27656" i="1"/>
  <c r="AD27657" i="1"/>
  <c r="AD27658" i="1"/>
  <c r="AD27659" i="1"/>
  <c r="AD27660" i="1"/>
  <c r="AD27661" i="1"/>
  <c r="AD27662" i="1"/>
  <c r="AD27663" i="1"/>
  <c r="AD27664" i="1"/>
  <c r="AD27665" i="1"/>
  <c r="AD27666" i="1"/>
  <c r="AD27667" i="1"/>
  <c r="AD27668" i="1"/>
  <c r="AD27669" i="1"/>
  <c r="AD27670" i="1"/>
  <c r="AD27671" i="1"/>
  <c r="AD27672" i="1"/>
  <c r="AD27673" i="1"/>
  <c r="AD27674" i="1"/>
  <c r="AD27675" i="1"/>
  <c r="AD27676" i="1"/>
  <c r="AD27677" i="1"/>
  <c r="AD27678" i="1"/>
  <c r="AD27679" i="1"/>
  <c r="AD27680" i="1"/>
  <c r="AD27681" i="1"/>
  <c r="AD27682" i="1"/>
  <c r="AD27683" i="1"/>
  <c r="AD27684" i="1"/>
  <c r="AD27685" i="1"/>
  <c r="AD27686" i="1"/>
  <c r="AD27687" i="1"/>
  <c r="AD27688" i="1"/>
  <c r="AD27689" i="1"/>
  <c r="AD27690" i="1"/>
  <c r="AD27691" i="1"/>
  <c r="AD27692" i="1"/>
  <c r="AD27693" i="1"/>
  <c r="AD27694" i="1"/>
  <c r="AD27695" i="1"/>
  <c r="AD27696" i="1"/>
  <c r="AD27697" i="1"/>
  <c r="AD27698" i="1"/>
  <c r="AD27699" i="1"/>
  <c r="AD27700" i="1"/>
  <c r="AD27701" i="1"/>
  <c r="AD27702" i="1"/>
  <c r="AD27703" i="1"/>
  <c r="AD27704" i="1"/>
  <c r="AD27705" i="1"/>
  <c r="AD27706" i="1"/>
  <c r="AD27707" i="1"/>
  <c r="AD27708" i="1"/>
  <c r="AD27709" i="1"/>
  <c r="AD27710" i="1"/>
  <c r="AD27711" i="1"/>
  <c r="AD27712" i="1"/>
  <c r="AD27713" i="1"/>
  <c r="AD27714" i="1"/>
  <c r="AD27715" i="1"/>
  <c r="AD27716" i="1"/>
  <c r="AD27717" i="1"/>
  <c r="AD27718" i="1"/>
  <c r="AD27719" i="1"/>
  <c r="AD27720" i="1"/>
  <c r="AD27721" i="1"/>
  <c r="AD27722" i="1"/>
  <c r="AD27723" i="1"/>
  <c r="AD27724" i="1"/>
  <c r="AD27725" i="1"/>
  <c r="AD27726" i="1"/>
  <c r="AD27727" i="1"/>
  <c r="AD27728" i="1"/>
  <c r="AD27729" i="1"/>
  <c r="AD27730" i="1"/>
  <c r="AD27731" i="1"/>
  <c r="AD27732" i="1"/>
  <c r="AD27733" i="1"/>
  <c r="AD27734" i="1"/>
  <c r="AD27735" i="1"/>
  <c r="AD27736" i="1"/>
  <c r="AD27737" i="1"/>
  <c r="AD27738" i="1"/>
  <c r="AD27739" i="1"/>
  <c r="AD27740" i="1"/>
  <c r="AD27741" i="1"/>
  <c r="AD27742" i="1"/>
  <c r="AD27743" i="1"/>
  <c r="AD27744" i="1"/>
  <c r="AD27745" i="1"/>
  <c r="AD27746" i="1"/>
  <c r="AD27747" i="1"/>
  <c r="AD27748" i="1"/>
  <c r="AD27749" i="1"/>
  <c r="AD27750" i="1"/>
  <c r="AD27751" i="1"/>
  <c r="AD27752" i="1"/>
  <c r="AD27753" i="1"/>
  <c r="AD27754" i="1"/>
  <c r="AD27755" i="1"/>
  <c r="AD27756" i="1"/>
  <c r="AD27757" i="1"/>
  <c r="AD27758" i="1"/>
  <c r="AD27759" i="1"/>
  <c r="AD27760" i="1"/>
  <c r="AD27761" i="1"/>
  <c r="AD27762" i="1"/>
  <c r="AD27763" i="1"/>
  <c r="AD27764" i="1"/>
  <c r="AD27765" i="1"/>
  <c r="AD27766" i="1"/>
  <c r="AD27767" i="1"/>
  <c r="AD27768" i="1"/>
  <c r="AD27769" i="1"/>
  <c r="AD27770" i="1"/>
  <c r="AD27771" i="1"/>
  <c r="AD27772" i="1"/>
  <c r="AD27773" i="1"/>
  <c r="AD27774" i="1"/>
  <c r="AD27775" i="1"/>
  <c r="AD27776" i="1"/>
  <c r="AD27777" i="1"/>
  <c r="AD27778" i="1"/>
  <c r="AD27779" i="1"/>
  <c r="AD27780" i="1"/>
  <c r="AD27781" i="1"/>
  <c r="AD27782" i="1"/>
  <c r="AD27783" i="1"/>
  <c r="AD27784" i="1"/>
  <c r="AD27785" i="1"/>
  <c r="AD27786" i="1"/>
  <c r="AD27787" i="1"/>
  <c r="AD27788" i="1"/>
  <c r="AD27789" i="1"/>
  <c r="AD27790" i="1"/>
  <c r="AD27791" i="1"/>
  <c r="AD27792" i="1"/>
  <c r="AD27793" i="1"/>
  <c r="AD27794" i="1"/>
  <c r="AD27795" i="1"/>
  <c r="AD27796" i="1"/>
  <c r="AD27797" i="1"/>
  <c r="AD27798" i="1"/>
  <c r="AD27799" i="1"/>
  <c r="AD27800" i="1"/>
  <c r="AD27801" i="1"/>
  <c r="AD27802" i="1"/>
  <c r="AD27803" i="1"/>
  <c r="AD27804" i="1"/>
  <c r="AD27805" i="1"/>
  <c r="AD27806" i="1"/>
  <c r="AD27807" i="1"/>
  <c r="AD27808" i="1"/>
  <c r="AD27809" i="1"/>
  <c r="AD27810" i="1"/>
  <c r="AD27811" i="1"/>
  <c r="AD27812" i="1"/>
  <c r="AD27813" i="1"/>
  <c r="AD27814" i="1"/>
  <c r="AD27815" i="1"/>
  <c r="AD27816" i="1"/>
  <c r="AD27817" i="1"/>
  <c r="AD27818" i="1"/>
  <c r="AD27819" i="1"/>
  <c r="AD27820" i="1"/>
  <c r="AD27821" i="1"/>
  <c r="AD27822" i="1"/>
  <c r="AD27823" i="1"/>
  <c r="AD27824" i="1"/>
  <c r="AD27825" i="1"/>
  <c r="AD27826" i="1"/>
  <c r="AD27827" i="1"/>
  <c r="AD27828" i="1"/>
  <c r="AD27829" i="1"/>
  <c r="AD27830" i="1"/>
  <c r="AD27831" i="1"/>
  <c r="AD27832" i="1"/>
  <c r="AD27833" i="1"/>
  <c r="AD27834" i="1"/>
  <c r="AD27835" i="1"/>
  <c r="AD27836" i="1"/>
  <c r="AD27837" i="1"/>
  <c r="AD27838" i="1"/>
  <c r="AD27839" i="1"/>
  <c r="AD27840" i="1"/>
  <c r="AD27841" i="1"/>
  <c r="AD27842" i="1"/>
  <c r="AD27843" i="1"/>
  <c r="AD27844" i="1"/>
  <c r="AD27845" i="1"/>
  <c r="AD27846" i="1"/>
  <c r="AD27847" i="1"/>
  <c r="AD27848" i="1"/>
  <c r="AD27849" i="1"/>
  <c r="AD27850" i="1"/>
  <c r="AD27851" i="1"/>
  <c r="AD27852" i="1"/>
  <c r="AD27853" i="1"/>
  <c r="AD27854" i="1"/>
  <c r="AD27855" i="1"/>
  <c r="AD27856" i="1"/>
  <c r="AD27857" i="1"/>
  <c r="AD27858" i="1"/>
  <c r="AD27859" i="1"/>
  <c r="AD27860" i="1"/>
  <c r="AD27861" i="1"/>
  <c r="AD27862" i="1"/>
  <c r="AD27863" i="1"/>
  <c r="AD27864" i="1"/>
  <c r="AD27865" i="1"/>
  <c r="AD27866" i="1"/>
  <c r="AD27867" i="1"/>
  <c r="AD27868" i="1"/>
  <c r="AD27869" i="1"/>
  <c r="AD27870" i="1"/>
  <c r="AD27871" i="1"/>
  <c r="AD27872" i="1"/>
  <c r="AD27873" i="1"/>
  <c r="AD27874" i="1"/>
  <c r="AD27875" i="1"/>
  <c r="AD27876" i="1"/>
  <c r="AD27877" i="1"/>
  <c r="AD27878" i="1"/>
  <c r="AD27879" i="1"/>
  <c r="AD27880" i="1"/>
  <c r="AD27881" i="1"/>
  <c r="AD27882" i="1"/>
  <c r="AD27883" i="1"/>
  <c r="AD27884" i="1"/>
  <c r="AD27885" i="1"/>
  <c r="AD27886" i="1"/>
  <c r="AD27887" i="1"/>
  <c r="AD27888" i="1"/>
  <c r="AD27889" i="1"/>
  <c r="AD27890" i="1"/>
  <c r="AD27891" i="1"/>
  <c r="AD27892" i="1"/>
  <c r="AD27893" i="1"/>
  <c r="AD27894" i="1"/>
  <c r="AD27895" i="1"/>
  <c r="AD27896" i="1"/>
  <c r="AD27897" i="1"/>
  <c r="AD27898" i="1"/>
  <c r="AD27899" i="1"/>
  <c r="AD27900" i="1"/>
  <c r="AD27901" i="1"/>
  <c r="AD27902" i="1"/>
  <c r="AD27903" i="1"/>
  <c r="AD27904" i="1"/>
  <c r="AD27905" i="1"/>
  <c r="AD27906" i="1"/>
  <c r="AD27907" i="1"/>
  <c r="AD27908" i="1"/>
  <c r="AD27909" i="1"/>
  <c r="AD27910" i="1"/>
  <c r="AD27911" i="1"/>
  <c r="AD27912" i="1"/>
  <c r="AD27913" i="1"/>
  <c r="AD27914" i="1"/>
  <c r="AD27915" i="1"/>
  <c r="AD27916" i="1"/>
  <c r="AD27917" i="1"/>
  <c r="AD27918" i="1"/>
  <c r="AD27919" i="1"/>
  <c r="AD27920" i="1"/>
  <c r="AD27921" i="1"/>
  <c r="AD27922" i="1"/>
  <c r="AD27923" i="1"/>
  <c r="AD27924" i="1"/>
  <c r="AD27925" i="1"/>
  <c r="AD27926" i="1"/>
  <c r="AD27927" i="1"/>
  <c r="AD27928" i="1"/>
  <c r="AD27929" i="1"/>
  <c r="AD27930" i="1"/>
  <c r="AD27931" i="1"/>
  <c r="AD27932" i="1"/>
  <c r="AD27933" i="1"/>
  <c r="AD27934" i="1"/>
  <c r="AD27935" i="1"/>
  <c r="AD27936" i="1"/>
  <c r="AD27937" i="1"/>
  <c r="AD27938" i="1"/>
  <c r="AD27939" i="1"/>
  <c r="AD27940" i="1"/>
  <c r="AD27941" i="1"/>
  <c r="AD27942" i="1"/>
  <c r="AD27943" i="1"/>
  <c r="AD27944" i="1"/>
  <c r="AD27945" i="1"/>
  <c r="AD27946" i="1"/>
  <c r="AD27947" i="1"/>
  <c r="AD27948" i="1"/>
  <c r="AD27949" i="1"/>
  <c r="AD27950" i="1"/>
  <c r="AD27951" i="1"/>
  <c r="AD27952" i="1"/>
  <c r="AD27953" i="1"/>
  <c r="AD27954" i="1"/>
  <c r="AD27955" i="1"/>
  <c r="AD27956" i="1"/>
  <c r="AD27957" i="1"/>
  <c r="AD27958" i="1"/>
  <c r="AD27959" i="1"/>
  <c r="AD27960" i="1"/>
  <c r="AD27961" i="1"/>
  <c r="AD27962" i="1"/>
  <c r="AD27963" i="1"/>
  <c r="AD27964" i="1"/>
  <c r="AD27965" i="1"/>
  <c r="AD27966" i="1"/>
  <c r="AD27967" i="1"/>
  <c r="AD27968" i="1"/>
  <c r="AD27969" i="1"/>
  <c r="AD27970" i="1"/>
  <c r="AD27971" i="1"/>
  <c r="AD27972" i="1"/>
  <c r="AD27973" i="1"/>
  <c r="AD27974" i="1"/>
  <c r="AD27975" i="1"/>
  <c r="AD27976" i="1"/>
  <c r="AD27977" i="1"/>
  <c r="AD27978" i="1"/>
  <c r="AD27979" i="1"/>
  <c r="AD27980" i="1"/>
  <c r="AD27981" i="1"/>
  <c r="AD27982" i="1"/>
  <c r="AD27983" i="1"/>
  <c r="AD27984" i="1"/>
  <c r="AD27985" i="1"/>
  <c r="AD27986" i="1"/>
  <c r="AD27987" i="1"/>
  <c r="AD27988" i="1"/>
  <c r="AD27989" i="1"/>
  <c r="AD27990" i="1"/>
  <c r="AD27991" i="1"/>
  <c r="AD27992" i="1"/>
  <c r="AD27993" i="1"/>
  <c r="AD27994" i="1"/>
  <c r="AD27995" i="1"/>
  <c r="AD27996" i="1"/>
  <c r="AD27997" i="1"/>
  <c r="AD27998" i="1"/>
  <c r="AD27999" i="1"/>
  <c r="AD28000" i="1"/>
  <c r="AD28001" i="1"/>
  <c r="AD28002" i="1"/>
  <c r="AD28003" i="1"/>
  <c r="AD28004" i="1"/>
  <c r="AD28005" i="1"/>
  <c r="AD28006" i="1"/>
  <c r="AD28007" i="1"/>
  <c r="AD28008" i="1"/>
  <c r="AD28009" i="1"/>
  <c r="AD28010" i="1"/>
  <c r="AD28011" i="1"/>
  <c r="AD28012" i="1"/>
  <c r="AD28013" i="1"/>
  <c r="AD28014" i="1"/>
  <c r="AD28015" i="1"/>
  <c r="AD28016" i="1"/>
  <c r="AD28017" i="1"/>
  <c r="AD28018" i="1"/>
  <c r="AD28019" i="1"/>
  <c r="AD28020" i="1"/>
  <c r="AD28021" i="1"/>
  <c r="AD28022" i="1"/>
  <c r="AD28023" i="1"/>
  <c r="AD28024" i="1"/>
  <c r="AD28025" i="1"/>
  <c r="AD28026" i="1"/>
  <c r="AD28027" i="1"/>
  <c r="AD28028" i="1"/>
  <c r="AD28029" i="1"/>
  <c r="AD28030" i="1"/>
  <c r="AD28031" i="1"/>
  <c r="AD28032" i="1"/>
  <c r="AD28033" i="1"/>
  <c r="AD28034" i="1"/>
  <c r="AD28035" i="1"/>
  <c r="AD28036" i="1"/>
  <c r="AD28037" i="1"/>
  <c r="AD28038" i="1"/>
  <c r="AD28039" i="1"/>
  <c r="AD28040" i="1"/>
  <c r="AD28041" i="1"/>
  <c r="AD28042" i="1"/>
  <c r="AD28043" i="1"/>
  <c r="AD28044" i="1"/>
  <c r="AD28045" i="1"/>
  <c r="AD28046" i="1"/>
  <c r="AD28047" i="1"/>
  <c r="AD28048" i="1"/>
  <c r="AD28049" i="1"/>
  <c r="AD28050" i="1"/>
  <c r="AD28051" i="1"/>
  <c r="AD28052" i="1"/>
  <c r="AD28053" i="1"/>
  <c r="AD28054" i="1"/>
  <c r="AD28055" i="1"/>
  <c r="AD28056" i="1"/>
  <c r="AD28057" i="1"/>
  <c r="AD28058" i="1"/>
  <c r="AD28059" i="1"/>
  <c r="AD28060" i="1"/>
  <c r="AD28061" i="1"/>
  <c r="AD28062" i="1"/>
  <c r="AD28063" i="1"/>
  <c r="AD28064" i="1"/>
  <c r="AD28065" i="1"/>
  <c r="AD28066" i="1"/>
  <c r="AD28067" i="1"/>
  <c r="AD28068" i="1"/>
  <c r="AD28069" i="1"/>
  <c r="AD28070" i="1"/>
  <c r="AD28071" i="1"/>
  <c r="AD28072" i="1"/>
  <c r="AD28073" i="1"/>
  <c r="AD28074" i="1"/>
  <c r="AD28075" i="1"/>
  <c r="AD28076" i="1"/>
  <c r="AD28077" i="1"/>
  <c r="AD28078" i="1"/>
  <c r="AD28079" i="1"/>
  <c r="AD28080" i="1"/>
  <c r="AD28081" i="1"/>
  <c r="AD28082" i="1"/>
  <c r="AD28083" i="1"/>
  <c r="AD28084" i="1"/>
  <c r="AD28085" i="1"/>
  <c r="AD28086" i="1"/>
  <c r="AD28087" i="1"/>
  <c r="AD28088" i="1"/>
  <c r="AD28089" i="1"/>
  <c r="AD28090" i="1"/>
  <c r="AD28091" i="1"/>
  <c r="AD28092" i="1"/>
  <c r="AD28093" i="1"/>
  <c r="AD28094" i="1"/>
  <c r="AD28095" i="1"/>
  <c r="AD28096" i="1"/>
  <c r="AD28097" i="1"/>
  <c r="AD28098" i="1"/>
  <c r="AD28099" i="1"/>
  <c r="AD28100" i="1"/>
  <c r="AD28101" i="1"/>
  <c r="AD28102" i="1"/>
  <c r="AD28103" i="1"/>
  <c r="AD28104" i="1"/>
  <c r="AD28105" i="1"/>
  <c r="AD28106" i="1"/>
  <c r="AD28107" i="1"/>
  <c r="AD28108" i="1"/>
  <c r="AD28109" i="1"/>
  <c r="AD28110" i="1"/>
  <c r="AD28111" i="1"/>
  <c r="AD28112" i="1"/>
  <c r="AD28113" i="1"/>
  <c r="AD28114" i="1"/>
  <c r="AD28115" i="1"/>
  <c r="AD28116" i="1"/>
  <c r="AD28117" i="1"/>
  <c r="AD28118" i="1"/>
  <c r="AD28119" i="1"/>
  <c r="AD28120" i="1"/>
  <c r="AD28121" i="1"/>
  <c r="AD28122" i="1"/>
  <c r="AD28123" i="1"/>
  <c r="AD28124" i="1"/>
  <c r="AD28125" i="1"/>
  <c r="AD28126" i="1"/>
  <c r="AD28127" i="1"/>
  <c r="AD28128" i="1"/>
  <c r="AD28129" i="1"/>
  <c r="AD28130" i="1"/>
  <c r="AD28131" i="1"/>
  <c r="AD28132" i="1"/>
  <c r="AD28133" i="1"/>
  <c r="AD28134" i="1"/>
  <c r="AD28135" i="1"/>
  <c r="AD28136" i="1"/>
  <c r="AD28137" i="1"/>
  <c r="AD28138" i="1"/>
  <c r="AD28139" i="1"/>
  <c r="AD28140" i="1"/>
  <c r="AD28141" i="1"/>
  <c r="AD28142" i="1"/>
  <c r="AD28143" i="1"/>
  <c r="AD28144" i="1"/>
  <c r="AD28145" i="1"/>
  <c r="AD28146" i="1"/>
  <c r="AD28147" i="1"/>
  <c r="AD28148" i="1"/>
  <c r="AD28149" i="1"/>
  <c r="AD28150" i="1"/>
  <c r="AD28151" i="1"/>
  <c r="AD28152" i="1"/>
  <c r="AD28153" i="1"/>
  <c r="AD28154" i="1"/>
  <c r="AD28155" i="1"/>
  <c r="AD28156" i="1"/>
  <c r="AD28157" i="1"/>
  <c r="AD28158" i="1"/>
  <c r="AD28159" i="1"/>
  <c r="AD28160" i="1"/>
  <c r="AD28161" i="1"/>
  <c r="AD28162" i="1"/>
  <c r="AD28163" i="1"/>
  <c r="AD28164" i="1"/>
  <c r="AD28165" i="1"/>
  <c r="AD28166" i="1"/>
  <c r="AD28167" i="1"/>
  <c r="AD28168" i="1"/>
  <c r="AD28169" i="1"/>
  <c r="AD28170" i="1"/>
  <c r="AD28171" i="1"/>
  <c r="AD28172" i="1"/>
  <c r="AD28173" i="1"/>
  <c r="AD28174" i="1"/>
  <c r="AD28175" i="1"/>
  <c r="AD28176" i="1"/>
  <c r="AD28177" i="1"/>
  <c r="AD28178" i="1"/>
  <c r="AD28179" i="1"/>
  <c r="AD28180" i="1"/>
  <c r="AD28181" i="1"/>
  <c r="AD28182" i="1"/>
  <c r="AD28183" i="1"/>
  <c r="AD28184" i="1"/>
  <c r="AD28185" i="1"/>
  <c r="AD28186" i="1"/>
  <c r="AD28187" i="1"/>
  <c r="AD28188" i="1"/>
  <c r="AD28189" i="1"/>
  <c r="AD28190" i="1"/>
  <c r="AD28191" i="1"/>
  <c r="AD28192" i="1"/>
  <c r="AD28193" i="1"/>
  <c r="AD28194" i="1"/>
  <c r="AD28195" i="1"/>
  <c r="AD28196" i="1"/>
  <c r="AD28197" i="1"/>
  <c r="AD28198" i="1"/>
  <c r="AD28199" i="1"/>
  <c r="AD28200" i="1"/>
  <c r="AD28201" i="1"/>
  <c r="AD28202" i="1"/>
  <c r="AD28203" i="1"/>
  <c r="AD28204" i="1"/>
  <c r="AD28205" i="1"/>
  <c r="AD28206" i="1"/>
  <c r="AD28207" i="1"/>
  <c r="AD28208" i="1"/>
  <c r="AD28209" i="1"/>
  <c r="AD28210" i="1"/>
  <c r="AD28211" i="1"/>
  <c r="AD28212" i="1"/>
  <c r="AD28213" i="1"/>
  <c r="AD28214" i="1"/>
  <c r="AD28215" i="1"/>
  <c r="AD28216" i="1"/>
  <c r="AD28217" i="1"/>
  <c r="AD28218" i="1"/>
  <c r="AD28219" i="1"/>
  <c r="AD28220" i="1"/>
  <c r="AD28221" i="1"/>
  <c r="AD28222" i="1"/>
  <c r="AD28223" i="1"/>
  <c r="AD28224" i="1"/>
  <c r="AD28225" i="1"/>
  <c r="AD28226" i="1"/>
  <c r="AD28227" i="1"/>
  <c r="AD28228" i="1"/>
  <c r="AD28229" i="1"/>
  <c r="AD28230" i="1"/>
  <c r="AD28231" i="1"/>
  <c r="AD28232" i="1"/>
  <c r="AD28233" i="1"/>
  <c r="AD28234" i="1"/>
  <c r="AD28235" i="1"/>
  <c r="AD28236" i="1"/>
  <c r="AD28237" i="1"/>
  <c r="AD28238" i="1"/>
  <c r="AD28239" i="1"/>
  <c r="AD28240" i="1"/>
  <c r="AD28241" i="1"/>
  <c r="AD28242" i="1"/>
  <c r="AD28243" i="1"/>
  <c r="AD28244" i="1"/>
  <c r="AD28245" i="1"/>
  <c r="AD28246" i="1"/>
  <c r="AD28247" i="1"/>
  <c r="AD28248" i="1"/>
  <c r="AD28249" i="1"/>
  <c r="AD28250" i="1"/>
  <c r="AD28251" i="1"/>
  <c r="AD28252" i="1"/>
  <c r="AD28253" i="1"/>
  <c r="AD28254" i="1"/>
  <c r="AD28255" i="1"/>
  <c r="AD28256" i="1"/>
  <c r="AD28257" i="1"/>
  <c r="AD28258" i="1"/>
  <c r="AD28259" i="1"/>
  <c r="AD28260" i="1"/>
  <c r="AD28261" i="1"/>
  <c r="AD28262" i="1"/>
  <c r="AD28263" i="1"/>
  <c r="AD28264" i="1"/>
  <c r="AD28265" i="1"/>
  <c r="AD28266" i="1"/>
  <c r="AD28267" i="1"/>
  <c r="AD28268" i="1"/>
  <c r="AD28269" i="1"/>
  <c r="AD28270" i="1"/>
  <c r="AD28271" i="1"/>
  <c r="AD28272" i="1"/>
  <c r="AD28273" i="1"/>
  <c r="AD28274" i="1"/>
  <c r="AD28275" i="1"/>
  <c r="AD28276" i="1"/>
  <c r="AD28277" i="1"/>
  <c r="AD28278" i="1"/>
  <c r="AD28279" i="1"/>
  <c r="AD28280" i="1"/>
  <c r="AD28281" i="1"/>
  <c r="AD28282" i="1"/>
  <c r="AD28283" i="1"/>
  <c r="AD28284" i="1"/>
  <c r="AD28285" i="1"/>
  <c r="AD28286" i="1"/>
  <c r="AD28287" i="1"/>
  <c r="AD28288" i="1"/>
  <c r="AD28289" i="1"/>
  <c r="AD28290" i="1"/>
  <c r="AD28291" i="1"/>
  <c r="AD28292" i="1"/>
  <c r="AD28293" i="1"/>
  <c r="AD28294" i="1"/>
  <c r="AD28295" i="1"/>
  <c r="AD28296" i="1"/>
  <c r="AD28297" i="1"/>
  <c r="AD28298" i="1"/>
  <c r="AD28299" i="1"/>
  <c r="AD28300" i="1"/>
  <c r="AD28301" i="1"/>
  <c r="AD28302" i="1"/>
  <c r="AD28303" i="1"/>
  <c r="AD28304" i="1"/>
  <c r="AD28305" i="1"/>
  <c r="AD28306" i="1"/>
  <c r="AD28307" i="1"/>
  <c r="AD28308" i="1"/>
  <c r="AD28309" i="1"/>
  <c r="AD28310" i="1"/>
  <c r="AD28311" i="1"/>
  <c r="AD28312" i="1"/>
  <c r="AD28313" i="1"/>
  <c r="AD28314" i="1"/>
  <c r="AD28315" i="1"/>
  <c r="AD28316" i="1"/>
  <c r="AD28317" i="1"/>
  <c r="AD28318" i="1"/>
  <c r="AD28319" i="1"/>
  <c r="AD28320" i="1"/>
  <c r="AD28321" i="1"/>
  <c r="AD28322" i="1"/>
  <c r="AD28323" i="1"/>
  <c r="AD28324" i="1"/>
  <c r="AD28325" i="1"/>
  <c r="AD28326" i="1"/>
  <c r="AD28327" i="1"/>
  <c r="AD28328" i="1"/>
  <c r="AD28329" i="1"/>
  <c r="AD28330" i="1"/>
  <c r="AD28331" i="1"/>
  <c r="AD28332" i="1"/>
  <c r="AD28333" i="1"/>
  <c r="AD28334" i="1"/>
  <c r="AD28335" i="1"/>
  <c r="AD28336" i="1"/>
  <c r="AD28337" i="1"/>
  <c r="AD28338" i="1"/>
  <c r="AD28339" i="1"/>
  <c r="AD28340" i="1"/>
  <c r="AD28341" i="1"/>
  <c r="AD28342" i="1"/>
  <c r="AD28343" i="1"/>
  <c r="AD28344" i="1"/>
  <c r="AD28345" i="1"/>
  <c r="AD28346" i="1"/>
  <c r="AD28347" i="1"/>
  <c r="AD28348" i="1"/>
  <c r="AD28349" i="1"/>
  <c r="AD28350" i="1"/>
  <c r="AD28351" i="1"/>
  <c r="AD28352" i="1"/>
  <c r="AD28353" i="1"/>
  <c r="AD28354" i="1"/>
  <c r="AD28355" i="1"/>
  <c r="AD28356" i="1"/>
  <c r="AD28357" i="1"/>
  <c r="AD28358" i="1"/>
  <c r="AD28359" i="1"/>
  <c r="AD28360" i="1"/>
  <c r="AD28361" i="1"/>
  <c r="AD28362" i="1"/>
  <c r="AD28363" i="1"/>
  <c r="AD28364" i="1"/>
  <c r="AD28365" i="1"/>
  <c r="AD28366" i="1"/>
  <c r="AD28367" i="1"/>
  <c r="AD28368" i="1"/>
  <c r="AD28369" i="1"/>
  <c r="AD28370" i="1"/>
  <c r="AD28371" i="1"/>
  <c r="AD28372" i="1"/>
  <c r="AD28373" i="1"/>
  <c r="AD28374" i="1"/>
  <c r="AD28375" i="1"/>
  <c r="AD28376" i="1"/>
  <c r="AD28377" i="1"/>
  <c r="AD28378" i="1"/>
  <c r="AD28379" i="1"/>
  <c r="AD28380" i="1"/>
  <c r="AD28381" i="1"/>
  <c r="AD28382" i="1"/>
  <c r="AD28383" i="1"/>
  <c r="AD28384" i="1"/>
  <c r="AD28385" i="1"/>
  <c r="AD28386" i="1"/>
  <c r="AD28387" i="1"/>
  <c r="AD28388" i="1"/>
  <c r="AD28389" i="1"/>
  <c r="AD28390" i="1"/>
  <c r="AD28391" i="1"/>
  <c r="AD28392" i="1"/>
  <c r="AD28393" i="1"/>
  <c r="AD28394" i="1"/>
  <c r="AD28395" i="1"/>
  <c r="AD28396" i="1"/>
  <c r="AD28397" i="1"/>
  <c r="AD28398" i="1"/>
  <c r="AD28399" i="1"/>
  <c r="AD28400" i="1"/>
  <c r="AD28401" i="1"/>
  <c r="AD28402" i="1"/>
  <c r="AD28403" i="1"/>
  <c r="AD28404" i="1"/>
  <c r="AD28405" i="1"/>
  <c r="AD28406" i="1"/>
  <c r="AD28407" i="1"/>
  <c r="AD28408" i="1"/>
  <c r="AD28409" i="1"/>
  <c r="AD28410" i="1"/>
  <c r="AD28411" i="1"/>
  <c r="AD28412" i="1"/>
  <c r="AD28413" i="1"/>
  <c r="AD28414" i="1"/>
  <c r="AD28415" i="1"/>
  <c r="AD28416" i="1"/>
  <c r="AD28417" i="1"/>
  <c r="AD28418" i="1"/>
  <c r="AD28419" i="1"/>
  <c r="AD28420" i="1"/>
  <c r="AD28421" i="1"/>
  <c r="AD28422" i="1"/>
  <c r="AD28423" i="1"/>
  <c r="AD28424" i="1"/>
  <c r="AD28425" i="1"/>
  <c r="AD28426" i="1"/>
  <c r="AD28427" i="1"/>
  <c r="AD28428" i="1"/>
  <c r="AD28429" i="1"/>
  <c r="AD28430" i="1"/>
  <c r="AD28431" i="1"/>
  <c r="AD28432" i="1"/>
  <c r="AD28433" i="1"/>
  <c r="AD28434" i="1"/>
  <c r="AD28435" i="1"/>
  <c r="AD28436" i="1"/>
  <c r="AD28437" i="1"/>
  <c r="AD28438" i="1"/>
  <c r="AD28439" i="1"/>
  <c r="AD28440" i="1"/>
  <c r="AD28441" i="1"/>
  <c r="AD28442" i="1"/>
  <c r="AD28443" i="1"/>
  <c r="AD28444" i="1"/>
  <c r="AD28445" i="1"/>
  <c r="AD28446" i="1"/>
  <c r="AD28447" i="1"/>
  <c r="AD28448" i="1"/>
  <c r="AD28449" i="1"/>
  <c r="AD28450" i="1"/>
  <c r="AD28451" i="1"/>
  <c r="AD28452" i="1"/>
  <c r="AD28453" i="1"/>
  <c r="AD28454" i="1"/>
  <c r="AD28455" i="1"/>
  <c r="AD28456" i="1"/>
  <c r="AD28457" i="1"/>
  <c r="AD28458" i="1"/>
  <c r="AD28459" i="1"/>
  <c r="AD28460" i="1"/>
  <c r="AD28461" i="1"/>
  <c r="AD28462" i="1"/>
  <c r="AD28463" i="1"/>
  <c r="AD28464" i="1"/>
  <c r="AD28465" i="1"/>
  <c r="AD28466" i="1"/>
  <c r="AD28467" i="1"/>
  <c r="AD28468" i="1"/>
  <c r="AD28469" i="1"/>
  <c r="AD28470" i="1"/>
  <c r="AD28471" i="1"/>
  <c r="AD28472" i="1"/>
  <c r="AD28473" i="1"/>
  <c r="AD28474" i="1"/>
  <c r="AD28475" i="1"/>
  <c r="AD28476" i="1"/>
  <c r="AD28477" i="1"/>
  <c r="AD28478" i="1"/>
  <c r="AD28479" i="1"/>
  <c r="AD28480" i="1"/>
  <c r="AD28481" i="1"/>
  <c r="AD28482" i="1"/>
  <c r="AD28483" i="1"/>
  <c r="AD28484" i="1"/>
  <c r="AD28485" i="1"/>
  <c r="AD28486" i="1"/>
  <c r="AD28487" i="1"/>
  <c r="AD28488" i="1"/>
  <c r="AD28489" i="1"/>
  <c r="AD28490" i="1"/>
  <c r="AD28491" i="1"/>
  <c r="AD28492" i="1"/>
  <c r="AD28493" i="1"/>
  <c r="AD28494" i="1"/>
  <c r="AD28495" i="1"/>
  <c r="AD28496" i="1"/>
  <c r="AD28497" i="1"/>
  <c r="AD28498" i="1"/>
  <c r="AD28499" i="1"/>
  <c r="AD28500" i="1"/>
  <c r="AD28501" i="1"/>
  <c r="AD28502" i="1"/>
  <c r="AD28503" i="1"/>
  <c r="AD28504" i="1"/>
  <c r="AD28505" i="1"/>
  <c r="AD28506" i="1"/>
  <c r="AD28507" i="1"/>
  <c r="AD28508" i="1"/>
  <c r="AD28509" i="1"/>
  <c r="AD28510" i="1"/>
  <c r="AD28511" i="1"/>
  <c r="AD28512" i="1"/>
  <c r="AD28513" i="1"/>
  <c r="AD28514" i="1"/>
  <c r="AD28515" i="1"/>
  <c r="AD28516" i="1"/>
  <c r="AD28517" i="1"/>
  <c r="AD28518" i="1"/>
  <c r="AD28519" i="1"/>
  <c r="AD28520" i="1"/>
  <c r="AD28521" i="1"/>
  <c r="AD28522" i="1"/>
  <c r="AD28523" i="1"/>
  <c r="AD28524" i="1"/>
  <c r="AD28525" i="1"/>
  <c r="AD28526" i="1"/>
  <c r="AD28527" i="1"/>
  <c r="AD28528" i="1"/>
  <c r="AD28529" i="1"/>
  <c r="AD28530" i="1"/>
  <c r="AD28531" i="1"/>
  <c r="AD28532" i="1"/>
  <c r="AD28533" i="1"/>
  <c r="AD28534" i="1"/>
  <c r="AD28535" i="1"/>
  <c r="AD28536" i="1"/>
  <c r="AD28537" i="1"/>
  <c r="AD28538" i="1"/>
  <c r="AD28539" i="1"/>
  <c r="AD28540" i="1"/>
  <c r="AD28541" i="1"/>
  <c r="AD28542" i="1"/>
  <c r="AD28543" i="1"/>
  <c r="AD28544" i="1"/>
  <c r="AD28545" i="1"/>
  <c r="AD28546" i="1"/>
  <c r="AD28547" i="1"/>
  <c r="AD28548" i="1"/>
  <c r="AD28549" i="1"/>
  <c r="AD28550" i="1"/>
  <c r="AD28551" i="1"/>
  <c r="AD28552" i="1"/>
  <c r="AD28553" i="1"/>
  <c r="AD28554" i="1"/>
  <c r="AD28555" i="1"/>
  <c r="AD28556" i="1"/>
  <c r="AD28557" i="1"/>
  <c r="AD28558" i="1"/>
  <c r="AD28559" i="1"/>
  <c r="AD28560" i="1"/>
  <c r="AD28561" i="1"/>
  <c r="AD28562" i="1"/>
  <c r="AD28563" i="1"/>
  <c r="AD28564" i="1"/>
  <c r="AD28565" i="1"/>
  <c r="AD28566" i="1"/>
  <c r="AD28567" i="1"/>
  <c r="AD28568" i="1"/>
  <c r="AD28569" i="1"/>
  <c r="AD28570" i="1"/>
  <c r="AD28571" i="1"/>
  <c r="AD28572" i="1"/>
  <c r="AD28573" i="1"/>
  <c r="AD28574" i="1"/>
  <c r="AD28575" i="1"/>
  <c r="AD28576" i="1"/>
  <c r="AD28577" i="1"/>
  <c r="AD28578" i="1"/>
  <c r="AD28579" i="1"/>
  <c r="AD28580" i="1"/>
  <c r="AD28581" i="1"/>
  <c r="AD28582" i="1"/>
  <c r="AD28583" i="1"/>
  <c r="AD28584" i="1"/>
  <c r="AD28585" i="1"/>
  <c r="AD28586" i="1"/>
  <c r="AD28587" i="1"/>
  <c r="AD28588" i="1"/>
  <c r="AD28589" i="1"/>
  <c r="AD28590" i="1"/>
  <c r="AD28591" i="1"/>
  <c r="AD28592" i="1"/>
  <c r="AD28593" i="1"/>
  <c r="AD28594" i="1"/>
  <c r="AD28595" i="1"/>
  <c r="AD28596" i="1"/>
  <c r="AD28597" i="1"/>
  <c r="AD28598" i="1"/>
  <c r="AD28599" i="1"/>
  <c r="AD28600" i="1"/>
  <c r="AD28601" i="1"/>
  <c r="AD28602" i="1"/>
  <c r="AD28603" i="1"/>
  <c r="AD28604" i="1"/>
  <c r="AD28605" i="1"/>
  <c r="AD28606" i="1"/>
  <c r="AD28607" i="1"/>
  <c r="AD28608" i="1"/>
  <c r="AD28609" i="1"/>
  <c r="AD28610" i="1"/>
  <c r="AD28611" i="1"/>
  <c r="AD28612" i="1"/>
  <c r="AD28613" i="1"/>
  <c r="AD28614" i="1"/>
  <c r="AD28615" i="1"/>
  <c r="AD28616" i="1"/>
  <c r="AD28617" i="1"/>
  <c r="AD28618" i="1"/>
  <c r="AD28619" i="1"/>
  <c r="AD28620" i="1"/>
  <c r="AD28621" i="1"/>
  <c r="AD28622" i="1"/>
  <c r="AD28623" i="1"/>
  <c r="AD28624" i="1"/>
  <c r="AD28625" i="1"/>
  <c r="AD28626" i="1"/>
  <c r="AD28627" i="1"/>
  <c r="AD28628" i="1"/>
  <c r="AD28629" i="1"/>
  <c r="AD28630" i="1"/>
  <c r="AD28631" i="1"/>
  <c r="AD28632" i="1"/>
  <c r="AD28633" i="1"/>
  <c r="AD28634" i="1"/>
  <c r="AD28635" i="1"/>
  <c r="AD28636" i="1"/>
  <c r="AD28637" i="1"/>
  <c r="AD28638" i="1"/>
  <c r="AD28639" i="1"/>
  <c r="AD28640" i="1"/>
  <c r="AD28641" i="1"/>
  <c r="AD28642" i="1"/>
  <c r="AD28643" i="1"/>
  <c r="AD28644" i="1"/>
  <c r="AD28645" i="1"/>
  <c r="AD28646" i="1"/>
  <c r="AD28647" i="1"/>
  <c r="AD28648" i="1"/>
  <c r="AD28649" i="1"/>
  <c r="AD28650" i="1"/>
  <c r="AD28651" i="1"/>
  <c r="AD28652" i="1"/>
  <c r="AD28653" i="1"/>
  <c r="AD28654" i="1"/>
  <c r="AD28655" i="1"/>
  <c r="AD28656" i="1"/>
  <c r="AD28657" i="1"/>
  <c r="AD28658" i="1"/>
  <c r="AD28659" i="1"/>
  <c r="AD28660" i="1"/>
  <c r="AD28661" i="1"/>
  <c r="AD28662" i="1"/>
  <c r="AD28663" i="1"/>
  <c r="AD28664" i="1"/>
  <c r="AD28665" i="1"/>
  <c r="AD28666" i="1"/>
  <c r="AD28667" i="1"/>
  <c r="AD28668" i="1"/>
  <c r="AD28669" i="1"/>
  <c r="AD28670" i="1"/>
  <c r="AD28671" i="1"/>
  <c r="AD28672" i="1"/>
  <c r="AD28673" i="1"/>
  <c r="AD28674" i="1"/>
  <c r="AD28675" i="1"/>
  <c r="AD28676" i="1"/>
  <c r="AD28677" i="1"/>
  <c r="AD28678" i="1"/>
  <c r="AD28679" i="1"/>
  <c r="AD28680" i="1"/>
  <c r="AD28681" i="1"/>
  <c r="AD28682" i="1"/>
  <c r="AD28683" i="1"/>
  <c r="AD28684" i="1"/>
  <c r="AD28685" i="1"/>
  <c r="AD28686" i="1"/>
  <c r="AD28687" i="1"/>
  <c r="AD28688" i="1"/>
  <c r="AD28689" i="1"/>
  <c r="AD28690" i="1"/>
  <c r="AD28691" i="1"/>
  <c r="AD28692" i="1"/>
  <c r="AD28693" i="1"/>
  <c r="AD28694" i="1"/>
  <c r="AD28695" i="1"/>
  <c r="AD28696" i="1"/>
  <c r="AD28697" i="1"/>
  <c r="AD28698" i="1"/>
  <c r="AD28699" i="1"/>
  <c r="AD28700" i="1"/>
  <c r="AD28701" i="1"/>
  <c r="AD28702" i="1"/>
  <c r="AD28703" i="1"/>
  <c r="AD28704" i="1"/>
  <c r="AD28705" i="1"/>
  <c r="AD28706" i="1"/>
  <c r="AD28707" i="1"/>
  <c r="AD28708" i="1"/>
  <c r="AD28709" i="1"/>
  <c r="AD28710" i="1"/>
  <c r="AD28711" i="1"/>
  <c r="AD28712" i="1"/>
  <c r="AD28713" i="1"/>
  <c r="AD28714" i="1"/>
  <c r="AD28715" i="1"/>
  <c r="AD28716" i="1"/>
  <c r="AD28717" i="1"/>
  <c r="AD28718" i="1"/>
  <c r="AD28719" i="1"/>
  <c r="AD28720" i="1"/>
  <c r="AD28721" i="1"/>
  <c r="AD28722" i="1"/>
  <c r="AD28723" i="1"/>
  <c r="AD28724" i="1"/>
  <c r="AD28725" i="1"/>
  <c r="AD28726" i="1"/>
  <c r="AD28727" i="1"/>
  <c r="AD28728" i="1"/>
  <c r="AD28729" i="1"/>
  <c r="AD28730" i="1"/>
  <c r="AD28731" i="1"/>
  <c r="AD28732" i="1"/>
  <c r="AD28733" i="1"/>
  <c r="AD28734" i="1"/>
  <c r="AD28735" i="1"/>
  <c r="AD28736" i="1"/>
  <c r="AD28737" i="1"/>
  <c r="AD28738" i="1"/>
  <c r="AD28739" i="1"/>
  <c r="AD28740" i="1"/>
  <c r="AD28741" i="1"/>
  <c r="AD28742" i="1"/>
  <c r="AD28743" i="1"/>
  <c r="AD28744" i="1"/>
  <c r="AD28745" i="1"/>
  <c r="AD28746" i="1"/>
  <c r="AD28747" i="1"/>
  <c r="AD28748" i="1"/>
  <c r="AD28749" i="1"/>
  <c r="AD28750" i="1"/>
  <c r="AD28751" i="1"/>
  <c r="AD28752" i="1"/>
  <c r="AD28753" i="1"/>
  <c r="AD28754" i="1"/>
  <c r="AD28755" i="1"/>
  <c r="AD28756" i="1"/>
  <c r="AD28757" i="1"/>
  <c r="AD28758" i="1"/>
  <c r="AD28759" i="1"/>
  <c r="AD28760" i="1"/>
  <c r="AD28761" i="1"/>
  <c r="AD28762" i="1"/>
  <c r="AD28763" i="1"/>
  <c r="AD28764" i="1"/>
  <c r="AD28765" i="1"/>
  <c r="AD28766" i="1"/>
  <c r="AD28767" i="1"/>
  <c r="AD28768" i="1"/>
  <c r="AD28769" i="1"/>
  <c r="AD28770" i="1"/>
  <c r="AD28771" i="1"/>
  <c r="AD28772" i="1"/>
  <c r="AD28773" i="1"/>
  <c r="AD28774" i="1"/>
  <c r="AD28775" i="1"/>
  <c r="AD28776" i="1"/>
  <c r="AD28777" i="1"/>
  <c r="AD28778" i="1"/>
  <c r="AD28779" i="1"/>
  <c r="AD28780" i="1"/>
  <c r="AD28781" i="1"/>
  <c r="AD28782" i="1"/>
  <c r="AD28783" i="1"/>
  <c r="AD28784" i="1"/>
  <c r="AD28785" i="1"/>
  <c r="AD28786" i="1"/>
  <c r="AD28787" i="1"/>
  <c r="AD28788" i="1"/>
  <c r="AD28789" i="1"/>
  <c r="AD28790" i="1"/>
  <c r="AD28791" i="1"/>
  <c r="AD28792" i="1"/>
  <c r="AD28793" i="1"/>
  <c r="AD28794" i="1"/>
  <c r="AD28795" i="1"/>
  <c r="AD28796" i="1"/>
  <c r="AD28797" i="1"/>
  <c r="AD28798" i="1"/>
  <c r="AD28799" i="1"/>
  <c r="AD28800" i="1"/>
  <c r="AD28801" i="1"/>
  <c r="AD28802" i="1"/>
  <c r="AD28803" i="1"/>
  <c r="AD28804" i="1"/>
  <c r="AD28805" i="1"/>
  <c r="AD28806" i="1"/>
  <c r="AD28807" i="1"/>
  <c r="AD28808" i="1"/>
  <c r="AD28809" i="1"/>
  <c r="AD28810" i="1"/>
  <c r="AD28811" i="1"/>
  <c r="AD28812" i="1"/>
  <c r="AD28813" i="1"/>
  <c r="AD28814" i="1"/>
  <c r="AD28815" i="1"/>
  <c r="AD28816" i="1"/>
  <c r="AD28817" i="1"/>
  <c r="AD28818" i="1"/>
  <c r="AD28819" i="1"/>
  <c r="AD28820" i="1"/>
  <c r="AD28821" i="1"/>
  <c r="AD28822" i="1"/>
  <c r="AD28823" i="1"/>
  <c r="AD28824" i="1"/>
  <c r="AD28825" i="1"/>
  <c r="AD28826" i="1"/>
  <c r="AD28827" i="1"/>
  <c r="AD28828" i="1"/>
  <c r="AD28829" i="1"/>
  <c r="AD28830" i="1"/>
  <c r="AD28831" i="1"/>
  <c r="AD28832" i="1"/>
  <c r="AD28833" i="1"/>
  <c r="AD28834" i="1"/>
  <c r="AD28835" i="1"/>
  <c r="AD28836" i="1"/>
  <c r="AD28837" i="1"/>
  <c r="AD28838" i="1"/>
  <c r="AD28839" i="1"/>
  <c r="AD28840" i="1"/>
  <c r="AD28841" i="1"/>
  <c r="AD28842" i="1"/>
  <c r="AD28843" i="1"/>
  <c r="AD28844" i="1"/>
  <c r="AD28845" i="1"/>
  <c r="AD28846" i="1"/>
  <c r="AD28847" i="1"/>
  <c r="AD28848" i="1"/>
  <c r="AD28849" i="1"/>
  <c r="AD28850" i="1"/>
  <c r="AD28851" i="1"/>
  <c r="AD28852" i="1"/>
  <c r="AD28853" i="1"/>
  <c r="AD28854" i="1"/>
  <c r="AD28855" i="1"/>
  <c r="AD28856" i="1"/>
  <c r="AD28857" i="1"/>
  <c r="AD28858" i="1"/>
  <c r="AD28859" i="1"/>
  <c r="AD28860" i="1"/>
  <c r="AD28861" i="1"/>
  <c r="AD28862" i="1"/>
  <c r="AD28863" i="1"/>
  <c r="AD28864" i="1"/>
  <c r="AD28865" i="1"/>
  <c r="AD28866" i="1"/>
  <c r="AD28867" i="1"/>
  <c r="AD28868" i="1"/>
  <c r="AD28869" i="1"/>
  <c r="AD28870" i="1"/>
  <c r="AD28871" i="1"/>
  <c r="AD28872" i="1"/>
  <c r="AD28873" i="1"/>
  <c r="AD28874" i="1"/>
  <c r="AD28875" i="1"/>
  <c r="AD28876" i="1"/>
  <c r="AD28877" i="1"/>
  <c r="AD28878" i="1"/>
  <c r="AD28879" i="1"/>
  <c r="AD28880" i="1"/>
  <c r="AD28881" i="1"/>
  <c r="AD28882" i="1"/>
  <c r="AD28883" i="1"/>
  <c r="AD28884" i="1"/>
  <c r="AD28885" i="1"/>
  <c r="AD28886" i="1"/>
  <c r="AD28887" i="1"/>
  <c r="AD28888" i="1"/>
  <c r="AD28889" i="1"/>
  <c r="AD28890" i="1"/>
  <c r="AD28891" i="1"/>
  <c r="AD28892" i="1"/>
  <c r="AD28893" i="1"/>
  <c r="AD28894" i="1"/>
  <c r="AD28895" i="1"/>
  <c r="AD28896" i="1"/>
  <c r="AD28897" i="1"/>
  <c r="AD28898" i="1"/>
  <c r="AD28899" i="1"/>
  <c r="AD28900" i="1"/>
  <c r="AD28901" i="1"/>
  <c r="AD28902" i="1"/>
  <c r="AD28903" i="1"/>
  <c r="AD28904" i="1"/>
  <c r="AD28905" i="1"/>
  <c r="AD28906" i="1"/>
  <c r="AD28907" i="1"/>
  <c r="AD28908" i="1"/>
  <c r="AD28909" i="1"/>
  <c r="AD28910" i="1"/>
  <c r="AD28911" i="1"/>
  <c r="AD28912" i="1"/>
  <c r="AD28913" i="1"/>
  <c r="AD28914" i="1"/>
  <c r="AD28915" i="1"/>
  <c r="AD28916" i="1"/>
  <c r="AD28917" i="1"/>
  <c r="AD28918" i="1"/>
  <c r="AD28919" i="1"/>
  <c r="AD28920" i="1"/>
  <c r="AD28921" i="1"/>
  <c r="AD28922" i="1"/>
  <c r="AD28923" i="1"/>
  <c r="AD28924" i="1"/>
  <c r="AD28925" i="1"/>
  <c r="AD28926" i="1"/>
  <c r="AD28927" i="1"/>
  <c r="AD28928" i="1"/>
  <c r="AD28929" i="1"/>
  <c r="AD28930" i="1"/>
  <c r="AD28931" i="1"/>
  <c r="AD28932" i="1"/>
  <c r="AD28933" i="1"/>
  <c r="AD28934" i="1"/>
  <c r="AD28935" i="1"/>
  <c r="AD28936" i="1"/>
  <c r="AD28937" i="1"/>
  <c r="AD28938" i="1"/>
  <c r="AD28939" i="1"/>
  <c r="AD28940" i="1"/>
  <c r="AD28941" i="1"/>
  <c r="AD28942" i="1"/>
  <c r="AD28943" i="1"/>
  <c r="AD28944" i="1"/>
  <c r="AD28945" i="1"/>
  <c r="AD28946" i="1"/>
  <c r="AD28947" i="1"/>
  <c r="AD28948" i="1"/>
  <c r="AD28949" i="1"/>
  <c r="AD28950" i="1"/>
  <c r="AD28951" i="1"/>
  <c r="AD28952" i="1"/>
  <c r="AD28953" i="1"/>
  <c r="AD28954" i="1"/>
  <c r="AD28955" i="1"/>
  <c r="AD28956" i="1"/>
  <c r="AD28957" i="1"/>
  <c r="AD28958" i="1"/>
  <c r="AD28959" i="1"/>
  <c r="AD28960" i="1"/>
  <c r="AD28961" i="1"/>
  <c r="AD28962" i="1"/>
  <c r="AD28963" i="1"/>
  <c r="AD28964" i="1"/>
  <c r="AD28965" i="1"/>
  <c r="AD28966" i="1"/>
  <c r="AD28967" i="1"/>
  <c r="AD28968" i="1"/>
  <c r="AD28969" i="1"/>
  <c r="AD28970" i="1"/>
  <c r="AD28971" i="1"/>
  <c r="AD28972" i="1"/>
  <c r="AD28973" i="1"/>
  <c r="AD28974" i="1"/>
  <c r="AD28975" i="1"/>
  <c r="AD28976" i="1"/>
  <c r="AD28977" i="1"/>
  <c r="AD28978" i="1"/>
  <c r="AD28979" i="1"/>
  <c r="AD28980" i="1"/>
  <c r="AD28981" i="1"/>
  <c r="AD28982" i="1"/>
  <c r="AD28983" i="1"/>
  <c r="AD28984" i="1"/>
  <c r="AD28985" i="1"/>
  <c r="AD28986" i="1"/>
  <c r="AD28987" i="1"/>
  <c r="AD28988" i="1"/>
  <c r="AD28989" i="1"/>
  <c r="AD28990" i="1"/>
  <c r="AD28991" i="1"/>
  <c r="AD28992" i="1"/>
  <c r="AD28993" i="1"/>
  <c r="AD28994" i="1"/>
  <c r="AD28995" i="1"/>
  <c r="AD28996" i="1"/>
  <c r="AD28997" i="1"/>
  <c r="AD28998" i="1"/>
  <c r="AD28999" i="1"/>
  <c r="AD29000" i="1"/>
  <c r="AD29001" i="1"/>
  <c r="AD29002" i="1"/>
  <c r="AD29003" i="1"/>
  <c r="AD29004" i="1"/>
  <c r="AD29005" i="1"/>
  <c r="AD29006" i="1"/>
  <c r="AD29007" i="1"/>
  <c r="AD29008" i="1"/>
  <c r="AD29009" i="1"/>
  <c r="AD29010" i="1"/>
  <c r="AD29011" i="1"/>
  <c r="AD29012" i="1"/>
  <c r="AD29013" i="1"/>
  <c r="AD29014" i="1"/>
  <c r="AD29015" i="1"/>
  <c r="AD29016" i="1"/>
  <c r="AD29017" i="1"/>
  <c r="AD29018" i="1"/>
  <c r="AD29019" i="1"/>
  <c r="AD29020" i="1"/>
  <c r="AD29021" i="1"/>
  <c r="AD29022" i="1"/>
  <c r="AD29023" i="1"/>
  <c r="AD29024" i="1"/>
  <c r="AD29025" i="1"/>
  <c r="AD29026" i="1"/>
  <c r="AD29027" i="1"/>
  <c r="AD29028" i="1"/>
  <c r="AD29029" i="1"/>
  <c r="AD29030" i="1"/>
  <c r="AD29031" i="1"/>
  <c r="AD29032" i="1"/>
  <c r="AD29033" i="1"/>
  <c r="AD29034" i="1"/>
  <c r="AD29035" i="1"/>
  <c r="AD29036" i="1"/>
  <c r="AD29037" i="1"/>
  <c r="AD29038" i="1"/>
  <c r="AD29039" i="1"/>
  <c r="AD29040" i="1"/>
  <c r="AD29041" i="1"/>
  <c r="AD29042" i="1"/>
  <c r="AD29043" i="1"/>
  <c r="AD29044" i="1"/>
  <c r="AD29045" i="1"/>
  <c r="AD29046" i="1"/>
  <c r="AD29047" i="1"/>
  <c r="AD29048" i="1"/>
  <c r="AD29049" i="1"/>
  <c r="AD29050" i="1"/>
  <c r="AD29051" i="1"/>
  <c r="AD29052" i="1"/>
  <c r="AD29053" i="1"/>
  <c r="AD29054" i="1"/>
  <c r="AD29055" i="1"/>
  <c r="AD29056" i="1"/>
  <c r="AD29057" i="1"/>
  <c r="AD29058" i="1"/>
  <c r="AD29059" i="1"/>
  <c r="AD29060" i="1"/>
  <c r="AD29061" i="1"/>
  <c r="AD29062" i="1"/>
  <c r="AD29063" i="1"/>
  <c r="AD29064" i="1"/>
  <c r="AD29065" i="1"/>
  <c r="AD29066" i="1"/>
  <c r="AD29067" i="1"/>
  <c r="AD29068" i="1"/>
  <c r="AD29069" i="1"/>
  <c r="AD29070" i="1"/>
  <c r="AD29071" i="1"/>
  <c r="AD29072" i="1"/>
  <c r="AD29073" i="1"/>
  <c r="AD29074" i="1"/>
  <c r="AD29075" i="1"/>
  <c r="AD29076" i="1"/>
  <c r="AD29077" i="1"/>
  <c r="AD29078" i="1"/>
  <c r="AD29079" i="1"/>
  <c r="AD29080" i="1"/>
  <c r="AD29081" i="1"/>
  <c r="AD29082" i="1"/>
  <c r="AD29083" i="1"/>
  <c r="AD29084" i="1"/>
  <c r="AD29085" i="1"/>
  <c r="AD29086" i="1"/>
  <c r="AD29087" i="1"/>
  <c r="AD29088" i="1"/>
  <c r="AD29089" i="1"/>
  <c r="AD29090" i="1"/>
  <c r="AD29091" i="1"/>
  <c r="AD29092" i="1"/>
  <c r="AD29093" i="1"/>
  <c r="AD29094" i="1"/>
  <c r="AD29095" i="1"/>
  <c r="AD29096" i="1"/>
  <c r="AD29097" i="1"/>
  <c r="AD29098" i="1"/>
  <c r="AD29099" i="1"/>
  <c r="AD29100" i="1"/>
  <c r="AD29101" i="1"/>
  <c r="AD29102" i="1"/>
  <c r="AD29103" i="1"/>
  <c r="AD29104" i="1"/>
  <c r="AD29105" i="1"/>
  <c r="AD29106" i="1"/>
  <c r="AD29107" i="1"/>
  <c r="AD29108" i="1"/>
  <c r="AD29109" i="1"/>
  <c r="AD29110" i="1"/>
  <c r="AD29111" i="1"/>
  <c r="AD29112" i="1"/>
  <c r="AD29113" i="1"/>
  <c r="AD29114" i="1"/>
  <c r="AD29115" i="1"/>
  <c r="AD29116" i="1"/>
  <c r="AD29117" i="1"/>
  <c r="AD29118" i="1"/>
  <c r="AD29119" i="1"/>
  <c r="AD29120" i="1"/>
  <c r="AD29121" i="1"/>
  <c r="AD29122" i="1"/>
  <c r="AD29123" i="1"/>
  <c r="AD29124" i="1"/>
  <c r="AD29125" i="1"/>
  <c r="AD29126" i="1"/>
  <c r="AD29127" i="1"/>
  <c r="AD29128" i="1"/>
  <c r="AD29129" i="1"/>
  <c r="AD29130" i="1"/>
  <c r="AD29131" i="1"/>
  <c r="AD29132" i="1"/>
  <c r="AD29133" i="1"/>
  <c r="AD29134" i="1"/>
  <c r="AD29135" i="1"/>
  <c r="AD29136" i="1"/>
  <c r="AD29137" i="1"/>
  <c r="AD29138" i="1"/>
  <c r="AD29139" i="1"/>
  <c r="AD29140" i="1"/>
  <c r="AD29141" i="1"/>
  <c r="AD29142" i="1"/>
  <c r="AD29143" i="1"/>
  <c r="AD29144" i="1"/>
  <c r="AD29145" i="1"/>
  <c r="AD29146" i="1"/>
  <c r="AD29147" i="1"/>
  <c r="AD29148" i="1"/>
  <c r="AD29149" i="1"/>
  <c r="AD29150" i="1"/>
  <c r="AD29151" i="1"/>
  <c r="AD29152" i="1"/>
  <c r="AD29153" i="1"/>
  <c r="AD29154" i="1"/>
  <c r="AD29155" i="1"/>
  <c r="AD29156" i="1"/>
  <c r="AD29157" i="1"/>
  <c r="AD29158" i="1"/>
  <c r="AD29159" i="1"/>
  <c r="AD29160" i="1"/>
  <c r="AD29161" i="1"/>
  <c r="AD29162" i="1"/>
  <c r="AD29163" i="1"/>
  <c r="AD29164" i="1"/>
  <c r="AD29165" i="1"/>
  <c r="AD29166" i="1"/>
  <c r="AD29167" i="1"/>
  <c r="AD29168" i="1"/>
  <c r="AD29169" i="1"/>
  <c r="AD29170" i="1"/>
  <c r="AD29171" i="1"/>
  <c r="AD29172" i="1"/>
  <c r="AD29173" i="1"/>
  <c r="AD29174" i="1"/>
  <c r="AD29175" i="1"/>
  <c r="AD29176" i="1"/>
  <c r="AD29177" i="1"/>
  <c r="AD29178" i="1"/>
  <c r="AD29179" i="1"/>
  <c r="AD29180" i="1"/>
  <c r="AD29181" i="1"/>
  <c r="AD29182" i="1"/>
  <c r="AD29183" i="1"/>
  <c r="AD29184" i="1"/>
  <c r="AD29185" i="1"/>
  <c r="AD29186" i="1"/>
  <c r="AD29187" i="1"/>
  <c r="AD29188" i="1"/>
  <c r="AD29189" i="1"/>
  <c r="AD29190" i="1"/>
  <c r="AD29191" i="1"/>
  <c r="AD29192" i="1"/>
  <c r="AD29193" i="1"/>
  <c r="AD29194" i="1"/>
  <c r="AD29195" i="1"/>
  <c r="AD29196" i="1"/>
  <c r="AD29197" i="1"/>
  <c r="AD29198" i="1"/>
  <c r="AD29199" i="1"/>
  <c r="AD29200" i="1"/>
  <c r="AD29201" i="1"/>
  <c r="AD29202" i="1"/>
  <c r="AD29203" i="1"/>
  <c r="AD29204" i="1"/>
  <c r="AD29205" i="1"/>
  <c r="AD29206" i="1"/>
  <c r="AD29207" i="1"/>
  <c r="AD29208" i="1"/>
  <c r="AD29209" i="1"/>
  <c r="AD29210" i="1"/>
  <c r="AD29211" i="1"/>
  <c r="AD29212" i="1"/>
  <c r="AD29213" i="1"/>
  <c r="AD29214" i="1"/>
  <c r="AD29215" i="1"/>
  <c r="AD29216" i="1"/>
  <c r="AD29217" i="1"/>
  <c r="AD29218" i="1"/>
  <c r="AD29219" i="1"/>
  <c r="AD29220" i="1"/>
  <c r="AD29221" i="1"/>
  <c r="AD29222" i="1"/>
  <c r="AD29223" i="1"/>
  <c r="AD29224" i="1"/>
  <c r="AD29225" i="1"/>
  <c r="AD29226" i="1"/>
  <c r="AD29227" i="1"/>
  <c r="AD29228" i="1"/>
  <c r="AD29229" i="1"/>
  <c r="AD29230" i="1"/>
  <c r="AD29231" i="1"/>
  <c r="AD29232" i="1"/>
  <c r="AD29233" i="1"/>
  <c r="AD29234" i="1"/>
  <c r="AD29235" i="1"/>
  <c r="AD29236" i="1"/>
  <c r="AD29237" i="1"/>
  <c r="AD29238" i="1"/>
  <c r="AD29239" i="1"/>
  <c r="AD29240" i="1"/>
  <c r="AD29241" i="1"/>
  <c r="AD29242" i="1"/>
  <c r="AD29243" i="1"/>
  <c r="AD29244" i="1"/>
  <c r="AD29245" i="1"/>
  <c r="AD29246" i="1"/>
  <c r="AD29247" i="1"/>
  <c r="AD29248" i="1"/>
  <c r="AD29249" i="1"/>
  <c r="AD29250" i="1"/>
  <c r="AD29251" i="1"/>
  <c r="AD29252" i="1"/>
  <c r="AD29253" i="1"/>
  <c r="AD29254" i="1"/>
  <c r="AD29255" i="1"/>
  <c r="AD29256" i="1"/>
  <c r="AD29257" i="1"/>
  <c r="AD29258" i="1"/>
  <c r="AD29259" i="1"/>
  <c r="AD29260" i="1"/>
  <c r="AD29261" i="1"/>
  <c r="AD29262" i="1"/>
  <c r="AD29263" i="1"/>
  <c r="AD29264" i="1"/>
  <c r="AD29265" i="1"/>
  <c r="AD29266" i="1"/>
  <c r="AD29267" i="1"/>
  <c r="AD29268" i="1"/>
  <c r="AD29269" i="1"/>
  <c r="AD29270" i="1"/>
  <c r="AD29271" i="1"/>
  <c r="AD29272" i="1"/>
  <c r="AD29273" i="1"/>
  <c r="AD29274" i="1"/>
  <c r="AD29275" i="1"/>
  <c r="AD29276" i="1"/>
  <c r="AD29277" i="1"/>
  <c r="AD29278" i="1"/>
  <c r="AD29279" i="1"/>
  <c r="AD29280" i="1"/>
  <c r="AD29281" i="1"/>
  <c r="AD29282" i="1"/>
  <c r="AD29283" i="1"/>
  <c r="AD29284" i="1"/>
  <c r="AD29285" i="1"/>
  <c r="AD29286" i="1"/>
  <c r="AD29287" i="1"/>
  <c r="AD29288" i="1"/>
  <c r="AD29289" i="1"/>
  <c r="AD29290" i="1"/>
  <c r="AD29291" i="1"/>
  <c r="AD29292" i="1"/>
  <c r="AD29293" i="1"/>
  <c r="AD29294" i="1"/>
  <c r="AD29295" i="1"/>
  <c r="AD29296" i="1"/>
  <c r="AD29297" i="1"/>
  <c r="AD29298" i="1"/>
  <c r="AD29299" i="1"/>
  <c r="AD29300" i="1"/>
  <c r="AD29301" i="1"/>
  <c r="AD29302" i="1"/>
  <c r="AD29303" i="1"/>
  <c r="AD29304" i="1"/>
  <c r="AD29305" i="1"/>
  <c r="AD29306" i="1"/>
  <c r="AD29307" i="1"/>
  <c r="AD29308" i="1"/>
  <c r="AD29309" i="1"/>
  <c r="AD29310" i="1"/>
  <c r="AD29311" i="1"/>
  <c r="AD29312" i="1"/>
  <c r="AD29313" i="1"/>
  <c r="AD29314" i="1"/>
  <c r="AD29315" i="1"/>
  <c r="AD29316" i="1"/>
  <c r="AD29317" i="1"/>
  <c r="AD29318" i="1"/>
  <c r="AD29319" i="1"/>
  <c r="AD29320" i="1"/>
  <c r="AD29321" i="1"/>
  <c r="AD29322" i="1"/>
  <c r="AD29323" i="1"/>
  <c r="AD29324" i="1"/>
  <c r="AD29325" i="1"/>
  <c r="AD29326" i="1"/>
  <c r="AD29327" i="1"/>
  <c r="AD29328" i="1"/>
  <c r="AD29329" i="1"/>
  <c r="AD29330" i="1"/>
  <c r="AD29331" i="1"/>
  <c r="AD29332" i="1"/>
  <c r="AD29333" i="1"/>
  <c r="AD29334" i="1"/>
  <c r="AD29335" i="1"/>
  <c r="AD29336" i="1"/>
  <c r="AD29337" i="1"/>
  <c r="AD29338" i="1"/>
  <c r="AD29339" i="1"/>
  <c r="AD29340" i="1"/>
  <c r="AD29341" i="1"/>
  <c r="AD29342" i="1"/>
  <c r="AD29343" i="1"/>
  <c r="AD29344" i="1"/>
  <c r="AD29345" i="1"/>
  <c r="AD29346" i="1"/>
  <c r="AD29347" i="1"/>
  <c r="AD29348" i="1"/>
  <c r="AD29349" i="1"/>
  <c r="AD29350" i="1"/>
  <c r="AD29351" i="1"/>
  <c r="AD29352" i="1"/>
  <c r="AD29353" i="1"/>
  <c r="AD29354" i="1"/>
  <c r="AD29355" i="1"/>
  <c r="AD29356" i="1"/>
  <c r="AD29357" i="1"/>
  <c r="AD29358" i="1"/>
  <c r="AD29359" i="1"/>
  <c r="AD29360" i="1"/>
  <c r="AD29361" i="1"/>
  <c r="AD29362" i="1"/>
  <c r="AD29363" i="1"/>
  <c r="AD29364" i="1"/>
  <c r="AD29365" i="1"/>
  <c r="AD29366" i="1"/>
  <c r="AD29367" i="1"/>
  <c r="AD29368" i="1"/>
  <c r="AD29369" i="1"/>
  <c r="AD29370" i="1"/>
  <c r="AD29371" i="1"/>
  <c r="AD29372" i="1"/>
  <c r="AD29373" i="1"/>
  <c r="AD29374" i="1"/>
  <c r="AD29375" i="1"/>
  <c r="AD29376" i="1"/>
  <c r="AD29377" i="1"/>
  <c r="AD29378" i="1"/>
  <c r="AD29379" i="1"/>
  <c r="AD29380" i="1"/>
  <c r="AD29381" i="1"/>
  <c r="AD29382" i="1"/>
  <c r="AD29383" i="1"/>
  <c r="AD29384" i="1"/>
  <c r="AD29385" i="1"/>
  <c r="AD29386" i="1"/>
  <c r="AD29387" i="1"/>
  <c r="AD29388" i="1"/>
  <c r="AD29389" i="1"/>
  <c r="AD29390" i="1"/>
  <c r="AD29391" i="1"/>
  <c r="AD29392" i="1"/>
  <c r="AD29393" i="1"/>
  <c r="AD29394" i="1"/>
  <c r="AD29395" i="1"/>
  <c r="AD29396" i="1"/>
  <c r="AD29397" i="1"/>
  <c r="AD29398" i="1"/>
  <c r="AD29399" i="1"/>
  <c r="AD29400" i="1"/>
  <c r="AD29401" i="1"/>
  <c r="AD29402" i="1"/>
  <c r="AD29403" i="1"/>
  <c r="AD29404" i="1"/>
  <c r="AD29405" i="1"/>
  <c r="AD29406" i="1"/>
  <c r="AD29407" i="1"/>
  <c r="AD29408" i="1"/>
  <c r="AD29409" i="1"/>
  <c r="AD29410" i="1"/>
  <c r="AD29411" i="1"/>
  <c r="AD29412" i="1"/>
  <c r="AD29413" i="1"/>
  <c r="AD29414" i="1"/>
  <c r="AD29415" i="1"/>
  <c r="AD29416" i="1"/>
  <c r="AD29417" i="1"/>
  <c r="AD29418" i="1"/>
  <c r="AD29419" i="1"/>
  <c r="AD29420" i="1"/>
  <c r="AD29421" i="1"/>
  <c r="AD29422" i="1"/>
  <c r="AD29423" i="1"/>
  <c r="AD29424" i="1"/>
  <c r="AD29425" i="1"/>
  <c r="AD29426" i="1"/>
  <c r="AD29427" i="1"/>
  <c r="AD29428" i="1"/>
  <c r="AD29429" i="1"/>
  <c r="AD29430" i="1"/>
  <c r="AD29431" i="1"/>
  <c r="AD29432" i="1"/>
  <c r="AD29433" i="1"/>
  <c r="AD29434" i="1"/>
  <c r="AD29435" i="1"/>
  <c r="AD29436" i="1"/>
  <c r="AD29437" i="1"/>
  <c r="AD29438" i="1"/>
  <c r="AD29439" i="1"/>
  <c r="AD29440" i="1"/>
  <c r="AD29441" i="1"/>
  <c r="AD29442" i="1"/>
  <c r="AD29443" i="1"/>
  <c r="AD29444" i="1"/>
  <c r="AD29445" i="1"/>
  <c r="AD29446" i="1"/>
  <c r="AD29447" i="1"/>
  <c r="AD29448" i="1"/>
  <c r="AD29449" i="1"/>
  <c r="AD29450" i="1"/>
  <c r="AD29451" i="1"/>
  <c r="AD29452" i="1"/>
  <c r="AD29453" i="1"/>
  <c r="AD29454" i="1"/>
  <c r="AD29455" i="1"/>
  <c r="AD29456" i="1"/>
  <c r="AD29457" i="1"/>
  <c r="AD29458" i="1"/>
  <c r="AD29459" i="1"/>
  <c r="AD29460" i="1"/>
  <c r="AD29461" i="1"/>
  <c r="AD29462" i="1"/>
  <c r="AD29463" i="1"/>
  <c r="AD29464" i="1"/>
  <c r="AD29465" i="1"/>
  <c r="AD29466" i="1"/>
  <c r="AD29467" i="1"/>
  <c r="AD29468" i="1"/>
  <c r="AD29469" i="1"/>
  <c r="AD29470" i="1"/>
  <c r="AD29471" i="1"/>
  <c r="AD29472" i="1"/>
  <c r="AD29473" i="1"/>
  <c r="AD29474" i="1"/>
  <c r="AD29475" i="1"/>
  <c r="AD29476" i="1"/>
  <c r="AD29477" i="1"/>
  <c r="AD29478" i="1"/>
  <c r="AD29479" i="1"/>
  <c r="AD29480" i="1"/>
  <c r="AD29481" i="1"/>
  <c r="AD29482" i="1"/>
  <c r="AD29483" i="1"/>
  <c r="AD29484" i="1"/>
  <c r="AD29485" i="1"/>
  <c r="AD29486" i="1"/>
  <c r="AD29487" i="1"/>
  <c r="AD29488" i="1"/>
  <c r="AD29489" i="1"/>
  <c r="AD29490" i="1"/>
  <c r="AD29491" i="1"/>
  <c r="AD29492" i="1"/>
  <c r="AD29493" i="1"/>
  <c r="AD29494" i="1"/>
  <c r="AD29495" i="1"/>
  <c r="AD29496" i="1"/>
  <c r="AD29497" i="1"/>
  <c r="AD29498" i="1"/>
  <c r="AD29499" i="1"/>
  <c r="AD29500" i="1"/>
  <c r="AD29501" i="1"/>
  <c r="AD29502" i="1"/>
  <c r="AD29503" i="1"/>
  <c r="AD29504" i="1"/>
  <c r="AD29505" i="1"/>
  <c r="AD29506" i="1"/>
  <c r="AD29507" i="1"/>
  <c r="AD29508" i="1"/>
  <c r="AD29509" i="1"/>
  <c r="AD29510" i="1"/>
  <c r="AD29511" i="1"/>
  <c r="AD29512" i="1"/>
  <c r="AD29513" i="1"/>
  <c r="AD29514" i="1"/>
  <c r="AD29515" i="1"/>
  <c r="AD29516" i="1"/>
  <c r="AD29517" i="1"/>
  <c r="AD29518" i="1"/>
  <c r="AD29519" i="1"/>
  <c r="AD29520" i="1"/>
  <c r="AD29521" i="1"/>
  <c r="AD29522" i="1"/>
  <c r="AD29523" i="1"/>
  <c r="AD29524" i="1"/>
  <c r="AD29525" i="1"/>
  <c r="AD29526" i="1"/>
  <c r="AD29527" i="1"/>
  <c r="AD29528" i="1"/>
  <c r="AD29529" i="1"/>
  <c r="AD29530" i="1"/>
  <c r="AD29531" i="1"/>
  <c r="AD29532" i="1"/>
  <c r="AD29533" i="1"/>
  <c r="AD29534" i="1"/>
  <c r="AD29535" i="1"/>
  <c r="AD29536" i="1"/>
  <c r="AD29537" i="1"/>
  <c r="AD29538" i="1"/>
  <c r="AD29539" i="1"/>
  <c r="AD29540" i="1"/>
  <c r="AD29541" i="1"/>
  <c r="AD29542" i="1"/>
  <c r="AD29543" i="1"/>
  <c r="AD29544" i="1"/>
  <c r="AD29545" i="1"/>
  <c r="AD29546" i="1"/>
  <c r="AD29547" i="1"/>
  <c r="AD29548" i="1"/>
  <c r="AD29549" i="1"/>
  <c r="AD29550" i="1"/>
  <c r="AD29551" i="1"/>
  <c r="AD29552" i="1"/>
  <c r="AD29553" i="1"/>
  <c r="AD29554" i="1"/>
  <c r="AD29555" i="1"/>
  <c r="AD29556" i="1"/>
  <c r="AD29557" i="1"/>
  <c r="AD29558" i="1"/>
  <c r="AD29559" i="1"/>
  <c r="AD29560" i="1"/>
  <c r="AD29561" i="1"/>
  <c r="AD29562" i="1"/>
  <c r="AD29563" i="1"/>
  <c r="AD29564" i="1"/>
  <c r="AD29565" i="1"/>
  <c r="AD29566" i="1"/>
  <c r="AD29567" i="1"/>
  <c r="AD29568" i="1"/>
  <c r="AD29569" i="1"/>
  <c r="AD29570" i="1"/>
  <c r="AD29571" i="1"/>
  <c r="AD29572" i="1"/>
  <c r="AD29573" i="1"/>
  <c r="AD29574" i="1"/>
  <c r="AD29575" i="1"/>
  <c r="AD29576" i="1"/>
  <c r="AD29577" i="1"/>
  <c r="AD29578" i="1"/>
  <c r="AD29579" i="1"/>
  <c r="AD29580" i="1"/>
  <c r="AD29581" i="1"/>
  <c r="AD29582" i="1"/>
  <c r="AD29583" i="1"/>
  <c r="AD29584" i="1"/>
  <c r="AD29585" i="1"/>
  <c r="AD29586" i="1"/>
  <c r="AD29587" i="1"/>
  <c r="AD29588" i="1"/>
  <c r="AD29589" i="1"/>
  <c r="AD29590" i="1"/>
  <c r="AD29591" i="1"/>
  <c r="AD29592" i="1"/>
  <c r="AD29593" i="1"/>
  <c r="AD29594" i="1"/>
  <c r="AD29595" i="1"/>
  <c r="AD29596" i="1"/>
  <c r="AD29597" i="1"/>
  <c r="AD29598" i="1"/>
  <c r="AD29599" i="1"/>
  <c r="AD29600" i="1"/>
  <c r="AD29601" i="1"/>
  <c r="AD29602" i="1"/>
  <c r="AD29603" i="1"/>
  <c r="AD29604" i="1"/>
  <c r="AD29605" i="1"/>
  <c r="AD29606" i="1"/>
  <c r="AD29607" i="1"/>
  <c r="AD29608" i="1"/>
  <c r="AD29609" i="1"/>
  <c r="AD29610" i="1"/>
  <c r="AD29611" i="1"/>
  <c r="AD29612" i="1"/>
  <c r="AD29613" i="1"/>
  <c r="AD29614" i="1"/>
  <c r="AD29615" i="1"/>
  <c r="AD29616" i="1"/>
  <c r="AD29617" i="1"/>
  <c r="AD29618" i="1"/>
  <c r="AD29619" i="1"/>
  <c r="AD29620" i="1"/>
  <c r="AD29621" i="1"/>
  <c r="AD29622" i="1"/>
  <c r="AD29623" i="1"/>
  <c r="AD29624" i="1"/>
  <c r="AD29625" i="1"/>
  <c r="AD29626" i="1"/>
  <c r="AD29627" i="1"/>
  <c r="AD29628" i="1"/>
  <c r="AD29629" i="1"/>
  <c r="AD29630" i="1"/>
  <c r="AD29631" i="1"/>
  <c r="AD29632" i="1"/>
  <c r="AD29633" i="1"/>
  <c r="AD29634" i="1"/>
  <c r="AD29635" i="1"/>
  <c r="AD29636" i="1"/>
  <c r="AD29637" i="1"/>
  <c r="AD29638" i="1"/>
  <c r="AD29639" i="1"/>
  <c r="AD29640" i="1"/>
  <c r="AD29641" i="1"/>
  <c r="AD29642" i="1"/>
  <c r="AD29643" i="1"/>
  <c r="AD29644" i="1"/>
  <c r="AD29645" i="1"/>
  <c r="AD29646" i="1"/>
  <c r="AD29647" i="1"/>
  <c r="AD29648" i="1"/>
  <c r="AD29649" i="1"/>
  <c r="AD29650" i="1"/>
  <c r="AD29651" i="1"/>
  <c r="AD29652" i="1"/>
  <c r="AD29653" i="1"/>
  <c r="AD29654" i="1"/>
  <c r="AD29655" i="1"/>
  <c r="AD29656" i="1"/>
  <c r="AD29657" i="1"/>
  <c r="AD29658" i="1"/>
  <c r="AD29659" i="1"/>
  <c r="AD29660" i="1"/>
  <c r="AD29661" i="1"/>
  <c r="AD29662" i="1"/>
  <c r="AD29663" i="1"/>
  <c r="AD29664" i="1"/>
  <c r="AD29665" i="1"/>
  <c r="AD29666" i="1"/>
  <c r="AD29667" i="1"/>
  <c r="AD29668" i="1"/>
  <c r="AD29669" i="1"/>
  <c r="AD29670" i="1"/>
  <c r="AD29671" i="1"/>
  <c r="AD29672" i="1"/>
  <c r="AD29673" i="1"/>
  <c r="AD29674" i="1"/>
  <c r="AD29675" i="1"/>
  <c r="AD29676" i="1"/>
  <c r="AD29677" i="1"/>
  <c r="AD29678" i="1"/>
  <c r="AD29679" i="1"/>
  <c r="AD29680" i="1"/>
  <c r="AD29681" i="1"/>
  <c r="AD29682" i="1"/>
  <c r="AD29683" i="1"/>
  <c r="AD29684" i="1"/>
  <c r="AD29685" i="1"/>
  <c r="AD29686" i="1"/>
  <c r="AD29687" i="1"/>
  <c r="AD29688" i="1"/>
  <c r="AD29689" i="1"/>
  <c r="AD29690" i="1"/>
  <c r="AD29691" i="1"/>
  <c r="AD29692" i="1"/>
  <c r="AD29693" i="1"/>
  <c r="AD29694" i="1"/>
  <c r="AD29695" i="1"/>
  <c r="AD29696" i="1"/>
  <c r="AD29697" i="1"/>
  <c r="AD29698" i="1"/>
  <c r="AD29699" i="1"/>
  <c r="AD29700" i="1"/>
  <c r="AD29701" i="1"/>
  <c r="AD29702" i="1"/>
  <c r="AD29703" i="1"/>
  <c r="AD29704" i="1"/>
  <c r="AD29705" i="1"/>
  <c r="AD29706" i="1"/>
  <c r="AD29707" i="1"/>
  <c r="AD29708" i="1"/>
  <c r="AD29709" i="1"/>
  <c r="AD29710" i="1"/>
  <c r="AD29711" i="1"/>
  <c r="AD29712" i="1"/>
  <c r="AD29713" i="1"/>
  <c r="AD29714" i="1"/>
  <c r="AD29715" i="1"/>
  <c r="AD29716" i="1"/>
  <c r="AD29717" i="1"/>
  <c r="AD29718" i="1"/>
  <c r="AD29719" i="1"/>
  <c r="AD29720" i="1"/>
  <c r="AD29721" i="1"/>
  <c r="AD29722" i="1"/>
  <c r="AD29723" i="1"/>
  <c r="AD29724" i="1"/>
  <c r="AD29725" i="1"/>
  <c r="AD29726" i="1"/>
  <c r="AD29727" i="1"/>
  <c r="AD29728" i="1"/>
  <c r="AD29729" i="1"/>
  <c r="AD29730" i="1"/>
  <c r="AD29731" i="1"/>
  <c r="AD29732" i="1"/>
  <c r="AD29733" i="1"/>
  <c r="AD29734" i="1"/>
  <c r="AD29735" i="1"/>
  <c r="AD29736" i="1"/>
  <c r="AD29737" i="1"/>
  <c r="AD29738" i="1"/>
  <c r="AD29739" i="1"/>
  <c r="AD29740" i="1"/>
  <c r="AD29741" i="1"/>
  <c r="AD29742" i="1"/>
  <c r="AD29743" i="1"/>
  <c r="AD29744" i="1"/>
  <c r="AD29745" i="1"/>
  <c r="AD29746" i="1"/>
  <c r="AD29747" i="1"/>
  <c r="AD29748" i="1"/>
  <c r="AD29749" i="1"/>
  <c r="AD29750" i="1"/>
  <c r="AD29751" i="1"/>
  <c r="AD29752" i="1"/>
  <c r="AD29753" i="1"/>
  <c r="AD29754" i="1"/>
  <c r="AD29755" i="1"/>
  <c r="AD29756" i="1"/>
  <c r="AD29757" i="1"/>
  <c r="AD29758" i="1"/>
  <c r="AD29759" i="1"/>
  <c r="AD29760" i="1"/>
  <c r="AD29761" i="1"/>
  <c r="AD29762" i="1"/>
  <c r="AD29763" i="1"/>
  <c r="AD29764" i="1"/>
  <c r="AD29765" i="1"/>
  <c r="AD29766" i="1"/>
  <c r="AD29767" i="1"/>
  <c r="AD29768" i="1"/>
  <c r="AD29769" i="1"/>
  <c r="AD29770" i="1"/>
  <c r="AD29771" i="1"/>
  <c r="AD29772" i="1"/>
  <c r="AD29773" i="1"/>
  <c r="AD29774" i="1"/>
  <c r="AD29775" i="1"/>
  <c r="AD29776" i="1"/>
  <c r="AD29777" i="1"/>
  <c r="AD29778" i="1"/>
  <c r="AD29779" i="1"/>
  <c r="AD29780" i="1"/>
  <c r="AD29781" i="1"/>
  <c r="AD29782" i="1"/>
  <c r="AD29783" i="1"/>
  <c r="AD29784" i="1"/>
  <c r="AD29785" i="1"/>
  <c r="AD29786" i="1"/>
  <c r="AD29787" i="1"/>
  <c r="AD29788" i="1"/>
  <c r="AD29789" i="1"/>
  <c r="AD29790" i="1"/>
  <c r="AD29791" i="1"/>
  <c r="AD29792" i="1"/>
  <c r="AD29793" i="1"/>
  <c r="AD29794" i="1"/>
  <c r="AD29795" i="1"/>
  <c r="AD29796" i="1"/>
  <c r="AD29797" i="1"/>
  <c r="AD29798" i="1"/>
  <c r="AD29799" i="1"/>
  <c r="AD29800" i="1"/>
  <c r="AD29801" i="1"/>
  <c r="AD29802" i="1"/>
  <c r="AD29803" i="1"/>
  <c r="AD29804" i="1"/>
  <c r="AD29805" i="1"/>
  <c r="AD29806" i="1"/>
  <c r="AD29807" i="1"/>
  <c r="AD29808" i="1"/>
  <c r="AD29809" i="1"/>
  <c r="AD29810" i="1"/>
  <c r="AD29811" i="1"/>
  <c r="AD29812" i="1"/>
  <c r="AD29813" i="1"/>
  <c r="AD29814" i="1"/>
  <c r="AD29815" i="1"/>
  <c r="AD29816" i="1"/>
  <c r="AD29817" i="1"/>
  <c r="AD29818" i="1"/>
  <c r="AD29819" i="1"/>
  <c r="AD29820" i="1"/>
  <c r="AD29821" i="1"/>
  <c r="AD29822" i="1"/>
  <c r="AD29823" i="1"/>
  <c r="AD29824" i="1"/>
  <c r="AD29825" i="1"/>
  <c r="AD29826" i="1"/>
  <c r="AD29827" i="1"/>
  <c r="AD29828" i="1"/>
  <c r="AD29829" i="1"/>
  <c r="AD29830" i="1"/>
  <c r="AD29831" i="1"/>
  <c r="AD29832" i="1"/>
  <c r="AD29833" i="1"/>
  <c r="AD29834" i="1"/>
  <c r="AD29835" i="1"/>
  <c r="AD29836" i="1"/>
  <c r="AD29837" i="1"/>
  <c r="AD29838" i="1"/>
  <c r="AD29839" i="1"/>
  <c r="AD29840" i="1"/>
  <c r="AD29841" i="1"/>
  <c r="AD29842" i="1"/>
  <c r="AD29843" i="1"/>
  <c r="AD29844" i="1"/>
  <c r="AD29845" i="1"/>
  <c r="AD29846" i="1"/>
  <c r="AD29847" i="1"/>
  <c r="AD29848" i="1"/>
  <c r="AD29849" i="1"/>
  <c r="AD29850" i="1"/>
  <c r="AD29851" i="1"/>
  <c r="AD29852" i="1"/>
  <c r="AD29853" i="1"/>
  <c r="AD29854" i="1"/>
  <c r="AD29855" i="1"/>
  <c r="AD29856" i="1"/>
  <c r="AD29857" i="1"/>
  <c r="AD29858" i="1"/>
  <c r="AD29859" i="1"/>
  <c r="AD29860" i="1"/>
  <c r="AD29861" i="1"/>
  <c r="AD29862" i="1"/>
  <c r="AD29863" i="1"/>
  <c r="AD29864" i="1"/>
  <c r="AD29865" i="1"/>
  <c r="AD29866" i="1"/>
  <c r="AD29867" i="1"/>
  <c r="AD29868" i="1"/>
  <c r="AD29869" i="1"/>
  <c r="AD29870" i="1"/>
  <c r="AD29871" i="1"/>
  <c r="AD29872" i="1"/>
  <c r="AD29873" i="1"/>
  <c r="AD29874" i="1"/>
  <c r="AD29875" i="1"/>
  <c r="AD29876" i="1"/>
  <c r="AD29877" i="1"/>
  <c r="AD29878" i="1"/>
  <c r="AD29879" i="1"/>
  <c r="AD29880" i="1"/>
  <c r="AD29881" i="1"/>
  <c r="AD29882" i="1"/>
  <c r="AD29883" i="1"/>
  <c r="AD29884" i="1"/>
  <c r="AD29885" i="1"/>
  <c r="AD29886" i="1"/>
  <c r="AD29887" i="1"/>
  <c r="AD29888" i="1"/>
  <c r="AD29889" i="1"/>
  <c r="AD29890" i="1"/>
  <c r="AD29891" i="1"/>
  <c r="AD29892" i="1"/>
  <c r="AD29893" i="1"/>
  <c r="AD29894" i="1"/>
  <c r="AD29895" i="1"/>
  <c r="AD29896" i="1"/>
  <c r="AD29897" i="1"/>
  <c r="AD29898" i="1"/>
  <c r="AD29899" i="1"/>
  <c r="AD29900" i="1"/>
  <c r="AD29901" i="1"/>
  <c r="AD29902" i="1"/>
  <c r="AD29903" i="1"/>
  <c r="AD29904" i="1"/>
  <c r="AD29905" i="1"/>
  <c r="AD29906" i="1"/>
  <c r="AD29907" i="1"/>
  <c r="AD29908" i="1"/>
  <c r="AD29909" i="1"/>
  <c r="AD29910" i="1"/>
  <c r="AD29911" i="1"/>
  <c r="AD29912" i="1"/>
  <c r="AD29913" i="1"/>
  <c r="AD29914" i="1"/>
  <c r="AD29915" i="1"/>
  <c r="AD29916" i="1"/>
  <c r="AD29917" i="1"/>
  <c r="AD29918" i="1"/>
  <c r="AD29919" i="1"/>
  <c r="AD29920" i="1"/>
  <c r="AD29921" i="1"/>
  <c r="AD29922" i="1"/>
  <c r="AD29923" i="1"/>
  <c r="AD29924" i="1"/>
  <c r="AD29925" i="1"/>
  <c r="AD29926" i="1"/>
  <c r="AD29927" i="1"/>
  <c r="AD29928" i="1"/>
  <c r="AD29929" i="1"/>
  <c r="AD29930" i="1"/>
  <c r="AD29931" i="1"/>
  <c r="AD29932" i="1"/>
  <c r="AD29933" i="1"/>
  <c r="AD29934" i="1"/>
  <c r="AD29935" i="1"/>
  <c r="AD29936" i="1"/>
  <c r="AD29937" i="1"/>
  <c r="AD29938" i="1"/>
  <c r="AD29939" i="1"/>
  <c r="AD29940" i="1"/>
  <c r="AD29941" i="1"/>
  <c r="AD29942" i="1"/>
  <c r="AD29943" i="1"/>
  <c r="AD29944" i="1"/>
  <c r="AD29945" i="1"/>
  <c r="AD29946" i="1"/>
  <c r="AD29947" i="1"/>
  <c r="AD29948" i="1"/>
  <c r="AD29949" i="1"/>
  <c r="AD29950" i="1"/>
  <c r="AD29951" i="1"/>
  <c r="AD29952" i="1"/>
  <c r="AD29953" i="1"/>
  <c r="AD29954" i="1"/>
  <c r="AD29955" i="1"/>
  <c r="AD29956" i="1"/>
  <c r="AD29957" i="1"/>
  <c r="AD29958" i="1"/>
  <c r="AD29959" i="1"/>
  <c r="AD29960" i="1"/>
  <c r="AD29961" i="1"/>
  <c r="AD29962" i="1"/>
  <c r="AD29963" i="1"/>
  <c r="AD29964" i="1"/>
  <c r="AD29965" i="1"/>
  <c r="AD29966" i="1"/>
  <c r="AD29967" i="1"/>
  <c r="AD29968" i="1"/>
  <c r="AD29969" i="1"/>
  <c r="AD29970" i="1"/>
  <c r="AD29971" i="1"/>
  <c r="AD29972" i="1"/>
  <c r="AD29973" i="1"/>
  <c r="AD29974" i="1"/>
  <c r="AD29975" i="1"/>
  <c r="AD29976" i="1"/>
  <c r="AD29977" i="1"/>
  <c r="AD29978" i="1"/>
  <c r="AD29979" i="1"/>
  <c r="AD29980" i="1"/>
  <c r="AD29981" i="1"/>
  <c r="AD29982" i="1"/>
  <c r="AD29983" i="1"/>
  <c r="AD29984" i="1"/>
  <c r="AD29985" i="1"/>
  <c r="AD29986" i="1"/>
  <c r="AD29987" i="1"/>
  <c r="AD29988" i="1"/>
  <c r="AD29989" i="1"/>
  <c r="AD29990" i="1"/>
  <c r="AD29991" i="1"/>
  <c r="AD29992" i="1"/>
  <c r="AD29993" i="1"/>
  <c r="AD29994" i="1"/>
  <c r="AD29995" i="1"/>
  <c r="AD29996" i="1"/>
  <c r="AD29997" i="1"/>
  <c r="AD29998" i="1"/>
  <c r="AD29999" i="1"/>
  <c r="AD30000" i="1"/>
  <c r="AD30001" i="1"/>
  <c r="AD30002" i="1"/>
  <c r="AD30003" i="1"/>
  <c r="AD30004" i="1"/>
  <c r="AD30005" i="1"/>
  <c r="AD30006" i="1"/>
  <c r="AD30007" i="1"/>
  <c r="AD30008" i="1"/>
  <c r="AD30009" i="1"/>
  <c r="AD30010" i="1"/>
  <c r="AD30011" i="1"/>
  <c r="AD30012" i="1"/>
  <c r="AD30013" i="1"/>
  <c r="AD30014" i="1"/>
  <c r="AD30015" i="1"/>
  <c r="AD30016" i="1"/>
  <c r="AD30017" i="1"/>
  <c r="AD30018" i="1"/>
  <c r="AD30019" i="1"/>
  <c r="AD30020" i="1"/>
  <c r="AD30021" i="1"/>
  <c r="AD30022" i="1"/>
  <c r="AD30023" i="1"/>
  <c r="AD30024" i="1"/>
  <c r="AD30025" i="1"/>
  <c r="AD30026" i="1"/>
  <c r="AD30027" i="1"/>
  <c r="AD30028" i="1"/>
  <c r="AD30029" i="1"/>
  <c r="AD30030" i="1"/>
  <c r="AD30031" i="1"/>
  <c r="AD30032" i="1"/>
  <c r="AD30033" i="1"/>
  <c r="AD30034" i="1"/>
  <c r="AD30035" i="1"/>
  <c r="AD30036" i="1"/>
  <c r="AD30037" i="1"/>
  <c r="AD30038" i="1"/>
  <c r="AD30039" i="1"/>
  <c r="AD30040" i="1"/>
  <c r="AD30041" i="1"/>
  <c r="AD30042" i="1"/>
  <c r="AD30043" i="1"/>
  <c r="AD30044" i="1"/>
  <c r="AD30045" i="1"/>
  <c r="AD30046" i="1"/>
  <c r="AD30047" i="1"/>
  <c r="AD30048" i="1"/>
  <c r="AD30049" i="1"/>
  <c r="AD30050" i="1"/>
  <c r="AD30051" i="1"/>
  <c r="AD30052" i="1"/>
  <c r="AD30053" i="1"/>
  <c r="AD30054" i="1"/>
  <c r="AD30055" i="1"/>
  <c r="AD30056" i="1"/>
  <c r="AD30057" i="1"/>
  <c r="AD30058" i="1"/>
  <c r="AD30059" i="1"/>
  <c r="AD30060" i="1"/>
  <c r="AD30061" i="1"/>
  <c r="AD30062" i="1"/>
  <c r="AD30063" i="1"/>
  <c r="AD30064" i="1"/>
  <c r="AD30065" i="1"/>
  <c r="AD30066" i="1"/>
  <c r="AD30067" i="1"/>
  <c r="AD30068" i="1"/>
  <c r="AD30069" i="1"/>
  <c r="AD30070" i="1"/>
  <c r="AD30071" i="1"/>
  <c r="AD30072" i="1"/>
  <c r="AD30073" i="1"/>
  <c r="AD30074" i="1"/>
  <c r="AD30075" i="1"/>
  <c r="AD30076" i="1"/>
  <c r="AD30077" i="1"/>
  <c r="AD30078" i="1"/>
  <c r="AD30079" i="1"/>
  <c r="AD30080" i="1"/>
  <c r="AD30081" i="1"/>
  <c r="AD30082" i="1"/>
  <c r="AD30083" i="1"/>
  <c r="AD30084" i="1"/>
  <c r="AD30085" i="1"/>
  <c r="AD30086" i="1"/>
  <c r="AD30087" i="1"/>
  <c r="AD30088" i="1"/>
  <c r="AD30089" i="1"/>
  <c r="AD30090" i="1"/>
  <c r="AD30091" i="1"/>
  <c r="AD30092" i="1"/>
  <c r="AD30093" i="1"/>
  <c r="AD30094" i="1"/>
  <c r="AD30095" i="1"/>
  <c r="AD30096" i="1"/>
  <c r="AD30097" i="1"/>
  <c r="AD30098" i="1"/>
  <c r="AD30099" i="1"/>
  <c r="AD30100" i="1"/>
  <c r="AD30101" i="1"/>
  <c r="AD30102" i="1"/>
  <c r="AD30103" i="1"/>
  <c r="AD30104" i="1"/>
  <c r="AD30105" i="1"/>
  <c r="AD30106" i="1"/>
  <c r="AD30107" i="1"/>
  <c r="AD30108" i="1"/>
  <c r="AD30109" i="1"/>
  <c r="AD30110" i="1"/>
  <c r="AD30111" i="1"/>
  <c r="AD30112" i="1"/>
  <c r="AD30113" i="1"/>
  <c r="AD30114" i="1"/>
  <c r="AD30115" i="1"/>
  <c r="AD30116" i="1"/>
  <c r="AD30117" i="1"/>
  <c r="AD30118" i="1"/>
  <c r="AD30119" i="1"/>
  <c r="AD30120" i="1"/>
  <c r="AD30121" i="1"/>
  <c r="AD30122" i="1"/>
  <c r="AD30123" i="1"/>
  <c r="AD30124" i="1"/>
  <c r="AD30125" i="1"/>
  <c r="AD30126" i="1"/>
  <c r="AD30127" i="1"/>
  <c r="AD30128" i="1"/>
  <c r="AD30129" i="1"/>
  <c r="AD30130" i="1"/>
  <c r="AD30131" i="1"/>
  <c r="AD30132" i="1"/>
  <c r="AD30133" i="1"/>
  <c r="AD30134" i="1"/>
  <c r="AD30135" i="1"/>
  <c r="AD30136" i="1"/>
  <c r="AD30137" i="1"/>
  <c r="AD30138" i="1"/>
  <c r="AD30139" i="1"/>
  <c r="AD30140" i="1"/>
  <c r="AD30141" i="1"/>
  <c r="AD30142" i="1"/>
  <c r="AD30143" i="1"/>
  <c r="AD30144" i="1"/>
  <c r="AD30145" i="1"/>
  <c r="AD30146" i="1"/>
  <c r="AD30147" i="1"/>
  <c r="AD30148" i="1"/>
  <c r="AD30149" i="1"/>
  <c r="AD30150" i="1"/>
  <c r="AD30151" i="1"/>
  <c r="AD30152" i="1"/>
  <c r="AD30153" i="1"/>
  <c r="AD30154" i="1"/>
  <c r="AD30155" i="1"/>
  <c r="AD30156" i="1"/>
  <c r="AD30157" i="1"/>
  <c r="AD30158" i="1"/>
  <c r="AD30159" i="1"/>
  <c r="AD30160" i="1"/>
  <c r="AD30161" i="1"/>
  <c r="AD30162" i="1"/>
  <c r="AD30163" i="1"/>
  <c r="AD30164" i="1"/>
  <c r="AD30165" i="1"/>
  <c r="AD30166" i="1"/>
  <c r="AD30167" i="1"/>
  <c r="AD30168" i="1"/>
  <c r="AD30169" i="1"/>
  <c r="AD30170" i="1"/>
  <c r="AD30171" i="1"/>
  <c r="AD30172" i="1"/>
  <c r="AD30173" i="1"/>
  <c r="AD30174" i="1"/>
  <c r="AD30175" i="1"/>
  <c r="AD30176" i="1"/>
  <c r="AD30177" i="1"/>
  <c r="AD30178" i="1"/>
  <c r="AD30179" i="1"/>
  <c r="AD30180" i="1"/>
  <c r="AD30181" i="1"/>
  <c r="AD30182" i="1"/>
  <c r="AD30183" i="1"/>
  <c r="AD30184" i="1"/>
  <c r="AD30185" i="1"/>
  <c r="AD30186" i="1"/>
  <c r="AD30187" i="1"/>
  <c r="AD30188" i="1"/>
  <c r="AD30189" i="1"/>
  <c r="AD30190" i="1"/>
  <c r="AD30191" i="1"/>
  <c r="AD30192" i="1"/>
  <c r="AD30193" i="1"/>
  <c r="AD30194" i="1"/>
  <c r="AD30195" i="1"/>
  <c r="AD30196" i="1"/>
  <c r="AD30197" i="1"/>
  <c r="AD30198" i="1"/>
  <c r="AD30199" i="1"/>
  <c r="AD30200" i="1"/>
  <c r="AD30201" i="1"/>
  <c r="AD30202" i="1"/>
  <c r="AD30203" i="1"/>
  <c r="AD30204" i="1"/>
  <c r="AD30205" i="1"/>
  <c r="AD30206" i="1"/>
  <c r="AD30207" i="1"/>
  <c r="AD30208" i="1"/>
  <c r="AD30209" i="1"/>
  <c r="AD30210" i="1"/>
  <c r="AD30211" i="1"/>
  <c r="AD30212" i="1"/>
  <c r="AD30213" i="1"/>
  <c r="AD30214" i="1"/>
  <c r="AD30215" i="1"/>
  <c r="AD30216" i="1"/>
  <c r="AD30217" i="1"/>
  <c r="AD30218" i="1"/>
  <c r="AD30219" i="1"/>
  <c r="AD30220" i="1"/>
  <c r="AD30221" i="1"/>
  <c r="AD30222" i="1"/>
  <c r="AD30223" i="1"/>
  <c r="AD30224" i="1"/>
  <c r="AD30225" i="1"/>
  <c r="AD30226" i="1"/>
  <c r="AD30227" i="1"/>
  <c r="AD30228" i="1"/>
  <c r="AD30229" i="1"/>
  <c r="AD30230" i="1"/>
  <c r="AD30231" i="1"/>
  <c r="AD30232" i="1"/>
  <c r="AD30233" i="1"/>
  <c r="AD30234" i="1"/>
  <c r="AD30235" i="1"/>
  <c r="AD30236" i="1"/>
  <c r="AD30237" i="1"/>
  <c r="AD30238" i="1"/>
  <c r="AD30239" i="1"/>
  <c r="AD30240" i="1"/>
  <c r="AD30241" i="1"/>
  <c r="AD30242" i="1"/>
  <c r="AD30243" i="1"/>
  <c r="AD30244" i="1"/>
  <c r="AD30245" i="1"/>
  <c r="AD30246" i="1"/>
  <c r="AD30247" i="1"/>
  <c r="AD30248" i="1"/>
  <c r="AD30249" i="1"/>
  <c r="AD30250" i="1"/>
  <c r="AD30251" i="1"/>
  <c r="AD30252" i="1"/>
  <c r="AD30253" i="1"/>
  <c r="AD30254" i="1"/>
  <c r="AD30255" i="1"/>
  <c r="AD30256" i="1"/>
  <c r="AD30257" i="1"/>
  <c r="AD30258" i="1"/>
  <c r="AD30259" i="1"/>
  <c r="AD30260" i="1"/>
  <c r="AD30261" i="1"/>
  <c r="AD30262" i="1"/>
  <c r="AD30263" i="1"/>
  <c r="AD30264" i="1"/>
  <c r="AD30265" i="1"/>
  <c r="AD30266" i="1"/>
  <c r="AD30267" i="1"/>
  <c r="AD30268" i="1"/>
  <c r="AD30269" i="1"/>
  <c r="AD30270" i="1"/>
  <c r="AD30271" i="1"/>
  <c r="AD30272" i="1"/>
  <c r="AD30273" i="1"/>
  <c r="AD30274" i="1"/>
  <c r="AD30275" i="1"/>
  <c r="AD30276" i="1"/>
  <c r="AD30277" i="1"/>
  <c r="AD30278" i="1"/>
  <c r="AD30279" i="1"/>
  <c r="AD30280" i="1"/>
  <c r="AD30281" i="1"/>
  <c r="AD30282" i="1"/>
  <c r="AD30283" i="1"/>
  <c r="AD30284" i="1"/>
  <c r="AD30285" i="1"/>
  <c r="AD30286" i="1"/>
  <c r="AD30287" i="1"/>
  <c r="AD30288" i="1"/>
  <c r="AD30289" i="1"/>
  <c r="AD30290" i="1"/>
  <c r="AD30291" i="1"/>
  <c r="AD30292" i="1"/>
  <c r="AD30293" i="1"/>
  <c r="AD30294" i="1"/>
  <c r="AD30295" i="1"/>
  <c r="AD30296" i="1"/>
  <c r="AD30297" i="1"/>
  <c r="AD30298" i="1"/>
  <c r="AD30299" i="1"/>
  <c r="AD30300" i="1"/>
  <c r="AD30301" i="1"/>
  <c r="AD30302" i="1"/>
  <c r="AD30303" i="1"/>
  <c r="AD30304" i="1"/>
  <c r="AD30305" i="1"/>
  <c r="AD30306" i="1"/>
  <c r="AD30307" i="1"/>
  <c r="AD30308" i="1"/>
  <c r="AD30309" i="1"/>
  <c r="AD30310" i="1"/>
  <c r="AD30311" i="1"/>
  <c r="AD30312" i="1"/>
  <c r="AD30313" i="1"/>
  <c r="AD30314" i="1"/>
  <c r="AD30315" i="1"/>
  <c r="AD30316" i="1"/>
  <c r="AD30317" i="1"/>
  <c r="AD30318" i="1"/>
  <c r="AD30319" i="1"/>
  <c r="AD30320" i="1"/>
  <c r="AD30321" i="1"/>
  <c r="AD30322" i="1"/>
  <c r="AD30323" i="1"/>
  <c r="AD30324" i="1"/>
  <c r="AD30325" i="1"/>
  <c r="AD30326" i="1"/>
  <c r="AD30327" i="1"/>
  <c r="AD30328" i="1"/>
  <c r="AD30329" i="1"/>
  <c r="AD30330" i="1"/>
  <c r="AD30331" i="1"/>
  <c r="AD30332" i="1"/>
  <c r="AD30333" i="1"/>
  <c r="AD30334" i="1"/>
  <c r="AD30335" i="1"/>
  <c r="AD30336" i="1"/>
  <c r="AD30337" i="1"/>
  <c r="AD30338" i="1"/>
  <c r="AD30339" i="1"/>
  <c r="AD30340" i="1"/>
  <c r="AD30341" i="1"/>
  <c r="AD30342" i="1"/>
  <c r="AD30343" i="1"/>
  <c r="AD30344" i="1"/>
  <c r="AD30345" i="1"/>
  <c r="AD30346" i="1"/>
  <c r="AD30347" i="1"/>
  <c r="AD30348" i="1"/>
  <c r="AD30349" i="1"/>
  <c r="AD30350" i="1"/>
  <c r="AD30351" i="1"/>
  <c r="AD30352" i="1"/>
  <c r="AD30353" i="1"/>
  <c r="AD30354" i="1"/>
  <c r="AD30355" i="1"/>
  <c r="AD30356" i="1"/>
  <c r="AD30357" i="1"/>
  <c r="AD30358" i="1"/>
  <c r="AD30359" i="1"/>
  <c r="AD30360" i="1"/>
  <c r="AD30361" i="1"/>
  <c r="AD30362" i="1"/>
  <c r="AD30363" i="1"/>
  <c r="AD30364" i="1"/>
  <c r="AD30365" i="1"/>
  <c r="AD30366" i="1"/>
  <c r="AD30367" i="1"/>
  <c r="AD30368" i="1"/>
  <c r="AD30369" i="1"/>
  <c r="AD30370" i="1"/>
  <c r="AD30371" i="1"/>
  <c r="AD30372" i="1"/>
  <c r="AD30373" i="1"/>
  <c r="AD30374" i="1"/>
  <c r="AD30375" i="1"/>
  <c r="AD30376" i="1"/>
  <c r="AD30377" i="1"/>
  <c r="AD30378" i="1"/>
  <c r="AD30379" i="1"/>
  <c r="AD30380" i="1"/>
  <c r="AD30381" i="1"/>
  <c r="AD30382" i="1"/>
  <c r="AD30383" i="1"/>
  <c r="AD30384" i="1"/>
  <c r="AD30385" i="1"/>
  <c r="AD30386" i="1"/>
  <c r="AD30387" i="1"/>
  <c r="AD30388" i="1"/>
  <c r="AD30389" i="1"/>
  <c r="AD30390" i="1"/>
  <c r="AD30391" i="1"/>
  <c r="AD30392" i="1"/>
  <c r="AD30393" i="1"/>
  <c r="AD30394" i="1"/>
  <c r="AD30395" i="1"/>
  <c r="AD30396" i="1"/>
  <c r="AD30397" i="1"/>
  <c r="AD30398" i="1"/>
  <c r="AD30399" i="1"/>
  <c r="AD30400" i="1"/>
  <c r="AD30401" i="1"/>
  <c r="AD30402" i="1"/>
  <c r="AD30403" i="1"/>
  <c r="AD30404" i="1"/>
  <c r="AD30405" i="1"/>
  <c r="AD30406" i="1"/>
  <c r="AD30407" i="1"/>
  <c r="AD30408" i="1"/>
  <c r="AD30409" i="1"/>
  <c r="AD30410" i="1"/>
  <c r="AD30411" i="1"/>
  <c r="AD30412" i="1"/>
  <c r="AD30413" i="1"/>
  <c r="AD30414" i="1"/>
  <c r="AD30415" i="1"/>
  <c r="AD30416" i="1"/>
  <c r="AD30417" i="1"/>
  <c r="AD30418" i="1"/>
  <c r="AD30419" i="1"/>
  <c r="AD30420" i="1"/>
  <c r="AD30421" i="1"/>
  <c r="AD30422" i="1"/>
  <c r="AD30423" i="1"/>
  <c r="AD30424" i="1"/>
  <c r="AD30425" i="1"/>
  <c r="AD30426" i="1"/>
  <c r="AD30427" i="1"/>
  <c r="AD30428" i="1"/>
  <c r="AD30429" i="1"/>
  <c r="AD30430" i="1"/>
  <c r="AD30431" i="1"/>
  <c r="AD30432" i="1"/>
  <c r="AD30433" i="1"/>
  <c r="AD30434" i="1"/>
  <c r="AD30435" i="1"/>
  <c r="AD30436" i="1"/>
  <c r="AD30437" i="1"/>
  <c r="AD30438" i="1"/>
  <c r="AD30439" i="1"/>
  <c r="AD30440" i="1"/>
  <c r="AD30441" i="1"/>
  <c r="AD30442" i="1"/>
  <c r="AD30443" i="1"/>
  <c r="AD30444" i="1"/>
  <c r="AD30445" i="1"/>
  <c r="AD30446" i="1"/>
  <c r="AD30447" i="1"/>
  <c r="AD30448" i="1"/>
  <c r="AD30449" i="1"/>
  <c r="AD30450" i="1"/>
  <c r="AD30451" i="1"/>
  <c r="AD30452" i="1"/>
  <c r="AD30453" i="1"/>
  <c r="AD30454" i="1"/>
  <c r="AD30455" i="1"/>
  <c r="AD30456" i="1"/>
  <c r="AD30457" i="1"/>
  <c r="AD30458" i="1"/>
  <c r="AD30459" i="1"/>
  <c r="AD30460" i="1"/>
  <c r="AD30461" i="1"/>
  <c r="AD30462" i="1"/>
  <c r="AD30463" i="1"/>
  <c r="AD30464" i="1"/>
  <c r="AD30465" i="1"/>
  <c r="AD30466" i="1"/>
  <c r="AD30467" i="1"/>
  <c r="AD30468" i="1"/>
  <c r="AD30469" i="1"/>
  <c r="AD30470" i="1"/>
  <c r="AD30471" i="1"/>
  <c r="AD30472" i="1"/>
  <c r="AD30473" i="1"/>
  <c r="AD30474" i="1"/>
  <c r="AD30475" i="1"/>
  <c r="AD30476" i="1"/>
  <c r="AD30477" i="1"/>
  <c r="AD30478" i="1"/>
  <c r="AD30479" i="1"/>
  <c r="AD30480" i="1"/>
  <c r="AD30481" i="1"/>
  <c r="AD30482" i="1"/>
  <c r="AD30483" i="1"/>
  <c r="AD30484" i="1"/>
  <c r="AD30485" i="1"/>
  <c r="AD30486" i="1"/>
  <c r="AD30487" i="1"/>
  <c r="AD30488" i="1"/>
  <c r="AD30489" i="1"/>
  <c r="AD30490" i="1"/>
  <c r="AD30491" i="1"/>
  <c r="AD30492" i="1"/>
  <c r="AD30493" i="1"/>
  <c r="AD30494" i="1"/>
  <c r="AD30495" i="1"/>
  <c r="AD30496" i="1"/>
  <c r="AD30497" i="1"/>
  <c r="AD30498" i="1"/>
  <c r="AD30499" i="1"/>
  <c r="AD30500" i="1"/>
  <c r="AD30501" i="1"/>
  <c r="AD30502" i="1"/>
  <c r="AD30503" i="1"/>
  <c r="AD30504" i="1"/>
  <c r="AD30505" i="1"/>
  <c r="AD30506" i="1"/>
  <c r="AD30507" i="1"/>
  <c r="AD30508" i="1"/>
  <c r="AD30509" i="1"/>
  <c r="AD30510" i="1"/>
  <c r="AD30511" i="1"/>
  <c r="AD30512" i="1"/>
  <c r="AD30513" i="1"/>
  <c r="AD30514" i="1"/>
  <c r="AD30515" i="1"/>
  <c r="AD30516" i="1"/>
  <c r="AD30517" i="1"/>
  <c r="AD30518" i="1"/>
  <c r="AD30519" i="1"/>
  <c r="AD30520" i="1"/>
  <c r="AD30521" i="1"/>
  <c r="AD30522" i="1"/>
  <c r="AD30523" i="1"/>
  <c r="AD30524" i="1"/>
  <c r="AD30525" i="1"/>
  <c r="AD30526" i="1"/>
  <c r="AD30527" i="1"/>
  <c r="AD30528" i="1"/>
  <c r="AD30529" i="1"/>
  <c r="AD30530" i="1"/>
  <c r="AD30531" i="1"/>
  <c r="AD30532" i="1"/>
  <c r="AD30533" i="1"/>
  <c r="AD30534" i="1"/>
  <c r="AD30535" i="1"/>
  <c r="AD30536" i="1"/>
  <c r="AD30537" i="1"/>
  <c r="AD30538" i="1"/>
  <c r="AD30539" i="1"/>
  <c r="AD30540" i="1"/>
  <c r="AD30541" i="1"/>
  <c r="AD30542" i="1"/>
  <c r="AD30543" i="1"/>
  <c r="AD30544" i="1"/>
  <c r="AD30545" i="1"/>
  <c r="AD30546" i="1"/>
  <c r="AD30548" i="1"/>
  <c r="AD30549" i="1"/>
  <c r="AD30550" i="1"/>
  <c r="AD30551" i="1"/>
  <c r="AD30552" i="1"/>
  <c r="AD30553" i="1"/>
  <c r="AD30554" i="1"/>
  <c r="AD30555" i="1"/>
  <c r="AD30556" i="1"/>
  <c r="AD30557" i="1"/>
  <c r="AD30558" i="1"/>
  <c r="AD30560" i="1"/>
  <c r="AD30561" i="1"/>
  <c r="AD30562" i="1"/>
  <c r="AD30563" i="1"/>
  <c r="AD30564" i="1"/>
  <c r="AD30565" i="1"/>
  <c r="AD30566" i="1"/>
  <c r="AD30567" i="1"/>
  <c r="AD30568" i="1"/>
  <c r="AD30569" i="1"/>
  <c r="AD30570" i="1"/>
  <c r="AD30572" i="1"/>
  <c r="AD30573" i="1"/>
  <c r="AD30574" i="1"/>
  <c r="AD30575" i="1"/>
  <c r="AD30576" i="1"/>
  <c r="AD30577" i="1"/>
  <c r="AD30578" i="1"/>
  <c r="AD30579" i="1"/>
  <c r="AD30580" i="1"/>
  <c r="AD30581" i="1"/>
  <c r="AD30582" i="1"/>
  <c r="AD30584" i="1"/>
  <c r="AD30585" i="1"/>
  <c r="AD30586" i="1"/>
  <c r="AD30587" i="1"/>
  <c r="AD30588" i="1"/>
  <c r="AD30589" i="1"/>
  <c r="AD30590" i="1"/>
  <c r="AD30591" i="1"/>
  <c r="AD30592" i="1"/>
  <c r="AD30593" i="1"/>
  <c r="AD30594" i="1"/>
  <c r="AD30596" i="1"/>
  <c r="AD30597" i="1"/>
  <c r="AD30598" i="1"/>
  <c r="AD30599" i="1"/>
  <c r="AD30600" i="1"/>
  <c r="AD30601" i="1"/>
  <c r="AD30602" i="1"/>
  <c r="AD30603" i="1"/>
  <c r="AD30604" i="1"/>
  <c r="AD30605" i="1"/>
  <c r="AD30606" i="1"/>
  <c r="AD30608" i="1"/>
  <c r="AD30609" i="1"/>
  <c r="AD30610" i="1"/>
  <c r="AD30611" i="1"/>
  <c r="AD30612" i="1"/>
  <c r="AD30613" i="1"/>
  <c r="AD30614" i="1"/>
  <c r="AD30615" i="1"/>
  <c r="AD30616" i="1"/>
  <c r="AD30617" i="1"/>
  <c r="AD30618" i="1"/>
  <c r="AD30620" i="1"/>
  <c r="AD30621" i="1"/>
  <c r="AD30622" i="1"/>
  <c r="AD30623" i="1"/>
  <c r="AD30624" i="1"/>
  <c r="AD30625" i="1"/>
  <c r="AD30626" i="1"/>
  <c r="AD30627" i="1"/>
  <c r="AD30628" i="1"/>
  <c r="AD30629" i="1"/>
  <c r="AD30630" i="1"/>
  <c r="AD30632" i="1"/>
  <c r="AD30633" i="1"/>
  <c r="AD30634" i="1"/>
  <c r="AD30635" i="1"/>
  <c r="AD30636" i="1"/>
  <c r="AD30637" i="1"/>
  <c r="AD30638" i="1"/>
  <c r="AD30639" i="1"/>
  <c r="AD30640" i="1"/>
  <c r="AD30641" i="1"/>
  <c r="AD30642" i="1"/>
  <c r="AD30644" i="1"/>
  <c r="AD30645" i="1"/>
  <c r="AD30646" i="1"/>
  <c r="AD30647" i="1"/>
  <c r="AD30648" i="1"/>
  <c r="AD30649" i="1"/>
  <c r="AD30650" i="1"/>
  <c r="AD30651" i="1"/>
  <c r="AD30652" i="1"/>
  <c r="AD30653" i="1"/>
  <c r="AD30654" i="1"/>
  <c r="AD30656" i="1"/>
  <c r="AD30657" i="1"/>
  <c r="AD30658" i="1"/>
  <c r="AD30659" i="1"/>
  <c r="AD30660" i="1"/>
  <c r="AD30661" i="1"/>
  <c r="AD30662" i="1"/>
  <c r="AD30663" i="1"/>
  <c r="AD30664" i="1"/>
  <c r="AD30665" i="1"/>
  <c r="AD30666" i="1"/>
  <c r="AD30668" i="1"/>
  <c r="AD30669" i="1"/>
  <c r="AD30670" i="1"/>
  <c r="AD30671" i="1"/>
  <c r="AD30672" i="1"/>
  <c r="AD30673" i="1"/>
  <c r="AD30674" i="1"/>
  <c r="AD30675" i="1"/>
  <c r="AD30676" i="1"/>
  <c r="AD30677" i="1"/>
  <c r="AD30678" i="1"/>
  <c r="AD30680" i="1"/>
  <c r="AD30681" i="1"/>
  <c r="AD30682" i="1"/>
  <c r="AD30683" i="1"/>
  <c r="AD30684" i="1"/>
  <c r="AD30685" i="1"/>
  <c r="AD30686" i="1"/>
  <c r="AD30687" i="1"/>
  <c r="AD30688" i="1"/>
  <c r="AD30689" i="1"/>
  <c r="AD30690" i="1"/>
  <c r="AD30692" i="1"/>
  <c r="AD30693" i="1"/>
  <c r="AD30694" i="1"/>
  <c r="AD30695" i="1"/>
  <c r="AD30696" i="1"/>
  <c r="AD30697" i="1"/>
  <c r="AD30698" i="1"/>
  <c r="AD30699" i="1"/>
  <c r="AD30700" i="1"/>
  <c r="AD30701" i="1"/>
  <c r="AD30702" i="1"/>
  <c r="AD30704" i="1"/>
  <c r="AD30705" i="1"/>
  <c r="AD30706" i="1"/>
  <c r="AD30707" i="1"/>
  <c r="AD30708" i="1"/>
  <c r="AD30709" i="1"/>
  <c r="AD30710" i="1"/>
  <c r="AD30711" i="1"/>
  <c r="AD30712" i="1"/>
  <c r="AD30713" i="1"/>
  <c r="AD30714" i="1"/>
  <c r="AD30716" i="1"/>
  <c r="AD30717" i="1"/>
  <c r="AD30718" i="1"/>
  <c r="AD30719" i="1"/>
  <c r="AD30720" i="1"/>
  <c r="AD30721" i="1"/>
  <c r="AD30722" i="1"/>
  <c r="AD30723" i="1"/>
  <c r="AD30724" i="1"/>
  <c r="AD30725" i="1"/>
  <c r="AD30726" i="1"/>
  <c r="AD30728" i="1"/>
  <c r="AD30729" i="1"/>
  <c r="AD30730" i="1"/>
  <c r="AD30731" i="1"/>
  <c r="AD30732" i="1"/>
  <c r="AD30733" i="1"/>
  <c r="AD30734" i="1"/>
  <c r="AD30735" i="1"/>
  <c r="AD30736" i="1"/>
  <c r="AD30737" i="1"/>
  <c r="AD30738" i="1"/>
  <c r="AD30740" i="1"/>
  <c r="AD30741" i="1"/>
  <c r="AD30742" i="1"/>
  <c r="AD30743" i="1"/>
  <c r="AD30744" i="1"/>
  <c r="AD30745" i="1"/>
  <c r="AD30746" i="1"/>
  <c r="AD30747" i="1"/>
  <c r="AD30748" i="1"/>
  <c r="AD30749" i="1"/>
  <c r="AD30750" i="1"/>
  <c r="AD30752" i="1"/>
  <c r="AD30753" i="1"/>
  <c r="AD30754" i="1"/>
  <c r="AD30755" i="1"/>
  <c r="AD30756" i="1"/>
  <c r="AD30757" i="1"/>
  <c r="AD30758" i="1"/>
  <c r="AD30759" i="1"/>
  <c r="AD30760" i="1"/>
  <c r="AD30761" i="1"/>
  <c r="AD30762" i="1"/>
  <c r="AD30764" i="1"/>
  <c r="AD30765" i="1"/>
  <c r="AD30766" i="1"/>
  <c r="AD30767" i="1"/>
  <c r="AD30768" i="1"/>
  <c r="AD30769" i="1"/>
  <c r="AD30770" i="1"/>
  <c r="AD30771" i="1"/>
  <c r="AD30772" i="1"/>
  <c r="AD30773" i="1"/>
  <c r="AD30774" i="1"/>
  <c r="AD30776" i="1"/>
  <c r="AD30777" i="1"/>
  <c r="AD30778" i="1"/>
  <c r="AD30779" i="1"/>
  <c r="AD30780" i="1"/>
  <c r="AD30781" i="1"/>
  <c r="AD30782" i="1"/>
  <c r="AD30783" i="1"/>
  <c r="AD30784" i="1"/>
  <c r="AD30785" i="1"/>
  <c r="AD30786" i="1"/>
  <c r="AD30788" i="1"/>
  <c r="AD30789" i="1"/>
  <c r="AD30790" i="1"/>
  <c r="AD30791" i="1"/>
  <c r="AD30792" i="1"/>
  <c r="AD30793" i="1"/>
  <c r="AD30794" i="1"/>
  <c r="AD30795" i="1"/>
  <c r="AD30796" i="1"/>
  <c r="AD30797" i="1"/>
  <c r="AD30798" i="1"/>
  <c r="AD30800" i="1"/>
  <c r="AD30801" i="1"/>
  <c r="AD30802" i="1"/>
  <c r="AD30803" i="1"/>
  <c r="AD30804" i="1"/>
  <c r="AD30805" i="1"/>
  <c r="AD30806" i="1"/>
  <c r="AD30807" i="1"/>
  <c r="AD30808" i="1"/>
  <c r="AD30809" i="1"/>
  <c r="AD30810" i="1"/>
  <c r="AD30812" i="1"/>
  <c r="AD30813" i="1"/>
  <c r="AD30814" i="1"/>
  <c r="AD30815" i="1"/>
  <c r="AD30816" i="1"/>
  <c r="AD30817" i="1"/>
  <c r="AD30818" i="1"/>
  <c r="AD30819" i="1"/>
  <c r="AD30820" i="1"/>
  <c r="AD30821" i="1"/>
  <c r="AD30822" i="1"/>
  <c r="AD30824" i="1"/>
  <c r="AD30825" i="1"/>
  <c r="AD30826" i="1"/>
  <c r="AD30827" i="1"/>
  <c r="AD30828" i="1"/>
  <c r="AD30829" i="1"/>
  <c r="AD30830" i="1"/>
  <c r="AD30831" i="1"/>
  <c r="AD30832" i="1"/>
  <c r="AD30833" i="1"/>
  <c r="AD30834" i="1"/>
  <c r="AD30836" i="1"/>
  <c r="AD30837" i="1"/>
  <c r="AD30838" i="1"/>
  <c r="AD30839" i="1"/>
  <c r="AD30840" i="1"/>
  <c r="AD30841" i="1"/>
  <c r="AD30842" i="1"/>
  <c r="AD30843" i="1"/>
  <c r="AD30844" i="1"/>
  <c r="AD30845" i="1"/>
  <c r="AD30846" i="1"/>
  <c r="AD30848" i="1"/>
  <c r="AD30849" i="1"/>
  <c r="AD30850" i="1"/>
  <c r="AD30851" i="1"/>
  <c r="AD30852" i="1"/>
  <c r="AD30853" i="1"/>
  <c r="AD30854" i="1"/>
  <c r="AD30855" i="1"/>
  <c r="AD30856" i="1"/>
  <c r="AD30857" i="1"/>
  <c r="AD30858" i="1"/>
  <c r="AD30860" i="1"/>
  <c r="AD30861" i="1"/>
  <c r="AD30862" i="1"/>
  <c r="AD30863" i="1"/>
  <c r="AD30864" i="1"/>
  <c r="AD30865" i="1"/>
  <c r="AD30866" i="1"/>
  <c r="AD30867" i="1"/>
  <c r="AD30868" i="1"/>
  <c r="AD30869" i="1"/>
  <c r="AD30870" i="1"/>
  <c r="AD30872" i="1"/>
  <c r="AD30873" i="1"/>
  <c r="AD30874" i="1"/>
  <c r="AD30875" i="1"/>
  <c r="AD30876" i="1"/>
  <c r="AD30877" i="1"/>
  <c r="AD30878" i="1"/>
  <c r="AD30879" i="1"/>
  <c r="AD30880" i="1"/>
  <c r="AD30881" i="1"/>
  <c r="AD30882" i="1"/>
  <c r="AD30884" i="1"/>
  <c r="AD30885" i="1"/>
  <c r="AD30886" i="1"/>
  <c r="AD30887" i="1"/>
  <c r="AD30888" i="1"/>
  <c r="AD30889" i="1"/>
  <c r="AD30890" i="1"/>
  <c r="AD30891" i="1"/>
  <c r="AD30892" i="1"/>
  <c r="AD30893" i="1"/>
  <c r="AD30894" i="1"/>
  <c r="AD30896" i="1"/>
  <c r="AD30897" i="1"/>
  <c r="AD30898" i="1"/>
  <c r="AD30899" i="1"/>
  <c r="AD30900" i="1"/>
  <c r="AD30901" i="1"/>
  <c r="AD30902" i="1"/>
  <c r="AD30903" i="1"/>
  <c r="AD30904" i="1"/>
  <c r="AD30905" i="1"/>
  <c r="AD30906" i="1"/>
  <c r="AD30908" i="1"/>
  <c r="AD30909" i="1"/>
  <c r="AD30910" i="1"/>
  <c r="AD30911" i="1"/>
  <c r="AD30912" i="1"/>
  <c r="AD30913" i="1"/>
  <c r="AD30914" i="1"/>
  <c r="AD30915" i="1"/>
  <c r="AD30916" i="1"/>
  <c r="AD30917" i="1"/>
  <c r="AD30918" i="1"/>
  <c r="AD30920" i="1"/>
  <c r="AD30921" i="1"/>
  <c r="AD30922" i="1"/>
  <c r="AD30923" i="1"/>
  <c r="AD30924" i="1"/>
  <c r="AD30925" i="1"/>
  <c r="AD30926" i="1"/>
  <c r="AD30927" i="1"/>
  <c r="AD30928" i="1"/>
  <c r="AD30929" i="1"/>
  <c r="AD30930" i="1"/>
  <c r="AD30932" i="1"/>
  <c r="AD30933" i="1"/>
  <c r="AD30934" i="1"/>
  <c r="AD30935" i="1"/>
  <c r="AD30936" i="1"/>
  <c r="AD30937" i="1"/>
  <c r="AD30938" i="1"/>
  <c r="AD30939" i="1"/>
  <c r="AD30940" i="1"/>
  <c r="AD30941" i="1"/>
  <c r="AD30942" i="1"/>
  <c r="AD30944" i="1"/>
  <c r="AD30945" i="1"/>
  <c r="AD30946" i="1"/>
  <c r="AD30947" i="1"/>
  <c r="AD30948" i="1"/>
  <c r="AD30949" i="1"/>
  <c r="AD30950" i="1"/>
  <c r="AD30951" i="1"/>
  <c r="AD30952" i="1"/>
  <c r="AD30953" i="1"/>
  <c r="AD30954" i="1"/>
  <c r="AD30956" i="1"/>
  <c r="AD30957" i="1"/>
  <c r="AD30958" i="1"/>
  <c r="AD30959" i="1"/>
  <c r="AD30960" i="1"/>
  <c r="AD30961" i="1"/>
  <c r="AD30962" i="1"/>
  <c r="AD30963" i="1"/>
  <c r="AD30964" i="1"/>
  <c r="AD30965" i="1"/>
  <c r="AD30966" i="1"/>
  <c r="AD30968" i="1"/>
  <c r="AD30969" i="1"/>
  <c r="AD30970" i="1"/>
  <c r="AD30971" i="1"/>
  <c r="AD30972" i="1"/>
  <c r="AD30973" i="1"/>
  <c r="AD30974" i="1"/>
  <c r="AD30975" i="1"/>
  <c r="AD30976" i="1"/>
  <c r="AD30977" i="1"/>
  <c r="AD30978" i="1"/>
  <c r="AD30980" i="1"/>
  <c r="AD30981" i="1"/>
  <c r="AD30982" i="1"/>
  <c r="AD30983" i="1"/>
  <c r="AD30984" i="1"/>
  <c r="AD30985" i="1"/>
  <c r="AD30986" i="1"/>
  <c r="AD30987" i="1"/>
  <c r="AD30988" i="1"/>
  <c r="AD30989" i="1"/>
  <c r="AD30990" i="1"/>
  <c r="AD30992" i="1"/>
  <c r="AD30993" i="1"/>
  <c r="AD30994" i="1"/>
  <c r="AD30995" i="1"/>
  <c r="AD30996" i="1"/>
  <c r="AD30997" i="1"/>
  <c r="AD30998" i="1"/>
  <c r="AD30999" i="1"/>
  <c r="AD31000" i="1"/>
  <c r="AD31001" i="1"/>
  <c r="AD31002" i="1"/>
  <c r="AD31004" i="1"/>
  <c r="AD31005" i="1"/>
  <c r="AD31006" i="1"/>
  <c r="AD31007" i="1"/>
  <c r="AD31008" i="1"/>
  <c r="AD31009" i="1"/>
  <c r="AD31010" i="1"/>
  <c r="AD31011" i="1"/>
  <c r="AD31012" i="1"/>
  <c r="AD31013" i="1"/>
  <c r="AD31014" i="1"/>
  <c r="AD31016" i="1"/>
  <c r="AD31017" i="1"/>
  <c r="AD31018" i="1"/>
  <c r="AD31019" i="1"/>
  <c r="AD31020" i="1"/>
  <c r="AD31021" i="1"/>
  <c r="AD31022" i="1"/>
  <c r="AD31023" i="1"/>
  <c r="AD31024" i="1"/>
  <c r="AD31025" i="1"/>
  <c r="AD31026" i="1"/>
  <c r="AD31028" i="1"/>
  <c r="AD31029" i="1"/>
  <c r="AD31030" i="1"/>
  <c r="AD31031" i="1"/>
  <c r="AD31032" i="1"/>
  <c r="AD31033" i="1"/>
  <c r="AD31034" i="1"/>
  <c r="AD31035" i="1"/>
  <c r="AD31036" i="1"/>
  <c r="AD31037" i="1"/>
  <c r="AD31038" i="1"/>
  <c r="AD31040" i="1"/>
  <c r="AD31041" i="1"/>
  <c r="AD31042" i="1"/>
  <c r="AD31043" i="1"/>
  <c r="AD31044" i="1"/>
  <c r="AD31045" i="1"/>
  <c r="AD31046" i="1"/>
  <c r="AD31047" i="1"/>
  <c r="AD31048" i="1"/>
  <c r="AD31049" i="1"/>
  <c r="AD31050" i="1"/>
  <c r="AD31052" i="1"/>
  <c r="AD31053" i="1"/>
  <c r="AD31054" i="1"/>
  <c r="AD31055" i="1"/>
  <c r="AD31056" i="1"/>
  <c r="AD31057" i="1"/>
  <c r="AD31058" i="1"/>
  <c r="AD31059" i="1"/>
  <c r="AD31060" i="1"/>
  <c r="AD31061" i="1"/>
  <c r="AD31062" i="1"/>
  <c r="AD31064" i="1"/>
  <c r="AD31065" i="1"/>
  <c r="AD31066" i="1"/>
  <c r="AD31067" i="1"/>
  <c r="AD31068" i="1"/>
  <c r="AD31069" i="1"/>
  <c r="AD31070" i="1"/>
  <c r="AD31071" i="1"/>
  <c r="AD31072" i="1"/>
  <c r="AD31073" i="1"/>
  <c r="AD31074" i="1"/>
  <c r="AD31076" i="1"/>
  <c r="AD31077" i="1"/>
  <c r="AD31078" i="1"/>
  <c r="AD31079" i="1"/>
  <c r="AD31080" i="1"/>
  <c r="AD31081" i="1"/>
  <c r="AD31082" i="1"/>
  <c r="AD31083" i="1"/>
  <c r="AD31084" i="1"/>
  <c r="AD31085" i="1"/>
  <c r="AD31086" i="1"/>
  <c r="AD31088" i="1"/>
  <c r="AD31089" i="1"/>
  <c r="AD31090" i="1"/>
  <c r="AD31091" i="1"/>
  <c r="AD31092" i="1"/>
  <c r="AD31093" i="1"/>
  <c r="AD31094" i="1"/>
  <c r="AD31095" i="1"/>
  <c r="AD31096" i="1"/>
  <c r="AD31097" i="1"/>
  <c r="AD31098" i="1"/>
  <c r="AD31100" i="1"/>
  <c r="AD31101" i="1"/>
  <c r="AD31102" i="1"/>
  <c r="AD31103" i="1"/>
  <c r="AD31104" i="1"/>
  <c r="AD31105" i="1"/>
  <c r="AD31106" i="1"/>
  <c r="AD31107" i="1"/>
  <c r="AD31108" i="1"/>
  <c r="AD31109" i="1"/>
  <c r="AD31110" i="1"/>
  <c r="AD31112" i="1"/>
  <c r="AD31113" i="1"/>
  <c r="AD31114" i="1"/>
  <c r="AD31115" i="1"/>
  <c r="AD31116" i="1"/>
  <c r="AD31117" i="1"/>
  <c r="AD31118" i="1"/>
  <c r="AD31119" i="1"/>
  <c r="AD31120" i="1"/>
  <c r="AD31121" i="1"/>
  <c r="AD31122" i="1"/>
  <c r="AD31124" i="1"/>
  <c r="AD31125" i="1"/>
  <c r="AD31126" i="1"/>
  <c r="AD31127" i="1"/>
  <c r="AD31128" i="1"/>
  <c r="AD31129" i="1"/>
  <c r="AD31130" i="1"/>
  <c r="AD31131" i="1"/>
  <c r="AD31132" i="1"/>
  <c r="AD31133" i="1"/>
  <c r="AD31134" i="1"/>
  <c r="AD31136" i="1"/>
  <c r="AD31137" i="1"/>
  <c r="AD31138" i="1"/>
  <c r="AD31139" i="1"/>
  <c r="AD31140" i="1"/>
  <c r="AD31141" i="1"/>
  <c r="AD31142" i="1"/>
  <c r="AD31143" i="1"/>
  <c r="AD31144" i="1"/>
  <c r="AD31145" i="1"/>
  <c r="AD31146" i="1"/>
  <c r="AD31148" i="1"/>
  <c r="AD31149" i="1"/>
  <c r="AD31150" i="1"/>
  <c r="AD31151" i="1"/>
  <c r="AD31152" i="1"/>
  <c r="AD31153" i="1"/>
  <c r="AD31154" i="1"/>
  <c r="AD31155" i="1"/>
  <c r="AD31156" i="1"/>
  <c r="AD31157" i="1"/>
  <c r="AD31158" i="1"/>
  <c r="AD31160" i="1"/>
  <c r="AD31161" i="1"/>
  <c r="AD31162" i="1"/>
  <c r="AD31163" i="1"/>
  <c r="AD31164" i="1"/>
  <c r="AD31165" i="1"/>
  <c r="AD31166" i="1"/>
  <c r="AD31167" i="1"/>
  <c r="AD31168" i="1"/>
  <c r="AD31169" i="1"/>
  <c r="AD31170" i="1"/>
  <c r="AD31172" i="1"/>
  <c r="AD31173" i="1"/>
  <c r="AD31174" i="1"/>
  <c r="AD31175" i="1"/>
  <c r="AD31176" i="1"/>
  <c r="AD31177" i="1"/>
  <c r="AD31178" i="1"/>
  <c r="AD31179" i="1"/>
  <c r="AD31180" i="1"/>
  <c r="AD31181" i="1"/>
  <c r="AD31182" i="1"/>
  <c r="AD31184" i="1"/>
  <c r="AD31185" i="1"/>
  <c r="AD31186" i="1"/>
  <c r="AD31187" i="1"/>
  <c r="AD31188" i="1"/>
  <c r="AD31189" i="1"/>
  <c r="AD31190" i="1"/>
  <c r="AD31191" i="1"/>
  <c r="AD31192" i="1"/>
  <c r="AD31193" i="1"/>
  <c r="AD31194" i="1"/>
  <c r="AD31196" i="1"/>
  <c r="AD31197" i="1"/>
  <c r="AD31198" i="1"/>
  <c r="AD31199" i="1"/>
  <c r="AD31200" i="1"/>
  <c r="AD31201" i="1"/>
  <c r="AD31202" i="1"/>
  <c r="AD31203" i="1"/>
  <c r="AD31204" i="1"/>
  <c r="AD31205" i="1"/>
  <c r="AD31206" i="1"/>
  <c r="AD31208" i="1"/>
  <c r="AD31209" i="1"/>
  <c r="AD31210" i="1"/>
  <c r="AD31211" i="1"/>
  <c r="AD31212" i="1"/>
  <c r="AD31213" i="1"/>
  <c r="AD31214" i="1"/>
  <c r="AD31215" i="1"/>
  <c r="AD31216" i="1"/>
  <c r="AD31217" i="1"/>
  <c r="AD31218" i="1"/>
  <c r="AD31220" i="1"/>
  <c r="AD31221" i="1"/>
  <c r="AD31222" i="1"/>
  <c r="AD31223" i="1"/>
  <c r="AD31224" i="1"/>
  <c r="AD31225" i="1"/>
  <c r="AD31226" i="1"/>
  <c r="AD31227" i="1"/>
  <c r="AD31228" i="1"/>
  <c r="AD31229" i="1"/>
  <c r="AD31230" i="1"/>
  <c r="AD31232" i="1"/>
  <c r="AD31233" i="1"/>
  <c r="AD31234" i="1"/>
  <c r="AD31235" i="1"/>
  <c r="AD31236" i="1"/>
  <c r="AD31237" i="1"/>
  <c r="AD31238" i="1"/>
  <c r="AD31239" i="1"/>
  <c r="AD31240" i="1"/>
  <c r="AD31241" i="1"/>
  <c r="AD31242" i="1"/>
  <c r="AD31244" i="1"/>
  <c r="AD31245" i="1"/>
  <c r="AD31246" i="1"/>
  <c r="AD31247" i="1"/>
  <c r="AD31248" i="1"/>
  <c r="AD31249" i="1"/>
  <c r="AD31250" i="1"/>
  <c r="AD31251" i="1"/>
  <c r="AD31252" i="1"/>
  <c r="AD31253" i="1"/>
  <c r="AD31254" i="1"/>
  <c r="AD31256" i="1"/>
  <c r="AD31257" i="1"/>
  <c r="AD31258" i="1"/>
  <c r="AD31259" i="1"/>
  <c r="AD31260" i="1"/>
  <c r="AD31261" i="1"/>
  <c r="AD31262" i="1"/>
  <c r="AD31263" i="1"/>
  <c r="AD31264" i="1"/>
  <c r="AD31265" i="1"/>
  <c r="AD31266" i="1"/>
  <c r="AD31268" i="1"/>
  <c r="AD31269" i="1"/>
  <c r="AD31270" i="1"/>
  <c r="AD31271" i="1"/>
  <c r="AD31272" i="1"/>
  <c r="AD31273" i="1"/>
  <c r="AD31274" i="1"/>
  <c r="AD31275" i="1"/>
  <c r="AD31276" i="1"/>
  <c r="AD31277" i="1"/>
  <c r="AD31278" i="1"/>
  <c r="AD31280" i="1"/>
  <c r="AD31281" i="1"/>
  <c r="AD31282" i="1"/>
  <c r="AD31283" i="1"/>
  <c r="AD31284" i="1"/>
  <c r="AD31285" i="1"/>
  <c r="AD31286" i="1"/>
  <c r="AD31287" i="1"/>
  <c r="AD31288" i="1"/>
  <c r="AD31289" i="1"/>
  <c r="AD31290" i="1"/>
  <c r="AD31292" i="1"/>
  <c r="AD31293" i="1"/>
  <c r="AD31294" i="1"/>
  <c r="AD31295" i="1"/>
  <c r="AD31296" i="1"/>
  <c r="AD31297" i="1"/>
  <c r="AD31298" i="1"/>
  <c r="AD31299" i="1"/>
  <c r="AD31300" i="1"/>
  <c r="AD31301" i="1"/>
  <c r="AD31302" i="1"/>
  <c r="AD31304" i="1"/>
  <c r="AD31305" i="1"/>
  <c r="AD31306" i="1"/>
  <c r="AD31307" i="1"/>
  <c r="AD31308" i="1"/>
  <c r="AD31309" i="1"/>
  <c r="AD31310" i="1"/>
  <c r="AD31311" i="1"/>
  <c r="AD31312" i="1"/>
  <c r="AD31313" i="1"/>
  <c r="AD31314" i="1"/>
  <c r="AD31316" i="1"/>
  <c r="AD31317" i="1"/>
  <c r="AD31318" i="1"/>
  <c r="AD31319" i="1"/>
  <c r="AD31320" i="1"/>
  <c r="AD31321" i="1"/>
  <c r="AD31322" i="1"/>
  <c r="AD31323" i="1"/>
  <c r="AD31324" i="1"/>
  <c r="AD31325" i="1"/>
  <c r="AD31326" i="1"/>
  <c r="AD31328" i="1"/>
  <c r="AD31329" i="1"/>
  <c r="AD31330" i="1"/>
  <c r="AD31331" i="1"/>
  <c r="AD31332" i="1"/>
  <c r="AD31333" i="1"/>
  <c r="AD31334" i="1"/>
  <c r="AD31335" i="1"/>
  <c r="AD31336" i="1"/>
  <c r="AD31337" i="1"/>
  <c r="AD31338" i="1"/>
  <c r="AD31340" i="1"/>
  <c r="AD31341" i="1"/>
  <c r="AD31342" i="1"/>
  <c r="AD31343" i="1"/>
  <c r="AD31344" i="1"/>
  <c r="AD31345" i="1"/>
  <c r="AD31346" i="1"/>
  <c r="AD31347" i="1"/>
  <c r="AD31348" i="1"/>
  <c r="AD31349" i="1"/>
  <c r="AD31350" i="1"/>
  <c r="AD31352" i="1"/>
  <c r="AD31353" i="1"/>
  <c r="AD31354" i="1"/>
  <c r="AD31355" i="1"/>
  <c r="AD31356" i="1"/>
  <c r="AD31357" i="1"/>
  <c r="AD31358" i="1"/>
  <c r="AD31359" i="1"/>
  <c r="AD31360" i="1"/>
  <c r="AD31361" i="1"/>
  <c r="AD31362" i="1"/>
  <c r="AD31364" i="1"/>
  <c r="AD31365" i="1"/>
  <c r="AD31366" i="1"/>
  <c r="AD31367" i="1"/>
  <c r="AD31368" i="1"/>
  <c r="AD31369" i="1"/>
  <c r="AD31370" i="1"/>
  <c r="AD31371" i="1"/>
  <c r="AD31372" i="1"/>
  <c r="AD31373" i="1"/>
  <c r="AD31374" i="1"/>
  <c r="AD31376" i="1"/>
  <c r="AD31377" i="1"/>
  <c r="AD31378" i="1"/>
  <c r="AD31379" i="1"/>
  <c r="AD31380" i="1"/>
  <c r="AD31381" i="1"/>
  <c r="AD31382" i="1"/>
  <c r="AD31383" i="1"/>
  <c r="AD31384" i="1"/>
  <c r="AD31385" i="1"/>
  <c r="AD31386" i="1"/>
  <c r="AD31388" i="1"/>
  <c r="AD31389" i="1"/>
  <c r="AD31390" i="1"/>
  <c r="AD31391" i="1"/>
  <c r="AD31392" i="1"/>
  <c r="AD31393" i="1"/>
  <c r="AD31394" i="1"/>
  <c r="AD31395" i="1"/>
  <c r="AD31396" i="1"/>
  <c r="AD31397" i="1"/>
  <c r="AD31398" i="1"/>
  <c r="AD31400" i="1"/>
  <c r="AD31401" i="1"/>
  <c r="AD31402" i="1"/>
  <c r="AD31403" i="1"/>
  <c r="AD31404" i="1"/>
  <c r="AD31405" i="1"/>
  <c r="AD31406" i="1"/>
  <c r="AD31407" i="1"/>
  <c r="AD31408" i="1"/>
  <c r="AD31409" i="1"/>
  <c r="AD31410" i="1"/>
  <c r="AD31412" i="1"/>
  <c r="AD31413" i="1"/>
  <c r="AD31414" i="1"/>
  <c r="AD31415" i="1"/>
  <c r="AD31416" i="1"/>
  <c r="AD31417" i="1"/>
  <c r="AD31418" i="1"/>
  <c r="AD31419" i="1"/>
  <c r="AD31420" i="1"/>
  <c r="AD31421" i="1"/>
  <c r="AD31422" i="1"/>
  <c r="AD31424" i="1"/>
  <c r="AD31425" i="1"/>
  <c r="AD31426" i="1"/>
  <c r="AD31427" i="1"/>
  <c r="AD31428" i="1"/>
  <c r="AD31429" i="1"/>
  <c r="AD31430" i="1"/>
  <c r="AD31431" i="1"/>
  <c r="AD31432" i="1"/>
  <c r="AD31433" i="1"/>
  <c r="AD31434" i="1"/>
  <c r="AD31436" i="1"/>
  <c r="AD31437" i="1"/>
  <c r="AD31438" i="1"/>
  <c r="AD31439" i="1"/>
  <c r="AD31440" i="1"/>
  <c r="AD31441" i="1"/>
  <c r="AD31442" i="1"/>
  <c r="AD31443" i="1"/>
  <c r="AD31444" i="1"/>
  <c r="AD31445" i="1"/>
  <c r="AD31446" i="1"/>
  <c r="AD31448" i="1"/>
  <c r="AD31449" i="1"/>
  <c r="AD31450" i="1"/>
  <c r="AD31451" i="1"/>
  <c r="AD31452" i="1"/>
  <c r="AD31453" i="1"/>
  <c r="AD31454" i="1"/>
  <c r="AD31455" i="1"/>
  <c r="AD31456" i="1"/>
  <c r="AD31457" i="1"/>
  <c r="AD31458" i="1"/>
  <c r="AD31460" i="1"/>
  <c r="AD31461" i="1"/>
  <c r="AD31462" i="1"/>
  <c r="AD31463" i="1"/>
  <c r="AD31464" i="1"/>
  <c r="AD31465" i="1"/>
  <c r="AD31466" i="1"/>
  <c r="AD31467" i="1"/>
  <c r="AD31468" i="1"/>
  <c r="AD31469" i="1"/>
  <c r="AD31470" i="1"/>
  <c r="AD31472" i="1"/>
  <c r="AD31473" i="1"/>
  <c r="AD31474" i="1"/>
  <c r="AD31475" i="1"/>
  <c r="AD31476" i="1"/>
  <c r="AD31477" i="1"/>
  <c r="AD31478" i="1"/>
  <c r="AD31479" i="1"/>
  <c r="AD31480" i="1"/>
  <c r="AD31481" i="1"/>
  <c r="AD31482" i="1"/>
  <c r="AD31484" i="1"/>
  <c r="AD31485" i="1"/>
  <c r="AD31486" i="1"/>
  <c r="AD31487" i="1"/>
  <c r="AD31488" i="1"/>
  <c r="AD31489" i="1"/>
  <c r="AD31490" i="1"/>
  <c r="AD31491" i="1"/>
  <c r="AD31492" i="1"/>
  <c r="AD31493" i="1"/>
  <c r="AD31494" i="1"/>
  <c r="AD31496" i="1"/>
  <c r="AD31497" i="1"/>
  <c r="AD31498" i="1"/>
  <c r="AD31499" i="1"/>
  <c r="AD31500" i="1"/>
  <c r="AD31501" i="1"/>
  <c r="AD31502" i="1"/>
  <c r="AD31503" i="1"/>
  <c r="AD31504" i="1"/>
  <c r="AD31505" i="1"/>
  <c r="AD31506" i="1"/>
  <c r="AD31508" i="1"/>
  <c r="AD31509" i="1"/>
  <c r="AD31510" i="1"/>
  <c r="AD31511" i="1"/>
  <c r="AD31512" i="1"/>
  <c r="AD31513" i="1"/>
  <c r="AD31514" i="1"/>
  <c r="AD31515" i="1"/>
  <c r="AD31516" i="1"/>
  <c r="AD31517" i="1"/>
  <c r="AD31518" i="1"/>
  <c r="AD31520" i="1"/>
  <c r="AD31521" i="1"/>
  <c r="AD31522" i="1"/>
  <c r="AD31523" i="1"/>
  <c r="AD31524" i="1"/>
  <c r="AD31525" i="1"/>
  <c r="AD31526" i="1"/>
  <c r="AD31527" i="1"/>
  <c r="AD31528" i="1"/>
  <c r="AD31529" i="1"/>
  <c r="AD31530" i="1"/>
  <c r="AD31532" i="1"/>
  <c r="AD31533" i="1"/>
  <c r="AD31534" i="1"/>
  <c r="AD31535" i="1"/>
  <c r="AD31536" i="1"/>
  <c r="AD31537" i="1"/>
  <c r="AD31538" i="1"/>
  <c r="AD31539" i="1"/>
  <c r="AD31540" i="1"/>
  <c r="AD31541" i="1"/>
  <c r="AD31542" i="1"/>
  <c r="AD31544" i="1"/>
  <c r="AD31545" i="1"/>
  <c r="AD31546" i="1"/>
  <c r="AD31547" i="1"/>
  <c r="AD31548" i="1"/>
  <c r="AD31549" i="1"/>
  <c r="AD31550" i="1"/>
  <c r="AD31551" i="1"/>
  <c r="AD31552" i="1"/>
  <c r="AD31553" i="1"/>
  <c r="AD31554" i="1"/>
  <c r="AD31556" i="1"/>
  <c r="AD31557" i="1"/>
  <c r="AD31558" i="1"/>
  <c r="AD31559" i="1"/>
  <c r="AD31560" i="1"/>
  <c r="AD31561" i="1"/>
  <c r="AD31562" i="1"/>
  <c r="AD31563" i="1"/>
  <c r="AD31564" i="1"/>
  <c r="AD31565" i="1"/>
  <c r="AD31566" i="1"/>
  <c r="AD31568" i="1"/>
  <c r="AD31569" i="1"/>
  <c r="AD31570" i="1"/>
  <c r="AD31571" i="1"/>
  <c r="AD31572" i="1"/>
  <c r="AD31573" i="1"/>
  <c r="AD31574" i="1"/>
  <c r="AD31575" i="1"/>
  <c r="AD31576" i="1"/>
  <c r="AD31577" i="1"/>
  <c r="AD31578" i="1"/>
  <c r="AD31580" i="1"/>
  <c r="AD31581" i="1"/>
  <c r="AD31582" i="1"/>
  <c r="AD31583" i="1"/>
  <c r="AD31584" i="1"/>
  <c r="AD31585" i="1"/>
  <c r="AD31586" i="1"/>
  <c r="AD31587" i="1"/>
  <c r="AD31588" i="1"/>
  <c r="AD31589" i="1"/>
  <c r="AD31590" i="1"/>
  <c r="AD31592" i="1"/>
  <c r="AD31593" i="1"/>
  <c r="AD31594" i="1"/>
  <c r="AD31595" i="1"/>
  <c r="AD31596" i="1"/>
  <c r="AD31597" i="1"/>
  <c r="AD31598" i="1"/>
  <c r="AD31599" i="1"/>
  <c r="AD31600" i="1"/>
  <c r="AD31601" i="1"/>
  <c r="AD31602" i="1"/>
  <c r="AD31604" i="1"/>
  <c r="AD31605" i="1"/>
  <c r="AD31606" i="1"/>
  <c r="AD31607" i="1"/>
  <c r="AD31608" i="1"/>
  <c r="AD31609" i="1"/>
  <c r="AD31610" i="1"/>
  <c r="AD31611" i="1"/>
  <c r="AD31612" i="1"/>
  <c r="AD31613" i="1"/>
  <c r="AD31614" i="1"/>
  <c r="AD31616" i="1"/>
  <c r="AD31617" i="1"/>
  <c r="AD31618" i="1"/>
  <c r="AD31619" i="1"/>
  <c r="AD31620" i="1"/>
  <c r="AD31621" i="1"/>
  <c r="AD31622" i="1"/>
  <c r="AD31623" i="1"/>
  <c r="AD31624" i="1"/>
  <c r="AD31625" i="1"/>
  <c r="AD31626" i="1"/>
  <c r="AD31628" i="1"/>
  <c r="AD31629" i="1"/>
  <c r="AD31630" i="1"/>
  <c r="AD31631" i="1"/>
  <c r="AD31632" i="1"/>
  <c r="AD31633" i="1"/>
  <c r="AD31634" i="1"/>
  <c r="AD31635" i="1"/>
  <c r="AD31636" i="1"/>
  <c r="AD31637" i="1"/>
  <c r="AD31638" i="1"/>
  <c r="AD31640" i="1"/>
  <c r="AD31641" i="1"/>
  <c r="AD31642" i="1"/>
  <c r="AD31643" i="1"/>
  <c r="AD31644" i="1"/>
  <c r="AD31645" i="1"/>
  <c r="AD31646" i="1"/>
  <c r="AD31647" i="1"/>
  <c r="AD31648" i="1"/>
  <c r="AD31649" i="1"/>
  <c r="AD31650" i="1"/>
  <c r="AD31652" i="1"/>
  <c r="AD31653" i="1"/>
  <c r="AD31654" i="1"/>
  <c r="AD31655" i="1"/>
  <c r="AD31656" i="1"/>
  <c r="AD31657" i="1"/>
  <c r="AD31658" i="1"/>
  <c r="AD31659" i="1"/>
  <c r="AD31660" i="1"/>
  <c r="AD31661" i="1"/>
  <c r="AD31662" i="1"/>
  <c r="AD31664" i="1"/>
  <c r="AD31665" i="1"/>
  <c r="AD31666" i="1"/>
  <c r="AD31667" i="1"/>
  <c r="AD31668" i="1"/>
  <c r="AD31669" i="1"/>
  <c r="AD31670" i="1"/>
  <c r="AD31671" i="1"/>
  <c r="AD31672" i="1"/>
  <c r="AD31673" i="1"/>
  <c r="AD31674" i="1"/>
  <c r="AD31676" i="1"/>
  <c r="AD31677" i="1"/>
  <c r="AD31678" i="1"/>
  <c r="AD31679" i="1"/>
  <c r="AD31680" i="1"/>
  <c r="AD31681" i="1"/>
  <c r="AD31682" i="1"/>
  <c r="AD31683" i="1"/>
  <c r="AD31684" i="1"/>
  <c r="AD31685" i="1"/>
  <c r="AD31686" i="1"/>
  <c r="AD31688" i="1"/>
  <c r="AD31689" i="1"/>
  <c r="AD31690" i="1"/>
  <c r="AD31691" i="1"/>
  <c r="AD31692" i="1"/>
  <c r="AD31693" i="1"/>
  <c r="AD31694" i="1"/>
  <c r="AD31695" i="1"/>
  <c r="AD31696" i="1"/>
  <c r="AD31697" i="1"/>
  <c r="AD31698" i="1"/>
  <c r="AD31700" i="1"/>
  <c r="AD31701" i="1"/>
  <c r="AD31702" i="1"/>
  <c r="AD31703" i="1"/>
  <c r="AD31704" i="1"/>
  <c r="AD31705" i="1"/>
  <c r="AD31706" i="1"/>
  <c r="AD31707" i="1"/>
  <c r="AD31708" i="1"/>
  <c r="AD31709" i="1"/>
  <c r="AD31710" i="1"/>
  <c r="AD31712" i="1"/>
  <c r="AD31713" i="1"/>
  <c r="AD31714" i="1"/>
  <c r="AD31715" i="1"/>
  <c r="AD31716" i="1"/>
  <c r="AD31717" i="1"/>
  <c r="AD31718" i="1"/>
  <c r="AD31719" i="1"/>
  <c r="AD31720" i="1"/>
  <c r="AD31721" i="1"/>
  <c r="AD31722" i="1"/>
  <c r="AD31724" i="1"/>
  <c r="AD31725" i="1"/>
  <c r="AD31726" i="1"/>
  <c r="AD31727" i="1"/>
  <c r="AD31728" i="1"/>
  <c r="AD31729" i="1"/>
  <c r="AD31730" i="1"/>
  <c r="AD31731" i="1"/>
  <c r="AD31732" i="1"/>
  <c r="AD31733" i="1"/>
  <c r="AD31734" i="1"/>
  <c r="AD31736" i="1"/>
  <c r="AD31737" i="1"/>
  <c r="AD31738" i="1"/>
  <c r="AD31739" i="1"/>
  <c r="AD31740" i="1"/>
  <c r="AD31741" i="1"/>
  <c r="AD31742" i="1"/>
  <c r="AD31743" i="1"/>
  <c r="AD31744" i="1"/>
  <c r="AD31745" i="1"/>
  <c r="AD31746" i="1"/>
  <c r="AD31748" i="1"/>
  <c r="AD31749" i="1"/>
  <c r="AD31750" i="1"/>
  <c r="AD31751" i="1"/>
  <c r="AD31752" i="1"/>
  <c r="AD31753" i="1"/>
  <c r="AD31754" i="1"/>
  <c r="AD31755" i="1"/>
  <c r="AD31756" i="1"/>
  <c r="AD31757" i="1"/>
  <c r="AD31758" i="1"/>
  <c r="AD31760" i="1"/>
  <c r="AD31761" i="1"/>
  <c r="AD31762" i="1"/>
  <c r="AD31763" i="1"/>
  <c r="AD31764" i="1"/>
  <c r="AD31765" i="1"/>
  <c r="AD31766" i="1"/>
  <c r="AD31767" i="1"/>
  <c r="AD31768" i="1"/>
  <c r="AD31769" i="1"/>
  <c r="AD31770" i="1"/>
  <c r="AD31772" i="1"/>
  <c r="AD31773" i="1"/>
  <c r="AD31774" i="1"/>
  <c r="AD31775" i="1"/>
  <c r="AD31776" i="1"/>
  <c r="AD31777" i="1"/>
  <c r="AD31778" i="1"/>
  <c r="AD31779" i="1"/>
  <c r="AD31780" i="1"/>
  <c r="AD31781" i="1"/>
  <c r="AD31782" i="1"/>
  <c r="AD31784" i="1"/>
  <c r="AD31785" i="1"/>
  <c r="AD31786" i="1"/>
  <c r="AD31787" i="1"/>
  <c r="AD31788" i="1"/>
  <c r="AD31789" i="1"/>
  <c r="AD31790" i="1"/>
  <c r="AD31791" i="1"/>
  <c r="AD31792" i="1"/>
  <c r="AD31793" i="1"/>
  <c r="AD31794" i="1"/>
  <c r="AD31796" i="1"/>
  <c r="AD31797" i="1"/>
  <c r="AD31798" i="1"/>
  <c r="AD31799" i="1"/>
  <c r="AD31800" i="1"/>
  <c r="AD31801" i="1"/>
  <c r="AD31802" i="1"/>
  <c r="AD31803" i="1"/>
  <c r="AD31804" i="1"/>
  <c r="AD31805" i="1"/>
  <c r="AD31806" i="1"/>
  <c r="AD31808" i="1"/>
  <c r="AD31809" i="1"/>
  <c r="AD31810" i="1"/>
  <c r="AD31811" i="1"/>
  <c r="AD31812" i="1"/>
  <c r="AD31813" i="1"/>
  <c r="AD31814" i="1"/>
  <c r="AD31815" i="1"/>
  <c r="AD31816" i="1"/>
  <c r="AD31817" i="1"/>
  <c r="AD31818" i="1"/>
  <c r="AD31820" i="1"/>
  <c r="AD31821" i="1"/>
  <c r="AD31822" i="1"/>
  <c r="AD31823" i="1"/>
  <c r="AD31824" i="1"/>
  <c r="AD31825" i="1"/>
  <c r="AD31826" i="1"/>
  <c r="AD31827" i="1"/>
  <c r="AD31828" i="1"/>
  <c r="AD31829" i="1"/>
  <c r="AD31830" i="1"/>
  <c r="AD31832" i="1"/>
  <c r="AD31833" i="1"/>
  <c r="AD31834" i="1"/>
  <c r="AD31835" i="1"/>
  <c r="AD31836" i="1"/>
  <c r="AD31837" i="1"/>
  <c r="AD31838" i="1"/>
  <c r="AD31839" i="1"/>
  <c r="AD31840" i="1"/>
  <c r="AD31841" i="1"/>
  <c r="AD31842" i="1"/>
  <c r="AD31844" i="1"/>
  <c r="AD31845" i="1"/>
  <c r="AD31846" i="1"/>
  <c r="AD31847" i="1"/>
  <c r="AD31848" i="1"/>
  <c r="AD31849" i="1"/>
  <c r="AD31850" i="1"/>
  <c r="AD31851" i="1"/>
  <c r="AD31852" i="1"/>
  <c r="AD31853" i="1"/>
  <c r="AD31854" i="1"/>
  <c r="AD31856" i="1"/>
  <c r="AD31857" i="1"/>
  <c r="AD31858" i="1"/>
  <c r="AD31859" i="1"/>
  <c r="AD31860" i="1"/>
  <c r="AD31861" i="1"/>
  <c r="AD31862" i="1"/>
  <c r="AD31863" i="1"/>
  <c r="AD31864" i="1"/>
  <c r="AD31865" i="1"/>
  <c r="AD31866" i="1"/>
  <c r="AD31868" i="1"/>
  <c r="AD31869" i="1"/>
  <c r="AD31870" i="1"/>
  <c r="AD31871" i="1"/>
  <c r="AD31872" i="1"/>
  <c r="AD31873" i="1"/>
  <c r="AD31874" i="1"/>
  <c r="AD31875" i="1"/>
  <c r="AD31876" i="1"/>
  <c r="AD31877" i="1"/>
  <c r="AD31878" i="1"/>
  <c r="AD31880" i="1"/>
  <c r="AD31881" i="1"/>
  <c r="AD31882" i="1"/>
  <c r="AD31883" i="1"/>
  <c r="AD31884" i="1"/>
  <c r="AD31885" i="1"/>
  <c r="AD31886" i="1"/>
  <c r="AD31887" i="1"/>
  <c r="AD31888" i="1"/>
  <c r="AD31889" i="1"/>
  <c r="AD31890" i="1"/>
  <c r="AD31892" i="1"/>
  <c r="AD31893" i="1"/>
  <c r="AD31894" i="1"/>
  <c r="AD31895" i="1"/>
  <c r="AD31896" i="1"/>
  <c r="AD31897" i="1"/>
  <c r="AD31898" i="1"/>
  <c r="AD31899" i="1"/>
  <c r="AD31900" i="1"/>
  <c r="AD31901" i="1"/>
  <c r="AD31902" i="1"/>
  <c r="AD31904" i="1"/>
  <c r="AD31905" i="1"/>
  <c r="AD31906" i="1"/>
  <c r="AD31907" i="1"/>
  <c r="AD31908" i="1"/>
  <c r="AD31909" i="1"/>
  <c r="AD31910" i="1"/>
  <c r="AD31911" i="1"/>
  <c r="AD31912" i="1"/>
  <c r="AD31913" i="1"/>
  <c r="AD31914" i="1"/>
  <c r="AD31916" i="1"/>
  <c r="AD31917" i="1"/>
  <c r="AD31918" i="1"/>
  <c r="AD31919" i="1"/>
  <c r="AD31920" i="1"/>
  <c r="AD31921" i="1"/>
  <c r="AD31922" i="1"/>
  <c r="AD31923" i="1"/>
  <c r="AD31924" i="1"/>
  <c r="AD31925" i="1"/>
  <c r="AD31926" i="1"/>
  <c r="AD31928" i="1"/>
  <c r="AD31929" i="1"/>
  <c r="AD31930" i="1"/>
  <c r="AD31931" i="1"/>
  <c r="AD31932" i="1"/>
  <c r="AD31933" i="1"/>
  <c r="AD31934" i="1"/>
  <c r="AD31935" i="1"/>
  <c r="AD31936" i="1"/>
  <c r="AD31937" i="1"/>
  <c r="AD31938" i="1"/>
  <c r="AD31940" i="1"/>
  <c r="AD31941" i="1"/>
  <c r="AD31942" i="1"/>
  <c r="AD31943" i="1"/>
  <c r="AD31944" i="1"/>
  <c r="AD31945" i="1"/>
  <c r="AD31946" i="1"/>
  <c r="AD31947" i="1"/>
  <c r="AD31948" i="1"/>
  <c r="AD31949" i="1"/>
  <c r="AD31950" i="1"/>
  <c r="AD31952" i="1"/>
  <c r="AD31953" i="1"/>
  <c r="AD31954" i="1"/>
  <c r="AD31955" i="1"/>
  <c r="AD31956" i="1"/>
  <c r="AD31957" i="1"/>
  <c r="AD31958" i="1"/>
  <c r="AD31959" i="1"/>
  <c r="AD31960" i="1"/>
  <c r="AD31961" i="1"/>
  <c r="AD31962" i="1"/>
  <c r="AD31964" i="1"/>
  <c r="AD31965" i="1"/>
  <c r="AD31966" i="1"/>
  <c r="AD31967" i="1"/>
  <c r="AD31968" i="1"/>
  <c r="AD31969" i="1"/>
  <c r="AD31970" i="1"/>
  <c r="AD31971" i="1"/>
  <c r="AD31972" i="1"/>
  <c r="AD31973" i="1"/>
  <c r="AD31974" i="1"/>
  <c r="AD31976" i="1"/>
  <c r="AD31977" i="1"/>
  <c r="AD31978" i="1"/>
  <c r="AD31979" i="1"/>
  <c r="AD31980" i="1"/>
  <c r="AD31981" i="1"/>
  <c r="AD31982" i="1"/>
  <c r="AD31983" i="1"/>
  <c r="AD31984" i="1"/>
  <c r="AD31985" i="1"/>
  <c r="AD31986" i="1"/>
  <c r="AD31988" i="1"/>
  <c r="AD31989" i="1"/>
  <c r="AD31990" i="1"/>
  <c r="AD31991" i="1"/>
  <c r="AD31992" i="1"/>
  <c r="AD31993" i="1"/>
  <c r="AD31994" i="1"/>
  <c r="AD31995" i="1"/>
  <c r="AD31996" i="1"/>
  <c r="AD31997" i="1"/>
  <c r="AD31998" i="1"/>
  <c r="AD32000" i="1"/>
  <c r="AD32001" i="1"/>
  <c r="AD32002" i="1"/>
  <c r="AD32003" i="1"/>
  <c r="AD32004" i="1"/>
  <c r="AD32005" i="1"/>
  <c r="AD32006" i="1"/>
  <c r="AD32007" i="1"/>
  <c r="AD32008" i="1"/>
  <c r="AD32009" i="1"/>
  <c r="AD32010" i="1"/>
  <c r="AD32012" i="1"/>
  <c r="AD32013" i="1"/>
  <c r="AD32014" i="1"/>
  <c r="AD32015" i="1"/>
  <c r="AD32016" i="1"/>
  <c r="AD32017" i="1"/>
  <c r="AD32018" i="1"/>
  <c r="AD32019" i="1"/>
  <c r="AD32020" i="1"/>
  <c r="AD32021" i="1"/>
  <c r="AD32022" i="1"/>
  <c r="AD32024" i="1"/>
  <c r="AD32025" i="1"/>
  <c r="AD32026" i="1"/>
  <c r="AD32027" i="1"/>
  <c r="AD32028" i="1"/>
  <c r="AD32029" i="1"/>
  <c r="AD32030" i="1"/>
  <c r="AD32031" i="1"/>
  <c r="AD32032" i="1"/>
  <c r="AD32033" i="1"/>
  <c r="AD32034" i="1"/>
  <c r="AD32036" i="1"/>
  <c r="AD32037" i="1"/>
  <c r="AD32038" i="1"/>
  <c r="AD32039" i="1"/>
  <c r="AD32040" i="1"/>
  <c r="AD32041" i="1"/>
  <c r="AD32042" i="1"/>
  <c r="AD32043" i="1"/>
  <c r="AD32044" i="1"/>
  <c r="AD32045" i="1"/>
  <c r="AD32046" i="1"/>
  <c r="AD32048" i="1"/>
  <c r="AD32049" i="1"/>
  <c r="AD32050" i="1"/>
  <c r="AD32051" i="1"/>
  <c r="AD32052" i="1"/>
  <c r="AD32053" i="1"/>
  <c r="AD32054" i="1"/>
  <c r="AD32055" i="1"/>
  <c r="AD32056" i="1"/>
  <c r="AD32057" i="1"/>
  <c r="AD32058" i="1"/>
  <c r="AD32060" i="1"/>
  <c r="AD32061" i="1"/>
  <c r="AD32062" i="1"/>
  <c r="AD32063" i="1"/>
  <c r="AD32064" i="1"/>
  <c r="AD32065" i="1"/>
  <c r="AD32066" i="1"/>
  <c r="AD32067" i="1"/>
  <c r="AD32068" i="1"/>
  <c r="AD32069" i="1"/>
  <c r="AD32070" i="1"/>
  <c r="AD32072" i="1"/>
  <c r="AD32073" i="1"/>
  <c r="AD32074" i="1"/>
  <c r="AD32075" i="1"/>
  <c r="AD32076" i="1"/>
  <c r="AD32077" i="1"/>
  <c r="AD32078" i="1"/>
  <c r="AD32079" i="1"/>
  <c r="AD32080" i="1"/>
  <c r="AD32081" i="1"/>
  <c r="AD32082" i="1"/>
  <c r="AD32084" i="1"/>
  <c r="AD32085" i="1"/>
  <c r="AD32086" i="1"/>
  <c r="AD32087" i="1"/>
  <c r="AD32088" i="1"/>
  <c r="AD32089" i="1"/>
  <c r="AD32090" i="1"/>
  <c r="AD32091" i="1"/>
  <c r="AD32092" i="1"/>
  <c r="AD32093" i="1"/>
  <c r="AD32094" i="1"/>
  <c r="AD32096" i="1"/>
  <c r="AD32097" i="1"/>
  <c r="AD32098" i="1"/>
  <c r="AD32099" i="1"/>
  <c r="AD32100" i="1"/>
  <c r="AD32101" i="1"/>
  <c r="AD32102" i="1"/>
  <c r="AD32103" i="1"/>
  <c r="AD32104" i="1"/>
  <c r="AD32105" i="1"/>
  <c r="AD32106" i="1"/>
  <c r="AD32108" i="1"/>
  <c r="AD32109" i="1"/>
  <c r="AD32110" i="1"/>
  <c r="AD32111" i="1"/>
  <c r="AD32112" i="1"/>
  <c r="AD32113" i="1"/>
  <c r="AD32114" i="1"/>
  <c r="AD32115" i="1"/>
  <c r="AD32116" i="1"/>
  <c r="AD32117" i="1"/>
  <c r="AD32118" i="1"/>
  <c r="AD32120" i="1"/>
  <c r="AD32121" i="1"/>
  <c r="AD32122" i="1"/>
  <c r="AD32123" i="1"/>
  <c r="AD32124" i="1"/>
  <c r="AD32125" i="1"/>
  <c r="AD32126" i="1"/>
  <c r="AD32127" i="1"/>
  <c r="AD32128" i="1"/>
  <c r="AD32129" i="1"/>
  <c r="AD32130" i="1"/>
  <c r="AD32132" i="1"/>
  <c r="AD32133" i="1"/>
  <c r="AD32134" i="1"/>
  <c r="AD32135" i="1"/>
  <c r="AD32136" i="1"/>
  <c r="AD32137" i="1"/>
  <c r="AD32138" i="1"/>
  <c r="AD32139" i="1"/>
  <c r="AD32140" i="1"/>
  <c r="AD32141" i="1"/>
  <c r="AD32142" i="1"/>
  <c r="AD32144" i="1"/>
  <c r="AD32145" i="1"/>
  <c r="AD32146" i="1"/>
  <c r="AD32147" i="1"/>
  <c r="AD32148" i="1"/>
  <c r="AD32149" i="1"/>
  <c r="AD32150" i="1"/>
  <c r="AD32151" i="1"/>
  <c r="AD32152" i="1"/>
  <c r="AD32153" i="1"/>
  <c r="AD32154" i="1"/>
  <c r="AD32156" i="1"/>
  <c r="AD32157" i="1"/>
  <c r="AD32158" i="1"/>
  <c r="AD32159" i="1"/>
  <c r="AD32160" i="1"/>
  <c r="AD32161" i="1"/>
  <c r="AD32162" i="1"/>
  <c r="AD32163" i="1"/>
  <c r="AD32164" i="1"/>
  <c r="AD32165" i="1"/>
  <c r="AD32166" i="1"/>
  <c r="AD32168" i="1"/>
  <c r="AD32169" i="1"/>
  <c r="AD32170" i="1"/>
  <c r="AD32171" i="1"/>
  <c r="AD32172" i="1"/>
  <c r="AD32173" i="1"/>
  <c r="AD32174" i="1"/>
  <c r="AD32175" i="1"/>
  <c r="AD32176" i="1"/>
  <c r="AD32177" i="1"/>
  <c r="AD32178" i="1"/>
  <c r="AD32180" i="1"/>
  <c r="AD32181" i="1"/>
  <c r="AD32182" i="1"/>
  <c r="AD32183" i="1"/>
  <c r="AD32184" i="1"/>
  <c r="AD32185" i="1"/>
  <c r="AD32186" i="1"/>
  <c r="AD32187" i="1"/>
  <c r="AD32188" i="1"/>
  <c r="AD32189" i="1"/>
  <c r="AD32190" i="1"/>
  <c r="AD32192" i="1"/>
  <c r="AD32193" i="1"/>
  <c r="AD32194" i="1"/>
  <c r="AD32195" i="1"/>
  <c r="AD32196" i="1"/>
  <c r="AD32197" i="1"/>
  <c r="AD32198" i="1"/>
  <c r="AD32199" i="1"/>
  <c r="AD32200" i="1"/>
  <c r="AD32201" i="1"/>
  <c r="AD32202" i="1"/>
  <c r="AD32204" i="1"/>
  <c r="AD32205" i="1"/>
  <c r="AD32206" i="1"/>
  <c r="AD32207" i="1"/>
  <c r="AD32208" i="1"/>
  <c r="AD32209" i="1"/>
  <c r="AD32210" i="1"/>
  <c r="AD32211" i="1"/>
  <c r="AD32212" i="1"/>
  <c r="AD32213" i="1"/>
  <c r="AD32214" i="1"/>
  <c r="AD32216" i="1"/>
  <c r="AD32217" i="1"/>
  <c r="AD32218" i="1"/>
  <c r="AD32219" i="1"/>
  <c r="AD32220" i="1"/>
  <c r="AD32221" i="1"/>
  <c r="AD32222" i="1"/>
  <c r="AD32223" i="1"/>
  <c r="AD32224" i="1"/>
  <c r="AD32225" i="1"/>
  <c r="AD32226" i="1"/>
  <c r="AD32228" i="1"/>
  <c r="AD32229" i="1"/>
  <c r="AD32230" i="1"/>
  <c r="AD32231" i="1"/>
  <c r="AD32232" i="1"/>
  <c r="AD32233" i="1"/>
  <c r="AD32234" i="1"/>
  <c r="AD32235" i="1"/>
  <c r="AD32236" i="1"/>
  <c r="AD32237" i="1"/>
  <c r="AD32238" i="1"/>
  <c r="AD32240" i="1"/>
  <c r="AD32241" i="1"/>
  <c r="AD32242" i="1"/>
  <c r="AD32243" i="1"/>
  <c r="AD32244" i="1"/>
  <c r="AD32245" i="1"/>
  <c r="AD32246" i="1"/>
  <c r="AD32247" i="1"/>
  <c r="AD32248" i="1"/>
  <c r="AD32249" i="1"/>
  <c r="AD32250" i="1"/>
  <c r="AD32252" i="1"/>
  <c r="AD32253" i="1"/>
  <c r="AD32254" i="1"/>
  <c r="AD32255" i="1"/>
  <c r="AD32256" i="1"/>
  <c r="AD32257" i="1"/>
  <c r="AD32258" i="1"/>
  <c r="AD32259" i="1"/>
  <c r="AD32260" i="1"/>
  <c r="AD32261" i="1"/>
  <c r="AD32262" i="1"/>
  <c r="AD32264" i="1"/>
  <c r="AD32265" i="1"/>
  <c r="AD32266" i="1"/>
  <c r="AD32267" i="1"/>
  <c r="AD32268" i="1"/>
  <c r="AD32269" i="1"/>
  <c r="AD32270" i="1"/>
  <c r="AD32271" i="1"/>
  <c r="AD32272" i="1"/>
  <c r="AD32273" i="1"/>
  <c r="AD32274" i="1"/>
  <c r="AD32276" i="1"/>
  <c r="AD32277" i="1"/>
  <c r="AD32278" i="1"/>
  <c r="AD32279" i="1"/>
  <c r="AD32280" i="1"/>
  <c r="AD32281" i="1"/>
  <c r="AD32282" i="1"/>
  <c r="AD32283" i="1"/>
  <c r="AD32284" i="1"/>
  <c r="AD32285" i="1"/>
  <c r="AD32286" i="1"/>
  <c r="AD32288" i="1"/>
  <c r="AD32289" i="1"/>
  <c r="AD32290" i="1"/>
  <c r="AD32291" i="1"/>
  <c r="AD32292" i="1"/>
  <c r="AD32293" i="1"/>
  <c r="AD32294" i="1"/>
  <c r="AD32295" i="1"/>
  <c r="AD32296" i="1"/>
  <c r="AD32297" i="1"/>
  <c r="AD32298" i="1"/>
  <c r="AD32300" i="1"/>
  <c r="AD32301" i="1"/>
  <c r="AD32302" i="1"/>
  <c r="AD32303" i="1"/>
  <c r="AD32304" i="1"/>
  <c r="AD32305" i="1"/>
  <c r="AD32306" i="1"/>
  <c r="AD32307" i="1"/>
  <c r="AD32308" i="1"/>
  <c r="AD32309" i="1"/>
  <c r="AD32310" i="1"/>
  <c r="AD32312" i="1"/>
  <c r="AD32313" i="1"/>
  <c r="AD32314" i="1"/>
  <c r="AD32315" i="1"/>
  <c r="AD32316" i="1"/>
  <c r="AD32317" i="1"/>
  <c r="AD32318" i="1"/>
  <c r="AD32319" i="1"/>
  <c r="AD32320" i="1"/>
  <c r="AD32321" i="1"/>
  <c r="AD32322" i="1"/>
  <c r="AD32324" i="1"/>
  <c r="AD32325" i="1"/>
  <c r="AD32326" i="1"/>
  <c r="AD32327" i="1"/>
  <c r="AD32328" i="1"/>
  <c r="AD32329" i="1"/>
  <c r="AD32330" i="1"/>
  <c r="AD32331" i="1"/>
  <c r="AD32332" i="1"/>
  <c r="AD32333" i="1"/>
  <c r="AD32334" i="1"/>
  <c r="AD32336" i="1"/>
  <c r="AD32337" i="1"/>
  <c r="AD32338" i="1"/>
  <c r="AD32339" i="1"/>
  <c r="AD32340" i="1"/>
  <c r="AD32341" i="1"/>
  <c r="AD32342" i="1"/>
  <c r="AD32343" i="1"/>
  <c r="AD32344" i="1"/>
  <c r="AD32345" i="1"/>
  <c r="AD32346" i="1"/>
  <c r="AD32348" i="1"/>
  <c r="AD32349" i="1"/>
  <c r="AD32350" i="1"/>
  <c r="AD32351" i="1"/>
  <c r="AD32352" i="1"/>
  <c r="AD32353" i="1"/>
  <c r="AD32354" i="1"/>
  <c r="AD32355" i="1"/>
  <c r="AD32356" i="1"/>
  <c r="AD32357" i="1"/>
  <c r="AD32358" i="1"/>
  <c r="AD32360" i="1"/>
  <c r="AD32361" i="1"/>
  <c r="AD32362" i="1"/>
  <c r="AD32363" i="1"/>
  <c r="AD32364" i="1"/>
  <c r="AD32365" i="1"/>
  <c r="AD32366" i="1"/>
  <c r="AD32367" i="1"/>
  <c r="AD32368" i="1"/>
  <c r="AD32369" i="1"/>
  <c r="AD32370" i="1"/>
  <c r="AD32372" i="1"/>
  <c r="AD32373" i="1"/>
  <c r="AD32374" i="1"/>
  <c r="AD32375" i="1"/>
  <c r="AD32376" i="1"/>
  <c r="AD32377" i="1"/>
  <c r="AD32378" i="1"/>
  <c r="AD32379" i="1"/>
  <c r="AD32380" i="1"/>
  <c r="AD32381" i="1"/>
  <c r="AD32382" i="1"/>
  <c r="AD32384" i="1"/>
  <c r="AD32385" i="1"/>
  <c r="AD32386" i="1"/>
  <c r="AD32387" i="1"/>
  <c r="AD32388" i="1"/>
  <c r="AD32389" i="1"/>
  <c r="AD32390" i="1"/>
  <c r="AD32391" i="1"/>
  <c r="AD32392" i="1"/>
  <c r="AD32393" i="1"/>
  <c r="AD32394" i="1"/>
  <c r="AD32396" i="1"/>
  <c r="AD32397" i="1"/>
  <c r="AD32398" i="1"/>
  <c r="AD32399" i="1"/>
  <c r="AD32400" i="1"/>
  <c r="AD32401" i="1"/>
  <c r="AD32402" i="1"/>
  <c r="AD32403" i="1"/>
  <c r="AD32404" i="1"/>
  <c r="AD32405" i="1"/>
  <c r="AD32406" i="1"/>
  <c r="AD32408" i="1"/>
  <c r="AD32409" i="1"/>
  <c r="AD32410" i="1"/>
  <c r="AD32411" i="1"/>
  <c r="AD32412" i="1"/>
  <c r="AD32413" i="1"/>
  <c r="AD32414" i="1"/>
  <c r="AD32415" i="1"/>
  <c r="AD32416" i="1"/>
  <c r="AD32417" i="1"/>
  <c r="AD32418" i="1"/>
  <c r="AD32420" i="1"/>
  <c r="AD32421" i="1"/>
  <c r="AD32422" i="1"/>
  <c r="AD32423" i="1"/>
  <c r="AD32424" i="1"/>
  <c r="AD32425" i="1"/>
  <c r="AD32426" i="1"/>
  <c r="AD32427" i="1"/>
  <c r="AD32428" i="1"/>
  <c r="AD32429" i="1"/>
  <c r="AD32430" i="1"/>
  <c r="AD32432" i="1"/>
  <c r="AD32433" i="1"/>
  <c r="AD32434" i="1"/>
  <c r="AD32435" i="1"/>
  <c r="AD32436" i="1"/>
  <c r="AD32437" i="1"/>
  <c r="AD32438" i="1"/>
  <c r="AD32439" i="1"/>
  <c r="AD32440" i="1"/>
  <c r="AD32441" i="1"/>
  <c r="AD32442" i="1"/>
  <c r="AD32444" i="1"/>
  <c r="AD32445" i="1"/>
  <c r="AD32446" i="1"/>
  <c r="AD32447" i="1"/>
  <c r="AD32448" i="1"/>
  <c r="AD32449" i="1"/>
  <c r="AD32450" i="1"/>
  <c r="AD32451" i="1"/>
  <c r="AD32452" i="1"/>
  <c r="AD32453" i="1"/>
  <c r="AD32454" i="1"/>
  <c r="AD32456" i="1"/>
  <c r="AD32457" i="1"/>
  <c r="AD32458" i="1"/>
  <c r="AD32459" i="1"/>
  <c r="AD32460" i="1"/>
  <c r="AD32461" i="1"/>
  <c r="AD32462" i="1"/>
  <c r="AD32463" i="1"/>
  <c r="AD32464" i="1"/>
  <c r="AD32465" i="1"/>
  <c r="AD32466" i="1"/>
  <c r="AD32468" i="1"/>
  <c r="AD32469" i="1"/>
  <c r="AD32470" i="1"/>
  <c r="AD32471" i="1"/>
  <c r="AD32472" i="1"/>
  <c r="AD32473" i="1"/>
  <c r="AD32474" i="1"/>
  <c r="AD32475" i="1"/>
  <c r="AD32476" i="1"/>
  <c r="AD32477" i="1"/>
  <c r="AD32478" i="1"/>
  <c r="AD32480" i="1"/>
  <c r="AD32481" i="1"/>
  <c r="AD32482" i="1"/>
  <c r="AD32483" i="1"/>
  <c r="AD32484" i="1"/>
  <c r="AD32485" i="1"/>
  <c r="AD32486" i="1"/>
  <c r="AD32487" i="1"/>
  <c r="AD32488" i="1"/>
  <c r="AD32489" i="1"/>
  <c r="AD32490" i="1"/>
  <c r="AD32492" i="1"/>
  <c r="AD32493" i="1"/>
  <c r="AD32494" i="1"/>
  <c r="AD32495" i="1"/>
  <c r="AD32496" i="1"/>
  <c r="AD32497" i="1"/>
  <c r="AD32498" i="1"/>
  <c r="AD32499" i="1"/>
  <c r="AD32500" i="1"/>
  <c r="AD32501" i="1"/>
  <c r="AD32502" i="1"/>
  <c r="AD32504" i="1"/>
  <c r="AD32505" i="1"/>
  <c r="AD32506" i="1"/>
  <c r="AD32507" i="1"/>
  <c r="AD32508" i="1"/>
  <c r="AD32509" i="1"/>
  <c r="AD32510" i="1"/>
  <c r="AD32511" i="1"/>
  <c r="AD32512" i="1"/>
  <c r="AD32513" i="1"/>
  <c r="AD32514" i="1"/>
  <c r="AD32516" i="1"/>
  <c r="AD32517" i="1"/>
  <c r="AD32518" i="1"/>
  <c r="AD32519" i="1"/>
  <c r="AD32520" i="1"/>
  <c r="AD32521" i="1"/>
  <c r="AD32522" i="1"/>
  <c r="AD32523" i="1"/>
  <c r="AD32524" i="1"/>
  <c r="AD32525" i="1"/>
  <c r="AD32526" i="1"/>
  <c r="AD32528" i="1"/>
  <c r="AD32529" i="1"/>
  <c r="AD32530" i="1"/>
  <c r="AD32531" i="1"/>
  <c r="AD32532" i="1"/>
  <c r="AD32533" i="1"/>
  <c r="AD32534" i="1"/>
  <c r="AD32535" i="1"/>
  <c r="AD32536" i="1"/>
  <c r="AD32537" i="1"/>
  <c r="AD32538" i="1"/>
  <c r="AD32540" i="1"/>
  <c r="AD32541" i="1"/>
  <c r="AD32542" i="1"/>
  <c r="AD32543" i="1"/>
  <c r="AD32544" i="1"/>
  <c r="AD32545" i="1"/>
  <c r="AD32546" i="1"/>
  <c r="AD32547" i="1"/>
  <c r="AD32548" i="1"/>
  <c r="AD32549" i="1"/>
  <c r="AD32550" i="1"/>
  <c r="AD32552" i="1"/>
  <c r="AD32553" i="1"/>
  <c r="AD32554" i="1"/>
  <c r="AD32555" i="1"/>
  <c r="AD32556" i="1"/>
  <c r="AD32557" i="1"/>
  <c r="AD32558" i="1"/>
  <c r="AD32559" i="1"/>
  <c r="AD32560" i="1"/>
  <c r="AD32561" i="1"/>
  <c r="AD32562" i="1"/>
  <c r="AD32564" i="1"/>
  <c r="AD32565" i="1"/>
  <c r="AD32566" i="1"/>
  <c r="AD32567" i="1"/>
  <c r="AD32568" i="1"/>
  <c r="AD32569" i="1"/>
  <c r="AD32570" i="1"/>
  <c r="AD32571" i="1"/>
  <c r="AD32572" i="1"/>
  <c r="AD32573" i="1"/>
  <c r="AD32574" i="1"/>
  <c r="AD32576" i="1"/>
  <c r="AD32577" i="1"/>
  <c r="AD32578" i="1"/>
  <c r="AD32579" i="1"/>
  <c r="AD32580" i="1"/>
  <c r="AD32581" i="1"/>
  <c r="AD32582" i="1"/>
  <c r="AD32583" i="1"/>
  <c r="AD32584" i="1"/>
  <c r="AD32585" i="1"/>
  <c r="AD32586" i="1"/>
  <c r="AD32588" i="1"/>
  <c r="AD32589" i="1"/>
  <c r="AD32590" i="1"/>
  <c r="AD32591" i="1"/>
  <c r="AD32592" i="1"/>
  <c r="AD32593" i="1"/>
  <c r="AD32594" i="1"/>
  <c r="AD32595" i="1"/>
  <c r="AD32596" i="1"/>
  <c r="AD32597" i="1"/>
  <c r="AD32598" i="1"/>
  <c r="AD32600" i="1"/>
  <c r="AD32601" i="1"/>
  <c r="AD32602" i="1"/>
  <c r="AD32603" i="1"/>
  <c r="AD32604" i="1"/>
  <c r="AD32605" i="1"/>
  <c r="AD32606" i="1"/>
  <c r="AD32607" i="1"/>
  <c r="AD32608" i="1"/>
  <c r="AD32609" i="1"/>
  <c r="AD32610" i="1"/>
  <c r="AD32612" i="1"/>
  <c r="AD32613" i="1"/>
  <c r="AD32614" i="1"/>
  <c r="AD32615" i="1"/>
  <c r="AD32616" i="1"/>
  <c r="AD32617" i="1"/>
  <c r="AD32618" i="1"/>
  <c r="AD32619" i="1"/>
  <c r="AD32620" i="1"/>
  <c r="AD32621" i="1"/>
  <c r="AD32622" i="1"/>
  <c r="AD32624" i="1"/>
  <c r="AD32625" i="1"/>
  <c r="AD32626" i="1"/>
  <c r="AD32627" i="1"/>
  <c r="AD32628" i="1"/>
  <c r="AD32629" i="1"/>
  <c r="AD32630" i="1"/>
  <c r="AD32631" i="1"/>
  <c r="AD32632" i="1"/>
  <c r="AD32633" i="1"/>
  <c r="AD32634" i="1"/>
  <c r="AD32636" i="1"/>
  <c r="AD32637" i="1"/>
  <c r="AD32638" i="1"/>
  <c r="AD32639" i="1"/>
  <c r="AD32640" i="1"/>
  <c r="AD32641" i="1"/>
  <c r="AD32642" i="1"/>
  <c r="AD32643" i="1"/>
  <c r="AD32644" i="1"/>
  <c r="AD32645" i="1"/>
  <c r="AD32646" i="1"/>
  <c r="AD32648" i="1"/>
  <c r="AD32649" i="1"/>
  <c r="AD32650" i="1"/>
  <c r="AD32651" i="1"/>
  <c r="AD32652" i="1"/>
  <c r="AD32653" i="1"/>
  <c r="AD32654" i="1"/>
  <c r="AD32655" i="1"/>
  <c r="AD32656" i="1"/>
  <c r="AD32657" i="1"/>
  <c r="AD32658" i="1"/>
  <c r="AD32660" i="1"/>
  <c r="AD32661" i="1"/>
  <c r="AD32662" i="1"/>
  <c r="AD32663" i="1"/>
  <c r="AD32664" i="1"/>
  <c r="AD32665" i="1"/>
  <c r="AD32666" i="1"/>
  <c r="AD32667" i="1"/>
  <c r="AD32668" i="1"/>
  <c r="AD32669" i="1"/>
  <c r="AD32670" i="1"/>
  <c r="AD32672" i="1"/>
  <c r="AD32673" i="1"/>
  <c r="AD32674" i="1"/>
  <c r="AD32675" i="1"/>
  <c r="AD32676" i="1"/>
  <c r="AD32677" i="1"/>
  <c r="AD32678" i="1"/>
  <c r="AD32679" i="1"/>
  <c r="AD32680" i="1"/>
  <c r="AD32681" i="1"/>
  <c r="AD32682" i="1"/>
  <c r="AD32684" i="1"/>
  <c r="AD32685" i="1"/>
  <c r="AD32686" i="1"/>
  <c r="AD32687" i="1"/>
  <c r="AD32688" i="1"/>
  <c r="AD32689" i="1"/>
  <c r="AD32690" i="1"/>
  <c r="AD32691" i="1"/>
  <c r="AD32692" i="1"/>
  <c r="AD32693" i="1"/>
  <c r="AD32694" i="1"/>
  <c r="AD32696" i="1"/>
  <c r="AD32697" i="1"/>
  <c r="AD32698" i="1"/>
  <c r="AD32699" i="1"/>
  <c r="AD32700" i="1"/>
  <c r="AD32701" i="1"/>
  <c r="AD32702" i="1"/>
  <c r="AD32703" i="1"/>
  <c r="AD32704" i="1"/>
  <c r="AD32705" i="1"/>
  <c r="AD32706" i="1"/>
  <c r="AD32708" i="1"/>
  <c r="AD32709" i="1"/>
  <c r="AD32710" i="1"/>
  <c r="AD32711" i="1"/>
  <c r="AD32712" i="1"/>
  <c r="AD32713" i="1"/>
  <c r="AD32714" i="1"/>
  <c r="AD32715" i="1"/>
  <c r="AD32716" i="1"/>
  <c r="AD32717" i="1"/>
  <c r="AD32718" i="1"/>
  <c r="AD32720" i="1"/>
  <c r="AD32721" i="1"/>
  <c r="AD32722" i="1"/>
  <c r="AD32723" i="1"/>
  <c r="AD32724" i="1"/>
  <c r="AD32725" i="1"/>
  <c r="AD32726" i="1"/>
  <c r="AD32727" i="1"/>
  <c r="AD32728" i="1"/>
  <c r="AD32729" i="1"/>
  <c r="AD32730" i="1"/>
  <c r="AD32732" i="1"/>
  <c r="AD32733" i="1"/>
  <c r="AD32734" i="1"/>
  <c r="AD32735" i="1"/>
  <c r="AD32736" i="1"/>
  <c r="AD32737" i="1"/>
  <c r="AD32738" i="1"/>
  <c r="AD32739" i="1"/>
  <c r="AD32740" i="1"/>
  <c r="AD32741" i="1"/>
  <c r="AD32742" i="1"/>
  <c r="AD32744" i="1"/>
  <c r="AD32745" i="1"/>
  <c r="AD32746" i="1"/>
  <c r="AD32747" i="1"/>
  <c r="AD32748" i="1"/>
  <c r="AD32749" i="1"/>
  <c r="AD32750" i="1"/>
  <c r="AD32751" i="1"/>
  <c r="AD32752" i="1"/>
  <c r="AD32753" i="1"/>
  <c r="AD32754" i="1"/>
  <c r="AD32756" i="1"/>
  <c r="AD32757" i="1"/>
  <c r="AD32758" i="1"/>
  <c r="AD32759" i="1"/>
  <c r="AD32760" i="1"/>
  <c r="AD32761" i="1"/>
  <c r="AD32762" i="1"/>
  <c r="AD32763" i="1"/>
  <c r="AD32764" i="1"/>
  <c r="AD32765" i="1"/>
  <c r="AD32766" i="1"/>
  <c r="AD32768" i="1"/>
  <c r="AD32769" i="1"/>
  <c r="AD32770" i="1"/>
  <c r="AD32771" i="1"/>
  <c r="AD32772" i="1"/>
  <c r="AD32773" i="1"/>
  <c r="AD32774" i="1"/>
  <c r="AD32775" i="1"/>
  <c r="AD32776" i="1"/>
  <c r="AD32777" i="1"/>
  <c r="AD32778" i="1"/>
  <c r="AD32780" i="1"/>
  <c r="AD32781" i="1"/>
  <c r="AD32782" i="1"/>
  <c r="AD32783" i="1"/>
  <c r="AD32784" i="1"/>
  <c r="AD32785" i="1"/>
  <c r="AD32786" i="1"/>
  <c r="AD32787" i="1"/>
  <c r="AD32788" i="1"/>
  <c r="AD32789" i="1"/>
  <c r="AD32790" i="1"/>
  <c r="AD32792" i="1"/>
  <c r="AD32793" i="1"/>
  <c r="AD32794" i="1"/>
  <c r="AD32795" i="1"/>
  <c r="AD32796" i="1"/>
  <c r="AD32797" i="1"/>
  <c r="AD32798" i="1"/>
  <c r="AD32799" i="1"/>
  <c r="AD32800" i="1"/>
  <c r="AD32801" i="1"/>
  <c r="AD32802" i="1"/>
  <c r="AD32804" i="1"/>
  <c r="AD32805" i="1"/>
  <c r="AD32806" i="1"/>
  <c r="AD32807" i="1"/>
  <c r="AD32808" i="1"/>
  <c r="AD32809" i="1"/>
  <c r="AD32810" i="1"/>
  <c r="AD32811" i="1"/>
  <c r="AD32812" i="1"/>
  <c r="AD32813" i="1"/>
  <c r="AD32814" i="1"/>
  <c r="AD32816" i="1"/>
  <c r="AD32817" i="1"/>
  <c r="AD32818" i="1"/>
  <c r="AD32819" i="1"/>
  <c r="AD32820" i="1"/>
  <c r="AD32821" i="1"/>
  <c r="AD32822" i="1"/>
  <c r="AD32823" i="1"/>
  <c r="AD32824" i="1"/>
  <c r="AD32825" i="1"/>
  <c r="AD32826" i="1"/>
  <c r="AD32828" i="1"/>
  <c r="AD32829" i="1"/>
  <c r="AD32830" i="1"/>
  <c r="AD32831" i="1"/>
  <c r="AD32832" i="1"/>
  <c r="AD32833" i="1"/>
  <c r="AD32834" i="1"/>
  <c r="AD32835" i="1"/>
  <c r="AD32836" i="1"/>
  <c r="AD32837" i="1"/>
  <c r="AD32838" i="1"/>
  <c r="AD32840" i="1"/>
  <c r="AD32841" i="1"/>
  <c r="AD32842" i="1"/>
  <c r="AD32843" i="1"/>
  <c r="AD32844" i="1"/>
  <c r="AD32845" i="1"/>
  <c r="AD32846" i="1"/>
  <c r="AD32847" i="1"/>
  <c r="AD32848" i="1"/>
  <c r="AD32849" i="1"/>
  <c r="AD32850" i="1"/>
  <c r="AD32852" i="1"/>
  <c r="AD32853" i="1"/>
  <c r="AD32854" i="1"/>
  <c r="AD32855" i="1"/>
  <c r="AD32856" i="1"/>
  <c r="AD32857" i="1"/>
  <c r="AD32858" i="1"/>
  <c r="AD32859" i="1"/>
  <c r="AD32860" i="1"/>
  <c r="AD32861" i="1"/>
  <c r="AD32862" i="1"/>
  <c r="AD32864" i="1"/>
  <c r="AD32865" i="1"/>
  <c r="AD32866" i="1"/>
  <c r="AD32867" i="1"/>
  <c r="AD32868" i="1"/>
  <c r="AD32869" i="1"/>
  <c r="AD32870" i="1"/>
  <c r="AD32871" i="1"/>
  <c r="AD32872" i="1"/>
  <c r="AD32873" i="1"/>
  <c r="AD32874" i="1"/>
  <c r="AD32876" i="1"/>
  <c r="AD32877" i="1"/>
  <c r="AD32878" i="1"/>
  <c r="AD32879" i="1"/>
  <c r="AD32880" i="1"/>
  <c r="AD32881" i="1"/>
  <c r="AD32882" i="1"/>
  <c r="AD32883" i="1"/>
  <c r="AD32884" i="1"/>
  <c r="AD32885" i="1"/>
  <c r="AD32886" i="1"/>
  <c r="AD32888" i="1"/>
  <c r="AD32889" i="1"/>
  <c r="AD32890" i="1"/>
  <c r="AD32891" i="1"/>
  <c r="AD32892" i="1"/>
  <c r="AD32893" i="1"/>
  <c r="AD32894" i="1"/>
  <c r="AD32895" i="1"/>
  <c r="AD32896" i="1"/>
  <c r="AD32897" i="1"/>
  <c r="AD32898" i="1"/>
  <c r="AD32900" i="1"/>
  <c r="AD32901" i="1"/>
  <c r="AD32902" i="1"/>
  <c r="AD32903" i="1"/>
  <c r="AD32904" i="1"/>
  <c r="AD32905" i="1"/>
  <c r="AD32906" i="1"/>
  <c r="AD32907" i="1"/>
  <c r="AD32908" i="1"/>
  <c r="AD32909" i="1"/>
  <c r="AD32910" i="1"/>
  <c r="AD32912" i="1"/>
  <c r="AD32913" i="1"/>
  <c r="AD32914" i="1"/>
  <c r="AD32915" i="1"/>
  <c r="AD32916" i="1"/>
  <c r="AD32917" i="1"/>
  <c r="AD32918" i="1"/>
  <c r="AD32919" i="1"/>
  <c r="AD32920" i="1"/>
  <c r="AD32921" i="1"/>
  <c r="AD32922" i="1"/>
  <c r="AD32924" i="1"/>
  <c r="AD32925" i="1"/>
  <c r="AD32926" i="1"/>
  <c r="AD32927" i="1"/>
  <c r="AD32928" i="1"/>
  <c r="AD32929" i="1"/>
  <c r="AD32930" i="1"/>
  <c r="AD32931" i="1"/>
  <c r="AD32932" i="1"/>
  <c r="AD32933" i="1"/>
  <c r="AD32934" i="1"/>
  <c r="AD32936" i="1"/>
  <c r="AD32937" i="1"/>
  <c r="AD32938" i="1"/>
  <c r="AD32939" i="1"/>
  <c r="AD32940" i="1"/>
  <c r="AD32941" i="1"/>
  <c r="AD32942" i="1"/>
  <c r="AD32943" i="1"/>
  <c r="AD32944" i="1"/>
  <c r="AD32945" i="1"/>
  <c r="AD32946" i="1"/>
  <c r="AD32948" i="1"/>
  <c r="AD32949" i="1"/>
  <c r="AD32950" i="1"/>
  <c r="AD32951" i="1"/>
  <c r="AD32952" i="1"/>
  <c r="AD32953" i="1"/>
  <c r="AD32954" i="1"/>
  <c r="AD32955" i="1"/>
  <c r="AD32956" i="1"/>
  <c r="AD32957" i="1"/>
  <c r="AD32958" i="1"/>
  <c r="AD32960" i="1"/>
  <c r="AD32961" i="1"/>
  <c r="AD32962" i="1"/>
  <c r="AD32963" i="1"/>
  <c r="AD32964" i="1"/>
  <c r="AD32965" i="1"/>
  <c r="AD32966" i="1"/>
  <c r="AD32967" i="1"/>
  <c r="AD32968" i="1"/>
  <c r="AD32969" i="1"/>
  <c r="AD32970" i="1"/>
  <c r="AD32972" i="1"/>
  <c r="AD32973" i="1"/>
  <c r="AD32974" i="1"/>
  <c r="AD32975" i="1"/>
  <c r="AD32976" i="1"/>
  <c r="AD32977" i="1"/>
  <c r="AD32978" i="1"/>
  <c r="AD32979" i="1"/>
  <c r="AD32980" i="1"/>
  <c r="AD32981" i="1"/>
  <c r="AD32982" i="1"/>
  <c r="AD32984" i="1"/>
  <c r="AD32985" i="1"/>
  <c r="AD32986" i="1"/>
  <c r="AD32987" i="1"/>
  <c r="AD32988" i="1"/>
  <c r="AD32989" i="1"/>
  <c r="AD32990" i="1"/>
  <c r="AD32991" i="1"/>
  <c r="AD32992" i="1"/>
  <c r="AD32993" i="1"/>
  <c r="AD32994" i="1"/>
  <c r="AD32996" i="1"/>
  <c r="AD32997" i="1"/>
  <c r="AD32998" i="1"/>
  <c r="AD32999" i="1"/>
  <c r="AD33000" i="1"/>
  <c r="AD33001" i="1"/>
  <c r="AD33002" i="1"/>
  <c r="AD33003" i="1"/>
  <c r="AD33004" i="1"/>
  <c r="AD33005" i="1"/>
  <c r="AD33006" i="1"/>
  <c r="AD33008" i="1"/>
  <c r="AD33009" i="1"/>
  <c r="AD33010" i="1"/>
  <c r="AD33011" i="1"/>
  <c r="AD33012" i="1"/>
  <c r="AD33013" i="1"/>
  <c r="AD33014" i="1"/>
  <c r="AD33015" i="1"/>
  <c r="AD33016" i="1"/>
  <c r="AD33017" i="1"/>
  <c r="AD33018" i="1"/>
  <c r="AD33020" i="1"/>
  <c r="AD33021" i="1"/>
  <c r="AD33022" i="1"/>
  <c r="AD33023" i="1"/>
  <c r="AD33024" i="1"/>
  <c r="AD33025" i="1"/>
  <c r="AD33026" i="1"/>
  <c r="AD33027" i="1"/>
  <c r="AD33028" i="1"/>
  <c r="AD33029" i="1"/>
  <c r="AD33030" i="1"/>
  <c r="AD33032" i="1"/>
  <c r="AD33033" i="1"/>
  <c r="AD33034" i="1"/>
  <c r="AD33035" i="1"/>
  <c r="AD33036" i="1"/>
  <c r="AD33037" i="1"/>
  <c r="AD33038" i="1"/>
  <c r="AD33039" i="1"/>
  <c r="AD33040" i="1"/>
  <c r="AD33041" i="1"/>
  <c r="AD33042" i="1"/>
  <c r="AD33044" i="1"/>
  <c r="AD33045" i="1"/>
  <c r="AD33046" i="1"/>
  <c r="AD33047" i="1"/>
  <c r="AD33048" i="1"/>
  <c r="AD33049" i="1"/>
  <c r="AD33050" i="1"/>
  <c r="AD33051" i="1"/>
  <c r="AD33052" i="1"/>
  <c r="AD33053" i="1"/>
  <c r="AD33054" i="1"/>
  <c r="AD33056" i="1"/>
  <c r="AD33057" i="1"/>
  <c r="AD33058" i="1"/>
  <c r="AD33059" i="1"/>
  <c r="AD33060" i="1"/>
  <c r="AD33061" i="1"/>
  <c r="AD33062" i="1"/>
  <c r="AD33063" i="1"/>
  <c r="AD33064" i="1"/>
  <c r="AD33065" i="1"/>
  <c r="AD33066" i="1"/>
  <c r="AD33068" i="1"/>
  <c r="AD33069" i="1"/>
  <c r="AD33070" i="1"/>
  <c r="AD33071" i="1"/>
  <c r="AD33072" i="1"/>
  <c r="AD33073" i="1"/>
  <c r="AD33074" i="1"/>
  <c r="AD33075" i="1"/>
  <c r="AD33076" i="1"/>
  <c r="AD33077" i="1"/>
  <c r="AD33078" i="1"/>
  <c r="AD33080" i="1"/>
  <c r="AD33081" i="1"/>
  <c r="AD33082" i="1"/>
  <c r="AD33083" i="1"/>
  <c r="AD33084" i="1"/>
  <c r="AD33085" i="1"/>
  <c r="AD33086" i="1"/>
  <c r="AD33087" i="1"/>
  <c r="AD33088" i="1"/>
  <c r="AD33089" i="1"/>
  <c r="AD33090" i="1"/>
  <c r="AD33092" i="1"/>
  <c r="AD33093" i="1"/>
  <c r="AD33094" i="1"/>
  <c r="AD33095" i="1"/>
  <c r="AD33096" i="1"/>
  <c r="AD33097" i="1"/>
  <c r="AD33098" i="1"/>
  <c r="AD33099" i="1"/>
  <c r="AD33100" i="1"/>
  <c r="AD33101" i="1"/>
  <c r="AD33102" i="1"/>
  <c r="AD33104" i="1"/>
  <c r="AD33105" i="1"/>
  <c r="AD33106" i="1"/>
  <c r="AD33107" i="1"/>
  <c r="AD33108" i="1"/>
  <c r="AD33109" i="1"/>
  <c r="AD33110" i="1"/>
  <c r="AD33111" i="1"/>
  <c r="AD33112" i="1"/>
  <c r="AD33113" i="1"/>
  <c r="AD33114" i="1"/>
  <c r="AD33116" i="1"/>
  <c r="AD33117" i="1"/>
  <c r="AD33118" i="1"/>
  <c r="AD33119" i="1"/>
  <c r="AD33120" i="1"/>
  <c r="AD33121" i="1"/>
  <c r="AD33122" i="1"/>
  <c r="AD33123" i="1"/>
  <c r="AD33124" i="1"/>
  <c r="AD33125" i="1"/>
  <c r="AD33126" i="1"/>
  <c r="AD33128" i="1"/>
  <c r="AD33129" i="1"/>
  <c r="AD33130" i="1"/>
  <c r="AD33131" i="1"/>
  <c r="AD33132" i="1"/>
  <c r="AD33133" i="1"/>
  <c r="AD33134" i="1"/>
  <c r="AD33135" i="1"/>
  <c r="AD33136" i="1"/>
  <c r="AD33137" i="1"/>
  <c r="AD33138" i="1"/>
  <c r="AD33140" i="1"/>
  <c r="AD33141" i="1"/>
  <c r="AD33142" i="1"/>
  <c r="AD33143" i="1"/>
  <c r="AD33144" i="1"/>
  <c r="AD33145" i="1"/>
  <c r="AD33146" i="1"/>
  <c r="AD33147" i="1"/>
  <c r="AD33148" i="1"/>
  <c r="AD33149" i="1"/>
  <c r="AD33150" i="1"/>
  <c r="AD33152" i="1"/>
  <c r="AD33153" i="1"/>
  <c r="AD33154" i="1"/>
  <c r="AD33155" i="1"/>
  <c r="AD33156" i="1"/>
  <c r="AD33157" i="1"/>
  <c r="AD33158" i="1"/>
  <c r="AD33159" i="1"/>
  <c r="AD33160" i="1"/>
  <c r="AD33161" i="1"/>
  <c r="AD33162" i="1"/>
  <c r="AD33164" i="1"/>
  <c r="AD33165" i="1"/>
  <c r="AD33166" i="1"/>
  <c r="AD33167" i="1"/>
  <c r="AD33168" i="1"/>
  <c r="AD33169" i="1"/>
  <c r="AD33170" i="1"/>
  <c r="AD33171" i="1"/>
  <c r="AD33172" i="1"/>
  <c r="AD33173" i="1"/>
  <c r="AD33174" i="1"/>
  <c r="AD33176" i="1"/>
  <c r="AD33177" i="1"/>
  <c r="AD33178" i="1"/>
  <c r="AD33179" i="1"/>
  <c r="AD33180" i="1"/>
  <c r="AD33181" i="1"/>
  <c r="AD33182" i="1"/>
  <c r="AD33183" i="1"/>
  <c r="AD33184" i="1"/>
  <c r="AD33185" i="1"/>
  <c r="AD33186" i="1"/>
  <c r="AD33188" i="1"/>
  <c r="AD33189" i="1"/>
  <c r="AD33190" i="1"/>
  <c r="AD33191" i="1"/>
  <c r="AD33192" i="1"/>
  <c r="AD33193" i="1"/>
  <c r="AD33194" i="1"/>
  <c r="AD33195" i="1"/>
  <c r="AD33196" i="1"/>
  <c r="AD33197" i="1"/>
  <c r="AD33198" i="1"/>
  <c r="AD33200" i="1"/>
  <c r="AD33201" i="1"/>
  <c r="AD33202" i="1"/>
  <c r="AD33203" i="1"/>
  <c r="AD33204" i="1"/>
  <c r="AD33205" i="1"/>
  <c r="AD33206" i="1"/>
  <c r="AD33207" i="1"/>
  <c r="AD33208" i="1"/>
  <c r="AD33209" i="1"/>
  <c r="AD33210" i="1"/>
  <c r="AD33212" i="1"/>
  <c r="AD33213" i="1"/>
  <c r="AD33214" i="1"/>
  <c r="AD33215" i="1"/>
  <c r="AD33216" i="1"/>
  <c r="AD33217" i="1"/>
  <c r="AD33218" i="1"/>
  <c r="AD33219" i="1"/>
  <c r="AD33220" i="1"/>
  <c r="AD33221" i="1"/>
  <c r="AD33222" i="1"/>
  <c r="AD33224" i="1"/>
  <c r="AD33225" i="1"/>
  <c r="AD33226" i="1"/>
  <c r="AD33227" i="1"/>
  <c r="AD33228" i="1"/>
  <c r="AD33229" i="1"/>
  <c r="AD33230" i="1"/>
  <c r="AD33231" i="1"/>
  <c r="AD33232" i="1"/>
  <c r="AD33233" i="1"/>
  <c r="AD33234" i="1"/>
  <c r="AD33236" i="1"/>
  <c r="AD33237" i="1"/>
  <c r="AD33238" i="1"/>
  <c r="AD33239" i="1"/>
  <c r="AD33240" i="1"/>
  <c r="AD33241" i="1"/>
  <c r="AD33242" i="1"/>
  <c r="AD33243" i="1"/>
  <c r="AD33244" i="1"/>
  <c r="AD33245" i="1"/>
  <c r="AD33246" i="1"/>
  <c r="AD33248" i="1"/>
  <c r="AD33249" i="1"/>
  <c r="AD33250" i="1"/>
  <c r="AD33251" i="1"/>
  <c r="AD33252" i="1"/>
  <c r="AD33253" i="1"/>
  <c r="AD33254" i="1"/>
  <c r="AD33255" i="1"/>
  <c r="AD33256" i="1"/>
  <c r="AD33257" i="1"/>
  <c r="AD33258" i="1"/>
  <c r="AD33260" i="1"/>
  <c r="AD33261" i="1"/>
  <c r="AD33262" i="1"/>
  <c r="AD33263" i="1"/>
  <c r="AD33264" i="1"/>
  <c r="AD33265" i="1"/>
  <c r="AD33266" i="1"/>
  <c r="AD33267" i="1"/>
  <c r="AD33268" i="1"/>
  <c r="AD33269" i="1"/>
  <c r="AD33270" i="1"/>
  <c r="AD33272" i="1"/>
  <c r="AD33273" i="1"/>
  <c r="AD33274" i="1"/>
  <c r="AD33275" i="1"/>
  <c r="AD33276" i="1"/>
  <c r="AD33277" i="1"/>
  <c r="AD33278" i="1"/>
  <c r="AD33279" i="1"/>
  <c r="AD33280" i="1"/>
  <c r="AD33281" i="1"/>
  <c r="AD33282" i="1"/>
  <c r="AD33284" i="1"/>
  <c r="AD33285" i="1"/>
  <c r="AD33286" i="1"/>
  <c r="AD33287" i="1"/>
  <c r="AD33288" i="1"/>
  <c r="AD33289" i="1"/>
  <c r="AD33290" i="1"/>
  <c r="AD33291" i="1"/>
  <c r="AD33292" i="1"/>
  <c r="AD33293" i="1"/>
  <c r="AD33294" i="1"/>
  <c r="AD33296" i="1"/>
  <c r="AD33297" i="1"/>
  <c r="AD33298" i="1"/>
  <c r="AD33299" i="1"/>
  <c r="AD33300" i="1"/>
  <c r="AD33301" i="1"/>
  <c r="AD33302" i="1"/>
  <c r="AD33303" i="1"/>
  <c r="AD33304" i="1"/>
  <c r="AD33305" i="1"/>
  <c r="AD33306" i="1"/>
  <c r="AD33308" i="1"/>
  <c r="AD33309" i="1"/>
  <c r="AD33310" i="1"/>
  <c r="AD33311" i="1"/>
  <c r="AD33312" i="1"/>
  <c r="AD33313" i="1"/>
  <c r="AD33314" i="1"/>
  <c r="AD33315" i="1"/>
  <c r="AD33316" i="1"/>
  <c r="AD33317" i="1"/>
  <c r="AD33318" i="1"/>
  <c r="AD33320" i="1"/>
  <c r="AD33321" i="1"/>
  <c r="AD33322" i="1"/>
  <c r="AD33323" i="1"/>
  <c r="AD33324" i="1"/>
  <c r="AD33325" i="1"/>
  <c r="AD33326" i="1"/>
  <c r="AD33327" i="1"/>
  <c r="AD33328" i="1"/>
  <c r="AD33329" i="1"/>
  <c r="AD33330" i="1"/>
  <c r="AD33332" i="1"/>
  <c r="AD33333" i="1"/>
  <c r="AD33334" i="1"/>
  <c r="AD33335" i="1"/>
  <c r="AD33336" i="1"/>
  <c r="AD33337" i="1"/>
  <c r="AD33338" i="1"/>
  <c r="AD33339" i="1"/>
  <c r="AD33340" i="1"/>
  <c r="AD33341" i="1"/>
  <c r="AD33342" i="1"/>
  <c r="AD33344" i="1"/>
  <c r="AD33345" i="1"/>
  <c r="AD33346" i="1"/>
  <c r="AD33347" i="1"/>
  <c r="AD33348" i="1"/>
  <c r="AD33349" i="1"/>
  <c r="AD33350" i="1"/>
  <c r="AD33351" i="1"/>
  <c r="AD33352" i="1"/>
  <c r="AD33353" i="1"/>
  <c r="AD33354" i="1"/>
  <c r="AD33356" i="1"/>
  <c r="AD33357" i="1"/>
  <c r="AD33358" i="1"/>
  <c r="AD33359" i="1"/>
  <c r="AD33360" i="1"/>
  <c r="AD33361" i="1"/>
  <c r="AD33362" i="1"/>
  <c r="AD33363" i="1"/>
  <c r="AD33364" i="1"/>
  <c r="AD33365" i="1"/>
  <c r="AD33366" i="1"/>
  <c r="AD33368" i="1"/>
  <c r="AD33369" i="1"/>
  <c r="AD33370" i="1"/>
  <c r="AD33371" i="1"/>
  <c r="AD33372" i="1"/>
  <c r="AD33373" i="1"/>
  <c r="AD33374" i="1"/>
  <c r="AD33375" i="1"/>
  <c r="AD33376" i="1"/>
  <c r="AD33377" i="1"/>
  <c r="AD33378" i="1"/>
  <c r="AD33380" i="1"/>
  <c r="AD33381" i="1"/>
  <c r="AD33382" i="1"/>
  <c r="AD33383" i="1"/>
  <c r="AD33384" i="1"/>
  <c r="AD33385" i="1"/>
  <c r="AD33386" i="1"/>
  <c r="AD33387" i="1"/>
  <c r="AD33388" i="1"/>
  <c r="AD33389" i="1"/>
  <c r="AD33390" i="1"/>
  <c r="AD33392" i="1"/>
  <c r="AD33393" i="1"/>
  <c r="AD33394" i="1"/>
  <c r="AD33395" i="1"/>
  <c r="AD33396" i="1"/>
  <c r="AD33397" i="1"/>
  <c r="AD33398" i="1"/>
  <c r="AD33399" i="1"/>
  <c r="AD33400" i="1"/>
  <c r="AD33401" i="1"/>
  <c r="AD33402" i="1"/>
  <c r="AD33404" i="1"/>
  <c r="AD33405" i="1"/>
  <c r="AD33406" i="1"/>
  <c r="AD33407" i="1"/>
  <c r="AD33408" i="1"/>
  <c r="AD33409" i="1"/>
  <c r="AD33410" i="1"/>
  <c r="AD33411" i="1"/>
  <c r="AD33412" i="1"/>
  <c r="AD33413" i="1"/>
  <c r="AD33414" i="1"/>
  <c r="AD33416" i="1"/>
  <c r="AD33417" i="1"/>
  <c r="AD33418" i="1"/>
  <c r="AD33419" i="1"/>
  <c r="AD33420" i="1"/>
  <c r="AD33421" i="1"/>
  <c r="AD33422" i="1"/>
  <c r="AD33423" i="1"/>
  <c r="AD33424" i="1"/>
  <c r="AD33425" i="1"/>
  <c r="AD33426" i="1"/>
  <c r="AD33428" i="1"/>
  <c r="AD33429" i="1"/>
  <c r="AD33430" i="1"/>
  <c r="AD33431" i="1"/>
  <c r="AD33432" i="1"/>
  <c r="AD33433" i="1"/>
  <c r="AD33434" i="1"/>
  <c r="AD33435" i="1"/>
  <c r="AD33436" i="1"/>
  <c r="AD33437" i="1"/>
  <c r="AD33438" i="1"/>
  <c r="AD33440" i="1"/>
  <c r="AD33441" i="1"/>
  <c r="AD33442" i="1"/>
  <c r="AD33443" i="1"/>
  <c r="AD33444" i="1"/>
  <c r="AD33445" i="1"/>
  <c r="AD33446" i="1"/>
  <c r="AD33447" i="1"/>
  <c r="AD33448" i="1"/>
  <c r="AD33449" i="1"/>
  <c r="AD33450" i="1"/>
  <c r="AD33452" i="1"/>
  <c r="AD33453" i="1"/>
  <c r="AD33454" i="1"/>
  <c r="AD33455" i="1"/>
  <c r="AD33456" i="1"/>
  <c r="AD33457" i="1"/>
  <c r="AD33458" i="1"/>
  <c r="AD33459" i="1"/>
  <c r="AD33460" i="1"/>
  <c r="AD33461" i="1"/>
  <c r="AD33462" i="1"/>
  <c r="AD33464" i="1"/>
  <c r="AD33465" i="1"/>
  <c r="AD33466" i="1"/>
  <c r="AD33467" i="1"/>
  <c r="AD33468" i="1"/>
  <c r="AD33469" i="1"/>
  <c r="AD33470" i="1"/>
  <c r="AD33471" i="1"/>
  <c r="AD33472" i="1"/>
  <c r="AD33473" i="1"/>
  <c r="AD33474" i="1"/>
  <c r="AD33476" i="1"/>
  <c r="AD33477" i="1"/>
  <c r="AD33478" i="1"/>
  <c r="AD33479" i="1"/>
  <c r="AD33480" i="1"/>
  <c r="AD33481" i="1"/>
  <c r="AD33482" i="1"/>
  <c r="AD33483" i="1"/>
  <c r="AD33484" i="1"/>
  <c r="AD33485" i="1"/>
  <c r="AD33486" i="1"/>
  <c r="AD33488" i="1"/>
  <c r="AD33489" i="1"/>
  <c r="AD33490" i="1"/>
  <c r="AD33491" i="1"/>
  <c r="AD33492" i="1"/>
  <c r="AD33493" i="1"/>
  <c r="AD33494" i="1"/>
  <c r="AD33495" i="1"/>
  <c r="AD33496" i="1"/>
  <c r="AD33497" i="1"/>
  <c r="AD33498" i="1"/>
  <c r="AD33500" i="1"/>
  <c r="AD33501" i="1"/>
  <c r="AD33502" i="1"/>
  <c r="AD33503" i="1"/>
  <c r="AD33504" i="1"/>
  <c r="AD33505" i="1"/>
  <c r="AD33506" i="1"/>
  <c r="AD33507" i="1"/>
  <c r="AD33508" i="1"/>
  <c r="AD33509" i="1"/>
  <c r="AD33510" i="1"/>
  <c r="AD33512" i="1"/>
  <c r="AD33513" i="1"/>
  <c r="AD33514" i="1"/>
  <c r="AD33515" i="1"/>
  <c r="AD33516" i="1"/>
  <c r="AD33517" i="1"/>
  <c r="AD33518" i="1"/>
  <c r="AD33519" i="1"/>
  <c r="AD33520" i="1"/>
  <c r="AD33521" i="1"/>
  <c r="AD33522" i="1"/>
  <c r="AD33524" i="1"/>
  <c r="AD33525" i="1"/>
  <c r="AD33526" i="1"/>
  <c r="AD33527" i="1"/>
  <c r="AD33528" i="1"/>
  <c r="AD33529" i="1"/>
  <c r="AD33530" i="1"/>
  <c r="AD33531" i="1"/>
  <c r="AD33532" i="1"/>
  <c r="AD33533" i="1"/>
  <c r="AD33534" i="1"/>
  <c r="AD33536" i="1"/>
  <c r="AD33537" i="1"/>
  <c r="AD33538" i="1"/>
  <c r="AD33539" i="1"/>
  <c r="AD33540" i="1"/>
  <c r="AD33541" i="1"/>
  <c r="AD33542" i="1"/>
  <c r="AD33543" i="1"/>
  <c r="AD33544" i="1"/>
  <c r="AD33545" i="1"/>
  <c r="AD33546" i="1"/>
  <c r="AD33548" i="1"/>
  <c r="AD33549" i="1"/>
  <c r="AD33550" i="1"/>
  <c r="AD33551" i="1"/>
  <c r="AD33552" i="1"/>
  <c r="AD33553" i="1"/>
  <c r="AD33554" i="1"/>
  <c r="AD33555" i="1"/>
  <c r="AD33556" i="1"/>
  <c r="AD33557" i="1"/>
  <c r="AD33558" i="1"/>
  <c r="AD33560" i="1"/>
  <c r="AD33561" i="1"/>
  <c r="AD33562" i="1"/>
  <c r="AD33563" i="1"/>
  <c r="AD33564" i="1"/>
  <c r="AD33565" i="1"/>
  <c r="AD33566" i="1"/>
  <c r="AD33567" i="1"/>
  <c r="AD33568" i="1"/>
  <c r="AD33569" i="1"/>
  <c r="AD33570" i="1"/>
  <c r="AD33572" i="1"/>
  <c r="AD33573" i="1"/>
  <c r="AD33574" i="1"/>
  <c r="AD33575" i="1"/>
  <c r="AD33576" i="1"/>
  <c r="AD33577" i="1"/>
  <c r="AD33578" i="1"/>
  <c r="AD33579" i="1"/>
  <c r="AD33580" i="1"/>
  <c r="AD33581" i="1"/>
  <c r="AD33582" i="1"/>
  <c r="AD33584" i="1"/>
  <c r="AD33585" i="1"/>
  <c r="AD33586" i="1"/>
  <c r="AD33587" i="1"/>
  <c r="AD33588" i="1"/>
  <c r="AD33589" i="1"/>
  <c r="AD33590" i="1"/>
  <c r="AD33591" i="1"/>
  <c r="AD33592" i="1"/>
  <c r="AD33593" i="1"/>
  <c r="AD33594" i="1"/>
  <c r="AD33596" i="1"/>
  <c r="AD33597" i="1"/>
  <c r="AD33598" i="1"/>
  <c r="AD33599" i="1"/>
  <c r="AD33600" i="1"/>
  <c r="AD33601" i="1"/>
  <c r="AD33602" i="1"/>
  <c r="AD33603" i="1"/>
  <c r="AD33604" i="1"/>
  <c r="AD33605" i="1"/>
  <c r="AD33606" i="1"/>
  <c r="AD33608" i="1"/>
  <c r="AD33609" i="1"/>
  <c r="AD33610" i="1"/>
  <c r="AD33611" i="1"/>
  <c r="AD33612" i="1"/>
  <c r="AD33613" i="1"/>
  <c r="AD33614" i="1"/>
  <c r="AD33615" i="1"/>
  <c r="AD33616" i="1"/>
  <c r="AD33617" i="1"/>
  <c r="AD33618" i="1"/>
  <c r="AD33620" i="1"/>
  <c r="AD33621" i="1"/>
  <c r="AD33622" i="1"/>
  <c r="AD33623" i="1"/>
  <c r="AD33624" i="1"/>
  <c r="AD33625" i="1"/>
  <c r="AD33626" i="1"/>
  <c r="AD33627" i="1"/>
  <c r="AD33628" i="1"/>
  <c r="AD33629" i="1"/>
  <c r="AD33630" i="1"/>
  <c r="AD33632" i="1"/>
  <c r="AD33633" i="1"/>
  <c r="AD33634" i="1"/>
  <c r="AD33635" i="1"/>
  <c r="AD33636" i="1"/>
  <c r="AD33637" i="1"/>
  <c r="AD33638" i="1"/>
  <c r="AD33639" i="1"/>
  <c r="AD33640" i="1"/>
  <c r="AD33641" i="1"/>
  <c r="AD33642" i="1"/>
  <c r="AD33644" i="1"/>
  <c r="AD33645" i="1"/>
  <c r="AD33646" i="1"/>
  <c r="AD33647" i="1"/>
  <c r="AD33648" i="1"/>
  <c r="AD33649" i="1"/>
  <c r="AD33650" i="1"/>
  <c r="AD33651" i="1"/>
  <c r="AD33652" i="1"/>
  <c r="AD33653" i="1"/>
  <c r="AD33654" i="1"/>
  <c r="AD33656" i="1"/>
  <c r="AD33657" i="1"/>
  <c r="AD33658" i="1"/>
  <c r="AD33659" i="1"/>
  <c r="AD33660" i="1"/>
  <c r="AD33661" i="1"/>
  <c r="AD33662" i="1"/>
  <c r="AD33663" i="1"/>
  <c r="AD33664" i="1"/>
  <c r="AD33665" i="1"/>
  <c r="AD33666" i="1"/>
  <c r="AD33668" i="1"/>
  <c r="AD33669" i="1"/>
  <c r="AD33670" i="1"/>
  <c r="AD33671" i="1"/>
  <c r="AD33672" i="1"/>
  <c r="AD33673" i="1"/>
  <c r="AD33674" i="1"/>
  <c r="AD33675" i="1"/>
  <c r="AD33676" i="1"/>
  <c r="AD33677" i="1"/>
  <c r="AD33678" i="1"/>
  <c r="AD33680" i="1"/>
  <c r="AD33681" i="1"/>
  <c r="AD33682" i="1"/>
  <c r="AD33683" i="1"/>
  <c r="AD33684" i="1"/>
  <c r="AD33685" i="1"/>
  <c r="AD33686" i="1"/>
  <c r="AD33687" i="1"/>
  <c r="AD33688" i="1"/>
  <c r="AD33689" i="1"/>
  <c r="AD33690" i="1"/>
  <c r="AD33692" i="1"/>
  <c r="AD33693" i="1"/>
  <c r="AD33694" i="1"/>
  <c r="AD33695" i="1"/>
  <c r="AD33696" i="1"/>
  <c r="AD33697" i="1"/>
  <c r="AD33698" i="1"/>
  <c r="AD33699" i="1"/>
  <c r="AD33700" i="1"/>
  <c r="AD33701" i="1"/>
  <c r="AD33702" i="1"/>
  <c r="AD33704" i="1"/>
  <c r="AD33705" i="1"/>
  <c r="AD33706" i="1"/>
  <c r="AD33707" i="1"/>
  <c r="AD33708" i="1"/>
  <c r="AD33709" i="1"/>
  <c r="AD33710" i="1"/>
  <c r="AD33711" i="1"/>
  <c r="AD33712" i="1"/>
  <c r="AD33713" i="1"/>
  <c r="AD33714" i="1"/>
  <c r="AD33716" i="1"/>
  <c r="AD33717" i="1"/>
  <c r="AD33718" i="1"/>
  <c r="AD33719" i="1"/>
  <c r="AD33720" i="1"/>
  <c r="AD33721" i="1"/>
  <c r="AD33722" i="1"/>
  <c r="AD33723" i="1"/>
  <c r="AD33724" i="1"/>
  <c r="AD33725" i="1"/>
  <c r="AD33726" i="1"/>
  <c r="AD33728" i="1"/>
  <c r="AD33729" i="1"/>
  <c r="AD33730" i="1"/>
  <c r="AD33731" i="1"/>
  <c r="AD33732" i="1"/>
  <c r="AD33733" i="1"/>
  <c r="AD33734" i="1"/>
  <c r="AD33735" i="1"/>
  <c r="AD33736" i="1"/>
  <c r="AD33737" i="1"/>
  <c r="AD33738" i="1"/>
  <c r="AD33740" i="1"/>
  <c r="AD33741" i="1"/>
  <c r="AD33742" i="1"/>
  <c r="AD33743" i="1"/>
  <c r="AD33744" i="1"/>
  <c r="AD33745" i="1"/>
  <c r="AD33746" i="1"/>
  <c r="AD33747" i="1"/>
  <c r="AD33748" i="1"/>
  <c r="AD33749" i="1"/>
  <c r="AD33750" i="1"/>
  <c r="AD33752" i="1"/>
  <c r="AD33753" i="1"/>
  <c r="AD33754" i="1"/>
  <c r="AD33755" i="1"/>
  <c r="AD33756" i="1"/>
  <c r="AD33757" i="1"/>
  <c r="AD33758" i="1"/>
  <c r="AD33759" i="1"/>
  <c r="AD33760" i="1"/>
  <c r="AD33761" i="1"/>
  <c r="AD33762" i="1"/>
  <c r="AD33764" i="1"/>
  <c r="AD33765" i="1"/>
  <c r="AD33766" i="1"/>
  <c r="AD33767" i="1"/>
  <c r="AD33768" i="1"/>
  <c r="AD33769" i="1"/>
  <c r="AD33770" i="1"/>
  <c r="AD33771" i="1"/>
  <c r="AD33772" i="1"/>
  <c r="AD33773" i="1"/>
  <c r="AD33774" i="1"/>
  <c r="AD33776" i="1"/>
  <c r="AD33777" i="1"/>
  <c r="AD33778" i="1"/>
  <c r="AD33779" i="1"/>
  <c r="AD33780" i="1"/>
  <c r="AD33781" i="1"/>
  <c r="AD33782" i="1"/>
  <c r="AD33783" i="1"/>
  <c r="AD33784" i="1"/>
  <c r="AD33785" i="1"/>
  <c r="AD33786" i="1"/>
  <c r="AD33788" i="1"/>
  <c r="AD33789" i="1"/>
  <c r="AD33790" i="1"/>
  <c r="AD33791" i="1"/>
  <c r="AD33792" i="1"/>
  <c r="AD33793" i="1"/>
  <c r="AD33794" i="1"/>
  <c r="AD33795" i="1"/>
  <c r="AD33796" i="1"/>
  <c r="AD33797" i="1"/>
  <c r="AD33798" i="1"/>
  <c r="AD33800" i="1"/>
  <c r="AD33801" i="1"/>
  <c r="AD33802" i="1"/>
  <c r="AD33803" i="1"/>
  <c r="AD33804" i="1"/>
  <c r="AD33805" i="1"/>
  <c r="AD33806" i="1"/>
  <c r="AD33807" i="1"/>
  <c r="AD33808" i="1"/>
  <c r="AD33809" i="1"/>
  <c r="AD33810" i="1"/>
  <c r="AD33812" i="1"/>
  <c r="AD33813" i="1"/>
  <c r="AD33814" i="1"/>
  <c r="AD33815" i="1"/>
  <c r="AD33816" i="1"/>
  <c r="AD33817" i="1"/>
  <c r="AD33818" i="1"/>
  <c r="AD33819" i="1"/>
  <c r="AD33820" i="1"/>
  <c r="AD33821" i="1"/>
  <c r="AD33822" i="1"/>
  <c r="AD33824" i="1"/>
  <c r="AD33825" i="1"/>
  <c r="AD33826" i="1"/>
  <c r="AD33827" i="1"/>
  <c r="AD33828" i="1"/>
  <c r="AD33829" i="1"/>
  <c r="AD33830" i="1"/>
  <c r="AD33831" i="1"/>
  <c r="AD33832" i="1"/>
  <c r="AD33833" i="1"/>
  <c r="AD33834" i="1"/>
  <c r="AD33836" i="1"/>
  <c r="AD33837" i="1"/>
  <c r="AD33838" i="1"/>
  <c r="AD33839" i="1"/>
  <c r="AD33840" i="1"/>
  <c r="AD33841" i="1"/>
  <c r="AD33842" i="1"/>
  <c r="AD33843" i="1"/>
  <c r="AD33844" i="1"/>
  <c r="AD33845" i="1"/>
  <c r="AD33846" i="1"/>
  <c r="AD33848" i="1"/>
  <c r="AD33849" i="1"/>
  <c r="AD33850" i="1"/>
  <c r="AD33851" i="1"/>
  <c r="AD33852" i="1"/>
  <c r="AD33853" i="1"/>
  <c r="AD33854" i="1"/>
  <c r="AD33855" i="1"/>
  <c r="AD33856" i="1"/>
  <c r="AD33857" i="1"/>
  <c r="AD33858" i="1"/>
  <c r="AD33860" i="1"/>
  <c r="AD33861" i="1"/>
  <c r="AD33862" i="1"/>
  <c r="AD33863" i="1"/>
  <c r="AD33864" i="1"/>
  <c r="AD33865" i="1"/>
  <c r="AD33866" i="1"/>
  <c r="AD33867" i="1"/>
  <c r="AD33868" i="1"/>
  <c r="AD33869" i="1"/>
  <c r="AD33870" i="1"/>
  <c r="AD33872" i="1"/>
  <c r="AD33873" i="1"/>
  <c r="AD33874" i="1"/>
  <c r="AD33875" i="1"/>
  <c r="AD33876" i="1"/>
  <c r="AD33877" i="1"/>
  <c r="AD33878" i="1"/>
  <c r="AD33879" i="1"/>
  <c r="AD33880" i="1"/>
  <c r="AD33881" i="1"/>
  <c r="AD33882" i="1"/>
  <c r="AD33884" i="1"/>
  <c r="AD33885" i="1"/>
  <c r="AD33886" i="1"/>
  <c r="AD33887" i="1"/>
  <c r="AD33888" i="1"/>
  <c r="AD33889" i="1"/>
  <c r="AD33890" i="1"/>
  <c r="AD33891" i="1"/>
  <c r="AD33892" i="1"/>
  <c r="AD33893" i="1"/>
  <c r="AD33894" i="1"/>
  <c r="AD33896" i="1"/>
  <c r="AD33897" i="1"/>
  <c r="AD33898" i="1"/>
  <c r="AD33899" i="1"/>
  <c r="AD33900" i="1"/>
  <c r="AD33901" i="1"/>
  <c r="AD33902" i="1"/>
  <c r="AD33903" i="1"/>
  <c r="AD33904" i="1"/>
  <c r="AD33905" i="1"/>
  <c r="AD33906" i="1"/>
  <c r="AD33908" i="1"/>
  <c r="AD33909" i="1"/>
  <c r="AD33910" i="1"/>
  <c r="AD33911" i="1"/>
  <c r="AD33912" i="1"/>
  <c r="AD33913" i="1"/>
  <c r="AD33914" i="1"/>
  <c r="AD33915" i="1"/>
  <c r="AD33916" i="1"/>
  <c r="AD33917" i="1"/>
  <c r="AD33918" i="1"/>
  <c r="AD33920" i="1"/>
  <c r="AD33921" i="1"/>
  <c r="AD33922" i="1"/>
  <c r="AD33923" i="1"/>
  <c r="AD33924" i="1"/>
  <c r="AD33925" i="1"/>
  <c r="AD33926" i="1"/>
  <c r="AD33927" i="1"/>
  <c r="AD33928" i="1"/>
  <c r="AD33929" i="1"/>
  <c r="AD33930" i="1"/>
  <c r="AD33932" i="1"/>
  <c r="AD33933" i="1"/>
  <c r="AD33934" i="1"/>
  <c r="AD33935" i="1"/>
  <c r="AD33936" i="1"/>
  <c r="AD33937" i="1"/>
  <c r="AD33938" i="1"/>
  <c r="AD33939" i="1"/>
  <c r="AD33940" i="1"/>
  <c r="AD33941" i="1"/>
  <c r="AD33942" i="1"/>
  <c r="AD33944" i="1"/>
  <c r="AD33945" i="1"/>
  <c r="AD33946" i="1"/>
  <c r="AD33947" i="1"/>
  <c r="AD33948" i="1"/>
  <c r="AD33949" i="1"/>
  <c r="AD33950" i="1"/>
  <c r="AD33951" i="1"/>
  <c r="AD33952" i="1"/>
  <c r="AD33953" i="1"/>
  <c r="AD33954" i="1"/>
  <c r="AD33956" i="1"/>
  <c r="AD33957" i="1"/>
  <c r="AD33958" i="1"/>
  <c r="AD33959" i="1"/>
  <c r="AD33960" i="1"/>
  <c r="AD33961" i="1"/>
  <c r="AD33962" i="1"/>
  <c r="AD33963" i="1"/>
  <c r="AD33964" i="1"/>
  <c r="AD33965" i="1"/>
  <c r="AD33966" i="1"/>
  <c r="AD33968" i="1"/>
  <c r="AD33969" i="1"/>
  <c r="AD33970" i="1"/>
  <c r="AD33971" i="1"/>
  <c r="AD33972" i="1"/>
  <c r="AD33973" i="1"/>
  <c r="AD33974" i="1"/>
  <c r="AD33975" i="1"/>
  <c r="AD33976" i="1"/>
  <c r="AD33977" i="1"/>
  <c r="AD33978" i="1"/>
  <c r="AD33980" i="1"/>
  <c r="AD33981" i="1"/>
  <c r="AD33982" i="1"/>
  <c r="AD33983" i="1"/>
  <c r="AD33984" i="1"/>
  <c r="AD33985" i="1"/>
  <c r="AD33986" i="1"/>
  <c r="AD33987" i="1"/>
  <c r="AD33988" i="1"/>
  <c r="AD33989" i="1"/>
  <c r="AD33990" i="1"/>
  <c r="AD33992" i="1"/>
  <c r="AD33993" i="1"/>
  <c r="AD33994" i="1"/>
  <c r="AD33995" i="1"/>
  <c r="AD33996" i="1"/>
  <c r="AD33997" i="1"/>
  <c r="AD33998" i="1"/>
  <c r="AD33999" i="1"/>
  <c r="AD34000" i="1"/>
  <c r="AD34001" i="1"/>
  <c r="AD34002" i="1"/>
  <c r="AD34004" i="1"/>
  <c r="AD34005" i="1"/>
  <c r="AD34006" i="1"/>
  <c r="AD34007" i="1"/>
  <c r="AD34008" i="1"/>
  <c r="AD34009" i="1"/>
  <c r="AD34010" i="1"/>
  <c r="AD34011" i="1"/>
  <c r="AD34012" i="1"/>
  <c r="AD34013" i="1"/>
  <c r="AD34014" i="1"/>
  <c r="AD34016" i="1"/>
  <c r="AD34017" i="1"/>
  <c r="AD34018" i="1"/>
  <c r="AD34019" i="1"/>
  <c r="AD34020" i="1"/>
  <c r="AD34021" i="1"/>
  <c r="AD34022" i="1"/>
  <c r="AD34023" i="1"/>
  <c r="AD34024" i="1"/>
  <c r="AD34025" i="1"/>
  <c r="AD34026" i="1"/>
  <c r="AD34028" i="1"/>
  <c r="AD34029" i="1"/>
  <c r="AD34030" i="1"/>
  <c r="AD34031" i="1"/>
  <c r="AD34032" i="1"/>
  <c r="AD34033" i="1"/>
  <c r="AD34034" i="1"/>
  <c r="AD34035" i="1"/>
  <c r="AD34036" i="1"/>
  <c r="AD34037" i="1"/>
  <c r="AD34038" i="1"/>
  <c r="AD34040" i="1"/>
  <c r="AD34041" i="1"/>
  <c r="AD34042" i="1"/>
  <c r="AD34043" i="1"/>
  <c r="AD34044" i="1"/>
  <c r="AD34045" i="1"/>
  <c r="AD34046" i="1"/>
  <c r="AD34047" i="1"/>
  <c r="AD34048" i="1"/>
  <c r="AD34049" i="1"/>
  <c r="AD34050" i="1"/>
  <c r="AD34052" i="1"/>
  <c r="AD34053" i="1"/>
  <c r="AD34054" i="1"/>
  <c r="AD34055" i="1"/>
  <c r="AD34056" i="1"/>
  <c r="AD34057" i="1"/>
  <c r="AD34058" i="1"/>
  <c r="AD34059" i="1"/>
  <c r="AD34060" i="1"/>
  <c r="AD34061" i="1"/>
  <c r="AD34062" i="1"/>
  <c r="AD34064" i="1"/>
  <c r="AD34065" i="1"/>
  <c r="AD34066" i="1"/>
  <c r="AD34067" i="1"/>
  <c r="AD34068" i="1"/>
  <c r="AD34069" i="1"/>
  <c r="AD34070" i="1"/>
  <c r="AD34071" i="1"/>
  <c r="AD34072" i="1"/>
  <c r="AD34073" i="1"/>
  <c r="AD34074" i="1"/>
  <c r="AD34076" i="1"/>
  <c r="AD34077" i="1"/>
  <c r="AD34078" i="1"/>
  <c r="AD34079" i="1"/>
  <c r="AD34080" i="1"/>
  <c r="AD34081" i="1"/>
  <c r="AD34082" i="1"/>
  <c r="AD34083" i="1"/>
  <c r="AD34084" i="1"/>
  <c r="AD34085" i="1"/>
  <c r="AD34086" i="1"/>
  <c r="AD34088" i="1"/>
  <c r="AD34089" i="1"/>
  <c r="AD34090" i="1"/>
  <c r="AD34091" i="1"/>
  <c r="AD34092" i="1"/>
  <c r="AD34093" i="1"/>
  <c r="AD34094" i="1"/>
  <c r="AD34095" i="1"/>
  <c r="AD34096" i="1"/>
  <c r="AD34097" i="1"/>
  <c r="AD34098" i="1"/>
  <c r="AD34100" i="1"/>
  <c r="AD34101" i="1"/>
  <c r="AD34102" i="1"/>
  <c r="AD34103" i="1"/>
  <c r="AD34104" i="1"/>
  <c r="AD34105" i="1"/>
  <c r="AD34106" i="1"/>
  <c r="AD34107" i="1"/>
  <c r="AD34108" i="1"/>
  <c r="AD34109" i="1"/>
  <c r="AD34110" i="1"/>
  <c r="AD34112" i="1"/>
  <c r="AD34113" i="1"/>
  <c r="AD34114" i="1"/>
  <c r="AD34115" i="1"/>
  <c r="AD34116" i="1"/>
  <c r="AD34117" i="1"/>
  <c r="AD34118" i="1"/>
  <c r="AD34119" i="1"/>
  <c r="AD34120" i="1"/>
  <c r="AD34121" i="1"/>
  <c r="AD34122" i="1"/>
  <c r="AD34124" i="1"/>
  <c r="AD34125" i="1"/>
  <c r="AD34126" i="1"/>
  <c r="AD34127" i="1"/>
  <c r="AD34128" i="1"/>
  <c r="AD34129" i="1"/>
  <c r="AD34130" i="1"/>
  <c r="AD34131" i="1"/>
  <c r="AD34132" i="1"/>
  <c r="AD34133" i="1"/>
  <c r="AD34134" i="1"/>
  <c r="AD34136" i="1"/>
  <c r="AD34137" i="1"/>
  <c r="AD34138" i="1"/>
  <c r="AD34139" i="1"/>
  <c r="AD34140" i="1"/>
  <c r="AD34141" i="1"/>
  <c r="AD34142" i="1"/>
  <c r="AD34143" i="1"/>
  <c r="AD34144" i="1"/>
  <c r="AD34145" i="1"/>
  <c r="AD34146" i="1"/>
  <c r="AD34148" i="1"/>
  <c r="AD34149" i="1"/>
  <c r="AD34150" i="1"/>
  <c r="AD34151" i="1"/>
  <c r="AD34152" i="1"/>
  <c r="AD34153" i="1"/>
  <c r="AD34154" i="1"/>
  <c r="AD34155" i="1"/>
  <c r="AD34156" i="1"/>
  <c r="AD34157" i="1"/>
  <c r="AD34158" i="1"/>
  <c r="AD34160" i="1"/>
  <c r="AD34161" i="1"/>
  <c r="AD34162" i="1"/>
  <c r="AD34163" i="1"/>
  <c r="AD34164" i="1"/>
  <c r="AD34165" i="1"/>
  <c r="AD34166" i="1"/>
  <c r="AD34167" i="1"/>
  <c r="AD34168" i="1"/>
  <c r="AD34169" i="1"/>
  <c r="AD34170" i="1"/>
  <c r="AD34172" i="1"/>
  <c r="AD34173" i="1"/>
  <c r="AD34174" i="1"/>
  <c r="AD34175" i="1"/>
  <c r="AD34176" i="1"/>
  <c r="AD34177" i="1"/>
  <c r="AD34178" i="1"/>
  <c r="AD34179" i="1"/>
  <c r="AD34180" i="1"/>
  <c r="AD34181" i="1"/>
  <c r="AD34182" i="1"/>
  <c r="AD34184" i="1"/>
  <c r="AD34185" i="1"/>
  <c r="AD34186" i="1"/>
  <c r="AD34187" i="1"/>
  <c r="AD34188" i="1"/>
  <c r="AD34189" i="1"/>
  <c r="AD34190" i="1"/>
  <c r="AD34191" i="1"/>
  <c r="AD34192" i="1"/>
  <c r="AD34193" i="1"/>
  <c r="AD34194" i="1"/>
  <c r="AD34196" i="1"/>
  <c r="AD34197" i="1"/>
  <c r="AD34198" i="1"/>
  <c r="AD34199" i="1"/>
  <c r="AD34200" i="1"/>
  <c r="AD34201" i="1"/>
  <c r="AD34202" i="1"/>
  <c r="AD34203" i="1"/>
  <c r="AD34204" i="1"/>
  <c r="AD34205" i="1"/>
  <c r="AD34206" i="1"/>
  <c r="AD34208" i="1"/>
  <c r="AD34209" i="1"/>
  <c r="AD34210" i="1"/>
  <c r="AD34211" i="1"/>
  <c r="AD34212" i="1"/>
  <c r="AD34213" i="1"/>
  <c r="AD34214" i="1"/>
  <c r="AD34215" i="1"/>
  <c r="AD34216" i="1"/>
  <c r="AD34217" i="1"/>
  <c r="AD34218" i="1"/>
  <c r="AD34220" i="1"/>
  <c r="AD34221" i="1"/>
  <c r="AD34222" i="1"/>
  <c r="AD34223" i="1"/>
  <c r="AD34224" i="1"/>
  <c r="AD34225" i="1"/>
  <c r="AD34226" i="1"/>
  <c r="AD34227" i="1"/>
  <c r="AD34228" i="1"/>
  <c r="AD34229" i="1"/>
  <c r="AD34230" i="1"/>
  <c r="AD34232" i="1"/>
  <c r="AD34233" i="1"/>
  <c r="AD34234" i="1"/>
  <c r="AD34235" i="1"/>
  <c r="AD34236" i="1"/>
  <c r="AD34237" i="1"/>
  <c r="AD34238" i="1"/>
  <c r="AD34239" i="1"/>
  <c r="AD34240" i="1"/>
  <c r="AD34241" i="1"/>
  <c r="AD34242" i="1"/>
  <c r="AD34244" i="1"/>
  <c r="AD34245" i="1"/>
  <c r="AD34246" i="1"/>
  <c r="AD34247" i="1"/>
  <c r="AD34248" i="1"/>
  <c r="AD34249" i="1"/>
  <c r="AD34250" i="1"/>
  <c r="AD34251" i="1"/>
  <c r="AD34252" i="1"/>
  <c r="AD34253" i="1"/>
  <c r="AD34254" i="1"/>
  <c r="AD34256" i="1"/>
  <c r="AD34257" i="1"/>
  <c r="AD34258" i="1"/>
  <c r="AD34259" i="1"/>
  <c r="AD34260" i="1"/>
  <c r="AD34261" i="1"/>
  <c r="AD34262" i="1"/>
  <c r="AD34263" i="1"/>
  <c r="AD34264" i="1"/>
  <c r="AD34265" i="1"/>
  <c r="AD34266" i="1"/>
  <c r="AD34268" i="1"/>
  <c r="AD34269" i="1"/>
  <c r="AD34270" i="1"/>
  <c r="AD34271" i="1"/>
  <c r="AD34272" i="1"/>
  <c r="AD34273" i="1"/>
  <c r="AD34274" i="1"/>
  <c r="AD34275" i="1"/>
  <c r="AD34276" i="1"/>
  <c r="AD34277" i="1"/>
  <c r="AD34278" i="1"/>
  <c r="AD34280" i="1"/>
  <c r="AD34281" i="1"/>
  <c r="AD34282" i="1"/>
  <c r="AD34283" i="1"/>
  <c r="AD34284" i="1"/>
  <c r="AD34285" i="1"/>
  <c r="AD34286" i="1"/>
  <c r="AD34287" i="1"/>
  <c r="AD34288" i="1"/>
  <c r="AD34289" i="1"/>
  <c r="AD34290" i="1"/>
  <c r="AD34292" i="1"/>
  <c r="AD34293" i="1"/>
  <c r="AD34294" i="1"/>
  <c r="AD34295" i="1"/>
  <c r="AD34296" i="1"/>
  <c r="AD34297" i="1"/>
  <c r="AD34298" i="1"/>
  <c r="AD34299" i="1"/>
  <c r="AD34300" i="1"/>
  <c r="AD34301" i="1"/>
  <c r="AD34302" i="1"/>
  <c r="AD34304" i="1"/>
  <c r="AD34305" i="1"/>
  <c r="AD34306" i="1"/>
  <c r="AD34307" i="1"/>
  <c r="AD34308" i="1"/>
  <c r="AD34309" i="1"/>
  <c r="AD34310" i="1"/>
  <c r="AD34311" i="1"/>
  <c r="AD34312" i="1"/>
  <c r="AD34313" i="1"/>
  <c r="AD34314" i="1"/>
  <c r="AD34316" i="1"/>
  <c r="AD34317" i="1"/>
  <c r="AD34318" i="1"/>
  <c r="AD34319" i="1"/>
  <c r="AD34320" i="1"/>
  <c r="AD34321" i="1"/>
  <c r="AD34322" i="1"/>
  <c r="AD34323" i="1"/>
  <c r="AD34324" i="1"/>
  <c r="AD34325" i="1"/>
  <c r="AD34326" i="1"/>
  <c r="AD34328" i="1"/>
  <c r="AD34329" i="1"/>
  <c r="AD34330" i="1"/>
  <c r="AD34331" i="1"/>
  <c r="AD34332" i="1"/>
  <c r="AD34333" i="1"/>
  <c r="AD34334" i="1"/>
  <c r="AD34335" i="1"/>
  <c r="AD34336" i="1"/>
  <c r="AD34337" i="1"/>
  <c r="AD34338" i="1"/>
  <c r="AD34340" i="1"/>
  <c r="AD34341" i="1"/>
  <c r="AD34342" i="1"/>
  <c r="AD34343" i="1"/>
  <c r="AD34344" i="1"/>
  <c r="AD34345" i="1"/>
  <c r="AD34346" i="1"/>
  <c r="AD34347" i="1"/>
  <c r="AD34348" i="1"/>
  <c r="AD34349" i="1"/>
  <c r="AD34350" i="1"/>
  <c r="AD34352" i="1"/>
  <c r="AD34353" i="1"/>
  <c r="AD34354" i="1"/>
  <c r="AD34355" i="1"/>
  <c r="AD34356" i="1"/>
  <c r="AD34357" i="1"/>
  <c r="AD34358" i="1"/>
  <c r="AD34359" i="1"/>
  <c r="AD34360" i="1"/>
  <c r="AD34361" i="1"/>
  <c r="AD34362" i="1"/>
  <c r="AD34364" i="1"/>
  <c r="AD34365" i="1"/>
  <c r="AD34366" i="1"/>
  <c r="AD34367" i="1"/>
  <c r="AD34368" i="1"/>
  <c r="AD34369" i="1"/>
  <c r="AD34370" i="1"/>
  <c r="AD34371" i="1"/>
  <c r="AD34372" i="1"/>
  <c r="AD34373" i="1"/>
  <c r="AD34374" i="1"/>
  <c r="AD34376" i="1"/>
  <c r="AD34377" i="1"/>
  <c r="AD34378" i="1"/>
  <c r="AD34379" i="1"/>
  <c r="AD34380" i="1"/>
  <c r="AD34381" i="1"/>
  <c r="AD34382" i="1"/>
  <c r="AD34383" i="1"/>
  <c r="AD34384" i="1"/>
  <c r="AD34385" i="1"/>
  <c r="AD34386" i="1"/>
  <c r="AD34388" i="1"/>
  <c r="AD34389" i="1"/>
  <c r="AD34390" i="1"/>
  <c r="AD34391" i="1"/>
  <c r="AD34392" i="1"/>
  <c r="AD34393" i="1"/>
  <c r="AD34394" i="1"/>
  <c r="AD34395" i="1"/>
  <c r="AD34396" i="1"/>
  <c r="AD34397" i="1"/>
  <c r="AD34398" i="1"/>
  <c r="AD34400" i="1"/>
  <c r="AD34401" i="1"/>
  <c r="AD34402" i="1"/>
  <c r="AD34403" i="1"/>
  <c r="AD34404" i="1"/>
  <c r="AD34405" i="1"/>
  <c r="AD34406" i="1"/>
  <c r="AD34407" i="1"/>
  <c r="AD34408" i="1"/>
  <c r="AD34409" i="1"/>
  <c r="AD34410" i="1"/>
  <c r="AD34412" i="1"/>
  <c r="AD34413" i="1"/>
  <c r="AD34414" i="1"/>
  <c r="AD34415" i="1"/>
  <c r="AD34416" i="1"/>
  <c r="AD34417" i="1"/>
  <c r="AD34418" i="1"/>
  <c r="AD34419" i="1"/>
  <c r="AD34420" i="1"/>
  <c r="AD34421" i="1"/>
  <c r="AD34422" i="1"/>
  <c r="AD34424" i="1"/>
  <c r="AD34425" i="1"/>
  <c r="AD34426" i="1"/>
  <c r="AD34427" i="1"/>
  <c r="AD34428" i="1"/>
  <c r="AD34429" i="1"/>
  <c r="AD34430" i="1"/>
  <c r="AD34431" i="1"/>
  <c r="AD34432" i="1"/>
  <c r="AD34433" i="1"/>
  <c r="AD34434" i="1"/>
  <c r="AD34436" i="1"/>
  <c r="AD34437" i="1"/>
  <c r="AD34438" i="1"/>
  <c r="AD34439" i="1"/>
  <c r="AD34440" i="1"/>
  <c r="AD34441" i="1"/>
  <c r="AD34442" i="1"/>
  <c r="AD34443" i="1"/>
  <c r="AD34444" i="1"/>
  <c r="AD34445" i="1"/>
  <c r="AD34446" i="1"/>
  <c r="AD34448" i="1"/>
  <c r="AD34449" i="1"/>
  <c r="AD34450" i="1"/>
  <c r="AD34451" i="1"/>
  <c r="AD34452" i="1"/>
  <c r="AD34453" i="1"/>
  <c r="AD34454" i="1"/>
  <c r="AD34455" i="1"/>
  <c r="AD34456" i="1"/>
  <c r="AD34457" i="1"/>
  <c r="AD34458" i="1"/>
  <c r="AD34460" i="1"/>
  <c r="AD34461" i="1"/>
  <c r="AD34462" i="1"/>
  <c r="AD34463" i="1"/>
  <c r="AD34464" i="1"/>
  <c r="AD34465" i="1"/>
  <c r="AD34466" i="1"/>
  <c r="AD34467" i="1"/>
  <c r="AD34468" i="1"/>
  <c r="AD34469" i="1"/>
  <c r="AD34470" i="1"/>
  <c r="AD34472" i="1"/>
  <c r="AD34473" i="1"/>
  <c r="AD34474" i="1"/>
  <c r="AD34475" i="1"/>
  <c r="AD34476" i="1"/>
  <c r="AD34477" i="1"/>
  <c r="AD34478" i="1"/>
  <c r="AD34479" i="1"/>
  <c r="AD34480" i="1"/>
  <c r="AD34481" i="1"/>
  <c r="AD34482" i="1"/>
  <c r="AD34484" i="1"/>
  <c r="AD34485" i="1"/>
  <c r="AD34486" i="1"/>
  <c r="AD34487" i="1"/>
  <c r="AD34488" i="1"/>
  <c r="AD34489" i="1"/>
  <c r="AD34490" i="1"/>
  <c r="AD34491" i="1"/>
  <c r="AD34492" i="1"/>
  <c r="AD34493" i="1"/>
  <c r="AD34494" i="1"/>
  <c r="AD34496" i="1"/>
  <c r="AD34497" i="1"/>
  <c r="AD34498" i="1"/>
  <c r="AD34499" i="1"/>
  <c r="AD34500" i="1"/>
  <c r="AD34501" i="1"/>
  <c r="AD34502" i="1"/>
  <c r="AD34503" i="1"/>
  <c r="AD34504" i="1"/>
  <c r="AD34505" i="1"/>
  <c r="AD34506" i="1"/>
  <c r="AD34508" i="1"/>
  <c r="AD34509" i="1"/>
  <c r="AD34510" i="1"/>
  <c r="AD34511" i="1"/>
  <c r="AD34512" i="1"/>
  <c r="AD34513" i="1"/>
  <c r="AD34514" i="1"/>
  <c r="AD34515" i="1"/>
  <c r="AD34516" i="1"/>
  <c r="AD34517" i="1"/>
  <c r="AD34518" i="1"/>
  <c r="AD34520" i="1"/>
  <c r="AD34521" i="1"/>
  <c r="AD34522" i="1"/>
  <c r="AD34523" i="1"/>
  <c r="AD34524" i="1"/>
  <c r="AD34525" i="1"/>
  <c r="AD34526" i="1"/>
  <c r="AD34527" i="1"/>
  <c r="AD34528" i="1"/>
  <c r="AD34529" i="1"/>
  <c r="AD34530" i="1"/>
  <c r="AD34532" i="1"/>
  <c r="AD34533" i="1"/>
  <c r="AD34534" i="1"/>
  <c r="AD34535" i="1"/>
  <c r="AD34536" i="1"/>
  <c r="AD34537" i="1"/>
  <c r="AD34538" i="1"/>
  <c r="AD34539" i="1"/>
  <c r="AD34540" i="1"/>
  <c r="AD34541" i="1"/>
  <c r="AD34542" i="1"/>
  <c r="AD34544" i="1"/>
  <c r="AD34545" i="1"/>
  <c r="AD34546" i="1"/>
  <c r="AD34547" i="1"/>
  <c r="AD34548" i="1"/>
  <c r="AD34549" i="1"/>
  <c r="AD34550" i="1"/>
  <c r="AD34551" i="1"/>
  <c r="AD34552" i="1"/>
  <c r="AD34553" i="1"/>
  <c r="AD34554" i="1"/>
  <c r="AD34556" i="1"/>
  <c r="AD34557" i="1"/>
  <c r="AD34558" i="1"/>
  <c r="AD34559" i="1"/>
  <c r="AD34560" i="1"/>
  <c r="AD34561" i="1"/>
  <c r="AD34562" i="1"/>
  <c r="AD34563" i="1"/>
  <c r="AD34564" i="1"/>
  <c r="AD34565" i="1"/>
  <c r="AD34566" i="1"/>
  <c r="AD34568" i="1"/>
  <c r="AD34569" i="1"/>
  <c r="AD34570" i="1"/>
  <c r="AD34571" i="1"/>
  <c r="AD34572" i="1"/>
  <c r="AD34573" i="1"/>
  <c r="AD34574" i="1"/>
  <c r="AD34575" i="1"/>
  <c r="AD34576" i="1"/>
  <c r="AD34577" i="1"/>
  <c r="AD34578" i="1"/>
  <c r="AD34580" i="1"/>
  <c r="AD34581" i="1"/>
  <c r="AD34582" i="1"/>
  <c r="AD34583" i="1"/>
  <c r="AD34584" i="1"/>
  <c r="AD34585" i="1"/>
  <c r="AD34586" i="1"/>
  <c r="AD34587" i="1"/>
  <c r="AD34588" i="1"/>
  <c r="AD34589" i="1"/>
  <c r="AD34590" i="1"/>
  <c r="AD34592" i="1"/>
  <c r="AD34593" i="1"/>
  <c r="AD34594" i="1"/>
  <c r="AD34595" i="1"/>
  <c r="AD34596" i="1"/>
  <c r="AD34597" i="1"/>
  <c r="AD34598" i="1"/>
  <c r="AD34599" i="1"/>
  <c r="AD34600" i="1"/>
  <c r="AD34601" i="1"/>
  <c r="AD34602" i="1"/>
  <c r="AD34604" i="1"/>
  <c r="AD34605" i="1"/>
  <c r="AD34606" i="1"/>
  <c r="AD34607" i="1"/>
  <c r="AD34608" i="1"/>
  <c r="AD34609" i="1"/>
  <c r="AD34610" i="1"/>
  <c r="AD34611" i="1"/>
  <c r="AD34612" i="1"/>
  <c r="AD34613" i="1"/>
  <c r="AD34614" i="1"/>
  <c r="AD34616" i="1"/>
  <c r="AD34617" i="1"/>
  <c r="AD34618" i="1"/>
  <c r="AD34619" i="1"/>
  <c r="AD34620" i="1"/>
  <c r="AD34621" i="1"/>
  <c r="AD34622" i="1"/>
  <c r="AD34623" i="1"/>
  <c r="AD34624" i="1"/>
  <c r="AD34625" i="1"/>
  <c r="AD34626" i="1"/>
  <c r="AD34628" i="1"/>
  <c r="AD34629" i="1"/>
  <c r="AD34630" i="1"/>
  <c r="AD34631" i="1"/>
  <c r="AD34632" i="1"/>
  <c r="AD34633" i="1"/>
  <c r="AD34634" i="1"/>
  <c r="AD34635" i="1"/>
  <c r="AD34636" i="1"/>
  <c r="AD34637" i="1"/>
  <c r="AD34638" i="1"/>
  <c r="AD34640" i="1"/>
  <c r="AD34641" i="1"/>
  <c r="AD34642" i="1"/>
  <c r="AD34643" i="1"/>
  <c r="AD34644" i="1"/>
  <c r="AD34645" i="1"/>
  <c r="AD34646" i="1"/>
  <c r="AD34647" i="1"/>
  <c r="AD34648" i="1"/>
  <c r="AD34649" i="1"/>
  <c r="AD34650" i="1"/>
  <c r="AD34652" i="1"/>
  <c r="AD34653" i="1"/>
  <c r="AD34654" i="1"/>
  <c r="AD34655" i="1"/>
  <c r="AD34656" i="1"/>
  <c r="AD34657" i="1"/>
  <c r="AD34658" i="1"/>
  <c r="AD34659" i="1"/>
  <c r="AD34660" i="1"/>
  <c r="AD34661" i="1"/>
  <c r="AD34662" i="1"/>
  <c r="AD34664" i="1"/>
  <c r="AD34665" i="1"/>
  <c r="AD34666" i="1"/>
  <c r="AD34667" i="1"/>
  <c r="AD34668" i="1"/>
  <c r="AD34669" i="1"/>
  <c r="AD34670" i="1"/>
  <c r="AD34671" i="1"/>
  <c r="AD34672" i="1"/>
  <c r="AD34673" i="1"/>
  <c r="AD34674" i="1"/>
  <c r="AD34676" i="1"/>
  <c r="AD34677" i="1"/>
  <c r="AD34678" i="1"/>
  <c r="AD34679" i="1"/>
  <c r="AD34680" i="1"/>
  <c r="AD34681" i="1"/>
  <c r="AD34682" i="1"/>
  <c r="AD34683" i="1"/>
  <c r="AD34684" i="1"/>
  <c r="AD34685" i="1"/>
  <c r="AD34686" i="1"/>
  <c r="AD34688" i="1"/>
  <c r="AD34689" i="1"/>
  <c r="AD34690" i="1"/>
  <c r="AD34691" i="1"/>
  <c r="AD34692" i="1"/>
  <c r="AD34693" i="1"/>
  <c r="AD34694" i="1"/>
  <c r="AD34695" i="1"/>
  <c r="AD34696" i="1"/>
  <c r="AD34697" i="1"/>
  <c r="AD34698" i="1"/>
  <c r="AD34700" i="1"/>
  <c r="AD34701" i="1"/>
  <c r="AD34702" i="1"/>
  <c r="AD34703" i="1"/>
  <c r="AD34704" i="1"/>
  <c r="AD34705" i="1"/>
  <c r="AD34706" i="1"/>
  <c r="AD34707" i="1"/>
  <c r="AD34708" i="1"/>
  <c r="AD34709" i="1"/>
  <c r="AD34710" i="1"/>
  <c r="AD34712" i="1"/>
  <c r="AD34713" i="1"/>
  <c r="AD34714" i="1"/>
  <c r="AD34715" i="1"/>
  <c r="AD34716" i="1"/>
  <c r="AD34717" i="1"/>
  <c r="AD34718" i="1"/>
  <c r="AD34719" i="1"/>
  <c r="AD34720" i="1"/>
  <c r="AD34721" i="1"/>
  <c r="AD34722" i="1"/>
  <c r="AD34724" i="1"/>
  <c r="AD34725" i="1"/>
  <c r="AD34726" i="1"/>
  <c r="AD34727" i="1"/>
  <c r="AD34728" i="1"/>
  <c r="AD34729" i="1"/>
  <c r="AD34730" i="1"/>
  <c r="AD34731" i="1"/>
  <c r="AD34732" i="1"/>
  <c r="AD34733" i="1"/>
  <c r="AD34734" i="1"/>
  <c r="AD34736" i="1"/>
  <c r="AD34737" i="1"/>
  <c r="AD34738" i="1"/>
  <c r="AD34739" i="1"/>
  <c r="AD34740" i="1"/>
  <c r="AD34741" i="1"/>
  <c r="AD34742" i="1"/>
  <c r="AD34743" i="1"/>
  <c r="AD34744" i="1"/>
  <c r="AD34745" i="1"/>
  <c r="AD34746" i="1"/>
  <c r="AD34748" i="1"/>
  <c r="AD34749" i="1"/>
  <c r="AD34750" i="1"/>
  <c r="AD34751" i="1"/>
  <c r="AD34752" i="1"/>
  <c r="AD34753" i="1"/>
  <c r="AD34754" i="1"/>
  <c r="AD34755" i="1"/>
  <c r="AD34756" i="1"/>
  <c r="AD34757" i="1"/>
  <c r="AD34758" i="1"/>
  <c r="AD34760" i="1"/>
  <c r="AD34761" i="1"/>
  <c r="AD34762" i="1"/>
  <c r="AD34763" i="1"/>
  <c r="AD34764" i="1"/>
  <c r="AD34765" i="1"/>
  <c r="AD34766" i="1"/>
  <c r="AD34767" i="1"/>
  <c r="AD34768" i="1"/>
  <c r="AD34769" i="1"/>
  <c r="AD34770" i="1"/>
  <c r="AD34772" i="1"/>
  <c r="AD34773" i="1"/>
  <c r="AD34774" i="1"/>
  <c r="AD34775" i="1"/>
  <c r="AD34776" i="1"/>
  <c r="AD34777" i="1"/>
  <c r="AD34778" i="1"/>
  <c r="AD34779" i="1"/>
  <c r="AD34780" i="1"/>
  <c r="AD34781" i="1"/>
  <c r="AD34782" i="1"/>
  <c r="AD34784" i="1"/>
  <c r="AD34785" i="1"/>
  <c r="AD34786" i="1"/>
  <c r="AD34787" i="1"/>
  <c r="AD34788" i="1"/>
  <c r="AD34789" i="1"/>
  <c r="AD34790" i="1"/>
  <c r="AD34791" i="1"/>
  <c r="AD34792" i="1"/>
  <c r="AD34793" i="1"/>
  <c r="AD34794" i="1"/>
  <c r="AD34796" i="1"/>
  <c r="AD34797" i="1"/>
  <c r="AD34798" i="1"/>
  <c r="AD34799" i="1"/>
  <c r="AD34800" i="1"/>
  <c r="AD34801" i="1"/>
  <c r="AD34802" i="1"/>
  <c r="AD34803" i="1"/>
  <c r="AD34804" i="1"/>
  <c r="AD34805" i="1"/>
  <c r="AD34806" i="1"/>
  <c r="AD34808" i="1"/>
  <c r="AD34809" i="1"/>
  <c r="AD34810" i="1"/>
  <c r="AD34811" i="1"/>
  <c r="AD34812" i="1"/>
  <c r="AD34813" i="1"/>
  <c r="AD34814" i="1"/>
  <c r="AD34815" i="1"/>
  <c r="AD34816" i="1"/>
  <c r="AD34817" i="1"/>
  <c r="AD34818" i="1"/>
  <c r="AD34820" i="1"/>
  <c r="AD34821" i="1"/>
  <c r="AD34822" i="1"/>
  <c r="AD34823" i="1"/>
  <c r="AD34824" i="1"/>
  <c r="AD34825" i="1"/>
  <c r="AD34826" i="1"/>
  <c r="AD34827" i="1"/>
  <c r="AD34828" i="1"/>
  <c r="AD34829" i="1"/>
  <c r="AD34830" i="1"/>
  <c r="AD34832" i="1"/>
  <c r="AD34833" i="1"/>
  <c r="AD34834" i="1"/>
  <c r="AD34835" i="1"/>
  <c r="AD34836" i="1"/>
  <c r="AD34837" i="1"/>
  <c r="AD34838" i="1"/>
  <c r="AD34839" i="1"/>
  <c r="AD34840" i="1"/>
  <c r="AD34841" i="1"/>
  <c r="AD34842" i="1"/>
  <c r="AD34844" i="1"/>
  <c r="AD34845" i="1"/>
  <c r="AD34846" i="1"/>
  <c r="AD34847" i="1"/>
  <c r="AD34848" i="1"/>
  <c r="AD34849" i="1"/>
  <c r="AD34850" i="1"/>
  <c r="AD34851" i="1"/>
  <c r="AD34852" i="1"/>
  <c r="AD34853" i="1"/>
  <c r="AD34854" i="1"/>
  <c r="AD34856" i="1"/>
  <c r="AD34857" i="1"/>
  <c r="AD34858" i="1"/>
  <c r="AD34859" i="1"/>
  <c r="AD34860" i="1"/>
  <c r="AD34861" i="1"/>
  <c r="AD34862" i="1"/>
  <c r="AD34863" i="1"/>
  <c r="AD34864" i="1"/>
  <c r="AD34865" i="1"/>
  <c r="AD34866" i="1"/>
  <c r="AD34868" i="1"/>
  <c r="AD34869" i="1"/>
  <c r="AD34870" i="1"/>
  <c r="AD34871" i="1"/>
  <c r="AD34872" i="1"/>
  <c r="AD34873" i="1"/>
  <c r="AD34874" i="1"/>
  <c r="AD34875" i="1"/>
  <c r="AD34876" i="1"/>
  <c r="AD34877" i="1"/>
  <c r="AD34878" i="1"/>
  <c r="AD34880" i="1"/>
  <c r="AD34881" i="1"/>
  <c r="AD34882" i="1"/>
  <c r="AD34883" i="1"/>
  <c r="AD34884" i="1"/>
  <c r="AD34885" i="1"/>
  <c r="AD34886" i="1"/>
  <c r="AD34887" i="1"/>
  <c r="AD34888" i="1"/>
  <c r="AD34889" i="1"/>
  <c r="AD34890" i="1"/>
  <c r="AD34892" i="1"/>
  <c r="AD34893" i="1"/>
  <c r="AD34894" i="1"/>
  <c r="AD34895" i="1"/>
  <c r="AD34896" i="1"/>
  <c r="AD34897" i="1"/>
  <c r="AD34898" i="1"/>
  <c r="AD34899" i="1"/>
  <c r="AD34900" i="1"/>
  <c r="AD34901" i="1"/>
  <c r="AD34902" i="1"/>
  <c r="AD34904" i="1"/>
  <c r="AD34905" i="1"/>
  <c r="AD34906" i="1"/>
  <c r="AD34907" i="1"/>
  <c r="AD34908" i="1"/>
  <c r="AD34909" i="1"/>
  <c r="AD34910" i="1"/>
  <c r="AD34911" i="1"/>
  <c r="AD34912" i="1"/>
  <c r="AD34913" i="1"/>
  <c r="AD34914" i="1"/>
  <c r="AD34916" i="1"/>
  <c r="AD34917" i="1"/>
  <c r="AD34918" i="1"/>
  <c r="AD34919" i="1"/>
  <c r="AD34920" i="1"/>
  <c r="AD34921" i="1"/>
  <c r="AD34922" i="1"/>
  <c r="AD34923" i="1"/>
  <c r="AD34924" i="1"/>
  <c r="AD34925" i="1"/>
  <c r="AD34926" i="1"/>
  <c r="AD34928" i="1"/>
  <c r="AD34929" i="1"/>
  <c r="AD34930" i="1"/>
  <c r="AD34931" i="1"/>
  <c r="AD34932" i="1"/>
  <c r="AD34933" i="1"/>
  <c r="AD34934" i="1"/>
  <c r="AD34935" i="1"/>
  <c r="AD34936" i="1"/>
  <c r="AD34937" i="1"/>
  <c r="AD34938" i="1"/>
  <c r="AD34940" i="1"/>
  <c r="AD34941" i="1"/>
  <c r="AD34942" i="1"/>
  <c r="AD34943" i="1"/>
  <c r="AD34944" i="1"/>
  <c r="AD34945" i="1"/>
  <c r="AD34946" i="1"/>
  <c r="AD34947" i="1"/>
  <c r="AD34948" i="1"/>
  <c r="AD34949" i="1"/>
  <c r="AD34950" i="1"/>
  <c r="AD34952" i="1"/>
  <c r="AD34953" i="1"/>
  <c r="AD34954" i="1"/>
  <c r="AD34955" i="1"/>
  <c r="AD34956" i="1"/>
  <c r="AD34957" i="1"/>
  <c r="AD34958" i="1"/>
  <c r="AD34959" i="1"/>
  <c r="AD34960" i="1"/>
  <c r="AD34961" i="1"/>
  <c r="AD34962" i="1"/>
  <c r="AD34964" i="1"/>
  <c r="AD34965" i="1"/>
  <c r="AD34966" i="1"/>
  <c r="AD34967" i="1"/>
  <c r="AD34968" i="1"/>
  <c r="AD34969" i="1"/>
  <c r="AD34970" i="1"/>
  <c r="AD34971" i="1"/>
  <c r="AD34972" i="1"/>
  <c r="AD34973" i="1"/>
  <c r="AD34974" i="1"/>
  <c r="AD34976" i="1"/>
  <c r="AD34977" i="1"/>
  <c r="AD34978" i="1"/>
  <c r="AD34979" i="1"/>
  <c r="AD34980" i="1"/>
  <c r="AD34981" i="1"/>
  <c r="AD34982" i="1"/>
  <c r="AD34983" i="1"/>
  <c r="AD34984" i="1"/>
  <c r="AD34985" i="1"/>
  <c r="AD34986" i="1"/>
  <c r="AD34988" i="1"/>
  <c r="AD34989" i="1"/>
  <c r="AD34990" i="1"/>
  <c r="AD34991" i="1"/>
  <c r="AD34992" i="1"/>
  <c r="AD34993" i="1"/>
  <c r="AD34994" i="1"/>
  <c r="AD34995" i="1"/>
  <c r="AD34996" i="1"/>
  <c r="AD34997" i="1"/>
  <c r="AD34998" i="1"/>
  <c r="AD35000" i="1"/>
  <c r="AD35001" i="1"/>
  <c r="AD35002" i="1"/>
  <c r="AD35003" i="1"/>
  <c r="AD35004" i="1"/>
  <c r="AD35005" i="1"/>
  <c r="AD35006" i="1"/>
  <c r="AD35007" i="1"/>
  <c r="AD35008" i="1"/>
  <c r="AD35009" i="1"/>
  <c r="AD35010" i="1"/>
  <c r="AD35012" i="1"/>
  <c r="AD35013" i="1"/>
  <c r="AD35014" i="1"/>
  <c r="AD35015" i="1"/>
  <c r="AD35016" i="1"/>
  <c r="AD35017" i="1"/>
  <c r="AD35018" i="1"/>
  <c r="AD35019" i="1"/>
  <c r="AD35020" i="1"/>
  <c r="AD35021" i="1"/>
  <c r="AD35022" i="1"/>
  <c r="AD35024" i="1"/>
  <c r="AD35025" i="1"/>
  <c r="AD35026" i="1"/>
  <c r="AD35027" i="1"/>
  <c r="AD35028" i="1"/>
  <c r="AD35029" i="1"/>
  <c r="AD35030" i="1"/>
  <c r="AD35031" i="1"/>
  <c r="AD35032" i="1"/>
  <c r="AD35033" i="1"/>
  <c r="AD35034" i="1"/>
  <c r="AD35036" i="1"/>
  <c r="AD35037" i="1"/>
  <c r="AD35038" i="1"/>
  <c r="AD35039" i="1"/>
  <c r="AD35040" i="1"/>
  <c r="AD35041" i="1"/>
  <c r="AD35042" i="1"/>
  <c r="AD35043" i="1"/>
  <c r="AD35044" i="1"/>
  <c r="AD35045" i="1"/>
  <c r="AD35046" i="1"/>
  <c r="AD35048" i="1"/>
  <c r="AD35049" i="1"/>
  <c r="AD35050" i="1"/>
  <c r="AD35051" i="1"/>
  <c r="AD35052" i="1"/>
  <c r="AD35053" i="1"/>
  <c r="AD35054" i="1"/>
  <c r="AD35055" i="1"/>
  <c r="AD35056" i="1"/>
  <c r="AD35057" i="1"/>
  <c r="AD35058" i="1"/>
  <c r="AD35060" i="1"/>
  <c r="AD35061" i="1"/>
  <c r="AD35062" i="1"/>
  <c r="AD35063" i="1"/>
  <c r="AD35064" i="1"/>
  <c r="AD35065" i="1"/>
  <c r="AD35066" i="1"/>
  <c r="AD35067" i="1"/>
  <c r="AD35068" i="1"/>
  <c r="AD35069" i="1"/>
  <c r="AD35070" i="1"/>
  <c r="AD35072" i="1"/>
  <c r="AD35073" i="1"/>
  <c r="AD35074" i="1"/>
  <c r="AD35075" i="1"/>
  <c r="AD35076" i="1"/>
  <c r="AD35077" i="1"/>
  <c r="AD35078" i="1"/>
  <c r="AD35079" i="1"/>
  <c r="AD35080" i="1"/>
  <c r="AD35081" i="1"/>
  <c r="AD35082" i="1"/>
  <c r="AD35084" i="1"/>
  <c r="AD35085" i="1"/>
  <c r="AD35086" i="1"/>
  <c r="AD35087" i="1"/>
  <c r="AD35088" i="1"/>
  <c r="AD35089" i="1"/>
  <c r="AD35090" i="1"/>
  <c r="AD35091" i="1"/>
  <c r="AD35092" i="1"/>
  <c r="AD35093" i="1"/>
  <c r="AD35094" i="1"/>
  <c r="AD35096" i="1"/>
  <c r="AD35097" i="1"/>
  <c r="AD35098" i="1"/>
  <c r="AD35099" i="1"/>
  <c r="AD35100" i="1"/>
  <c r="AD35101" i="1"/>
  <c r="AD35102" i="1"/>
  <c r="AD35103" i="1"/>
  <c r="AD35104" i="1"/>
  <c r="AD35105" i="1"/>
  <c r="AD35106" i="1"/>
  <c r="AD35108" i="1"/>
  <c r="AD35109" i="1"/>
  <c r="AD35110" i="1"/>
  <c r="AD35111" i="1"/>
  <c r="AD35112" i="1"/>
  <c r="AD35113" i="1"/>
  <c r="AD35114" i="1"/>
  <c r="AD35115" i="1"/>
  <c r="AD35116" i="1"/>
  <c r="AD35117" i="1"/>
  <c r="AD35118" i="1"/>
  <c r="AD35120" i="1"/>
  <c r="AD35121" i="1"/>
  <c r="AD35122" i="1"/>
  <c r="AD35123" i="1"/>
  <c r="AD35124" i="1"/>
  <c r="AD35125" i="1"/>
  <c r="AD35126" i="1"/>
  <c r="AD35127" i="1"/>
  <c r="AD35128" i="1"/>
  <c r="AD35129" i="1"/>
  <c r="AD35130" i="1"/>
  <c r="AD35132" i="1"/>
  <c r="AD35133" i="1"/>
  <c r="AD35134" i="1"/>
  <c r="AD35135" i="1"/>
  <c r="AD35136" i="1"/>
  <c r="AD35137" i="1"/>
  <c r="AD35138" i="1"/>
  <c r="AD35139" i="1"/>
  <c r="AD35140" i="1"/>
  <c r="AD35141" i="1"/>
  <c r="AD35142" i="1"/>
  <c r="AD35144" i="1"/>
  <c r="AD35145" i="1"/>
  <c r="AD35146" i="1"/>
  <c r="AD35147" i="1"/>
  <c r="AD35148" i="1"/>
  <c r="AD35149" i="1"/>
  <c r="AD35150" i="1"/>
  <c r="AD35151" i="1"/>
  <c r="AD35152" i="1"/>
  <c r="AD35153" i="1"/>
  <c r="AD35154" i="1"/>
  <c r="AD35156" i="1"/>
  <c r="AD35157" i="1"/>
  <c r="AD35158" i="1"/>
  <c r="AD35159" i="1"/>
  <c r="AD35160" i="1"/>
  <c r="AD35161" i="1"/>
  <c r="AD35162" i="1"/>
  <c r="AD35163" i="1"/>
  <c r="AD35164" i="1"/>
  <c r="AD35165" i="1"/>
  <c r="AD35166" i="1"/>
  <c r="AD35168" i="1"/>
  <c r="AD35169" i="1"/>
  <c r="AD35170" i="1"/>
  <c r="AD35171" i="1"/>
  <c r="AD35172" i="1"/>
  <c r="AD35173" i="1"/>
  <c r="AD35174" i="1"/>
  <c r="AD35175" i="1"/>
  <c r="AD35176" i="1"/>
  <c r="AD35177" i="1"/>
  <c r="AD35178" i="1"/>
  <c r="AD35180" i="1"/>
  <c r="AD35181" i="1"/>
  <c r="AD35182" i="1"/>
  <c r="AD35183" i="1"/>
  <c r="AD35184" i="1"/>
  <c r="AD35185" i="1"/>
  <c r="AD35186" i="1"/>
  <c r="AD35187" i="1"/>
  <c r="AD35188" i="1"/>
  <c r="AD35189" i="1"/>
  <c r="AD35190" i="1"/>
  <c r="AD35192" i="1"/>
  <c r="AD35193" i="1"/>
  <c r="AD35194" i="1"/>
  <c r="AD35195" i="1"/>
  <c r="AD35196" i="1"/>
  <c r="AD35197" i="1"/>
  <c r="AD35198" i="1"/>
  <c r="AD35199" i="1"/>
  <c r="AD35200" i="1"/>
  <c r="AD35201" i="1"/>
  <c r="AD35202" i="1"/>
  <c r="AD35204" i="1"/>
  <c r="AD35205" i="1"/>
  <c r="AD35206" i="1"/>
  <c r="AD35207" i="1"/>
  <c r="AD35208" i="1"/>
  <c r="AD35209" i="1"/>
  <c r="AD35210" i="1"/>
  <c r="AD35211" i="1"/>
  <c r="AD35212" i="1"/>
  <c r="AD35213" i="1"/>
  <c r="AD35214" i="1"/>
  <c r="AD35216" i="1"/>
  <c r="AD35217" i="1"/>
  <c r="AD35218" i="1"/>
  <c r="AD35219" i="1"/>
  <c r="AD35220" i="1"/>
  <c r="AD35221" i="1"/>
  <c r="AD35222" i="1"/>
  <c r="AD35223" i="1"/>
  <c r="AD35224" i="1"/>
  <c r="AD35225" i="1"/>
  <c r="AD35226" i="1"/>
  <c r="AD35228" i="1"/>
  <c r="AD35229" i="1"/>
  <c r="AD35230" i="1"/>
  <c r="AD35231" i="1"/>
  <c r="AD35232" i="1"/>
  <c r="AD35233" i="1"/>
  <c r="AD35234" i="1"/>
  <c r="AD35235" i="1"/>
  <c r="AD35236" i="1"/>
  <c r="AD35237" i="1"/>
  <c r="AD35238" i="1"/>
  <c r="AD35240" i="1"/>
  <c r="AD35241" i="1"/>
  <c r="AD35242" i="1"/>
  <c r="AD35243" i="1"/>
  <c r="AD35244" i="1"/>
  <c r="AD35245" i="1"/>
  <c r="AD35246" i="1"/>
  <c r="AD35247" i="1"/>
  <c r="AD35248" i="1"/>
  <c r="AD35249" i="1"/>
  <c r="AD35250" i="1"/>
  <c r="AD35252" i="1"/>
  <c r="AD35253" i="1"/>
  <c r="AD35254" i="1"/>
  <c r="AD35255" i="1"/>
  <c r="AD35256" i="1"/>
  <c r="AD35257" i="1"/>
  <c r="AD35258" i="1"/>
  <c r="AD35259" i="1"/>
  <c r="AD35260" i="1"/>
  <c r="AD35261" i="1"/>
  <c r="AD35262" i="1"/>
  <c r="AD35264" i="1"/>
  <c r="AD35265" i="1"/>
  <c r="AD35266" i="1"/>
  <c r="AD35267" i="1"/>
  <c r="AD35268" i="1"/>
  <c r="AD35269" i="1"/>
  <c r="AD35270" i="1"/>
  <c r="AD35271" i="1"/>
  <c r="AD35272" i="1"/>
  <c r="AD35273" i="1"/>
  <c r="AD35274" i="1"/>
  <c r="AD35276" i="1"/>
  <c r="AD35277" i="1"/>
  <c r="AD35278" i="1"/>
  <c r="AD35279" i="1"/>
  <c r="AD35280" i="1"/>
  <c r="AD35281" i="1"/>
  <c r="AD35282" i="1"/>
  <c r="AD35283" i="1"/>
  <c r="AD35284" i="1"/>
  <c r="AD35285" i="1"/>
  <c r="AD35286" i="1"/>
  <c r="AD35288" i="1"/>
  <c r="AD35289" i="1"/>
  <c r="AD35290" i="1"/>
  <c r="AD35291" i="1"/>
  <c r="AD35292" i="1"/>
  <c r="AD35293" i="1"/>
  <c r="AD35294" i="1"/>
  <c r="AD35295" i="1"/>
  <c r="AD35296" i="1"/>
  <c r="AD35297" i="1"/>
  <c r="AD35298" i="1"/>
  <c r="AD35300" i="1"/>
  <c r="AD35301" i="1"/>
  <c r="AD35302" i="1"/>
  <c r="AD35303" i="1"/>
  <c r="AD35304" i="1"/>
  <c r="AD35305" i="1"/>
  <c r="AD35306" i="1"/>
  <c r="AD35307" i="1"/>
  <c r="AD35308" i="1"/>
  <c r="AD35309" i="1"/>
  <c r="AD35310" i="1"/>
  <c r="AD35312" i="1"/>
  <c r="AD35313" i="1"/>
  <c r="AD35314" i="1"/>
  <c r="AD35315" i="1"/>
  <c r="AD35316" i="1"/>
  <c r="AD35317" i="1"/>
  <c r="AD35318" i="1"/>
  <c r="AD35319" i="1"/>
  <c r="AD35320" i="1"/>
  <c r="AD35321" i="1"/>
  <c r="AD35322" i="1"/>
  <c r="AD35324" i="1"/>
  <c r="AD35325" i="1"/>
  <c r="AD35326" i="1"/>
  <c r="AD35327" i="1"/>
  <c r="AD35328" i="1"/>
  <c r="AD35329" i="1"/>
  <c r="AD35330" i="1"/>
  <c r="AD35331" i="1"/>
  <c r="AD35332" i="1"/>
  <c r="AD35333" i="1"/>
  <c r="AD35334" i="1"/>
  <c r="AD35336" i="1"/>
  <c r="AD35337" i="1"/>
  <c r="AD35338" i="1"/>
  <c r="AD35339" i="1"/>
  <c r="AD35340" i="1"/>
  <c r="AD35341" i="1"/>
  <c r="AD35342" i="1"/>
  <c r="AD35343" i="1"/>
  <c r="AD35344" i="1"/>
  <c r="AD35345" i="1"/>
  <c r="AD35346" i="1"/>
  <c r="AD35348" i="1"/>
  <c r="AD35349" i="1"/>
  <c r="AD35350" i="1"/>
  <c r="AD35351" i="1"/>
  <c r="AD35352" i="1"/>
  <c r="AD35353" i="1"/>
  <c r="AD35354" i="1"/>
  <c r="AD35355" i="1"/>
  <c r="AD35356" i="1"/>
  <c r="AD35357" i="1"/>
  <c r="AD35358" i="1"/>
  <c r="AD35360" i="1"/>
  <c r="AD35361" i="1"/>
  <c r="AD35362" i="1"/>
  <c r="AD35363" i="1"/>
  <c r="AD35364" i="1"/>
  <c r="AD35365" i="1"/>
  <c r="AD35366" i="1"/>
  <c r="AD35367" i="1"/>
  <c r="AD35368" i="1"/>
  <c r="AD35369" i="1"/>
  <c r="AD35370" i="1"/>
  <c r="AD35372" i="1"/>
  <c r="AD35373" i="1"/>
  <c r="AD35374" i="1"/>
  <c r="AD35375" i="1"/>
  <c r="AD35376" i="1"/>
  <c r="AD35377" i="1"/>
  <c r="AD35378" i="1"/>
  <c r="AD35379" i="1"/>
  <c r="AD35380" i="1"/>
  <c r="AD35381" i="1"/>
  <c r="AD35382" i="1"/>
  <c r="AD35384" i="1"/>
  <c r="AD35385" i="1"/>
  <c r="AD35386" i="1"/>
  <c r="AD35387" i="1"/>
  <c r="AD35388" i="1"/>
  <c r="AD35389" i="1"/>
  <c r="AD35390" i="1"/>
  <c r="AD35391" i="1"/>
  <c r="AD35392" i="1"/>
  <c r="AD35393" i="1"/>
  <c r="AD35394" i="1"/>
  <c r="AD35396" i="1"/>
  <c r="AD35397" i="1"/>
  <c r="AD35398" i="1"/>
  <c r="AD35399" i="1"/>
  <c r="AD35400" i="1"/>
  <c r="AD35401" i="1"/>
  <c r="AD35402" i="1"/>
  <c r="AD35403" i="1"/>
  <c r="AD35404" i="1"/>
  <c r="AD35405" i="1"/>
  <c r="AD35406" i="1"/>
  <c r="AD35408" i="1"/>
  <c r="AD35409" i="1"/>
  <c r="AD35410" i="1"/>
  <c r="AD35411" i="1"/>
  <c r="AD35412" i="1"/>
  <c r="AD35413" i="1"/>
  <c r="AD35414" i="1"/>
  <c r="AD35415" i="1"/>
  <c r="AD35416" i="1"/>
  <c r="AD35417" i="1"/>
  <c r="AD35418" i="1"/>
  <c r="AD35420" i="1"/>
  <c r="AD35421" i="1"/>
  <c r="AD35422" i="1"/>
  <c r="AD35423" i="1"/>
  <c r="AD35424" i="1"/>
  <c r="AD35425" i="1"/>
  <c r="AD35426" i="1"/>
  <c r="AD35427" i="1"/>
  <c r="AD35428" i="1"/>
  <c r="AD35429" i="1"/>
  <c r="AD35430" i="1"/>
  <c r="AD35432" i="1"/>
  <c r="AD35433" i="1"/>
  <c r="AD35434" i="1"/>
  <c r="AD35435" i="1"/>
  <c r="AD35436" i="1"/>
  <c r="AD35437" i="1"/>
  <c r="AD35438" i="1"/>
  <c r="AD35439" i="1"/>
  <c r="AD35440" i="1"/>
  <c r="AD35441" i="1"/>
  <c r="AD35442" i="1"/>
  <c r="AD35444" i="1"/>
  <c r="AD35445" i="1"/>
  <c r="AD35446" i="1"/>
  <c r="AD35447" i="1"/>
  <c r="AD35448" i="1"/>
  <c r="AD35449" i="1"/>
  <c r="AD35450" i="1"/>
  <c r="AD35451" i="1"/>
  <c r="AD35452" i="1"/>
  <c r="AD35453" i="1"/>
  <c r="AD35454" i="1"/>
  <c r="AD35456" i="1"/>
  <c r="AD35457" i="1"/>
  <c r="AD35458" i="1"/>
  <c r="AD35459" i="1"/>
  <c r="AD35460" i="1"/>
  <c r="AD35461" i="1"/>
  <c r="AD35462" i="1"/>
  <c r="AD35463" i="1"/>
  <c r="AD35464" i="1"/>
  <c r="AD35465" i="1"/>
  <c r="AD35466" i="1"/>
  <c r="AD35468" i="1"/>
  <c r="AD35469" i="1"/>
  <c r="AD35470" i="1"/>
  <c r="AD35471" i="1"/>
  <c r="AD35472" i="1"/>
  <c r="AD35473" i="1"/>
  <c r="AD35474" i="1"/>
  <c r="AD35475" i="1"/>
  <c r="AD35476" i="1"/>
  <c r="AD35477" i="1"/>
  <c r="AD35478" i="1"/>
  <c r="AD35480" i="1"/>
  <c r="AD35481" i="1"/>
  <c r="AD35482" i="1"/>
  <c r="AD35483" i="1"/>
  <c r="AD35484" i="1"/>
  <c r="AD35485" i="1"/>
  <c r="AD35486" i="1"/>
  <c r="AD35487" i="1"/>
  <c r="AD35488" i="1"/>
  <c r="AD35489" i="1"/>
  <c r="AD35490" i="1"/>
  <c r="AD35492" i="1"/>
  <c r="AD35493" i="1"/>
  <c r="AD35494" i="1"/>
  <c r="AD35495" i="1"/>
  <c r="AD35496" i="1"/>
  <c r="AD35497" i="1"/>
  <c r="AD35498" i="1"/>
  <c r="AD35499" i="1"/>
  <c r="AD35500" i="1"/>
  <c r="AD35501" i="1"/>
  <c r="AD35502" i="1"/>
  <c r="AD35504" i="1"/>
  <c r="AD35505" i="1"/>
  <c r="AD35506" i="1"/>
  <c r="AD35507" i="1"/>
  <c r="AD35508" i="1"/>
  <c r="AD35509" i="1"/>
  <c r="AD35510" i="1"/>
  <c r="AD35511" i="1"/>
  <c r="AD35512" i="1"/>
  <c r="AD35513" i="1"/>
  <c r="AD35514" i="1"/>
  <c r="AD35516" i="1"/>
  <c r="AD35517" i="1"/>
  <c r="AD35518" i="1"/>
  <c r="AD35519" i="1"/>
  <c r="AD35520" i="1"/>
  <c r="AD35521" i="1"/>
  <c r="AD35522" i="1"/>
  <c r="AD35523" i="1"/>
  <c r="AD35524" i="1"/>
  <c r="AD35525" i="1"/>
  <c r="AD35526" i="1"/>
  <c r="AD35528" i="1"/>
  <c r="AD35529" i="1"/>
  <c r="AD35530" i="1"/>
  <c r="AD35531" i="1"/>
  <c r="AD35532" i="1"/>
  <c r="AD35533" i="1"/>
  <c r="AD35534" i="1"/>
  <c r="AD35535" i="1"/>
  <c r="AD35536" i="1"/>
  <c r="AD35537" i="1"/>
  <c r="AD35538" i="1"/>
  <c r="AD35540" i="1"/>
  <c r="AD35541" i="1"/>
  <c r="AD35542" i="1"/>
  <c r="AD35543" i="1"/>
  <c r="AD35544" i="1"/>
  <c r="AD35545" i="1"/>
  <c r="AD35546" i="1"/>
  <c r="AD35547" i="1"/>
  <c r="AD35548" i="1"/>
  <c r="AD35549" i="1"/>
  <c r="AD35550" i="1"/>
  <c r="AD35552" i="1"/>
  <c r="AD35553" i="1"/>
  <c r="AD35554" i="1"/>
  <c r="AD35555" i="1"/>
  <c r="AD35556" i="1"/>
  <c r="AD35557" i="1"/>
  <c r="AD35558" i="1"/>
  <c r="AD35559" i="1"/>
  <c r="AD35560" i="1"/>
  <c r="AD35561" i="1"/>
  <c r="AD35562" i="1"/>
  <c r="AD35564" i="1"/>
  <c r="AD35565" i="1"/>
  <c r="AD35566" i="1"/>
  <c r="AD35567" i="1"/>
  <c r="AD35568" i="1"/>
  <c r="AD35569" i="1"/>
  <c r="AD35570" i="1"/>
  <c r="AD35571" i="1"/>
  <c r="AD35572" i="1"/>
  <c r="AD35573" i="1"/>
  <c r="AD35574" i="1"/>
  <c r="AD35576" i="1"/>
  <c r="AD35577" i="1"/>
  <c r="AD35578" i="1"/>
  <c r="AD35579" i="1"/>
  <c r="AD35580" i="1"/>
  <c r="AD35581" i="1"/>
  <c r="AD35582" i="1"/>
  <c r="AD35583" i="1"/>
  <c r="AD35584" i="1"/>
  <c r="AD35585" i="1"/>
  <c r="AD35586" i="1"/>
  <c r="AD35588" i="1"/>
  <c r="AD35589" i="1"/>
  <c r="AD35590" i="1"/>
  <c r="AD35591" i="1"/>
  <c r="AD35592" i="1"/>
  <c r="AD35593" i="1"/>
  <c r="AD35594" i="1"/>
  <c r="AD35595" i="1"/>
  <c r="AD35596" i="1"/>
  <c r="AD35597" i="1"/>
  <c r="AD35598" i="1"/>
  <c r="AD35600" i="1"/>
  <c r="AD35601" i="1"/>
  <c r="AD35602" i="1"/>
  <c r="AD35603" i="1"/>
  <c r="AD35604" i="1"/>
  <c r="AD35605" i="1"/>
  <c r="AD35606" i="1"/>
  <c r="AD35607" i="1"/>
  <c r="AD35608" i="1"/>
  <c r="AD35609" i="1"/>
  <c r="AD35610" i="1"/>
  <c r="AD35612" i="1"/>
  <c r="AD35613" i="1"/>
  <c r="AD35614" i="1"/>
  <c r="AD35615" i="1"/>
  <c r="AD35616" i="1"/>
  <c r="AD35617" i="1"/>
  <c r="AD35618" i="1"/>
  <c r="AD35619" i="1"/>
  <c r="AD35620" i="1"/>
  <c r="AD35621" i="1"/>
  <c r="AD35622" i="1"/>
  <c r="AD35624" i="1"/>
  <c r="AD35625" i="1"/>
  <c r="AD35626" i="1"/>
  <c r="AD35627" i="1"/>
  <c r="AD35628" i="1"/>
  <c r="AD35629" i="1"/>
  <c r="AD35630" i="1"/>
  <c r="AD35631" i="1"/>
  <c r="AD35632" i="1"/>
  <c r="AD35633" i="1"/>
  <c r="AD35634" i="1"/>
  <c r="AD35636" i="1"/>
  <c r="AD35637" i="1"/>
  <c r="AD35638" i="1"/>
  <c r="AD35639" i="1"/>
  <c r="AD35640" i="1"/>
  <c r="AD35641" i="1"/>
  <c r="AD35642" i="1"/>
  <c r="AD35643" i="1"/>
  <c r="AD35644" i="1"/>
  <c r="AD35645" i="1"/>
  <c r="AD35646" i="1"/>
  <c r="AD35648" i="1"/>
  <c r="AD35649" i="1"/>
  <c r="AD35650" i="1"/>
  <c r="AD35651" i="1"/>
  <c r="AD35652" i="1"/>
  <c r="AD35653" i="1"/>
  <c r="AD35654" i="1"/>
  <c r="AD35655" i="1"/>
  <c r="AD35656" i="1"/>
  <c r="AD35657" i="1"/>
  <c r="AD35658" i="1"/>
  <c r="AD35660" i="1"/>
  <c r="AD35661" i="1"/>
  <c r="AD35662" i="1"/>
  <c r="AD35663" i="1"/>
  <c r="AD35664" i="1"/>
  <c r="AD35665" i="1"/>
  <c r="AD35666" i="1"/>
  <c r="AD35667" i="1"/>
  <c r="AD35668" i="1"/>
  <c r="AD35669" i="1"/>
  <c r="AD35670" i="1"/>
  <c r="AD35672" i="1"/>
  <c r="AD35673" i="1"/>
  <c r="AD35674" i="1"/>
  <c r="AD35675" i="1"/>
  <c r="AD35676" i="1"/>
  <c r="AD35677" i="1"/>
  <c r="AD35678" i="1"/>
  <c r="AD35679" i="1"/>
  <c r="AD35680" i="1"/>
  <c r="AD35681" i="1"/>
  <c r="AD35682" i="1"/>
  <c r="AD35684" i="1"/>
  <c r="AD35685" i="1"/>
  <c r="AD35686" i="1"/>
  <c r="AD35687" i="1"/>
  <c r="AD35688" i="1"/>
  <c r="AD35689" i="1"/>
  <c r="AD35690" i="1"/>
  <c r="AD35691" i="1"/>
  <c r="AD35692" i="1"/>
  <c r="AD35693" i="1"/>
  <c r="AD35694" i="1"/>
  <c r="AD35696" i="1"/>
  <c r="AD35697" i="1"/>
  <c r="AD35698" i="1"/>
  <c r="AD35699" i="1"/>
  <c r="AD35700" i="1"/>
  <c r="AD35701" i="1"/>
  <c r="AD35702" i="1"/>
  <c r="AD35703" i="1"/>
  <c r="AD35704" i="1"/>
  <c r="AD35705" i="1"/>
  <c r="AD35706" i="1"/>
  <c r="AD35708" i="1"/>
  <c r="AD35709" i="1"/>
  <c r="AD35710" i="1"/>
  <c r="AD35711" i="1"/>
  <c r="AD35712" i="1"/>
  <c r="AD35713" i="1"/>
  <c r="AD35714" i="1"/>
  <c r="AD35715" i="1"/>
  <c r="AD35716" i="1"/>
  <c r="AD35717" i="1"/>
  <c r="AD35718" i="1"/>
  <c r="AD35720" i="1"/>
  <c r="AD35721" i="1"/>
  <c r="AD35722" i="1"/>
  <c r="AD35723" i="1"/>
  <c r="AD35724" i="1"/>
  <c r="AD35725" i="1"/>
  <c r="AD35726" i="1"/>
  <c r="AD35727" i="1"/>
  <c r="AD35728" i="1"/>
  <c r="AD35729" i="1"/>
  <c r="AD35730" i="1"/>
  <c r="AD35732" i="1"/>
  <c r="AD35733" i="1"/>
  <c r="AD35734" i="1"/>
  <c r="AD35735" i="1"/>
  <c r="AD35736" i="1"/>
  <c r="AD35737" i="1"/>
  <c r="AD35738" i="1"/>
  <c r="AD35739" i="1"/>
  <c r="AD35740" i="1"/>
  <c r="AD35741" i="1"/>
  <c r="AD35742" i="1"/>
  <c r="AD35744" i="1"/>
  <c r="AD35745" i="1"/>
  <c r="AD35746" i="1"/>
  <c r="AD35747" i="1"/>
  <c r="AD35748" i="1"/>
  <c r="AD35749" i="1"/>
  <c r="AD35750" i="1"/>
  <c r="AD35751" i="1"/>
  <c r="AD35752" i="1"/>
  <c r="AD35753" i="1"/>
  <c r="AD35754" i="1"/>
  <c r="AD35756" i="1"/>
  <c r="AD35757" i="1"/>
  <c r="AD35758" i="1"/>
  <c r="AD35759" i="1"/>
  <c r="AD35760" i="1"/>
  <c r="AD35761" i="1"/>
  <c r="AD35762" i="1"/>
  <c r="AD35763" i="1"/>
  <c r="AD35764" i="1"/>
  <c r="AD35765" i="1"/>
  <c r="AD35766" i="1"/>
  <c r="AD35768" i="1"/>
  <c r="AD35769" i="1"/>
  <c r="AD35770" i="1"/>
  <c r="AD35771" i="1"/>
  <c r="AD35772" i="1"/>
  <c r="AD35773" i="1"/>
  <c r="AD35774" i="1"/>
  <c r="AD35775" i="1"/>
  <c r="AD35776" i="1"/>
  <c r="AD35777" i="1"/>
  <c r="AD35778" i="1"/>
  <c r="AD35780" i="1"/>
  <c r="AD35781" i="1"/>
  <c r="AD35782" i="1"/>
  <c r="AD35783" i="1"/>
  <c r="AD35784" i="1"/>
  <c r="AD35785" i="1"/>
  <c r="AD35786" i="1"/>
  <c r="AD35787" i="1"/>
  <c r="AD35788" i="1"/>
  <c r="AD35789" i="1"/>
  <c r="AD35790" i="1"/>
  <c r="AD35792" i="1"/>
  <c r="AD35793" i="1"/>
  <c r="AD35794" i="1"/>
  <c r="AD35795" i="1"/>
  <c r="AD35796" i="1"/>
  <c r="AD35797" i="1"/>
  <c r="AD35798" i="1"/>
  <c r="AD35799" i="1"/>
  <c r="AD35800" i="1"/>
  <c r="AD35801" i="1"/>
  <c r="AD35802" i="1"/>
  <c r="AD35804" i="1"/>
  <c r="AD35805" i="1"/>
  <c r="AD35806" i="1"/>
  <c r="AD35807" i="1"/>
  <c r="AD35808" i="1"/>
  <c r="AD35809" i="1"/>
  <c r="AD35810" i="1"/>
  <c r="AD35811" i="1"/>
  <c r="AD35812" i="1"/>
  <c r="AD35813" i="1"/>
  <c r="AD35814" i="1"/>
  <c r="AD35816" i="1"/>
  <c r="AD35817" i="1"/>
  <c r="AD35818" i="1"/>
  <c r="AD35819" i="1"/>
  <c r="AD35820" i="1"/>
  <c r="AD35821" i="1"/>
  <c r="AD35822" i="1"/>
  <c r="AD35823" i="1"/>
  <c r="AD35824" i="1"/>
  <c r="AD35825" i="1"/>
  <c r="AD35826" i="1"/>
  <c r="AD35828" i="1"/>
  <c r="AD35829" i="1"/>
  <c r="AD35830" i="1"/>
  <c r="AD35831" i="1"/>
  <c r="AD35832" i="1"/>
  <c r="AD35833" i="1"/>
  <c r="AD35834" i="1"/>
  <c r="AD35835" i="1"/>
  <c r="AD35836" i="1"/>
  <c r="AD35837" i="1"/>
  <c r="AD35838" i="1"/>
  <c r="AD35840" i="1"/>
  <c r="AD35841" i="1"/>
  <c r="AD35842" i="1"/>
  <c r="AD35843" i="1"/>
  <c r="AD35844" i="1"/>
  <c r="AD35845" i="1"/>
  <c r="AD35846" i="1"/>
  <c r="AD35847" i="1"/>
  <c r="AD35848" i="1"/>
  <c r="AD35849" i="1"/>
  <c r="AD35850" i="1"/>
  <c r="AD35852" i="1"/>
  <c r="AD35853" i="1"/>
  <c r="AD35854" i="1"/>
  <c r="AD35855" i="1"/>
  <c r="AD35856" i="1"/>
  <c r="AD35857" i="1"/>
  <c r="AD35858" i="1"/>
  <c r="AD35859" i="1"/>
  <c r="AD35860" i="1"/>
  <c r="AD35861" i="1"/>
  <c r="AD35862" i="1"/>
  <c r="AD35864" i="1"/>
  <c r="AD35865" i="1"/>
  <c r="AD35866" i="1"/>
  <c r="AD35867" i="1"/>
  <c r="AD35868" i="1"/>
  <c r="AD35869" i="1"/>
  <c r="AD35870" i="1"/>
  <c r="AD35871" i="1"/>
  <c r="AD35872" i="1"/>
  <c r="AD35873" i="1"/>
  <c r="AD35874" i="1"/>
  <c r="AD35876" i="1"/>
  <c r="AD35877" i="1"/>
  <c r="AD35878" i="1"/>
  <c r="AD35879" i="1"/>
  <c r="AD35880" i="1"/>
  <c r="AD35881" i="1"/>
  <c r="AD35882" i="1"/>
  <c r="AD35883" i="1"/>
  <c r="AD35884" i="1"/>
  <c r="AD35885" i="1"/>
  <c r="AD35886" i="1"/>
  <c r="AD35888" i="1"/>
  <c r="AD35889" i="1"/>
  <c r="AD35890" i="1"/>
  <c r="AD35891" i="1"/>
  <c r="AD35892" i="1"/>
  <c r="AD35893" i="1"/>
  <c r="AD35894" i="1"/>
  <c r="AD35895" i="1"/>
  <c r="AD35896" i="1"/>
  <c r="AD35897" i="1"/>
  <c r="AD35898" i="1"/>
  <c r="AD35900" i="1"/>
  <c r="AD35901" i="1"/>
  <c r="AD35902" i="1"/>
  <c r="AD35903" i="1"/>
  <c r="AD35904" i="1"/>
  <c r="AD35905" i="1"/>
  <c r="AD35906" i="1"/>
  <c r="AD35907" i="1"/>
  <c r="AD35908" i="1"/>
  <c r="AD35909" i="1"/>
  <c r="AD35910" i="1"/>
  <c r="AD35912" i="1"/>
  <c r="AD35913" i="1"/>
  <c r="AD35914" i="1"/>
  <c r="AD35915" i="1"/>
  <c r="AD35916" i="1"/>
  <c r="AD35917" i="1"/>
  <c r="AD35918" i="1"/>
  <c r="AD35919" i="1"/>
  <c r="AD35920" i="1"/>
  <c r="AD35921" i="1"/>
  <c r="AD35922" i="1"/>
  <c r="AD35924" i="1"/>
  <c r="AD35925" i="1"/>
  <c r="AD35926" i="1"/>
  <c r="AD35927" i="1"/>
  <c r="AD35928" i="1"/>
  <c r="AD35929" i="1"/>
  <c r="AD35930" i="1"/>
  <c r="AD35931" i="1"/>
  <c r="AD35932" i="1"/>
  <c r="AD35933" i="1"/>
  <c r="AD35934" i="1"/>
  <c r="AD35936" i="1"/>
  <c r="AD35937" i="1"/>
  <c r="AD35938" i="1"/>
  <c r="AD35939" i="1"/>
  <c r="AD35940" i="1"/>
  <c r="AD35941" i="1"/>
  <c r="AD35942" i="1"/>
  <c r="AD35943" i="1"/>
  <c r="AD35944" i="1"/>
  <c r="AD35945" i="1"/>
  <c r="AD35946" i="1"/>
  <c r="AD35948" i="1"/>
  <c r="AD35949" i="1"/>
  <c r="AD35950" i="1"/>
  <c r="AD35951" i="1"/>
  <c r="AD35952" i="1"/>
  <c r="AD35953" i="1"/>
  <c r="AD35954" i="1"/>
  <c r="AD35955" i="1"/>
  <c r="AD35956" i="1"/>
  <c r="AD35957" i="1"/>
  <c r="AD35958" i="1"/>
  <c r="AD35960" i="1"/>
  <c r="AD35961" i="1"/>
  <c r="AD35962" i="1"/>
  <c r="AD35963" i="1"/>
  <c r="AD35964" i="1"/>
  <c r="AD35965" i="1"/>
  <c r="AD35966" i="1"/>
  <c r="AD35967" i="1"/>
  <c r="AD35968" i="1"/>
  <c r="AD35969" i="1"/>
  <c r="AD35970" i="1"/>
  <c r="AD35972" i="1"/>
  <c r="AD35973" i="1"/>
  <c r="AD35974" i="1"/>
  <c r="AD35975" i="1"/>
  <c r="AD35976" i="1"/>
  <c r="AD35977" i="1"/>
  <c r="AD35978" i="1"/>
  <c r="AD35979" i="1"/>
  <c r="AD35980" i="1"/>
  <c r="AD35981" i="1"/>
  <c r="AD35982" i="1"/>
  <c r="AD35984" i="1"/>
  <c r="AD35985" i="1"/>
  <c r="AD35986" i="1"/>
  <c r="AD35987" i="1"/>
  <c r="AD35988" i="1"/>
  <c r="AD35989" i="1"/>
  <c r="AD35990" i="1"/>
  <c r="AD35991" i="1"/>
  <c r="AD35992" i="1"/>
  <c r="AD35993" i="1"/>
  <c r="AD35994" i="1"/>
  <c r="AD35996" i="1"/>
  <c r="AD35997" i="1"/>
  <c r="AD35998" i="1"/>
  <c r="AD35999" i="1"/>
  <c r="AD36000" i="1"/>
  <c r="AD36001" i="1"/>
  <c r="AD36002" i="1"/>
  <c r="AD36003" i="1"/>
  <c r="AD36004" i="1"/>
  <c r="AD36005" i="1"/>
  <c r="AD36006" i="1"/>
  <c r="AD36008" i="1"/>
  <c r="AD36009" i="1"/>
  <c r="AD36010" i="1"/>
  <c r="AD36011" i="1"/>
  <c r="AD36012" i="1"/>
  <c r="AD36013" i="1"/>
  <c r="AD36014" i="1"/>
  <c r="AD36015" i="1"/>
  <c r="AD36016" i="1"/>
  <c r="AD36017" i="1"/>
  <c r="AD36018" i="1"/>
  <c r="AD36020" i="1"/>
  <c r="AD36021" i="1"/>
  <c r="AD36022" i="1"/>
  <c r="AD36023" i="1"/>
  <c r="AD36024" i="1"/>
  <c r="AD36025" i="1"/>
  <c r="AD36026" i="1"/>
  <c r="AD36027" i="1"/>
  <c r="AD36028" i="1"/>
  <c r="AD36029" i="1"/>
  <c r="AD36030" i="1"/>
  <c r="AD36032" i="1"/>
  <c r="AD36033" i="1"/>
  <c r="AD36034" i="1"/>
  <c r="AD36035" i="1"/>
  <c r="AD36036" i="1"/>
  <c r="AD36037" i="1"/>
  <c r="AD36038" i="1"/>
  <c r="AD36039" i="1"/>
  <c r="AD36040" i="1"/>
  <c r="AD36041" i="1"/>
  <c r="AD36042" i="1"/>
  <c r="AD36044" i="1"/>
  <c r="AD36045" i="1"/>
  <c r="AD36046" i="1"/>
  <c r="AD36047" i="1"/>
  <c r="AD36048" i="1"/>
  <c r="AD36049" i="1"/>
  <c r="AD36050" i="1"/>
  <c r="AD36051" i="1"/>
  <c r="AD36052" i="1"/>
  <c r="AD36053" i="1"/>
  <c r="AD36054" i="1"/>
  <c r="AD36056" i="1"/>
  <c r="AD36057" i="1"/>
  <c r="AD36058" i="1"/>
  <c r="AD36059" i="1"/>
  <c r="AD36060" i="1"/>
  <c r="AD36061" i="1"/>
  <c r="AD36062" i="1"/>
  <c r="AD36063" i="1"/>
  <c r="AD36064" i="1"/>
  <c r="AD36065" i="1"/>
  <c r="AD36066" i="1"/>
  <c r="AD36068" i="1"/>
  <c r="AD36069" i="1"/>
  <c r="AD36070" i="1"/>
  <c r="AD36071" i="1"/>
  <c r="AD36072" i="1"/>
  <c r="AD36073" i="1"/>
  <c r="AD36074" i="1"/>
  <c r="AD36075" i="1"/>
  <c r="AD36076" i="1"/>
  <c r="AD36077" i="1"/>
  <c r="AD36078" i="1"/>
  <c r="AD36080" i="1"/>
  <c r="AD36081" i="1"/>
  <c r="AD36082" i="1"/>
  <c r="AD36083" i="1"/>
  <c r="AD36084" i="1"/>
  <c r="AD36085" i="1"/>
  <c r="AD36086" i="1"/>
  <c r="AD36087" i="1"/>
  <c r="AD36088" i="1"/>
  <c r="AD36089" i="1"/>
  <c r="AD36090" i="1"/>
  <c r="AD36092" i="1"/>
  <c r="AD36093" i="1"/>
  <c r="AD36094" i="1"/>
  <c r="AD36095" i="1"/>
  <c r="AD36096" i="1"/>
  <c r="AD36097" i="1"/>
  <c r="AD36098" i="1"/>
  <c r="AD36099" i="1"/>
  <c r="AD36100" i="1"/>
  <c r="AD36101" i="1"/>
  <c r="AD36102" i="1"/>
  <c r="AD36104" i="1"/>
  <c r="AD36105" i="1"/>
  <c r="AD36106" i="1"/>
  <c r="AD36107" i="1"/>
  <c r="AD36108" i="1"/>
  <c r="AD36109" i="1"/>
  <c r="AD36110" i="1"/>
  <c r="AD36111" i="1"/>
  <c r="AD36112" i="1"/>
  <c r="AD36113" i="1"/>
  <c r="AD36114" i="1"/>
  <c r="AD36116" i="1"/>
  <c r="AD36117" i="1"/>
  <c r="AD36118" i="1"/>
  <c r="AD36119" i="1"/>
  <c r="AD36120" i="1"/>
  <c r="AD36121" i="1"/>
  <c r="AD36122" i="1"/>
  <c r="AD36123" i="1"/>
  <c r="AD36124" i="1"/>
  <c r="AD36125" i="1"/>
  <c r="AD36126" i="1"/>
  <c r="AD36128" i="1"/>
  <c r="AD36129" i="1"/>
  <c r="AD36130" i="1"/>
  <c r="AD36131" i="1"/>
  <c r="AD36132" i="1"/>
  <c r="AD36133" i="1"/>
  <c r="AD36134" i="1"/>
  <c r="AD36135" i="1"/>
  <c r="AD36136" i="1"/>
  <c r="AD36137" i="1"/>
  <c r="AD36138" i="1"/>
  <c r="AD36140" i="1"/>
  <c r="AD36141" i="1"/>
  <c r="AD36142" i="1"/>
  <c r="AD36143" i="1"/>
  <c r="AD36144" i="1"/>
  <c r="AD36145" i="1"/>
  <c r="AD36146" i="1"/>
  <c r="AD36147" i="1"/>
  <c r="AD36148" i="1"/>
  <c r="AD36149" i="1"/>
  <c r="AD36150" i="1"/>
  <c r="AD36152" i="1"/>
  <c r="AD36153" i="1"/>
  <c r="AD36154" i="1"/>
  <c r="AD36155" i="1"/>
  <c r="AD36156" i="1"/>
  <c r="AD36157" i="1"/>
  <c r="AD36158" i="1"/>
  <c r="AD36159" i="1"/>
  <c r="AD36160" i="1"/>
  <c r="AD36161" i="1"/>
  <c r="AD36162" i="1"/>
  <c r="AD36164" i="1"/>
  <c r="AD36165" i="1"/>
  <c r="AD36166" i="1"/>
  <c r="AD36167" i="1"/>
  <c r="AD36168" i="1"/>
  <c r="AD36169" i="1"/>
  <c r="AD36170" i="1"/>
  <c r="AD36171" i="1"/>
  <c r="AD36172" i="1"/>
  <c r="AD36173" i="1"/>
  <c r="AD36174" i="1"/>
  <c r="AD36176" i="1"/>
  <c r="AD36177" i="1"/>
  <c r="AD36178" i="1"/>
  <c r="AD36179" i="1"/>
  <c r="AD36180" i="1"/>
  <c r="AD36181" i="1"/>
  <c r="AD36182" i="1"/>
  <c r="AD36183" i="1"/>
  <c r="AD36184" i="1"/>
  <c r="AD36185" i="1"/>
  <c r="AD36186" i="1"/>
  <c r="AD36188" i="1"/>
  <c r="AD36189" i="1"/>
  <c r="AD36190" i="1"/>
  <c r="AD36191" i="1"/>
  <c r="AD36192" i="1"/>
  <c r="AD36193" i="1"/>
  <c r="AD36194" i="1"/>
  <c r="AD36195" i="1"/>
  <c r="AD36196" i="1"/>
  <c r="AD36197" i="1"/>
  <c r="AD36198" i="1"/>
  <c r="AD36200" i="1"/>
  <c r="AD36201" i="1"/>
  <c r="AD36202" i="1"/>
  <c r="AD36203" i="1"/>
  <c r="AD36204" i="1"/>
  <c r="AD36205" i="1"/>
  <c r="AD36206" i="1"/>
  <c r="AD36207" i="1"/>
  <c r="AD36208" i="1"/>
  <c r="AD36209" i="1"/>
  <c r="AD36210" i="1"/>
  <c r="AD36212" i="1"/>
  <c r="AD36213" i="1"/>
  <c r="AD36214" i="1"/>
  <c r="AD36215" i="1"/>
  <c r="AD36216" i="1"/>
  <c r="AD36217" i="1"/>
  <c r="AD36218" i="1"/>
  <c r="AD36219" i="1"/>
  <c r="AD36220" i="1"/>
  <c r="AD36221" i="1"/>
  <c r="AD36222" i="1"/>
  <c r="AD36224" i="1"/>
  <c r="AD36225" i="1"/>
  <c r="AD36226" i="1"/>
  <c r="AD36227" i="1"/>
  <c r="AD36228" i="1"/>
  <c r="AD36229" i="1"/>
  <c r="AD36230" i="1"/>
  <c r="AD36231" i="1"/>
  <c r="AD36232" i="1"/>
  <c r="AD36233" i="1"/>
  <c r="AD36234" i="1"/>
  <c r="AD36236" i="1"/>
  <c r="AD36237" i="1"/>
  <c r="AD36238" i="1"/>
  <c r="AD36239" i="1"/>
  <c r="AD36240" i="1"/>
  <c r="AD36241" i="1"/>
  <c r="AD36242" i="1"/>
  <c r="AD36243" i="1"/>
  <c r="AD36244" i="1"/>
  <c r="AD36245" i="1"/>
  <c r="AD36246" i="1"/>
  <c r="AD36248" i="1"/>
  <c r="AD36249" i="1"/>
  <c r="AD36250" i="1"/>
  <c r="AD36251" i="1"/>
  <c r="AD36252" i="1"/>
  <c r="AD36253" i="1"/>
  <c r="AD36254" i="1"/>
  <c r="AD36255" i="1"/>
  <c r="AD36256" i="1"/>
  <c r="AD36257" i="1"/>
  <c r="AD36258" i="1"/>
  <c r="AD36260" i="1"/>
  <c r="AD36261" i="1"/>
  <c r="AD36262" i="1"/>
  <c r="AD36263" i="1"/>
  <c r="AD36264" i="1"/>
  <c r="AD36265" i="1"/>
  <c r="AD36266" i="1"/>
  <c r="AD36267" i="1"/>
  <c r="AD36268" i="1"/>
  <c r="AD36269" i="1"/>
  <c r="AD36270" i="1"/>
  <c r="AD36272" i="1"/>
  <c r="AD36273" i="1"/>
  <c r="AD36274" i="1"/>
  <c r="AD36275" i="1"/>
  <c r="AD36276" i="1"/>
  <c r="AD36277" i="1"/>
  <c r="AD36278" i="1"/>
  <c r="AD36279" i="1"/>
  <c r="AD36280" i="1"/>
  <c r="AD36281" i="1"/>
  <c r="AD36282" i="1"/>
  <c r="AD36284" i="1"/>
  <c r="AD36285" i="1"/>
  <c r="AD36286" i="1"/>
  <c r="AD36287" i="1"/>
  <c r="AD36288" i="1"/>
  <c r="AD36289" i="1"/>
  <c r="AD36290" i="1"/>
  <c r="AD36291" i="1"/>
  <c r="AD36292" i="1"/>
  <c r="AD36293" i="1"/>
  <c r="AD36294" i="1"/>
  <c r="AD36296" i="1"/>
  <c r="AD36297" i="1"/>
  <c r="AD36298" i="1"/>
  <c r="AD36299" i="1"/>
  <c r="AD36300" i="1"/>
  <c r="AD36301" i="1"/>
  <c r="AD36302" i="1"/>
  <c r="AD36303" i="1"/>
  <c r="AD36304" i="1"/>
  <c r="AD36305" i="1"/>
  <c r="AD36306" i="1"/>
  <c r="AD36308" i="1"/>
  <c r="AD36309" i="1"/>
  <c r="AD36310" i="1"/>
  <c r="AD36311" i="1"/>
  <c r="AD36312" i="1"/>
  <c r="AD36313" i="1"/>
  <c r="AD36314" i="1"/>
  <c r="AD36315" i="1"/>
  <c r="AD36316" i="1"/>
  <c r="AD36317" i="1"/>
  <c r="AD36318" i="1"/>
  <c r="AD36320" i="1"/>
  <c r="AD36321" i="1"/>
  <c r="AD36322" i="1"/>
  <c r="AD36323" i="1"/>
  <c r="AD36324" i="1"/>
  <c r="AD36325" i="1"/>
  <c r="AD36326" i="1"/>
  <c r="AD36327" i="1"/>
  <c r="AD36328" i="1"/>
  <c r="AD36329" i="1"/>
  <c r="AD36330" i="1"/>
  <c r="AD36332" i="1"/>
  <c r="AD36333" i="1"/>
  <c r="AD36334" i="1"/>
  <c r="AD36335" i="1"/>
  <c r="AD36336" i="1"/>
  <c r="AD36337" i="1"/>
  <c r="AD36338" i="1"/>
  <c r="AD36339" i="1"/>
  <c r="AD36340" i="1"/>
  <c r="AD36341" i="1"/>
  <c r="AD36342" i="1"/>
  <c r="AD36344" i="1"/>
  <c r="AD36345" i="1"/>
  <c r="AD36346" i="1"/>
  <c r="AD36347" i="1"/>
  <c r="AD36348" i="1"/>
  <c r="AD36349" i="1"/>
  <c r="AD36350" i="1"/>
  <c r="AD36351" i="1"/>
  <c r="AD36352" i="1"/>
  <c r="AD36353" i="1"/>
  <c r="AD36354" i="1"/>
  <c r="AD36356" i="1"/>
  <c r="AD36357" i="1"/>
  <c r="AD36358" i="1"/>
  <c r="AD36359" i="1"/>
  <c r="AD36360" i="1"/>
  <c r="AD36361" i="1"/>
  <c r="AD36362" i="1"/>
  <c r="AD36363" i="1"/>
  <c r="AD36364" i="1"/>
  <c r="AD36365" i="1"/>
  <c r="AD36366" i="1"/>
  <c r="AD36368" i="1"/>
  <c r="AD36369" i="1"/>
  <c r="AD36370" i="1"/>
  <c r="AD36371" i="1"/>
  <c r="AD36372" i="1"/>
  <c r="AD36373" i="1"/>
  <c r="AD36374" i="1"/>
  <c r="AD36375" i="1"/>
  <c r="AD36376" i="1"/>
  <c r="AD36377" i="1"/>
  <c r="AD36378" i="1"/>
  <c r="AD36380" i="1"/>
  <c r="AD36381" i="1"/>
  <c r="AD36382" i="1"/>
  <c r="AD36383" i="1"/>
  <c r="AD36384" i="1"/>
  <c r="AD36385" i="1"/>
  <c r="AD36386" i="1"/>
  <c r="AD36387" i="1"/>
  <c r="AD36388" i="1"/>
  <c r="AD36389" i="1"/>
  <c r="AD36390" i="1"/>
  <c r="AD36392" i="1"/>
  <c r="AD36393" i="1"/>
  <c r="AD36394" i="1"/>
  <c r="AD36395" i="1"/>
  <c r="AD36396" i="1"/>
  <c r="AD36397" i="1"/>
  <c r="AD36398" i="1"/>
  <c r="AD36399" i="1"/>
  <c r="AD36400" i="1"/>
  <c r="AD36401" i="1"/>
  <c r="AD36402" i="1"/>
  <c r="AD36404" i="1"/>
  <c r="AD36405" i="1"/>
  <c r="AD36406" i="1"/>
  <c r="AD36407" i="1"/>
  <c r="AD36408" i="1"/>
  <c r="AD36409" i="1"/>
  <c r="AD36410" i="1"/>
  <c r="AD36411" i="1"/>
  <c r="AD36412" i="1"/>
  <c r="AD36413" i="1"/>
  <c r="AD36414" i="1"/>
  <c r="AD36416" i="1"/>
  <c r="AD36417" i="1"/>
  <c r="AD36418" i="1"/>
  <c r="AD36419" i="1"/>
  <c r="AD36420" i="1"/>
  <c r="AD36421" i="1"/>
  <c r="AD36422" i="1"/>
  <c r="AD36423" i="1"/>
  <c r="AD36424" i="1"/>
  <c r="AD36425" i="1"/>
  <c r="AD36426" i="1"/>
  <c r="AD36428" i="1"/>
  <c r="AD36429" i="1"/>
  <c r="AD36430" i="1"/>
  <c r="AD36431" i="1"/>
  <c r="AD36432" i="1"/>
  <c r="AD36433" i="1"/>
  <c r="AD36434" i="1"/>
  <c r="AD36435" i="1"/>
  <c r="AD36436" i="1"/>
  <c r="AD36437" i="1"/>
  <c r="AD36438" i="1"/>
  <c r="AD36440" i="1"/>
  <c r="AD36441" i="1"/>
  <c r="AD36442" i="1"/>
  <c r="AD36443" i="1"/>
  <c r="AD36444" i="1"/>
  <c r="AD36445" i="1"/>
  <c r="AD36446" i="1"/>
  <c r="AD36447" i="1"/>
  <c r="AD36448" i="1"/>
  <c r="AD36449" i="1"/>
  <c r="AD36450" i="1"/>
  <c r="AD36452" i="1"/>
  <c r="AD36453" i="1"/>
  <c r="AD36454" i="1"/>
  <c r="AD36455" i="1"/>
  <c r="AD36456" i="1"/>
  <c r="AD36457" i="1"/>
  <c r="AD36458" i="1"/>
  <c r="AD36459" i="1"/>
  <c r="AD36460" i="1"/>
  <c r="AD36461" i="1"/>
  <c r="AD36462" i="1"/>
  <c r="AD36464" i="1"/>
  <c r="AD36465" i="1"/>
  <c r="AD36466" i="1"/>
  <c r="AD36467" i="1"/>
  <c r="AD36468" i="1"/>
  <c r="AD36469" i="1"/>
  <c r="AD36470" i="1"/>
  <c r="AD36471" i="1"/>
  <c r="AD36472" i="1"/>
  <c r="AD36473" i="1"/>
  <c r="AD36474" i="1"/>
  <c r="AD36476" i="1"/>
  <c r="AD36477" i="1"/>
  <c r="AD36478" i="1"/>
  <c r="AD36479" i="1"/>
  <c r="AD36480" i="1"/>
  <c r="AD36481" i="1"/>
  <c r="AD36482" i="1"/>
  <c r="AD36483" i="1"/>
  <c r="AD36484" i="1"/>
  <c r="AD36485" i="1"/>
  <c r="AD36486" i="1"/>
  <c r="AD36488" i="1"/>
  <c r="AD36489" i="1"/>
  <c r="AD36490" i="1"/>
  <c r="AD36491" i="1"/>
  <c r="AD36492" i="1"/>
  <c r="AD36493" i="1"/>
  <c r="AD36494" i="1"/>
  <c r="AD36495" i="1"/>
  <c r="AD36496" i="1"/>
  <c r="AD36497" i="1"/>
  <c r="AD36498" i="1"/>
  <c r="AD36500" i="1"/>
  <c r="AD36501" i="1"/>
  <c r="AD36502" i="1"/>
  <c r="AD36503" i="1"/>
  <c r="AD36504" i="1"/>
  <c r="AD36505" i="1"/>
  <c r="AD36506" i="1"/>
  <c r="AD36507" i="1"/>
  <c r="AD36508" i="1"/>
  <c r="AD36509" i="1"/>
  <c r="AD36510" i="1"/>
  <c r="AD36512" i="1"/>
  <c r="AD36513" i="1"/>
  <c r="AD36514" i="1"/>
  <c r="AD36515" i="1"/>
  <c r="AD36516" i="1"/>
  <c r="AD36517" i="1"/>
  <c r="AD36518" i="1"/>
  <c r="AD36519" i="1"/>
  <c r="AD36520" i="1"/>
  <c r="AD36521" i="1"/>
  <c r="AD36522" i="1"/>
  <c r="AD36524" i="1"/>
  <c r="AD36525" i="1"/>
  <c r="AD36526" i="1"/>
  <c r="AD36527" i="1"/>
  <c r="AD36528" i="1"/>
  <c r="AD36529" i="1"/>
  <c r="AD36530" i="1"/>
  <c r="AD36531" i="1"/>
  <c r="AD36532" i="1"/>
  <c r="AD36533" i="1"/>
  <c r="AD36534" i="1"/>
  <c r="AD36536" i="1"/>
  <c r="AD36537" i="1"/>
  <c r="AD36538" i="1"/>
  <c r="AD36539" i="1"/>
  <c r="AD36540" i="1"/>
  <c r="AD36541" i="1"/>
  <c r="AD36542" i="1"/>
  <c r="AD36543" i="1"/>
  <c r="AD36544" i="1"/>
  <c r="AD36545" i="1"/>
  <c r="AD36546" i="1"/>
  <c r="AD36548" i="1"/>
  <c r="AD36549" i="1"/>
  <c r="AD36550" i="1"/>
  <c r="AD36551" i="1"/>
  <c r="AD36552" i="1"/>
  <c r="AD36553" i="1"/>
  <c r="AD36554" i="1"/>
  <c r="AD36555" i="1"/>
  <c r="AD36556" i="1"/>
  <c r="AD36557" i="1"/>
  <c r="AD36558" i="1"/>
  <c r="AD36560" i="1"/>
  <c r="AD36561" i="1"/>
  <c r="AD36562" i="1"/>
  <c r="AD36563" i="1"/>
  <c r="AD36564" i="1"/>
  <c r="AD36565" i="1"/>
  <c r="AD36566" i="1"/>
  <c r="AD36567" i="1"/>
  <c r="AD36568" i="1"/>
  <c r="AD36569" i="1"/>
  <c r="AD36570" i="1"/>
  <c r="AD36572" i="1"/>
  <c r="AD36573" i="1"/>
  <c r="AD36574" i="1"/>
  <c r="AD36575" i="1"/>
  <c r="AD36576" i="1"/>
  <c r="AD36577" i="1"/>
  <c r="AD36578" i="1"/>
  <c r="AD36579" i="1"/>
  <c r="AD36580" i="1"/>
  <c r="AD36581" i="1"/>
  <c r="AD36582" i="1"/>
  <c r="AD36584" i="1"/>
  <c r="AD36585" i="1"/>
  <c r="AD36586" i="1"/>
  <c r="AD36587" i="1"/>
  <c r="AD36588" i="1"/>
  <c r="AD36589" i="1"/>
  <c r="AD36590" i="1"/>
  <c r="AD36591" i="1"/>
  <c r="AD36592" i="1"/>
  <c r="AD36593" i="1"/>
  <c r="AD36594" i="1"/>
  <c r="AD36596" i="1"/>
  <c r="AD36597" i="1"/>
  <c r="AD36598" i="1"/>
  <c r="AD36599" i="1"/>
  <c r="AD36600" i="1"/>
  <c r="AD36601" i="1"/>
  <c r="AD36602" i="1"/>
  <c r="AD36603" i="1"/>
  <c r="AD36604" i="1"/>
  <c r="AD36605" i="1"/>
  <c r="AD36606" i="1"/>
  <c r="AD36608" i="1"/>
  <c r="AD36609" i="1"/>
  <c r="AD36610" i="1"/>
  <c r="AD36611" i="1"/>
  <c r="AD36612" i="1"/>
  <c r="AD36613" i="1"/>
  <c r="AD36614" i="1"/>
  <c r="AD36615" i="1"/>
  <c r="AD36616" i="1"/>
  <c r="AD36617" i="1"/>
  <c r="AD36618" i="1"/>
  <c r="AD36620" i="1"/>
  <c r="AD36621" i="1"/>
  <c r="AD36622" i="1"/>
  <c r="AD36623" i="1"/>
  <c r="AD36624" i="1"/>
  <c r="AD36625" i="1"/>
  <c r="AD36626" i="1"/>
  <c r="AD36627" i="1"/>
  <c r="AD36628" i="1"/>
  <c r="AD36629" i="1"/>
  <c r="AD36630" i="1"/>
  <c r="AD36632" i="1"/>
  <c r="AD36633" i="1"/>
  <c r="AD36634" i="1"/>
  <c r="AD36635" i="1"/>
  <c r="AD36636" i="1"/>
  <c r="AD36637" i="1"/>
  <c r="AD36638" i="1"/>
  <c r="AD36639" i="1"/>
  <c r="AD36640" i="1"/>
  <c r="AD36641" i="1"/>
  <c r="AD36642" i="1"/>
  <c r="AD36644" i="1"/>
  <c r="AD36645" i="1"/>
  <c r="AD36646" i="1"/>
  <c r="AD36647" i="1"/>
  <c r="AD36648" i="1"/>
  <c r="AD36649" i="1"/>
  <c r="AD36650" i="1"/>
  <c r="AD36651" i="1"/>
  <c r="AD36652" i="1"/>
  <c r="AD36653" i="1"/>
  <c r="AD36654" i="1"/>
  <c r="AD36656" i="1"/>
  <c r="AD36657" i="1"/>
  <c r="AD36658" i="1"/>
  <c r="AD36659" i="1"/>
  <c r="AD36660" i="1"/>
  <c r="AD36661" i="1"/>
  <c r="AD36662" i="1"/>
  <c r="AD36663" i="1"/>
  <c r="AD36664" i="1"/>
  <c r="AD36665" i="1"/>
  <c r="AD36666" i="1"/>
  <c r="AD36668" i="1"/>
  <c r="AD36669" i="1"/>
  <c r="AD36670" i="1"/>
  <c r="AD36671" i="1"/>
  <c r="AD36672" i="1"/>
  <c r="AD36673" i="1"/>
  <c r="AD36674" i="1"/>
  <c r="AD36675" i="1"/>
  <c r="AD36676" i="1"/>
  <c r="AD36677" i="1"/>
  <c r="AD36678" i="1"/>
  <c r="AD36680" i="1"/>
  <c r="AD36681" i="1"/>
  <c r="AD36682" i="1"/>
  <c r="AD36683" i="1"/>
  <c r="AD36684" i="1"/>
  <c r="AD36685" i="1"/>
  <c r="AD36686" i="1"/>
  <c r="AD36687" i="1"/>
  <c r="AD36688" i="1"/>
  <c r="AD36689" i="1"/>
  <c r="AD36690" i="1"/>
  <c r="AD36692" i="1"/>
  <c r="AD36693" i="1"/>
  <c r="AD36694" i="1"/>
  <c r="AD36695" i="1"/>
  <c r="AD36696" i="1"/>
  <c r="AD36697" i="1"/>
  <c r="AD36698" i="1"/>
  <c r="AD36699" i="1"/>
  <c r="AD36700" i="1"/>
  <c r="AD36701" i="1"/>
  <c r="AD36702" i="1"/>
  <c r="AD36704" i="1"/>
  <c r="AD36705" i="1"/>
  <c r="AD36706" i="1"/>
  <c r="AD36707" i="1"/>
  <c r="AD36708" i="1"/>
  <c r="AD36709" i="1"/>
  <c r="AD36710" i="1"/>
  <c r="AD36711" i="1"/>
  <c r="AD36712" i="1"/>
  <c r="AD36713" i="1"/>
  <c r="AD36714" i="1"/>
  <c r="AD36716" i="1"/>
  <c r="AD36717" i="1"/>
  <c r="AD36718" i="1"/>
  <c r="AD36719" i="1"/>
  <c r="AD36720" i="1"/>
  <c r="AD36721" i="1"/>
  <c r="AD36722" i="1"/>
  <c r="AD36723" i="1"/>
  <c r="AD36724" i="1"/>
  <c r="AD36725" i="1"/>
  <c r="AD36726" i="1"/>
  <c r="AD36728" i="1"/>
  <c r="AD36729" i="1"/>
  <c r="AD36730" i="1"/>
  <c r="AD36731" i="1"/>
  <c r="AD36732" i="1"/>
  <c r="AD36733" i="1"/>
  <c r="AD36734" i="1"/>
  <c r="AD36735" i="1"/>
  <c r="AD36736" i="1"/>
  <c r="AD36737" i="1"/>
  <c r="AD36738" i="1"/>
  <c r="AD36740" i="1"/>
  <c r="AD36741" i="1"/>
  <c r="AD36742" i="1"/>
  <c r="AD36743" i="1"/>
  <c r="AD36744" i="1"/>
  <c r="AD36745" i="1"/>
  <c r="AD36746" i="1"/>
  <c r="AD36747" i="1"/>
  <c r="AD36748" i="1"/>
  <c r="AD36749" i="1"/>
  <c r="AD36750" i="1"/>
  <c r="AD36752" i="1"/>
  <c r="AD36753" i="1"/>
  <c r="AD36754" i="1"/>
  <c r="AD36755" i="1"/>
  <c r="AD36756" i="1"/>
  <c r="AD36757" i="1"/>
  <c r="AD36758" i="1"/>
  <c r="AD36759" i="1"/>
  <c r="AD36760" i="1"/>
  <c r="AD36761" i="1"/>
  <c r="AD36762" i="1"/>
  <c r="AD36764" i="1"/>
  <c r="AD36765" i="1"/>
  <c r="AD36766" i="1"/>
  <c r="AD36767" i="1"/>
  <c r="AD36768" i="1"/>
  <c r="AD36769" i="1"/>
  <c r="AD36770" i="1"/>
  <c r="AD36771" i="1"/>
  <c r="AD36772" i="1"/>
  <c r="AD36773" i="1"/>
  <c r="AD36774" i="1"/>
  <c r="AD36776" i="1"/>
  <c r="AD36777" i="1"/>
  <c r="AD36778" i="1"/>
  <c r="AD36779" i="1"/>
  <c r="AD36780" i="1"/>
  <c r="AD36781" i="1"/>
  <c r="AD36782" i="1"/>
  <c r="AD36783" i="1"/>
  <c r="AD36784" i="1"/>
  <c r="AD36785" i="1"/>
  <c r="AD36786" i="1"/>
  <c r="AD36788" i="1"/>
  <c r="AD36789" i="1"/>
  <c r="AD36790" i="1"/>
  <c r="AD36791" i="1"/>
  <c r="AD36792" i="1"/>
  <c r="AD36793" i="1"/>
  <c r="AD36794" i="1"/>
  <c r="AD36795" i="1"/>
  <c r="AD36796" i="1"/>
  <c r="AD36797" i="1"/>
  <c r="AD36798" i="1"/>
  <c r="AD36800" i="1"/>
  <c r="AD36801" i="1"/>
  <c r="AD36802" i="1"/>
  <c r="AD36803" i="1"/>
  <c r="AD36804" i="1"/>
  <c r="AD36805" i="1"/>
  <c r="AD36806" i="1"/>
  <c r="AD36807" i="1"/>
  <c r="AD36808" i="1"/>
  <c r="AD36809" i="1"/>
  <c r="AD36810" i="1"/>
  <c r="AD36812" i="1"/>
  <c r="AD36813" i="1"/>
  <c r="AD36814" i="1"/>
  <c r="AD36815" i="1"/>
  <c r="AD36816" i="1"/>
  <c r="AD36817" i="1"/>
  <c r="AD36818" i="1"/>
  <c r="AD36819" i="1"/>
  <c r="AD36820" i="1"/>
  <c r="AD36821" i="1"/>
  <c r="AD36822" i="1"/>
  <c r="AD36824" i="1"/>
  <c r="AD36825" i="1"/>
  <c r="AD36826" i="1"/>
  <c r="AD36827" i="1"/>
  <c r="AD36828" i="1"/>
  <c r="AD36829" i="1"/>
  <c r="AD36830" i="1"/>
  <c r="AD36831" i="1"/>
  <c r="AD36832" i="1"/>
  <c r="AD36833" i="1"/>
  <c r="AD36834" i="1"/>
  <c r="AD36836" i="1"/>
  <c r="AD36837" i="1"/>
  <c r="AD36838" i="1"/>
  <c r="AD36839" i="1"/>
  <c r="AD36840" i="1"/>
  <c r="AD36841" i="1"/>
  <c r="AD36842" i="1"/>
  <c r="AD36843" i="1"/>
  <c r="AD36844" i="1"/>
  <c r="AD36845" i="1"/>
  <c r="AD36846" i="1"/>
  <c r="AD36848" i="1"/>
  <c r="AD36849" i="1"/>
  <c r="AD36850" i="1"/>
  <c r="AD36851" i="1"/>
  <c r="AD36852" i="1"/>
  <c r="AD36853" i="1"/>
  <c r="AD36854" i="1"/>
  <c r="AD36855" i="1"/>
  <c r="AD36856" i="1"/>
  <c r="AD36857" i="1"/>
  <c r="AD36858" i="1"/>
  <c r="AD36860" i="1"/>
  <c r="AD36861" i="1"/>
  <c r="AD36862" i="1"/>
  <c r="AD36863" i="1"/>
  <c r="AD36864" i="1"/>
  <c r="AD36865" i="1"/>
  <c r="AD36866" i="1"/>
  <c r="AD36867" i="1"/>
  <c r="AD36868" i="1"/>
  <c r="AD36869" i="1"/>
  <c r="AD36870" i="1"/>
  <c r="AD36872" i="1"/>
  <c r="AD36873" i="1"/>
  <c r="AD36874" i="1"/>
  <c r="AD36875" i="1"/>
  <c r="AD36876" i="1"/>
  <c r="AD36877" i="1"/>
  <c r="AD36878" i="1"/>
  <c r="AD36879" i="1"/>
  <c r="AD36880" i="1"/>
  <c r="AD36881" i="1"/>
  <c r="AD36882" i="1"/>
  <c r="AD36884" i="1"/>
  <c r="AD36885" i="1"/>
  <c r="AD36886" i="1"/>
  <c r="AD36887" i="1"/>
  <c r="AD36888" i="1"/>
  <c r="AD36889" i="1"/>
  <c r="AD36890" i="1"/>
  <c r="AD36891" i="1"/>
  <c r="AD36892" i="1"/>
  <c r="AD36893" i="1"/>
  <c r="AD36894" i="1"/>
  <c r="AD36896" i="1"/>
  <c r="AD36897" i="1"/>
  <c r="AD36898" i="1"/>
  <c r="AD36899" i="1"/>
  <c r="AD36900" i="1"/>
  <c r="AD36901" i="1"/>
  <c r="AD36902" i="1"/>
  <c r="AD36903" i="1"/>
  <c r="AD36904" i="1"/>
  <c r="AD36905" i="1"/>
  <c r="AD36906" i="1"/>
  <c r="AD36908" i="1"/>
  <c r="AD36909" i="1"/>
  <c r="AD36910" i="1"/>
  <c r="AD36911" i="1"/>
  <c r="AD36912" i="1"/>
  <c r="AD36913" i="1"/>
  <c r="AD36914" i="1"/>
  <c r="AD36915" i="1"/>
  <c r="AD36916" i="1"/>
  <c r="AD36917" i="1"/>
  <c r="AD36918" i="1"/>
  <c r="AD36920" i="1"/>
  <c r="AD36921" i="1"/>
  <c r="AD36922" i="1"/>
  <c r="AD36923" i="1"/>
  <c r="AD36924" i="1"/>
  <c r="AD36925" i="1"/>
  <c r="AD36926" i="1"/>
  <c r="AD36927" i="1"/>
  <c r="AD36928" i="1"/>
  <c r="AD36929" i="1"/>
  <c r="AD36930" i="1"/>
  <c r="AD36932" i="1"/>
  <c r="AD36933" i="1"/>
  <c r="AD36934" i="1"/>
  <c r="AD36935" i="1"/>
  <c r="AD36936" i="1"/>
  <c r="AD36937" i="1"/>
  <c r="AD36938" i="1"/>
  <c r="AD36939" i="1"/>
  <c r="AD36940" i="1"/>
  <c r="AD36941" i="1"/>
  <c r="AD36942" i="1"/>
  <c r="AD36944" i="1"/>
  <c r="AD36945" i="1"/>
  <c r="AD36946" i="1"/>
  <c r="AD36947" i="1"/>
  <c r="AD36948" i="1"/>
  <c r="AD36949" i="1"/>
  <c r="AD36950" i="1"/>
  <c r="AD36951" i="1"/>
  <c r="AD36952" i="1"/>
  <c r="AD36953" i="1"/>
  <c r="AD36954" i="1"/>
  <c r="AD36956" i="1"/>
  <c r="AD36957" i="1"/>
  <c r="AD36958" i="1"/>
  <c r="AD36959" i="1"/>
  <c r="AD36960" i="1"/>
  <c r="AD36961" i="1"/>
  <c r="AD36962" i="1"/>
  <c r="AD36963" i="1"/>
  <c r="AD36964" i="1"/>
  <c r="AD36965" i="1"/>
  <c r="AD36966" i="1"/>
  <c r="AD36968" i="1"/>
  <c r="AD36969" i="1"/>
  <c r="AD36970" i="1"/>
  <c r="AD36971" i="1"/>
  <c r="AD36972" i="1"/>
  <c r="AD36973" i="1"/>
  <c r="AD36974" i="1"/>
  <c r="AD36975" i="1"/>
  <c r="AD36976" i="1"/>
  <c r="AD36977" i="1"/>
  <c r="AD36978" i="1"/>
  <c r="AD36980" i="1"/>
  <c r="AD36981" i="1"/>
  <c r="AD36982" i="1"/>
  <c r="AD36983" i="1"/>
  <c r="AD36984" i="1"/>
  <c r="AD36985" i="1"/>
  <c r="AD36986" i="1"/>
  <c r="AD36987" i="1"/>
  <c r="AD36988" i="1"/>
  <c r="AD36989" i="1"/>
  <c r="AD36990" i="1"/>
  <c r="AD36992" i="1"/>
  <c r="AD36993" i="1"/>
  <c r="AD36994" i="1"/>
  <c r="AD36995" i="1"/>
  <c r="AD36996" i="1"/>
  <c r="AD36997" i="1"/>
  <c r="AD36998" i="1"/>
  <c r="AD36999" i="1"/>
  <c r="AD37000" i="1"/>
  <c r="AD37001" i="1"/>
  <c r="AD37002" i="1"/>
  <c r="AD37004" i="1"/>
  <c r="AD37005" i="1"/>
  <c r="AD37006" i="1"/>
  <c r="AD37007" i="1"/>
  <c r="AD37008" i="1"/>
  <c r="AD37009" i="1"/>
  <c r="AD37010" i="1"/>
  <c r="AD37011" i="1"/>
  <c r="AD37012" i="1"/>
  <c r="AD37013" i="1"/>
  <c r="AD37014" i="1"/>
  <c r="AD37016" i="1"/>
  <c r="AD37017" i="1"/>
  <c r="AD37018" i="1"/>
  <c r="AD37019" i="1"/>
  <c r="AD37020" i="1"/>
  <c r="AD37021" i="1"/>
  <c r="AD37022" i="1"/>
  <c r="AD37023" i="1"/>
  <c r="AD37024" i="1"/>
  <c r="AD37025" i="1"/>
  <c r="AD37026" i="1"/>
  <c r="AD37028" i="1"/>
  <c r="AD37029" i="1"/>
  <c r="AD37030" i="1"/>
  <c r="AD37031" i="1"/>
  <c r="AD37032" i="1"/>
  <c r="AD37033" i="1"/>
  <c r="AD37034" i="1"/>
  <c r="AD37035" i="1"/>
  <c r="AD37036" i="1"/>
  <c r="AD37037" i="1"/>
  <c r="AD37038" i="1"/>
  <c r="AD37040" i="1"/>
  <c r="AD37041" i="1"/>
  <c r="AD37042" i="1"/>
  <c r="AD37043" i="1"/>
  <c r="AD37044" i="1"/>
  <c r="AD37045" i="1"/>
  <c r="AD37046" i="1"/>
  <c r="AD37047" i="1"/>
  <c r="AD37048" i="1"/>
  <c r="AD37049" i="1"/>
  <c r="AD37050" i="1"/>
  <c r="AD37052" i="1"/>
  <c r="AD37053" i="1"/>
  <c r="AD37054" i="1"/>
  <c r="AD37055" i="1"/>
  <c r="AD37056" i="1"/>
  <c r="AD37057" i="1"/>
  <c r="AD37058" i="1"/>
  <c r="AD37059" i="1"/>
  <c r="AD37060" i="1"/>
  <c r="AD37061" i="1"/>
  <c r="AD37062" i="1"/>
  <c r="AD37064" i="1"/>
  <c r="AD37065" i="1"/>
  <c r="AD37066" i="1"/>
  <c r="AD37067" i="1"/>
  <c r="AD37068" i="1"/>
  <c r="AD37069" i="1"/>
  <c r="AD37070" i="1"/>
  <c r="AD37071" i="1"/>
  <c r="AD37072" i="1"/>
  <c r="AD37073" i="1"/>
  <c r="AD37074" i="1"/>
  <c r="AD37076" i="1"/>
  <c r="AD37077" i="1"/>
  <c r="AD37078" i="1"/>
  <c r="AD37079" i="1"/>
  <c r="AD37080" i="1"/>
  <c r="AD37081" i="1"/>
  <c r="AD37082" i="1"/>
  <c r="AD37083" i="1"/>
  <c r="AD37084" i="1"/>
  <c r="AD37085" i="1"/>
  <c r="AD37086" i="1"/>
  <c r="AD37088" i="1"/>
  <c r="AD37089" i="1"/>
  <c r="AD37090" i="1"/>
  <c r="AD37091" i="1"/>
  <c r="AD37092" i="1"/>
  <c r="AD37093" i="1"/>
  <c r="AD37094" i="1"/>
  <c r="AD37095" i="1"/>
  <c r="AD37096" i="1"/>
  <c r="AD37097" i="1"/>
  <c r="AD37098" i="1"/>
  <c r="AD37100" i="1"/>
  <c r="AD37101" i="1"/>
  <c r="AD37102" i="1"/>
  <c r="AD37103" i="1"/>
  <c r="AD37104" i="1"/>
  <c r="AD37105" i="1"/>
  <c r="AD37106" i="1"/>
  <c r="AD37107" i="1"/>
  <c r="AD37108" i="1"/>
  <c r="AD37109" i="1"/>
  <c r="AD37110" i="1"/>
  <c r="AD37112" i="1"/>
  <c r="AD37113" i="1"/>
  <c r="AD37114" i="1"/>
  <c r="AD37115" i="1"/>
  <c r="AD37116" i="1"/>
  <c r="AD37117" i="1"/>
  <c r="AD37118" i="1"/>
  <c r="AD37119" i="1"/>
  <c r="AD37120" i="1"/>
  <c r="AD37121" i="1"/>
  <c r="AD37122" i="1"/>
  <c r="AD37124" i="1"/>
  <c r="AD37125" i="1"/>
  <c r="AD37126" i="1"/>
  <c r="AD37127" i="1"/>
  <c r="AD37128" i="1"/>
  <c r="AD37129" i="1"/>
  <c r="AD37130" i="1"/>
  <c r="AD37131" i="1"/>
  <c r="AD37132" i="1"/>
  <c r="AD37133" i="1"/>
  <c r="AD37134" i="1"/>
  <c r="AD37136" i="1"/>
  <c r="AD37137" i="1"/>
  <c r="AD37138" i="1"/>
  <c r="AD37139" i="1"/>
  <c r="AD37140" i="1"/>
  <c r="AD37141" i="1"/>
  <c r="AD37142" i="1"/>
  <c r="AD37143" i="1"/>
  <c r="AD37144" i="1"/>
  <c r="AD37145" i="1"/>
  <c r="AD37146" i="1"/>
  <c r="AD37148" i="1"/>
  <c r="AD37149" i="1"/>
  <c r="AD37150" i="1"/>
  <c r="AD37151" i="1"/>
  <c r="AD37152" i="1"/>
  <c r="AD37153" i="1"/>
  <c r="AD37154" i="1"/>
  <c r="AD37155" i="1"/>
  <c r="AD37156" i="1"/>
  <c r="AD37157" i="1"/>
  <c r="AD37158" i="1"/>
  <c r="AD37160" i="1"/>
  <c r="AD37161" i="1"/>
  <c r="AD37162" i="1"/>
  <c r="AD37163" i="1"/>
  <c r="AD37164" i="1"/>
  <c r="AD37165" i="1"/>
  <c r="AD37166" i="1"/>
  <c r="AD37167" i="1"/>
  <c r="AD37168" i="1"/>
  <c r="AD37169" i="1"/>
  <c r="AD37170" i="1"/>
  <c r="AD37172" i="1"/>
  <c r="AD37173" i="1"/>
  <c r="AD37174" i="1"/>
  <c r="AD37175" i="1"/>
  <c r="AD37176" i="1"/>
  <c r="AD37177" i="1"/>
  <c r="AD37178" i="1"/>
  <c r="AD37179" i="1"/>
  <c r="AD37180" i="1"/>
  <c r="AD37181" i="1"/>
  <c r="AD37182" i="1"/>
  <c r="AD37184" i="1"/>
  <c r="AD37185" i="1"/>
  <c r="AD37186" i="1"/>
  <c r="AD37187" i="1"/>
  <c r="AD37188" i="1"/>
  <c r="AD37189" i="1"/>
  <c r="AD37190" i="1"/>
  <c r="AD37191" i="1"/>
  <c r="AD37192" i="1"/>
  <c r="AD37193" i="1"/>
  <c r="AD37194" i="1"/>
  <c r="AD37196" i="1"/>
  <c r="AD37197" i="1"/>
  <c r="AD37198" i="1"/>
  <c r="AD37199" i="1"/>
  <c r="AD37200" i="1"/>
  <c r="AD37201" i="1"/>
  <c r="AD37202" i="1"/>
  <c r="AD37203" i="1"/>
  <c r="AD37204" i="1"/>
  <c r="AD37205" i="1"/>
  <c r="AD37206" i="1"/>
  <c r="AD37208" i="1"/>
  <c r="AD37209" i="1"/>
  <c r="AD37210" i="1"/>
  <c r="AD37211" i="1"/>
  <c r="AD37212" i="1"/>
  <c r="AD37213" i="1"/>
  <c r="AD37214" i="1"/>
  <c r="AD37215" i="1"/>
  <c r="AD37216" i="1"/>
  <c r="AD37217" i="1"/>
  <c r="AD37218" i="1"/>
  <c r="AD37220" i="1"/>
  <c r="AD37221" i="1"/>
  <c r="AD37222" i="1"/>
  <c r="AD37223" i="1"/>
  <c r="AD37224" i="1"/>
  <c r="AD37225" i="1"/>
  <c r="AD37226" i="1"/>
  <c r="AD37227" i="1"/>
  <c r="AD37228" i="1"/>
  <c r="AD37229" i="1"/>
  <c r="AD37230" i="1"/>
  <c r="AD37232" i="1"/>
  <c r="AD37233" i="1"/>
  <c r="AD37234" i="1"/>
  <c r="AD37235" i="1"/>
  <c r="AD37236" i="1"/>
  <c r="AD37237" i="1"/>
  <c r="AD37238" i="1"/>
  <c r="AD37239" i="1"/>
  <c r="AD37240" i="1"/>
  <c r="AD37241" i="1"/>
  <c r="AD37242" i="1"/>
  <c r="AD37244" i="1"/>
  <c r="AD37245" i="1"/>
  <c r="AD37246" i="1"/>
  <c r="AD37247" i="1"/>
  <c r="AD37248" i="1"/>
  <c r="AD37249" i="1"/>
  <c r="AD37250" i="1"/>
  <c r="AD37251" i="1"/>
  <c r="AD37252" i="1"/>
  <c r="AD37253" i="1"/>
  <c r="AD37254" i="1"/>
  <c r="AD37256" i="1"/>
  <c r="AD37257" i="1"/>
  <c r="AD37258" i="1"/>
  <c r="AD37259" i="1"/>
  <c r="AD37260" i="1"/>
  <c r="AD37261" i="1"/>
  <c r="AD37262" i="1"/>
  <c r="AD37263" i="1"/>
  <c r="AD37264" i="1"/>
  <c r="AD37265" i="1"/>
  <c r="AD37266" i="1"/>
  <c r="AD37268" i="1"/>
  <c r="AD37269" i="1"/>
  <c r="AD37270" i="1"/>
  <c r="AD37271" i="1"/>
  <c r="AD37272" i="1"/>
  <c r="AD37273" i="1"/>
  <c r="AD37274" i="1"/>
  <c r="AD37275" i="1"/>
  <c r="AD37276" i="1"/>
  <c r="AD37277" i="1"/>
  <c r="AD37278" i="1"/>
  <c r="AD37280" i="1"/>
  <c r="AD37281" i="1"/>
  <c r="AD37282" i="1"/>
  <c r="AD37283" i="1"/>
  <c r="AD37284" i="1"/>
  <c r="AD37285" i="1"/>
  <c r="AD37286" i="1"/>
  <c r="AD37287" i="1"/>
  <c r="AD37288" i="1"/>
  <c r="AD37289" i="1"/>
  <c r="AD37290" i="1"/>
  <c r="AD37292" i="1"/>
  <c r="AD37293" i="1"/>
  <c r="AD37294" i="1"/>
  <c r="AD37295" i="1"/>
  <c r="AD37296" i="1"/>
  <c r="AD37297" i="1"/>
  <c r="AD37298" i="1"/>
  <c r="AD37299" i="1"/>
  <c r="AD37300" i="1"/>
  <c r="AD37301" i="1"/>
  <c r="AD37302" i="1"/>
  <c r="AD37304" i="1"/>
  <c r="AD37305" i="1"/>
  <c r="AD37306" i="1"/>
  <c r="AD37307" i="1"/>
  <c r="AD37308" i="1"/>
  <c r="AD37309" i="1"/>
  <c r="AD37310" i="1"/>
  <c r="AD37311" i="1"/>
  <c r="AD37312" i="1"/>
  <c r="AD37313" i="1"/>
  <c r="AD37314" i="1"/>
  <c r="AD37316" i="1"/>
  <c r="AD37317" i="1"/>
  <c r="AD37318" i="1"/>
  <c r="AD37319" i="1"/>
  <c r="AD37320" i="1"/>
  <c r="AD37321" i="1"/>
  <c r="AD37322" i="1"/>
  <c r="AD37323" i="1"/>
  <c r="AD37324" i="1"/>
  <c r="AD37325" i="1"/>
  <c r="AD37326" i="1"/>
  <c r="AD37328" i="1"/>
  <c r="AD37329" i="1"/>
  <c r="AD37330" i="1"/>
  <c r="AD37331" i="1"/>
  <c r="AD37332" i="1"/>
  <c r="AD37333" i="1"/>
  <c r="AD37334" i="1"/>
  <c r="AD37335" i="1"/>
  <c r="AD37336" i="1"/>
  <c r="AD37337" i="1"/>
  <c r="AD37338" i="1"/>
  <c r="AD37340" i="1"/>
  <c r="AD37341" i="1"/>
  <c r="AD37342" i="1"/>
  <c r="AD37343" i="1"/>
  <c r="AD37344" i="1"/>
  <c r="AD37345" i="1"/>
  <c r="AD37346" i="1"/>
  <c r="AD37347" i="1"/>
  <c r="AD37348" i="1"/>
  <c r="AD37349" i="1"/>
  <c r="AD37350" i="1"/>
  <c r="AD37352" i="1"/>
  <c r="AD37353" i="1"/>
  <c r="AD37354" i="1"/>
  <c r="AD37355" i="1"/>
  <c r="AD37356" i="1"/>
  <c r="AD37357" i="1"/>
  <c r="AD37358" i="1"/>
  <c r="AD37359" i="1"/>
  <c r="AD37360" i="1"/>
  <c r="AD37361" i="1"/>
  <c r="AD37362" i="1"/>
  <c r="AD37364" i="1"/>
  <c r="AD37365" i="1"/>
  <c r="AD37366" i="1"/>
  <c r="AD37367" i="1"/>
  <c r="AD37368" i="1"/>
  <c r="AD37369" i="1"/>
  <c r="AD37370" i="1"/>
  <c r="AD37371" i="1"/>
  <c r="AD37372" i="1"/>
  <c r="AD37373" i="1"/>
  <c r="AD37374" i="1"/>
  <c r="AD37376" i="1"/>
  <c r="AD37377" i="1"/>
  <c r="AD37378" i="1"/>
  <c r="AD37379" i="1"/>
  <c r="AD37380" i="1"/>
  <c r="AD37381" i="1"/>
  <c r="AD37382" i="1"/>
  <c r="AD37383" i="1"/>
  <c r="AD37384" i="1"/>
  <c r="AD37385" i="1"/>
  <c r="AD37386" i="1"/>
  <c r="AD37388" i="1"/>
  <c r="AD37389" i="1"/>
  <c r="AD37390" i="1"/>
  <c r="AD37391" i="1"/>
  <c r="AD37392" i="1"/>
  <c r="AD37393" i="1"/>
  <c r="AD37394" i="1"/>
  <c r="AD37395" i="1"/>
  <c r="AD37396" i="1"/>
  <c r="AD37397" i="1"/>
  <c r="AD37398" i="1"/>
  <c r="AD37400" i="1"/>
  <c r="AD37401" i="1"/>
  <c r="AD37402" i="1"/>
  <c r="AD37403" i="1"/>
  <c r="AD37404" i="1"/>
  <c r="AD37405" i="1"/>
  <c r="AD37406" i="1"/>
  <c r="AD37407" i="1"/>
  <c r="AD37408" i="1"/>
  <c r="AD37409" i="1"/>
  <c r="AD37410" i="1"/>
  <c r="AD37412" i="1"/>
  <c r="AD37413" i="1"/>
  <c r="AD37414" i="1"/>
  <c r="AD37415" i="1"/>
  <c r="AD37416" i="1"/>
  <c r="AD37417" i="1"/>
  <c r="AD37418" i="1"/>
  <c r="AD37419" i="1"/>
  <c r="AD37420" i="1"/>
  <c r="AD37421" i="1"/>
  <c r="AD37422" i="1"/>
  <c r="AD37424" i="1"/>
  <c r="AD37425" i="1"/>
  <c r="AD37426" i="1"/>
  <c r="AD37427" i="1"/>
  <c r="AD37428" i="1"/>
  <c r="AD37429" i="1"/>
  <c r="AD37430" i="1"/>
  <c r="AD37431" i="1"/>
  <c r="AD37432" i="1"/>
  <c r="AD37433" i="1"/>
  <c r="AD37434" i="1"/>
  <c r="AD37436" i="1"/>
  <c r="AD37437" i="1"/>
  <c r="AD37438" i="1"/>
  <c r="AD37439" i="1"/>
  <c r="AD37440" i="1"/>
  <c r="AD37441" i="1"/>
  <c r="AD37442" i="1"/>
  <c r="AD37443" i="1"/>
  <c r="AD37444" i="1"/>
  <c r="AD37445" i="1"/>
  <c r="AD37446" i="1"/>
  <c r="AD37448" i="1"/>
  <c r="AD37449" i="1"/>
  <c r="AD37450" i="1"/>
  <c r="AD37451" i="1"/>
  <c r="AD37452" i="1"/>
  <c r="AD37453" i="1"/>
  <c r="AD37454" i="1"/>
  <c r="AD37455" i="1"/>
  <c r="AD37456" i="1"/>
  <c r="AD37457" i="1"/>
  <c r="AD37458" i="1"/>
  <c r="AD37460" i="1"/>
  <c r="AD37461" i="1"/>
  <c r="AD37462" i="1"/>
  <c r="AD37463" i="1"/>
  <c r="AD37464" i="1"/>
  <c r="AD37465" i="1"/>
  <c r="AD37466" i="1"/>
  <c r="AD37467" i="1"/>
  <c r="AD37468" i="1"/>
  <c r="AD37469" i="1"/>
  <c r="AD37470" i="1"/>
  <c r="AD37472" i="1"/>
  <c r="AD37473" i="1"/>
  <c r="AD37474" i="1"/>
  <c r="AD37475" i="1"/>
  <c r="AD37476" i="1"/>
  <c r="AD37477" i="1"/>
  <c r="AD37478" i="1"/>
  <c r="AD37479" i="1"/>
  <c r="AD37480" i="1"/>
  <c r="AD37481" i="1"/>
  <c r="AD37482" i="1"/>
  <c r="AD37484" i="1"/>
  <c r="AD37485" i="1"/>
  <c r="AD37486" i="1"/>
  <c r="AD37487" i="1"/>
  <c r="AD37488" i="1"/>
  <c r="AD37489" i="1"/>
  <c r="AD37490" i="1"/>
  <c r="AD37491" i="1"/>
  <c r="AD37492" i="1"/>
  <c r="AD37493" i="1"/>
  <c r="AD37494" i="1"/>
  <c r="AD37496" i="1"/>
  <c r="AD37497" i="1"/>
  <c r="AD37498" i="1"/>
  <c r="AD37499" i="1"/>
  <c r="AD37500" i="1"/>
  <c r="AD37501" i="1"/>
  <c r="AD37502" i="1"/>
  <c r="AD37503" i="1"/>
  <c r="AD37504" i="1"/>
  <c r="AD37505" i="1"/>
  <c r="AD37506" i="1"/>
  <c r="AD37508" i="1"/>
  <c r="AD37509" i="1"/>
  <c r="AD37510" i="1"/>
  <c r="AD37511" i="1"/>
  <c r="AD37512" i="1"/>
  <c r="AD37513" i="1"/>
  <c r="AD37514" i="1"/>
  <c r="AD37515" i="1"/>
  <c r="AD37516" i="1"/>
  <c r="AD37517" i="1"/>
  <c r="AD37518" i="1"/>
  <c r="AD37520" i="1"/>
  <c r="AD37521" i="1"/>
  <c r="AD37522" i="1"/>
  <c r="AD37523" i="1"/>
  <c r="AD37524" i="1"/>
  <c r="AD37525" i="1"/>
  <c r="AD37526" i="1"/>
  <c r="AD37527" i="1"/>
  <c r="AD37528" i="1"/>
  <c r="AD37529" i="1"/>
  <c r="AD37530" i="1"/>
  <c r="AD37532" i="1"/>
  <c r="AD37533" i="1"/>
  <c r="AD37534" i="1"/>
  <c r="AD37535" i="1"/>
  <c r="AD37536" i="1"/>
  <c r="AD37537" i="1"/>
  <c r="AD37538" i="1"/>
  <c r="AD37539" i="1"/>
  <c r="AD37540" i="1"/>
  <c r="AD37541" i="1"/>
  <c r="AD37542" i="1"/>
  <c r="AD37544" i="1"/>
  <c r="AD37545" i="1"/>
  <c r="AD37546" i="1"/>
  <c r="AD37547" i="1"/>
  <c r="AD37548" i="1"/>
  <c r="AD37549" i="1"/>
  <c r="AD37550" i="1"/>
  <c r="AD37551" i="1"/>
  <c r="AD37552" i="1"/>
  <c r="AD37553" i="1"/>
  <c r="AD37554" i="1"/>
  <c r="AD37556" i="1"/>
  <c r="AD37557" i="1"/>
  <c r="AD37558" i="1"/>
  <c r="AD37559" i="1"/>
  <c r="AD37560" i="1"/>
  <c r="AD37561" i="1"/>
  <c r="AD37562" i="1"/>
  <c r="AD37563" i="1"/>
  <c r="AD37564" i="1"/>
  <c r="AD37565" i="1"/>
  <c r="AD37566" i="1"/>
  <c r="AD37568" i="1"/>
  <c r="AD37569" i="1"/>
  <c r="AD37570" i="1"/>
  <c r="AD37571" i="1"/>
  <c r="AD37572" i="1"/>
  <c r="AD37573" i="1"/>
  <c r="AD37574" i="1"/>
  <c r="AD37575" i="1"/>
  <c r="AD37576" i="1"/>
  <c r="AD37577" i="1"/>
  <c r="AD37578" i="1"/>
  <c r="AD37580" i="1"/>
  <c r="AD37581" i="1"/>
  <c r="AD37582" i="1"/>
  <c r="AD37583" i="1"/>
  <c r="AD37584" i="1"/>
  <c r="AD37585" i="1"/>
  <c r="AD37586" i="1"/>
  <c r="AD37587" i="1"/>
  <c r="AD37588" i="1"/>
  <c r="AD37589" i="1"/>
  <c r="AD37590" i="1"/>
  <c r="AD37592" i="1"/>
  <c r="AD37593" i="1"/>
  <c r="AD37594" i="1"/>
  <c r="AD37595" i="1"/>
  <c r="AD37596" i="1"/>
  <c r="AD37597" i="1"/>
  <c r="AD37598" i="1"/>
  <c r="AD37599" i="1"/>
  <c r="AD37600" i="1"/>
  <c r="AD37601" i="1"/>
  <c r="AD37602" i="1"/>
  <c r="AD37604" i="1"/>
  <c r="AD37605" i="1"/>
  <c r="AD37606" i="1"/>
  <c r="AD37607" i="1"/>
  <c r="AD37608" i="1"/>
  <c r="AD37609" i="1"/>
  <c r="AD37610" i="1"/>
  <c r="AD37611" i="1"/>
  <c r="AD37612" i="1"/>
  <c r="AD37613" i="1"/>
  <c r="AD37614" i="1"/>
  <c r="AD37616" i="1"/>
  <c r="AD37617" i="1"/>
  <c r="AD37618" i="1"/>
  <c r="AD37619" i="1"/>
  <c r="AD37620" i="1"/>
  <c r="AD37621" i="1"/>
  <c r="AD37622" i="1"/>
  <c r="AD37623" i="1"/>
  <c r="AD37624" i="1"/>
  <c r="AD37625" i="1"/>
  <c r="AD37626" i="1"/>
  <c r="AD37628" i="1"/>
  <c r="AD37629" i="1"/>
  <c r="AD37630" i="1"/>
  <c r="AD37631" i="1"/>
  <c r="AD37632" i="1"/>
  <c r="AD37633" i="1"/>
  <c r="AD37634" i="1"/>
  <c r="AD37635" i="1"/>
  <c r="AD37636" i="1"/>
  <c r="AD37637" i="1"/>
  <c r="AD37638" i="1"/>
  <c r="AD37640" i="1"/>
  <c r="AD37641" i="1"/>
  <c r="AD37642" i="1"/>
  <c r="AD37643" i="1"/>
  <c r="AD37644" i="1"/>
  <c r="AD37645" i="1"/>
  <c r="AD37646" i="1"/>
  <c r="AD37647" i="1"/>
  <c r="AD37648" i="1"/>
  <c r="AD37649" i="1"/>
  <c r="AD37650" i="1"/>
  <c r="AD37652" i="1"/>
  <c r="AD37653" i="1"/>
  <c r="AD37654" i="1"/>
  <c r="AD37655" i="1"/>
  <c r="AD37656" i="1"/>
  <c r="AD37657" i="1"/>
  <c r="AD37658" i="1"/>
  <c r="AD37659" i="1"/>
  <c r="AD37660" i="1"/>
  <c r="AD37661" i="1"/>
  <c r="AD37662" i="1"/>
  <c r="AD37664" i="1"/>
  <c r="AD37665" i="1"/>
  <c r="AD37666" i="1"/>
  <c r="AD37667" i="1"/>
  <c r="AD37668" i="1"/>
  <c r="AD37669" i="1"/>
  <c r="AD37670" i="1"/>
  <c r="AD37671" i="1"/>
  <c r="AD37672" i="1"/>
  <c r="AD37673" i="1"/>
  <c r="AD37674" i="1"/>
  <c r="AD37676" i="1"/>
  <c r="AD37677" i="1"/>
  <c r="AD37678" i="1"/>
  <c r="AD37679" i="1"/>
  <c r="AD37680" i="1"/>
  <c r="AD37681" i="1"/>
  <c r="AD37682" i="1"/>
  <c r="AD37683" i="1"/>
  <c r="AD37684" i="1"/>
  <c r="AD37685" i="1"/>
  <c r="AD37686" i="1"/>
  <c r="AD37688" i="1"/>
  <c r="AD37689" i="1"/>
  <c r="AD37690" i="1"/>
  <c r="AD37691" i="1"/>
  <c r="AD37692" i="1"/>
  <c r="AD37693" i="1"/>
  <c r="AD37694" i="1"/>
  <c r="AD37695" i="1"/>
  <c r="AD37696" i="1"/>
  <c r="AD37697" i="1"/>
  <c r="AD37698" i="1"/>
  <c r="AD37700" i="1"/>
  <c r="AD37701" i="1"/>
  <c r="AD37702" i="1"/>
  <c r="AD37703" i="1"/>
  <c r="AD37704" i="1"/>
  <c r="AD37705" i="1"/>
  <c r="AD37706" i="1"/>
  <c r="AD37707" i="1"/>
  <c r="AD37708" i="1"/>
  <c r="AD37709" i="1"/>
  <c r="AD37710" i="1"/>
  <c r="AD37712" i="1"/>
  <c r="AD37713" i="1"/>
  <c r="AD37714" i="1"/>
  <c r="AD37715" i="1"/>
  <c r="AD37716" i="1"/>
  <c r="AD37717" i="1"/>
  <c r="AD37718" i="1"/>
  <c r="AD37719" i="1"/>
  <c r="AD37720" i="1"/>
  <c r="AD37721" i="1"/>
  <c r="AD37722" i="1"/>
  <c r="AD37724" i="1"/>
  <c r="AD37725" i="1"/>
  <c r="AD37726" i="1"/>
  <c r="AD37727" i="1"/>
  <c r="AD37728" i="1"/>
  <c r="AD37729" i="1"/>
  <c r="AD37730" i="1"/>
  <c r="AD37731" i="1"/>
  <c r="AD37732" i="1"/>
  <c r="AD37733" i="1"/>
  <c r="AD37734" i="1"/>
  <c r="AD37736" i="1"/>
  <c r="AD37737" i="1"/>
  <c r="AD37738" i="1"/>
  <c r="AD37739" i="1"/>
  <c r="AD37740" i="1"/>
  <c r="AD37741" i="1"/>
  <c r="AD37742" i="1"/>
  <c r="AD37743" i="1"/>
  <c r="AD37744" i="1"/>
  <c r="AD37745" i="1"/>
  <c r="AD37746" i="1"/>
  <c r="AD37748" i="1"/>
  <c r="AD37749" i="1"/>
  <c r="AD37750" i="1"/>
  <c r="AD37751" i="1"/>
  <c r="AD37752" i="1"/>
  <c r="AD37753" i="1"/>
  <c r="AD37754" i="1"/>
  <c r="AD37755" i="1"/>
  <c r="AD37756" i="1"/>
  <c r="AD37757" i="1"/>
  <c r="AD37758" i="1"/>
  <c r="AD37760" i="1"/>
  <c r="AD37761" i="1"/>
  <c r="AD37762" i="1"/>
  <c r="AD37763" i="1"/>
  <c r="AD37764" i="1"/>
  <c r="AD37765" i="1"/>
  <c r="AD37766" i="1"/>
  <c r="AD37767" i="1"/>
  <c r="AD37768" i="1"/>
  <c r="AD37769" i="1"/>
  <c r="AD37770" i="1"/>
  <c r="AD37772" i="1"/>
  <c r="AD37773" i="1"/>
  <c r="AD37774" i="1"/>
  <c r="AD37775" i="1"/>
  <c r="AD37776" i="1"/>
  <c r="AD37777" i="1"/>
  <c r="AD37778" i="1"/>
  <c r="AD37779" i="1"/>
  <c r="AD37780" i="1"/>
  <c r="AD37781" i="1"/>
  <c r="AD37782" i="1"/>
  <c r="AD37784" i="1"/>
  <c r="AD37785" i="1"/>
  <c r="AD37786" i="1"/>
  <c r="AD37787" i="1"/>
  <c r="AD37788" i="1"/>
  <c r="AD37789" i="1"/>
  <c r="AD37790" i="1"/>
  <c r="AD37791" i="1"/>
  <c r="AD37792" i="1"/>
  <c r="AD37793" i="1"/>
  <c r="AD37794" i="1"/>
  <c r="AD37796" i="1"/>
  <c r="AD37797" i="1"/>
  <c r="AD37798" i="1"/>
  <c r="AD37799" i="1"/>
  <c r="AD37800" i="1"/>
  <c r="AD37801" i="1"/>
  <c r="AD37802" i="1"/>
  <c r="AD37803" i="1"/>
  <c r="AD37804" i="1"/>
  <c r="AD37805" i="1"/>
  <c r="AD37806" i="1"/>
  <c r="AD37808" i="1"/>
  <c r="AD37809" i="1"/>
  <c r="AD37810" i="1"/>
  <c r="AD37811" i="1"/>
  <c r="AD37812" i="1"/>
  <c r="AD37813" i="1"/>
  <c r="AD37814" i="1"/>
  <c r="AD37815" i="1"/>
  <c r="AD37816" i="1"/>
  <c r="AD37817" i="1"/>
  <c r="AD37818" i="1"/>
  <c r="AD37820" i="1"/>
  <c r="AD37821" i="1"/>
  <c r="AD37822" i="1"/>
  <c r="AD37823" i="1"/>
  <c r="AD37824" i="1"/>
  <c r="AD37825" i="1"/>
  <c r="AD37826" i="1"/>
  <c r="AD37827" i="1"/>
  <c r="AD37828" i="1"/>
  <c r="AD37829" i="1"/>
  <c r="AD37830" i="1"/>
  <c r="AD37832" i="1"/>
  <c r="AD37833" i="1"/>
  <c r="AD37834" i="1"/>
  <c r="AD37835" i="1"/>
  <c r="AD37836" i="1"/>
  <c r="AD37837" i="1"/>
  <c r="AD37838" i="1"/>
  <c r="AD37839" i="1"/>
  <c r="AD37840" i="1"/>
  <c r="AD37841" i="1"/>
  <c r="AD37842" i="1"/>
  <c r="AD37844" i="1"/>
  <c r="AD37845" i="1"/>
  <c r="AD37846" i="1"/>
  <c r="AD37847" i="1"/>
  <c r="AD37848" i="1"/>
  <c r="AD37849" i="1"/>
  <c r="AD37850" i="1"/>
  <c r="AD37851" i="1"/>
  <c r="AD37852" i="1"/>
  <c r="AD37853" i="1"/>
  <c r="AD37854" i="1"/>
  <c r="AD37856" i="1"/>
  <c r="AD37857" i="1"/>
  <c r="AD37858" i="1"/>
  <c r="AD37859" i="1"/>
  <c r="AD37860" i="1"/>
  <c r="AD37861" i="1"/>
  <c r="AD37862" i="1"/>
  <c r="AD37863" i="1"/>
  <c r="AD37864" i="1"/>
  <c r="AD37865" i="1"/>
  <c r="AD37866" i="1"/>
  <c r="AD37868" i="1"/>
  <c r="AD37869" i="1"/>
  <c r="AD37870" i="1"/>
  <c r="AD37871" i="1"/>
  <c r="AD37872" i="1"/>
  <c r="AD37873" i="1"/>
  <c r="AD37874" i="1"/>
  <c r="AD37875" i="1"/>
  <c r="AD37876" i="1"/>
  <c r="AD37877" i="1"/>
  <c r="AD37878" i="1"/>
  <c r="AD37880" i="1"/>
  <c r="AD37881" i="1"/>
  <c r="AD37882" i="1"/>
  <c r="AD37883" i="1"/>
  <c r="AD37884" i="1"/>
  <c r="AD37885" i="1"/>
  <c r="AD37886" i="1"/>
  <c r="AD37887" i="1"/>
  <c r="AD37888" i="1"/>
  <c r="AD37889" i="1"/>
  <c r="AD37890" i="1"/>
  <c r="AD37892" i="1"/>
  <c r="AD37893" i="1"/>
  <c r="AD37894" i="1"/>
  <c r="AD37895" i="1"/>
  <c r="AD37896" i="1"/>
  <c r="AD37897" i="1"/>
  <c r="AD37898" i="1"/>
  <c r="AD37899" i="1"/>
  <c r="AD37900" i="1"/>
  <c r="AD37901" i="1"/>
  <c r="AD37902" i="1"/>
  <c r="AD37904" i="1"/>
  <c r="AD37905" i="1"/>
  <c r="AD37906" i="1"/>
  <c r="AD37907" i="1"/>
  <c r="AD37908" i="1"/>
  <c r="AD37909" i="1"/>
  <c r="AD37910" i="1"/>
  <c r="AD37911" i="1"/>
  <c r="AD37912" i="1"/>
  <c r="AD37913" i="1"/>
  <c r="AD37914" i="1"/>
  <c r="AD37916" i="1"/>
  <c r="AD37917" i="1"/>
  <c r="AD37918" i="1"/>
  <c r="AD37919" i="1"/>
  <c r="AD37920" i="1"/>
  <c r="AD37921" i="1"/>
  <c r="AD37922" i="1"/>
  <c r="AD37923" i="1"/>
  <c r="AD37924" i="1"/>
  <c r="AD37925" i="1"/>
  <c r="AD37926" i="1"/>
  <c r="AD37928" i="1"/>
  <c r="AD37929" i="1"/>
  <c r="AD37930" i="1"/>
  <c r="AD37931" i="1"/>
  <c r="AD37932" i="1"/>
  <c r="AD37933" i="1"/>
  <c r="AD37934" i="1"/>
  <c r="AD37935" i="1"/>
  <c r="AD37936" i="1"/>
  <c r="AD37937" i="1"/>
  <c r="AD37938" i="1"/>
  <c r="AD37940" i="1"/>
  <c r="AD37941" i="1"/>
  <c r="AD37942" i="1"/>
  <c r="AD37943" i="1"/>
  <c r="AD37944" i="1"/>
  <c r="AD37945" i="1"/>
  <c r="AD37946" i="1"/>
  <c r="AD37947" i="1"/>
  <c r="AD37948" i="1"/>
  <c r="AD37949" i="1"/>
  <c r="AD37950" i="1"/>
  <c r="AD37952" i="1"/>
  <c r="AD37953" i="1"/>
  <c r="AD37954" i="1"/>
  <c r="AD37955" i="1"/>
  <c r="AD37956" i="1"/>
  <c r="AD37957" i="1"/>
  <c r="AD37958" i="1"/>
  <c r="AD37959" i="1"/>
  <c r="AD37960" i="1"/>
  <c r="AD37961" i="1"/>
  <c r="AD37962" i="1"/>
  <c r="AD37964" i="1"/>
  <c r="AD37965" i="1"/>
  <c r="AD37966" i="1"/>
  <c r="AD37967" i="1"/>
  <c r="AD37968" i="1"/>
  <c r="AD37969" i="1"/>
  <c r="AD37970" i="1"/>
  <c r="AD37971" i="1"/>
  <c r="AD37972" i="1"/>
  <c r="AD37973" i="1"/>
  <c r="AD37974" i="1"/>
  <c r="AD37976" i="1"/>
  <c r="AD37977" i="1"/>
  <c r="AD37978" i="1"/>
  <c r="AD37979" i="1"/>
  <c r="AD37980" i="1"/>
  <c r="AD37981" i="1"/>
  <c r="AD37982" i="1"/>
  <c r="AD37983" i="1"/>
  <c r="AD37984" i="1"/>
  <c r="AD37985" i="1"/>
  <c r="AD37986" i="1"/>
  <c r="AD37988" i="1"/>
  <c r="AD37989" i="1"/>
  <c r="AD37990" i="1"/>
  <c r="AD37991" i="1"/>
  <c r="AD37992" i="1"/>
  <c r="AD37993" i="1"/>
  <c r="AD37994" i="1"/>
  <c r="AD37995" i="1"/>
  <c r="AD37996" i="1"/>
  <c r="AD37997" i="1"/>
  <c r="AD37998" i="1"/>
  <c r="AD38000" i="1"/>
  <c r="AD38001" i="1"/>
  <c r="AD38002" i="1"/>
  <c r="AD38003" i="1"/>
  <c r="AD38004" i="1"/>
  <c r="AD38005" i="1"/>
  <c r="AD38006" i="1"/>
  <c r="AD38007" i="1"/>
  <c r="AD38008" i="1"/>
  <c r="AD38009" i="1"/>
  <c r="AD38010" i="1"/>
  <c r="AD38012" i="1"/>
  <c r="AD38013" i="1"/>
  <c r="AD38014" i="1"/>
  <c r="AD38015" i="1"/>
  <c r="AD38016" i="1"/>
  <c r="AD38017" i="1"/>
  <c r="AD38018" i="1"/>
  <c r="AD38019" i="1"/>
  <c r="AD38020" i="1"/>
  <c r="AD38021" i="1"/>
  <c r="AD38022" i="1"/>
  <c r="AD38024" i="1"/>
  <c r="AD38025" i="1"/>
  <c r="AD38026" i="1"/>
  <c r="AD38027" i="1"/>
  <c r="AD38028" i="1"/>
  <c r="AD38029" i="1"/>
  <c r="AD38030" i="1"/>
  <c r="AD38031" i="1"/>
  <c r="AD38032" i="1"/>
  <c r="AD38033" i="1"/>
  <c r="AD38034" i="1"/>
  <c r="AD38036" i="1"/>
  <c r="AD38037" i="1"/>
  <c r="AD38038" i="1"/>
  <c r="AD38039" i="1"/>
  <c r="AD38040" i="1"/>
  <c r="AD38041" i="1"/>
  <c r="AD38042" i="1"/>
  <c r="AD38043" i="1"/>
  <c r="AD38044" i="1"/>
  <c r="AD38045" i="1"/>
  <c r="AD38046" i="1"/>
  <c r="AD38048" i="1"/>
  <c r="AD38049" i="1"/>
  <c r="AD38050" i="1"/>
  <c r="AD38051" i="1"/>
  <c r="AD38052" i="1"/>
  <c r="AD38053" i="1"/>
  <c r="AD38054" i="1"/>
  <c r="AD38055" i="1"/>
  <c r="AD38056" i="1"/>
  <c r="AD38057" i="1"/>
  <c r="AD38058" i="1"/>
  <c r="AD38060" i="1"/>
  <c r="AD38061" i="1"/>
  <c r="AD38062" i="1"/>
  <c r="AD38063" i="1"/>
  <c r="AD38064" i="1"/>
  <c r="AD38065" i="1"/>
  <c r="AD38066" i="1"/>
  <c r="AD38067" i="1"/>
  <c r="AD38068" i="1"/>
  <c r="AD38069" i="1"/>
  <c r="AD38070" i="1"/>
  <c r="AD38072" i="1"/>
  <c r="AD38073" i="1"/>
  <c r="AD38074" i="1"/>
  <c r="AD38075" i="1"/>
  <c r="AD38076" i="1"/>
  <c r="AD38077" i="1"/>
  <c r="AD38078" i="1"/>
  <c r="AD38079" i="1"/>
  <c r="AD38080" i="1"/>
  <c r="AD38081" i="1"/>
  <c r="AD38082" i="1"/>
  <c r="AD38084" i="1"/>
  <c r="AD38085" i="1"/>
  <c r="AD38086" i="1"/>
  <c r="AD38087" i="1"/>
  <c r="AD38088" i="1"/>
  <c r="AD38089" i="1"/>
  <c r="AD38090" i="1"/>
  <c r="AD38091" i="1"/>
  <c r="AD38092" i="1"/>
  <c r="AD38093" i="1"/>
  <c r="AD38094" i="1"/>
  <c r="AD38096" i="1"/>
  <c r="AD38097" i="1"/>
  <c r="AD38098" i="1"/>
  <c r="AD38099" i="1"/>
  <c r="AD38100" i="1"/>
  <c r="AD38101" i="1"/>
  <c r="AD38102" i="1"/>
  <c r="AD38103" i="1"/>
  <c r="AD38104" i="1"/>
  <c r="AD38105" i="1"/>
  <c r="AD38106" i="1"/>
  <c r="AD38108" i="1"/>
  <c r="AD38109" i="1"/>
  <c r="AD38110" i="1"/>
  <c r="AD38111" i="1"/>
  <c r="AD38112" i="1"/>
  <c r="AD38113" i="1"/>
  <c r="AD38114" i="1"/>
  <c r="AD38115" i="1"/>
  <c r="AD38116" i="1"/>
  <c r="AD38117" i="1"/>
  <c r="AD38118" i="1"/>
  <c r="AD38120" i="1"/>
  <c r="AD38121" i="1"/>
  <c r="AD38122" i="1"/>
  <c r="AD38123" i="1"/>
  <c r="AD38124" i="1"/>
  <c r="AD38125" i="1"/>
  <c r="AD38126" i="1"/>
  <c r="AD38127" i="1"/>
  <c r="AD38128" i="1"/>
  <c r="AD38129" i="1"/>
  <c r="AD38130" i="1"/>
  <c r="AD38132" i="1"/>
  <c r="AD38133" i="1"/>
  <c r="AD38134" i="1"/>
  <c r="AD38135" i="1"/>
  <c r="AD38136" i="1"/>
  <c r="AD38137" i="1"/>
  <c r="AD38138" i="1"/>
  <c r="AD38139" i="1"/>
  <c r="AD38140" i="1"/>
  <c r="AD38141" i="1"/>
  <c r="AD38142" i="1"/>
  <c r="AD38144" i="1"/>
  <c r="AD38145" i="1"/>
  <c r="AD38146" i="1"/>
  <c r="AD38147" i="1"/>
  <c r="AD38148" i="1"/>
  <c r="AD38149" i="1"/>
  <c r="AD38150" i="1"/>
  <c r="AD38151" i="1"/>
  <c r="AD38152" i="1"/>
  <c r="AD38153" i="1"/>
  <c r="AD38154" i="1"/>
  <c r="AD38156" i="1"/>
  <c r="AD38157" i="1"/>
  <c r="AD38158" i="1"/>
  <c r="AD38159" i="1"/>
  <c r="AD38160" i="1"/>
  <c r="AD38161" i="1"/>
  <c r="AD38162" i="1"/>
  <c r="AD38163" i="1"/>
  <c r="AD38164" i="1"/>
  <c r="AD38165" i="1"/>
  <c r="AD38166" i="1"/>
  <c r="AD38168" i="1"/>
  <c r="AD38169" i="1"/>
  <c r="AD38170" i="1"/>
  <c r="AD38171" i="1"/>
  <c r="AD38172" i="1"/>
  <c r="AD38173" i="1"/>
  <c r="AD38174" i="1"/>
  <c r="AD38175" i="1"/>
  <c r="AD38176" i="1"/>
  <c r="AD38177" i="1"/>
  <c r="AD38178" i="1"/>
  <c r="AD38180" i="1"/>
  <c r="AD38181" i="1"/>
  <c r="AD38182" i="1"/>
  <c r="AD38183" i="1"/>
  <c r="AD38184" i="1"/>
  <c r="AD38185" i="1"/>
  <c r="AD38186" i="1"/>
  <c r="AD38187" i="1"/>
  <c r="AD38188" i="1"/>
  <c r="AD38189" i="1"/>
  <c r="AD38190" i="1"/>
  <c r="AD38192" i="1"/>
  <c r="AD38193" i="1"/>
  <c r="AD38194" i="1"/>
  <c r="AD38195" i="1"/>
  <c r="AD38196" i="1"/>
  <c r="AD38197" i="1"/>
  <c r="AD38198" i="1"/>
  <c r="AD38199" i="1"/>
  <c r="AD38200" i="1"/>
  <c r="AD38201" i="1"/>
  <c r="AD38202" i="1"/>
  <c r="AD38204" i="1"/>
  <c r="AD38205" i="1"/>
  <c r="AD38206" i="1"/>
  <c r="AD38207" i="1"/>
  <c r="AD38208" i="1"/>
  <c r="AD38209" i="1"/>
  <c r="AD38210" i="1"/>
  <c r="AD38211" i="1"/>
  <c r="AD38212" i="1"/>
  <c r="AD38213" i="1"/>
  <c r="AD38214" i="1"/>
  <c r="AD38216" i="1"/>
  <c r="AD38217" i="1"/>
  <c r="AD38218" i="1"/>
  <c r="AD38219" i="1"/>
  <c r="AD38220" i="1"/>
  <c r="AD38221" i="1"/>
  <c r="AD38222" i="1"/>
  <c r="AD38223" i="1"/>
  <c r="AD38224" i="1"/>
  <c r="AD38225" i="1"/>
  <c r="AD38226" i="1"/>
  <c r="AD38228" i="1"/>
  <c r="AD38229" i="1"/>
  <c r="AD38230" i="1"/>
  <c r="AD38231" i="1"/>
  <c r="AD38232" i="1"/>
  <c r="AD38233" i="1"/>
  <c r="AD38234" i="1"/>
  <c r="AD38235" i="1"/>
  <c r="AD38236" i="1"/>
  <c r="AD38237" i="1"/>
  <c r="AD38238" i="1"/>
  <c r="AD38240" i="1"/>
  <c r="AD38241" i="1"/>
  <c r="AD38242" i="1"/>
  <c r="AD38243" i="1"/>
  <c r="AD38244" i="1"/>
  <c r="AD38245" i="1"/>
  <c r="AD38246" i="1"/>
  <c r="AD38247" i="1"/>
  <c r="AD38248" i="1"/>
  <c r="AD38249" i="1"/>
  <c r="AD38250" i="1"/>
  <c r="AD38252" i="1"/>
  <c r="AD38253" i="1"/>
  <c r="AD38254" i="1"/>
  <c r="AD38255" i="1"/>
  <c r="AD38256" i="1"/>
  <c r="AD38257" i="1"/>
  <c r="AD38258" i="1"/>
  <c r="AD38259" i="1"/>
  <c r="AD38260" i="1"/>
  <c r="AD38261" i="1"/>
  <c r="AD38262" i="1"/>
  <c r="AD38264" i="1"/>
  <c r="AD38265" i="1"/>
  <c r="AD38266" i="1"/>
  <c r="AD38267" i="1"/>
  <c r="AD38268" i="1"/>
  <c r="AD38269" i="1"/>
  <c r="AD38270" i="1"/>
  <c r="AD38271" i="1"/>
  <c r="AD38272" i="1"/>
  <c r="AD38273" i="1"/>
  <c r="AD38274" i="1"/>
  <c r="AD38276" i="1"/>
  <c r="AD38277" i="1"/>
  <c r="AD38278" i="1"/>
  <c r="AD38279" i="1"/>
  <c r="AD38280" i="1"/>
  <c r="AD38281" i="1"/>
  <c r="AD38282" i="1"/>
  <c r="AD38283" i="1"/>
  <c r="AD38284" i="1"/>
  <c r="AD38285" i="1"/>
  <c r="AD38286" i="1"/>
  <c r="AD38288" i="1"/>
  <c r="AD38289" i="1"/>
  <c r="AD38290" i="1"/>
  <c r="AD38291" i="1"/>
  <c r="AD38292" i="1"/>
  <c r="AD38293" i="1"/>
  <c r="AD38294" i="1"/>
  <c r="AD38295" i="1"/>
  <c r="AD38296" i="1"/>
  <c r="AD38297" i="1"/>
  <c r="AD38298" i="1"/>
  <c r="AD38300" i="1"/>
  <c r="AD38301" i="1"/>
  <c r="AD38302" i="1"/>
  <c r="AD38303" i="1"/>
  <c r="AD38304" i="1"/>
  <c r="AD38305" i="1"/>
  <c r="AD38306" i="1"/>
  <c r="AD38307" i="1"/>
  <c r="AD38308" i="1"/>
  <c r="AD38309" i="1"/>
  <c r="AD38310" i="1"/>
  <c r="AD38312" i="1"/>
  <c r="AD38313" i="1"/>
  <c r="AD38314" i="1"/>
  <c r="AD38315" i="1"/>
  <c r="AD38316" i="1"/>
  <c r="AD38317" i="1"/>
  <c r="AD38318" i="1"/>
  <c r="AD38319" i="1"/>
  <c r="AD38320" i="1"/>
  <c r="AD38321" i="1"/>
  <c r="AD38322" i="1"/>
  <c r="AD38324" i="1"/>
  <c r="AD38325" i="1"/>
  <c r="AD38326" i="1"/>
  <c r="AD38327" i="1"/>
  <c r="AD38328" i="1"/>
  <c r="AD38329" i="1"/>
  <c r="AD38330" i="1"/>
  <c r="AD38331" i="1"/>
  <c r="AD38332" i="1"/>
  <c r="AD38333" i="1"/>
  <c r="AD38334" i="1"/>
  <c r="AD38336" i="1"/>
  <c r="AD38337" i="1"/>
  <c r="AD38338" i="1"/>
  <c r="AD38339" i="1"/>
  <c r="AD38340" i="1"/>
  <c r="AD38341" i="1"/>
  <c r="AD38342" i="1"/>
  <c r="AD38343" i="1"/>
  <c r="AD38344" i="1"/>
  <c r="AD38345" i="1"/>
  <c r="AD38346" i="1"/>
  <c r="AD38348" i="1"/>
  <c r="AD38349" i="1"/>
  <c r="AD38350" i="1"/>
  <c r="AD38351" i="1"/>
  <c r="AD38352" i="1"/>
  <c r="AD38353" i="1"/>
  <c r="AD38354" i="1"/>
  <c r="AD38355" i="1"/>
  <c r="AD38356" i="1"/>
  <c r="AD38357" i="1"/>
  <c r="AD38358" i="1"/>
  <c r="AD38360" i="1"/>
  <c r="AD38361" i="1"/>
  <c r="AD38362" i="1"/>
  <c r="AD38363" i="1"/>
  <c r="AD38364" i="1"/>
  <c r="AD38365" i="1"/>
  <c r="AD38366" i="1"/>
  <c r="AD38367" i="1"/>
  <c r="AD38368" i="1"/>
  <c r="AD38369" i="1"/>
  <c r="AD38370" i="1"/>
  <c r="AD38372" i="1"/>
  <c r="AD38373" i="1"/>
  <c r="AD38374" i="1"/>
  <c r="AD38375" i="1"/>
  <c r="AD38376" i="1"/>
  <c r="AD38377" i="1"/>
  <c r="AD38378" i="1"/>
  <c r="AD38379" i="1"/>
  <c r="AD38380" i="1"/>
  <c r="AD38381" i="1"/>
  <c r="AD38382" i="1"/>
  <c r="AD38384" i="1"/>
  <c r="AD38385" i="1"/>
  <c r="AD38386" i="1"/>
  <c r="AD38387" i="1"/>
  <c r="AD38388" i="1"/>
  <c r="AD38389" i="1"/>
  <c r="AD38390" i="1"/>
  <c r="AD38391" i="1"/>
  <c r="AD38392" i="1"/>
  <c r="AD38393" i="1"/>
  <c r="AD38394" i="1"/>
  <c r="AD38396" i="1"/>
  <c r="AD38397" i="1"/>
  <c r="AD38398" i="1"/>
  <c r="AD38399" i="1"/>
  <c r="AD38400" i="1"/>
  <c r="AD38401" i="1"/>
  <c r="AD38402" i="1"/>
  <c r="AD38403" i="1"/>
  <c r="AD38404" i="1"/>
  <c r="AD38405" i="1"/>
  <c r="AD38406" i="1"/>
  <c r="AD38408" i="1"/>
  <c r="AD38409" i="1"/>
  <c r="AD38410" i="1"/>
  <c r="AD38411" i="1"/>
  <c r="AD38412" i="1"/>
  <c r="AD38413" i="1"/>
  <c r="AD38414" i="1"/>
  <c r="AD38415" i="1"/>
  <c r="AD38416" i="1"/>
  <c r="AD38417" i="1"/>
  <c r="AD38418" i="1"/>
  <c r="AD38420" i="1"/>
  <c r="AD38421" i="1"/>
  <c r="AD38422" i="1"/>
  <c r="AD38423" i="1"/>
  <c r="AD38424" i="1"/>
  <c r="AD38425" i="1"/>
  <c r="AD38426" i="1"/>
  <c r="AD38427" i="1"/>
  <c r="AD38428" i="1"/>
  <c r="AD38429" i="1"/>
  <c r="AD38430" i="1"/>
  <c r="AD38432" i="1"/>
  <c r="AD38433" i="1"/>
  <c r="AD38434" i="1"/>
  <c r="AD38435" i="1"/>
  <c r="AD38436" i="1"/>
  <c r="AD38437" i="1"/>
  <c r="AD38438" i="1"/>
  <c r="AD38439" i="1"/>
  <c r="AD38440" i="1"/>
  <c r="AD38441" i="1"/>
  <c r="AD38442" i="1"/>
  <c r="AD38444" i="1"/>
  <c r="AD38445" i="1"/>
  <c r="AD38446" i="1"/>
  <c r="AD38447" i="1"/>
  <c r="AD38448" i="1"/>
  <c r="AD38449" i="1"/>
  <c r="AD38450" i="1"/>
  <c r="AD38451" i="1"/>
  <c r="AD38452" i="1"/>
  <c r="AD38453" i="1"/>
  <c r="AD38454" i="1"/>
  <c r="AD38456" i="1"/>
  <c r="AD38457" i="1"/>
  <c r="AD38458" i="1"/>
  <c r="AD38459" i="1"/>
  <c r="AD38460" i="1"/>
  <c r="AD38461" i="1"/>
  <c r="AD38462" i="1"/>
  <c r="AD38463" i="1"/>
  <c r="AD38464" i="1"/>
  <c r="AD38465" i="1"/>
  <c r="AD38466" i="1"/>
  <c r="AD38468" i="1"/>
  <c r="AD38469" i="1"/>
  <c r="AD38470" i="1"/>
  <c r="AD38471" i="1"/>
  <c r="AD38472" i="1"/>
  <c r="AD38473" i="1"/>
  <c r="AD38474" i="1"/>
  <c r="AD38475" i="1"/>
  <c r="AD38476" i="1"/>
  <c r="AD38477" i="1"/>
  <c r="AD38478" i="1"/>
  <c r="AD38480" i="1"/>
  <c r="AD38481" i="1"/>
  <c r="AD38482" i="1"/>
  <c r="AD38483" i="1"/>
  <c r="AD38484" i="1"/>
  <c r="AD38485" i="1"/>
  <c r="AD38486" i="1"/>
  <c r="AD38487" i="1"/>
  <c r="AD38488" i="1"/>
  <c r="AD38489" i="1"/>
  <c r="AD38490" i="1"/>
  <c r="AD38492" i="1"/>
  <c r="AD38493" i="1"/>
  <c r="AD38494" i="1"/>
  <c r="AD38495" i="1"/>
  <c r="AD38496" i="1"/>
  <c r="AD38497" i="1"/>
  <c r="AD38498" i="1"/>
  <c r="AD38499" i="1"/>
  <c r="AD38500" i="1"/>
  <c r="AD38501" i="1"/>
  <c r="AD38502" i="1"/>
  <c r="AD38504" i="1"/>
  <c r="AD38505" i="1"/>
  <c r="AD38506" i="1"/>
  <c r="AD38507" i="1"/>
  <c r="AD38508" i="1"/>
  <c r="AD38509" i="1"/>
  <c r="AD38510" i="1"/>
  <c r="AD38511" i="1"/>
  <c r="AD38512" i="1"/>
  <c r="AD38513" i="1"/>
  <c r="AD38514" i="1"/>
  <c r="AD38516" i="1"/>
  <c r="AD38517" i="1"/>
  <c r="AD38518" i="1"/>
  <c r="AD38519" i="1"/>
  <c r="AD38520" i="1"/>
  <c r="AD38521" i="1"/>
  <c r="AD38522" i="1"/>
  <c r="AD38523" i="1"/>
  <c r="AD38524" i="1"/>
  <c r="AD38525" i="1"/>
  <c r="AD38526" i="1"/>
  <c r="AD38528" i="1"/>
  <c r="AD38529" i="1"/>
  <c r="AD38530" i="1"/>
  <c r="AD38531" i="1"/>
  <c r="AD38532" i="1"/>
  <c r="AD38533" i="1"/>
  <c r="AD38534" i="1"/>
  <c r="AD38535" i="1"/>
  <c r="AD38536" i="1"/>
  <c r="AD38537" i="1"/>
  <c r="AD38538" i="1"/>
  <c r="AD38540" i="1"/>
  <c r="AD38541" i="1"/>
  <c r="AD38542" i="1"/>
  <c r="AD38543" i="1"/>
  <c r="AD38544" i="1"/>
  <c r="AD38545" i="1"/>
  <c r="AD38546" i="1"/>
  <c r="AD38547" i="1"/>
  <c r="AD38548" i="1"/>
  <c r="AD38549" i="1"/>
  <c r="AD38550" i="1"/>
  <c r="AD38552" i="1"/>
  <c r="AD38553" i="1"/>
  <c r="AD38554" i="1"/>
  <c r="AD38555" i="1"/>
  <c r="AD38556" i="1"/>
  <c r="AD38557" i="1"/>
  <c r="AD38558" i="1"/>
  <c r="AD38559" i="1"/>
  <c r="AD38560" i="1"/>
  <c r="AD38561" i="1"/>
  <c r="AD38562" i="1"/>
  <c r="AD38564" i="1"/>
  <c r="AD38565" i="1"/>
  <c r="AD38566" i="1"/>
  <c r="AD38567" i="1"/>
  <c r="AD38568" i="1"/>
  <c r="AD38569" i="1"/>
  <c r="AD38570" i="1"/>
  <c r="AD38571" i="1"/>
  <c r="AD38572" i="1"/>
  <c r="AD38573" i="1"/>
  <c r="AD38574" i="1"/>
  <c r="AD38576" i="1"/>
  <c r="AD38577" i="1"/>
  <c r="AD38578" i="1"/>
  <c r="AD38579" i="1"/>
  <c r="AD38580" i="1"/>
  <c r="AD38581" i="1"/>
  <c r="AD38582" i="1"/>
  <c r="AD38583" i="1"/>
  <c r="AD38584" i="1"/>
  <c r="AD38585" i="1"/>
  <c r="AD38586" i="1"/>
  <c r="AD38588" i="1"/>
  <c r="AD38589" i="1"/>
  <c r="AD38590" i="1"/>
  <c r="AD38591" i="1"/>
  <c r="AD38592" i="1"/>
  <c r="AD38593" i="1"/>
  <c r="AD38594" i="1"/>
  <c r="AD38595" i="1"/>
  <c r="AD38596" i="1"/>
  <c r="AD38597" i="1"/>
  <c r="AD38598" i="1"/>
  <c r="AD38600" i="1"/>
  <c r="AD38601" i="1"/>
  <c r="AD38602" i="1"/>
  <c r="AD38603" i="1"/>
  <c r="AD38604" i="1"/>
  <c r="AD38605" i="1"/>
  <c r="AD38606" i="1"/>
  <c r="AD38607" i="1"/>
  <c r="AD38608" i="1"/>
  <c r="AD38609" i="1"/>
  <c r="AD38610" i="1"/>
  <c r="AD38612" i="1"/>
  <c r="AD38613" i="1"/>
  <c r="AD38614" i="1"/>
  <c r="AD38615" i="1"/>
  <c r="AD38616" i="1"/>
  <c r="AD38617" i="1"/>
  <c r="AD38618" i="1"/>
  <c r="AD38619" i="1"/>
  <c r="AD38620" i="1"/>
  <c r="AD38621" i="1"/>
  <c r="AD38622" i="1"/>
  <c r="AD38624" i="1"/>
  <c r="AD38625" i="1"/>
  <c r="AD38626" i="1"/>
  <c r="AD38627" i="1"/>
  <c r="AD38628" i="1"/>
  <c r="AD38629" i="1"/>
  <c r="AD38630" i="1"/>
  <c r="AD38631" i="1"/>
  <c r="AD38632" i="1"/>
  <c r="AD38633" i="1"/>
  <c r="AD38634" i="1"/>
  <c r="AD38636" i="1"/>
  <c r="AD38637" i="1"/>
  <c r="AD38638" i="1"/>
  <c r="AD38639" i="1"/>
  <c r="AD38640" i="1"/>
  <c r="AD38641" i="1"/>
  <c r="AD38642" i="1"/>
  <c r="AD38643" i="1"/>
  <c r="AD38644" i="1"/>
  <c r="AD38645" i="1"/>
  <c r="AD38646" i="1"/>
  <c r="AD38648" i="1"/>
  <c r="AD38649" i="1"/>
  <c r="AD38650" i="1"/>
  <c r="AD38651" i="1"/>
  <c r="AD38652" i="1"/>
  <c r="AD38653" i="1"/>
  <c r="AD38654" i="1"/>
  <c r="AD38655" i="1"/>
  <c r="AD38656" i="1"/>
  <c r="AD38657" i="1"/>
  <c r="AD38658" i="1"/>
  <c r="AD38660" i="1"/>
  <c r="AD38661" i="1"/>
  <c r="AD38662" i="1"/>
  <c r="AD38663" i="1"/>
  <c r="AD38664" i="1"/>
  <c r="AD38665" i="1"/>
  <c r="AD38666" i="1"/>
  <c r="AD38667" i="1"/>
  <c r="AD38668" i="1"/>
  <c r="AD38669" i="1"/>
  <c r="AD38670" i="1"/>
  <c r="AD38672" i="1"/>
  <c r="AD38673" i="1"/>
  <c r="AD38674" i="1"/>
  <c r="AD38675" i="1"/>
  <c r="AD38676" i="1"/>
  <c r="AD38677" i="1"/>
  <c r="AD38678" i="1"/>
  <c r="AD38679" i="1"/>
  <c r="AD38680" i="1"/>
  <c r="AD38681" i="1"/>
  <c r="AD38682" i="1"/>
  <c r="AD38684" i="1"/>
  <c r="AD38685" i="1"/>
  <c r="AD38686" i="1"/>
  <c r="AD38687" i="1"/>
  <c r="AD38688" i="1"/>
  <c r="AD38689" i="1"/>
  <c r="AD38690" i="1"/>
  <c r="AD38691" i="1"/>
  <c r="AD38692" i="1"/>
  <c r="AD38693" i="1"/>
  <c r="AD38694" i="1"/>
  <c r="AD38696" i="1"/>
  <c r="AD38697" i="1"/>
  <c r="AD38698" i="1"/>
  <c r="AD38699" i="1"/>
  <c r="AD38700" i="1"/>
  <c r="AD38701" i="1"/>
  <c r="AD38702" i="1"/>
  <c r="AD38703" i="1"/>
  <c r="AD38704" i="1"/>
  <c r="AD38705" i="1"/>
  <c r="AD38706" i="1"/>
  <c r="AD38708" i="1"/>
  <c r="AD38709" i="1"/>
  <c r="AD38710" i="1"/>
  <c r="AD38711" i="1"/>
  <c r="AD38712" i="1"/>
  <c r="AD38713" i="1"/>
  <c r="AD38714" i="1"/>
  <c r="AD38715" i="1"/>
  <c r="AD38716" i="1"/>
  <c r="AD38717" i="1"/>
  <c r="AD38718" i="1"/>
  <c r="AD38720" i="1"/>
  <c r="AD38721" i="1"/>
  <c r="AD38722" i="1"/>
  <c r="AD38723" i="1"/>
  <c r="AD38724" i="1"/>
  <c r="AD38725" i="1"/>
  <c r="AD38726" i="1"/>
  <c r="AD38727" i="1"/>
  <c r="AD38728" i="1"/>
  <c r="AD38729" i="1"/>
  <c r="AD38730" i="1"/>
  <c r="AD38732" i="1"/>
  <c r="AD38733" i="1"/>
  <c r="AD38734" i="1"/>
  <c r="AD38735" i="1"/>
  <c r="AD38736" i="1"/>
  <c r="AD38737" i="1"/>
  <c r="AD38738" i="1"/>
  <c r="AD38739" i="1"/>
  <c r="AD38740" i="1"/>
  <c r="AD38741" i="1"/>
  <c r="AD38742" i="1"/>
  <c r="AD38744" i="1"/>
  <c r="AD38745" i="1"/>
  <c r="AD38746" i="1"/>
  <c r="AD38747" i="1"/>
  <c r="AD38748" i="1"/>
  <c r="AD38749" i="1"/>
  <c r="AD38750" i="1"/>
  <c r="AD38751" i="1"/>
  <c r="AD38752" i="1"/>
  <c r="AD38753" i="1"/>
  <c r="AD38754" i="1"/>
  <c r="AD38756" i="1"/>
  <c r="AD38757" i="1"/>
  <c r="AD38758" i="1"/>
  <c r="AD38759" i="1"/>
  <c r="AD38760" i="1"/>
  <c r="AD38761" i="1"/>
  <c r="AD38762" i="1"/>
  <c r="AD38763" i="1"/>
  <c r="AD38764" i="1"/>
  <c r="AD38765" i="1"/>
  <c r="AD38766" i="1"/>
  <c r="AD38768" i="1"/>
  <c r="AD38769" i="1"/>
  <c r="AD38770" i="1"/>
  <c r="AD38771" i="1"/>
  <c r="AD38772" i="1"/>
  <c r="AD38773" i="1"/>
  <c r="AD38774" i="1"/>
  <c r="AD38775" i="1"/>
  <c r="AD38776" i="1"/>
  <c r="AD38777" i="1"/>
  <c r="AD38778" i="1"/>
  <c r="AD38780" i="1"/>
  <c r="AD38781" i="1"/>
  <c r="AD38782" i="1"/>
  <c r="AD38783" i="1"/>
  <c r="AD38784" i="1"/>
  <c r="AD38785" i="1"/>
  <c r="AD38786" i="1"/>
  <c r="AD38787" i="1"/>
  <c r="AD38788" i="1"/>
  <c r="AD38789" i="1"/>
  <c r="AD38790" i="1"/>
  <c r="AD38792" i="1"/>
  <c r="AD38793" i="1"/>
  <c r="AD38794" i="1"/>
  <c r="AD38795" i="1"/>
  <c r="AD38796" i="1"/>
  <c r="AD38797" i="1"/>
  <c r="AD38798" i="1"/>
  <c r="AD38799" i="1"/>
  <c r="AD38800" i="1"/>
  <c r="AD38801" i="1"/>
  <c r="AD38802" i="1"/>
  <c r="AD38804" i="1"/>
  <c r="AD38805" i="1"/>
  <c r="AD38806" i="1"/>
  <c r="AD38807" i="1"/>
  <c r="AD38808" i="1"/>
  <c r="AD38809" i="1"/>
  <c r="AD38810" i="1"/>
  <c r="AD38811" i="1"/>
  <c r="AD38812" i="1"/>
  <c r="AD38813" i="1"/>
  <c r="AD38814" i="1"/>
  <c r="AD38816" i="1"/>
  <c r="AD38817" i="1"/>
  <c r="AD38818" i="1"/>
  <c r="AD38819" i="1"/>
  <c r="AD38820" i="1"/>
  <c r="AD38821" i="1"/>
  <c r="AD38822" i="1"/>
  <c r="AD38823" i="1"/>
  <c r="AD38824" i="1"/>
  <c r="AD38825" i="1"/>
  <c r="AD38826" i="1"/>
  <c r="AD38828" i="1"/>
  <c r="AD38829" i="1"/>
  <c r="AD38830" i="1"/>
  <c r="AD38831" i="1"/>
  <c r="AD38832" i="1"/>
  <c r="AD38833" i="1"/>
  <c r="AD38834" i="1"/>
  <c r="AD38835" i="1"/>
  <c r="AD38836" i="1"/>
  <c r="AD38837" i="1"/>
  <c r="AD38838" i="1"/>
  <c r="AD38840" i="1"/>
  <c r="AD38841" i="1"/>
  <c r="AD38842" i="1"/>
  <c r="AD38843" i="1"/>
  <c r="AD38844" i="1"/>
  <c r="AD38845" i="1"/>
  <c r="AD38846" i="1"/>
  <c r="AD38847" i="1"/>
  <c r="AD38848" i="1"/>
  <c r="AD38849" i="1"/>
  <c r="AD38850" i="1"/>
  <c r="AD38852" i="1"/>
  <c r="AD38853" i="1"/>
  <c r="AD38854" i="1"/>
  <c r="AD38855" i="1"/>
  <c r="AD38856" i="1"/>
  <c r="AD38857" i="1"/>
  <c r="AD38858" i="1"/>
  <c r="AD38859" i="1"/>
  <c r="AD38860" i="1"/>
  <c r="AD38861" i="1"/>
  <c r="AD38862" i="1"/>
  <c r="AD38864" i="1"/>
  <c r="AD38865" i="1"/>
  <c r="AD38866" i="1"/>
  <c r="AD38867" i="1"/>
  <c r="AD38868" i="1"/>
  <c r="AD38869" i="1"/>
  <c r="AD38870" i="1"/>
  <c r="AD38871" i="1"/>
  <c r="AD38872" i="1"/>
  <c r="AD38873" i="1"/>
  <c r="AD38874" i="1"/>
  <c r="AD38876" i="1"/>
  <c r="AD38877" i="1"/>
  <c r="AD38878" i="1"/>
  <c r="AD38879" i="1"/>
  <c r="AD38880" i="1"/>
  <c r="AD38881" i="1"/>
  <c r="AD38882" i="1"/>
  <c r="AD38883" i="1"/>
  <c r="AD38884" i="1"/>
  <c r="AD38885" i="1"/>
  <c r="AD38886" i="1"/>
  <c r="AD38888" i="1"/>
  <c r="AD38889" i="1"/>
  <c r="AD38890" i="1"/>
  <c r="AD38891" i="1"/>
  <c r="AD38892" i="1"/>
  <c r="AD38893" i="1"/>
  <c r="AD38894" i="1"/>
  <c r="AD38895" i="1"/>
  <c r="AD38896" i="1"/>
  <c r="AD38897" i="1"/>
  <c r="AD38898" i="1"/>
  <c r="AD38900" i="1"/>
  <c r="AD38901" i="1"/>
  <c r="AD38902" i="1"/>
  <c r="AD38903" i="1"/>
  <c r="AD38904" i="1"/>
  <c r="AD38905" i="1"/>
  <c r="AD38906" i="1"/>
  <c r="AD38907" i="1"/>
  <c r="AD38908" i="1"/>
  <c r="AD38909" i="1"/>
  <c r="AD38910" i="1"/>
  <c r="AD38912" i="1"/>
  <c r="AD38913" i="1"/>
  <c r="AD38914" i="1"/>
  <c r="AD38915" i="1"/>
  <c r="AD38916" i="1"/>
  <c r="AD38917" i="1"/>
  <c r="AD38918" i="1"/>
  <c r="AD38919" i="1"/>
  <c r="AD38920" i="1"/>
  <c r="AD38921" i="1"/>
  <c r="AD38922" i="1"/>
  <c r="AD38924" i="1"/>
  <c r="AD38925" i="1"/>
  <c r="AD38926" i="1"/>
  <c r="AD38927" i="1"/>
  <c r="AD38928" i="1"/>
  <c r="AD38929" i="1"/>
  <c r="AD38930" i="1"/>
  <c r="AD38931" i="1"/>
  <c r="AD38932" i="1"/>
  <c r="AD38933" i="1"/>
  <c r="AD38934" i="1"/>
  <c r="AD38936" i="1"/>
  <c r="AD38937" i="1"/>
  <c r="AD38938" i="1"/>
  <c r="AD38939" i="1"/>
  <c r="AD38940" i="1"/>
  <c r="AD38941" i="1"/>
  <c r="AD38942" i="1"/>
  <c r="AD38943" i="1"/>
  <c r="AD38944" i="1"/>
  <c r="AD38945" i="1"/>
  <c r="AD38946" i="1"/>
  <c r="AD38948" i="1"/>
  <c r="AD38949" i="1"/>
  <c r="AD38950" i="1"/>
  <c r="AD38951" i="1"/>
  <c r="AD38952" i="1"/>
  <c r="AD38953" i="1"/>
  <c r="AD38954" i="1"/>
  <c r="AD38955" i="1"/>
  <c r="AD38956" i="1"/>
  <c r="AD38957" i="1"/>
  <c r="AD38958" i="1"/>
  <c r="AD38960" i="1"/>
  <c r="AD38961" i="1"/>
  <c r="AD38962" i="1"/>
  <c r="AD38963" i="1"/>
  <c r="AD38964" i="1"/>
  <c r="AD38965" i="1"/>
  <c r="AD38966" i="1"/>
  <c r="AD38967" i="1"/>
  <c r="AD38968" i="1"/>
  <c r="AD38969" i="1"/>
  <c r="AD38970" i="1"/>
  <c r="AD38972" i="1"/>
  <c r="AD38973" i="1"/>
  <c r="AD38974" i="1"/>
  <c r="AD38975" i="1"/>
  <c r="AD38976" i="1"/>
  <c r="AD38977" i="1"/>
  <c r="AD38978" i="1"/>
  <c r="AD38979" i="1"/>
  <c r="AD38980" i="1"/>
  <c r="AD38981" i="1"/>
  <c r="AD38982" i="1"/>
  <c r="AD38984" i="1"/>
  <c r="AD38985" i="1"/>
  <c r="AD38986" i="1"/>
  <c r="AD38987" i="1"/>
  <c r="AD38988" i="1"/>
  <c r="AD38989" i="1"/>
  <c r="AD38990" i="1"/>
  <c r="AD38991" i="1"/>
  <c r="AD38992" i="1"/>
  <c r="AD38993" i="1"/>
  <c r="AD38994" i="1"/>
  <c r="AD38996" i="1"/>
  <c r="AD38997" i="1"/>
  <c r="AD38998" i="1"/>
  <c r="AD38999" i="1"/>
  <c r="AD39000" i="1"/>
  <c r="AD39001" i="1"/>
  <c r="AD39002" i="1"/>
  <c r="AD39003" i="1"/>
  <c r="AD39004" i="1"/>
  <c r="AD39005" i="1"/>
  <c r="AD39006" i="1"/>
  <c r="AD39008" i="1"/>
  <c r="AD39009" i="1"/>
  <c r="AD39010" i="1"/>
  <c r="AD39011" i="1"/>
  <c r="AD39012" i="1"/>
  <c r="AD39013" i="1"/>
  <c r="AD39014" i="1"/>
  <c r="AD39015" i="1"/>
  <c r="AD39016" i="1"/>
  <c r="AD39017" i="1"/>
  <c r="AD39018" i="1"/>
  <c r="AD39020" i="1"/>
  <c r="AD39021" i="1"/>
  <c r="AD39022" i="1"/>
  <c r="AD39023" i="1"/>
  <c r="AD39024" i="1"/>
  <c r="AD39025" i="1"/>
  <c r="AD39026" i="1"/>
  <c r="AD39027" i="1"/>
  <c r="AD39028" i="1"/>
  <c r="AD39029" i="1"/>
  <c r="AD39030" i="1"/>
  <c r="AD39032" i="1"/>
  <c r="AD39033" i="1"/>
  <c r="AD39034" i="1"/>
  <c r="AD39035" i="1"/>
  <c r="AD39036" i="1"/>
  <c r="AD39037" i="1"/>
  <c r="AD39038" i="1"/>
  <c r="AD39039" i="1"/>
  <c r="AD39040" i="1"/>
  <c r="AD39041" i="1"/>
  <c r="AD39042" i="1"/>
  <c r="AD39044" i="1"/>
  <c r="AD39045" i="1"/>
  <c r="AD39046" i="1"/>
  <c r="AD39047" i="1"/>
  <c r="AD39048" i="1"/>
  <c r="AD39049" i="1"/>
  <c r="AD39050" i="1"/>
  <c r="AD39051" i="1"/>
  <c r="AD39052" i="1"/>
  <c r="AD39053" i="1"/>
  <c r="AD39054" i="1"/>
  <c r="AD39056" i="1"/>
  <c r="AD39057" i="1"/>
  <c r="AD39058" i="1"/>
  <c r="AD39059" i="1"/>
  <c r="AD39060" i="1"/>
  <c r="AD39061" i="1"/>
  <c r="AD39062" i="1"/>
  <c r="AD39063" i="1"/>
  <c r="AD39064" i="1"/>
  <c r="AD39065" i="1"/>
  <c r="AD39066" i="1"/>
  <c r="AD39068" i="1"/>
  <c r="AD39069" i="1"/>
  <c r="AD39070" i="1"/>
  <c r="AD39071" i="1"/>
  <c r="AD39072" i="1"/>
  <c r="AD39073" i="1"/>
  <c r="AD39074" i="1"/>
  <c r="AD39075" i="1"/>
  <c r="AD39076" i="1"/>
  <c r="AD39077" i="1"/>
  <c r="AD39078" i="1"/>
  <c r="AD39080" i="1"/>
  <c r="AD39081" i="1"/>
  <c r="AD39082" i="1"/>
  <c r="AD39083" i="1"/>
  <c r="AD39084" i="1"/>
  <c r="AD39085" i="1"/>
  <c r="AD39086" i="1"/>
  <c r="AD39087" i="1"/>
  <c r="AD39088" i="1"/>
  <c r="AD39089" i="1"/>
  <c r="AD39090" i="1"/>
  <c r="AD39092" i="1"/>
  <c r="AD39093" i="1"/>
  <c r="AD39094" i="1"/>
  <c r="AD39095" i="1"/>
  <c r="AD39096" i="1"/>
  <c r="AD39097" i="1"/>
  <c r="AD39098" i="1"/>
  <c r="AD39099" i="1"/>
  <c r="AD39100" i="1"/>
  <c r="AD39101" i="1"/>
  <c r="AD39102" i="1"/>
  <c r="AD39104" i="1"/>
  <c r="AD39105" i="1"/>
  <c r="AD39106" i="1"/>
  <c r="AD39107" i="1"/>
  <c r="AD39108" i="1"/>
  <c r="AD39109" i="1"/>
  <c r="AD39110" i="1"/>
  <c r="AD39111" i="1"/>
  <c r="AD39112" i="1"/>
  <c r="AD39113" i="1"/>
  <c r="AD39114" i="1"/>
  <c r="AD39116" i="1"/>
  <c r="AD39117" i="1"/>
  <c r="AD39118" i="1"/>
  <c r="AD39119" i="1"/>
  <c r="AD39120" i="1"/>
  <c r="AD39121" i="1"/>
  <c r="AD39122" i="1"/>
  <c r="AD39123" i="1"/>
  <c r="AD39124" i="1"/>
  <c r="AD39125" i="1"/>
  <c r="AD39126" i="1"/>
  <c r="AD39128" i="1"/>
  <c r="AD39129" i="1"/>
  <c r="AD39130" i="1"/>
  <c r="AD39131" i="1"/>
  <c r="AD39132" i="1"/>
  <c r="AD39133" i="1"/>
  <c r="AD39134" i="1"/>
  <c r="AD39135" i="1"/>
  <c r="AD39136" i="1"/>
  <c r="AD39137" i="1"/>
  <c r="AD39138" i="1"/>
  <c r="AD39140" i="1"/>
  <c r="AD39141" i="1"/>
  <c r="AD39142" i="1"/>
  <c r="AD39143" i="1"/>
  <c r="AD39144" i="1"/>
  <c r="AD39145" i="1"/>
  <c r="AD39146" i="1"/>
  <c r="AD39147" i="1"/>
  <c r="AD39148" i="1"/>
  <c r="AD39149" i="1"/>
  <c r="AD39150" i="1"/>
  <c r="AD39152" i="1"/>
  <c r="AD39153" i="1"/>
  <c r="AD39154" i="1"/>
  <c r="AD39155" i="1"/>
  <c r="AD39156" i="1"/>
  <c r="AD39157" i="1"/>
  <c r="AD39158" i="1"/>
  <c r="AD39159" i="1"/>
  <c r="AD39160" i="1"/>
  <c r="AD39161" i="1"/>
  <c r="AD39162" i="1"/>
  <c r="AD39164" i="1"/>
  <c r="AD39165" i="1"/>
  <c r="AD39166" i="1"/>
  <c r="AD39167" i="1"/>
  <c r="AD39168" i="1"/>
  <c r="AD39169" i="1"/>
  <c r="AD39170" i="1"/>
  <c r="AD39171" i="1"/>
  <c r="AD39172" i="1"/>
  <c r="AD39173" i="1"/>
  <c r="AD39174" i="1"/>
  <c r="AD39176" i="1"/>
  <c r="AD39177" i="1"/>
  <c r="AD39178" i="1"/>
  <c r="AD39179" i="1"/>
  <c r="AD39180" i="1"/>
  <c r="AD39181" i="1"/>
  <c r="AD39182" i="1"/>
  <c r="AD39183" i="1"/>
  <c r="AD39184" i="1"/>
  <c r="AD39185" i="1"/>
  <c r="AD39186" i="1"/>
  <c r="AD39188" i="1"/>
  <c r="AD39189" i="1"/>
  <c r="AD39190" i="1"/>
  <c r="AD39191" i="1"/>
  <c r="AD39192" i="1"/>
  <c r="AD39193" i="1"/>
  <c r="AD39194" i="1"/>
  <c r="AD39195" i="1"/>
  <c r="AD39196" i="1"/>
  <c r="AD39197" i="1"/>
  <c r="AD39198" i="1"/>
  <c r="AD39200" i="1"/>
  <c r="AD39201" i="1"/>
  <c r="AD39202" i="1"/>
  <c r="AD39203" i="1"/>
  <c r="AD39204" i="1"/>
  <c r="AD39205" i="1"/>
  <c r="AD39206" i="1"/>
  <c r="AD39207" i="1"/>
  <c r="AD39208" i="1"/>
  <c r="AD39209" i="1"/>
  <c r="AD39210" i="1"/>
  <c r="AD39212" i="1"/>
  <c r="AD39213" i="1"/>
  <c r="AD39214" i="1"/>
  <c r="AD39215" i="1"/>
  <c r="AD39216" i="1"/>
  <c r="AD39217" i="1"/>
  <c r="AD39218" i="1"/>
  <c r="AD39219" i="1"/>
  <c r="AD39220" i="1"/>
  <c r="AD39221" i="1"/>
  <c r="AD39222" i="1"/>
  <c r="AD39224" i="1"/>
  <c r="AD39225" i="1"/>
  <c r="AD39226" i="1"/>
  <c r="AD39227" i="1"/>
  <c r="AD39228" i="1"/>
  <c r="AD39229" i="1"/>
  <c r="AD39230" i="1"/>
  <c r="AD39231" i="1"/>
  <c r="AD39232" i="1"/>
  <c r="AD39233" i="1"/>
  <c r="AD39234" i="1"/>
  <c r="AD39236" i="1"/>
  <c r="AD39237" i="1"/>
  <c r="AD39238" i="1"/>
  <c r="AD39239" i="1"/>
  <c r="AD39240" i="1"/>
  <c r="AD39241" i="1"/>
  <c r="AD39242" i="1"/>
  <c r="AD39243" i="1"/>
  <c r="AD39244" i="1"/>
  <c r="AD39245" i="1"/>
  <c r="AD39246" i="1"/>
  <c r="AD39248" i="1"/>
  <c r="AD39249" i="1"/>
  <c r="AD39250" i="1"/>
  <c r="AD39251" i="1"/>
  <c r="AD39252" i="1"/>
  <c r="AD39253" i="1"/>
  <c r="AD39254" i="1"/>
  <c r="AD39255" i="1"/>
  <c r="AD39256" i="1"/>
  <c r="AD39257" i="1"/>
  <c r="AD39258" i="1"/>
  <c r="AD39260" i="1"/>
  <c r="AD39261" i="1"/>
  <c r="AD39262" i="1"/>
  <c r="AD39263" i="1"/>
  <c r="AD39264" i="1"/>
  <c r="AD39265" i="1"/>
  <c r="AD39266" i="1"/>
  <c r="AD39267" i="1"/>
  <c r="AD39268" i="1"/>
  <c r="AD39269" i="1"/>
  <c r="AD39270" i="1"/>
  <c r="AD39272" i="1"/>
  <c r="AD39273" i="1"/>
  <c r="AD39274" i="1"/>
  <c r="AD39275" i="1"/>
  <c r="AD39276" i="1"/>
  <c r="AD39277" i="1"/>
  <c r="AD39278" i="1"/>
  <c r="AD39279" i="1"/>
  <c r="AD39280" i="1"/>
  <c r="AD39281" i="1"/>
  <c r="AD39282" i="1"/>
  <c r="AD39284" i="1"/>
  <c r="AD39285" i="1"/>
  <c r="AD39286" i="1"/>
  <c r="AD39287" i="1"/>
  <c r="AD39288" i="1"/>
  <c r="AD39289" i="1"/>
  <c r="AD39290" i="1"/>
  <c r="AD39291" i="1"/>
  <c r="AD39292" i="1"/>
  <c r="AD39293" i="1"/>
  <c r="AD39294" i="1"/>
  <c r="AD39296" i="1"/>
  <c r="AD39297" i="1"/>
  <c r="AD39298" i="1"/>
  <c r="AD39299" i="1"/>
  <c r="AD39300" i="1"/>
  <c r="AD39301" i="1"/>
  <c r="AD39302" i="1"/>
  <c r="AD39303" i="1"/>
  <c r="AD39304" i="1"/>
  <c r="AD39305" i="1"/>
  <c r="AD39306" i="1"/>
  <c r="AD39308" i="1"/>
  <c r="AD39309" i="1"/>
  <c r="AD39310" i="1"/>
  <c r="AD39311" i="1"/>
  <c r="AD39312" i="1"/>
  <c r="AD39313" i="1"/>
  <c r="AD39314" i="1"/>
  <c r="AD39315" i="1"/>
  <c r="AD39316" i="1"/>
  <c r="AD39317" i="1"/>
  <c r="AD39318" i="1"/>
  <c r="AD39320" i="1"/>
  <c r="AD39321" i="1"/>
  <c r="AD39322" i="1"/>
  <c r="AD39323" i="1"/>
  <c r="AD39324" i="1"/>
  <c r="AD39325" i="1"/>
  <c r="AD39326" i="1"/>
  <c r="AD39327" i="1"/>
  <c r="AD39328" i="1"/>
  <c r="AD39329" i="1"/>
  <c r="AD39330" i="1"/>
  <c r="AD39332" i="1"/>
  <c r="AD39333" i="1"/>
  <c r="AD39334" i="1"/>
  <c r="AD39335" i="1"/>
  <c r="AD39336" i="1"/>
  <c r="AD39337" i="1"/>
  <c r="AD39338" i="1"/>
  <c r="AD39339" i="1"/>
  <c r="AD39340" i="1"/>
  <c r="AD39341" i="1"/>
  <c r="AD39342" i="1"/>
  <c r="AD39344" i="1"/>
  <c r="AD39345" i="1"/>
  <c r="AD39346" i="1"/>
  <c r="AD39347" i="1"/>
  <c r="AD39348" i="1"/>
  <c r="AD39349" i="1"/>
  <c r="AD39350" i="1"/>
  <c r="AD39351" i="1"/>
  <c r="AD39352" i="1"/>
  <c r="AD39353" i="1"/>
  <c r="AD39354" i="1"/>
  <c r="AD39356" i="1"/>
  <c r="AD39357" i="1"/>
  <c r="AD39358" i="1"/>
  <c r="AD39359" i="1"/>
  <c r="AD39360" i="1"/>
  <c r="AD39361" i="1"/>
  <c r="AD39362" i="1"/>
  <c r="AD39363" i="1"/>
  <c r="AD39364" i="1"/>
  <c r="AD39365" i="1"/>
  <c r="AD39366" i="1"/>
  <c r="AD39368" i="1"/>
  <c r="AD39369" i="1"/>
  <c r="AD39370" i="1"/>
  <c r="AD39371" i="1"/>
  <c r="AD39372" i="1"/>
  <c r="AD39373" i="1"/>
  <c r="AD39374" i="1"/>
  <c r="AD39375" i="1"/>
  <c r="AD39376" i="1"/>
  <c r="AD39377" i="1"/>
  <c r="AD39378" i="1"/>
  <c r="AD39380" i="1"/>
  <c r="AD39381" i="1"/>
  <c r="AD39382" i="1"/>
  <c r="AD39383" i="1"/>
  <c r="AD39384" i="1"/>
  <c r="AD39385" i="1"/>
  <c r="AD39386" i="1"/>
  <c r="AD39387" i="1"/>
  <c r="AD39388" i="1"/>
  <c r="AD39389" i="1"/>
  <c r="AD39390" i="1"/>
  <c r="AD39392" i="1"/>
  <c r="AD39393" i="1"/>
  <c r="AD39394" i="1"/>
  <c r="AD39395" i="1"/>
  <c r="AD39396" i="1"/>
  <c r="AD39397" i="1"/>
  <c r="AD39398" i="1"/>
  <c r="AD39399" i="1"/>
  <c r="AD39400" i="1"/>
  <c r="AD39401" i="1"/>
  <c r="AD39402" i="1"/>
  <c r="AD39404" i="1"/>
  <c r="AD39405" i="1"/>
  <c r="AD39406" i="1"/>
  <c r="AD39407" i="1"/>
  <c r="AD39408" i="1"/>
  <c r="AD39409" i="1"/>
  <c r="AD39410" i="1"/>
  <c r="AD39411" i="1"/>
  <c r="AD39412" i="1"/>
  <c r="AD39413" i="1"/>
  <c r="AD39414" i="1"/>
  <c r="AD39416" i="1"/>
  <c r="AD39417" i="1"/>
  <c r="AD39418" i="1"/>
  <c r="AD39419" i="1"/>
  <c r="AD39420" i="1"/>
  <c r="AD39421" i="1"/>
  <c r="AD39422" i="1"/>
  <c r="AD39423" i="1"/>
  <c r="AD39424" i="1"/>
  <c r="AD39425" i="1"/>
  <c r="AD39426" i="1"/>
  <c r="AD39428" i="1"/>
  <c r="AD39429" i="1"/>
  <c r="AD39430" i="1"/>
  <c r="AD39431" i="1"/>
  <c r="AD39432" i="1"/>
  <c r="AD39433" i="1"/>
  <c r="AD39434" i="1"/>
  <c r="AD39435" i="1"/>
  <c r="AD39436" i="1"/>
  <c r="AD39437" i="1"/>
  <c r="AD39438" i="1"/>
  <c r="AD39440" i="1"/>
  <c r="AD39441" i="1"/>
  <c r="AD39442" i="1"/>
  <c r="AD39443" i="1"/>
  <c r="AD39444" i="1"/>
  <c r="AD39445" i="1"/>
  <c r="AD39446" i="1"/>
  <c r="AD39447" i="1"/>
  <c r="AD39448" i="1"/>
  <c r="AD39449" i="1"/>
  <c r="AD39450" i="1"/>
  <c r="AD39452" i="1"/>
  <c r="AD39453" i="1"/>
  <c r="AD39454" i="1"/>
  <c r="AD39455" i="1"/>
  <c r="AD39456" i="1"/>
  <c r="AD39457" i="1"/>
  <c r="AD39458" i="1"/>
  <c r="AD39459" i="1"/>
  <c r="AD39460" i="1"/>
  <c r="AD39461" i="1"/>
  <c r="AD39462" i="1"/>
  <c r="AD39464" i="1"/>
  <c r="AD39465" i="1"/>
  <c r="AD39466" i="1"/>
  <c r="AD39467" i="1"/>
  <c r="AD39468" i="1"/>
  <c r="AD39469" i="1"/>
  <c r="AD39470" i="1"/>
  <c r="AD39471" i="1"/>
  <c r="AD39472" i="1"/>
  <c r="AD39473" i="1"/>
  <c r="AD39474" i="1"/>
  <c r="AD39476" i="1"/>
  <c r="AD39477" i="1"/>
  <c r="AD39478" i="1"/>
  <c r="AD39479" i="1"/>
  <c r="AD39480" i="1"/>
  <c r="AD39481" i="1"/>
  <c r="AD39482" i="1"/>
  <c r="AD39483" i="1"/>
  <c r="AD39484" i="1"/>
  <c r="AD39485" i="1"/>
  <c r="AD39486" i="1"/>
  <c r="AD39488" i="1"/>
  <c r="AD39489" i="1"/>
  <c r="AD39490" i="1"/>
  <c r="AD39491" i="1"/>
  <c r="AD39492" i="1"/>
  <c r="AD39493" i="1"/>
  <c r="AD39494" i="1"/>
  <c r="AD39495" i="1"/>
  <c r="AD39496" i="1"/>
  <c r="AD39497" i="1"/>
  <c r="AD39498" i="1"/>
  <c r="AD39500" i="1"/>
  <c r="AD39501" i="1"/>
  <c r="AD39502" i="1"/>
  <c r="AD39503" i="1"/>
  <c r="AD39504" i="1"/>
  <c r="AD39505" i="1"/>
  <c r="AD39506" i="1"/>
  <c r="AD39507" i="1"/>
  <c r="AD39508" i="1"/>
  <c r="AD39509" i="1"/>
  <c r="AD39510" i="1"/>
  <c r="AD39512" i="1"/>
  <c r="AD39513" i="1"/>
  <c r="AD39514" i="1"/>
  <c r="AD39515" i="1"/>
  <c r="AD39516" i="1"/>
  <c r="AD39517" i="1"/>
  <c r="AD39518" i="1"/>
  <c r="AD39519" i="1"/>
  <c r="AD39520" i="1"/>
  <c r="AD39521" i="1"/>
  <c r="AD39522" i="1"/>
  <c r="AD39524" i="1"/>
  <c r="AD39525" i="1"/>
  <c r="AD39526" i="1"/>
  <c r="AD39527" i="1"/>
  <c r="AD39528" i="1"/>
  <c r="AD39529" i="1"/>
  <c r="AD39530" i="1"/>
  <c r="AD39531" i="1"/>
  <c r="AD39532" i="1"/>
  <c r="AD39533" i="1"/>
  <c r="AD39534" i="1"/>
  <c r="AD39536" i="1"/>
  <c r="AD39537" i="1"/>
  <c r="AD39538" i="1"/>
  <c r="AD39539" i="1"/>
  <c r="AD39540" i="1"/>
  <c r="AD39541" i="1"/>
  <c r="AD39542" i="1"/>
  <c r="AD39543" i="1"/>
  <c r="AD39544" i="1"/>
  <c r="AD39545" i="1"/>
  <c r="AD39546" i="1"/>
  <c r="AD39548" i="1"/>
  <c r="AD39549" i="1"/>
  <c r="AD39550" i="1"/>
  <c r="AD39551" i="1"/>
  <c r="AD39552" i="1"/>
  <c r="AD39553" i="1"/>
  <c r="AD39554" i="1"/>
  <c r="AD39555" i="1"/>
  <c r="AD39556" i="1"/>
  <c r="AD39557" i="1"/>
  <c r="AD39558" i="1"/>
  <c r="AD39560" i="1"/>
  <c r="AD39561" i="1"/>
  <c r="AD39562" i="1"/>
  <c r="AD39563" i="1"/>
  <c r="AD39564" i="1"/>
  <c r="AD39565" i="1"/>
  <c r="AD39566" i="1"/>
  <c r="AD39567" i="1"/>
  <c r="AD39568" i="1"/>
  <c r="AD39569" i="1"/>
  <c r="AD39570" i="1"/>
  <c r="AD39572" i="1"/>
  <c r="AD39573" i="1"/>
  <c r="AD39574" i="1"/>
  <c r="AD39575" i="1"/>
  <c r="AD39576" i="1"/>
  <c r="AD39577" i="1"/>
  <c r="AD39578" i="1"/>
  <c r="AD39579" i="1"/>
  <c r="AD39580" i="1"/>
  <c r="AD39581" i="1"/>
  <c r="AD39582" i="1"/>
  <c r="AD39584" i="1"/>
  <c r="AD39585" i="1"/>
  <c r="AD39586" i="1"/>
  <c r="AD39587" i="1"/>
  <c r="AD39588" i="1"/>
  <c r="AD39589" i="1"/>
  <c r="AD39590" i="1"/>
  <c r="AD39591" i="1"/>
  <c r="AD39592" i="1"/>
  <c r="AD39593" i="1"/>
  <c r="AD39594" i="1"/>
  <c r="AD39596" i="1"/>
  <c r="AD39597" i="1"/>
  <c r="AD39598" i="1"/>
  <c r="AD39599" i="1"/>
  <c r="AD39600" i="1"/>
  <c r="AD39601" i="1"/>
  <c r="AD39602" i="1"/>
  <c r="AD39603" i="1"/>
  <c r="AD39604" i="1"/>
  <c r="AD39605" i="1"/>
  <c r="AD39606" i="1"/>
  <c r="AD39608" i="1"/>
  <c r="AD39609" i="1"/>
  <c r="AD39610" i="1"/>
  <c r="AD39611" i="1"/>
  <c r="AD39612" i="1"/>
  <c r="AD39613" i="1"/>
  <c r="AD39614" i="1"/>
  <c r="AD39615" i="1"/>
  <c r="AD39616" i="1"/>
  <c r="AD39617" i="1"/>
  <c r="AD39618" i="1"/>
  <c r="AD39620" i="1"/>
  <c r="AD39621" i="1"/>
  <c r="AD39622" i="1"/>
  <c r="AD39623" i="1"/>
  <c r="AD39624" i="1"/>
  <c r="AD39625" i="1"/>
  <c r="AD39626" i="1"/>
  <c r="AD39627" i="1"/>
  <c r="AD39628" i="1"/>
  <c r="AD39629" i="1"/>
  <c r="AD39630" i="1"/>
  <c r="AD39632" i="1"/>
  <c r="AD39633" i="1"/>
  <c r="AD39634" i="1"/>
  <c r="AD39635" i="1"/>
  <c r="AD39636" i="1"/>
  <c r="AD39637" i="1"/>
  <c r="AD39638" i="1"/>
  <c r="AD39639" i="1"/>
  <c r="AD39640" i="1"/>
  <c r="AD39641" i="1"/>
  <c r="AD39642" i="1"/>
  <c r="AD39644" i="1"/>
  <c r="AD39645" i="1"/>
  <c r="AD39646" i="1"/>
  <c r="AD39647" i="1"/>
  <c r="AD39648" i="1"/>
  <c r="AD39649" i="1"/>
  <c r="AD39650" i="1"/>
  <c r="AD39651" i="1"/>
  <c r="AD39652" i="1"/>
  <c r="AD39653" i="1"/>
  <c r="AD39654" i="1"/>
  <c r="AD39656" i="1"/>
  <c r="AD39657" i="1"/>
  <c r="AD39658" i="1"/>
  <c r="AD39659" i="1"/>
  <c r="AD39660" i="1"/>
  <c r="AD39661" i="1"/>
  <c r="AD39662" i="1"/>
  <c r="AD39663" i="1"/>
  <c r="AD39664" i="1"/>
  <c r="AD39665" i="1"/>
  <c r="AD39666" i="1"/>
  <c r="AD39668" i="1"/>
  <c r="AD39669" i="1"/>
  <c r="AD39670" i="1"/>
  <c r="AD39671" i="1"/>
  <c r="AD39672" i="1"/>
  <c r="AD39673" i="1"/>
  <c r="AD39674" i="1"/>
  <c r="AD39675" i="1"/>
  <c r="AD39676" i="1"/>
  <c r="AD39677" i="1"/>
  <c r="AD39678" i="1"/>
  <c r="AD39680" i="1"/>
  <c r="AD39681" i="1"/>
  <c r="AD39682" i="1"/>
  <c r="AD39683" i="1"/>
  <c r="AD39684" i="1"/>
  <c r="AD39685" i="1"/>
  <c r="AD39686" i="1"/>
  <c r="AD39687" i="1"/>
  <c r="AD39688" i="1"/>
  <c r="AD39689" i="1"/>
  <c r="AD39690" i="1"/>
  <c r="AD39692" i="1"/>
  <c r="AD39693" i="1"/>
  <c r="AD39694" i="1"/>
  <c r="AD39695" i="1"/>
  <c r="AD39696" i="1"/>
  <c r="AD39697" i="1"/>
  <c r="AD39698" i="1"/>
  <c r="AD39699" i="1"/>
  <c r="AD39700" i="1"/>
  <c r="AD39701" i="1"/>
  <c r="AD39702" i="1"/>
  <c r="AD39704" i="1"/>
  <c r="AD39705" i="1"/>
  <c r="AD39706" i="1"/>
  <c r="AD39707" i="1"/>
  <c r="AD39708" i="1"/>
  <c r="AD39709" i="1"/>
  <c r="AD39710" i="1"/>
  <c r="AD39711" i="1"/>
  <c r="AD39712" i="1"/>
  <c r="AD39713" i="1"/>
  <c r="AD39714" i="1"/>
  <c r="AD39716" i="1"/>
  <c r="AD39717" i="1"/>
  <c r="AD39718" i="1"/>
  <c r="AD39719" i="1"/>
  <c r="AD39720" i="1"/>
  <c r="AD39721" i="1"/>
  <c r="AD39722" i="1"/>
  <c r="AD39723" i="1"/>
  <c r="AD39724" i="1"/>
  <c r="AD39725" i="1"/>
  <c r="AD39726" i="1"/>
  <c r="AD39728" i="1"/>
  <c r="AD39729" i="1"/>
  <c r="AD39730" i="1"/>
  <c r="AD39731" i="1"/>
  <c r="AD39732" i="1"/>
  <c r="AD39733" i="1"/>
  <c r="AD39734" i="1"/>
  <c r="AD39735" i="1"/>
  <c r="AD39736" i="1"/>
  <c r="AD39737" i="1"/>
  <c r="AD39738" i="1"/>
  <c r="AD39740" i="1"/>
  <c r="AD39741" i="1"/>
  <c r="AD39742" i="1"/>
  <c r="AD39743" i="1"/>
  <c r="AD39744" i="1"/>
  <c r="AD39745" i="1"/>
  <c r="AD39746" i="1"/>
  <c r="AD39747" i="1"/>
  <c r="AD39748" i="1"/>
  <c r="AD39749" i="1"/>
  <c r="AD39750" i="1"/>
  <c r="AD39752" i="1"/>
  <c r="AD39753" i="1"/>
  <c r="AD39754" i="1"/>
  <c r="AD39755" i="1"/>
  <c r="AD39756" i="1"/>
  <c r="AD39757" i="1"/>
  <c r="AD39758" i="1"/>
  <c r="AD39759" i="1"/>
  <c r="AD39760" i="1"/>
  <c r="AD39761" i="1"/>
  <c r="AD39762" i="1"/>
  <c r="AD39764" i="1"/>
  <c r="AD39765" i="1"/>
  <c r="AD39766" i="1"/>
  <c r="AD39767" i="1"/>
  <c r="AD39768" i="1"/>
  <c r="AD39769" i="1"/>
  <c r="AD39770" i="1"/>
  <c r="AD39771" i="1"/>
  <c r="AD39772" i="1"/>
  <c r="AD39773" i="1"/>
  <c r="AD39774" i="1"/>
  <c r="AD39776" i="1"/>
  <c r="AD39777" i="1"/>
  <c r="AD39778" i="1"/>
  <c r="AD39779" i="1"/>
  <c r="AD39780" i="1"/>
  <c r="AD39781" i="1"/>
  <c r="AD39782" i="1"/>
  <c r="AD39783" i="1"/>
  <c r="AD39784" i="1"/>
  <c r="AD39785" i="1"/>
  <c r="AD39786" i="1"/>
  <c r="AD39788" i="1"/>
  <c r="AD39789" i="1"/>
  <c r="AD39790" i="1"/>
  <c r="AD39791" i="1"/>
  <c r="AD39792" i="1"/>
  <c r="AD39793" i="1"/>
  <c r="AD39794" i="1"/>
  <c r="AD39795" i="1"/>
  <c r="AD39796" i="1"/>
  <c r="AD39797" i="1"/>
  <c r="AD39798" i="1"/>
  <c r="AD39800" i="1"/>
  <c r="AD39801" i="1"/>
  <c r="AD39802" i="1"/>
  <c r="AD39803" i="1"/>
  <c r="AD39804" i="1"/>
  <c r="AD39805" i="1"/>
  <c r="AD39806" i="1"/>
  <c r="AD39807" i="1"/>
  <c r="AD39808" i="1"/>
  <c r="AD39809" i="1"/>
  <c r="AD39810" i="1"/>
  <c r="AD39812" i="1"/>
  <c r="AD39813" i="1"/>
  <c r="AD39814" i="1"/>
  <c r="AD39815" i="1"/>
  <c r="AD39816" i="1"/>
  <c r="AD39817" i="1"/>
  <c r="AD39818" i="1"/>
  <c r="AD39819" i="1"/>
  <c r="AD39820" i="1"/>
  <c r="AD39821" i="1"/>
  <c r="AD39822" i="1"/>
  <c r="AD39824" i="1"/>
  <c r="AD39825" i="1"/>
  <c r="AD39826" i="1"/>
  <c r="AD39827" i="1"/>
  <c r="AD39828" i="1"/>
  <c r="AD39829" i="1"/>
  <c r="AD39830" i="1"/>
  <c r="AD39831" i="1"/>
  <c r="AD39832" i="1"/>
  <c r="AD39833" i="1"/>
  <c r="AD39834" i="1"/>
  <c r="AD39836" i="1"/>
  <c r="AD39837" i="1"/>
  <c r="AD39838" i="1"/>
  <c r="AD39839" i="1"/>
  <c r="AD39840" i="1"/>
  <c r="AD39841" i="1"/>
  <c r="AD39842" i="1"/>
  <c r="AD39843" i="1"/>
  <c r="AD39844" i="1"/>
  <c r="AD39845" i="1"/>
  <c r="AD39846" i="1"/>
  <c r="AD39848" i="1"/>
  <c r="AD39849" i="1"/>
  <c r="AD39850" i="1"/>
  <c r="AD39851" i="1"/>
  <c r="AD39852" i="1"/>
  <c r="AD39853" i="1"/>
  <c r="AD39854" i="1"/>
  <c r="AD39855" i="1"/>
  <c r="AD39856" i="1"/>
  <c r="AD39857" i="1"/>
  <c r="AD39858" i="1"/>
  <c r="AD39860" i="1"/>
  <c r="AD39861" i="1"/>
  <c r="AD39862" i="1"/>
  <c r="AD39863" i="1"/>
  <c r="AD39864" i="1"/>
  <c r="AD39865" i="1"/>
  <c r="AD39866" i="1"/>
  <c r="AD39867" i="1"/>
  <c r="AD39868" i="1"/>
  <c r="AD39869" i="1"/>
  <c r="AD39870" i="1"/>
  <c r="AD39872" i="1"/>
  <c r="AD39873" i="1"/>
  <c r="AD39874" i="1"/>
  <c r="AD39875" i="1"/>
  <c r="AD39876" i="1"/>
  <c r="AD39877" i="1"/>
  <c r="AD39878" i="1"/>
  <c r="AD39879" i="1"/>
  <c r="AD39880" i="1"/>
  <c r="AD39881" i="1"/>
  <c r="AD39882" i="1"/>
  <c r="AD39884" i="1"/>
  <c r="AD39885" i="1"/>
  <c r="AD39886" i="1"/>
  <c r="AD39887" i="1"/>
  <c r="AD39888" i="1"/>
  <c r="AD39889" i="1"/>
  <c r="AD39890" i="1"/>
  <c r="AD39891" i="1"/>
  <c r="AD39892" i="1"/>
  <c r="AD39893" i="1"/>
  <c r="AD39894" i="1"/>
  <c r="AD39896" i="1"/>
  <c r="AD39897" i="1"/>
  <c r="AD39898" i="1"/>
  <c r="AD39899" i="1"/>
  <c r="AD39900" i="1"/>
  <c r="AD39901" i="1"/>
  <c r="AD39902" i="1"/>
  <c r="AD39903" i="1"/>
  <c r="AD39904" i="1"/>
  <c r="AD39905" i="1"/>
  <c r="AD39906" i="1"/>
  <c r="AD39908" i="1"/>
  <c r="AD39909" i="1"/>
  <c r="AD39910" i="1"/>
  <c r="AD39911" i="1"/>
  <c r="AD39912" i="1"/>
  <c r="AD39913" i="1"/>
  <c r="AD39914" i="1"/>
  <c r="AD39915" i="1"/>
  <c r="AD39916" i="1"/>
  <c r="AD39917" i="1"/>
  <c r="AD39918" i="1"/>
  <c r="AD39920" i="1"/>
  <c r="AD39921" i="1"/>
  <c r="AD39922" i="1"/>
  <c r="AD39923" i="1"/>
  <c r="AD39924" i="1"/>
  <c r="AD39925" i="1"/>
  <c r="AD39926" i="1"/>
  <c r="AD39927" i="1"/>
  <c r="AD39928" i="1"/>
  <c r="AD39929" i="1"/>
  <c r="AD39930" i="1"/>
  <c r="AD39932" i="1"/>
  <c r="AD39933" i="1"/>
  <c r="AD39934" i="1"/>
  <c r="AD39935" i="1"/>
  <c r="AD39936" i="1"/>
  <c r="AD39937" i="1"/>
  <c r="AD39938" i="1"/>
  <c r="AD39939" i="1"/>
  <c r="AD39940" i="1"/>
  <c r="AD39941" i="1"/>
  <c r="AD39942" i="1"/>
  <c r="AD39944" i="1"/>
  <c r="AD39945" i="1"/>
  <c r="AD39946" i="1"/>
  <c r="AD39947" i="1"/>
  <c r="AD39948" i="1"/>
  <c r="AD39949" i="1"/>
  <c r="AD39950" i="1"/>
  <c r="AD39951" i="1"/>
  <c r="AD39952" i="1"/>
  <c r="AD39953" i="1"/>
  <c r="AD39954" i="1"/>
  <c r="AD39956" i="1"/>
  <c r="AD39957" i="1"/>
  <c r="AD39958" i="1"/>
  <c r="AD39959" i="1"/>
  <c r="AD39960" i="1"/>
  <c r="AD39961" i="1"/>
  <c r="AD39962" i="1"/>
  <c r="AD39963" i="1"/>
  <c r="AD39964" i="1"/>
  <c r="AD39965" i="1"/>
  <c r="AD39966" i="1"/>
  <c r="AD39968" i="1"/>
  <c r="AD39969" i="1"/>
  <c r="AD39970" i="1"/>
  <c r="AD39971" i="1"/>
  <c r="AD39972" i="1"/>
  <c r="AD39973" i="1"/>
  <c r="AD39974" i="1"/>
  <c r="AD39975" i="1"/>
  <c r="AD39976" i="1"/>
  <c r="AD39977" i="1"/>
  <c r="AD39978" i="1"/>
  <c r="AD39980" i="1"/>
  <c r="AD39981" i="1"/>
  <c r="AD39982" i="1"/>
  <c r="AD39983" i="1"/>
  <c r="AD39984" i="1"/>
  <c r="AD39985" i="1"/>
  <c r="AD39986" i="1"/>
  <c r="AD39987" i="1"/>
  <c r="AD39988" i="1"/>
  <c r="AD39989" i="1"/>
  <c r="AD39990" i="1"/>
  <c r="AD39992" i="1"/>
  <c r="AD39993" i="1"/>
  <c r="AD39994" i="1"/>
  <c r="AD39995" i="1"/>
  <c r="AD39996" i="1"/>
  <c r="AD39997" i="1"/>
  <c r="AD39998" i="1"/>
  <c r="AD39999" i="1"/>
  <c r="AD40000" i="1"/>
  <c r="AD40001" i="1"/>
  <c r="AD40002" i="1"/>
  <c r="AD40004" i="1"/>
  <c r="AD40005" i="1"/>
  <c r="AD40006" i="1"/>
  <c r="AD40007" i="1"/>
  <c r="AD40008" i="1"/>
  <c r="AD40009" i="1"/>
  <c r="AD40010" i="1"/>
  <c r="AD40011" i="1"/>
  <c r="AD40012" i="1"/>
  <c r="AD40013" i="1"/>
  <c r="AD40014" i="1"/>
  <c r="AD40016" i="1"/>
  <c r="AD40017" i="1"/>
  <c r="AD40018" i="1"/>
  <c r="AD40019" i="1"/>
  <c r="AD40020" i="1"/>
  <c r="AD40021" i="1"/>
  <c r="AD40022" i="1"/>
  <c r="AD40023" i="1"/>
  <c r="AD40024" i="1"/>
  <c r="AD40025" i="1"/>
  <c r="AD40026" i="1"/>
  <c r="AD40028" i="1"/>
  <c r="AD40029" i="1"/>
  <c r="AD40030" i="1"/>
  <c r="AD40031" i="1"/>
  <c r="AD40032" i="1"/>
  <c r="AD40033" i="1"/>
  <c r="AD40034" i="1"/>
  <c r="AD40035" i="1"/>
  <c r="AD40036" i="1"/>
  <c r="AD40037" i="1"/>
  <c r="AD40038" i="1"/>
  <c r="AD40040" i="1"/>
  <c r="AD40041" i="1"/>
  <c r="AD40042" i="1"/>
  <c r="AD40043" i="1"/>
  <c r="AD40044" i="1"/>
  <c r="AD40045" i="1"/>
  <c r="AD40046" i="1"/>
  <c r="AD40047" i="1"/>
  <c r="AD40048" i="1"/>
  <c r="AD40049" i="1"/>
  <c r="AD40050" i="1"/>
  <c r="AD40052" i="1"/>
  <c r="AD40053" i="1"/>
  <c r="AD40054" i="1"/>
  <c r="AD40055" i="1"/>
  <c r="AD40056" i="1"/>
  <c r="AD40057" i="1"/>
  <c r="AD40058" i="1"/>
  <c r="AD40059" i="1"/>
  <c r="AD40060" i="1"/>
  <c r="AD40061" i="1"/>
  <c r="AD40062" i="1"/>
  <c r="AD40064" i="1"/>
  <c r="AD40065" i="1"/>
  <c r="AD40066" i="1"/>
  <c r="AD40067" i="1"/>
  <c r="AD40068" i="1"/>
  <c r="AD40069" i="1"/>
  <c r="AD40070" i="1"/>
  <c r="AD40071" i="1"/>
  <c r="AD40072" i="1"/>
  <c r="AD40073" i="1"/>
  <c r="AD40074" i="1"/>
  <c r="AD40076" i="1"/>
  <c r="AD40077" i="1"/>
  <c r="AD40078" i="1"/>
  <c r="AD40079" i="1"/>
  <c r="AD40080" i="1"/>
  <c r="AD40081" i="1"/>
  <c r="AD40082" i="1"/>
  <c r="AD40083" i="1"/>
  <c r="AD40084" i="1"/>
  <c r="AD40085" i="1"/>
  <c r="AD40086" i="1"/>
  <c r="AD40088" i="1"/>
  <c r="AD40089" i="1"/>
  <c r="AD40090" i="1"/>
  <c r="AD40091" i="1"/>
  <c r="AD40092" i="1"/>
  <c r="AD40093" i="1"/>
  <c r="AD40094" i="1"/>
  <c r="AD40095" i="1"/>
  <c r="AD40096" i="1"/>
  <c r="AD40097" i="1"/>
  <c r="AD40098" i="1"/>
  <c r="AD40100" i="1"/>
  <c r="AD40101" i="1"/>
  <c r="AD40102" i="1"/>
  <c r="AD40103" i="1"/>
  <c r="AD40104" i="1"/>
  <c r="AD40105" i="1"/>
  <c r="AD40106" i="1"/>
  <c r="AD40107" i="1"/>
  <c r="AD40108" i="1"/>
  <c r="AD40109" i="1"/>
  <c r="AD40110" i="1"/>
  <c r="AD40112" i="1"/>
  <c r="AD40113" i="1"/>
  <c r="AD40114" i="1"/>
  <c r="AD40115" i="1"/>
  <c r="AD40116" i="1"/>
  <c r="AD40117" i="1"/>
  <c r="AD40118" i="1"/>
  <c r="AD40119" i="1"/>
  <c r="AD40120" i="1"/>
  <c r="AD40121" i="1"/>
  <c r="AD40122" i="1"/>
  <c r="AD40124" i="1"/>
  <c r="AD40125" i="1"/>
  <c r="AD40126" i="1"/>
  <c r="AD40127" i="1"/>
  <c r="AD40128" i="1"/>
  <c r="AD40129" i="1"/>
  <c r="AD40130" i="1"/>
  <c r="AD40131" i="1"/>
  <c r="AD40132" i="1"/>
  <c r="AD40133" i="1"/>
  <c r="AD40134" i="1"/>
  <c r="AD40136" i="1"/>
  <c r="AD40137" i="1"/>
  <c r="AD40138" i="1"/>
  <c r="AD40139" i="1"/>
  <c r="AD40140" i="1"/>
  <c r="AD40141" i="1"/>
  <c r="AD40142" i="1"/>
  <c r="AD40143" i="1"/>
  <c r="AD40144" i="1"/>
  <c r="AD40145" i="1"/>
  <c r="AD40146" i="1"/>
  <c r="AD40148" i="1"/>
  <c r="AD40149" i="1"/>
  <c r="AD40150" i="1"/>
  <c r="AD40151" i="1"/>
  <c r="AD40152" i="1"/>
  <c r="AD40153" i="1"/>
  <c r="AD40154" i="1"/>
  <c r="AD40155" i="1"/>
  <c r="AD40156" i="1"/>
  <c r="AD40157" i="1"/>
  <c r="AD40158" i="1"/>
  <c r="AD40160" i="1"/>
  <c r="AD40161" i="1"/>
  <c r="AD40162" i="1"/>
  <c r="AD40163" i="1"/>
  <c r="AD40164" i="1"/>
  <c r="AD40165" i="1"/>
  <c r="AD40166" i="1"/>
  <c r="AD40167" i="1"/>
  <c r="AD40168" i="1"/>
  <c r="AD40169" i="1"/>
  <c r="AD40170" i="1"/>
  <c r="AD40172" i="1"/>
  <c r="AD40173" i="1"/>
  <c r="AD40174" i="1"/>
  <c r="AD40175" i="1"/>
  <c r="AD40176" i="1"/>
  <c r="AD40177" i="1"/>
  <c r="AD40178" i="1"/>
  <c r="AD40179" i="1"/>
  <c r="AD40180" i="1"/>
  <c r="AD40181" i="1"/>
  <c r="AD40182" i="1"/>
  <c r="AD40184" i="1"/>
  <c r="AD40185" i="1"/>
  <c r="AD40186" i="1"/>
  <c r="AD40187" i="1"/>
  <c r="AD40188" i="1"/>
  <c r="AD40189" i="1"/>
  <c r="AD40190" i="1"/>
  <c r="AD40191" i="1"/>
  <c r="AD40192" i="1"/>
  <c r="AD40193" i="1"/>
  <c r="AD40194" i="1"/>
  <c r="AD40196" i="1"/>
  <c r="AD40197" i="1"/>
  <c r="AD40198" i="1"/>
  <c r="AD40199" i="1"/>
  <c r="AD40200" i="1"/>
  <c r="AD40201" i="1"/>
  <c r="AD40202" i="1"/>
  <c r="AD40203" i="1"/>
  <c r="AD40204" i="1"/>
  <c r="AD40205" i="1"/>
  <c r="AD40206" i="1"/>
  <c r="AD40208" i="1"/>
  <c r="AD40209" i="1"/>
  <c r="AD40210" i="1"/>
  <c r="AD40211" i="1"/>
  <c r="AD40212" i="1"/>
  <c r="AD40213" i="1"/>
  <c r="AD40214" i="1"/>
  <c r="AD40215" i="1"/>
  <c r="AD40216" i="1"/>
  <c r="AD40217" i="1"/>
  <c r="AD40218" i="1"/>
  <c r="AD40220" i="1"/>
  <c r="AD40221" i="1"/>
  <c r="AD40222" i="1"/>
  <c r="AD40223" i="1"/>
  <c r="AD40224" i="1"/>
  <c r="AD40225" i="1"/>
  <c r="AD40226" i="1"/>
  <c r="AD40227" i="1"/>
  <c r="AD40228" i="1"/>
  <c r="AD40229" i="1"/>
  <c r="AD40230" i="1"/>
  <c r="AD40232" i="1"/>
  <c r="AD40233" i="1"/>
  <c r="AD40234" i="1"/>
  <c r="AD40235" i="1"/>
  <c r="AD40236" i="1"/>
  <c r="AD40237" i="1"/>
  <c r="AD40238" i="1"/>
  <c r="AD40239" i="1"/>
  <c r="AD40240" i="1"/>
  <c r="AD40241" i="1"/>
  <c r="AD40242" i="1"/>
  <c r="AD40244" i="1"/>
  <c r="AD40245" i="1"/>
  <c r="AD40246" i="1"/>
  <c r="AD40247" i="1"/>
  <c r="AD40248" i="1"/>
  <c r="AD40249" i="1"/>
  <c r="AD40250" i="1"/>
  <c r="AD40251" i="1"/>
  <c r="AD40252" i="1"/>
  <c r="AD40253" i="1"/>
  <c r="AD40254" i="1"/>
  <c r="AD40256" i="1"/>
  <c r="AD40257" i="1"/>
  <c r="AD40258" i="1"/>
  <c r="AD40259" i="1"/>
  <c r="AD40260" i="1"/>
  <c r="AD40261" i="1"/>
  <c r="AD40262" i="1"/>
  <c r="AD40263" i="1"/>
  <c r="AD40264" i="1"/>
  <c r="AD40265" i="1"/>
  <c r="AD40266" i="1"/>
  <c r="AD40268" i="1"/>
  <c r="AD40269" i="1"/>
  <c r="AD40270" i="1"/>
  <c r="AD40271" i="1"/>
  <c r="AD40272" i="1"/>
  <c r="AD40273" i="1"/>
  <c r="AD40274" i="1"/>
  <c r="AD40275" i="1"/>
  <c r="AD40276" i="1"/>
  <c r="AD40277" i="1"/>
  <c r="AD40278" i="1"/>
  <c r="AD40280" i="1"/>
  <c r="AD40281" i="1"/>
  <c r="AD40282" i="1"/>
  <c r="AD40283" i="1"/>
  <c r="AD40284" i="1"/>
  <c r="AD40285" i="1"/>
  <c r="AD40286" i="1"/>
  <c r="AD40287" i="1"/>
  <c r="AD40288" i="1"/>
  <c r="AD40289" i="1"/>
  <c r="AD40290" i="1"/>
  <c r="AD40292" i="1"/>
  <c r="AD40293" i="1"/>
  <c r="AD40294" i="1"/>
  <c r="AD40295" i="1"/>
  <c r="AD40296" i="1"/>
  <c r="AD40297" i="1"/>
  <c r="AD40298" i="1"/>
  <c r="AD40299" i="1"/>
  <c r="AD40300" i="1"/>
  <c r="AD40301" i="1"/>
  <c r="AD40302" i="1"/>
  <c r="AD40304" i="1"/>
  <c r="AD40305" i="1"/>
  <c r="AD40306" i="1"/>
  <c r="AD40307" i="1"/>
  <c r="AD40308" i="1"/>
  <c r="AD40309" i="1"/>
  <c r="AD40310" i="1"/>
  <c r="AD40311" i="1"/>
  <c r="AD40312" i="1"/>
  <c r="AD40313" i="1"/>
  <c r="AD40314" i="1"/>
  <c r="AD40316" i="1"/>
  <c r="AD40317" i="1"/>
  <c r="AD40318" i="1"/>
  <c r="AD40319" i="1"/>
  <c r="AD40320" i="1"/>
  <c r="AD40321" i="1"/>
  <c r="AD40322" i="1"/>
  <c r="AD40323" i="1"/>
  <c r="AD40324" i="1"/>
  <c r="AD40325" i="1"/>
  <c r="AD40326" i="1"/>
  <c r="AD40328" i="1"/>
  <c r="AD40329" i="1"/>
  <c r="AD40330" i="1"/>
  <c r="AD40331" i="1"/>
  <c r="AD40332" i="1"/>
  <c r="AD40333" i="1"/>
  <c r="AD40334" i="1"/>
  <c r="AD40335" i="1"/>
  <c r="AD40336" i="1"/>
  <c r="AD40337" i="1"/>
  <c r="AD40338" i="1"/>
  <c r="AD40340" i="1"/>
  <c r="AD40341" i="1"/>
  <c r="AD40342" i="1"/>
  <c r="AD40343" i="1"/>
  <c r="AD40344" i="1"/>
  <c r="AD40345" i="1"/>
  <c r="AD40346" i="1"/>
  <c r="AD40347" i="1"/>
  <c r="AD40348" i="1"/>
  <c r="AD40349" i="1"/>
  <c r="AD40350" i="1"/>
  <c r="AD40352" i="1"/>
  <c r="AD40353" i="1"/>
  <c r="AD40354" i="1"/>
  <c r="AD40355" i="1"/>
  <c r="AD40356" i="1"/>
  <c r="AD40357" i="1"/>
  <c r="AD40358" i="1"/>
  <c r="AD40359" i="1"/>
  <c r="AD40360" i="1"/>
  <c r="AD40361" i="1"/>
  <c r="AD40362" i="1"/>
  <c r="AD40364" i="1"/>
  <c r="AD40365" i="1"/>
  <c r="AD40366" i="1"/>
  <c r="AD40367" i="1"/>
  <c r="AD40368" i="1"/>
  <c r="AD40369" i="1"/>
  <c r="AD40370" i="1"/>
  <c r="AD40371" i="1"/>
  <c r="AD40372" i="1"/>
  <c r="AD40373" i="1"/>
  <c r="AD40374" i="1"/>
  <c r="AD40376" i="1"/>
  <c r="AD40377" i="1"/>
  <c r="AD40378" i="1"/>
  <c r="AD40379" i="1"/>
  <c r="AD40380" i="1"/>
  <c r="AD40381" i="1"/>
  <c r="AD40382" i="1"/>
  <c r="AD40383" i="1"/>
  <c r="AD40384" i="1"/>
  <c r="AD40385" i="1"/>
  <c r="AD40386" i="1"/>
  <c r="AD40388" i="1"/>
  <c r="AD40389" i="1"/>
  <c r="AD40390" i="1"/>
  <c r="AD40391" i="1"/>
  <c r="AD40392" i="1"/>
  <c r="AD40393" i="1"/>
  <c r="AD40394" i="1"/>
  <c r="AD40395" i="1"/>
  <c r="AD40396" i="1"/>
  <c r="AD40397" i="1"/>
  <c r="AD40398" i="1"/>
  <c r="AD40400" i="1"/>
  <c r="AD40401" i="1"/>
  <c r="AD40402" i="1"/>
  <c r="AD40403" i="1"/>
  <c r="AD40404" i="1"/>
  <c r="AD40405" i="1"/>
  <c r="AD40406" i="1"/>
  <c r="AD40407" i="1"/>
  <c r="AD40408" i="1"/>
  <c r="AD40409" i="1"/>
  <c r="AD40410" i="1"/>
  <c r="AD40412" i="1"/>
  <c r="AD40413" i="1"/>
  <c r="AD40414" i="1"/>
  <c r="AD40415" i="1"/>
  <c r="AD40416" i="1"/>
  <c r="AD40417" i="1"/>
  <c r="AD40418" i="1"/>
  <c r="AD40419" i="1"/>
  <c r="AD40420" i="1"/>
  <c r="AD40421" i="1"/>
  <c r="AD40422" i="1"/>
  <c r="AD40424" i="1"/>
  <c r="AD40425" i="1"/>
  <c r="AD40426" i="1"/>
  <c r="AD40427" i="1"/>
  <c r="AD40428" i="1"/>
  <c r="AD40429" i="1"/>
  <c r="AD40430" i="1"/>
  <c r="AD40431" i="1"/>
  <c r="AD40432" i="1"/>
  <c r="AD40433" i="1"/>
  <c r="AD40434" i="1"/>
  <c r="AD40436" i="1"/>
  <c r="AD40437" i="1"/>
  <c r="AD40438" i="1"/>
  <c r="AD40439" i="1"/>
  <c r="AD40440" i="1"/>
  <c r="AD40441" i="1"/>
  <c r="AD40442" i="1"/>
  <c r="AD40443" i="1"/>
  <c r="AD40444" i="1"/>
  <c r="AD40445" i="1"/>
  <c r="AD40446" i="1"/>
  <c r="AD40448" i="1"/>
  <c r="AD40449" i="1"/>
  <c r="AD40450" i="1"/>
  <c r="AD40451" i="1"/>
  <c r="AD40452" i="1"/>
  <c r="AD40453" i="1"/>
  <c r="AD40454" i="1"/>
  <c r="AD40455" i="1"/>
  <c r="AD40456" i="1"/>
  <c r="AD40457" i="1"/>
  <c r="AD40458" i="1"/>
  <c r="AD40460" i="1"/>
  <c r="AD40461" i="1"/>
  <c r="AD40462" i="1"/>
  <c r="AD40463" i="1"/>
  <c r="AD40464" i="1"/>
  <c r="AD40465" i="1"/>
  <c r="AD40466" i="1"/>
  <c r="AD40467" i="1"/>
  <c r="AD40468" i="1"/>
  <c r="AD40469" i="1"/>
  <c r="AD40470" i="1"/>
  <c r="AD40472" i="1"/>
  <c r="AD40473" i="1"/>
  <c r="AD40474" i="1"/>
  <c r="AD40475" i="1"/>
  <c r="AD40476" i="1"/>
  <c r="AD40477" i="1"/>
  <c r="AD40478" i="1"/>
  <c r="AD40479" i="1"/>
  <c r="AD40480" i="1"/>
  <c r="AD40481" i="1"/>
  <c r="AD40482" i="1"/>
  <c r="AD40484" i="1"/>
  <c r="AD40485" i="1"/>
  <c r="AD40486" i="1"/>
  <c r="AD40487" i="1"/>
  <c r="AD40488" i="1"/>
  <c r="AD40489" i="1"/>
  <c r="AD40490" i="1"/>
  <c r="AD40491" i="1"/>
  <c r="AD40492" i="1"/>
  <c r="AD40493" i="1"/>
  <c r="AD40494" i="1"/>
  <c r="AD40496" i="1"/>
  <c r="AD40497" i="1"/>
  <c r="AD40498" i="1"/>
  <c r="AD40499" i="1"/>
  <c r="AD40500" i="1"/>
  <c r="AD40501" i="1"/>
  <c r="AD40502" i="1"/>
  <c r="AD40503" i="1"/>
  <c r="AD40504" i="1"/>
  <c r="AD40505" i="1"/>
  <c r="AD40506" i="1"/>
  <c r="AD40508" i="1"/>
  <c r="AD40509" i="1"/>
  <c r="AD40510" i="1"/>
  <c r="AD40511" i="1"/>
  <c r="AD40512" i="1"/>
  <c r="AD40513" i="1"/>
  <c r="AD40514" i="1"/>
  <c r="AD40515" i="1"/>
  <c r="AD40516" i="1"/>
  <c r="AD40517" i="1"/>
  <c r="AD40518" i="1"/>
  <c r="AD40520" i="1"/>
  <c r="AD40521" i="1"/>
  <c r="AD40522" i="1"/>
  <c r="AD40523" i="1"/>
  <c r="AD40524" i="1"/>
  <c r="AD40525" i="1"/>
  <c r="AD40526" i="1"/>
  <c r="AD40527" i="1"/>
  <c r="AD40528" i="1"/>
  <c r="AD40529" i="1"/>
  <c r="AD40530" i="1"/>
  <c r="AD40532" i="1"/>
  <c r="AD40533" i="1"/>
  <c r="AD40534" i="1"/>
  <c r="AD40535" i="1"/>
  <c r="AD40536" i="1"/>
  <c r="AD40537" i="1"/>
  <c r="AD40538" i="1"/>
  <c r="AD40539" i="1"/>
  <c r="AD40540" i="1"/>
  <c r="AD40541" i="1"/>
  <c r="AD40542" i="1"/>
  <c r="AD40544" i="1"/>
  <c r="AD40545" i="1"/>
  <c r="AD40546" i="1"/>
  <c r="AD40547" i="1"/>
  <c r="AD40548" i="1"/>
  <c r="AD40549" i="1"/>
  <c r="AD40550" i="1"/>
  <c r="AD40551" i="1"/>
  <c r="AD40552" i="1"/>
  <c r="AD40553" i="1"/>
  <c r="AD40554" i="1"/>
  <c r="AD40556" i="1"/>
  <c r="AD40557" i="1"/>
  <c r="AD40558" i="1"/>
  <c r="AD40559" i="1"/>
  <c r="AD40560" i="1"/>
  <c r="AD40561" i="1"/>
  <c r="AD40562" i="1"/>
  <c r="AD40563" i="1"/>
  <c r="AD40564" i="1"/>
  <c r="AD40565" i="1"/>
  <c r="AD40566" i="1"/>
  <c r="AD40568" i="1"/>
  <c r="AD40569" i="1"/>
  <c r="AD40570" i="1"/>
  <c r="AD40571" i="1"/>
  <c r="AD40572" i="1"/>
  <c r="AD40573" i="1"/>
  <c r="AD40574" i="1"/>
  <c r="AD40575" i="1"/>
  <c r="AD40576" i="1"/>
  <c r="AD40577" i="1"/>
  <c r="AD40578" i="1"/>
  <c r="AD40580" i="1"/>
  <c r="AD40581" i="1"/>
  <c r="AD40582" i="1"/>
  <c r="AD40583" i="1"/>
  <c r="AD40584" i="1"/>
  <c r="AD40585" i="1"/>
  <c r="AD40586" i="1"/>
  <c r="AD40587" i="1"/>
  <c r="AD40588" i="1"/>
  <c r="AD40589" i="1"/>
  <c r="AD40590" i="1"/>
  <c r="AD40592" i="1"/>
  <c r="AD40593" i="1"/>
  <c r="AD40594" i="1"/>
  <c r="AD40595" i="1"/>
  <c r="AD40596" i="1"/>
  <c r="AD40597" i="1"/>
  <c r="AD40598" i="1"/>
  <c r="AD40599" i="1"/>
  <c r="AD40600" i="1"/>
  <c r="AD40601" i="1"/>
  <c r="AD40602" i="1"/>
  <c r="AD40604" i="1"/>
  <c r="AD40605" i="1"/>
  <c r="AD40606" i="1"/>
  <c r="AD40607" i="1"/>
  <c r="AD40608" i="1"/>
  <c r="AD40609" i="1"/>
  <c r="AD40610" i="1"/>
  <c r="AD40611" i="1"/>
  <c r="AD40612" i="1"/>
  <c r="AD40613" i="1"/>
  <c r="AD40614" i="1"/>
  <c r="AD40616" i="1"/>
  <c r="AD40617" i="1"/>
  <c r="AD40618" i="1"/>
  <c r="AD40619" i="1"/>
  <c r="AD40620" i="1"/>
  <c r="AD40621" i="1"/>
  <c r="AD40622" i="1"/>
  <c r="AD40623" i="1"/>
  <c r="AD40624" i="1"/>
  <c r="AD40625" i="1"/>
  <c r="AD40626" i="1"/>
  <c r="AD40628" i="1"/>
  <c r="AD40629" i="1"/>
  <c r="AD40630" i="1"/>
  <c r="AD40631" i="1"/>
  <c r="AD40632" i="1"/>
  <c r="AD40633" i="1"/>
  <c r="AD40634" i="1"/>
  <c r="AD40635" i="1"/>
  <c r="AD40636" i="1"/>
  <c r="AD40637" i="1"/>
  <c r="AD40638" i="1"/>
  <c r="AD40640" i="1"/>
  <c r="AD40641" i="1"/>
  <c r="AD40642" i="1"/>
  <c r="AD40643" i="1"/>
  <c r="AD40644" i="1"/>
  <c r="AD40645" i="1"/>
  <c r="AD40646" i="1"/>
  <c r="AD40647" i="1"/>
  <c r="AD40648" i="1"/>
  <c r="AD40649" i="1"/>
  <c r="AD40650" i="1"/>
  <c r="AD40652" i="1"/>
  <c r="AD40653" i="1"/>
  <c r="AD40654" i="1"/>
  <c r="AD40655" i="1"/>
  <c r="AD40656" i="1"/>
  <c r="AD40657" i="1"/>
  <c r="AD40658" i="1"/>
  <c r="AD40659" i="1"/>
  <c r="AD40660" i="1"/>
  <c r="AD40661" i="1"/>
  <c r="AD40662" i="1"/>
  <c r="AD40664" i="1"/>
  <c r="AD40665" i="1"/>
  <c r="AD40666" i="1"/>
  <c r="AD40667" i="1"/>
  <c r="AD40668" i="1"/>
  <c r="AD40669" i="1"/>
  <c r="AD40670" i="1"/>
  <c r="AD40671" i="1"/>
  <c r="AD40672" i="1"/>
  <c r="AD40673" i="1"/>
  <c r="AD40674" i="1"/>
  <c r="AD40676" i="1"/>
  <c r="AD40677" i="1"/>
  <c r="AD40678" i="1"/>
  <c r="AD40679" i="1"/>
  <c r="AD40680" i="1"/>
  <c r="AD40681" i="1"/>
  <c r="AD40682" i="1"/>
  <c r="AD40683" i="1"/>
  <c r="AD40684" i="1"/>
  <c r="AD40685" i="1"/>
  <c r="AD40686" i="1"/>
  <c r="AD40688" i="1"/>
  <c r="AD40689" i="1"/>
  <c r="AD40690" i="1"/>
  <c r="AD40691" i="1"/>
  <c r="AD40692" i="1"/>
  <c r="AD40693" i="1"/>
  <c r="AD40694" i="1"/>
  <c r="AD40695" i="1"/>
  <c r="AD40696" i="1"/>
  <c r="AD40697" i="1"/>
  <c r="AD40698" i="1"/>
  <c r="AD40700" i="1"/>
  <c r="AD40701" i="1"/>
  <c r="AD40702" i="1"/>
  <c r="AD40703" i="1"/>
  <c r="AD40704" i="1"/>
  <c r="AD40705" i="1"/>
  <c r="AD40706" i="1"/>
  <c r="AD40707" i="1"/>
  <c r="AD40708" i="1"/>
  <c r="AD40709" i="1"/>
  <c r="AD40710" i="1"/>
  <c r="AD40712" i="1"/>
  <c r="AD40713" i="1"/>
  <c r="AD40714" i="1"/>
  <c r="AD40715" i="1"/>
  <c r="AD40716" i="1"/>
  <c r="AD40717" i="1"/>
  <c r="AD40718" i="1"/>
  <c r="AD40719" i="1"/>
  <c r="AD40720" i="1"/>
  <c r="AD40721" i="1"/>
  <c r="AD40722" i="1"/>
  <c r="AD40724" i="1"/>
  <c r="AD40725" i="1"/>
  <c r="AD40726" i="1"/>
  <c r="AD40727" i="1"/>
  <c r="AD40728" i="1"/>
  <c r="AD40729" i="1"/>
  <c r="AD40730" i="1"/>
  <c r="AD40731" i="1"/>
  <c r="AD40732" i="1"/>
  <c r="AD40733" i="1"/>
  <c r="AD40734" i="1"/>
  <c r="AD40736" i="1"/>
  <c r="AD40737" i="1"/>
  <c r="AD40738" i="1"/>
  <c r="AD40739" i="1"/>
  <c r="AD40740" i="1"/>
  <c r="AD40741" i="1"/>
  <c r="AD40742" i="1"/>
  <c r="AD40743" i="1"/>
  <c r="AD40744" i="1"/>
  <c r="AD40745" i="1"/>
  <c r="AD40746" i="1"/>
  <c r="AD40748" i="1"/>
  <c r="AD40749" i="1"/>
  <c r="AD40750" i="1"/>
  <c r="AD40751" i="1"/>
  <c r="AD40752" i="1"/>
  <c r="AD40753" i="1"/>
  <c r="AD40754" i="1"/>
  <c r="AD40755" i="1"/>
  <c r="AD40756" i="1"/>
  <c r="AD40757" i="1"/>
  <c r="AD40758" i="1"/>
  <c r="AD40760" i="1"/>
  <c r="AD40761" i="1"/>
  <c r="AD40762" i="1"/>
  <c r="AD40763" i="1"/>
  <c r="AD40764" i="1"/>
  <c r="AD40765" i="1"/>
  <c r="AD40766" i="1"/>
  <c r="AD40767" i="1"/>
  <c r="AD40768" i="1"/>
  <c r="AD40769" i="1"/>
  <c r="AD40770" i="1"/>
  <c r="AD40772" i="1"/>
  <c r="AD40773" i="1"/>
  <c r="AD40774" i="1"/>
  <c r="AD40775" i="1"/>
  <c r="AD40776" i="1"/>
  <c r="AD40777" i="1"/>
  <c r="AD40778" i="1"/>
  <c r="AD40779" i="1"/>
  <c r="AD40780" i="1"/>
  <c r="AD40781" i="1"/>
  <c r="AD40782" i="1"/>
  <c r="AD40784" i="1"/>
  <c r="AD40785" i="1"/>
  <c r="AD40786" i="1"/>
  <c r="AD40787" i="1"/>
  <c r="AD40788" i="1"/>
  <c r="AD40789" i="1"/>
  <c r="AD40790" i="1"/>
  <c r="AD40791" i="1"/>
  <c r="AD40792" i="1"/>
  <c r="AD40793" i="1"/>
  <c r="AD40794" i="1"/>
  <c r="AD40796" i="1"/>
  <c r="AD40797" i="1"/>
  <c r="AD40798" i="1"/>
  <c r="AD40799" i="1"/>
  <c r="AD40800" i="1"/>
  <c r="AD40801" i="1"/>
  <c r="AD40802" i="1"/>
  <c r="AD40803" i="1"/>
  <c r="AD40804" i="1"/>
  <c r="AD40805" i="1"/>
  <c r="AD40806" i="1"/>
  <c r="AD40808" i="1"/>
  <c r="AD40809" i="1"/>
  <c r="AD40810" i="1"/>
  <c r="AD40811" i="1"/>
  <c r="AD40812" i="1"/>
  <c r="AD40813" i="1"/>
  <c r="AD40814" i="1"/>
  <c r="AD40815" i="1"/>
  <c r="AD40816" i="1"/>
  <c r="AD40817" i="1"/>
  <c r="AD40818" i="1"/>
  <c r="AD40820" i="1"/>
  <c r="AD40821" i="1"/>
  <c r="AD40822" i="1"/>
  <c r="AD40823" i="1"/>
  <c r="AD40824" i="1"/>
  <c r="AD40825" i="1"/>
  <c r="AD40826" i="1"/>
  <c r="AD40827" i="1"/>
  <c r="AD40828" i="1"/>
  <c r="AD40829" i="1"/>
  <c r="AD40830" i="1"/>
  <c r="AD40832" i="1"/>
  <c r="AD40833" i="1"/>
  <c r="AD40834" i="1"/>
  <c r="AD40835" i="1"/>
  <c r="AD40836" i="1"/>
  <c r="AD40837" i="1"/>
  <c r="AD40838" i="1"/>
  <c r="AD40839" i="1"/>
  <c r="AD40840" i="1"/>
  <c r="AD40841" i="1"/>
  <c r="AD40842" i="1"/>
  <c r="AD40844" i="1"/>
  <c r="AD40845" i="1"/>
  <c r="AD40846" i="1"/>
  <c r="AD40847" i="1"/>
  <c r="AD40848" i="1"/>
  <c r="AD40849" i="1"/>
  <c r="AD40850" i="1"/>
  <c r="AD40851" i="1"/>
  <c r="AD40852" i="1"/>
  <c r="AD40853" i="1"/>
  <c r="AD40854" i="1"/>
  <c r="AD40856" i="1"/>
  <c r="AD40857" i="1"/>
  <c r="AD40858" i="1"/>
  <c r="AD40859" i="1"/>
  <c r="AD40860" i="1"/>
  <c r="AD40861" i="1"/>
  <c r="AD40862" i="1"/>
  <c r="AD40863" i="1"/>
  <c r="AD40864" i="1"/>
  <c r="AD40865" i="1"/>
  <c r="AD40866" i="1"/>
  <c r="AD40868" i="1"/>
  <c r="AD40869" i="1"/>
  <c r="AD40870" i="1"/>
  <c r="AD40871" i="1"/>
  <c r="AD40872" i="1"/>
  <c r="AD40873" i="1"/>
  <c r="AD40874" i="1"/>
  <c r="AD40875" i="1"/>
  <c r="AD40876" i="1"/>
  <c r="AD40877" i="1"/>
  <c r="AD40878" i="1"/>
  <c r="AD40880" i="1"/>
  <c r="AD40881" i="1"/>
  <c r="AD40882" i="1"/>
  <c r="AD40883" i="1"/>
  <c r="AD40884" i="1"/>
  <c r="AD40885" i="1"/>
  <c r="AD40886" i="1"/>
  <c r="AD40887" i="1"/>
  <c r="AD40888" i="1"/>
  <c r="AD40889" i="1"/>
  <c r="AD40890" i="1"/>
  <c r="AD40892" i="1"/>
  <c r="AD40893" i="1"/>
  <c r="AD40894" i="1"/>
  <c r="AD40895" i="1"/>
  <c r="AD40896" i="1"/>
  <c r="AD40897" i="1"/>
  <c r="AD40898" i="1"/>
  <c r="AD40899" i="1"/>
  <c r="AD40900" i="1"/>
  <c r="AD40901" i="1"/>
  <c r="AD40902" i="1"/>
  <c r="AD40904" i="1"/>
  <c r="AD40905" i="1"/>
  <c r="AD40906" i="1"/>
  <c r="AD40907" i="1"/>
  <c r="AD40908" i="1"/>
  <c r="AD40909" i="1"/>
  <c r="AD40910" i="1"/>
  <c r="AD40911" i="1"/>
  <c r="AD40912" i="1"/>
  <c r="AD40913" i="1"/>
  <c r="AD40914" i="1"/>
  <c r="AD40916" i="1"/>
  <c r="AD40917" i="1"/>
  <c r="AD40918" i="1"/>
  <c r="AD40919" i="1"/>
  <c r="AD40920" i="1"/>
  <c r="AD40921" i="1"/>
  <c r="AD40922" i="1"/>
  <c r="AD40923" i="1"/>
  <c r="AD40924" i="1"/>
  <c r="AD40925" i="1"/>
  <c r="AD40926" i="1"/>
  <c r="AD40928" i="1"/>
  <c r="AD40929" i="1"/>
  <c r="AD40930" i="1"/>
  <c r="AD40931" i="1"/>
  <c r="AD40932" i="1"/>
  <c r="AD40933" i="1"/>
  <c r="AD40934" i="1"/>
  <c r="AD40935" i="1"/>
  <c r="AD40936" i="1"/>
  <c r="AD40937" i="1"/>
  <c r="AD40938" i="1"/>
  <c r="AD40940" i="1"/>
  <c r="AD40941" i="1"/>
  <c r="AD40942" i="1"/>
  <c r="AD40943" i="1"/>
  <c r="AD40944" i="1"/>
  <c r="AD40945" i="1"/>
  <c r="AD40946" i="1"/>
  <c r="AD40947" i="1"/>
  <c r="AD40948" i="1"/>
  <c r="AD40949" i="1"/>
  <c r="AD40950" i="1"/>
  <c r="AD40952" i="1"/>
  <c r="AD40953" i="1"/>
  <c r="AD40954" i="1"/>
  <c r="AD40955" i="1"/>
  <c r="AD40956" i="1"/>
  <c r="AD40957" i="1"/>
  <c r="AD40958" i="1"/>
  <c r="AD40959" i="1"/>
  <c r="AD40960" i="1"/>
  <c r="AD40961" i="1"/>
  <c r="AD40962" i="1"/>
  <c r="AD40964" i="1"/>
  <c r="AD40965" i="1"/>
  <c r="AD40966" i="1"/>
  <c r="AD40967" i="1"/>
  <c r="AD40968" i="1"/>
  <c r="AD40969" i="1"/>
  <c r="AD40970" i="1"/>
  <c r="AD40971" i="1"/>
  <c r="AD40972" i="1"/>
  <c r="AD40973" i="1"/>
  <c r="AD40974" i="1"/>
  <c r="AD40976" i="1"/>
  <c r="AD40977" i="1"/>
  <c r="AD40978" i="1"/>
  <c r="AD40979" i="1"/>
  <c r="AD40980" i="1"/>
  <c r="AD40981" i="1"/>
  <c r="AD40982" i="1"/>
  <c r="AD40983" i="1"/>
  <c r="AD40984" i="1"/>
  <c r="AD40985" i="1"/>
  <c r="AD40986" i="1"/>
  <c r="AD40988" i="1"/>
  <c r="AD40989" i="1"/>
  <c r="AD40990" i="1"/>
  <c r="AD40991" i="1"/>
  <c r="AD40992" i="1"/>
  <c r="AD40993" i="1"/>
  <c r="AD40994" i="1"/>
  <c r="AD40995" i="1"/>
  <c r="AD40996" i="1"/>
  <c r="AD40997" i="1"/>
  <c r="AD40998" i="1"/>
  <c r="AD41000" i="1"/>
  <c r="AD41001" i="1"/>
  <c r="AD41002" i="1"/>
  <c r="AD41003" i="1"/>
  <c r="AD41004" i="1"/>
  <c r="AD41005" i="1"/>
  <c r="AD41006" i="1"/>
  <c r="AD41007" i="1"/>
  <c r="AD41008" i="1"/>
  <c r="AD41009" i="1"/>
  <c r="AD41010" i="1"/>
  <c r="AD41012" i="1"/>
  <c r="AD41013" i="1"/>
  <c r="AD41014" i="1"/>
  <c r="AD41015" i="1"/>
  <c r="AD41016" i="1"/>
  <c r="AD41017" i="1"/>
  <c r="AD41018" i="1"/>
  <c r="AD41019" i="1"/>
  <c r="AD41020" i="1"/>
  <c r="AD41021" i="1"/>
  <c r="AD41022" i="1"/>
  <c r="AD41024" i="1"/>
  <c r="AD41025" i="1"/>
  <c r="AD41026" i="1"/>
  <c r="AD41027" i="1"/>
  <c r="AD41028" i="1"/>
  <c r="AD41029" i="1"/>
  <c r="AD41030" i="1"/>
  <c r="AD41031" i="1"/>
  <c r="AD41032" i="1"/>
  <c r="AD41033" i="1"/>
  <c r="AD41034" i="1"/>
  <c r="AD41036" i="1"/>
  <c r="AD41037" i="1"/>
  <c r="AD41038" i="1"/>
  <c r="AD41039" i="1"/>
  <c r="AD41040" i="1"/>
  <c r="AD41041" i="1"/>
  <c r="AD41042" i="1"/>
  <c r="AD41043" i="1"/>
  <c r="AD41044" i="1"/>
  <c r="AD41045" i="1"/>
  <c r="AD41046" i="1"/>
  <c r="AD41048" i="1"/>
  <c r="AD41049" i="1"/>
  <c r="AD41050" i="1"/>
  <c r="AD41051" i="1"/>
  <c r="AD41052" i="1"/>
  <c r="AD41053" i="1"/>
  <c r="AD41054" i="1"/>
  <c r="AD41055" i="1"/>
  <c r="AD41056" i="1"/>
  <c r="AD41057" i="1"/>
  <c r="AD41058" i="1"/>
  <c r="AD41060" i="1"/>
  <c r="AD41061" i="1"/>
  <c r="AD41062" i="1"/>
  <c r="AD41063" i="1"/>
  <c r="AD41064" i="1"/>
  <c r="AD41065" i="1"/>
  <c r="AD41066" i="1"/>
  <c r="AD41067" i="1"/>
  <c r="AD41068" i="1"/>
  <c r="AD41069" i="1"/>
  <c r="AD41070" i="1"/>
  <c r="AD41072" i="1"/>
  <c r="AD41073" i="1"/>
  <c r="AD41074" i="1"/>
  <c r="AD41075" i="1"/>
  <c r="AD41076" i="1"/>
  <c r="AD41077" i="1"/>
  <c r="AD41078" i="1"/>
  <c r="AD41079" i="1"/>
  <c r="AD41080" i="1"/>
  <c r="AD41081" i="1"/>
  <c r="AD41082" i="1"/>
  <c r="AD41084" i="1"/>
  <c r="AD41085" i="1"/>
  <c r="AD41086" i="1"/>
  <c r="AD41087" i="1"/>
  <c r="AD41088" i="1"/>
  <c r="AD41089" i="1"/>
  <c r="AD41090" i="1"/>
  <c r="AD41091" i="1"/>
  <c r="AD41092" i="1"/>
  <c r="AD41093" i="1"/>
  <c r="AD41094" i="1"/>
  <c r="AD41096" i="1"/>
  <c r="AD41097" i="1"/>
  <c r="AD41098" i="1"/>
  <c r="AD41099" i="1"/>
  <c r="AD41100" i="1"/>
  <c r="AD41101" i="1"/>
  <c r="AD41102" i="1"/>
  <c r="AD41103" i="1"/>
  <c r="AD41104" i="1"/>
  <c r="AD41105" i="1"/>
  <c r="AD41106" i="1"/>
  <c r="AD41108" i="1"/>
  <c r="AD41109" i="1"/>
  <c r="AD41110" i="1"/>
  <c r="AD41111" i="1"/>
  <c r="AD41112" i="1"/>
  <c r="AD41113" i="1"/>
  <c r="AD41114" i="1"/>
  <c r="AD41115" i="1"/>
  <c r="AD41116" i="1"/>
  <c r="AD41117" i="1"/>
  <c r="AD41118" i="1"/>
  <c r="AD41120" i="1"/>
  <c r="AD41121" i="1"/>
  <c r="AD41122" i="1"/>
  <c r="AD41123" i="1"/>
  <c r="AD41124" i="1"/>
  <c r="AD41125" i="1"/>
  <c r="AD41126" i="1"/>
  <c r="AD41127" i="1"/>
  <c r="AD41128" i="1"/>
  <c r="AD41129" i="1"/>
  <c r="AD41130" i="1"/>
  <c r="AD41132" i="1"/>
  <c r="AD41133" i="1"/>
  <c r="AD41134" i="1"/>
  <c r="AD41135" i="1"/>
  <c r="AD41136" i="1"/>
  <c r="AD41137" i="1"/>
  <c r="AD41138" i="1"/>
  <c r="AD41139" i="1"/>
  <c r="AD41140" i="1"/>
  <c r="AD41141" i="1"/>
  <c r="AD41142" i="1"/>
  <c r="AD41144" i="1"/>
  <c r="AD41145" i="1"/>
  <c r="AD41146" i="1"/>
  <c r="AD41147" i="1"/>
  <c r="AD41148" i="1"/>
  <c r="AD41149" i="1"/>
  <c r="AD41150" i="1"/>
  <c r="AD41151" i="1"/>
  <c r="AD41152" i="1"/>
  <c r="AD41153" i="1"/>
  <c r="AD41154" i="1"/>
  <c r="AD41156" i="1"/>
  <c r="AD41157" i="1"/>
  <c r="AD41158" i="1"/>
  <c r="AD41159" i="1"/>
  <c r="AD41160" i="1"/>
  <c r="AD41161" i="1"/>
  <c r="AD41162" i="1"/>
  <c r="AD41163" i="1"/>
  <c r="AD41164" i="1"/>
  <c r="AD41165" i="1"/>
  <c r="AD41166" i="1"/>
  <c r="AD41168" i="1"/>
  <c r="AD41169" i="1"/>
  <c r="AD41170" i="1"/>
  <c r="AD41171" i="1"/>
  <c r="AD41172" i="1"/>
  <c r="AD41173" i="1"/>
  <c r="AD41174" i="1"/>
  <c r="AD41175" i="1"/>
  <c r="AD41176" i="1"/>
  <c r="AD41177" i="1"/>
  <c r="AD41178" i="1"/>
  <c r="AD41180" i="1"/>
  <c r="AD41181" i="1"/>
  <c r="AD41182" i="1"/>
  <c r="AD41183" i="1"/>
  <c r="AD41184" i="1"/>
  <c r="AD41185" i="1"/>
  <c r="AD41186" i="1"/>
  <c r="AD41187" i="1"/>
  <c r="AD41188" i="1"/>
  <c r="AD41189" i="1"/>
  <c r="AD41190" i="1"/>
  <c r="AD41192" i="1"/>
  <c r="AD41193" i="1"/>
  <c r="AD41194" i="1"/>
  <c r="AD41195" i="1"/>
  <c r="AD41196" i="1"/>
  <c r="AD41197" i="1"/>
  <c r="AD41198" i="1"/>
  <c r="AD41199" i="1"/>
  <c r="AD41200" i="1"/>
  <c r="AD41201" i="1"/>
  <c r="AD41202" i="1"/>
  <c r="AD41204" i="1"/>
  <c r="AD41205" i="1"/>
  <c r="AD41206" i="1"/>
  <c r="AD41207" i="1"/>
  <c r="AD41208" i="1"/>
  <c r="AD41209" i="1"/>
  <c r="AD41210" i="1"/>
  <c r="AD41211" i="1"/>
  <c r="AD41212" i="1"/>
  <c r="AD41213" i="1"/>
  <c r="AD41214" i="1"/>
  <c r="AD41216" i="1"/>
  <c r="AD41217" i="1"/>
  <c r="AD41218" i="1"/>
  <c r="AD41219" i="1"/>
  <c r="AD41220" i="1"/>
  <c r="AD41221" i="1"/>
  <c r="AD41222" i="1"/>
  <c r="AD41223" i="1"/>
  <c r="AD41224" i="1"/>
  <c r="AD41225" i="1"/>
  <c r="AD41226" i="1"/>
  <c r="AD41228" i="1"/>
  <c r="AD41229" i="1"/>
  <c r="AD41230" i="1"/>
  <c r="AD41231" i="1"/>
  <c r="AD41232" i="1"/>
  <c r="AD41233" i="1"/>
  <c r="AD41234" i="1"/>
  <c r="AD41235" i="1"/>
  <c r="AD41236" i="1"/>
  <c r="AD41237" i="1"/>
  <c r="AD41238" i="1"/>
  <c r="AD41240" i="1"/>
  <c r="AD41241" i="1"/>
  <c r="AD41242" i="1"/>
  <c r="AD41243" i="1"/>
  <c r="AD41244" i="1"/>
  <c r="AD41245" i="1"/>
  <c r="AD41246" i="1"/>
  <c r="AD41247" i="1"/>
  <c r="AD41248" i="1"/>
  <c r="AD41249" i="1"/>
  <c r="AD41250" i="1"/>
  <c r="AD41252" i="1"/>
  <c r="AD41253" i="1"/>
  <c r="AD41254" i="1"/>
  <c r="AD41255" i="1"/>
  <c r="AD41256" i="1"/>
  <c r="AD41257" i="1"/>
  <c r="AD41258" i="1"/>
  <c r="AD41259" i="1"/>
  <c r="AD41260" i="1"/>
  <c r="AD41261" i="1"/>
  <c r="AD41262" i="1"/>
  <c r="AD41264" i="1"/>
  <c r="AD41265" i="1"/>
  <c r="AD41266" i="1"/>
  <c r="AD41267" i="1"/>
  <c r="AD41268" i="1"/>
  <c r="AD41269" i="1"/>
  <c r="AD41270" i="1"/>
  <c r="AD41271" i="1"/>
  <c r="AD41272" i="1"/>
  <c r="AD41273" i="1"/>
  <c r="AD41274" i="1"/>
  <c r="AD41276" i="1"/>
  <c r="AD41277" i="1"/>
  <c r="AD41278" i="1"/>
  <c r="AD41279" i="1"/>
  <c r="AD41280" i="1"/>
  <c r="AD41281" i="1"/>
  <c r="AD41282" i="1"/>
  <c r="AD41283" i="1"/>
  <c r="AD41284" i="1"/>
  <c r="AD41285" i="1"/>
  <c r="AD41286" i="1"/>
  <c r="AD41288" i="1"/>
  <c r="AD41289" i="1"/>
  <c r="AD41290" i="1"/>
  <c r="AD41291" i="1"/>
  <c r="AD41292" i="1"/>
  <c r="AD41293" i="1"/>
  <c r="AD41294" i="1"/>
  <c r="AD41295" i="1"/>
  <c r="AD41296" i="1"/>
  <c r="AD41297" i="1"/>
  <c r="AD41298" i="1"/>
  <c r="AD41300" i="1"/>
  <c r="AD41301" i="1"/>
  <c r="AD41302" i="1"/>
  <c r="AD41303" i="1"/>
  <c r="AD41304" i="1"/>
  <c r="AD41305" i="1"/>
  <c r="AD41306" i="1"/>
  <c r="AD41307" i="1"/>
  <c r="AD41308" i="1"/>
  <c r="AD41309" i="1"/>
  <c r="AD41310" i="1"/>
  <c r="AD41312" i="1"/>
  <c r="AD41313" i="1"/>
  <c r="AD41314" i="1"/>
  <c r="AD41315" i="1"/>
  <c r="AD41316" i="1"/>
  <c r="AD41317" i="1"/>
  <c r="AD41318" i="1"/>
  <c r="AD41319" i="1"/>
  <c r="AD41320" i="1"/>
  <c r="AD41321" i="1"/>
  <c r="AD41322" i="1"/>
  <c r="AD41324" i="1"/>
  <c r="AD41325" i="1"/>
  <c r="AD41326" i="1"/>
  <c r="AD41327" i="1"/>
  <c r="AD41328" i="1"/>
  <c r="AD41329" i="1"/>
  <c r="AD41330" i="1"/>
  <c r="AD41331" i="1"/>
  <c r="AD41332" i="1"/>
  <c r="AD41333" i="1"/>
  <c r="AD41334" i="1"/>
  <c r="AD41336" i="1"/>
  <c r="AD41337" i="1"/>
  <c r="AD41338" i="1"/>
  <c r="AD41339" i="1"/>
  <c r="AD41340" i="1"/>
  <c r="AD41341" i="1"/>
  <c r="AD41342" i="1"/>
  <c r="AD41343" i="1"/>
  <c r="AD41344" i="1"/>
  <c r="AD41345" i="1"/>
  <c r="AD41346" i="1"/>
  <c r="AD41348" i="1"/>
  <c r="AD41349" i="1"/>
  <c r="AD41350" i="1"/>
  <c r="AD41351" i="1"/>
  <c r="AD41352" i="1"/>
  <c r="AD41353" i="1"/>
  <c r="AD41354" i="1"/>
  <c r="AD41355" i="1"/>
  <c r="AD41356" i="1"/>
  <c r="AD41357" i="1"/>
  <c r="AD41358" i="1"/>
  <c r="AD41360" i="1"/>
  <c r="AD41361" i="1"/>
  <c r="AD41362" i="1"/>
  <c r="AD41363" i="1"/>
  <c r="AD41364" i="1"/>
  <c r="AD41365" i="1"/>
  <c r="AD41366" i="1"/>
  <c r="AD41367" i="1"/>
  <c r="AD41368" i="1"/>
  <c r="AD41369" i="1"/>
  <c r="AD41370" i="1"/>
  <c r="AD41372" i="1"/>
  <c r="AD41373" i="1"/>
  <c r="AD41374" i="1"/>
  <c r="AD41375" i="1"/>
  <c r="AD41376" i="1"/>
  <c r="AD41377" i="1"/>
  <c r="AD41378" i="1"/>
  <c r="AD41379" i="1"/>
  <c r="AD41380" i="1"/>
  <c r="AD41381" i="1"/>
  <c r="AD41382" i="1"/>
  <c r="AD41384" i="1"/>
  <c r="AD41385" i="1"/>
  <c r="AD41386" i="1"/>
  <c r="AD41387" i="1"/>
  <c r="AD41388" i="1"/>
  <c r="AD41389" i="1"/>
  <c r="AD41390" i="1"/>
  <c r="AD41391" i="1"/>
  <c r="AD41392" i="1"/>
  <c r="AD41393" i="1"/>
  <c r="AD41394" i="1"/>
  <c r="AD41396" i="1"/>
  <c r="AD41397" i="1"/>
  <c r="AD41398" i="1"/>
  <c r="AD41399" i="1"/>
  <c r="AD41400" i="1"/>
  <c r="AD41401" i="1"/>
  <c r="AD41402" i="1"/>
  <c r="AD41403" i="1"/>
  <c r="AD41404" i="1"/>
  <c r="AD41405" i="1"/>
  <c r="AD41406" i="1"/>
  <c r="AD41408" i="1"/>
  <c r="AD41409" i="1"/>
  <c r="AD41410" i="1"/>
  <c r="AD41411" i="1"/>
  <c r="AD41412" i="1"/>
  <c r="AD41413" i="1"/>
  <c r="AD41414" i="1"/>
  <c r="AD41415" i="1"/>
  <c r="AD41416" i="1"/>
  <c r="AD41417" i="1"/>
  <c r="AD41418" i="1"/>
  <c r="AD41420" i="1"/>
  <c r="AD41421" i="1"/>
  <c r="AD41422" i="1"/>
  <c r="AD41423" i="1"/>
  <c r="AD41424" i="1"/>
  <c r="AD41425" i="1"/>
  <c r="AD41426" i="1"/>
  <c r="AD41427" i="1"/>
  <c r="AD41428" i="1"/>
  <c r="AD41429" i="1"/>
  <c r="AD41430" i="1"/>
  <c r="AD41432" i="1"/>
  <c r="AD41433" i="1"/>
  <c r="AD41434" i="1"/>
  <c r="AD41435" i="1"/>
  <c r="AD41436" i="1"/>
  <c r="AD41437" i="1"/>
  <c r="AD41438" i="1"/>
  <c r="AD41439" i="1"/>
  <c r="AD41440" i="1"/>
  <c r="AD41441" i="1"/>
  <c r="AD41442" i="1"/>
  <c r="AD41444" i="1"/>
  <c r="AD41445" i="1"/>
  <c r="AD41446" i="1"/>
  <c r="AD41447" i="1"/>
  <c r="AD41448" i="1"/>
  <c r="AD41449" i="1"/>
  <c r="AD41450" i="1"/>
  <c r="AD41451" i="1"/>
  <c r="AD41452" i="1"/>
  <c r="AD41453" i="1"/>
  <c r="AD41454" i="1"/>
  <c r="AD41456" i="1"/>
  <c r="AD41457" i="1"/>
  <c r="AD41458" i="1"/>
  <c r="AD41459" i="1"/>
  <c r="AD41460" i="1"/>
  <c r="AD41461" i="1"/>
  <c r="AD41462" i="1"/>
  <c r="AD41463" i="1"/>
  <c r="AD41464" i="1"/>
  <c r="AD41465" i="1"/>
  <c r="AD41466" i="1"/>
  <c r="AD41468" i="1"/>
  <c r="AD41469" i="1"/>
  <c r="AD41470" i="1"/>
  <c r="AD41471" i="1"/>
  <c r="AD41472" i="1"/>
  <c r="AD41473" i="1"/>
  <c r="AD41474" i="1"/>
  <c r="AD41475" i="1"/>
  <c r="AD41476" i="1"/>
  <c r="AD41477" i="1"/>
  <c r="AD41478" i="1"/>
  <c r="AD41480" i="1"/>
  <c r="AD41481" i="1"/>
  <c r="AD41482" i="1"/>
  <c r="AD41483" i="1"/>
  <c r="AD41484" i="1"/>
  <c r="AD41485" i="1"/>
  <c r="AD41486" i="1"/>
  <c r="AD41487" i="1"/>
  <c r="AD41488" i="1"/>
  <c r="AD41489" i="1"/>
  <c r="AD41490" i="1"/>
  <c r="AD41492" i="1"/>
  <c r="AD41493" i="1"/>
  <c r="AD41494" i="1"/>
  <c r="AD41495" i="1"/>
  <c r="AD41496" i="1"/>
  <c r="AD41497" i="1"/>
  <c r="AD41498" i="1"/>
  <c r="AD41499" i="1"/>
  <c r="AD41500" i="1"/>
  <c r="AD41501" i="1"/>
  <c r="AD41502" i="1"/>
  <c r="AD41504" i="1"/>
  <c r="AD41505" i="1"/>
  <c r="AD41506" i="1"/>
  <c r="AD41507" i="1"/>
  <c r="AD41508" i="1"/>
  <c r="AD41509" i="1"/>
  <c r="AD41510" i="1"/>
  <c r="AD41511" i="1"/>
  <c r="AD41512" i="1"/>
  <c r="AD41513" i="1"/>
  <c r="AD41514" i="1"/>
  <c r="AD41516" i="1"/>
  <c r="AD41517" i="1"/>
  <c r="AD41518" i="1"/>
  <c r="AD41519" i="1"/>
  <c r="AD41520" i="1"/>
  <c r="AD41521" i="1"/>
  <c r="AD41522" i="1"/>
  <c r="AD41523" i="1"/>
  <c r="AD41524" i="1"/>
  <c r="AD41525" i="1"/>
  <c r="AD41526" i="1"/>
  <c r="AD41528" i="1"/>
  <c r="AD41529" i="1"/>
  <c r="AD41530" i="1"/>
  <c r="AD41531" i="1"/>
  <c r="AD41532" i="1"/>
  <c r="AD41533" i="1"/>
  <c r="AD41534" i="1"/>
  <c r="AD41535" i="1"/>
  <c r="AD41536" i="1"/>
  <c r="AD41537" i="1"/>
  <c r="AD41538" i="1"/>
  <c r="AD41540" i="1"/>
  <c r="AD41541" i="1"/>
  <c r="AD41542" i="1"/>
  <c r="AD41543" i="1"/>
  <c r="AD41544" i="1"/>
  <c r="AD41545" i="1"/>
  <c r="AD41546" i="1"/>
  <c r="AD41547" i="1"/>
  <c r="AD41548" i="1"/>
  <c r="AD41549" i="1"/>
  <c r="AD41550" i="1"/>
  <c r="AD41552" i="1"/>
  <c r="AD41553" i="1"/>
  <c r="AD41554" i="1"/>
  <c r="AD41555" i="1"/>
  <c r="AD41556" i="1"/>
  <c r="AD41557" i="1"/>
  <c r="AD41558" i="1"/>
  <c r="AD41559" i="1"/>
  <c r="AD41560" i="1"/>
  <c r="AD41561" i="1"/>
  <c r="AD41562" i="1"/>
  <c r="AD41564" i="1"/>
  <c r="AD41565" i="1"/>
  <c r="AD41566" i="1"/>
  <c r="AD41567" i="1"/>
  <c r="AD41568" i="1"/>
  <c r="AD41569" i="1"/>
  <c r="AD41570" i="1"/>
  <c r="AD41571" i="1"/>
  <c r="AD41572" i="1"/>
  <c r="AD41573" i="1"/>
  <c r="AD41574" i="1"/>
  <c r="AD41576" i="1"/>
  <c r="AD41577" i="1"/>
  <c r="AD41578" i="1"/>
  <c r="AD41579" i="1"/>
  <c r="AD41580" i="1"/>
  <c r="AD41581" i="1"/>
  <c r="AD41582" i="1"/>
  <c r="AD41583" i="1"/>
  <c r="AD41584" i="1"/>
  <c r="AD41585" i="1"/>
  <c r="AD41586" i="1"/>
  <c r="AD41588" i="1"/>
  <c r="AD41589" i="1"/>
  <c r="AD41590" i="1"/>
  <c r="AD41591" i="1"/>
  <c r="AD41592" i="1"/>
  <c r="AD41593" i="1"/>
  <c r="AD41594" i="1"/>
  <c r="AD41595" i="1"/>
  <c r="AD41596" i="1"/>
  <c r="AD41597" i="1"/>
  <c r="AD41598" i="1"/>
  <c r="AD41600" i="1"/>
  <c r="AD41601" i="1"/>
  <c r="AD41602" i="1"/>
  <c r="AD41603" i="1"/>
  <c r="AD41604" i="1"/>
  <c r="AD41605" i="1"/>
  <c r="AD41606" i="1"/>
  <c r="AD41607" i="1"/>
  <c r="AD41608" i="1"/>
  <c r="AD41609" i="1"/>
  <c r="AD41610" i="1"/>
  <c r="AD41612" i="1"/>
  <c r="AD41613" i="1"/>
  <c r="AD41614" i="1"/>
  <c r="AD41615" i="1"/>
  <c r="AD41616" i="1"/>
  <c r="AD41617" i="1"/>
  <c r="AD41618" i="1"/>
  <c r="AD41619" i="1"/>
  <c r="AD41620" i="1"/>
  <c r="AD41621" i="1"/>
  <c r="AD41622" i="1"/>
  <c r="AD41624" i="1"/>
  <c r="AD41625" i="1"/>
  <c r="AD41626" i="1"/>
  <c r="AD41627" i="1"/>
  <c r="AD41628" i="1"/>
  <c r="AD41629" i="1"/>
  <c r="AD41630" i="1"/>
  <c r="AD41631" i="1"/>
  <c r="AD41632" i="1"/>
  <c r="AD41633" i="1"/>
  <c r="AD41634" i="1"/>
  <c r="AD41636" i="1"/>
  <c r="AD41637" i="1"/>
  <c r="AD41638" i="1"/>
  <c r="AD41639" i="1"/>
  <c r="AD41640" i="1"/>
  <c r="AD41641" i="1"/>
  <c r="AD41642" i="1"/>
  <c r="AD41643" i="1"/>
  <c r="AD41644" i="1"/>
  <c r="AD41645" i="1"/>
  <c r="AD41646" i="1"/>
  <c r="AD41648" i="1"/>
  <c r="AD41649" i="1"/>
  <c r="AD41650" i="1"/>
  <c r="AD41651" i="1"/>
  <c r="AD41652" i="1"/>
  <c r="AD41653" i="1"/>
  <c r="AD41654" i="1"/>
  <c r="AD41655" i="1"/>
  <c r="AD41656" i="1"/>
  <c r="AD41657" i="1"/>
  <c r="AD41658" i="1"/>
  <c r="AD41660" i="1"/>
  <c r="AD41661" i="1"/>
  <c r="AD41662" i="1"/>
  <c r="AD41663" i="1"/>
  <c r="AD41664" i="1"/>
  <c r="AD41665" i="1"/>
  <c r="AD41666" i="1"/>
  <c r="AD41667" i="1"/>
  <c r="AD41668" i="1"/>
  <c r="AD41669" i="1"/>
  <c r="AD41670" i="1"/>
  <c r="AD41672" i="1"/>
  <c r="AD41673" i="1"/>
  <c r="AD41674" i="1"/>
  <c r="AD41675" i="1"/>
  <c r="AD41676" i="1"/>
  <c r="AD41677" i="1"/>
  <c r="AD41678" i="1"/>
  <c r="AD41679" i="1"/>
  <c r="AD41680" i="1"/>
  <c r="AD41681" i="1"/>
  <c r="AD41682" i="1"/>
  <c r="AD41684" i="1"/>
  <c r="AD41685" i="1"/>
  <c r="AD41686" i="1"/>
  <c r="AD41687" i="1"/>
  <c r="AD41688" i="1"/>
  <c r="AD41689" i="1"/>
  <c r="AD41690" i="1"/>
  <c r="AD41691" i="1"/>
  <c r="AD41692" i="1"/>
  <c r="AD41693" i="1"/>
  <c r="AD41694" i="1"/>
  <c r="AD41696" i="1"/>
  <c r="AD41697" i="1"/>
  <c r="AD41698" i="1"/>
  <c r="AD41699" i="1"/>
  <c r="AD41700" i="1"/>
  <c r="AD41701" i="1"/>
  <c r="AD41702" i="1"/>
  <c r="AD41703" i="1"/>
  <c r="AD41704" i="1"/>
  <c r="AD41705" i="1"/>
  <c r="AD41706" i="1"/>
  <c r="AD41708" i="1"/>
  <c r="AD41709" i="1"/>
  <c r="AD41710" i="1"/>
  <c r="AD41711" i="1"/>
  <c r="AD41712" i="1"/>
  <c r="AD41713" i="1"/>
  <c r="AD41714" i="1"/>
  <c r="AD41715" i="1"/>
  <c r="AD41716" i="1"/>
  <c r="AD41717" i="1"/>
  <c r="AD41718" i="1"/>
  <c r="AD41720" i="1"/>
  <c r="AD41721" i="1"/>
  <c r="AD41722" i="1"/>
  <c r="AD41723" i="1"/>
  <c r="AD41724" i="1"/>
  <c r="AD41725" i="1"/>
  <c r="AD41726" i="1"/>
  <c r="AD41727" i="1"/>
  <c r="AD41728" i="1"/>
  <c r="AD41729" i="1"/>
  <c r="AD41730" i="1"/>
  <c r="AD41732" i="1"/>
  <c r="AD41733" i="1"/>
  <c r="AD41734" i="1"/>
  <c r="AD41735" i="1"/>
  <c r="AD41736" i="1"/>
  <c r="AD41737" i="1"/>
  <c r="AD41738" i="1"/>
  <c r="AD41739" i="1"/>
  <c r="AD41740" i="1"/>
  <c r="AD41741" i="1"/>
  <c r="AD41742" i="1"/>
  <c r="AD41744" i="1"/>
  <c r="AD41745" i="1"/>
  <c r="AD41746" i="1"/>
  <c r="AD41747" i="1"/>
  <c r="AD41748" i="1"/>
  <c r="AD41749" i="1"/>
  <c r="AD41750" i="1"/>
  <c r="AD41751" i="1"/>
  <c r="AD41752" i="1"/>
  <c r="AD41753" i="1"/>
  <c r="AD41754" i="1"/>
  <c r="AD41756" i="1"/>
  <c r="AD41757" i="1"/>
  <c r="AD41758" i="1"/>
  <c r="AD41759" i="1"/>
  <c r="AD41760" i="1"/>
  <c r="AD41761" i="1"/>
  <c r="AD41762" i="1"/>
  <c r="AD41763" i="1"/>
  <c r="AD41764" i="1"/>
  <c r="AD41765" i="1"/>
  <c r="AD41766" i="1"/>
  <c r="AD41768" i="1"/>
  <c r="AD41769" i="1"/>
  <c r="AD41770" i="1"/>
  <c r="AD41771" i="1"/>
  <c r="AD41772" i="1"/>
  <c r="AD41773" i="1"/>
  <c r="AD41774" i="1"/>
  <c r="AD41775" i="1"/>
  <c r="AD41776" i="1"/>
  <c r="AD41777" i="1"/>
  <c r="AD41778" i="1"/>
  <c r="AD41780" i="1"/>
  <c r="AD41781" i="1"/>
  <c r="AD41782" i="1"/>
  <c r="AD41783" i="1"/>
  <c r="AD41784" i="1"/>
  <c r="AD41785" i="1"/>
  <c r="AD41786" i="1"/>
  <c r="AD41787" i="1"/>
  <c r="AD41788" i="1"/>
  <c r="AD41789" i="1"/>
  <c r="AD41790" i="1"/>
  <c r="AD41792" i="1"/>
  <c r="AD41793" i="1"/>
  <c r="AD41794" i="1"/>
  <c r="AD41795" i="1"/>
  <c r="AD41796" i="1"/>
  <c r="AD41797" i="1"/>
  <c r="AD41798" i="1"/>
  <c r="AD41799" i="1"/>
  <c r="AD41800" i="1"/>
  <c r="AD41801" i="1"/>
  <c r="AD41802" i="1"/>
  <c r="AD41804" i="1"/>
  <c r="AD41805" i="1"/>
  <c r="AD41806" i="1"/>
  <c r="AD41807" i="1"/>
  <c r="AD41808" i="1"/>
  <c r="AD41809" i="1"/>
  <c r="AD41810" i="1"/>
  <c r="AD41811" i="1"/>
  <c r="AD41812" i="1"/>
  <c r="AD41813" i="1"/>
  <c r="AD41814" i="1"/>
  <c r="AD41816" i="1"/>
  <c r="AD41817" i="1"/>
  <c r="AD41818" i="1"/>
  <c r="AD41819" i="1"/>
  <c r="AD41820" i="1"/>
  <c r="AD41821" i="1"/>
  <c r="AD41822" i="1"/>
  <c r="AD41823" i="1"/>
  <c r="AD41824" i="1"/>
  <c r="AD41825" i="1"/>
  <c r="AD41826" i="1"/>
  <c r="AD41828" i="1"/>
  <c r="AD41829" i="1"/>
  <c r="AD41830" i="1"/>
  <c r="AD41831" i="1"/>
  <c r="AD41832" i="1"/>
  <c r="AD41833" i="1"/>
  <c r="AD41834" i="1"/>
  <c r="AD41835" i="1"/>
  <c r="AD41836" i="1"/>
  <c r="AD41837" i="1"/>
  <c r="AD41838" i="1"/>
  <c r="AD41840" i="1"/>
  <c r="AD41841" i="1"/>
  <c r="AD41842" i="1"/>
  <c r="AD41843" i="1"/>
  <c r="AD41844" i="1"/>
  <c r="AD41845" i="1"/>
  <c r="AD41846" i="1"/>
  <c r="AD41847" i="1"/>
  <c r="AD41848" i="1"/>
  <c r="AD41849" i="1"/>
  <c r="AD41850" i="1"/>
  <c r="AD41852" i="1"/>
  <c r="AD41853" i="1"/>
  <c r="AD41854" i="1"/>
  <c r="AD41855" i="1"/>
  <c r="AD41856" i="1"/>
  <c r="AD41857" i="1"/>
  <c r="AD41858" i="1"/>
  <c r="AD41859" i="1"/>
  <c r="AD41860" i="1"/>
  <c r="AD41861" i="1"/>
  <c r="AD41862" i="1"/>
  <c r="AD41864" i="1"/>
  <c r="AD41865" i="1"/>
  <c r="AD41866" i="1"/>
  <c r="AD41867" i="1"/>
  <c r="AD41868" i="1"/>
  <c r="AD41869" i="1"/>
  <c r="AD41870" i="1"/>
  <c r="AD41871" i="1"/>
  <c r="AD41872" i="1"/>
  <c r="AD41873" i="1"/>
  <c r="AD41874" i="1"/>
  <c r="AD41876" i="1"/>
  <c r="AD41877" i="1"/>
  <c r="AD41878" i="1"/>
  <c r="AD41879" i="1"/>
  <c r="AD41880" i="1"/>
  <c r="AD41881" i="1"/>
  <c r="AD41882" i="1"/>
  <c r="AD41883" i="1"/>
  <c r="AD41884" i="1"/>
  <c r="AD41885" i="1"/>
  <c r="AD41886" i="1"/>
  <c r="AD41888" i="1"/>
  <c r="AD41889" i="1"/>
  <c r="AD41890" i="1"/>
  <c r="AD41891" i="1"/>
  <c r="AD41892" i="1"/>
  <c r="AD41893" i="1"/>
  <c r="AD41894" i="1"/>
  <c r="AD41895" i="1"/>
  <c r="AD41896" i="1"/>
  <c r="AD41897" i="1"/>
  <c r="AD41898" i="1"/>
  <c r="AD41900" i="1"/>
  <c r="AD41901" i="1"/>
  <c r="AD41902" i="1"/>
  <c r="AD41903" i="1"/>
  <c r="AD41904" i="1"/>
  <c r="AD41905" i="1"/>
  <c r="AD41906" i="1"/>
  <c r="AD41907" i="1"/>
  <c r="AD41908" i="1"/>
  <c r="AD41909" i="1"/>
  <c r="AD41910" i="1"/>
  <c r="AD41912" i="1"/>
  <c r="AD41913" i="1"/>
  <c r="AD41914" i="1"/>
  <c r="AD41915" i="1"/>
  <c r="AD41916" i="1"/>
  <c r="AD41917" i="1"/>
  <c r="AD41918" i="1"/>
  <c r="AD41919" i="1"/>
  <c r="AD41920" i="1"/>
  <c r="AD41921" i="1"/>
  <c r="AD41922" i="1"/>
  <c r="AD41924" i="1"/>
  <c r="AD41925" i="1"/>
  <c r="AD41926" i="1"/>
  <c r="AD41927" i="1"/>
  <c r="AD41928" i="1"/>
  <c r="AD41929" i="1"/>
  <c r="AD41930" i="1"/>
  <c r="AD41931" i="1"/>
  <c r="AD41932" i="1"/>
  <c r="AD41933" i="1"/>
  <c r="AD41934" i="1"/>
  <c r="AD41936" i="1"/>
  <c r="AD41937" i="1"/>
  <c r="AD41938" i="1"/>
  <c r="AD41939" i="1"/>
  <c r="AD41940" i="1"/>
  <c r="AD41941" i="1"/>
  <c r="AD41942" i="1"/>
  <c r="AD41943" i="1"/>
  <c r="AD41944" i="1"/>
  <c r="AD41945" i="1"/>
  <c r="AD41946" i="1"/>
  <c r="AD41948" i="1"/>
  <c r="AD41949" i="1"/>
  <c r="AD41950" i="1"/>
  <c r="AD41951" i="1"/>
  <c r="AD41952" i="1"/>
  <c r="AD41953" i="1"/>
  <c r="AD41954" i="1"/>
  <c r="AD41955" i="1"/>
  <c r="AD41956" i="1"/>
  <c r="AD41957" i="1"/>
  <c r="AD41958" i="1"/>
  <c r="AD41960" i="1"/>
  <c r="AD41961" i="1"/>
  <c r="AD41962" i="1"/>
  <c r="AD41963" i="1"/>
  <c r="AD41964" i="1"/>
  <c r="AD41965" i="1"/>
  <c r="AD41966" i="1"/>
  <c r="AD41967" i="1"/>
  <c r="AD41968" i="1"/>
  <c r="AD41969" i="1"/>
  <c r="AD41970" i="1"/>
  <c r="AD41972" i="1"/>
  <c r="AD41973" i="1"/>
  <c r="AD41974" i="1"/>
  <c r="AD41975" i="1"/>
  <c r="AD41976" i="1"/>
  <c r="AD41977" i="1"/>
  <c r="AD41978" i="1"/>
  <c r="AD41979" i="1"/>
  <c r="AD41980" i="1"/>
  <c r="AD41981" i="1"/>
  <c r="AD41982" i="1"/>
  <c r="AD41984" i="1"/>
  <c r="AD41985" i="1"/>
  <c r="AD41986" i="1"/>
  <c r="AD41987" i="1"/>
  <c r="AD41988" i="1"/>
  <c r="AD41989" i="1"/>
  <c r="AD41990" i="1"/>
  <c r="AD41991" i="1"/>
  <c r="AD41992" i="1"/>
  <c r="AD41993" i="1"/>
  <c r="AD41994" i="1"/>
  <c r="AD41996" i="1"/>
  <c r="AD41997" i="1"/>
  <c r="AD41998" i="1"/>
  <c r="AD41999" i="1"/>
  <c r="AD42000" i="1"/>
  <c r="AD42001" i="1"/>
  <c r="AD42002" i="1"/>
  <c r="AD42003" i="1"/>
  <c r="AD42004" i="1"/>
  <c r="AD42005" i="1"/>
  <c r="AD42006" i="1"/>
  <c r="AD42008" i="1"/>
  <c r="AD42009" i="1"/>
  <c r="AD42010" i="1"/>
  <c r="AD42011" i="1"/>
  <c r="AD42012" i="1"/>
  <c r="AD42013" i="1"/>
  <c r="AD42014" i="1"/>
  <c r="AD42015" i="1"/>
  <c r="AD42016" i="1"/>
  <c r="AD42017" i="1"/>
  <c r="AD42018" i="1"/>
  <c r="AD42020" i="1"/>
  <c r="AD42021" i="1"/>
  <c r="AD42022" i="1"/>
  <c r="AD42023" i="1"/>
  <c r="AD42024" i="1"/>
  <c r="AD42025" i="1"/>
  <c r="AD42026" i="1"/>
  <c r="AD42027" i="1"/>
  <c r="AD42028" i="1"/>
  <c r="AD42029" i="1"/>
  <c r="AD42030" i="1"/>
  <c r="AD42032" i="1"/>
  <c r="AD42033" i="1"/>
  <c r="AD42034" i="1"/>
  <c r="AD42035" i="1"/>
  <c r="AD42036" i="1"/>
  <c r="AD42037" i="1"/>
  <c r="AD42038" i="1"/>
  <c r="AD42039" i="1"/>
  <c r="AD42040" i="1"/>
  <c r="AD42041" i="1"/>
  <c r="AD42042" i="1"/>
  <c r="AD42044" i="1"/>
  <c r="AD42045" i="1"/>
  <c r="AD42046" i="1"/>
  <c r="AD42047" i="1"/>
  <c r="AD42048" i="1"/>
  <c r="AD42049" i="1"/>
  <c r="AD42050" i="1"/>
  <c r="AD42051" i="1"/>
  <c r="AD42052" i="1"/>
  <c r="AD42053" i="1"/>
  <c r="AD42054" i="1"/>
  <c r="AD42056" i="1"/>
  <c r="AD42057" i="1"/>
  <c r="AD42058" i="1"/>
  <c r="AD42059" i="1"/>
  <c r="AD42060" i="1"/>
  <c r="AD42061" i="1"/>
  <c r="AD42062" i="1"/>
  <c r="AD42063" i="1"/>
  <c r="AD42064" i="1"/>
  <c r="AD42065" i="1"/>
  <c r="AD42066" i="1"/>
  <c r="AD42068" i="1"/>
  <c r="AD42069" i="1"/>
  <c r="AD42070" i="1"/>
  <c r="AD42071" i="1"/>
  <c r="AD42072" i="1"/>
  <c r="AD42073" i="1"/>
  <c r="AD42074" i="1"/>
  <c r="AD42075" i="1"/>
  <c r="AD42076" i="1"/>
  <c r="AD42077" i="1"/>
  <c r="AD42078" i="1"/>
  <c r="AD42080" i="1"/>
  <c r="AD42081" i="1"/>
  <c r="AD42082" i="1"/>
  <c r="AD42083" i="1"/>
  <c r="AD42084" i="1"/>
  <c r="AD42085" i="1"/>
  <c r="AD42086" i="1"/>
  <c r="AD42087" i="1"/>
  <c r="AD42088" i="1"/>
  <c r="AD42089" i="1"/>
  <c r="AD42090" i="1"/>
  <c r="AD42092" i="1"/>
  <c r="AD42093" i="1"/>
  <c r="AD42094" i="1"/>
  <c r="AD42095" i="1"/>
  <c r="AD42096" i="1"/>
  <c r="AD42097" i="1"/>
  <c r="AD42098" i="1"/>
  <c r="AD42099" i="1"/>
  <c r="AD42100" i="1"/>
  <c r="AD42101" i="1"/>
  <c r="AD42102" i="1"/>
  <c r="AD42104" i="1"/>
  <c r="AD42105" i="1"/>
  <c r="AD42106" i="1"/>
  <c r="AD42107" i="1"/>
  <c r="AD42108" i="1"/>
  <c r="AD42109" i="1"/>
  <c r="AD42110" i="1"/>
  <c r="AD42111" i="1"/>
  <c r="AD42112" i="1"/>
  <c r="AD42113" i="1"/>
  <c r="AD42114" i="1"/>
  <c r="AD42116" i="1"/>
  <c r="AD42117" i="1"/>
  <c r="AD42118" i="1"/>
  <c r="AD42119" i="1"/>
  <c r="AD42120" i="1"/>
  <c r="AD42121" i="1"/>
  <c r="AD42122" i="1"/>
  <c r="AD42123" i="1"/>
  <c r="AD42124" i="1"/>
  <c r="AD42125" i="1"/>
  <c r="AD42126" i="1"/>
  <c r="AD42128" i="1"/>
  <c r="AD42129" i="1"/>
  <c r="AD42130" i="1"/>
  <c r="AD42131" i="1"/>
  <c r="AD42132" i="1"/>
  <c r="AD42133" i="1"/>
  <c r="AD42134" i="1"/>
  <c r="AD42135" i="1"/>
  <c r="AD42136" i="1"/>
  <c r="AD42137" i="1"/>
  <c r="AD42138" i="1"/>
  <c r="AD42140" i="1"/>
  <c r="AD42141" i="1"/>
  <c r="AD42142" i="1"/>
  <c r="AD42143" i="1"/>
  <c r="AD42144" i="1"/>
  <c r="AD42145" i="1"/>
  <c r="AD42146" i="1"/>
  <c r="AD42147" i="1"/>
  <c r="AD42148" i="1"/>
  <c r="AD42149" i="1"/>
  <c r="AD42150" i="1"/>
  <c r="AD42152" i="1"/>
  <c r="AD42153" i="1"/>
  <c r="AD42154" i="1"/>
  <c r="AD42155" i="1"/>
  <c r="AD42156" i="1"/>
  <c r="AD42157" i="1"/>
  <c r="AD42158" i="1"/>
  <c r="AD42159" i="1"/>
  <c r="AD42160" i="1"/>
  <c r="AD42161" i="1"/>
  <c r="AD42162" i="1"/>
  <c r="AD42164" i="1"/>
  <c r="AD42165" i="1"/>
  <c r="AD42166" i="1"/>
  <c r="AD42167" i="1"/>
  <c r="AD42168" i="1"/>
  <c r="AD42169" i="1"/>
  <c r="AD42170" i="1"/>
  <c r="AD42171" i="1"/>
  <c r="AD42172" i="1"/>
  <c r="AD42173" i="1"/>
  <c r="AD42174" i="1"/>
  <c r="AD42176" i="1"/>
  <c r="AD42177" i="1"/>
  <c r="AD42178" i="1"/>
  <c r="AD42179" i="1"/>
  <c r="AD42180" i="1"/>
  <c r="AD42181" i="1"/>
  <c r="AD42182" i="1"/>
  <c r="AD42183" i="1"/>
  <c r="AD42184" i="1"/>
  <c r="AD42185" i="1"/>
  <c r="AD42186" i="1"/>
  <c r="AD42188" i="1"/>
  <c r="AD42189" i="1"/>
  <c r="AD42190" i="1"/>
  <c r="AD42191" i="1"/>
  <c r="AD42192" i="1"/>
  <c r="AD42193" i="1"/>
  <c r="AD42194" i="1"/>
  <c r="AD42195" i="1"/>
  <c r="AD42196" i="1"/>
  <c r="AD42197" i="1"/>
  <c r="AD42198" i="1"/>
  <c r="AD42200" i="1"/>
  <c r="AD42201" i="1"/>
  <c r="AD42202" i="1"/>
  <c r="AD42203" i="1"/>
  <c r="AD42204" i="1"/>
  <c r="AD42205" i="1"/>
  <c r="AD42206" i="1"/>
  <c r="AD42207" i="1"/>
  <c r="AD42208" i="1"/>
  <c r="AD42209" i="1"/>
  <c r="AD42210" i="1"/>
  <c r="AD42212" i="1"/>
  <c r="AD42213" i="1"/>
  <c r="AD42214" i="1"/>
  <c r="AD42215" i="1"/>
  <c r="AD42216" i="1"/>
  <c r="AD42217" i="1"/>
  <c r="AD42218" i="1"/>
  <c r="AD42219" i="1"/>
  <c r="AD42220" i="1"/>
  <c r="AD42221" i="1"/>
  <c r="AD42222" i="1"/>
  <c r="AD42224" i="1"/>
  <c r="AD42225" i="1"/>
  <c r="AD42226" i="1"/>
  <c r="AD42227" i="1"/>
  <c r="AD42228" i="1"/>
  <c r="AD42229" i="1"/>
  <c r="AD42230" i="1"/>
  <c r="AD42231" i="1"/>
  <c r="AD42232" i="1"/>
  <c r="AD42233" i="1"/>
  <c r="AD42234" i="1"/>
  <c r="AD42236" i="1"/>
  <c r="AD42237" i="1"/>
  <c r="AD42238" i="1"/>
  <c r="AD42239" i="1"/>
  <c r="AD42240" i="1"/>
  <c r="AD42241" i="1"/>
  <c r="AD42242" i="1"/>
  <c r="AD42243" i="1"/>
  <c r="AD42244" i="1"/>
  <c r="AD42245" i="1"/>
  <c r="AD42246" i="1"/>
  <c r="AD42248" i="1"/>
  <c r="AD42249" i="1"/>
  <c r="AD42250" i="1"/>
  <c r="AD42251" i="1"/>
  <c r="AD42252" i="1"/>
  <c r="AD42253" i="1"/>
  <c r="AD42254" i="1"/>
  <c r="AD42255" i="1"/>
  <c r="AD42256" i="1"/>
  <c r="AD42257" i="1"/>
  <c r="AD42258" i="1"/>
  <c r="AD42260" i="1"/>
  <c r="AD42261" i="1"/>
  <c r="AD42262" i="1"/>
  <c r="AD42263" i="1"/>
  <c r="AD42264" i="1"/>
  <c r="AD42265" i="1"/>
  <c r="AD42266" i="1"/>
  <c r="AD42267" i="1"/>
  <c r="AD42268" i="1"/>
  <c r="AD42269" i="1"/>
  <c r="AD42270" i="1"/>
  <c r="AD42272" i="1"/>
  <c r="AD42273" i="1"/>
  <c r="AD42274" i="1"/>
  <c r="AD42275" i="1"/>
  <c r="AD42276" i="1"/>
  <c r="AD42277" i="1"/>
  <c r="AD42278" i="1"/>
  <c r="AD42279" i="1"/>
  <c r="AD42280" i="1"/>
  <c r="AD42281" i="1"/>
  <c r="AD42282" i="1"/>
  <c r="AD42284" i="1"/>
  <c r="AD42285" i="1"/>
  <c r="AD42286" i="1"/>
  <c r="AD42287" i="1"/>
  <c r="AD42288" i="1"/>
  <c r="AD42289" i="1"/>
  <c r="AD42290" i="1"/>
  <c r="AD42291" i="1"/>
  <c r="AD42292" i="1"/>
  <c r="AD42293" i="1"/>
  <c r="AD42294" i="1"/>
  <c r="AD42296" i="1"/>
  <c r="AD42297" i="1"/>
  <c r="AD42298" i="1"/>
  <c r="AD42299" i="1"/>
  <c r="AD42300" i="1"/>
  <c r="AD42301" i="1"/>
  <c r="AD42302" i="1"/>
  <c r="AD42303" i="1"/>
  <c r="AD42304" i="1"/>
  <c r="AD42305" i="1"/>
  <c r="AD42306" i="1"/>
  <c r="AD42308" i="1"/>
  <c r="AD42309" i="1"/>
  <c r="AD42310" i="1"/>
  <c r="AD42311" i="1"/>
  <c r="AD42312" i="1"/>
  <c r="AD42313" i="1"/>
  <c r="AD42314" i="1"/>
  <c r="AD42315" i="1"/>
  <c r="AD42316" i="1"/>
  <c r="AD42317" i="1"/>
  <c r="AD42318" i="1"/>
  <c r="AD42320" i="1"/>
  <c r="AD42321" i="1"/>
  <c r="AD42322" i="1"/>
  <c r="AD42323" i="1"/>
  <c r="AD42324" i="1"/>
  <c r="AD42325" i="1"/>
  <c r="AD42326" i="1"/>
  <c r="AD42327" i="1"/>
  <c r="AD42328" i="1"/>
  <c r="AD42329" i="1"/>
  <c r="AD42330" i="1"/>
  <c r="AD42332" i="1"/>
  <c r="AD42333" i="1"/>
  <c r="AD42334" i="1"/>
  <c r="AD42335" i="1"/>
  <c r="AD42336" i="1"/>
  <c r="AD42337" i="1"/>
  <c r="AD42338" i="1"/>
  <c r="AD42339" i="1"/>
  <c r="AD42340" i="1"/>
  <c r="AD42341" i="1"/>
  <c r="AD42342" i="1"/>
  <c r="AD42344" i="1"/>
  <c r="AD42345" i="1"/>
  <c r="AD42346" i="1"/>
  <c r="AD42347" i="1"/>
  <c r="AD42348" i="1"/>
  <c r="AD42349" i="1"/>
  <c r="AD42350" i="1"/>
  <c r="AD42351" i="1"/>
  <c r="AD42352" i="1"/>
  <c r="AD42353" i="1"/>
  <c r="AD42354" i="1"/>
  <c r="AD42356" i="1"/>
  <c r="AD42357" i="1"/>
  <c r="AD42358" i="1"/>
  <c r="AD42359" i="1"/>
  <c r="AD42360" i="1"/>
  <c r="AD42361" i="1"/>
  <c r="AD42362" i="1"/>
  <c r="AD42363" i="1"/>
  <c r="AD42364" i="1"/>
  <c r="AD42365" i="1"/>
  <c r="AD42366" i="1"/>
  <c r="AD42368" i="1"/>
  <c r="AD42369" i="1"/>
  <c r="AD42370" i="1"/>
  <c r="AD42371" i="1"/>
  <c r="AD42372" i="1"/>
  <c r="AD42373" i="1"/>
  <c r="AD42374" i="1"/>
  <c r="AD42375" i="1"/>
  <c r="AD42376" i="1"/>
  <c r="AD42377" i="1"/>
  <c r="AD42378" i="1"/>
  <c r="AD42380" i="1"/>
  <c r="AD42381" i="1"/>
  <c r="AD42382" i="1"/>
  <c r="AD42383" i="1"/>
  <c r="AD42384" i="1"/>
  <c r="AD42385" i="1"/>
  <c r="AD42386" i="1"/>
  <c r="AD42387" i="1"/>
  <c r="AD42388" i="1"/>
  <c r="AD42389" i="1"/>
  <c r="AD42390" i="1"/>
  <c r="AD42392" i="1"/>
  <c r="AD42393" i="1"/>
  <c r="AD42394" i="1"/>
  <c r="AD42395" i="1"/>
  <c r="AD42396" i="1"/>
  <c r="AD42397" i="1"/>
  <c r="AD42398" i="1"/>
  <c r="AD42399" i="1"/>
  <c r="AD42400" i="1"/>
  <c r="AD42401" i="1"/>
  <c r="AD42402" i="1"/>
  <c r="AD42404" i="1"/>
  <c r="AD42405" i="1"/>
  <c r="AD42406" i="1"/>
  <c r="AD42407" i="1"/>
  <c r="AD42408" i="1"/>
  <c r="AD42409" i="1"/>
  <c r="AD42410" i="1"/>
  <c r="AD42411" i="1"/>
  <c r="AD42412" i="1"/>
  <c r="AD42413" i="1"/>
  <c r="AD42414" i="1"/>
  <c r="AD42416" i="1"/>
  <c r="AD42417" i="1"/>
  <c r="AD42418" i="1"/>
  <c r="AD42419" i="1"/>
  <c r="AD42420" i="1"/>
  <c r="AD42421" i="1"/>
  <c r="AD42422" i="1"/>
  <c r="AD42423" i="1"/>
  <c r="AD42424" i="1"/>
  <c r="AD42425" i="1"/>
  <c r="AD42426" i="1"/>
  <c r="AD42428" i="1"/>
  <c r="AD42429" i="1"/>
  <c r="AD42430" i="1"/>
  <c r="AD42431" i="1"/>
  <c r="AD42432" i="1"/>
  <c r="AD42433" i="1"/>
  <c r="AD42434" i="1"/>
  <c r="AD42435" i="1"/>
  <c r="AD42436" i="1"/>
  <c r="AD42437" i="1"/>
  <c r="AD42438" i="1"/>
  <c r="AD42440" i="1"/>
  <c r="AD42441" i="1"/>
  <c r="AD42442" i="1"/>
  <c r="AD42443" i="1"/>
  <c r="AD42444" i="1"/>
  <c r="AD42445" i="1"/>
  <c r="AD42446" i="1"/>
  <c r="AD42447" i="1"/>
  <c r="AD42448" i="1"/>
  <c r="AD42449" i="1"/>
  <c r="AD42450" i="1"/>
  <c r="AD42452" i="1"/>
  <c r="AD42453" i="1"/>
  <c r="AD42454" i="1"/>
  <c r="AD42455" i="1"/>
  <c r="AD42456" i="1"/>
  <c r="AD42457" i="1"/>
  <c r="AD42458" i="1"/>
  <c r="AD42459" i="1"/>
  <c r="AD42460" i="1"/>
  <c r="AD42461" i="1"/>
  <c r="AD42462" i="1"/>
  <c r="AD42464" i="1"/>
  <c r="AD42465" i="1"/>
  <c r="AD42466" i="1"/>
  <c r="AD42467" i="1"/>
  <c r="AD42468" i="1"/>
  <c r="AD42469" i="1"/>
  <c r="AD42470" i="1"/>
  <c r="AD42471" i="1"/>
  <c r="AD42472" i="1"/>
  <c r="AD42473" i="1"/>
  <c r="AD42474" i="1"/>
  <c r="AD42476" i="1"/>
  <c r="AD42477" i="1"/>
  <c r="AD42478" i="1"/>
  <c r="AD42479" i="1"/>
  <c r="AD42480" i="1"/>
  <c r="AD42481" i="1"/>
  <c r="AD42482" i="1"/>
  <c r="AD42483" i="1"/>
  <c r="AD42484" i="1"/>
  <c r="AD42485" i="1"/>
  <c r="AD42486" i="1"/>
  <c r="AD42488" i="1"/>
  <c r="AD42489" i="1"/>
  <c r="AD42490" i="1"/>
  <c r="AD42491" i="1"/>
  <c r="AD42492" i="1"/>
  <c r="AD42493" i="1"/>
  <c r="AD42494" i="1"/>
  <c r="AD42495" i="1"/>
  <c r="AD42496" i="1"/>
  <c r="AD42497" i="1"/>
  <c r="AD42498" i="1"/>
  <c r="AD42500" i="1"/>
  <c r="AD42501" i="1"/>
  <c r="AD42502" i="1"/>
  <c r="AD42503" i="1"/>
  <c r="AD42504" i="1"/>
  <c r="AD42505" i="1"/>
  <c r="AD42506" i="1"/>
  <c r="AD42507" i="1"/>
  <c r="AD42508" i="1"/>
  <c r="AD42509" i="1"/>
  <c r="AD42510" i="1"/>
  <c r="AD42512" i="1"/>
  <c r="AD42513" i="1"/>
  <c r="AD42514" i="1"/>
  <c r="AD42515" i="1"/>
  <c r="AD42516" i="1"/>
  <c r="AD42517" i="1"/>
  <c r="AD42518" i="1"/>
  <c r="AD42519" i="1"/>
  <c r="AD42520" i="1"/>
  <c r="AD42521" i="1"/>
  <c r="AD42522" i="1"/>
  <c r="AD42524" i="1"/>
  <c r="AD42525" i="1"/>
  <c r="AD42526" i="1"/>
  <c r="AD42527" i="1"/>
  <c r="AD42528" i="1"/>
  <c r="AD42529" i="1"/>
  <c r="AD42530" i="1"/>
  <c r="AD42531" i="1"/>
  <c r="AD42532" i="1"/>
  <c r="AD42533" i="1"/>
  <c r="AD42534" i="1"/>
  <c r="AD42536" i="1"/>
  <c r="AD42537" i="1"/>
  <c r="AD42538" i="1"/>
  <c r="AD42539" i="1"/>
  <c r="AD42540" i="1"/>
  <c r="AD42541" i="1"/>
  <c r="AD42542" i="1"/>
  <c r="AD42543" i="1"/>
  <c r="AD42544" i="1"/>
  <c r="AD42545" i="1"/>
  <c r="AD42546" i="1"/>
  <c r="AD42548" i="1"/>
  <c r="AD42549" i="1"/>
  <c r="AD42550" i="1"/>
  <c r="AD42551" i="1"/>
  <c r="AD42552" i="1"/>
  <c r="AD42553" i="1"/>
  <c r="AD42554" i="1"/>
  <c r="AD42555" i="1"/>
  <c r="AD42556" i="1"/>
  <c r="AD42557" i="1"/>
  <c r="AD42558" i="1"/>
  <c r="AD42560" i="1"/>
  <c r="AD42561" i="1"/>
  <c r="AD42562" i="1"/>
  <c r="AD42563" i="1"/>
  <c r="AD42564" i="1"/>
  <c r="AD42565" i="1"/>
  <c r="AD42566" i="1"/>
  <c r="AD42567" i="1"/>
  <c r="AD42568" i="1"/>
  <c r="AD42569" i="1"/>
  <c r="AD42570" i="1"/>
  <c r="AD42572" i="1"/>
  <c r="AD42573" i="1"/>
  <c r="AD42574" i="1"/>
  <c r="AD42575" i="1"/>
  <c r="AD42576" i="1"/>
  <c r="AD42577" i="1"/>
  <c r="AD42578" i="1"/>
  <c r="AD42579" i="1"/>
  <c r="AD42580" i="1"/>
  <c r="AD42581" i="1"/>
  <c r="AD42582" i="1"/>
  <c r="AD42584" i="1"/>
  <c r="AD42585" i="1"/>
  <c r="AD42586" i="1"/>
  <c r="AD42587" i="1"/>
  <c r="AD42588" i="1"/>
  <c r="AD42589" i="1"/>
  <c r="AD42590" i="1"/>
  <c r="AD42591" i="1"/>
  <c r="AD42592" i="1"/>
  <c r="AD42593" i="1"/>
  <c r="AD42594" i="1"/>
  <c r="AD42596" i="1"/>
  <c r="AD42597" i="1"/>
  <c r="AD42598" i="1"/>
  <c r="AD42599" i="1"/>
  <c r="AD42600" i="1"/>
  <c r="AD42601" i="1"/>
  <c r="AD42602" i="1"/>
  <c r="AD42603" i="1"/>
  <c r="AD42604" i="1"/>
  <c r="AD42605" i="1"/>
  <c r="AD42606" i="1"/>
  <c r="AD42608" i="1"/>
  <c r="AD42609" i="1"/>
  <c r="AD42610" i="1"/>
  <c r="AD42611" i="1"/>
  <c r="AD42612" i="1"/>
  <c r="AD42613" i="1"/>
  <c r="AD42614" i="1"/>
  <c r="AD42615" i="1"/>
  <c r="AD42616" i="1"/>
  <c r="AD42617" i="1"/>
  <c r="AD42618" i="1"/>
  <c r="AD42620" i="1"/>
  <c r="AD42621" i="1"/>
  <c r="AD42622" i="1"/>
  <c r="AD42623" i="1"/>
  <c r="AD42624" i="1"/>
  <c r="AD42625" i="1"/>
  <c r="AD42626" i="1"/>
  <c r="AD42627" i="1"/>
  <c r="AD42628" i="1"/>
  <c r="AD42629" i="1"/>
  <c r="AD42630" i="1"/>
  <c r="AD42632" i="1"/>
  <c r="AD42633" i="1"/>
  <c r="AD42634" i="1"/>
  <c r="AD42635" i="1"/>
  <c r="AD42636" i="1"/>
  <c r="AD42637" i="1"/>
  <c r="AD42638" i="1"/>
  <c r="AD42639" i="1"/>
  <c r="AD42640" i="1"/>
  <c r="AD42641" i="1"/>
  <c r="AD42642" i="1"/>
  <c r="AD42644" i="1"/>
  <c r="AD42645" i="1"/>
  <c r="AD42646" i="1"/>
  <c r="AD42647" i="1"/>
  <c r="AD42648" i="1"/>
  <c r="AD42649" i="1"/>
  <c r="AD42650" i="1"/>
  <c r="AD42651" i="1"/>
  <c r="AD42652" i="1"/>
  <c r="AD42653" i="1"/>
  <c r="AD42654" i="1"/>
  <c r="AD42656" i="1"/>
  <c r="AD42657" i="1"/>
  <c r="AD42658" i="1"/>
  <c r="AD42659" i="1"/>
  <c r="AD42660" i="1"/>
  <c r="AD42661" i="1"/>
  <c r="AD42662" i="1"/>
  <c r="AD42663" i="1"/>
  <c r="AD42664" i="1"/>
  <c r="AD42665" i="1"/>
  <c r="AD42666" i="1"/>
  <c r="AD42668" i="1"/>
  <c r="AD42669" i="1"/>
  <c r="AD42670" i="1"/>
  <c r="AD42671" i="1"/>
  <c r="AD42672" i="1"/>
  <c r="AD42673" i="1"/>
  <c r="AD42674" i="1"/>
  <c r="AD42675" i="1"/>
  <c r="AD42676" i="1"/>
  <c r="AD42677" i="1"/>
  <c r="AD42678" i="1"/>
  <c r="AD42680" i="1"/>
  <c r="AD42681" i="1"/>
  <c r="AD42682" i="1"/>
  <c r="AD42683" i="1"/>
  <c r="AD42684" i="1"/>
  <c r="AD42685" i="1"/>
  <c r="AD42686" i="1"/>
  <c r="AD42687" i="1"/>
  <c r="AD42688" i="1"/>
  <c r="AD42689" i="1"/>
  <c r="AD42690" i="1"/>
  <c r="AD42692" i="1"/>
  <c r="AD42693" i="1"/>
  <c r="AD42694" i="1"/>
  <c r="AD42695" i="1"/>
  <c r="AD42696" i="1"/>
  <c r="AD42697" i="1"/>
  <c r="AD42698" i="1"/>
  <c r="AD42699" i="1"/>
  <c r="AD42700" i="1"/>
  <c r="AD42701" i="1"/>
  <c r="AD42702" i="1"/>
  <c r="AD42704" i="1"/>
  <c r="AD42705" i="1"/>
  <c r="AD42706" i="1"/>
  <c r="AD42707" i="1"/>
  <c r="AD42708" i="1"/>
  <c r="AD42709" i="1"/>
  <c r="AD42710" i="1"/>
  <c r="AD42711" i="1"/>
  <c r="AD42712" i="1"/>
  <c r="AD42713" i="1"/>
  <c r="AD42714" i="1"/>
  <c r="AD42716" i="1"/>
  <c r="AD42717" i="1"/>
  <c r="AD42718" i="1"/>
  <c r="AD42719" i="1"/>
  <c r="AD42720" i="1"/>
  <c r="AD42721" i="1"/>
  <c r="AD42722" i="1"/>
  <c r="AD42723" i="1"/>
  <c r="AD42724" i="1"/>
  <c r="AD42725" i="1"/>
  <c r="AD42726" i="1"/>
  <c r="AD42728" i="1"/>
  <c r="AD42729" i="1"/>
  <c r="AD42730" i="1"/>
  <c r="AD42731" i="1"/>
  <c r="AD42732" i="1"/>
  <c r="AD42733" i="1"/>
  <c r="AD42734" i="1"/>
  <c r="AD42735" i="1"/>
  <c r="AD42736" i="1"/>
  <c r="AD42737" i="1"/>
  <c r="AD42738" i="1"/>
  <c r="AD42740" i="1"/>
  <c r="AD42741" i="1"/>
  <c r="AD42742" i="1"/>
  <c r="AD42743" i="1"/>
  <c r="AD42744" i="1"/>
  <c r="AD42745" i="1"/>
  <c r="AD42746" i="1"/>
  <c r="AD42747" i="1"/>
  <c r="AD42748" i="1"/>
  <c r="AD42749" i="1"/>
  <c r="AD42750" i="1"/>
  <c r="AD42752" i="1"/>
  <c r="AD42753" i="1"/>
  <c r="AD42754" i="1"/>
  <c r="AD42755" i="1"/>
  <c r="AD42756" i="1"/>
  <c r="AD42757" i="1"/>
  <c r="AD42758" i="1"/>
  <c r="AD42759" i="1"/>
  <c r="AD42760" i="1"/>
  <c r="AD42761" i="1"/>
  <c r="AD42762" i="1"/>
  <c r="AD42764" i="1"/>
  <c r="AD42765" i="1"/>
  <c r="AD42766" i="1"/>
  <c r="AD42767" i="1"/>
  <c r="AD42768" i="1"/>
  <c r="AD42769" i="1"/>
  <c r="AD42770" i="1"/>
  <c r="AD42771" i="1"/>
  <c r="AD42772" i="1"/>
  <c r="AD42773" i="1"/>
  <c r="AD42774" i="1"/>
  <c r="AD42776" i="1"/>
  <c r="AD42777" i="1"/>
  <c r="AD42778" i="1"/>
  <c r="AD42779" i="1"/>
  <c r="AD42780" i="1"/>
  <c r="AD42781" i="1"/>
  <c r="AD42782" i="1"/>
  <c r="AD42783" i="1"/>
  <c r="AD42784" i="1"/>
  <c r="AD42785" i="1"/>
  <c r="AD42786" i="1"/>
  <c r="AD42788" i="1"/>
  <c r="AD42789" i="1"/>
  <c r="AD42790" i="1"/>
  <c r="AD42791" i="1"/>
  <c r="AD42792" i="1"/>
  <c r="AD42793" i="1"/>
  <c r="AD42794" i="1"/>
  <c r="AD42795" i="1"/>
  <c r="AD42796" i="1"/>
  <c r="AD42797" i="1"/>
  <c r="AD42798" i="1"/>
  <c r="AD42800" i="1"/>
  <c r="AD42801" i="1"/>
  <c r="AD42802" i="1"/>
  <c r="AD42803" i="1"/>
  <c r="AD42804" i="1"/>
  <c r="AD42805" i="1"/>
  <c r="AD42806" i="1"/>
  <c r="AD42807" i="1"/>
  <c r="AD42808" i="1"/>
  <c r="AD42809" i="1"/>
  <c r="AD42810" i="1"/>
  <c r="AD42812" i="1"/>
  <c r="AD42813" i="1"/>
  <c r="AD42814" i="1"/>
  <c r="AD42815" i="1"/>
  <c r="AD42816" i="1"/>
  <c r="AD42817" i="1"/>
  <c r="AD42818" i="1"/>
  <c r="AD42819" i="1"/>
  <c r="AD42820" i="1"/>
  <c r="AD42821" i="1"/>
  <c r="AD42822" i="1"/>
  <c r="AD42824" i="1"/>
  <c r="AD42825" i="1"/>
  <c r="AD42826" i="1"/>
  <c r="AD42827" i="1"/>
  <c r="AD42828" i="1"/>
  <c r="AD42829" i="1"/>
  <c r="AD42830" i="1"/>
  <c r="AD42831" i="1"/>
  <c r="AD42832" i="1"/>
  <c r="AD42833" i="1"/>
  <c r="AD42834" i="1"/>
  <c r="AD42836" i="1"/>
  <c r="AD42837" i="1"/>
  <c r="AD42838" i="1"/>
  <c r="AD42839" i="1"/>
  <c r="AD42840" i="1"/>
  <c r="AD42841" i="1"/>
  <c r="AD42842" i="1"/>
  <c r="AD42843" i="1"/>
  <c r="AD42844" i="1"/>
  <c r="AD42845" i="1"/>
  <c r="AD42846" i="1"/>
  <c r="AD42848" i="1"/>
  <c r="AD42849" i="1"/>
  <c r="AD42850" i="1"/>
  <c r="AD42851" i="1"/>
  <c r="AD42852" i="1"/>
  <c r="AD42853" i="1"/>
  <c r="AD42854" i="1"/>
  <c r="AD42855" i="1"/>
  <c r="AD42856" i="1"/>
  <c r="AD42857" i="1"/>
  <c r="AD42858" i="1"/>
  <c r="AD42860" i="1"/>
  <c r="AD42861" i="1"/>
  <c r="AD42862" i="1"/>
  <c r="AD42863" i="1"/>
  <c r="AD42864" i="1"/>
  <c r="AD42865" i="1"/>
  <c r="AD42866" i="1"/>
  <c r="AD42867" i="1"/>
  <c r="AD42868" i="1"/>
  <c r="AD42869" i="1"/>
  <c r="AD42870" i="1"/>
  <c r="AD42872" i="1"/>
  <c r="AD42873" i="1"/>
  <c r="AD42874" i="1"/>
  <c r="AD42875" i="1"/>
  <c r="AD42876" i="1"/>
  <c r="AD42877" i="1"/>
  <c r="AD42878" i="1"/>
  <c r="AD42879" i="1"/>
  <c r="AD42880" i="1"/>
  <c r="AD42881" i="1"/>
  <c r="AD42882" i="1"/>
  <c r="AD42884" i="1"/>
  <c r="AD42885" i="1"/>
  <c r="AD42886" i="1"/>
  <c r="AD42887" i="1"/>
  <c r="AD42888" i="1"/>
  <c r="AD42889" i="1"/>
  <c r="AD42890" i="1"/>
  <c r="AD42891" i="1"/>
  <c r="AD42892" i="1"/>
  <c r="AD42893" i="1"/>
  <c r="AD42894" i="1"/>
  <c r="AD42896" i="1"/>
  <c r="AD42897" i="1"/>
  <c r="AD42898" i="1"/>
  <c r="AD42899" i="1"/>
  <c r="AD42900" i="1"/>
  <c r="AD42901" i="1"/>
  <c r="AD42902" i="1"/>
  <c r="AD42903" i="1"/>
  <c r="AD42904" i="1"/>
  <c r="AD42905" i="1"/>
  <c r="AD42906" i="1"/>
  <c r="AD42908" i="1"/>
  <c r="AD42909" i="1"/>
  <c r="AD42910" i="1"/>
  <c r="AD42911" i="1"/>
  <c r="AD42912" i="1"/>
  <c r="AD42913" i="1"/>
  <c r="AD42914" i="1"/>
  <c r="AD42915" i="1"/>
  <c r="AD42916" i="1"/>
  <c r="AD42917" i="1"/>
  <c r="AD42918" i="1"/>
  <c r="AD42920" i="1"/>
  <c r="AD42921" i="1"/>
  <c r="AD42922" i="1"/>
  <c r="AD42923" i="1"/>
  <c r="AD42924" i="1"/>
  <c r="AD42925" i="1"/>
  <c r="AD42926" i="1"/>
  <c r="AD42927" i="1"/>
  <c r="AD42928" i="1"/>
  <c r="AD42929" i="1"/>
  <c r="AD42930" i="1"/>
  <c r="AD42932" i="1"/>
  <c r="AD42933" i="1"/>
  <c r="AD42934" i="1"/>
  <c r="AD42935" i="1"/>
  <c r="AD42936" i="1"/>
  <c r="AD42937" i="1"/>
  <c r="AD42938" i="1"/>
  <c r="AD42939" i="1"/>
  <c r="AD42940" i="1"/>
  <c r="AD42941" i="1"/>
  <c r="AD42942" i="1"/>
  <c r="AD42944" i="1"/>
  <c r="AD42945" i="1"/>
  <c r="AD42946" i="1"/>
  <c r="AD42947" i="1"/>
  <c r="AD42948" i="1"/>
  <c r="AD42949" i="1"/>
  <c r="AD42950" i="1"/>
  <c r="AD42951" i="1"/>
  <c r="AD42952" i="1"/>
  <c r="AD42953" i="1"/>
  <c r="AD42954" i="1"/>
  <c r="AD42956" i="1"/>
  <c r="AD42957" i="1"/>
  <c r="AD42958" i="1"/>
  <c r="AD42959" i="1"/>
  <c r="AD42960" i="1"/>
  <c r="AD42961" i="1"/>
  <c r="AD42962" i="1"/>
  <c r="AD42963" i="1"/>
  <c r="AD42964" i="1"/>
  <c r="AD42965" i="1"/>
  <c r="AD42966" i="1"/>
  <c r="AD42968" i="1"/>
  <c r="AD42969" i="1"/>
  <c r="AD42970" i="1"/>
  <c r="AD42971" i="1"/>
  <c r="AD42972" i="1"/>
  <c r="AD42973" i="1"/>
  <c r="AD42974" i="1"/>
  <c r="AD42975" i="1"/>
  <c r="AD42976" i="1"/>
  <c r="AD42977" i="1"/>
  <c r="AD42978" i="1"/>
  <c r="AD42980" i="1"/>
  <c r="AD42981" i="1"/>
  <c r="AD42982" i="1"/>
  <c r="AD42983" i="1"/>
  <c r="AD42984" i="1"/>
  <c r="AD42985" i="1"/>
  <c r="AD42986" i="1"/>
  <c r="AD42987" i="1"/>
  <c r="AD42988" i="1"/>
  <c r="AD42989" i="1"/>
  <c r="AD42990" i="1"/>
  <c r="AD42992" i="1"/>
  <c r="AD42993" i="1"/>
  <c r="AD42994" i="1"/>
  <c r="AD42995" i="1"/>
  <c r="AD42996" i="1"/>
  <c r="AD42997" i="1"/>
  <c r="AD42998" i="1"/>
  <c r="AD42999" i="1"/>
  <c r="AD43000" i="1"/>
  <c r="AD43001" i="1"/>
  <c r="AD43002" i="1"/>
  <c r="AD43004" i="1"/>
  <c r="AD43005" i="1"/>
  <c r="AD43006" i="1"/>
  <c r="AD43007" i="1"/>
  <c r="AD43008" i="1"/>
  <c r="AD43009" i="1"/>
  <c r="AD43010" i="1"/>
  <c r="AD43011" i="1"/>
  <c r="AD43012" i="1"/>
  <c r="AD43013" i="1"/>
  <c r="AD43014" i="1"/>
  <c r="AD43016" i="1"/>
  <c r="AD43017" i="1"/>
  <c r="AD43018" i="1"/>
  <c r="AD43019" i="1"/>
  <c r="AD43020" i="1"/>
  <c r="AD43021" i="1"/>
  <c r="AD43022" i="1"/>
  <c r="AD43023" i="1"/>
  <c r="AD43024" i="1"/>
  <c r="AD43025" i="1"/>
  <c r="AD43026" i="1"/>
  <c r="AD43028" i="1"/>
  <c r="AD43029" i="1"/>
  <c r="AD43030" i="1"/>
  <c r="AD43031" i="1"/>
  <c r="AD43032" i="1"/>
  <c r="AD43033" i="1"/>
  <c r="AD43034" i="1"/>
  <c r="AD43035" i="1"/>
  <c r="AD43036" i="1"/>
  <c r="AD43037" i="1"/>
  <c r="AD43038" i="1"/>
  <c r="AD43040" i="1"/>
  <c r="AD43041" i="1"/>
  <c r="AD43042" i="1"/>
  <c r="AD43043" i="1"/>
  <c r="AD43044" i="1"/>
  <c r="AD43045" i="1"/>
  <c r="AD43046" i="1"/>
  <c r="AD43047" i="1"/>
  <c r="AD43048" i="1"/>
  <c r="AD43049" i="1"/>
  <c r="AD43050" i="1"/>
  <c r="AD43052" i="1"/>
  <c r="AD43053" i="1"/>
  <c r="AD43054" i="1"/>
  <c r="AD43055" i="1"/>
  <c r="AD43056" i="1"/>
  <c r="AD43057" i="1"/>
  <c r="AD43058" i="1"/>
  <c r="AD43059" i="1"/>
  <c r="AD43060" i="1"/>
  <c r="AD43061" i="1"/>
  <c r="AD43062" i="1"/>
  <c r="AD43064" i="1"/>
  <c r="AD43065" i="1"/>
  <c r="AD43066" i="1"/>
  <c r="AD43067" i="1"/>
  <c r="AD43068" i="1"/>
  <c r="AD43069" i="1"/>
  <c r="AD43070" i="1"/>
  <c r="AD43071" i="1"/>
  <c r="AD43072" i="1"/>
  <c r="AD43073" i="1"/>
  <c r="AD43074" i="1"/>
  <c r="AD43076" i="1"/>
  <c r="AD43077" i="1"/>
  <c r="AD43078" i="1"/>
  <c r="AD43079" i="1"/>
  <c r="AD43080" i="1"/>
  <c r="AD43081" i="1"/>
  <c r="AD43082" i="1"/>
  <c r="AD43083" i="1"/>
  <c r="AD43084" i="1"/>
  <c r="AD43085" i="1"/>
  <c r="AD43086" i="1"/>
  <c r="AD43088" i="1"/>
  <c r="AD43089" i="1"/>
  <c r="AD43090" i="1"/>
  <c r="AD43091" i="1"/>
  <c r="AD43092" i="1"/>
  <c r="AD43093" i="1"/>
  <c r="AD43094" i="1"/>
  <c r="AD43095" i="1"/>
  <c r="AD43096" i="1"/>
  <c r="AD43097" i="1"/>
  <c r="AD43098" i="1"/>
  <c r="AD43100" i="1"/>
  <c r="AD43101" i="1"/>
  <c r="AD43102" i="1"/>
  <c r="AD43103" i="1"/>
  <c r="AD43104" i="1"/>
  <c r="AD43105" i="1"/>
  <c r="AD43106" i="1"/>
  <c r="AD43107" i="1"/>
  <c r="AD43108" i="1"/>
  <c r="AD43109" i="1"/>
  <c r="AD43110" i="1"/>
  <c r="AD43112" i="1"/>
  <c r="AD43113" i="1"/>
  <c r="AD43114" i="1"/>
  <c r="AD43115" i="1"/>
  <c r="AD43116" i="1"/>
  <c r="AD43117" i="1"/>
  <c r="AD43118" i="1"/>
  <c r="AD43119" i="1"/>
  <c r="AD43120" i="1"/>
  <c r="AD43121" i="1"/>
  <c r="AD43122" i="1"/>
  <c r="AD43124" i="1"/>
  <c r="AD43125" i="1"/>
  <c r="AD43126" i="1"/>
  <c r="AD43127" i="1"/>
  <c r="AD43128" i="1"/>
  <c r="AD43129" i="1"/>
  <c r="AD43130" i="1"/>
  <c r="AD43131" i="1"/>
  <c r="AD43132" i="1"/>
  <c r="AD43133" i="1"/>
  <c r="AD43134" i="1"/>
  <c r="AD43136" i="1"/>
  <c r="AD43137" i="1"/>
  <c r="AD43138" i="1"/>
  <c r="AD43139" i="1"/>
  <c r="AD43140" i="1"/>
  <c r="AD43141" i="1"/>
  <c r="AD43142" i="1"/>
  <c r="AD43143" i="1"/>
  <c r="AD43144" i="1"/>
  <c r="AD43145" i="1"/>
  <c r="AD43146" i="1"/>
  <c r="AD43148" i="1"/>
  <c r="AD43149" i="1"/>
  <c r="AD43150" i="1"/>
  <c r="AD43151" i="1"/>
  <c r="AD43152" i="1"/>
  <c r="AD43153" i="1"/>
  <c r="AD43154" i="1"/>
  <c r="AD43155" i="1"/>
  <c r="AD43156" i="1"/>
  <c r="AD43157" i="1"/>
  <c r="AD43158" i="1"/>
  <c r="AD43160" i="1"/>
  <c r="AD43161" i="1"/>
  <c r="AD43162" i="1"/>
  <c r="AD43163" i="1"/>
  <c r="AD43164" i="1"/>
  <c r="AD43165" i="1"/>
  <c r="AD43166" i="1"/>
  <c r="AD43167" i="1"/>
  <c r="AD43168" i="1"/>
  <c r="AD43169" i="1"/>
  <c r="AD43170" i="1"/>
  <c r="AD43172" i="1"/>
  <c r="AD43173" i="1"/>
  <c r="AD43174" i="1"/>
  <c r="AD43175" i="1"/>
  <c r="AD43176" i="1"/>
  <c r="AD43177" i="1"/>
  <c r="AD43178" i="1"/>
  <c r="AD43179" i="1"/>
  <c r="AD43180" i="1"/>
  <c r="AD43181" i="1"/>
  <c r="AD43182" i="1"/>
  <c r="AD43184" i="1"/>
  <c r="AD43185" i="1"/>
  <c r="AD43186" i="1"/>
  <c r="AD43187" i="1"/>
  <c r="AD43188" i="1"/>
  <c r="AD43189" i="1"/>
  <c r="AD43190" i="1"/>
  <c r="AD43191" i="1"/>
  <c r="AD43192" i="1"/>
  <c r="AD43193" i="1"/>
  <c r="AD43194" i="1"/>
  <c r="AD43196" i="1"/>
  <c r="AD43197" i="1"/>
  <c r="AD43198" i="1"/>
  <c r="AD43199" i="1"/>
  <c r="AD43200" i="1"/>
  <c r="AD43201" i="1"/>
  <c r="AD43202" i="1"/>
  <c r="AD43203" i="1"/>
  <c r="AD43204" i="1"/>
  <c r="AD43205" i="1"/>
  <c r="AD43206" i="1"/>
  <c r="AD43208" i="1"/>
  <c r="AD43209" i="1"/>
  <c r="AD43210" i="1"/>
  <c r="AD43211" i="1"/>
  <c r="AD43212" i="1"/>
  <c r="AD43213" i="1"/>
  <c r="AD43214" i="1"/>
  <c r="AD43215" i="1"/>
  <c r="AD43216" i="1"/>
  <c r="AD43217" i="1"/>
  <c r="AD43218" i="1"/>
  <c r="AD43220" i="1"/>
  <c r="AD43221" i="1"/>
  <c r="AD43222" i="1"/>
  <c r="AD43223" i="1"/>
  <c r="AD43224" i="1"/>
  <c r="AD43225" i="1"/>
  <c r="AD43226" i="1"/>
  <c r="AD43227" i="1"/>
  <c r="AD43228" i="1"/>
  <c r="AD43229" i="1"/>
  <c r="AD43230" i="1"/>
  <c r="AD43232" i="1"/>
  <c r="AD43233" i="1"/>
  <c r="AD43234" i="1"/>
  <c r="AD43235" i="1"/>
  <c r="AD43236" i="1"/>
  <c r="AD43237" i="1"/>
  <c r="AD43238" i="1"/>
  <c r="AD43239" i="1"/>
  <c r="AD43240" i="1"/>
  <c r="AD43241" i="1"/>
  <c r="AD43242" i="1"/>
  <c r="AD43244" i="1"/>
  <c r="AD43245" i="1"/>
  <c r="AD43246" i="1"/>
  <c r="AD43247" i="1"/>
  <c r="AD43248" i="1"/>
  <c r="AD43249" i="1"/>
  <c r="AD43250" i="1"/>
  <c r="AD43251" i="1"/>
  <c r="AD43252" i="1"/>
  <c r="AD43253" i="1"/>
  <c r="AD43254" i="1"/>
  <c r="AD43256" i="1"/>
  <c r="AD43257" i="1"/>
  <c r="AD43258" i="1"/>
  <c r="AD43259" i="1"/>
  <c r="AD43260" i="1"/>
  <c r="AD43261" i="1"/>
  <c r="AD43262" i="1"/>
  <c r="AD43263" i="1"/>
  <c r="AD43264" i="1"/>
  <c r="AD43265" i="1"/>
  <c r="AD43266" i="1"/>
  <c r="AD43268" i="1"/>
  <c r="AD43269" i="1"/>
  <c r="AD43270" i="1"/>
  <c r="AD43271" i="1"/>
  <c r="AD43272" i="1"/>
  <c r="AD43273" i="1"/>
  <c r="AD43274" i="1"/>
  <c r="AD43275" i="1"/>
  <c r="AD43276" i="1"/>
  <c r="AD43277" i="1"/>
  <c r="AD43278" i="1"/>
  <c r="AD43280" i="1"/>
  <c r="AD43281" i="1"/>
  <c r="AD43282" i="1"/>
  <c r="AD43283" i="1"/>
  <c r="AD43284" i="1"/>
  <c r="AD43285" i="1"/>
  <c r="AD43286" i="1"/>
  <c r="AD43287" i="1"/>
  <c r="AD43288" i="1"/>
  <c r="AD43289" i="1"/>
  <c r="AD43290" i="1"/>
  <c r="AD43292" i="1"/>
  <c r="AD43293" i="1"/>
  <c r="AD43294" i="1"/>
  <c r="AD43295" i="1"/>
  <c r="AD43296" i="1"/>
  <c r="AD43297" i="1"/>
  <c r="AD43298" i="1"/>
  <c r="AD43299" i="1"/>
  <c r="AD43300" i="1"/>
  <c r="AD43301" i="1"/>
  <c r="AD43302" i="1"/>
  <c r="AD43304" i="1"/>
  <c r="AD43305" i="1"/>
  <c r="AD43306" i="1"/>
  <c r="AD43307" i="1"/>
  <c r="AD43308" i="1"/>
  <c r="AD43309" i="1"/>
  <c r="AD43310" i="1"/>
  <c r="AD43311" i="1"/>
  <c r="AD43312" i="1"/>
  <c r="AD43313" i="1"/>
  <c r="AD43314" i="1"/>
  <c r="AD43316" i="1"/>
  <c r="AD43317" i="1"/>
  <c r="AD43318" i="1"/>
  <c r="AD43319" i="1"/>
  <c r="AD43320" i="1"/>
  <c r="AD43321" i="1"/>
  <c r="AD43322" i="1"/>
  <c r="AD43323" i="1"/>
  <c r="AD43324" i="1"/>
  <c r="AD43325" i="1"/>
  <c r="AD43326" i="1"/>
  <c r="AD43328" i="1"/>
  <c r="AD43329" i="1"/>
  <c r="AD43330" i="1"/>
  <c r="AD43331" i="1"/>
  <c r="AD43332" i="1"/>
  <c r="AD43333" i="1"/>
  <c r="AD43334" i="1"/>
  <c r="AD43335" i="1"/>
  <c r="AD43336" i="1"/>
  <c r="AD43337" i="1"/>
  <c r="AD43338" i="1"/>
  <c r="AD43340" i="1"/>
  <c r="AD43341" i="1"/>
  <c r="AD43342" i="1"/>
  <c r="AD43343" i="1"/>
  <c r="AD43344" i="1"/>
  <c r="AD43345" i="1"/>
  <c r="AD43346" i="1"/>
  <c r="AD43347" i="1"/>
  <c r="AD43348" i="1"/>
  <c r="AD43349" i="1"/>
  <c r="AD43350" i="1"/>
  <c r="AD43352" i="1"/>
  <c r="AD43353" i="1"/>
  <c r="AD43354" i="1"/>
  <c r="AD43355" i="1"/>
  <c r="AD43356" i="1"/>
  <c r="AD43357" i="1"/>
  <c r="AD43358" i="1"/>
  <c r="AD43359" i="1"/>
  <c r="AD43360" i="1"/>
  <c r="AD43361" i="1"/>
  <c r="AD43362" i="1"/>
  <c r="AD43364" i="1"/>
  <c r="AD43365" i="1"/>
  <c r="AD43366" i="1"/>
  <c r="AD43367" i="1"/>
  <c r="AD43368" i="1"/>
  <c r="AD43369" i="1"/>
  <c r="AD43370" i="1"/>
  <c r="AD43371" i="1"/>
  <c r="AD43372" i="1"/>
  <c r="AD43373" i="1"/>
  <c r="AD43374" i="1"/>
  <c r="AD43376" i="1"/>
  <c r="AD43377" i="1"/>
  <c r="AD43378" i="1"/>
  <c r="AD43379" i="1"/>
  <c r="AD43380" i="1"/>
  <c r="AD43381" i="1"/>
  <c r="AD43382" i="1"/>
  <c r="AD43383" i="1"/>
  <c r="AD43384" i="1"/>
  <c r="AD43385" i="1"/>
  <c r="AD43386" i="1"/>
  <c r="AD43388" i="1"/>
  <c r="AD43389" i="1"/>
  <c r="AD43390" i="1"/>
  <c r="AD43391" i="1"/>
  <c r="AD43392" i="1"/>
  <c r="AD43393" i="1"/>
  <c r="AD43394" i="1"/>
  <c r="AD43395" i="1"/>
  <c r="AD43396" i="1"/>
  <c r="AD43397" i="1"/>
  <c r="AD43398" i="1"/>
  <c r="AD43400" i="1"/>
  <c r="AD43401" i="1"/>
  <c r="AD43402" i="1"/>
  <c r="AD43403" i="1"/>
  <c r="AD43404" i="1"/>
  <c r="AD43405" i="1"/>
  <c r="AD43406" i="1"/>
  <c r="AD43407" i="1"/>
  <c r="AD43408" i="1"/>
  <c r="AD43409" i="1"/>
  <c r="AD43410" i="1"/>
  <c r="AD43412" i="1"/>
  <c r="AD43413" i="1"/>
  <c r="AD43414" i="1"/>
  <c r="AD43415" i="1"/>
  <c r="AD43416" i="1"/>
  <c r="AD43417" i="1"/>
  <c r="AD43418" i="1"/>
  <c r="AD43419" i="1"/>
  <c r="AD43420" i="1"/>
  <c r="AD43421" i="1"/>
  <c r="AD43422" i="1"/>
  <c r="AD43424" i="1"/>
  <c r="AD43425" i="1"/>
  <c r="AD43426" i="1"/>
  <c r="AD43427" i="1"/>
  <c r="AD43428" i="1"/>
  <c r="AD43429" i="1"/>
  <c r="AD43430" i="1"/>
  <c r="AD43431" i="1"/>
  <c r="AD43432" i="1"/>
  <c r="AD43433" i="1"/>
  <c r="AD43434" i="1"/>
  <c r="AD43436" i="1"/>
  <c r="AD43437" i="1"/>
  <c r="AD43438" i="1"/>
  <c r="AD43439" i="1"/>
  <c r="AD43440" i="1"/>
  <c r="AD43441" i="1"/>
  <c r="AD43442" i="1"/>
  <c r="AD43443" i="1"/>
  <c r="AD43444" i="1"/>
  <c r="AD43445" i="1"/>
  <c r="AD43446" i="1"/>
  <c r="AD43448" i="1"/>
  <c r="AD43449" i="1"/>
  <c r="AD43450" i="1"/>
  <c r="AD43451" i="1"/>
  <c r="AD43452" i="1"/>
  <c r="AD43453" i="1"/>
  <c r="AD43454" i="1"/>
  <c r="AD43455" i="1"/>
  <c r="AD43456" i="1"/>
  <c r="AD43457" i="1"/>
  <c r="AD43458" i="1"/>
  <c r="AD43460" i="1"/>
  <c r="AD43461" i="1"/>
  <c r="AD43462" i="1"/>
  <c r="AD43463" i="1"/>
  <c r="AD43464" i="1"/>
  <c r="AD43465" i="1"/>
  <c r="AD43466" i="1"/>
  <c r="AD43467" i="1"/>
  <c r="AD43468" i="1"/>
  <c r="AD43469" i="1"/>
  <c r="AD43470" i="1"/>
  <c r="AD43472" i="1"/>
  <c r="AD43473" i="1"/>
  <c r="AD43474" i="1"/>
  <c r="AD43475" i="1"/>
  <c r="AD43476" i="1"/>
  <c r="AD43477" i="1"/>
  <c r="AD43478" i="1"/>
  <c r="AD43479" i="1"/>
  <c r="AD43480" i="1"/>
  <c r="AD43481" i="1"/>
  <c r="AD43482" i="1"/>
  <c r="AD43484" i="1"/>
  <c r="AD43485" i="1"/>
  <c r="AD43486" i="1"/>
  <c r="AD43487" i="1"/>
  <c r="AD43488" i="1"/>
  <c r="AD43489" i="1"/>
  <c r="AD43490" i="1"/>
  <c r="AD43491" i="1"/>
  <c r="AD43492" i="1"/>
  <c r="AD43493" i="1"/>
  <c r="AD43494" i="1"/>
  <c r="AD43496" i="1"/>
  <c r="AD43497" i="1"/>
  <c r="AD43498" i="1"/>
  <c r="AD43499" i="1"/>
  <c r="AD43500" i="1"/>
  <c r="AD43501" i="1"/>
  <c r="AD43502" i="1"/>
  <c r="AD43503" i="1"/>
  <c r="AD43504" i="1"/>
  <c r="AD43505" i="1"/>
  <c r="AD43506" i="1"/>
  <c r="AD43508" i="1"/>
  <c r="AD43509" i="1"/>
  <c r="AD43510" i="1"/>
  <c r="AD43511" i="1"/>
  <c r="AD43512" i="1"/>
  <c r="AD43513" i="1"/>
  <c r="AD43514" i="1"/>
  <c r="AD43515" i="1"/>
  <c r="AD43516" i="1"/>
  <c r="AD43517" i="1"/>
  <c r="AD43518" i="1"/>
  <c r="AD43520" i="1"/>
  <c r="AD43521" i="1"/>
  <c r="AD43522" i="1"/>
  <c r="AD43523" i="1"/>
  <c r="AD43524" i="1"/>
  <c r="AD43525" i="1"/>
  <c r="AD43526" i="1"/>
  <c r="AD43527" i="1"/>
  <c r="AD43528" i="1"/>
  <c r="AD43529" i="1"/>
  <c r="AD43530" i="1"/>
  <c r="AD43532" i="1"/>
  <c r="AD43533" i="1"/>
  <c r="AD43534" i="1"/>
  <c r="AD43535" i="1"/>
  <c r="AD43536" i="1"/>
  <c r="AD43537" i="1"/>
  <c r="AD43538" i="1"/>
  <c r="AD43539" i="1"/>
  <c r="AD43540" i="1"/>
  <c r="AD43541" i="1"/>
  <c r="AD43542" i="1"/>
  <c r="AD43544" i="1"/>
  <c r="AD43545" i="1"/>
  <c r="AD43546" i="1"/>
  <c r="AD43547" i="1"/>
  <c r="AD43548" i="1"/>
  <c r="AD43549" i="1"/>
  <c r="AD43550" i="1"/>
  <c r="AD43551" i="1"/>
  <c r="AD43552" i="1"/>
  <c r="AD43553" i="1"/>
  <c r="AD43554" i="1"/>
  <c r="AD43556" i="1"/>
  <c r="AD43557" i="1"/>
  <c r="AD43558" i="1"/>
  <c r="AD43559" i="1"/>
  <c r="AD43560" i="1"/>
  <c r="AD43561" i="1"/>
  <c r="AD43562" i="1"/>
  <c r="AD43563" i="1"/>
  <c r="AD43564" i="1"/>
  <c r="AD43565" i="1"/>
  <c r="AD43566" i="1"/>
  <c r="AD43568" i="1"/>
  <c r="AD43569" i="1"/>
  <c r="AD43570" i="1"/>
  <c r="AD43571" i="1"/>
  <c r="AD43572" i="1"/>
  <c r="AD43573" i="1"/>
  <c r="AD43574" i="1"/>
  <c r="AD43575" i="1"/>
  <c r="AD43576" i="1"/>
  <c r="AD43577" i="1"/>
  <c r="AD43578" i="1"/>
  <c r="AD43580" i="1"/>
  <c r="AD43581" i="1"/>
  <c r="AD43582" i="1"/>
  <c r="AD43583" i="1"/>
  <c r="AD43584" i="1"/>
  <c r="AD43585" i="1"/>
  <c r="AD43586" i="1"/>
  <c r="AD43587" i="1"/>
  <c r="AD43588" i="1"/>
  <c r="AD43589" i="1"/>
  <c r="AD43590" i="1"/>
  <c r="AD43592" i="1"/>
  <c r="AD43593" i="1"/>
  <c r="AD43594" i="1"/>
  <c r="AD43595" i="1"/>
  <c r="AD43596" i="1"/>
  <c r="AD43597" i="1"/>
  <c r="AD43598" i="1"/>
  <c r="AD43599" i="1"/>
  <c r="AD43600" i="1"/>
  <c r="AD43601" i="1"/>
  <c r="AD43602" i="1"/>
  <c r="AD43604" i="1"/>
  <c r="AD43605" i="1"/>
  <c r="AD43606" i="1"/>
  <c r="AD43607" i="1"/>
  <c r="AD43608" i="1"/>
  <c r="AD43609" i="1"/>
  <c r="AD43610" i="1"/>
  <c r="AD43611" i="1"/>
  <c r="AD43612" i="1"/>
  <c r="AD43613" i="1"/>
  <c r="AD43614" i="1"/>
  <c r="AD43616" i="1"/>
  <c r="AD43617" i="1"/>
  <c r="AD43618" i="1"/>
  <c r="AD43619" i="1"/>
  <c r="AD43620" i="1"/>
  <c r="AD43621" i="1"/>
  <c r="AD43622" i="1"/>
  <c r="AD43623" i="1"/>
  <c r="AD43624" i="1"/>
  <c r="AD43625" i="1"/>
  <c r="AD43626" i="1"/>
  <c r="AD43628" i="1"/>
  <c r="AD43629" i="1"/>
  <c r="AD43630" i="1"/>
  <c r="AD43631" i="1"/>
  <c r="AD43632" i="1"/>
  <c r="AD43633" i="1"/>
  <c r="AD43634" i="1"/>
  <c r="AD43635" i="1"/>
  <c r="AD43636" i="1"/>
  <c r="AD43637" i="1"/>
  <c r="AD43638" i="1"/>
  <c r="AD43640" i="1"/>
  <c r="AD43641" i="1"/>
  <c r="AD43642" i="1"/>
  <c r="AD43643" i="1"/>
  <c r="AD43644" i="1"/>
  <c r="AD43645" i="1"/>
  <c r="AD43646" i="1"/>
  <c r="AD43647" i="1"/>
  <c r="AD43648" i="1"/>
  <c r="AD43649" i="1"/>
  <c r="AD43650" i="1"/>
  <c r="AD43652" i="1"/>
  <c r="AD43653" i="1"/>
  <c r="AD43654" i="1"/>
  <c r="AD43655" i="1"/>
  <c r="AD43656" i="1"/>
  <c r="AD43657" i="1"/>
  <c r="AD43658" i="1"/>
  <c r="AD43659" i="1"/>
  <c r="AD43660" i="1"/>
  <c r="AD43661" i="1"/>
  <c r="AD43662" i="1"/>
  <c r="AD43664" i="1"/>
  <c r="AD43665" i="1"/>
  <c r="AD43666" i="1"/>
  <c r="AD43667" i="1"/>
  <c r="AD43668" i="1"/>
  <c r="AD43669" i="1"/>
  <c r="AD43670" i="1"/>
  <c r="AD43671" i="1"/>
  <c r="AD43672" i="1"/>
  <c r="AD43673" i="1"/>
  <c r="AD43674" i="1"/>
  <c r="AD43676" i="1"/>
  <c r="AD43677" i="1"/>
  <c r="AD43678" i="1"/>
  <c r="AD43679" i="1"/>
  <c r="AD43680" i="1"/>
  <c r="AD43681" i="1"/>
  <c r="AD43682" i="1"/>
  <c r="AD43683" i="1"/>
  <c r="AD43684" i="1"/>
  <c r="AD43685" i="1"/>
  <c r="AD43686" i="1"/>
  <c r="AD43688" i="1"/>
  <c r="AD43689" i="1"/>
  <c r="AD43690" i="1"/>
  <c r="AD43691" i="1"/>
  <c r="AD43692" i="1"/>
  <c r="AD43693" i="1"/>
  <c r="AD43694" i="1"/>
  <c r="AD43695" i="1"/>
  <c r="AD43696" i="1"/>
  <c r="AD43697" i="1"/>
  <c r="AD43698" i="1"/>
  <c r="AD43700" i="1"/>
  <c r="AD43701" i="1"/>
  <c r="AD43702" i="1"/>
  <c r="AD43703" i="1"/>
  <c r="AD43704" i="1"/>
  <c r="AD43705" i="1"/>
  <c r="AD43706" i="1"/>
  <c r="AD43707" i="1"/>
  <c r="AD43708" i="1"/>
  <c r="AD43709" i="1"/>
  <c r="AD43710" i="1"/>
  <c r="AD43712" i="1"/>
  <c r="AD43713" i="1"/>
  <c r="AD43714" i="1"/>
  <c r="AD43715" i="1"/>
  <c r="AD43716" i="1"/>
  <c r="AD43717" i="1"/>
  <c r="AD43718" i="1"/>
  <c r="AD43719" i="1"/>
  <c r="AD43720" i="1"/>
  <c r="AD43721" i="1"/>
  <c r="AD43722" i="1"/>
  <c r="AD43724" i="1"/>
  <c r="AD43725" i="1"/>
  <c r="AD43726" i="1"/>
  <c r="AD43727" i="1"/>
  <c r="AD43728" i="1"/>
  <c r="AD43729" i="1"/>
  <c r="AD43730" i="1"/>
  <c r="AD43731" i="1"/>
  <c r="AD43732" i="1"/>
  <c r="AD43733" i="1"/>
  <c r="AD43734" i="1"/>
  <c r="AD43736" i="1"/>
  <c r="AD43737" i="1"/>
  <c r="AD43738" i="1"/>
  <c r="AD43739" i="1"/>
  <c r="AD43740" i="1"/>
  <c r="AD43741" i="1"/>
  <c r="AD43742" i="1"/>
  <c r="AD43743" i="1"/>
  <c r="AD43744" i="1"/>
  <c r="AD43745" i="1"/>
  <c r="AD43746" i="1"/>
  <c r="AD43748" i="1"/>
  <c r="AD43749" i="1"/>
  <c r="AD43750" i="1"/>
  <c r="AD43751" i="1"/>
  <c r="AD43752" i="1"/>
  <c r="AD43753" i="1"/>
  <c r="AD43754" i="1"/>
  <c r="AD43755" i="1"/>
  <c r="AD43756" i="1"/>
  <c r="AD43757" i="1"/>
  <c r="AD43758" i="1"/>
  <c r="AD43760" i="1"/>
  <c r="AD43761" i="1"/>
  <c r="AD43762" i="1"/>
  <c r="AD43763" i="1"/>
  <c r="AD43764" i="1"/>
  <c r="AD43765" i="1"/>
  <c r="AD43766" i="1"/>
  <c r="AD43767" i="1"/>
  <c r="AD43768" i="1"/>
  <c r="AD43769" i="1"/>
  <c r="AD43770" i="1"/>
  <c r="AD43772" i="1"/>
  <c r="AD43773" i="1"/>
  <c r="AD43774" i="1"/>
  <c r="AD43775" i="1"/>
  <c r="AD43776" i="1"/>
  <c r="AD43777" i="1"/>
  <c r="AD43778" i="1"/>
  <c r="AD43779" i="1"/>
  <c r="AD43780" i="1"/>
  <c r="AD43781" i="1"/>
  <c r="AD43782" i="1"/>
  <c r="AD43784" i="1"/>
  <c r="AD43785" i="1"/>
  <c r="AD43786" i="1"/>
  <c r="AD43787" i="1"/>
  <c r="AD43788" i="1"/>
  <c r="AD43789" i="1"/>
  <c r="AD43790" i="1"/>
  <c r="AD43791" i="1"/>
  <c r="AD43792" i="1"/>
  <c r="AD43793" i="1"/>
  <c r="AD43794" i="1"/>
  <c r="AD43796" i="1"/>
  <c r="AD43797" i="1"/>
  <c r="AD43798" i="1"/>
  <c r="AD43799" i="1"/>
  <c r="AD43800" i="1"/>
  <c r="AD43801" i="1"/>
  <c r="AD43802" i="1"/>
  <c r="AD43803" i="1"/>
  <c r="AD43804" i="1"/>
  <c r="AD43805" i="1"/>
  <c r="AD43806" i="1"/>
  <c r="AD43808" i="1"/>
  <c r="AD43809" i="1"/>
  <c r="AD43810" i="1"/>
  <c r="AD43811" i="1"/>
  <c r="AD43812" i="1"/>
  <c r="AD43813" i="1"/>
  <c r="AD43814" i="1"/>
  <c r="AD43815" i="1"/>
  <c r="AD43816" i="1"/>
  <c r="AD43817" i="1"/>
  <c r="AD43818" i="1"/>
  <c r="AD43820" i="1"/>
  <c r="AD43821" i="1"/>
  <c r="AD43822" i="1"/>
  <c r="AD43823" i="1"/>
  <c r="AD43824" i="1"/>
  <c r="AD43825" i="1"/>
  <c r="AD43826" i="1"/>
  <c r="AD43827" i="1"/>
  <c r="AD43828" i="1"/>
  <c r="AD43829" i="1"/>
  <c r="AD43830" i="1"/>
  <c r="AD43832" i="1"/>
  <c r="AD43833" i="1"/>
  <c r="AD43834" i="1"/>
  <c r="AD43835" i="1"/>
  <c r="AD43836" i="1"/>
  <c r="AD43837" i="1"/>
  <c r="AD43838" i="1"/>
  <c r="AD43839" i="1"/>
  <c r="AD43840" i="1"/>
  <c r="AD43841" i="1"/>
  <c r="AD43842" i="1"/>
  <c r="AD43844" i="1"/>
  <c r="AD43845" i="1"/>
  <c r="AD43846" i="1"/>
  <c r="AD43847" i="1"/>
  <c r="AD43848" i="1"/>
  <c r="AD43849" i="1"/>
  <c r="AD43850" i="1"/>
  <c r="AD43851" i="1"/>
  <c r="AD43852" i="1"/>
  <c r="AD43853" i="1"/>
  <c r="AD43854" i="1"/>
  <c r="AD43856" i="1"/>
  <c r="AD43857" i="1"/>
  <c r="AD43858" i="1"/>
  <c r="AD43859" i="1"/>
  <c r="AD43860" i="1"/>
  <c r="AD43861" i="1"/>
  <c r="AD43862" i="1"/>
  <c r="AD43863" i="1"/>
  <c r="AD43864" i="1"/>
  <c r="AD43865" i="1"/>
  <c r="AD43866" i="1"/>
  <c r="AD43868" i="1"/>
  <c r="AD43869" i="1"/>
  <c r="AD43870" i="1"/>
  <c r="AD43871" i="1"/>
  <c r="AD43872" i="1"/>
  <c r="AD43873" i="1"/>
  <c r="AD43874" i="1"/>
  <c r="AD43875" i="1"/>
  <c r="AD43876" i="1"/>
  <c r="AD43877" i="1"/>
  <c r="AD43878" i="1"/>
  <c r="AD43880" i="1"/>
  <c r="AD43881" i="1"/>
  <c r="AD43882" i="1"/>
  <c r="AD43883" i="1"/>
  <c r="AD43884" i="1"/>
  <c r="AD43885" i="1"/>
  <c r="AD43886" i="1"/>
  <c r="AD43887" i="1"/>
  <c r="AD43888" i="1"/>
  <c r="AD43889" i="1"/>
  <c r="AD43890" i="1"/>
  <c r="AD43892" i="1"/>
  <c r="AD43893" i="1"/>
  <c r="AD43894" i="1"/>
  <c r="AD43895" i="1"/>
  <c r="AD43896" i="1"/>
  <c r="AD43897" i="1"/>
  <c r="AD43898" i="1"/>
  <c r="AD43899" i="1"/>
  <c r="AD43900" i="1"/>
  <c r="AD43901" i="1"/>
  <c r="AD43902" i="1"/>
  <c r="AD43904" i="1"/>
  <c r="AD43905" i="1"/>
  <c r="AD43906" i="1"/>
  <c r="AD43907" i="1"/>
  <c r="AD43908" i="1"/>
  <c r="AD43909" i="1"/>
  <c r="AD43910" i="1"/>
  <c r="AD43911" i="1"/>
  <c r="AD43912" i="1"/>
  <c r="AD43913" i="1"/>
  <c r="AD43914" i="1"/>
  <c r="AD43916" i="1"/>
  <c r="AD43917" i="1"/>
  <c r="AD43918" i="1"/>
  <c r="AD43919" i="1"/>
  <c r="AD43920" i="1"/>
  <c r="AD43921" i="1"/>
  <c r="AD43922" i="1"/>
  <c r="AD43923" i="1"/>
  <c r="AD43924" i="1"/>
  <c r="AD43925" i="1"/>
  <c r="AD43926" i="1"/>
  <c r="AD43928" i="1"/>
  <c r="AD43929" i="1"/>
  <c r="AD43930" i="1"/>
  <c r="AD43931" i="1"/>
  <c r="AD43932" i="1"/>
  <c r="AD43933" i="1"/>
  <c r="AD43934" i="1"/>
  <c r="AD43935" i="1"/>
  <c r="AD43936" i="1"/>
  <c r="AD43937" i="1"/>
  <c r="AD43938" i="1"/>
  <c r="AD43940" i="1"/>
  <c r="AD43941" i="1"/>
  <c r="AD43942" i="1"/>
  <c r="AD43943" i="1"/>
  <c r="AD43944" i="1"/>
  <c r="AD43945" i="1"/>
  <c r="AD43946" i="1"/>
  <c r="AD43947" i="1"/>
  <c r="AD43948" i="1"/>
  <c r="AD43949" i="1"/>
  <c r="AD43950" i="1"/>
  <c r="AD43952" i="1"/>
  <c r="AD43953" i="1"/>
  <c r="AD43954" i="1"/>
  <c r="AD43955" i="1"/>
  <c r="AD43956" i="1"/>
  <c r="AD43957" i="1"/>
  <c r="AD43958" i="1"/>
  <c r="AD43959" i="1"/>
  <c r="AD43960" i="1"/>
  <c r="AD43961" i="1"/>
  <c r="AD43962" i="1"/>
  <c r="AD43964" i="1"/>
  <c r="AD43965" i="1"/>
  <c r="AD43966" i="1"/>
  <c r="AD43967" i="1"/>
  <c r="AD43968" i="1"/>
  <c r="AD43969" i="1"/>
  <c r="AD43970" i="1"/>
  <c r="AD43971" i="1"/>
  <c r="AD43972" i="1"/>
  <c r="AD43973" i="1"/>
  <c r="AD43974" i="1"/>
  <c r="AD43976" i="1"/>
  <c r="AD43977" i="1"/>
  <c r="AD43978" i="1"/>
  <c r="AD43979" i="1"/>
  <c r="AD43980" i="1"/>
  <c r="AD43981" i="1"/>
  <c r="AD43982" i="1"/>
  <c r="AD43983" i="1"/>
  <c r="AD43984" i="1"/>
  <c r="AD43985" i="1"/>
  <c r="AD43986" i="1"/>
  <c r="AD43988" i="1"/>
  <c r="AD43989" i="1"/>
  <c r="AD43990" i="1"/>
  <c r="AD43991" i="1"/>
  <c r="AD43992" i="1"/>
  <c r="AD43993" i="1"/>
  <c r="AD43994" i="1"/>
  <c r="AD43995" i="1"/>
  <c r="AD43996" i="1"/>
  <c r="AD43997" i="1"/>
  <c r="AD43998" i="1"/>
  <c r="AD44000" i="1"/>
  <c r="AD44001" i="1"/>
  <c r="AD44002" i="1"/>
  <c r="AD44003" i="1"/>
  <c r="AD44004" i="1"/>
  <c r="AD44005" i="1"/>
  <c r="AD44006" i="1"/>
  <c r="AD44007" i="1"/>
  <c r="AD44008" i="1"/>
  <c r="AD44009" i="1"/>
  <c r="AD44010" i="1"/>
  <c r="AD44012" i="1"/>
  <c r="AD44013" i="1"/>
  <c r="AD44014" i="1"/>
  <c r="AD44015" i="1"/>
  <c r="AD44016" i="1"/>
  <c r="AD44017" i="1"/>
  <c r="AD44018" i="1"/>
  <c r="AD44019" i="1"/>
  <c r="AD44020" i="1"/>
  <c r="AD44021" i="1"/>
  <c r="AD44022" i="1"/>
  <c r="AD44024" i="1"/>
  <c r="AD44025" i="1"/>
  <c r="AD44026" i="1"/>
  <c r="AD44027" i="1"/>
  <c r="AD44028" i="1"/>
  <c r="AD44029" i="1"/>
  <c r="AD44030" i="1"/>
  <c r="AD44031" i="1"/>
  <c r="AD44032" i="1"/>
  <c r="AD44033" i="1"/>
  <c r="AD44034" i="1"/>
  <c r="AD44036" i="1"/>
  <c r="AD44037" i="1"/>
  <c r="AD44038" i="1"/>
  <c r="AD44039" i="1"/>
  <c r="AD44040" i="1"/>
  <c r="AD44041" i="1"/>
  <c r="AD44042" i="1"/>
  <c r="AD44043" i="1"/>
  <c r="AD44044" i="1"/>
  <c r="AD44045" i="1"/>
  <c r="AD44046" i="1"/>
  <c r="AD44048" i="1"/>
  <c r="AD44049" i="1"/>
  <c r="AD44050" i="1"/>
  <c r="AD44051" i="1"/>
  <c r="AD44052" i="1"/>
  <c r="AD44053" i="1"/>
  <c r="AD44054" i="1"/>
  <c r="AD44055" i="1"/>
  <c r="AD44056" i="1"/>
  <c r="AD44057" i="1"/>
  <c r="AD44058" i="1"/>
  <c r="AD44060" i="1"/>
  <c r="AD44061" i="1"/>
  <c r="AD44062" i="1"/>
  <c r="AD44063" i="1"/>
  <c r="AD44064" i="1"/>
  <c r="AD44065" i="1"/>
  <c r="AD44066" i="1"/>
  <c r="AD44067" i="1"/>
  <c r="AD44068" i="1"/>
  <c r="AD44069" i="1"/>
  <c r="AD44070" i="1"/>
  <c r="AD44072" i="1"/>
  <c r="AD44073" i="1"/>
  <c r="AD44074" i="1"/>
  <c r="AD44075" i="1"/>
  <c r="AD44076" i="1"/>
  <c r="AD44077" i="1"/>
  <c r="AD44078" i="1"/>
  <c r="AD44079" i="1"/>
  <c r="AD44080" i="1"/>
  <c r="AD44081" i="1"/>
  <c r="AD44082" i="1"/>
  <c r="AD44084" i="1"/>
  <c r="AD44085" i="1"/>
  <c r="AD44086" i="1"/>
  <c r="AD44087" i="1"/>
  <c r="AD44088" i="1"/>
  <c r="AD44089" i="1"/>
  <c r="AD44090" i="1"/>
  <c r="AD44091" i="1"/>
  <c r="AD44092" i="1"/>
  <c r="AD44093" i="1"/>
  <c r="AD44094" i="1"/>
  <c r="AD44096" i="1"/>
  <c r="AD44097" i="1"/>
  <c r="AD44098" i="1"/>
  <c r="AD44099" i="1"/>
  <c r="AD44100" i="1"/>
  <c r="AD44101" i="1"/>
  <c r="AD44102" i="1"/>
  <c r="AD44103" i="1"/>
  <c r="AD44104" i="1"/>
  <c r="AD44105" i="1"/>
  <c r="AD44106" i="1"/>
  <c r="AD44108" i="1"/>
  <c r="AD44109" i="1"/>
  <c r="AD44110" i="1"/>
  <c r="AD44111" i="1"/>
  <c r="AD44112" i="1"/>
  <c r="AD44113" i="1"/>
  <c r="AD44114" i="1"/>
  <c r="AD44115" i="1"/>
  <c r="AD44116" i="1"/>
  <c r="AD44117" i="1"/>
  <c r="AD44118" i="1"/>
  <c r="AD44120" i="1"/>
  <c r="AD44121" i="1"/>
  <c r="AD44122" i="1"/>
  <c r="AD44123" i="1"/>
  <c r="AD44124" i="1"/>
  <c r="AD44125" i="1"/>
  <c r="AD44126" i="1"/>
  <c r="AD44127" i="1"/>
  <c r="AD44128" i="1"/>
  <c r="AD44129" i="1"/>
  <c r="AD44130" i="1"/>
  <c r="AD44132" i="1"/>
  <c r="AD44133" i="1"/>
  <c r="AD44134" i="1"/>
  <c r="AD44135" i="1"/>
  <c r="AD44136" i="1"/>
  <c r="AD44137" i="1"/>
  <c r="AD44138" i="1"/>
  <c r="AD44139" i="1"/>
  <c r="AD44140" i="1"/>
  <c r="AD44141" i="1"/>
  <c r="AD44142" i="1"/>
  <c r="AD44144" i="1"/>
  <c r="AD44145" i="1"/>
  <c r="AD44146" i="1"/>
  <c r="AD44147" i="1"/>
  <c r="AD44148" i="1"/>
  <c r="AD44149" i="1"/>
  <c r="AD44150" i="1"/>
  <c r="AD44151" i="1"/>
  <c r="AD44152" i="1"/>
  <c r="AD44153" i="1"/>
  <c r="AD44154" i="1"/>
  <c r="AD44156" i="1"/>
  <c r="AD44157" i="1"/>
  <c r="AD44158" i="1"/>
  <c r="AD44159" i="1"/>
  <c r="AD44160" i="1"/>
  <c r="AD44161" i="1"/>
  <c r="AD44162" i="1"/>
  <c r="AD44163" i="1"/>
  <c r="AD44164" i="1"/>
  <c r="AD44165" i="1"/>
  <c r="AD44166" i="1"/>
  <c r="AD44168" i="1"/>
  <c r="AD44169" i="1"/>
  <c r="AD44170" i="1"/>
  <c r="AD44171" i="1"/>
  <c r="AD44172" i="1"/>
  <c r="AD44173" i="1"/>
  <c r="AD44174" i="1"/>
  <c r="AD44175" i="1"/>
  <c r="AD44176" i="1"/>
  <c r="AD44177" i="1"/>
  <c r="AD44178" i="1"/>
  <c r="AD44180" i="1"/>
  <c r="AD44181" i="1"/>
  <c r="AD44182" i="1"/>
  <c r="AD44183" i="1"/>
  <c r="AD44184" i="1"/>
  <c r="AD44185" i="1"/>
  <c r="AD44186" i="1"/>
  <c r="AD44187" i="1"/>
  <c r="AD44188" i="1"/>
  <c r="AD44189" i="1"/>
  <c r="AD44190" i="1"/>
  <c r="AD44192" i="1"/>
  <c r="AD44193" i="1"/>
  <c r="AD44194" i="1"/>
  <c r="AD44195" i="1"/>
  <c r="AD44196" i="1"/>
  <c r="AD44197" i="1"/>
  <c r="AD44198" i="1"/>
  <c r="AD44199" i="1"/>
  <c r="AD44200" i="1"/>
  <c r="AD44201" i="1"/>
  <c r="AD44202" i="1"/>
  <c r="AD44204" i="1"/>
  <c r="AD44205" i="1"/>
  <c r="AD44206" i="1"/>
  <c r="AD44207" i="1"/>
  <c r="AD44208" i="1"/>
  <c r="AD44209" i="1"/>
  <c r="AD44210" i="1"/>
  <c r="AD44211" i="1"/>
  <c r="AD44212" i="1"/>
  <c r="AD44213" i="1"/>
  <c r="AD44214" i="1"/>
  <c r="AD44216" i="1"/>
  <c r="AD44217" i="1"/>
  <c r="AD44218" i="1"/>
  <c r="AD44219" i="1"/>
  <c r="AD44220" i="1"/>
  <c r="AD44221" i="1"/>
  <c r="AD44222" i="1"/>
  <c r="AD44223" i="1"/>
  <c r="AD44224" i="1"/>
  <c r="AD44225" i="1"/>
  <c r="AD44226" i="1"/>
  <c r="AD44228" i="1"/>
  <c r="AD44229" i="1"/>
  <c r="AD44230" i="1"/>
  <c r="AD44231" i="1"/>
  <c r="AD44232" i="1"/>
  <c r="AD44233" i="1"/>
  <c r="AD44234" i="1"/>
  <c r="AD44235" i="1"/>
  <c r="AD44236" i="1"/>
  <c r="AD44237" i="1"/>
  <c r="AD44238" i="1"/>
  <c r="AD44240" i="1"/>
  <c r="AD44241" i="1"/>
  <c r="AD44242" i="1"/>
  <c r="AD44243" i="1"/>
  <c r="AD44244" i="1"/>
  <c r="AD44245" i="1"/>
  <c r="AD44246" i="1"/>
  <c r="AD44247" i="1"/>
  <c r="AD44248" i="1"/>
  <c r="AD44249" i="1"/>
  <c r="AD44250" i="1"/>
  <c r="AD44252" i="1"/>
  <c r="AD44253" i="1"/>
  <c r="AD44254" i="1"/>
  <c r="AD44255" i="1"/>
  <c r="AD44256" i="1"/>
  <c r="AD44257" i="1"/>
  <c r="AD44258" i="1"/>
  <c r="AD44259" i="1"/>
  <c r="AD44260" i="1"/>
  <c r="AD44261" i="1"/>
  <c r="AD44262" i="1"/>
  <c r="AD44264" i="1"/>
  <c r="AD44265" i="1"/>
  <c r="AD44266" i="1"/>
  <c r="AD44267" i="1"/>
  <c r="AD44268" i="1"/>
  <c r="AD44269" i="1"/>
  <c r="AD44270" i="1"/>
  <c r="AD44271" i="1"/>
  <c r="AD44272" i="1"/>
  <c r="AD44273" i="1"/>
  <c r="AD44274" i="1"/>
  <c r="AD44276" i="1"/>
  <c r="AD44277" i="1"/>
  <c r="AD44278" i="1"/>
  <c r="AD44279" i="1"/>
  <c r="AD44280" i="1"/>
  <c r="AD44281" i="1"/>
  <c r="AD44282" i="1"/>
  <c r="AD44283" i="1"/>
  <c r="AD44284" i="1"/>
  <c r="AD44285" i="1"/>
  <c r="AD44286" i="1"/>
  <c r="AD44288" i="1"/>
  <c r="AD44289" i="1"/>
  <c r="AD44290" i="1"/>
  <c r="AD44291" i="1"/>
  <c r="AD44292" i="1"/>
  <c r="AD44293" i="1"/>
  <c r="AD44294" i="1"/>
  <c r="AD44295" i="1"/>
  <c r="AD44296" i="1"/>
  <c r="AD44297" i="1"/>
  <c r="AD44298" i="1"/>
  <c r="AD44300" i="1"/>
  <c r="AD44301" i="1"/>
  <c r="AD44302" i="1"/>
  <c r="AD44303" i="1"/>
  <c r="AD44304" i="1"/>
  <c r="AD44305" i="1"/>
  <c r="AD44306" i="1"/>
  <c r="AD44307" i="1"/>
  <c r="AD44308" i="1"/>
  <c r="AD44309" i="1"/>
  <c r="AD44310" i="1"/>
  <c r="AD44312" i="1"/>
  <c r="AD44313" i="1"/>
  <c r="AD44314" i="1"/>
  <c r="AD44315" i="1"/>
  <c r="AD44316" i="1"/>
  <c r="AD44317" i="1"/>
  <c r="AD44318" i="1"/>
  <c r="AD44319" i="1"/>
  <c r="AD44320" i="1"/>
  <c r="AD44321" i="1"/>
  <c r="AD44322" i="1"/>
  <c r="AD44324" i="1"/>
  <c r="AD44325" i="1"/>
  <c r="AD44326" i="1"/>
  <c r="AD44327" i="1"/>
  <c r="AD44328" i="1"/>
  <c r="AD44329" i="1"/>
  <c r="AD44330" i="1"/>
  <c r="AD44331" i="1"/>
  <c r="AD44332" i="1"/>
  <c r="AD44333" i="1"/>
  <c r="AD44334" i="1"/>
  <c r="AD44336" i="1"/>
  <c r="AD44337" i="1"/>
  <c r="AD44338" i="1"/>
  <c r="AD44339" i="1"/>
  <c r="AD44340" i="1"/>
  <c r="AD44341" i="1"/>
  <c r="AD44342" i="1"/>
  <c r="AD44343" i="1"/>
  <c r="AD44344" i="1"/>
  <c r="AD44345" i="1"/>
  <c r="AD44346" i="1"/>
  <c r="AD44348" i="1"/>
  <c r="AD44349" i="1"/>
  <c r="AD44350" i="1"/>
  <c r="AD44351" i="1"/>
  <c r="AD44352" i="1"/>
  <c r="AD44353" i="1"/>
  <c r="AD44354" i="1"/>
  <c r="AD44355" i="1"/>
  <c r="AD44356" i="1"/>
  <c r="AD44357" i="1"/>
  <c r="AD44358" i="1"/>
  <c r="AD44360" i="1"/>
  <c r="AD44361" i="1"/>
  <c r="AD44362" i="1"/>
  <c r="AD44363" i="1"/>
  <c r="AD44364" i="1"/>
  <c r="AD44365" i="1"/>
  <c r="AD44366" i="1"/>
  <c r="AD44367" i="1"/>
  <c r="AD44368" i="1"/>
  <c r="AD44369" i="1"/>
  <c r="AD44370" i="1"/>
  <c r="AD44372" i="1"/>
  <c r="AD44373" i="1"/>
  <c r="AD44374" i="1"/>
  <c r="AD44375" i="1"/>
  <c r="AD44376" i="1"/>
  <c r="AD44377" i="1"/>
  <c r="AD44378" i="1"/>
  <c r="AD44379" i="1"/>
  <c r="AD44380" i="1"/>
  <c r="AD44381" i="1"/>
  <c r="AD44382" i="1"/>
  <c r="AD44384" i="1"/>
  <c r="AD44385" i="1"/>
  <c r="AD44386" i="1"/>
  <c r="AD44387" i="1"/>
  <c r="AD44388" i="1"/>
  <c r="AD44389" i="1"/>
  <c r="AD44390" i="1"/>
  <c r="AD44391" i="1"/>
  <c r="AD44392" i="1"/>
  <c r="AD44393" i="1"/>
  <c r="AD44394" i="1"/>
  <c r="AD44396" i="1"/>
  <c r="AD44397" i="1"/>
  <c r="AD44398" i="1"/>
  <c r="AD44399" i="1"/>
  <c r="AD44400" i="1"/>
  <c r="AD44401" i="1"/>
  <c r="AD44402" i="1"/>
  <c r="AD44403" i="1"/>
  <c r="AD44404" i="1"/>
  <c r="AD44405" i="1"/>
  <c r="AD44406" i="1"/>
  <c r="AD44408" i="1"/>
  <c r="AD44409" i="1"/>
  <c r="AD44410" i="1"/>
  <c r="AD44411" i="1"/>
  <c r="AD44412" i="1"/>
  <c r="AD44413" i="1"/>
  <c r="AD44414" i="1"/>
  <c r="AD44415" i="1"/>
  <c r="AD44416" i="1"/>
  <c r="AD44417" i="1"/>
  <c r="AD44418" i="1"/>
  <c r="AD44420" i="1"/>
  <c r="AD44421" i="1"/>
  <c r="AD44422" i="1"/>
  <c r="AD44423" i="1"/>
  <c r="AD44424" i="1"/>
  <c r="AD44425" i="1"/>
  <c r="AD44426" i="1"/>
  <c r="AD44427" i="1"/>
  <c r="AD44428" i="1"/>
  <c r="AD44429" i="1"/>
  <c r="AD44430" i="1"/>
  <c r="AD44432" i="1"/>
  <c r="AD44433" i="1"/>
  <c r="AD44434" i="1"/>
  <c r="AD44435" i="1"/>
  <c r="AD44436" i="1"/>
  <c r="AD44437" i="1"/>
  <c r="AD44438" i="1"/>
  <c r="AD44439" i="1"/>
  <c r="AD44440" i="1"/>
  <c r="AD44441" i="1"/>
  <c r="AD44442" i="1"/>
  <c r="AD44444" i="1"/>
  <c r="AD44445" i="1"/>
  <c r="AD44446" i="1"/>
  <c r="AD44447" i="1"/>
  <c r="AD44448" i="1"/>
  <c r="AD44449" i="1"/>
  <c r="AD44450" i="1"/>
  <c r="AD44451" i="1"/>
  <c r="AD44452" i="1"/>
  <c r="AD44453" i="1"/>
  <c r="AD44454" i="1"/>
  <c r="AD44456" i="1"/>
  <c r="AD44457" i="1"/>
  <c r="AD44458" i="1"/>
  <c r="AD44459" i="1"/>
  <c r="AD44460" i="1"/>
  <c r="AD44461" i="1"/>
  <c r="AD44462" i="1"/>
  <c r="AD44463" i="1"/>
  <c r="AD44464" i="1"/>
  <c r="AD44465" i="1"/>
  <c r="AD44466" i="1"/>
  <c r="AD44468" i="1"/>
  <c r="AD44469" i="1"/>
  <c r="AD44470" i="1"/>
  <c r="AD44471" i="1"/>
  <c r="AD44472" i="1"/>
  <c r="AD44473" i="1"/>
  <c r="AD44474" i="1"/>
  <c r="AD44475" i="1"/>
  <c r="AD44476" i="1"/>
  <c r="AD44477" i="1"/>
  <c r="AD44478" i="1"/>
  <c r="AD44480" i="1"/>
  <c r="AD44481" i="1"/>
  <c r="AD44482" i="1"/>
  <c r="AD44483" i="1"/>
  <c r="AD44484" i="1"/>
  <c r="AD44485" i="1"/>
  <c r="AD44486" i="1"/>
  <c r="AD44487" i="1"/>
  <c r="AD44488" i="1"/>
  <c r="AD44489" i="1"/>
  <c r="AD44490" i="1"/>
  <c r="AD44492" i="1"/>
  <c r="AD44493" i="1"/>
  <c r="AD44494" i="1"/>
  <c r="AD44495" i="1"/>
  <c r="AD44496" i="1"/>
  <c r="AD44497" i="1"/>
  <c r="AD44498" i="1"/>
  <c r="AD44499" i="1"/>
  <c r="AD44500" i="1"/>
  <c r="AD44501" i="1"/>
  <c r="AD44502" i="1"/>
  <c r="AD44504" i="1"/>
  <c r="AD44505" i="1"/>
  <c r="AD44506" i="1"/>
  <c r="AD44507" i="1"/>
  <c r="AD44508" i="1"/>
  <c r="AD44509" i="1"/>
  <c r="AD44510" i="1"/>
  <c r="AD44511" i="1"/>
  <c r="AD44512" i="1"/>
  <c r="AD44513" i="1"/>
  <c r="AD44514" i="1"/>
  <c r="AD44516" i="1"/>
  <c r="AD44517" i="1"/>
  <c r="AD44518" i="1"/>
  <c r="AD44519" i="1"/>
  <c r="AD44520" i="1"/>
  <c r="AD44521" i="1"/>
  <c r="AD44522" i="1"/>
  <c r="AD44523" i="1"/>
  <c r="AD44524" i="1"/>
  <c r="AD44525" i="1"/>
  <c r="AD44526" i="1"/>
  <c r="AD44528" i="1"/>
  <c r="AD44529" i="1"/>
  <c r="AD44530" i="1"/>
  <c r="AD44531" i="1"/>
  <c r="AD44532" i="1"/>
  <c r="AD44533" i="1"/>
  <c r="AD44534" i="1"/>
  <c r="AD44535" i="1"/>
  <c r="AD44536" i="1"/>
  <c r="AD44537" i="1"/>
  <c r="AD44538" i="1"/>
  <c r="AD44540" i="1"/>
  <c r="AD44541" i="1"/>
  <c r="AD44542" i="1"/>
  <c r="AD44543" i="1"/>
  <c r="AD44544" i="1"/>
  <c r="AD44545" i="1"/>
  <c r="AD44546" i="1"/>
  <c r="AD44547" i="1"/>
  <c r="AD44548" i="1"/>
  <c r="AD44549" i="1"/>
  <c r="AD44550" i="1"/>
  <c r="AD44552" i="1"/>
  <c r="AD44553" i="1"/>
  <c r="AD44554" i="1"/>
  <c r="AD44555" i="1"/>
  <c r="AD44556" i="1"/>
  <c r="AD44557" i="1"/>
  <c r="AD44558" i="1"/>
  <c r="AD44559" i="1"/>
  <c r="AD44560" i="1"/>
  <c r="AD44561" i="1"/>
  <c r="AD44562" i="1"/>
  <c r="AD44564" i="1"/>
  <c r="AD44565" i="1"/>
  <c r="AD44566" i="1"/>
  <c r="AD44567" i="1"/>
  <c r="AD44568" i="1"/>
  <c r="AD44569" i="1"/>
  <c r="AD44570" i="1"/>
  <c r="AD44571" i="1"/>
  <c r="AD44572" i="1"/>
  <c r="AD44573" i="1"/>
  <c r="AD44574" i="1"/>
  <c r="AD44576" i="1"/>
  <c r="AD44577" i="1"/>
  <c r="AD44578" i="1"/>
  <c r="AD44579" i="1"/>
  <c r="AD44580" i="1"/>
  <c r="AD44581" i="1"/>
  <c r="AD44582" i="1"/>
  <c r="AD44583" i="1"/>
  <c r="AD44584" i="1"/>
  <c r="AD44585" i="1"/>
  <c r="AD44586" i="1"/>
  <c r="AD44588" i="1"/>
  <c r="AD44589" i="1"/>
  <c r="AD44590" i="1"/>
  <c r="AD44591" i="1"/>
  <c r="AD44592" i="1"/>
  <c r="AD44593" i="1"/>
  <c r="AD44594" i="1"/>
  <c r="AD44595" i="1"/>
  <c r="AD44596" i="1"/>
  <c r="AD44597" i="1"/>
  <c r="AD44598" i="1"/>
  <c r="AD44600" i="1"/>
  <c r="AD44601" i="1"/>
  <c r="AD44602" i="1"/>
  <c r="AD44603" i="1"/>
  <c r="AD44604" i="1"/>
  <c r="AD44605" i="1"/>
  <c r="AD44606" i="1"/>
  <c r="AD44607" i="1"/>
  <c r="AD44608" i="1"/>
  <c r="AD44609" i="1"/>
  <c r="AD44610" i="1"/>
  <c r="AD44612" i="1"/>
  <c r="AD44613" i="1"/>
  <c r="AD44614" i="1"/>
  <c r="AD44615" i="1"/>
  <c r="AD44616" i="1"/>
  <c r="AD44617" i="1"/>
  <c r="AD44618" i="1"/>
  <c r="AD44619" i="1"/>
  <c r="AD44620" i="1"/>
  <c r="AD44621" i="1"/>
  <c r="AD44622" i="1"/>
  <c r="AD44624" i="1"/>
  <c r="AD44625" i="1"/>
  <c r="AD44626" i="1"/>
  <c r="AD44627" i="1"/>
  <c r="AD44628" i="1"/>
  <c r="AD44629" i="1"/>
  <c r="AD44630" i="1"/>
  <c r="AD44631" i="1"/>
  <c r="AD44632" i="1"/>
  <c r="AD44633" i="1"/>
  <c r="AD44634" i="1"/>
  <c r="AD44636" i="1"/>
  <c r="AD44637" i="1"/>
  <c r="AD44638" i="1"/>
  <c r="AD44639" i="1"/>
  <c r="AD44640" i="1"/>
  <c r="AD44641" i="1"/>
  <c r="AD44642" i="1"/>
  <c r="AD44643" i="1"/>
  <c r="AD44644" i="1"/>
  <c r="AD44645" i="1"/>
  <c r="AD44646" i="1"/>
  <c r="AD44648" i="1"/>
  <c r="AD44649" i="1"/>
  <c r="AD44650" i="1"/>
  <c r="AD44651" i="1"/>
  <c r="AD44652" i="1"/>
  <c r="AD44653" i="1"/>
  <c r="AD44654" i="1"/>
  <c r="AD44655" i="1"/>
  <c r="AD44656" i="1"/>
  <c r="AD44657" i="1"/>
  <c r="AD44658" i="1"/>
  <c r="AD44660" i="1"/>
  <c r="AD44661" i="1"/>
  <c r="AD44662" i="1"/>
  <c r="AD44663" i="1"/>
  <c r="AD44664" i="1"/>
  <c r="AD44665" i="1"/>
  <c r="AD44666" i="1"/>
  <c r="AD44667" i="1"/>
  <c r="AD44668" i="1"/>
  <c r="AD44669" i="1"/>
  <c r="AD44670" i="1"/>
  <c r="AD44672" i="1"/>
  <c r="AD44673" i="1"/>
  <c r="AD44674" i="1"/>
  <c r="AD44675" i="1"/>
  <c r="AD44676" i="1"/>
  <c r="AD44677" i="1"/>
  <c r="AD44678" i="1"/>
  <c r="AD44679" i="1"/>
  <c r="AD44680" i="1"/>
  <c r="AD44681" i="1"/>
  <c r="AD44682" i="1"/>
  <c r="AD44684" i="1"/>
  <c r="AD44685" i="1"/>
  <c r="AD44686" i="1"/>
  <c r="AD44687" i="1"/>
  <c r="AD44688" i="1"/>
  <c r="AD44689" i="1"/>
  <c r="AD44690" i="1"/>
  <c r="AD44691" i="1"/>
  <c r="AD44692" i="1"/>
  <c r="AD44693" i="1"/>
  <c r="AD44694" i="1"/>
  <c r="AD44696" i="1"/>
  <c r="AD44697" i="1"/>
  <c r="AD44698" i="1"/>
  <c r="AD44699" i="1"/>
  <c r="AD44700" i="1"/>
  <c r="AD44701" i="1"/>
  <c r="AD44702" i="1"/>
  <c r="AD44703" i="1"/>
  <c r="AD44704" i="1"/>
  <c r="AD44705" i="1"/>
  <c r="AD44706" i="1"/>
  <c r="AD44708" i="1"/>
  <c r="AD44709" i="1"/>
  <c r="AD44710" i="1"/>
  <c r="AD44711" i="1"/>
  <c r="AD44712" i="1"/>
  <c r="AD44713" i="1"/>
  <c r="AD44714" i="1"/>
  <c r="AD44715" i="1"/>
  <c r="AD44716" i="1"/>
  <c r="AD44717" i="1"/>
  <c r="AD44718" i="1"/>
  <c r="AD44720" i="1"/>
  <c r="AD44721" i="1"/>
  <c r="AD44722" i="1"/>
  <c r="AD44723" i="1"/>
  <c r="AD44724" i="1"/>
  <c r="AD44725" i="1"/>
  <c r="AD44726" i="1"/>
  <c r="AD44727" i="1"/>
  <c r="AD44728" i="1"/>
  <c r="AD44729" i="1"/>
  <c r="AD44730" i="1"/>
  <c r="AD44732" i="1"/>
  <c r="AD44733" i="1"/>
  <c r="AD44734" i="1"/>
  <c r="AD44735" i="1"/>
  <c r="AD44736" i="1"/>
  <c r="AD44737" i="1"/>
  <c r="AD44738" i="1"/>
  <c r="AD44739" i="1"/>
  <c r="AD44740" i="1"/>
  <c r="AD44741" i="1"/>
  <c r="AD44742" i="1"/>
  <c r="AD44744" i="1"/>
  <c r="AD44745" i="1"/>
  <c r="AD44746" i="1"/>
  <c r="AD44747" i="1"/>
  <c r="AD44748" i="1"/>
  <c r="AD44749" i="1"/>
  <c r="AD44750" i="1"/>
  <c r="AD44751" i="1"/>
  <c r="AD44752" i="1"/>
  <c r="AD44753" i="1"/>
  <c r="AD44754" i="1"/>
  <c r="AD44756" i="1"/>
  <c r="AD44757" i="1"/>
  <c r="AD44758" i="1"/>
  <c r="AD44759" i="1"/>
  <c r="AD44760" i="1"/>
  <c r="AD44761" i="1"/>
  <c r="AD44762" i="1"/>
  <c r="AD44763" i="1"/>
  <c r="AD44764" i="1"/>
  <c r="AD44765" i="1"/>
  <c r="AD44766" i="1"/>
  <c r="AD44768" i="1"/>
  <c r="AD44769" i="1"/>
  <c r="AD44770" i="1"/>
  <c r="AD44771" i="1"/>
  <c r="AD44772" i="1"/>
  <c r="AD44773" i="1"/>
  <c r="AD44774" i="1"/>
  <c r="AD44775" i="1"/>
  <c r="AD44776" i="1"/>
  <c r="AD44777" i="1"/>
  <c r="AD44778" i="1"/>
  <c r="AD44780" i="1"/>
  <c r="AD44781" i="1"/>
  <c r="AD44782" i="1"/>
  <c r="AD44783" i="1"/>
  <c r="AD44784" i="1"/>
  <c r="AD44785" i="1"/>
  <c r="AD44786" i="1"/>
  <c r="AD44787" i="1"/>
  <c r="AD44788" i="1"/>
  <c r="AD44789" i="1"/>
  <c r="AD44790" i="1"/>
  <c r="AD44792" i="1"/>
  <c r="AD44793" i="1"/>
  <c r="AD44794" i="1"/>
  <c r="AD44795" i="1"/>
  <c r="AD44796" i="1"/>
  <c r="AD44797" i="1"/>
  <c r="AD44798" i="1"/>
  <c r="AD44799" i="1"/>
  <c r="AD44800" i="1"/>
  <c r="AD44801" i="1"/>
  <c r="AD44802" i="1"/>
  <c r="AD44804" i="1"/>
  <c r="AD44805" i="1"/>
  <c r="AD44806" i="1"/>
  <c r="AD44807" i="1"/>
  <c r="AD44808" i="1"/>
  <c r="AD44809" i="1"/>
  <c r="AD44810" i="1"/>
  <c r="AD44811" i="1"/>
  <c r="AD44812" i="1"/>
  <c r="AD44813" i="1"/>
  <c r="AD44814" i="1"/>
  <c r="AD44816" i="1"/>
  <c r="AD44817" i="1"/>
  <c r="AD44818" i="1"/>
  <c r="AD44819" i="1"/>
  <c r="AD44820" i="1"/>
  <c r="AD44821" i="1"/>
  <c r="AD44822" i="1"/>
  <c r="AD44823" i="1"/>
  <c r="AD44824" i="1"/>
  <c r="AD44825" i="1"/>
  <c r="AD44826" i="1"/>
  <c r="AD44828" i="1"/>
  <c r="AD44829" i="1"/>
  <c r="AD44830" i="1"/>
  <c r="AD44831" i="1"/>
  <c r="AD44832" i="1"/>
  <c r="AD44833" i="1"/>
  <c r="AD44834" i="1"/>
  <c r="AD44835" i="1"/>
  <c r="AD44836" i="1"/>
  <c r="AD44837" i="1"/>
  <c r="AD44838" i="1"/>
  <c r="AD44840" i="1"/>
  <c r="AD44841" i="1"/>
  <c r="AD44842" i="1"/>
  <c r="AD44843" i="1"/>
  <c r="AD44844" i="1"/>
  <c r="AD44845" i="1"/>
  <c r="AD44846" i="1"/>
  <c r="AD44847" i="1"/>
  <c r="AD44848" i="1"/>
  <c r="AD44849" i="1"/>
  <c r="AD44850" i="1"/>
  <c r="AD44852" i="1"/>
  <c r="AD44853" i="1"/>
  <c r="AD44854" i="1"/>
  <c r="AD44855" i="1"/>
  <c r="AD44856" i="1"/>
  <c r="AD44857" i="1"/>
  <c r="AD44858" i="1"/>
  <c r="AD44859" i="1"/>
  <c r="AD44860" i="1"/>
  <c r="AD44861" i="1"/>
  <c r="AD44862" i="1"/>
  <c r="AD44864" i="1"/>
  <c r="AD44865" i="1"/>
  <c r="AD44866" i="1"/>
  <c r="AD44867" i="1"/>
  <c r="AD44868" i="1"/>
  <c r="AD44869" i="1"/>
  <c r="AD44870" i="1"/>
  <c r="AD44871" i="1"/>
  <c r="AD44872" i="1"/>
  <c r="AD44873" i="1"/>
  <c r="AD44874" i="1"/>
  <c r="AD44876" i="1"/>
  <c r="AD44877" i="1"/>
  <c r="AD44878" i="1"/>
  <c r="AD44879" i="1"/>
  <c r="AD44880" i="1"/>
  <c r="AD44881" i="1"/>
  <c r="AD44882" i="1"/>
  <c r="AD44883" i="1"/>
  <c r="AD44884" i="1"/>
  <c r="AD44885" i="1"/>
  <c r="AD44886" i="1"/>
  <c r="AD44888" i="1"/>
  <c r="AD44889" i="1"/>
  <c r="AD44890" i="1"/>
  <c r="AD44891" i="1"/>
  <c r="AD44892" i="1"/>
  <c r="AD44893" i="1"/>
  <c r="AD44894" i="1"/>
  <c r="AD44895" i="1"/>
  <c r="AD44896" i="1"/>
  <c r="AD44897" i="1"/>
  <c r="AD44898" i="1"/>
  <c r="AD44900" i="1"/>
  <c r="AD44901" i="1"/>
  <c r="AD44902" i="1"/>
  <c r="AD44903" i="1"/>
  <c r="AD44904" i="1"/>
  <c r="AD44905" i="1"/>
  <c r="AD44906" i="1"/>
  <c r="AD44907" i="1"/>
  <c r="AD44908" i="1"/>
  <c r="AD44909" i="1"/>
  <c r="AD44910" i="1"/>
  <c r="AD44912" i="1"/>
  <c r="AD44913" i="1"/>
  <c r="AD44914" i="1"/>
  <c r="AD44915" i="1"/>
  <c r="AD44916" i="1"/>
  <c r="AD44917" i="1"/>
  <c r="AD44918" i="1"/>
  <c r="AD44919" i="1"/>
  <c r="AD44920" i="1"/>
  <c r="AD44921" i="1"/>
  <c r="AD44922" i="1"/>
  <c r="AD44924" i="1"/>
  <c r="AD44925" i="1"/>
  <c r="AD44926" i="1"/>
  <c r="AD44927" i="1"/>
  <c r="AD44928" i="1"/>
  <c r="AD44929" i="1"/>
  <c r="AD44930" i="1"/>
  <c r="AD44931" i="1"/>
  <c r="AD44932" i="1"/>
  <c r="AD44933" i="1"/>
  <c r="AD44934" i="1"/>
  <c r="AD44936" i="1"/>
  <c r="AD44937" i="1"/>
  <c r="AD44938" i="1"/>
  <c r="AD44939" i="1"/>
  <c r="AD44940" i="1"/>
  <c r="AD44941" i="1"/>
  <c r="AD44942" i="1"/>
  <c r="AD44943" i="1"/>
  <c r="AD44944" i="1"/>
  <c r="AD44945" i="1"/>
  <c r="AD44946" i="1"/>
  <c r="AD44948" i="1"/>
  <c r="AD44949" i="1"/>
  <c r="AD44950" i="1"/>
  <c r="AD44951" i="1"/>
  <c r="AD44952" i="1"/>
  <c r="AD44953" i="1"/>
  <c r="AD44954" i="1"/>
  <c r="AD44955" i="1"/>
  <c r="AD44956" i="1"/>
  <c r="AD44957" i="1"/>
  <c r="AD44958" i="1"/>
  <c r="AD44960" i="1"/>
  <c r="AD44961" i="1"/>
  <c r="AD44962" i="1"/>
  <c r="AD44963" i="1"/>
  <c r="AD44964" i="1"/>
  <c r="AD44965" i="1"/>
  <c r="AD44966" i="1"/>
  <c r="AD44967" i="1"/>
  <c r="AD44968" i="1"/>
  <c r="AD44969" i="1"/>
  <c r="AD44970" i="1"/>
  <c r="AD44972" i="1"/>
  <c r="AD44973" i="1"/>
  <c r="AD44974" i="1"/>
  <c r="AD44975" i="1"/>
  <c r="AD44976" i="1"/>
  <c r="AD44977" i="1"/>
  <c r="AD44978" i="1"/>
  <c r="AD44979" i="1"/>
  <c r="AD44980" i="1"/>
  <c r="AD44981" i="1"/>
  <c r="AD44982" i="1"/>
  <c r="AD44984" i="1"/>
  <c r="AD44985" i="1"/>
  <c r="AD44986" i="1"/>
  <c r="AD44987" i="1"/>
  <c r="AD44988" i="1"/>
  <c r="AD44989" i="1"/>
  <c r="AD44990" i="1"/>
  <c r="AD44991" i="1"/>
  <c r="AD44992" i="1"/>
  <c r="AD44993" i="1"/>
  <c r="AD44994" i="1"/>
  <c r="AD44996" i="1"/>
  <c r="AD44997" i="1"/>
  <c r="AD44998" i="1"/>
  <c r="AD44999" i="1"/>
  <c r="AD45000" i="1"/>
  <c r="AD45001" i="1"/>
  <c r="AD45002" i="1"/>
  <c r="AD45003" i="1"/>
  <c r="AD45004" i="1"/>
  <c r="AD45005" i="1"/>
  <c r="AD45006" i="1"/>
  <c r="AD45008" i="1"/>
  <c r="AD45009" i="1"/>
  <c r="AD45010" i="1"/>
  <c r="AD45011" i="1"/>
  <c r="AD45012" i="1"/>
  <c r="AD45013" i="1"/>
  <c r="AD45014" i="1"/>
  <c r="AD45015" i="1"/>
  <c r="AD45016" i="1"/>
  <c r="AD45017" i="1"/>
  <c r="AD45018" i="1"/>
  <c r="AD45020" i="1"/>
  <c r="AD45021" i="1"/>
  <c r="AD45022" i="1"/>
  <c r="AD45023" i="1"/>
  <c r="AD45024" i="1"/>
  <c r="AD45025" i="1"/>
  <c r="AD45026" i="1"/>
  <c r="AD45027" i="1"/>
  <c r="AD45028" i="1"/>
  <c r="AD45029" i="1"/>
  <c r="AD45030" i="1"/>
  <c r="AD45032" i="1"/>
  <c r="AD45033" i="1"/>
  <c r="AD45034" i="1"/>
  <c r="AD45035" i="1"/>
  <c r="AD45036" i="1"/>
  <c r="AD45037" i="1"/>
  <c r="AD45038" i="1"/>
  <c r="AD45039" i="1"/>
  <c r="AD45040" i="1"/>
  <c r="AD45041" i="1"/>
  <c r="AD45042" i="1"/>
  <c r="AD45044" i="1"/>
  <c r="AD45045" i="1"/>
  <c r="AD45046" i="1"/>
  <c r="AD45047" i="1"/>
  <c r="AD45048" i="1"/>
  <c r="AD45049" i="1"/>
  <c r="AD45050" i="1"/>
  <c r="AD45051" i="1"/>
  <c r="AD45052" i="1"/>
  <c r="AD45053" i="1"/>
  <c r="AD45054" i="1"/>
  <c r="AD45056" i="1"/>
  <c r="AD45057" i="1"/>
  <c r="AD45058" i="1"/>
  <c r="AD45059" i="1"/>
  <c r="AD45060" i="1"/>
  <c r="AD45061" i="1"/>
  <c r="AD45062" i="1"/>
  <c r="AD45063" i="1"/>
  <c r="AD45064" i="1"/>
  <c r="AD45065" i="1"/>
  <c r="AD45066" i="1"/>
  <c r="AD45068" i="1"/>
  <c r="AD45069" i="1"/>
  <c r="AD45070" i="1"/>
  <c r="AD45071" i="1"/>
  <c r="AD45072" i="1"/>
  <c r="AD45073" i="1"/>
  <c r="AD45074" i="1"/>
  <c r="AD45075" i="1"/>
  <c r="AD45076" i="1"/>
  <c r="AD45077" i="1"/>
  <c r="AD45078" i="1"/>
  <c r="AD45080" i="1"/>
  <c r="AD45081" i="1"/>
  <c r="AD45082" i="1"/>
  <c r="AD45083" i="1"/>
  <c r="AD45084" i="1"/>
  <c r="AD45085" i="1"/>
  <c r="AD45086" i="1"/>
  <c r="AD45087" i="1"/>
  <c r="AD45088" i="1"/>
  <c r="AD45089" i="1"/>
  <c r="AD45090" i="1"/>
  <c r="AD45092" i="1"/>
  <c r="AD45093" i="1"/>
  <c r="AD45094" i="1"/>
  <c r="AD45095" i="1"/>
  <c r="AD45096" i="1"/>
  <c r="AD45097" i="1"/>
  <c r="AD45098" i="1"/>
  <c r="AD45099" i="1"/>
  <c r="AD45100" i="1"/>
  <c r="AD45101" i="1"/>
  <c r="AD45102" i="1"/>
  <c r="AD45104" i="1"/>
  <c r="AD45105" i="1"/>
  <c r="AD45106" i="1"/>
  <c r="AD45107" i="1"/>
  <c r="AD45108" i="1"/>
  <c r="AD45109" i="1"/>
  <c r="AD45110" i="1"/>
  <c r="AD45111" i="1"/>
  <c r="AD45112" i="1"/>
  <c r="AD45113" i="1"/>
  <c r="AD45114" i="1"/>
  <c r="AD45116" i="1"/>
  <c r="AD45117" i="1"/>
  <c r="AD45118" i="1"/>
  <c r="AD45119" i="1"/>
  <c r="AD45120" i="1"/>
  <c r="AD45121" i="1"/>
  <c r="AD45122" i="1"/>
  <c r="AD45123" i="1"/>
  <c r="AD45124" i="1"/>
  <c r="AD45125" i="1"/>
  <c r="AD45126" i="1"/>
  <c r="AD45128" i="1"/>
  <c r="AD45129" i="1"/>
  <c r="AD45130" i="1"/>
  <c r="AD45131" i="1"/>
  <c r="AD45132" i="1"/>
  <c r="AD45133" i="1"/>
  <c r="AD45134" i="1"/>
  <c r="AD45135" i="1"/>
  <c r="AD45136" i="1"/>
  <c r="AD45137" i="1"/>
  <c r="AD45138" i="1"/>
  <c r="AD45140" i="1"/>
  <c r="AD45141" i="1"/>
  <c r="AD45142" i="1"/>
  <c r="AD45143" i="1"/>
  <c r="AD45144" i="1"/>
  <c r="AD45145" i="1"/>
  <c r="AD45146" i="1"/>
  <c r="AD45147" i="1"/>
  <c r="AD45148" i="1"/>
  <c r="AD45149" i="1"/>
  <c r="AD45150" i="1"/>
  <c r="AD45152" i="1"/>
  <c r="AD45153" i="1"/>
  <c r="AD45154" i="1"/>
  <c r="AD45155" i="1"/>
  <c r="AD45156" i="1"/>
  <c r="AD45157" i="1"/>
  <c r="AD45158" i="1"/>
  <c r="AD45159" i="1"/>
  <c r="AD45160" i="1"/>
  <c r="AD45161" i="1"/>
  <c r="AD45162" i="1"/>
  <c r="AD45164" i="1"/>
  <c r="AD45165" i="1"/>
  <c r="AD45166" i="1"/>
  <c r="AD45167" i="1"/>
  <c r="AD45168" i="1"/>
  <c r="AD45169" i="1"/>
  <c r="AD45170" i="1"/>
  <c r="AD45171" i="1"/>
  <c r="AD45172" i="1"/>
  <c r="AD45173" i="1"/>
  <c r="AD45174" i="1"/>
  <c r="AD45176" i="1"/>
  <c r="AD45177" i="1"/>
  <c r="AD45178" i="1"/>
  <c r="AD45179" i="1"/>
  <c r="AD45180" i="1"/>
  <c r="AD45181" i="1"/>
  <c r="AD45182" i="1"/>
  <c r="AD45183" i="1"/>
  <c r="AD45184" i="1"/>
  <c r="AD45185" i="1"/>
  <c r="AD45186" i="1"/>
  <c r="AD45188" i="1"/>
  <c r="AD45189" i="1"/>
  <c r="AD45190" i="1"/>
  <c r="AD45191" i="1"/>
  <c r="AD45192" i="1"/>
  <c r="AD45193" i="1"/>
  <c r="AD45194" i="1"/>
  <c r="AD45195" i="1"/>
  <c r="AD45196" i="1"/>
  <c r="AD45197" i="1"/>
  <c r="AD45198" i="1"/>
  <c r="AD45200" i="1"/>
  <c r="AD45201" i="1"/>
  <c r="AD45202" i="1"/>
  <c r="AD45203" i="1"/>
  <c r="AD45204" i="1"/>
  <c r="AD45205" i="1"/>
  <c r="AD45206" i="1"/>
  <c r="AD45207" i="1"/>
  <c r="AD45208" i="1"/>
  <c r="AD45209" i="1"/>
  <c r="AD45210" i="1"/>
  <c r="AD45212" i="1"/>
  <c r="AD45213" i="1"/>
  <c r="AD45214" i="1"/>
  <c r="AD45215" i="1"/>
  <c r="AD45216" i="1"/>
  <c r="AD45217" i="1"/>
  <c r="AD45218" i="1"/>
  <c r="AD45219" i="1"/>
  <c r="AD45220" i="1"/>
  <c r="AD45221" i="1"/>
  <c r="AD45222" i="1"/>
  <c r="AD45224" i="1"/>
  <c r="AD45225" i="1"/>
  <c r="AD45226" i="1"/>
  <c r="AD45227" i="1"/>
  <c r="AD45228" i="1"/>
  <c r="AD45229" i="1"/>
  <c r="AD45230" i="1"/>
  <c r="AD45231" i="1"/>
  <c r="AD45232" i="1"/>
  <c r="AD45233" i="1"/>
  <c r="AD45234" i="1"/>
  <c r="AD45236" i="1"/>
  <c r="AD45237" i="1"/>
  <c r="AD45238" i="1"/>
  <c r="AD45239" i="1"/>
  <c r="AD45240" i="1"/>
  <c r="AD45241" i="1"/>
  <c r="AD45242" i="1"/>
  <c r="AD45243" i="1"/>
  <c r="AD45244" i="1"/>
  <c r="AD45245" i="1"/>
  <c r="AD45246" i="1"/>
  <c r="AD45248" i="1"/>
  <c r="AD45249" i="1"/>
  <c r="AD45250" i="1"/>
  <c r="AD45251" i="1"/>
  <c r="AD45252" i="1"/>
  <c r="AD45253" i="1"/>
  <c r="AD45254" i="1"/>
  <c r="AD45255" i="1"/>
  <c r="AD45256" i="1"/>
  <c r="AD45257" i="1"/>
  <c r="AD45258" i="1"/>
  <c r="AD45260" i="1"/>
  <c r="AD45261" i="1"/>
  <c r="AD45262" i="1"/>
  <c r="AD45263" i="1"/>
  <c r="AD45264" i="1"/>
  <c r="AD45265" i="1"/>
  <c r="AD45266" i="1"/>
  <c r="AD45267" i="1"/>
  <c r="AD45268" i="1"/>
  <c r="AD45269" i="1"/>
  <c r="AD45270" i="1"/>
  <c r="AD45272" i="1"/>
  <c r="AD45273" i="1"/>
  <c r="AD45274" i="1"/>
  <c r="AD45275" i="1"/>
  <c r="AD45276" i="1"/>
  <c r="AD45277" i="1"/>
  <c r="AD45278" i="1"/>
  <c r="AD45279" i="1"/>
  <c r="AD45280" i="1"/>
  <c r="AD45281" i="1"/>
  <c r="AD45282" i="1"/>
  <c r="AD45284" i="1"/>
  <c r="AD45285" i="1"/>
  <c r="AD45286" i="1"/>
  <c r="AD45287" i="1"/>
  <c r="AD45288" i="1"/>
  <c r="AD45289" i="1"/>
  <c r="AD45290" i="1"/>
  <c r="AD45291" i="1"/>
  <c r="AD45292" i="1"/>
  <c r="AD45293" i="1"/>
  <c r="AD45294" i="1"/>
  <c r="AD45296" i="1"/>
  <c r="AD45297" i="1"/>
  <c r="AD45298" i="1"/>
  <c r="AD45299" i="1"/>
  <c r="AD45300" i="1"/>
  <c r="AD45301" i="1"/>
  <c r="AD45302" i="1"/>
  <c r="AD45303" i="1"/>
  <c r="AD45304" i="1"/>
  <c r="AD45305" i="1"/>
  <c r="AD45306" i="1"/>
  <c r="AD45308" i="1"/>
  <c r="AD45309" i="1"/>
  <c r="AD45310" i="1"/>
  <c r="AD45311" i="1"/>
  <c r="AD45312" i="1"/>
  <c r="AD45313" i="1"/>
  <c r="AD45314" i="1"/>
  <c r="AD45315" i="1"/>
  <c r="AD45316" i="1"/>
  <c r="AD45317" i="1"/>
  <c r="AD45318" i="1"/>
  <c r="AD45320" i="1"/>
  <c r="AD45321" i="1"/>
  <c r="AD45322" i="1"/>
  <c r="AD45323" i="1"/>
  <c r="AD45324" i="1"/>
  <c r="AD45325" i="1"/>
  <c r="AD45326" i="1"/>
  <c r="AD45327" i="1"/>
  <c r="AD45328" i="1"/>
  <c r="AD45329" i="1"/>
  <c r="AD45330" i="1"/>
  <c r="AD45332" i="1"/>
  <c r="AD45333" i="1"/>
  <c r="AD45334" i="1"/>
  <c r="AD45335" i="1"/>
  <c r="AD45336" i="1"/>
  <c r="AD45337" i="1"/>
  <c r="AD45338" i="1"/>
  <c r="AD45339" i="1"/>
  <c r="AD45340" i="1"/>
  <c r="AD45341" i="1"/>
  <c r="AD45342" i="1"/>
  <c r="AD45344" i="1"/>
  <c r="AD45345" i="1"/>
  <c r="AD45346" i="1"/>
  <c r="AD45347" i="1"/>
  <c r="AD45348" i="1"/>
  <c r="AD45349" i="1"/>
  <c r="AD45350" i="1"/>
  <c r="AD45351" i="1"/>
  <c r="AD45352" i="1"/>
  <c r="AD45353" i="1"/>
  <c r="AD45354" i="1"/>
  <c r="AD45356" i="1"/>
  <c r="AD45357" i="1"/>
  <c r="AD45358" i="1"/>
  <c r="AD45359" i="1"/>
  <c r="AD45360" i="1"/>
  <c r="AD45361" i="1"/>
  <c r="AD45362" i="1"/>
  <c r="AD45363" i="1"/>
  <c r="AD45364" i="1"/>
  <c r="AD45365" i="1"/>
  <c r="AD45366" i="1"/>
  <c r="AD45368" i="1"/>
  <c r="AD45369" i="1"/>
  <c r="AD45370" i="1"/>
  <c r="AD45371" i="1"/>
  <c r="AD45372" i="1"/>
  <c r="AD45373" i="1"/>
  <c r="AD45374" i="1"/>
  <c r="AD45375" i="1"/>
  <c r="AD45376" i="1"/>
  <c r="AD45377" i="1"/>
  <c r="AD45378" i="1"/>
  <c r="AD45380" i="1"/>
  <c r="AD45381" i="1"/>
  <c r="AD45382" i="1"/>
  <c r="AD45383" i="1"/>
  <c r="AD45384" i="1"/>
  <c r="AD45385" i="1"/>
  <c r="AD45386" i="1"/>
  <c r="AD45387" i="1"/>
  <c r="AD45388" i="1"/>
  <c r="AD45389" i="1"/>
  <c r="AD45390" i="1"/>
  <c r="AD45392" i="1"/>
  <c r="AD45393" i="1"/>
  <c r="AD45394" i="1"/>
  <c r="AD45395" i="1"/>
  <c r="AD45396" i="1"/>
  <c r="AD45397" i="1"/>
  <c r="AD45398" i="1"/>
  <c r="AD45399" i="1"/>
  <c r="AD45400" i="1"/>
  <c r="AD45401" i="1"/>
  <c r="AD45402" i="1"/>
  <c r="AD45404" i="1"/>
  <c r="AD45405" i="1"/>
  <c r="AD45406" i="1"/>
  <c r="AD45407" i="1"/>
  <c r="AD45408" i="1"/>
  <c r="AD45409" i="1"/>
  <c r="AD45410" i="1"/>
  <c r="AD45411" i="1"/>
  <c r="AD45412" i="1"/>
  <c r="AD45413" i="1"/>
  <c r="AD45414" i="1"/>
  <c r="AD45416" i="1"/>
  <c r="AD45417" i="1"/>
  <c r="AD45418" i="1"/>
  <c r="AD45419" i="1"/>
  <c r="AD45420" i="1"/>
  <c r="AD45421" i="1"/>
  <c r="AD45422" i="1"/>
  <c r="AD45423" i="1"/>
  <c r="AD45424" i="1"/>
  <c r="AD45425" i="1"/>
  <c r="AD45426" i="1"/>
  <c r="AD45428" i="1"/>
  <c r="AD45429" i="1"/>
  <c r="AD45430" i="1"/>
  <c r="AD45431" i="1"/>
  <c r="AD45432" i="1"/>
  <c r="AD45433" i="1"/>
  <c r="AD45434" i="1"/>
  <c r="AD45435" i="1"/>
  <c r="AD45436" i="1"/>
  <c r="AD45437" i="1"/>
  <c r="AD45438" i="1"/>
  <c r="AD45440" i="1"/>
  <c r="AD45441" i="1"/>
  <c r="AD45442" i="1"/>
  <c r="AD45443" i="1"/>
  <c r="AD45444" i="1"/>
  <c r="AD45445" i="1"/>
  <c r="AD45446" i="1"/>
  <c r="AD45447" i="1"/>
  <c r="AD45448" i="1"/>
  <c r="AD45449" i="1"/>
  <c r="AD45450" i="1"/>
  <c r="AD45452" i="1"/>
  <c r="AD45453" i="1"/>
  <c r="AD45454" i="1"/>
  <c r="AD45455" i="1"/>
  <c r="AD45456" i="1"/>
  <c r="AD45457" i="1"/>
  <c r="AD45458" i="1"/>
  <c r="AD45459" i="1"/>
  <c r="AD45460" i="1"/>
  <c r="AD45461" i="1"/>
  <c r="AD45462" i="1"/>
  <c r="AD45464" i="1"/>
  <c r="AD45465" i="1"/>
  <c r="AD45466" i="1"/>
  <c r="AD45467" i="1"/>
  <c r="AD45468" i="1"/>
  <c r="AD45469" i="1"/>
  <c r="AD45470" i="1"/>
  <c r="AD45471" i="1"/>
  <c r="AD45472" i="1"/>
  <c r="AD45473" i="1"/>
  <c r="AD45474" i="1"/>
  <c r="AD45476" i="1"/>
  <c r="AD45477" i="1"/>
  <c r="AD45478" i="1"/>
  <c r="AD45479" i="1"/>
  <c r="AD45480" i="1"/>
  <c r="AD45481" i="1"/>
  <c r="AD45482" i="1"/>
  <c r="AD45483" i="1"/>
  <c r="AD45484" i="1"/>
  <c r="AD45485" i="1"/>
  <c r="AD45486" i="1"/>
  <c r="AD45488" i="1"/>
  <c r="AD45489" i="1"/>
  <c r="AD45490" i="1"/>
  <c r="AD45491" i="1"/>
  <c r="AD45492" i="1"/>
  <c r="AD45493" i="1"/>
  <c r="AD45494" i="1"/>
  <c r="AD45495" i="1"/>
  <c r="AD45496" i="1"/>
  <c r="AD45497" i="1"/>
  <c r="AD45498" i="1"/>
  <c r="AD45500" i="1"/>
  <c r="AD45501" i="1"/>
  <c r="AD45502" i="1"/>
  <c r="AD45503" i="1"/>
  <c r="AD45504" i="1"/>
  <c r="AD45505" i="1"/>
  <c r="AD45506" i="1"/>
  <c r="AD45507" i="1"/>
  <c r="AD45508" i="1"/>
  <c r="AD45509" i="1"/>
  <c r="AD45510" i="1"/>
  <c r="AD45512" i="1"/>
  <c r="AD45513" i="1"/>
  <c r="AD45514" i="1"/>
  <c r="AD45515" i="1"/>
  <c r="AD45516" i="1"/>
  <c r="AD45517" i="1"/>
  <c r="AD45518" i="1"/>
  <c r="AD45519" i="1"/>
  <c r="AD45520" i="1"/>
  <c r="AD45521" i="1"/>
  <c r="AD45522" i="1"/>
  <c r="AD45524" i="1"/>
  <c r="AD45525" i="1"/>
  <c r="AD45526" i="1"/>
  <c r="AD45527" i="1"/>
  <c r="AD45528" i="1"/>
  <c r="AD45529" i="1"/>
  <c r="AD45530" i="1"/>
  <c r="AD45531" i="1"/>
  <c r="AD45532" i="1"/>
  <c r="AD45533" i="1"/>
  <c r="AD45534" i="1"/>
  <c r="AD45536" i="1"/>
  <c r="AD45537" i="1"/>
  <c r="AD45538" i="1"/>
  <c r="AD45539" i="1"/>
  <c r="AD45540" i="1"/>
  <c r="AD45541" i="1"/>
  <c r="AD45542" i="1"/>
  <c r="AD45543" i="1"/>
  <c r="AD45544" i="1"/>
  <c r="AD45545" i="1"/>
  <c r="AD45546" i="1"/>
  <c r="AD45548" i="1"/>
  <c r="AD45549" i="1"/>
  <c r="AD45550" i="1"/>
  <c r="AD45551" i="1"/>
  <c r="AD45552" i="1"/>
  <c r="AD45553" i="1"/>
  <c r="AD45554" i="1"/>
  <c r="AD45555" i="1"/>
  <c r="AD45556" i="1"/>
  <c r="AD45557" i="1"/>
  <c r="AD45558" i="1"/>
  <c r="AD45560" i="1"/>
  <c r="AD45561" i="1"/>
  <c r="AD45562" i="1"/>
  <c r="AD45563" i="1"/>
  <c r="AD45564" i="1"/>
  <c r="AD45565" i="1"/>
  <c r="AD45566" i="1"/>
  <c r="AD45567" i="1"/>
  <c r="AD45568" i="1"/>
  <c r="AD45569" i="1"/>
  <c r="AD45570" i="1"/>
  <c r="AD45572" i="1"/>
  <c r="AD45573" i="1"/>
  <c r="AD45574" i="1"/>
  <c r="AD45575" i="1"/>
  <c r="AD45576" i="1"/>
  <c r="AD45577" i="1"/>
  <c r="AD45578" i="1"/>
  <c r="AD45579" i="1"/>
  <c r="AD45580" i="1"/>
  <c r="AD45581" i="1"/>
  <c r="AD45582" i="1"/>
  <c r="AD45584" i="1"/>
  <c r="AD45585" i="1"/>
  <c r="AD45586" i="1"/>
  <c r="AD45587" i="1"/>
  <c r="AD45588" i="1"/>
  <c r="AD45589" i="1"/>
  <c r="AD45590" i="1"/>
  <c r="AD45591" i="1"/>
  <c r="AD45592" i="1"/>
  <c r="AD45593" i="1"/>
  <c r="AD45594" i="1"/>
  <c r="AD45596" i="1"/>
  <c r="AD45597" i="1"/>
  <c r="AD45598" i="1"/>
  <c r="AD45599" i="1"/>
  <c r="AD45600" i="1"/>
  <c r="AD45601" i="1"/>
  <c r="AD45602" i="1"/>
  <c r="AD45603" i="1"/>
  <c r="AD45604" i="1"/>
  <c r="AD45605" i="1"/>
  <c r="AD45606" i="1"/>
  <c r="AD45608" i="1"/>
  <c r="AD45609" i="1"/>
  <c r="AD45610" i="1"/>
  <c r="AD45611" i="1"/>
  <c r="AD45612" i="1"/>
  <c r="AD45613" i="1"/>
  <c r="AD45614" i="1"/>
  <c r="AD45615" i="1"/>
  <c r="AD45616" i="1"/>
  <c r="AD45617" i="1"/>
  <c r="AD45618" i="1"/>
  <c r="AD45620" i="1"/>
  <c r="AD45621" i="1"/>
  <c r="AD45622" i="1"/>
  <c r="AD45623" i="1"/>
  <c r="AD45624" i="1"/>
  <c r="AD45625" i="1"/>
  <c r="AD45626" i="1"/>
  <c r="AD45627" i="1"/>
  <c r="AD45628" i="1"/>
  <c r="AD45629" i="1"/>
  <c r="AD45630" i="1"/>
  <c r="AD45632" i="1"/>
  <c r="AD45633" i="1"/>
  <c r="AD45634" i="1"/>
  <c r="AD45635" i="1"/>
  <c r="AD45636" i="1"/>
  <c r="AD45637" i="1"/>
  <c r="AD45638" i="1"/>
  <c r="AD45639" i="1"/>
  <c r="AD45640" i="1"/>
  <c r="AD45641" i="1"/>
  <c r="AD45642" i="1"/>
  <c r="AD45644" i="1"/>
  <c r="AD45645" i="1"/>
  <c r="AD45646" i="1"/>
  <c r="AD45647" i="1"/>
  <c r="AD45648" i="1"/>
  <c r="AD45649" i="1"/>
  <c r="AD45650" i="1"/>
  <c r="AD45651" i="1"/>
  <c r="AD45652" i="1"/>
  <c r="AD45653" i="1"/>
  <c r="AD45654" i="1"/>
  <c r="AD45656" i="1"/>
  <c r="AD45657" i="1"/>
  <c r="AD45658" i="1"/>
  <c r="AD45659" i="1"/>
  <c r="AD45660" i="1"/>
  <c r="AD45661" i="1"/>
  <c r="AD45662" i="1"/>
  <c r="AD45663" i="1"/>
  <c r="AD45664" i="1"/>
  <c r="AD45665" i="1"/>
  <c r="AD45666" i="1"/>
  <c r="AD45668" i="1"/>
  <c r="AD45669" i="1"/>
  <c r="AD45670" i="1"/>
  <c r="AD45671" i="1"/>
  <c r="AD45672" i="1"/>
  <c r="AD45673" i="1"/>
  <c r="AD45674" i="1"/>
  <c r="AD45675" i="1"/>
  <c r="AD45676" i="1"/>
  <c r="AD45677" i="1"/>
  <c r="AD45678" i="1"/>
  <c r="AD45680" i="1"/>
  <c r="AD45681" i="1"/>
  <c r="AD45682" i="1"/>
  <c r="AD45683" i="1"/>
  <c r="AD45684" i="1"/>
  <c r="AD45685" i="1"/>
  <c r="AD45686" i="1"/>
  <c r="AD45687" i="1"/>
  <c r="AD45688" i="1"/>
  <c r="AD45689" i="1"/>
  <c r="AD45690" i="1"/>
  <c r="AD45692" i="1"/>
  <c r="AD45693" i="1"/>
  <c r="AD45694" i="1"/>
  <c r="AD45695" i="1"/>
  <c r="AD45696" i="1"/>
  <c r="AD45697" i="1"/>
  <c r="AD45698" i="1"/>
  <c r="AD45699" i="1"/>
  <c r="AD45700" i="1"/>
  <c r="AD45701" i="1"/>
  <c r="AD45702" i="1"/>
  <c r="AD45704" i="1"/>
  <c r="AD45705" i="1"/>
  <c r="AD45706" i="1"/>
  <c r="AD45707" i="1"/>
  <c r="AD45708" i="1"/>
  <c r="AD45709" i="1"/>
  <c r="AD45710" i="1"/>
  <c r="AD45711" i="1"/>
  <c r="AD45712" i="1"/>
  <c r="AD45713" i="1"/>
  <c r="AD45714" i="1"/>
  <c r="AD45716" i="1"/>
  <c r="AD45717" i="1"/>
  <c r="AD45718" i="1"/>
  <c r="AD45719" i="1"/>
  <c r="AD45720" i="1"/>
  <c r="AD45721" i="1"/>
  <c r="AD45722" i="1"/>
  <c r="AD45723" i="1"/>
  <c r="AD45724" i="1"/>
  <c r="AD45725" i="1"/>
  <c r="AD45726" i="1"/>
  <c r="AD45728" i="1"/>
  <c r="AD45729" i="1"/>
  <c r="AD45730" i="1"/>
  <c r="AD45731" i="1"/>
  <c r="AD45732" i="1"/>
  <c r="AD45733" i="1"/>
  <c r="AD45734" i="1"/>
  <c r="AD45735" i="1"/>
  <c r="AD45736" i="1"/>
  <c r="AD45737" i="1"/>
  <c r="AD45738" i="1"/>
  <c r="AD45740" i="1"/>
  <c r="AD45741" i="1"/>
  <c r="AD45742" i="1"/>
  <c r="AD45743" i="1"/>
  <c r="AD45744" i="1"/>
  <c r="AD45745" i="1"/>
  <c r="AD45746" i="1"/>
  <c r="AD45747" i="1"/>
  <c r="AD45748" i="1"/>
  <c r="AD45749" i="1"/>
  <c r="AD45750" i="1"/>
  <c r="AD45752" i="1"/>
  <c r="AD45753" i="1"/>
  <c r="AD45754" i="1"/>
  <c r="AD45755" i="1"/>
  <c r="AD45756" i="1"/>
  <c r="AD45757" i="1"/>
  <c r="AD45758" i="1"/>
  <c r="AD45759" i="1"/>
  <c r="AD45760" i="1"/>
  <c r="AD45761" i="1"/>
  <c r="AD45762" i="1"/>
  <c r="AD45764" i="1"/>
  <c r="AD45765" i="1"/>
  <c r="AD45766" i="1"/>
  <c r="AD45767" i="1"/>
  <c r="AD45768" i="1"/>
  <c r="AD45769" i="1"/>
  <c r="AD45770" i="1"/>
  <c r="AD45771" i="1"/>
  <c r="AD45772" i="1"/>
  <c r="AD45773" i="1"/>
  <c r="AD45774" i="1"/>
  <c r="AD45776" i="1"/>
  <c r="AD45777" i="1"/>
  <c r="AD45778" i="1"/>
  <c r="AD45779" i="1"/>
  <c r="AD45780" i="1"/>
  <c r="AD45781" i="1"/>
  <c r="AD45782" i="1"/>
  <c r="AD45783" i="1"/>
  <c r="AD45784" i="1"/>
  <c r="AD45785" i="1"/>
  <c r="AD45786" i="1"/>
  <c r="AD45788" i="1"/>
  <c r="AD45789" i="1"/>
  <c r="AD45790" i="1"/>
  <c r="AD45791" i="1"/>
  <c r="AD45792" i="1"/>
  <c r="AD45793" i="1"/>
  <c r="AD45794" i="1"/>
  <c r="AD45795" i="1"/>
  <c r="AD45796" i="1"/>
  <c r="AD45797" i="1"/>
  <c r="AD45798" i="1"/>
  <c r="AD45800" i="1"/>
  <c r="AD45801" i="1"/>
  <c r="AD45802" i="1"/>
  <c r="AD45803" i="1"/>
  <c r="AD45804" i="1"/>
  <c r="AD45805" i="1"/>
  <c r="AD45806" i="1"/>
  <c r="AD45807" i="1"/>
  <c r="AD45808" i="1"/>
  <c r="AD45809" i="1"/>
  <c r="AD45810" i="1"/>
  <c r="AD45812" i="1"/>
  <c r="AD45813" i="1"/>
  <c r="AD45814" i="1"/>
  <c r="AD45815" i="1"/>
  <c r="AD45816" i="1"/>
  <c r="AD45817" i="1"/>
  <c r="AD45818" i="1"/>
  <c r="AD45819" i="1"/>
  <c r="AD45820" i="1"/>
  <c r="AD45821" i="1"/>
  <c r="AD45822" i="1"/>
  <c r="AD45824" i="1"/>
  <c r="AD45825" i="1"/>
  <c r="AD45826" i="1"/>
  <c r="AD45827" i="1"/>
  <c r="AD45828" i="1"/>
  <c r="AD45829" i="1"/>
  <c r="AD45830" i="1"/>
  <c r="AD45831" i="1"/>
  <c r="AD45832" i="1"/>
  <c r="AD45833" i="1"/>
  <c r="AD45834" i="1"/>
  <c r="AD45836" i="1"/>
  <c r="AD45837" i="1"/>
  <c r="AD45838" i="1"/>
  <c r="AD45839" i="1"/>
  <c r="AD45840" i="1"/>
  <c r="AD45841" i="1"/>
  <c r="AD45842" i="1"/>
  <c r="AD45843" i="1"/>
  <c r="AD45844" i="1"/>
  <c r="AD45845" i="1"/>
  <c r="AD45846" i="1"/>
  <c r="AD45848" i="1"/>
  <c r="AD45849" i="1"/>
  <c r="AD45850" i="1"/>
  <c r="AD45851" i="1"/>
  <c r="AD45852" i="1"/>
  <c r="AD45853" i="1"/>
  <c r="AD45854" i="1"/>
  <c r="AD45855" i="1"/>
  <c r="AD45856" i="1"/>
  <c r="AD45857" i="1"/>
  <c r="AD45858" i="1"/>
  <c r="AD45860" i="1"/>
  <c r="AD45861" i="1"/>
  <c r="AD45862" i="1"/>
  <c r="AD45863" i="1"/>
  <c r="AD45864" i="1"/>
  <c r="AD45865" i="1"/>
  <c r="AD45866" i="1"/>
  <c r="AD45867" i="1"/>
  <c r="AD45868" i="1"/>
  <c r="AD45869" i="1"/>
  <c r="AD45870" i="1"/>
  <c r="AD45872" i="1"/>
  <c r="AD45873" i="1"/>
  <c r="AD45874" i="1"/>
  <c r="AD45875" i="1"/>
  <c r="AD45876" i="1"/>
  <c r="AD45877" i="1"/>
  <c r="AD45878" i="1"/>
  <c r="AD45879" i="1"/>
  <c r="AD45880" i="1"/>
  <c r="AD45881" i="1"/>
  <c r="AD45882" i="1"/>
  <c r="AD45884" i="1"/>
  <c r="AD45885" i="1"/>
  <c r="AD45886" i="1"/>
  <c r="AD45887" i="1"/>
  <c r="AD45888" i="1"/>
  <c r="AD45889" i="1"/>
  <c r="AD45890" i="1"/>
  <c r="AD45891" i="1"/>
  <c r="AD45892" i="1"/>
  <c r="AD45893" i="1"/>
  <c r="AD45894" i="1"/>
  <c r="AD45896" i="1"/>
  <c r="AD45897" i="1"/>
  <c r="AD45898" i="1"/>
  <c r="AD45899" i="1"/>
  <c r="AD45900" i="1"/>
  <c r="AD45901" i="1"/>
  <c r="AD45902" i="1"/>
  <c r="AD45903" i="1"/>
  <c r="AD45904" i="1"/>
  <c r="AD45905" i="1"/>
  <c r="AD45906" i="1"/>
  <c r="AD45908" i="1"/>
  <c r="AD45909" i="1"/>
  <c r="AD45910" i="1"/>
  <c r="AD45911" i="1"/>
  <c r="AD45912" i="1"/>
  <c r="AD45913" i="1"/>
  <c r="AD45914" i="1"/>
  <c r="AD45915" i="1"/>
  <c r="AD45916" i="1"/>
  <c r="AD45917" i="1"/>
  <c r="AD45918" i="1"/>
  <c r="AD45920" i="1"/>
  <c r="AD45921" i="1"/>
  <c r="AD45922" i="1"/>
  <c r="AD45923" i="1"/>
  <c r="AD45924" i="1"/>
  <c r="AD45925" i="1"/>
  <c r="AD45926" i="1"/>
  <c r="AD45927" i="1"/>
  <c r="AD45928" i="1"/>
  <c r="AD45929" i="1"/>
  <c r="AD45930" i="1"/>
  <c r="AD45932" i="1"/>
  <c r="AD45933" i="1"/>
  <c r="AD45934" i="1"/>
  <c r="AD45935" i="1"/>
  <c r="AD45936" i="1"/>
  <c r="AD45937" i="1"/>
  <c r="AD45938" i="1"/>
  <c r="AD45939" i="1"/>
  <c r="AD45940" i="1"/>
  <c r="AD45941" i="1"/>
  <c r="AD45942" i="1"/>
  <c r="AD45944" i="1"/>
  <c r="AD45945" i="1"/>
  <c r="AD45946" i="1"/>
  <c r="AD45947" i="1"/>
  <c r="AD45948" i="1"/>
  <c r="AD45949" i="1"/>
  <c r="AD45950" i="1"/>
  <c r="AD45951" i="1"/>
  <c r="AD45952" i="1"/>
  <c r="AD45953" i="1"/>
  <c r="AD45954" i="1"/>
  <c r="AD45956" i="1"/>
  <c r="AD45957" i="1"/>
  <c r="AD45958" i="1"/>
  <c r="AD45959" i="1"/>
  <c r="AD45960" i="1"/>
  <c r="AD45961" i="1"/>
  <c r="AD45962" i="1"/>
  <c r="AD45963" i="1"/>
  <c r="AD45964" i="1"/>
  <c r="AD45965" i="1"/>
  <c r="AD45966" i="1"/>
  <c r="AD45968" i="1"/>
  <c r="AD45969" i="1"/>
  <c r="AD45970" i="1"/>
  <c r="AD45971" i="1"/>
  <c r="AD45972" i="1"/>
  <c r="AD45973" i="1"/>
  <c r="AD45974" i="1"/>
  <c r="AD45975" i="1"/>
  <c r="AD45976" i="1"/>
  <c r="AD45977" i="1"/>
  <c r="AD45978" i="1"/>
  <c r="AD45980" i="1"/>
  <c r="AD45981" i="1"/>
  <c r="AD45982" i="1"/>
  <c r="AD45983" i="1"/>
  <c r="AD45984" i="1"/>
  <c r="AD45985" i="1"/>
  <c r="AD45986" i="1"/>
  <c r="AD45987" i="1"/>
  <c r="AD45988" i="1"/>
  <c r="AD45989" i="1"/>
  <c r="AD45990" i="1"/>
  <c r="AD45992" i="1"/>
  <c r="AD45993" i="1"/>
  <c r="AD45994" i="1"/>
  <c r="AD45995" i="1"/>
  <c r="AD45996" i="1"/>
  <c r="AD45997" i="1"/>
  <c r="AD45998" i="1"/>
  <c r="AD45999" i="1"/>
  <c r="AD46000" i="1"/>
  <c r="AD46001" i="1"/>
  <c r="AD46002" i="1"/>
  <c r="AD46004" i="1"/>
  <c r="AD46005" i="1"/>
  <c r="AD46006" i="1"/>
  <c r="AD46007" i="1"/>
  <c r="AD46008" i="1"/>
  <c r="AD46009" i="1"/>
  <c r="AD46010" i="1"/>
  <c r="AD46011" i="1"/>
  <c r="AD46012" i="1"/>
  <c r="AD46013" i="1"/>
  <c r="AD46014" i="1"/>
  <c r="AD46016" i="1"/>
  <c r="AD46017" i="1"/>
  <c r="AD46018" i="1"/>
  <c r="AD46019" i="1"/>
  <c r="AD46020" i="1"/>
  <c r="AD46021" i="1"/>
  <c r="AD46022" i="1"/>
  <c r="AD46023" i="1"/>
  <c r="AD46024" i="1"/>
  <c r="AD46025" i="1"/>
  <c r="AD46026" i="1"/>
  <c r="AD46028" i="1"/>
  <c r="AD46029" i="1"/>
  <c r="AD46030" i="1"/>
  <c r="AD46031" i="1"/>
  <c r="AD46032" i="1"/>
  <c r="AD46033" i="1"/>
  <c r="AD46034" i="1"/>
  <c r="AD46035" i="1"/>
  <c r="AD46036" i="1"/>
  <c r="AD46037" i="1"/>
  <c r="AD46038" i="1"/>
  <c r="AD46040" i="1"/>
  <c r="AD46041" i="1"/>
  <c r="AD46042" i="1"/>
  <c r="AD46043" i="1"/>
  <c r="AD46044" i="1"/>
  <c r="AD46045" i="1"/>
  <c r="AD46046" i="1"/>
  <c r="AD46047" i="1"/>
  <c r="AD46048" i="1"/>
  <c r="AD46049" i="1"/>
  <c r="AD46050" i="1"/>
  <c r="AD46052" i="1"/>
  <c r="AD46053" i="1"/>
  <c r="AD46054" i="1"/>
  <c r="AD46055" i="1"/>
  <c r="AD46056" i="1"/>
  <c r="AD46057" i="1"/>
  <c r="AD46058" i="1"/>
  <c r="AD46059" i="1"/>
  <c r="AD46060" i="1"/>
  <c r="AD46061" i="1"/>
  <c r="AD46062" i="1"/>
  <c r="AD46064" i="1"/>
  <c r="AD46065" i="1"/>
  <c r="AD46066" i="1"/>
  <c r="AD46067" i="1"/>
  <c r="AD46068" i="1"/>
  <c r="AD46069" i="1"/>
  <c r="AD46070" i="1"/>
  <c r="AD46071" i="1"/>
  <c r="AD46072" i="1"/>
  <c r="AD46073" i="1"/>
  <c r="AD46074" i="1"/>
  <c r="AD46076" i="1"/>
  <c r="AD46077" i="1"/>
  <c r="AD46078" i="1"/>
  <c r="AD46079" i="1"/>
  <c r="AD46080" i="1"/>
  <c r="AD46081" i="1"/>
  <c r="AD46082" i="1"/>
  <c r="AD46083" i="1"/>
  <c r="AD46084" i="1"/>
  <c r="AD46085" i="1"/>
  <c r="AD46086" i="1"/>
  <c r="AD46088" i="1"/>
  <c r="AD46089" i="1"/>
  <c r="AD46090" i="1"/>
  <c r="AD46091" i="1"/>
  <c r="AD46092" i="1"/>
  <c r="AD46093" i="1"/>
  <c r="AD46094" i="1"/>
  <c r="AD46095" i="1"/>
  <c r="AD46096" i="1"/>
  <c r="AD46097" i="1"/>
  <c r="AD46098" i="1"/>
  <c r="AD46100" i="1"/>
  <c r="AD46101" i="1"/>
  <c r="AD46102" i="1"/>
  <c r="AD46103" i="1"/>
  <c r="AD46104" i="1"/>
  <c r="AD46105" i="1"/>
  <c r="AD46106" i="1"/>
  <c r="AD46107" i="1"/>
  <c r="AD46108" i="1"/>
  <c r="AD46109" i="1"/>
  <c r="AD46110" i="1"/>
  <c r="AD46112" i="1"/>
  <c r="AD46113" i="1"/>
  <c r="AD46114" i="1"/>
  <c r="AD46115" i="1"/>
  <c r="AD46116" i="1"/>
  <c r="AD46117" i="1"/>
  <c r="AD46118" i="1"/>
  <c r="AD46119" i="1"/>
  <c r="AD46120" i="1"/>
  <c r="AD46121" i="1"/>
  <c r="AD46122" i="1"/>
  <c r="AD46124" i="1"/>
  <c r="AD46125" i="1"/>
  <c r="AD46126" i="1"/>
  <c r="AD46127" i="1"/>
  <c r="AD46128" i="1"/>
  <c r="AD46129" i="1"/>
  <c r="AD46130" i="1"/>
  <c r="AD46131" i="1"/>
  <c r="AD46132" i="1"/>
  <c r="AD46133" i="1"/>
  <c r="AD46134" i="1"/>
  <c r="AD46136" i="1"/>
  <c r="AD46137" i="1"/>
  <c r="AD46138" i="1"/>
  <c r="AD46139" i="1"/>
  <c r="AD46140" i="1"/>
  <c r="AD46141" i="1"/>
  <c r="AD46142" i="1"/>
  <c r="AD46143" i="1"/>
  <c r="AD46144" i="1"/>
  <c r="AD46145" i="1"/>
  <c r="AD46146" i="1"/>
  <c r="AD46148" i="1"/>
  <c r="AD46149" i="1"/>
  <c r="AD46150" i="1"/>
  <c r="AD46151" i="1"/>
  <c r="AD46152" i="1"/>
  <c r="AD46153" i="1"/>
  <c r="AD46154" i="1"/>
  <c r="AD46155" i="1"/>
  <c r="AD46156" i="1"/>
  <c r="AD46157" i="1"/>
  <c r="AD46158" i="1"/>
  <c r="AD46160" i="1"/>
  <c r="AD46161" i="1"/>
  <c r="AD46162" i="1"/>
  <c r="AD46163" i="1"/>
  <c r="AD46164" i="1"/>
  <c r="AD46165" i="1"/>
  <c r="AD46166" i="1"/>
  <c r="AD46167" i="1"/>
  <c r="AD46168" i="1"/>
  <c r="AD46169" i="1"/>
  <c r="AD46170" i="1"/>
  <c r="AD46172" i="1"/>
  <c r="AD46173" i="1"/>
  <c r="AD46174" i="1"/>
  <c r="AD46175" i="1"/>
  <c r="AD46176" i="1"/>
  <c r="AD46177" i="1"/>
  <c r="AD46178" i="1"/>
  <c r="AD46179" i="1"/>
  <c r="AD46180" i="1"/>
  <c r="AD46181" i="1"/>
  <c r="AD46182" i="1"/>
  <c r="AD46184" i="1"/>
  <c r="AD46185" i="1"/>
  <c r="AD46186" i="1"/>
  <c r="AD46187" i="1"/>
  <c r="AD46188" i="1"/>
  <c r="AD46189" i="1"/>
  <c r="AD46190" i="1"/>
  <c r="AD46191" i="1"/>
  <c r="AD46192" i="1"/>
  <c r="AD46193" i="1"/>
  <c r="AD46194" i="1"/>
  <c r="AD46196" i="1"/>
  <c r="AD46197" i="1"/>
  <c r="AD46198" i="1"/>
  <c r="AD46199" i="1"/>
  <c r="AD46200" i="1"/>
  <c r="AD46201" i="1"/>
  <c r="AD46202" i="1"/>
  <c r="AD46203" i="1"/>
  <c r="AD46204" i="1"/>
  <c r="AD46205" i="1"/>
  <c r="AD46206" i="1"/>
  <c r="AD46208" i="1"/>
  <c r="AD46209" i="1"/>
  <c r="AD46210" i="1"/>
  <c r="AD46211" i="1"/>
  <c r="AD46212" i="1"/>
  <c r="AD46213" i="1"/>
  <c r="AD46214" i="1"/>
  <c r="AD46215" i="1"/>
  <c r="AD46216" i="1"/>
  <c r="AD46217" i="1"/>
  <c r="AD46218" i="1"/>
  <c r="AD46220" i="1"/>
  <c r="AD46221" i="1"/>
  <c r="AD46222" i="1"/>
  <c r="AD46223" i="1"/>
  <c r="AD46224" i="1"/>
  <c r="AD46225" i="1"/>
  <c r="AD46226" i="1"/>
  <c r="AD46227" i="1"/>
  <c r="AD46228" i="1"/>
  <c r="AD46229" i="1"/>
  <c r="AD46230" i="1"/>
  <c r="AD46232" i="1"/>
  <c r="AD46233" i="1"/>
  <c r="AD46234" i="1"/>
  <c r="AD46235" i="1"/>
  <c r="AD46236" i="1"/>
  <c r="AD46237" i="1"/>
  <c r="AD46238" i="1"/>
  <c r="AD46239" i="1"/>
  <c r="AD46240" i="1"/>
  <c r="AD46241" i="1"/>
  <c r="AD46242" i="1"/>
  <c r="AD46244" i="1"/>
  <c r="AD46245" i="1"/>
  <c r="AD46246" i="1"/>
  <c r="AD46247" i="1"/>
  <c r="AD46248" i="1"/>
  <c r="AD46249" i="1"/>
  <c r="AD46250" i="1"/>
  <c r="AD46251" i="1"/>
  <c r="AD46252" i="1"/>
  <c r="AD46253" i="1"/>
  <c r="AD46254" i="1"/>
  <c r="AD46256" i="1"/>
  <c r="AD46257" i="1"/>
  <c r="AD46258" i="1"/>
  <c r="AD46259" i="1"/>
  <c r="AD46260" i="1"/>
  <c r="AD46261" i="1"/>
  <c r="AD46262" i="1"/>
  <c r="AD46263" i="1"/>
  <c r="AD46264" i="1"/>
  <c r="AD46265" i="1"/>
  <c r="AD46266" i="1"/>
  <c r="AD46268" i="1"/>
  <c r="AD46269" i="1"/>
  <c r="AD46270" i="1"/>
  <c r="AD46271" i="1"/>
  <c r="AD46272" i="1"/>
  <c r="AD46273" i="1"/>
  <c r="AD46274" i="1"/>
  <c r="AD46275" i="1"/>
  <c r="AD46276" i="1"/>
  <c r="AD46277" i="1"/>
  <c r="AD46278" i="1"/>
  <c r="AD46280" i="1"/>
  <c r="AD46281" i="1"/>
  <c r="AD46282" i="1"/>
  <c r="AD46283" i="1"/>
  <c r="AD46284" i="1"/>
  <c r="AD46285" i="1"/>
  <c r="AD46286" i="1"/>
  <c r="AD46287" i="1"/>
  <c r="AD46288" i="1"/>
  <c r="AD46289" i="1"/>
  <c r="AD46290" i="1"/>
  <c r="AD46292" i="1"/>
  <c r="AD46293" i="1"/>
  <c r="AD46294" i="1"/>
  <c r="AD46295" i="1"/>
  <c r="AD46296" i="1"/>
  <c r="AD46297" i="1"/>
  <c r="AD46298" i="1"/>
  <c r="AD46299" i="1"/>
  <c r="AD46300" i="1"/>
  <c r="AD46301" i="1"/>
  <c r="AD46302" i="1"/>
  <c r="AD46304" i="1"/>
  <c r="AD46305" i="1"/>
  <c r="AD46306" i="1"/>
  <c r="AD46307" i="1"/>
  <c r="AD46308" i="1"/>
  <c r="AD46309" i="1"/>
  <c r="AD46310" i="1"/>
  <c r="AD46311" i="1"/>
  <c r="AD46312" i="1"/>
  <c r="AD46313" i="1"/>
  <c r="AD46314" i="1"/>
  <c r="AD46316" i="1"/>
  <c r="AD46317" i="1"/>
  <c r="AD46318" i="1"/>
  <c r="AD46319" i="1"/>
  <c r="AD46320" i="1"/>
  <c r="AD46321" i="1"/>
  <c r="AD46322" i="1"/>
  <c r="AD46323" i="1"/>
  <c r="AD46324" i="1"/>
  <c r="AD46325" i="1"/>
  <c r="AD46326" i="1"/>
  <c r="AD46328" i="1"/>
  <c r="AD46329" i="1"/>
  <c r="AD46330" i="1"/>
  <c r="AD46331" i="1"/>
  <c r="AD46332" i="1"/>
  <c r="AD46333" i="1"/>
  <c r="AD46334" i="1"/>
  <c r="AD46335" i="1"/>
  <c r="AD46336" i="1"/>
  <c r="AD46337" i="1"/>
  <c r="AD46338" i="1"/>
  <c r="AD46340" i="1"/>
  <c r="AD46341" i="1"/>
  <c r="AD46342" i="1"/>
  <c r="AD46343" i="1"/>
  <c r="AD46344" i="1"/>
  <c r="AD46345" i="1"/>
  <c r="AD46346" i="1"/>
  <c r="AD46347" i="1"/>
  <c r="AD46348" i="1"/>
  <c r="AD46349" i="1"/>
  <c r="AD46350" i="1"/>
  <c r="AD46352" i="1"/>
  <c r="AD46353" i="1"/>
  <c r="AD46354" i="1"/>
  <c r="AD46355" i="1"/>
  <c r="AD46356" i="1"/>
  <c r="AD46357" i="1"/>
  <c r="AD46358" i="1"/>
  <c r="AD46359" i="1"/>
  <c r="AD46360" i="1"/>
  <c r="AD46361" i="1"/>
  <c r="AD46362" i="1"/>
  <c r="AD46364" i="1"/>
  <c r="AD46365" i="1"/>
  <c r="AD46366" i="1"/>
  <c r="AD46367" i="1"/>
  <c r="AD46368" i="1"/>
  <c r="AD46369" i="1"/>
  <c r="AD46370" i="1"/>
  <c r="AD46371" i="1"/>
  <c r="AD46372" i="1"/>
  <c r="AD46373" i="1"/>
  <c r="AD46374" i="1"/>
  <c r="AD46376" i="1"/>
  <c r="AD46377" i="1"/>
  <c r="AD46378" i="1"/>
  <c r="AD46379" i="1"/>
  <c r="AD46380" i="1"/>
  <c r="AD46381" i="1"/>
  <c r="AD46382" i="1"/>
  <c r="AD46383" i="1"/>
  <c r="AD46384" i="1"/>
  <c r="AD46385" i="1"/>
  <c r="AD46386" i="1"/>
  <c r="AD46388" i="1"/>
  <c r="AD46389" i="1"/>
  <c r="AD46390" i="1"/>
  <c r="AD46391" i="1"/>
  <c r="AD46392" i="1"/>
  <c r="AD46393" i="1"/>
  <c r="AD46394" i="1"/>
  <c r="AD46395" i="1"/>
  <c r="AD46396" i="1"/>
  <c r="AD46397" i="1"/>
  <c r="AD46398" i="1"/>
  <c r="AD46400" i="1"/>
  <c r="AD46401" i="1"/>
  <c r="AD46402" i="1"/>
  <c r="AD46403" i="1"/>
  <c r="AD46404" i="1"/>
  <c r="AD46405" i="1"/>
  <c r="AD46406" i="1"/>
  <c r="AD46407" i="1"/>
  <c r="AD46408" i="1"/>
  <c r="AD46409" i="1"/>
  <c r="AD46410" i="1"/>
  <c r="AD46412" i="1"/>
  <c r="AD46413" i="1"/>
  <c r="AD46414" i="1"/>
  <c r="AD46415" i="1"/>
  <c r="AD46416" i="1"/>
  <c r="AD46417" i="1"/>
  <c r="AD46418" i="1"/>
  <c r="AD46419" i="1"/>
  <c r="AD46420" i="1"/>
  <c r="AD46421" i="1"/>
  <c r="AD46422" i="1"/>
  <c r="AD46424" i="1"/>
  <c r="AD46425" i="1"/>
  <c r="AD46426" i="1"/>
  <c r="AD46427" i="1"/>
  <c r="AD46428" i="1"/>
  <c r="AD46429" i="1"/>
  <c r="AD46430" i="1"/>
  <c r="AD46431" i="1"/>
  <c r="AD46432" i="1"/>
  <c r="AD46433" i="1"/>
  <c r="AD46434" i="1"/>
  <c r="AD46436" i="1"/>
  <c r="AD46437" i="1"/>
  <c r="AD46438" i="1"/>
  <c r="AD46439" i="1"/>
  <c r="AD46440" i="1"/>
  <c r="AD46441" i="1"/>
  <c r="AD46442" i="1"/>
  <c r="AD46443" i="1"/>
  <c r="AD46444" i="1"/>
  <c r="AD46445" i="1"/>
  <c r="AD46446" i="1"/>
  <c r="AD46448" i="1"/>
  <c r="AD46449" i="1"/>
  <c r="AD46450" i="1"/>
  <c r="AD46451" i="1"/>
  <c r="AD46452" i="1"/>
  <c r="AD46453" i="1"/>
  <c r="AD46454" i="1"/>
  <c r="AD46455" i="1"/>
  <c r="AD46456" i="1"/>
  <c r="AD46457" i="1"/>
  <c r="AD46458" i="1"/>
  <c r="AD46460" i="1"/>
  <c r="AD46461" i="1"/>
  <c r="AD46462" i="1"/>
  <c r="AD46463" i="1"/>
  <c r="AD46464" i="1"/>
  <c r="AD46465" i="1"/>
  <c r="AD46466" i="1"/>
  <c r="AD46467" i="1"/>
  <c r="AD46468" i="1"/>
  <c r="AD46469" i="1"/>
  <c r="AD46470" i="1"/>
  <c r="AD46472" i="1"/>
  <c r="AD46473" i="1"/>
  <c r="AD46474" i="1"/>
  <c r="AD46475" i="1"/>
  <c r="AD46476" i="1"/>
  <c r="AD46477" i="1"/>
  <c r="AD46478" i="1"/>
  <c r="AD46479" i="1"/>
  <c r="AD46480" i="1"/>
  <c r="AD46481" i="1"/>
  <c r="AD46482" i="1"/>
  <c r="AD46484" i="1"/>
  <c r="AD46485" i="1"/>
  <c r="AD46486" i="1"/>
  <c r="AD46487" i="1"/>
  <c r="AD46488" i="1"/>
  <c r="AD46489" i="1"/>
  <c r="AD46490" i="1"/>
  <c r="AD46491" i="1"/>
  <c r="AD46492" i="1"/>
  <c r="AD46493" i="1"/>
  <c r="AD46494" i="1"/>
  <c r="AD46496" i="1"/>
  <c r="AD46497" i="1"/>
  <c r="AD46498" i="1"/>
  <c r="AD46499" i="1"/>
  <c r="AD46500" i="1"/>
  <c r="AD46501" i="1"/>
  <c r="AD46502" i="1"/>
  <c r="AD46503" i="1"/>
  <c r="AD46504" i="1"/>
  <c r="AD46505" i="1"/>
  <c r="AD46506" i="1"/>
  <c r="AD46508" i="1"/>
  <c r="AD46509" i="1"/>
  <c r="AD46510" i="1"/>
  <c r="AD46511" i="1"/>
  <c r="AD46512" i="1"/>
  <c r="AD46513" i="1"/>
  <c r="AD46514" i="1"/>
  <c r="AD46515" i="1"/>
  <c r="AD46516" i="1"/>
  <c r="AD46517" i="1"/>
  <c r="AD46518" i="1"/>
  <c r="AD46520" i="1"/>
  <c r="AD46521" i="1"/>
  <c r="AD46522" i="1"/>
  <c r="AD46523" i="1"/>
  <c r="AD46524" i="1"/>
  <c r="AD46525" i="1"/>
  <c r="AD46526" i="1"/>
  <c r="AD46527" i="1"/>
  <c r="AD46528" i="1"/>
  <c r="AD46529" i="1"/>
  <c r="AD46530" i="1"/>
  <c r="AD46532" i="1"/>
  <c r="AD46533" i="1"/>
  <c r="AD46534" i="1"/>
  <c r="AD46535" i="1"/>
  <c r="AD46536" i="1"/>
  <c r="AD46537" i="1"/>
  <c r="AD46538" i="1"/>
  <c r="AD46539" i="1"/>
  <c r="AD46540" i="1"/>
  <c r="AD46541" i="1"/>
  <c r="AD46542" i="1"/>
  <c r="AD46544" i="1"/>
  <c r="AD46545" i="1"/>
  <c r="AD46546" i="1"/>
  <c r="AD46547" i="1"/>
  <c r="AD46548" i="1"/>
  <c r="AD46549" i="1"/>
  <c r="AD46550" i="1"/>
  <c r="AD46551" i="1"/>
  <c r="AD46552" i="1"/>
  <c r="AD46553" i="1"/>
  <c r="AD46554" i="1"/>
  <c r="AD46556" i="1"/>
  <c r="AD46557" i="1"/>
  <c r="AD46558" i="1"/>
  <c r="AD46559" i="1"/>
  <c r="AD46560" i="1"/>
  <c r="AD46561" i="1"/>
  <c r="AD46562" i="1"/>
  <c r="AD46563" i="1"/>
  <c r="AD46564" i="1"/>
  <c r="AD46565" i="1"/>
  <c r="AD46566" i="1"/>
  <c r="AD46568" i="1"/>
  <c r="AD46569" i="1"/>
  <c r="AD46570" i="1"/>
  <c r="AD46571" i="1"/>
  <c r="AD46572" i="1"/>
  <c r="AD46573" i="1"/>
  <c r="AD46574" i="1"/>
  <c r="AD46575" i="1"/>
  <c r="AD46576" i="1"/>
  <c r="AD46577" i="1"/>
  <c r="AD46578" i="1"/>
  <c r="AD46580" i="1"/>
  <c r="AD46581" i="1"/>
  <c r="AD46582" i="1"/>
  <c r="AD46583" i="1"/>
  <c r="AD46584" i="1"/>
  <c r="AD46585" i="1"/>
  <c r="AD46586" i="1"/>
  <c r="AD46587" i="1"/>
  <c r="AD46588" i="1"/>
  <c r="AD46589" i="1"/>
  <c r="AD46590" i="1"/>
  <c r="AD46592" i="1"/>
  <c r="AD46593" i="1"/>
  <c r="AD46594" i="1"/>
  <c r="AD46595" i="1"/>
  <c r="AD46596" i="1"/>
  <c r="AD46597" i="1"/>
  <c r="AD46598" i="1"/>
  <c r="AD46599" i="1"/>
  <c r="AD46600" i="1"/>
  <c r="AD46601" i="1"/>
  <c r="AD46602" i="1"/>
  <c r="AD46604" i="1"/>
  <c r="AD46605" i="1"/>
  <c r="AD46606" i="1"/>
  <c r="AD46607" i="1"/>
  <c r="AD46608" i="1"/>
  <c r="AD46609" i="1"/>
  <c r="AD46610" i="1"/>
  <c r="AD46611" i="1"/>
  <c r="AD46612" i="1"/>
  <c r="AD46613" i="1"/>
  <c r="AD46614" i="1"/>
  <c r="AD46616" i="1"/>
  <c r="AD46617" i="1"/>
  <c r="AD46618" i="1"/>
  <c r="AD46619" i="1"/>
  <c r="AD46620" i="1"/>
  <c r="AD46621" i="1"/>
  <c r="AD46622" i="1"/>
  <c r="AD46623" i="1"/>
  <c r="AD46624" i="1"/>
  <c r="AD46625" i="1"/>
  <c r="AD46626" i="1"/>
  <c r="AD46628" i="1"/>
  <c r="AD46629" i="1"/>
  <c r="AD46630" i="1"/>
  <c r="AD46631" i="1"/>
  <c r="AD46632" i="1"/>
  <c r="AD46633" i="1"/>
  <c r="AD46634" i="1"/>
  <c r="AD46635" i="1"/>
  <c r="AD46636" i="1"/>
  <c r="AD46637" i="1"/>
  <c r="AD46638" i="1"/>
  <c r="AD46640" i="1"/>
  <c r="AD46641" i="1"/>
  <c r="AD46642" i="1"/>
  <c r="AD46643" i="1"/>
  <c r="AD46644" i="1"/>
  <c r="AD46645" i="1"/>
  <c r="AD46646" i="1"/>
  <c r="AD46647" i="1"/>
  <c r="AD46648" i="1"/>
  <c r="AD46649" i="1"/>
  <c r="AD46650" i="1"/>
  <c r="AD46652" i="1"/>
  <c r="AD46653" i="1"/>
  <c r="AD46654" i="1"/>
  <c r="AD46655" i="1"/>
  <c r="AD46656" i="1"/>
  <c r="AD46657" i="1"/>
  <c r="AD46658" i="1"/>
  <c r="AD46659" i="1"/>
  <c r="AD46660" i="1"/>
  <c r="AD46661" i="1"/>
  <c r="AD46662" i="1"/>
  <c r="AD46664" i="1"/>
  <c r="AD46665" i="1"/>
  <c r="AD46666" i="1"/>
  <c r="AD46667" i="1"/>
  <c r="AD46668" i="1"/>
  <c r="AD46669" i="1"/>
  <c r="AD46670" i="1"/>
  <c r="AD46671" i="1"/>
  <c r="AD46672" i="1"/>
  <c r="AD46673" i="1"/>
  <c r="AD46674" i="1"/>
  <c r="AD46676" i="1"/>
  <c r="AD46677" i="1"/>
  <c r="AD46678" i="1"/>
  <c r="AD46679" i="1"/>
  <c r="AD46680" i="1"/>
  <c r="AD46681" i="1"/>
  <c r="AD46682" i="1"/>
  <c r="AD46683" i="1"/>
  <c r="AD46684" i="1"/>
  <c r="AD46685" i="1"/>
  <c r="AD46686" i="1"/>
  <c r="AD46688" i="1"/>
  <c r="AD46689" i="1"/>
  <c r="AD46690" i="1"/>
  <c r="AD46691" i="1"/>
  <c r="AD46692" i="1"/>
  <c r="AD46693" i="1"/>
  <c r="AD46694" i="1"/>
  <c r="AD46695" i="1"/>
  <c r="AD46696" i="1"/>
  <c r="AD46697" i="1"/>
  <c r="AD46698" i="1"/>
  <c r="AD46700" i="1"/>
  <c r="AD46701" i="1"/>
  <c r="AD46702" i="1"/>
  <c r="AD46703" i="1"/>
  <c r="AD46704" i="1"/>
  <c r="AD46705" i="1"/>
  <c r="AD46706" i="1"/>
  <c r="AD46707" i="1"/>
  <c r="AD46708" i="1"/>
  <c r="AD46709" i="1"/>
  <c r="AD46710" i="1"/>
  <c r="AD46712" i="1"/>
  <c r="AD46713" i="1"/>
  <c r="AD46714" i="1"/>
  <c r="AD46715" i="1"/>
  <c r="AD46716" i="1"/>
  <c r="AD46717" i="1"/>
  <c r="AD46718" i="1"/>
  <c r="AD46719" i="1"/>
  <c r="AD46720" i="1"/>
  <c r="AD46721" i="1"/>
  <c r="AD46722" i="1"/>
  <c r="AD46724" i="1"/>
  <c r="AD46725" i="1"/>
  <c r="AD46726" i="1"/>
  <c r="AD46727" i="1"/>
  <c r="AD46728" i="1"/>
  <c r="AD46729" i="1"/>
  <c r="AD46730" i="1"/>
  <c r="AD46731" i="1"/>
  <c r="AD46732" i="1"/>
  <c r="AD46733" i="1"/>
  <c r="AD46734" i="1"/>
  <c r="AD46736" i="1"/>
  <c r="AD46737" i="1"/>
  <c r="AD46738" i="1"/>
  <c r="AD46739" i="1"/>
  <c r="AD46740" i="1"/>
  <c r="AD46741" i="1"/>
  <c r="AD46742" i="1"/>
  <c r="AD46743" i="1"/>
  <c r="AD46744" i="1"/>
  <c r="AD46745" i="1"/>
  <c r="AD46746" i="1"/>
  <c r="AD46748" i="1"/>
  <c r="AD46749" i="1"/>
  <c r="AD46750" i="1"/>
  <c r="AD46751" i="1"/>
  <c r="AD46752" i="1"/>
  <c r="AD46753" i="1"/>
  <c r="AD46754" i="1"/>
  <c r="AD46755" i="1"/>
  <c r="AD46756" i="1"/>
  <c r="AD46757" i="1"/>
  <c r="AD46758" i="1"/>
  <c r="AD46760" i="1"/>
  <c r="AD46761" i="1"/>
  <c r="AD46762" i="1"/>
  <c r="AD46763" i="1"/>
  <c r="AD46764" i="1"/>
  <c r="AD46765" i="1"/>
  <c r="AD46766" i="1"/>
  <c r="AD46767" i="1"/>
  <c r="AD46768" i="1"/>
  <c r="AD46769" i="1"/>
  <c r="AD46770" i="1"/>
  <c r="AD46772" i="1"/>
  <c r="AD46773" i="1"/>
  <c r="AD46774" i="1"/>
  <c r="AD46775" i="1"/>
  <c r="AD46776" i="1"/>
  <c r="AD46777" i="1"/>
  <c r="AD46778" i="1"/>
  <c r="AD46779" i="1"/>
  <c r="AD46780" i="1"/>
  <c r="AD46781" i="1"/>
  <c r="AD46782" i="1"/>
  <c r="AD46784" i="1"/>
  <c r="AD46785" i="1"/>
  <c r="AD46786" i="1"/>
  <c r="AD46787" i="1"/>
  <c r="AD46788" i="1"/>
  <c r="AD46789" i="1"/>
  <c r="AD46790" i="1"/>
  <c r="AD46791" i="1"/>
  <c r="AD46792" i="1"/>
  <c r="AD46793" i="1"/>
  <c r="AD46794" i="1"/>
  <c r="AD46796" i="1"/>
  <c r="AD46797" i="1"/>
  <c r="AD46798" i="1"/>
  <c r="AD46799" i="1"/>
  <c r="AD46800" i="1"/>
  <c r="AD46801" i="1"/>
  <c r="AD46802" i="1"/>
  <c r="AD46803" i="1"/>
  <c r="AD46804" i="1"/>
  <c r="AD46805" i="1"/>
  <c r="AD46806" i="1"/>
  <c r="AD46808" i="1"/>
  <c r="AD46809" i="1"/>
  <c r="AD46810" i="1"/>
  <c r="AD46811" i="1"/>
  <c r="AD46812" i="1"/>
  <c r="AD46813" i="1"/>
  <c r="AD46814" i="1"/>
  <c r="AD46815" i="1"/>
  <c r="AD46816" i="1"/>
  <c r="AD46817" i="1"/>
  <c r="AD46818" i="1"/>
  <c r="AD46820" i="1"/>
  <c r="AD46821" i="1"/>
  <c r="AD46822" i="1"/>
  <c r="AD46823" i="1"/>
  <c r="AD46824" i="1"/>
  <c r="AD46825" i="1"/>
  <c r="AD46826" i="1"/>
  <c r="AD46827" i="1"/>
  <c r="AD46828" i="1"/>
  <c r="AD46829" i="1"/>
  <c r="AD46830" i="1"/>
  <c r="AD46832" i="1"/>
  <c r="AD46833" i="1"/>
  <c r="AD46834" i="1"/>
  <c r="AD46835" i="1"/>
  <c r="AD46836" i="1"/>
  <c r="AD46837" i="1"/>
  <c r="AD46838" i="1"/>
  <c r="AD46839" i="1"/>
  <c r="AD46840" i="1"/>
  <c r="AD46841" i="1"/>
  <c r="AD46842" i="1"/>
  <c r="AD46844" i="1"/>
  <c r="AD46845" i="1"/>
  <c r="AD46846" i="1"/>
  <c r="AD46847" i="1"/>
  <c r="AD46848" i="1"/>
  <c r="AD46849" i="1"/>
  <c r="AD46850" i="1"/>
  <c r="AD46851" i="1"/>
  <c r="AD46852" i="1"/>
  <c r="AD46853" i="1"/>
  <c r="AD46854" i="1"/>
  <c r="AD46856" i="1"/>
  <c r="AD46857" i="1"/>
  <c r="AD46858" i="1"/>
  <c r="AD46859" i="1"/>
  <c r="AD46860" i="1"/>
  <c r="AD46861" i="1"/>
  <c r="AD46862" i="1"/>
  <c r="AD46863" i="1"/>
  <c r="AD46864" i="1"/>
  <c r="AD46865" i="1"/>
  <c r="AD46866" i="1"/>
  <c r="AD46868" i="1"/>
  <c r="AD46869" i="1"/>
  <c r="AD46870" i="1"/>
  <c r="AD46871" i="1"/>
  <c r="AD46872" i="1"/>
  <c r="AD46873" i="1"/>
  <c r="AD46874" i="1"/>
  <c r="AD46875" i="1"/>
  <c r="AD46876" i="1"/>
  <c r="AD46877" i="1"/>
  <c r="AD46878" i="1"/>
  <c r="AD46880" i="1"/>
  <c r="AD46881" i="1"/>
  <c r="AD46882" i="1"/>
  <c r="AD46883" i="1"/>
  <c r="AD46884" i="1"/>
  <c r="AD46885" i="1"/>
  <c r="AD46886" i="1"/>
  <c r="AD46887" i="1"/>
  <c r="AD46888" i="1"/>
  <c r="AD46889" i="1"/>
  <c r="AD46890" i="1"/>
  <c r="AD46892" i="1"/>
  <c r="AD46893" i="1"/>
  <c r="AD46894" i="1"/>
  <c r="AD46895" i="1"/>
  <c r="AD46896" i="1"/>
  <c r="AD46897" i="1"/>
  <c r="AD46898" i="1"/>
  <c r="AD46899" i="1"/>
  <c r="AD46900" i="1"/>
  <c r="AD46901" i="1"/>
  <c r="AD46902" i="1"/>
  <c r="AD46904" i="1"/>
  <c r="AD46905" i="1"/>
  <c r="AD46906" i="1"/>
  <c r="AD46907" i="1"/>
  <c r="AD46908" i="1"/>
  <c r="AD46909" i="1"/>
  <c r="AD46910" i="1"/>
  <c r="AD46911" i="1"/>
  <c r="AD46912" i="1"/>
  <c r="AD46913" i="1"/>
  <c r="AD46914" i="1"/>
  <c r="AD46916" i="1"/>
  <c r="AD46917" i="1"/>
  <c r="AD46918" i="1"/>
  <c r="AD46919" i="1"/>
  <c r="AD46920" i="1"/>
  <c r="AD46921" i="1"/>
  <c r="AD46922" i="1"/>
  <c r="AD46923" i="1"/>
  <c r="AD46924" i="1"/>
  <c r="AD46925" i="1"/>
  <c r="AD46926" i="1"/>
  <c r="AD46928" i="1"/>
  <c r="AD46929" i="1"/>
  <c r="AD46930" i="1"/>
  <c r="AD46931" i="1"/>
  <c r="AD46932" i="1"/>
  <c r="AD46933" i="1"/>
  <c r="AD46934" i="1"/>
  <c r="AD46935" i="1"/>
  <c r="AD46936" i="1"/>
  <c r="AD46937" i="1"/>
  <c r="AD46938" i="1"/>
  <c r="AD46940" i="1"/>
  <c r="AD46941" i="1"/>
  <c r="AD46942" i="1"/>
  <c r="AD46943" i="1"/>
  <c r="AD46944" i="1"/>
  <c r="AD46945" i="1"/>
  <c r="AD46946" i="1"/>
  <c r="AD46947" i="1"/>
  <c r="AD46948" i="1"/>
  <c r="AD46949" i="1"/>
  <c r="AD46950" i="1"/>
  <c r="AD46952" i="1"/>
  <c r="AD46953" i="1"/>
  <c r="AD46954" i="1"/>
  <c r="AD46955" i="1"/>
  <c r="AD46956" i="1"/>
  <c r="AD46957" i="1"/>
  <c r="AD46958" i="1"/>
  <c r="AD46959" i="1"/>
  <c r="AD46960" i="1"/>
  <c r="AD46961" i="1"/>
  <c r="AD46962" i="1"/>
  <c r="AD46964" i="1"/>
  <c r="AD46965" i="1"/>
  <c r="AD46966" i="1"/>
  <c r="AD46967" i="1"/>
  <c r="AD46968" i="1"/>
  <c r="AD46969" i="1"/>
  <c r="AD46970" i="1"/>
  <c r="AD46971" i="1"/>
  <c r="AD46972" i="1"/>
  <c r="AD46973" i="1"/>
  <c r="AD46974" i="1"/>
  <c r="AD46976" i="1"/>
  <c r="AD46977" i="1"/>
  <c r="AD46978" i="1"/>
  <c r="AD46979" i="1"/>
  <c r="AD46980" i="1"/>
  <c r="AD46981" i="1"/>
  <c r="AD46982" i="1"/>
  <c r="AD46983" i="1"/>
  <c r="AD46984" i="1"/>
  <c r="AD46985" i="1"/>
  <c r="AD46986" i="1"/>
  <c r="AD46988" i="1"/>
  <c r="AD46989" i="1"/>
  <c r="AD46990" i="1"/>
  <c r="AD46991" i="1"/>
  <c r="AD46992" i="1"/>
  <c r="AD46993" i="1"/>
  <c r="AD46994" i="1"/>
  <c r="AD46995" i="1"/>
  <c r="AD46996" i="1"/>
  <c r="AD46997" i="1"/>
  <c r="AD46998" i="1"/>
  <c r="AD47000" i="1"/>
  <c r="AD47001" i="1"/>
  <c r="AD47002" i="1"/>
  <c r="AD47003" i="1"/>
  <c r="AD47004" i="1"/>
  <c r="AD47005" i="1"/>
  <c r="AD47006" i="1"/>
  <c r="AD47007" i="1"/>
  <c r="AD47008" i="1"/>
  <c r="AD47009" i="1"/>
  <c r="AD47010" i="1"/>
  <c r="AD47012" i="1"/>
  <c r="AD47013" i="1"/>
  <c r="AD47014" i="1"/>
  <c r="AD47015" i="1"/>
  <c r="AD47016" i="1"/>
  <c r="AD47017" i="1"/>
  <c r="AD47018" i="1"/>
  <c r="AD47019" i="1"/>
  <c r="AD47020" i="1"/>
  <c r="AD47021" i="1"/>
  <c r="AD47022" i="1"/>
  <c r="AD47024" i="1"/>
  <c r="AD47025" i="1"/>
  <c r="AD47026" i="1"/>
  <c r="AD47027" i="1"/>
  <c r="AD47028" i="1"/>
  <c r="AD47029" i="1"/>
  <c r="AD47030" i="1"/>
  <c r="AD47031" i="1"/>
  <c r="AD47032" i="1"/>
  <c r="AD47033" i="1"/>
  <c r="AD47034" i="1"/>
  <c r="AD47036" i="1"/>
  <c r="AD47037" i="1"/>
  <c r="AD47038" i="1"/>
  <c r="AD47039" i="1"/>
  <c r="AD47040" i="1"/>
  <c r="AD47041" i="1"/>
  <c r="AD47042" i="1"/>
  <c r="AD47043" i="1"/>
  <c r="AD47044" i="1"/>
  <c r="AD47045" i="1"/>
  <c r="AD47046" i="1"/>
  <c r="AD47048" i="1"/>
  <c r="AD47049" i="1"/>
  <c r="AD47050" i="1"/>
  <c r="AD47051" i="1"/>
  <c r="AD47052" i="1"/>
  <c r="AD47053" i="1"/>
  <c r="AD47054" i="1"/>
  <c r="AD47055" i="1"/>
  <c r="AD47056" i="1"/>
  <c r="AD47057" i="1"/>
  <c r="AD47058" i="1"/>
  <c r="AD47060" i="1"/>
  <c r="AD47061" i="1"/>
  <c r="AD47062" i="1"/>
  <c r="AD47063" i="1"/>
  <c r="AD47064" i="1"/>
  <c r="AD47065" i="1"/>
  <c r="AD47066" i="1"/>
  <c r="AD47067" i="1"/>
  <c r="AD47068" i="1"/>
  <c r="AD47069" i="1"/>
  <c r="AD47070" i="1"/>
  <c r="AD47072" i="1"/>
  <c r="AD47073" i="1"/>
  <c r="AD47074" i="1"/>
  <c r="AD47075" i="1"/>
  <c r="AD47076" i="1"/>
  <c r="AD47077" i="1"/>
  <c r="AD47078" i="1"/>
  <c r="AD47079" i="1"/>
  <c r="AD47080" i="1"/>
  <c r="AD47081" i="1"/>
  <c r="AD47082" i="1"/>
  <c r="AD47084" i="1"/>
  <c r="AD47085" i="1"/>
  <c r="AD47086" i="1"/>
  <c r="AD47087" i="1"/>
  <c r="AD47088" i="1"/>
  <c r="AD47089" i="1"/>
  <c r="AD47090" i="1"/>
  <c r="AD47091" i="1"/>
  <c r="AD47092" i="1"/>
  <c r="AD47093" i="1"/>
  <c r="AD47094" i="1"/>
  <c r="AD47096" i="1"/>
  <c r="AD47097" i="1"/>
  <c r="AD47098" i="1"/>
  <c r="AD47099" i="1"/>
  <c r="AD47100" i="1"/>
  <c r="AD47101" i="1"/>
  <c r="AD47102" i="1"/>
  <c r="AD47103" i="1"/>
  <c r="AD47104" i="1"/>
  <c r="AD47105" i="1"/>
  <c r="AD47106" i="1"/>
  <c r="AD47108" i="1"/>
  <c r="AD47109" i="1"/>
  <c r="AD47110" i="1"/>
  <c r="AD47111" i="1"/>
  <c r="AD47112" i="1"/>
  <c r="AD47113" i="1"/>
  <c r="AD47114" i="1"/>
  <c r="AD47115" i="1"/>
  <c r="AD47116" i="1"/>
  <c r="AD47117" i="1"/>
  <c r="AD47118" i="1"/>
  <c r="AD47120" i="1"/>
  <c r="AD47121" i="1"/>
  <c r="AD47122" i="1"/>
  <c r="AD47123" i="1"/>
  <c r="AD47124" i="1"/>
  <c r="AD47125" i="1"/>
  <c r="AD47126" i="1"/>
  <c r="AD47127" i="1"/>
  <c r="AD47128" i="1"/>
  <c r="AD47129" i="1"/>
  <c r="AD47130" i="1"/>
  <c r="AD47132" i="1"/>
  <c r="AD47133" i="1"/>
  <c r="AD47134" i="1"/>
  <c r="AD47135" i="1"/>
  <c r="AD47136" i="1"/>
  <c r="AD47137" i="1"/>
  <c r="AD47138" i="1"/>
  <c r="AD47139" i="1"/>
  <c r="AD47140" i="1"/>
  <c r="AD47141" i="1"/>
  <c r="AD47142" i="1"/>
  <c r="AD47144" i="1"/>
  <c r="AD47145" i="1"/>
  <c r="AD47146" i="1"/>
  <c r="AD47147" i="1"/>
  <c r="AD47148" i="1"/>
  <c r="AD47149" i="1"/>
  <c r="AD47150" i="1"/>
  <c r="AD47151" i="1"/>
  <c r="AD47152" i="1"/>
  <c r="AD47153" i="1"/>
  <c r="AD47154" i="1"/>
  <c r="AD47156" i="1"/>
  <c r="AD47157" i="1"/>
  <c r="AD47158" i="1"/>
  <c r="AD47159" i="1"/>
  <c r="AD47160" i="1"/>
  <c r="AD47161" i="1"/>
  <c r="AD47162" i="1"/>
  <c r="AD47163" i="1"/>
  <c r="AD47164" i="1"/>
  <c r="AD47165" i="1"/>
  <c r="AD47166" i="1"/>
  <c r="AD47168" i="1"/>
  <c r="AD47169" i="1"/>
  <c r="AD47170" i="1"/>
  <c r="AD47171" i="1"/>
  <c r="AD47172" i="1"/>
  <c r="AD47173" i="1"/>
  <c r="AD47174" i="1"/>
  <c r="AD47175" i="1"/>
  <c r="AD47176" i="1"/>
  <c r="AD47177" i="1"/>
  <c r="AD47178" i="1"/>
  <c r="AD47180" i="1"/>
  <c r="AD47181" i="1"/>
  <c r="AD47182" i="1"/>
  <c r="AD47183" i="1"/>
  <c r="AD47184" i="1"/>
  <c r="AD47185" i="1"/>
  <c r="AD47186" i="1"/>
  <c r="AD47187" i="1"/>
  <c r="AD47188" i="1"/>
  <c r="AD47189" i="1"/>
  <c r="AD47190" i="1"/>
  <c r="AD47192" i="1"/>
  <c r="AD47193" i="1"/>
  <c r="AD47194" i="1"/>
  <c r="AD47195" i="1"/>
  <c r="AD47196" i="1"/>
  <c r="AD47197" i="1"/>
  <c r="AD47198" i="1"/>
  <c r="AD47199" i="1"/>
  <c r="AD47200" i="1"/>
  <c r="AD47201" i="1"/>
  <c r="AD47202" i="1"/>
  <c r="AD47204" i="1"/>
  <c r="AD47205" i="1"/>
  <c r="AD47206" i="1"/>
  <c r="AD47207" i="1"/>
  <c r="AD47208" i="1"/>
  <c r="AD47209" i="1"/>
  <c r="AD47210" i="1"/>
  <c r="AD47211" i="1"/>
  <c r="AD47212" i="1"/>
  <c r="AD47213" i="1"/>
  <c r="AD47214" i="1"/>
  <c r="AD47216" i="1"/>
  <c r="AD47217" i="1"/>
  <c r="AD47218" i="1"/>
  <c r="AD47219" i="1"/>
  <c r="AD47220" i="1"/>
  <c r="AD47221" i="1"/>
  <c r="AD47222" i="1"/>
  <c r="AD47223" i="1"/>
  <c r="AD47224" i="1"/>
  <c r="AD47225" i="1"/>
  <c r="AD47226" i="1"/>
  <c r="AD47228" i="1"/>
  <c r="AD47229" i="1"/>
  <c r="AD47230" i="1"/>
  <c r="AD47231" i="1"/>
  <c r="AD47232" i="1"/>
  <c r="AD47233" i="1"/>
  <c r="AD47234" i="1"/>
  <c r="AD47235" i="1"/>
  <c r="AD47236" i="1"/>
  <c r="AD47237" i="1"/>
  <c r="AD47238" i="1"/>
  <c r="AD47240" i="1"/>
  <c r="AD47241" i="1"/>
  <c r="AD47242" i="1"/>
  <c r="AD47243" i="1"/>
  <c r="AD47244" i="1"/>
  <c r="AD47245" i="1"/>
  <c r="AD47246" i="1"/>
  <c r="AD47247" i="1"/>
  <c r="AD47248" i="1"/>
  <c r="AD47249" i="1"/>
  <c r="AD47250" i="1"/>
  <c r="AD47252" i="1"/>
  <c r="AD47253" i="1"/>
  <c r="AD47254" i="1"/>
  <c r="AD47255" i="1"/>
  <c r="AD47256" i="1"/>
  <c r="AD47257" i="1"/>
  <c r="AD47258" i="1"/>
  <c r="AD47259" i="1"/>
  <c r="AD47260" i="1"/>
  <c r="AD47261" i="1"/>
  <c r="AD47262" i="1"/>
  <c r="AD47264" i="1"/>
  <c r="AD47265" i="1"/>
  <c r="AD47266" i="1"/>
  <c r="AD47267" i="1"/>
  <c r="AD47268" i="1"/>
  <c r="AD47269" i="1"/>
  <c r="AD47270" i="1"/>
  <c r="AD47271" i="1"/>
  <c r="AD47272" i="1"/>
  <c r="AD47273" i="1"/>
  <c r="AD47274" i="1"/>
  <c r="AD47276" i="1"/>
  <c r="AD47277" i="1"/>
  <c r="AD47278" i="1"/>
  <c r="AD47279" i="1"/>
  <c r="AD47280" i="1"/>
  <c r="AD47281" i="1"/>
  <c r="AD47282" i="1"/>
  <c r="AD47283" i="1"/>
  <c r="AD47284" i="1"/>
  <c r="AD47285" i="1"/>
  <c r="AD47286" i="1"/>
  <c r="AD47288" i="1"/>
  <c r="AD47289" i="1"/>
  <c r="AD47290" i="1"/>
  <c r="AD47291" i="1"/>
  <c r="AD47292" i="1"/>
  <c r="AD47293" i="1"/>
  <c r="AD47294" i="1"/>
  <c r="AD47295" i="1"/>
  <c r="AD47296" i="1"/>
  <c r="AD47297" i="1"/>
  <c r="AD47298" i="1"/>
  <c r="AD47300" i="1"/>
  <c r="AD47301" i="1"/>
  <c r="AD47302" i="1"/>
  <c r="AD47303" i="1"/>
  <c r="AD47304" i="1"/>
  <c r="AD47305" i="1"/>
  <c r="AD47306" i="1"/>
  <c r="AD47307" i="1"/>
  <c r="AD47308" i="1"/>
  <c r="AD47309" i="1"/>
  <c r="AD47310" i="1"/>
  <c r="AD47312" i="1"/>
  <c r="AD47313" i="1"/>
  <c r="AD47314" i="1"/>
  <c r="AD47315" i="1"/>
  <c r="AD47316" i="1"/>
  <c r="AD47317" i="1"/>
  <c r="AD47318" i="1"/>
  <c r="AD47319" i="1"/>
  <c r="AD47320" i="1"/>
  <c r="AD47321" i="1"/>
  <c r="AD47322" i="1"/>
  <c r="AD47324" i="1"/>
  <c r="AD47325" i="1"/>
  <c r="AD47326" i="1"/>
  <c r="AD47327" i="1"/>
  <c r="AD47328" i="1"/>
  <c r="AD47329" i="1"/>
  <c r="AD47330" i="1"/>
  <c r="AD47331" i="1"/>
  <c r="AD47332" i="1"/>
  <c r="AD47333" i="1"/>
  <c r="AD47334" i="1"/>
  <c r="AD47336" i="1"/>
  <c r="AD47337" i="1"/>
  <c r="AD47338" i="1"/>
  <c r="AD47339" i="1"/>
  <c r="AD47340" i="1"/>
  <c r="AD47341" i="1"/>
  <c r="AD47342" i="1"/>
  <c r="AD47343" i="1"/>
  <c r="AD47344" i="1"/>
  <c r="AD47345" i="1"/>
  <c r="AD47346" i="1"/>
  <c r="AD47348" i="1"/>
  <c r="AD47349" i="1"/>
  <c r="AD47350" i="1"/>
  <c r="AD47351" i="1"/>
  <c r="AD47352" i="1"/>
  <c r="AD47353" i="1"/>
  <c r="AD47354" i="1"/>
  <c r="AD47355" i="1"/>
  <c r="AD47356" i="1"/>
  <c r="AD47357" i="1"/>
  <c r="AD47358" i="1"/>
  <c r="AD47360" i="1"/>
  <c r="AD47361" i="1"/>
  <c r="AD47362" i="1"/>
  <c r="AD47363" i="1"/>
  <c r="AD47364" i="1"/>
  <c r="AD47365" i="1"/>
  <c r="AD47366" i="1"/>
  <c r="AD47367" i="1"/>
  <c r="AD47368" i="1"/>
  <c r="AD47369" i="1"/>
  <c r="AD47370" i="1"/>
  <c r="AD47372" i="1"/>
  <c r="AD47373" i="1"/>
  <c r="AD47374" i="1"/>
  <c r="AD47375" i="1"/>
  <c r="AD47376" i="1"/>
  <c r="AD47377" i="1"/>
  <c r="AD47378" i="1"/>
  <c r="AD47379" i="1"/>
  <c r="AD47380" i="1"/>
  <c r="AD47381" i="1"/>
  <c r="AD47382" i="1"/>
  <c r="AD47384" i="1"/>
  <c r="AD47385" i="1"/>
  <c r="AD47386" i="1"/>
  <c r="AD47387" i="1"/>
  <c r="AD47388" i="1"/>
  <c r="AD47389" i="1"/>
  <c r="AD47390" i="1"/>
  <c r="AD47391" i="1"/>
  <c r="AD47392" i="1"/>
  <c r="AD47393" i="1"/>
  <c r="AD47394" i="1"/>
  <c r="AD47396" i="1"/>
  <c r="AD47397" i="1"/>
  <c r="AD47398" i="1"/>
  <c r="AD47399" i="1"/>
  <c r="AD47400" i="1"/>
  <c r="AD47401" i="1"/>
  <c r="AD47402" i="1"/>
  <c r="AD47403" i="1"/>
  <c r="AD47404" i="1"/>
  <c r="AD47405" i="1"/>
  <c r="AD47406" i="1"/>
  <c r="AD47408" i="1"/>
  <c r="AD47409" i="1"/>
  <c r="AD47410" i="1"/>
  <c r="AD47411" i="1"/>
  <c r="AD47412" i="1"/>
  <c r="AD47413" i="1"/>
  <c r="AD47414" i="1"/>
  <c r="AD47415" i="1"/>
  <c r="AD47416" i="1"/>
  <c r="AD47417" i="1"/>
  <c r="AD47418" i="1"/>
  <c r="AD47420" i="1"/>
  <c r="AD47421" i="1"/>
  <c r="AD47422" i="1"/>
  <c r="AD47423" i="1"/>
  <c r="AD47424" i="1"/>
  <c r="AD47425" i="1"/>
  <c r="AD47426" i="1"/>
  <c r="AD47427" i="1"/>
  <c r="AD47428" i="1"/>
  <c r="AD47429" i="1"/>
  <c r="AD47430" i="1"/>
  <c r="AD47432" i="1"/>
  <c r="AD47433" i="1"/>
  <c r="AD47434" i="1"/>
  <c r="AD47435" i="1"/>
  <c r="AD47436" i="1"/>
  <c r="AD47437" i="1"/>
  <c r="AD47438" i="1"/>
  <c r="AD47439" i="1"/>
  <c r="AD47440" i="1"/>
  <c r="AD47441" i="1"/>
  <c r="AD47442" i="1"/>
  <c r="AD47444" i="1"/>
  <c r="AD47445" i="1"/>
  <c r="AD47446" i="1"/>
  <c r="AD47447" i="1"/>
  <c r="AD47448" i="1"/>
  <c r="AD47449" i="1"/>
  <c r="AD47450" i="1"/>
  <c r="AD47451" i="1"/>
  <c r="AD47452" i="1"/>
  <c r="AD47453" i="1"/>
  <c r="AD47454" i="1"/>
  <c r="AD47456" i="1"/>
  <c r="AD47457" i="1"/>
  <c r="AD47458" i="1"/>
  <c r="AD47459" i="1"/>
  <c r="AD47460" i="1"/>
  <c r="AD47461" i="1"/>
  <c r="AD47462" i="1"/>
  <c r="AD47463" i="1"/>
  <c r="AD47464" i="1"/>
  <c r="AD47465" i="1"/>
  <c r="AD47466" i="1"/>
  <c r="AD47468" i="1"/>
  <c r="AD47469" i="1"/>
  <c r="AD47470" i="1"/>
  <c r="AD47471" i="1"/>
  <c r="AD47472" i="1"/>
  <c r="AD47473" i="1"/>
  <c r="AD47474" i="1"/>
  <c r="AD47475" i="1"/>
  <c r="AD47476" i="1"/>
  <c r="AD47477" i="1"/>
  <c r="AD47478" i="1"/>
  <c r="AD47480" i="1"/>
  <c r="AD47481" i="1"/>
  <c r="AD47482" i="1"/>
  <c r="AD47483" i="1"/>
  <c r="AD47484" i="1"/>
  <c r="AD47485" i="1"/>
  <c r="AD47486" i="1"/>
  <c r="AD47487" i="1"/>
  <c r="AD47488" i="1"/>
  <c r="AD47489" i="1"/>
  <c r="AD47490" i="1"/>
  <c r="AD47492" i="1"/>
  <c r="AD47493" i="1"/>
  <c r="AD47494" i="1"/>
  <c r="AD47495" i="1"/>
  <c r="AD47496" i="1"/>
  <c r="AD47497" i="1"/>
  <c r="AD47498" i="1"/>
  <c r="AD47499" i="1"/>
  <c r="AD47500" i="1"/>
  <c r="AD47501" i="1"/>
  <c r="AD47502" i="1"/>
  <c r="AD47504" i="1"/>
  <c r="AD47505" i="1"/>
  <c r="AD47506" i="1"/>
  <c r="AD47507" i="1"/>
  <c r="AD47508" i="1"/>
  <c r="AD47509" i="1"/>
  <c r="AD47510" i="1"/>
  <c r="AD47511" i="1"/>
  <c r="AD47512" i="1"/>
  <c r="AD47513" i="1"/>
  <c r="AD47514" i="1"/>
  <c r="AD47516" i="1"/>
  <c r="AD47517" i="1"/>
  <c r="AD47518" i="1"/>
  <c r="AD47519" i="1"/>
  <c r="AD47520" i="1"/>
  <c r="AD47521" i="1"/>
  <c r="AD47522" i="1"/>
  <c r="AD47523" i="1"/>
  <c r="AD47524" i="1"/>
  <c r="AD47525" i="1"/>
  <c r="AD47526" i="1"/>
  <c r="AD47528" i="1"/>
  <c r="AD47529" i="1"/>
  <c r="AD47530" i="1"/>
  <c r="AD47531" i="1"/>
  <c r="AD47532" i="1"/>
  <c r="AD47533" i="1"/>
  <c r="AD47534" i="1"/>
  <c r="AD47535" i="1"/>
  <c r="AD47536" i="1"/>
  <c r="AD47537" i="1"/>
  <c r="AD47538" i="1"/>
  <c r="AD47540" i="1"/>
  <c r="AD47541" i="1"/>
  <c r="AD47542" i="1"/>
  <c r="AD47543" i="1"/>
  <c r="AD47544" i="1"/>
  <c r="AD47545" i="1"/>
  <c r="AD47546" i="1"/>
  <c r="AD47547" i="1"/>
  <c r="AD47548" i="1"/>
  <c r="AD47549" i="1"/>
  <c r="AD47550" i="1"/>
  <c r="AD47552" i="1"/>
  <c r="AD47553" i="1"/>
  <c r="AD47554" i="1"/>
  <c r="AD47555" i="1"/>
  <c r="AD47556" i="1"/>
  <c r="AD47557" i="1"/>
  <c r="AD47558" i="1"/>
  <c r="AD47559" i="1"/>
  <c r="AD47560" i="1"/>
  <c r="AD47561" i="1"/>
  <c r="AD47562" i="1"/>
  <c r="AD47564" i="1"/>
  <c r="AD47565" i="1"/>
  <c r="AD47566" i="1"/>
  <c r="AD47567" i="1"/>
  <c r="AD47568" i="1"/>
  <c r="AD47569" i="1"/>
  <c r="AD47570" i="1"/>
  <c r="AD47571" i="1"/>
  <c r="AD47572" i="1"/>
  <c r="AD47573" i="1"/>
  <c r="AD47574" i="1"/>
  <c r="AD47576" i="1"/>
  <c r="AD47577" i="1"/>
  <c r="AD47578" i="1"/>
  <c r="AD47579" i="1"/>
  <c r="AD47580" i="1"/>
  <c r="AD47581" i="1"/>
  <c r="AD47582" i="1"/>
  <c r="AD47583" i="1"/>
  <c r="AD47584" i="1"/>
  <c r="AD47585" i="1"/>
  <c r="AD47586" i="1"/>
  <c r="AD47588" i="1"/>
  <c r="AD47589" i="1"/>
  <c r="AD47590" i="1"/>
  <c r="AD47591" i="1"/>
  <c r="AD47592" i="1"/>
  <c r="AD47593" i="1"/>
  <c r="AD47594" i="1"/>
  <c r="AD47595" i="1"/>
  <c r="AD47596" i="1"/>
  <c r="AD47597" i="1"/>
  <c r="AD47598" i="1"/>
  <c r="AD47600" i="1"/>
  <c r="AD47601" i="1"/>
  <c r="AD47602" i="1"/>
  <c r="AD47603" i="1"/>
  <c r="AD47604" i="1"/>
  <c r="AD47605" i="1"/>
  <c r="AD47606" i="1"/>
  <c r="AD47607" i="1"/>
  <c r="AD47608" i="1"/>
  <c r="AD47609" i="1"/>
  <c r="AD47610" i="1"/>
  <c r="AD47612" i="1"/>
  <c r="AD47613" i="1"/>
  <c r="AD47614" i="1"/>
  <c r="AD47615" i="1"/>
  <c r="AD47616" i="1"/>
  <c r="AD47617" i="1"/>
  <c r="AD47618" i="1"/>
  <c r="AD47619" i="1"/>
  <c r="AD47620" i="1"/>
  <c r="AD47621" i="1"/>
  <c r="AD47622" i="1"/>
  <c r="AD47624" i="1"/>
  <c r="AD47625" i="1"/>
  <c r="AD47626" i="1"/>
  <c r="AD47627" i="1"/>
  <c r="AD47628" i="1"/>
  <c r="AD47629" i="1"/>
  <c r="AD47630" i="1"/>
  <c r="AD47631" i="1"/>
  <c r="AD47632" i="1"/>
  <c r="AD47633" i="1"/>
  <c r="AD47634" i="1"/>
  <c r="AD47636" i="1"/>
  <c r="AD47637" i="1"/>
  <c r="AD47638" i="1"/>
  <c r="AD47639" i="1"/>
  <c r="AD47640" i="1"/>
  <c r="AD47641" i="1"/>
  <c r="AD47642" i="1"/>
  <c r="AD47643" i="1"/>
  <c r="AD47644" i="1"/>
  <c r="AD47645" i="1"/>
  <c r="AD47646" i="1"/>
  <c r="AD47648" i="1"/>
  <c r="AD47649" i="1"/>
  <c r="AD47650" i="1"/>
  <c r="AD47651" i="1"/>
  <c r="AD47652" i="1"/>
  <c r="AD47653" i="1"/>
  <c r="AD47654" i="1"/>
  <c r="AD47655" i="1"/>
  <c r="AD47656" i="1"/>
  <c r="AD47657" i="1"/>
  <c r="AD47658" i="1"/>
  <c r="AD47660" i="1"/>
  <c r="AD47661" i="1"/>
  <c r="AD47662" i="1"/>
  <c r="AD47663" i="1"/>
  <c r="AD47664" i="1"/>
  <c r="AD47665" i="1"/>
  <c r="AD47666" i="1"/>
  <c r="AD47667" i="1"/>
  <c r="AD47668" i="1"/>
  <c r="AD47669" i="1"/>
  <c r="AD47670" i="1"/>
  <c r="AD47672" i="1"/>
  <c r="AD47673" i="1"/>
  <c r="AD47674" i="1"/>
  <c r="AD47675" i="1"/>
  <c r="AD47676" i="1"/>
  <c r="AD47677" i="1"/>
  <c r="AD47678" i="1"/>
  <c r="AD47679" i="1"/>
  <c r="AD47680" i="1"/>
  <c r="AD47681" i="1"/>
  <c r="AD47682" i="1"/>
  <c r="AD47684" i="1"/>
  <c r="AD47685" i="1"/>
  <c r="AD47686" i="1"/>
  <c r="AD47687" i="1"/>
  <c r="AD47688" i="1"/>
  <c r="AD47689" i="1"/>
  <c r="AD47690" i="1"/>
  <c r="AD47691" i="1"/>
  <c r="AD47692" i="1"/>
  <c r="AD47693" i="1"/>
  <c r="AD47694" i="1"/>
  <c r="AD47696" i="1"/>
  <c r="AD47697" i="1"/>
  <c r="AD47698" i="1"/>
  <c r="AD47699" i="1"/>
  <c r="AD47700" i="1"/>
  <c r="AD47701" i="1"/>
  <c r="AD47702" i="1"/>
  <c r="AD47703" i="1"/>
  <c r="AD47704" i="1"/>
  <c r="AD47705" i="1"/>
  <c r="AD47706" i="1"/>
  <c r="AD47708" i="1"/>
  <c r="AD47709" i="1"/>
  <c r="AD47710" i="1"/>
  <c r="AD47711" i="1"/>
  <c r="AD47712" i="1"/>
  <c r="AD47713" i="1"/>
  <c r="AD47714" i="1"/>
  <c r="AD47715" i="1"/>
  <c r="AD47716" i="1"/>
  <c r="AD47717" i="1"/>
  <c r="AD47718" i="1"/>
  <c r="AD47720" i="1"/>
  <c r="AD47721" i="1"/>
  <c r="AD47722" i="1"/>
  <c r="AD47723" i="1"/>
  <c r="AD47724" i="1"/>
  <c r="AD47725" i="1"/>
  <c r="AD47726" i="1"/>
  <c r="AD47727" i="1"/>
  <c r="AD47728" i="1"/>
  <c r="AD47729" i="1"/>
  <c r="AD47730" i="1"/>
  <c r="AD47732" i="1"/>
  <c r="AD47733" i="1"/>
  <c r="AD47734" i="1"/>
  <c r="AD47735" i="1"/>
  <c r="AD47736" i="1"/>
  <c r="AD47737" i="1"/>
  <c r="AD47738" i="1"/>
  <c r="AD47739" i="1"/>
  <c r="AD47740" i="1"/>
  <c r="AD47741" i="1"/>
  <c r="AD47742" i="1"/>
  <c r="AD47744" i="1"/>
  <c r="AD47745" i="1"/>
  <c r="AD47746" i="1"/>
  <c r="AD47747" i="1"/>
  <c r="AD47748" i="1"/>
  <c r="AD47749" i="1"/>
  <c r="AD47750" i="1"/>
  <c r="AD47751" i="1"/>
  <c r="AD47752" i="1"/>
  <c r="AD47753" i="1"/>
  <c r="AD47754" i="1"/>
  <c r="AD47756" i="1"/>
  <c r="AD47757" i="1"/>
  <c r="AD47758" i="1"/>
  <c r="AD47759" i="1"/>
  <c r="AD47760" i="1"/>
  <c r="AD47761" i="1"/>
  <c r="AD47762" i="1"/>
  <c r="AD47763" i="1"/>
  <c r="AD47764" i="1"/>
  <c r="AD47765" i="1"/>
  <c r="AD47766" i="1"/>
  <c r="AD47768" i="1"/>
  <c r="AD47769" i="1"/>
  <c r="AD47770" i="1"/>
  <c r="AD47771" i="1"/>
  <c r="AD47772" i="1"/>
  <c r="AD47773" i="1"/>
  <c r="AD47774" i="1"/>
  <c r="AD47775" i="1"/>
  <c r="AD47776" i="1"/>
  <c r="AD47777" i="1"/>
  <c r="AD47778" i="1"/>
  <c r="AD47780" i="1"/>
  <c r="AD47781" i="1"/>
  <c r="AD47782" i="1"/>
  <c r="AD47783" i="1"/>
  <c r="AD47784" i="1"/>
  <c r="AD47785" i="1"/>
  <c r="AD47786" i="1"/>
  <c r="AD47787" i="1"/>
  <c r="AD47788" i="1"/>
  <c r="AD47789" i="1"/>
  <c r="AD47790" i="1"/>
  <c r="AD47792" i="1"/>
  <c r="AD47793" i="1"/>
  <c r="AD47794" i="1"/>
  <c r="AD47795" i="1"/>
  <c r="AD47796" i="1"/>
  <c r="AD47797" i="1"/>
  <c r="AD47798" i="1"/>
  <c r="AD47799" i="1"/>
  <c r="AD47800" i="1"/>
  <c r="AD47801" i="1"/>
  <c r="AD47802" i="1"/>
  <c r="AD47804" i="1"/>
  <c r="AD47805" i="1"/>
  <c r="AD47806" i="1"/>
  <c r="AD47807" i="1"/>
  <c r="AD47808" i="1"/>
  <c r="AD47809" i="1"/>
  <c r="AD47810" i="1"/>
  <c r="AD47811" i="1"/>
  <c r="AD47812" i="1"/>
  <c r="AD47813" i="1"/>
  <c r="AD47814" i="1"/>
  <c r="AD47816" i="1"/>
  <c r="AD47817" i="1"/>
  <c r="AD47818" i="1"/>
  <c r="AD47819" i="1"/>
  <c r="AD47820" i="1"/>
  <c r="AD47821" i="1"/>
  <c r="AD47822" i="1"/>
  <c r="AD47823" i="1"/>
  <c r="AD47824" i="1"/>
  <c r="AD47825" i="1"/>
  <c r="AD47826" i="1"/>
  <c r="AD47828" i="1"/>
  <c r="AD47829" i="1"/>
  <c r="AD47830" i="1"/>
  <c r="AD47831" i="1"/>
  <c r="AD47832" i="1"/>
  <c r="AD47833" i="1"/>
  <c r="AD47834" i="1"/>
  <c r="AD47835" i="1"/>
  <c r="AD47836" i="1"/>
  <c r="AD47837" i="1"/>
  <c r="AD47838" i="1"/>
  <c r="AD47840" i="1"/>
  <c r="AD47841" i="1"/>
  <c r="AD47842" i="1"/>
  <c r="AD47843" i="1"/>
  <c r="AD47844" i="1"/>
  <c r="AD47845" i="1"/>
  <c r="AD47846" i="1"/>
  <c r="AD47847" i="1"/>
  <c r="AD47848" i="1"/>
  <c r="AD47849" i="1"/>
  <c r="AD47850" i="1"/>
  <c r="AD47852" i="1"/>
  <c r="AD47853" i="1"/>
  <c r="AD47854" i="1"/>
  <c r="AD47855" i="1"/>
  <c r="AD47856" i="1"/>
  <c r="AD47857" i="1"/>
  <c r="AD47858" i="1"/>
  <c r="AD47859" i="1"/>
  <c r="AD47860" i="1"/>
  <c r="AD47861" i="1"/>
  <c r="AD47862" i="1"/>
  <c r="AD47864" i="1"/>
  <c r="AD47865" i="1"/>
  <c r="AD47866" i="1"/>
  <c r="AD47867" i="1"/>
  <c r="AD47868" i="1"/>
  <c r="AD47869" i="1"/>
  <c r="AD47870" i="1"/>
  <c r="AD47871" i="1"/>
  <c r="AD47872" i="1"/>
  <c r="AD47873" i="1"/>
  <c r="AD47874" i="1"/>
  <c r="AD47876" i="1"/>
  <c r="AD47877" i="1"/>
  <c r="AD47878" i="1"/>
  <c r="AD47879" i="1"/>
  <c r="AD47880" i="1"/>
  <c r="AD47881" i="1"/>
  <c r="AD47882" i="1"/>
  <c r="AD47883" i="1"/>
  <c r="AD47884" i="1"/>
  <c r="AD47885" i="1"/>
  <c r="AD47886" i="1"/>
  <c r="AD47888" i="1"/>
  <c r="AD47889" i="1"/>
  <c r="AD47890" i="1"/>
  <c r="AD47891" i="1"/>
  <c r="AD47892" i="1"/>
  <c r="AD47893" i="1"/>
  <c r="AD47894" i="1"/>
  <c r="AD47895" i="1"/>
  <c r="AD47896" i="1"/>
  <c r="AD47897" i="1"/>
  <c r="AD47898" i="1"/>
  <c r="AD47900" i="1"/>
  <c r="AD47901" i="1"/>
  <c r="AD47902" i="1"/>
  <c r="AD47903" i="1"/>
  <c r="AD47904" i="1"/>
  <c r="AD47905" i="1"/>
  <c r="AD47906" i="1"/>
  <c r="AD47907" i="1"/>
  <c r="AD47908" i="1"/>
  <c r="AD47909" i="1"/>
  <c r="AD47910" i="1"/>
  <c r="AD47912" i="1"/>
  <c r="AD47913" i="1"/>
  <c r="AD47914" i="1"/>
  <c r="AD47915" i="1"/>
  <c r="AD47916" i="1"/>
  <c r="AD47917" i="1"/>
  <c r="AD47918" i="1"/>
  <c r="AD47919" i="1"/>
  <c r="AD47920" i="1"/>
  <c r="AD47921" i="1"/>
  <c r="AD47922" i="1"/>
  <c r="AD47924" i="1"/>
  <c r="AD47925" i="1"/>
  <c r="AD47926" i="1"/>
  <c r="AD47927" i="1"/>
  <c r="AD47928" i="1"/>
  <c r="AD47929" i="1"/>
  <c r="AD47930" i="1"/>
  <c r="AD47931" i="1"/>
  <c r="AD47932" i="1"/>
  <c r="AD47933" i="1"/>
  <c r="AD47934" i="1"/>
  <c r="AD47936" i="1"/>
  <c r="AD47937" i="1"/>
  <c r="AD47938" i="1"/>
  <c r="AD47939" i="1"/>
  <c r="AD47940" i="1"/>
  <c r="AD47941" i="1"/>
  <c r="AD47942" i="1"/>
  <c r="AD47943" i="1"/>
  <c r="AD47944" i="1"/>
  <c r="AD47945" i="1"/>
  <c r="AD47946" i="1"/>
  <c r="AD47948" i="1"/>
  <c r="AD47949" i="1"/>
  <c r="AD47950" i="1"/>
  <c r="AD47951" i="1"/>
  <c r="AD47952" i="1"/>
  <c r="AD47953" i="1"/>
  <c r="AD47954" i="1"/>
  <c r="AD47955" i="1"/>
  <c r="AD47956" i="1"/>
  <c r="AD47957" i="1"/>
  <c r="AD47958" i="1"/>
  <c r="AD47960" i="1"/>
  <c r="AD47961" i="1"/>
  <c r="AD47962" i="1"/>
  <c r="AD47963" i="1"/>
  <c r="AD47964" i="1"/>
  <c r="AD47965" i="1"/>
  <c r="AD47966" i="1"/>
  <c r="AD47967" i="1"/>
  <c r="AD47968" i="1"/>
  <c r="AD47969" i="1"/>
  <c r="AD47970" i="1"/>
  <c r="AD47972" i="1"/>
  <c r="AD47973" i="1"/>
  <c r="AD47974" i="1"/>
  <c r="AD47975" i="1"/>
  <c r="AD47976" i="1"/>
  <c r="AD47977" i="1"/>
  <c r="AD47978" i="1"/>
  <c r="AD47979" i="1"/>
  <c r="AD47980" i="1"/>
  <c r="AD47981" i="1"/>
  <c r="AD47982" i="1"/>
  <c r="AD47984" i="1"/>
  <c r="AD47985" i="1"/>
  <c r="AD47986" i="1"/>
  <c r="AD47987" i="1"/>
  <c r="AD47988" i="1"/>
  <c r="AD47989" i="1"/>
  <c r="AD47990" i="1"/>
  <c r="AD47991" i="1"/>
  <c r="AD47992" i="1"/>
  <c r="AD47993" i="1"/>
  <c r="AD47994" i="1"/>
  <c r="AD47996" i="1"/>
  <c r="AD47997" i="1"/>
  <c r="AD47998" i="1"/>
  <c r="AD47999" i="1"/>
  <c r="AD48000" i="1"/>
  <c r="AD48001" i="1"/>
  <c r="AD48002" i="1"/>
  <c r="AD48003" i="1"/>
  <c r="AD48004" i="1"/>
  <c r="AD48005" i="1"/>
  <c r="AD48006" i="1"/>
  <c r="AD48008" i="1"/>
  <c r="AD48009" i="1"/>
  <c r="AD48010" i="1"/>
  <c r="AD48011" i="1"/>
  <c r="AD48012" i="1"/>
  <c r="AD48013" i="1"/>
  <c r="AD48014" i="1"/>
  <c r="AD48015" i="1"/>
  <c r="AD48016" i="1"/>
  <c r="AD48017" i="1"/>
  <c r="AD48018" i="1"/>
  <c r="AD48020" i="1"/>
  <c r="AD48021" i="1"/>
  <c r="AD48022" i="1"/>
  <c r="AD48023" i="1"/>
  <c r="AD48024" i="1"/>
  <c r="AD48025" i="1"/>
  <c r="AD48026" i="1"/>
  <c r="AD48027" i="1"/>
  <c r="AD48028" i="1"/>
  <c r="AD48029" i="1"/>
  <c r="AD48030" i="1"/>
  <c r="AD48032" i="1"/>
  <c r="AD48033" i="1"/>
  <c r="AD48034" i="1"/>
  <c r="AD48035" i="1"/>
  <c r="AD48036" i="1"/>
  <c r="AD48037" i="1"/>
  <c r="AD48038" i="1"/>
  <c r="AD48039" i="1"/>
  <c r="AD48040" i="1"/>
  <c r="AD48041" i="1"/>
  <c r="AD48042" i="1"/>
  <c r="AD48044" i="1"/>
  <c r="AD48045" i="1"/>
  <c r="AD48046" i="1"/>
  <c r="AD48047" i="1"/>
  <c r="AD48048" i="1"/>
  <c r="AD48049" i="1"/>
  <c r="AD48050" i="1"/>
  <c r="AD48051" i="1"/>
  <c r="AD48052" i="1"/>
  <c r="AD48053" i="1"/>
  <c r="AD48054" i="1"/>
  <c r="AD48056" i="1"/>
  <c r="AD48057" i="1"/>
  <c r="AD48058" i="1"/>
  <c r="AD48059" i="1"/>
  <c r="AD48060" i="1"/>
  <c r="AD48061" i="1"/>
  <c r="AD48062" i="1"/>
  <c r="AD48063" i="1"/>
  <c r="AD48064" i="1"/>
  <c r="AD48065" i="1"/>
  <c r="AD48066" i="1"/>
  <c r="AD48068" i="1"/>
  <c r="AD48069" i="1"/>
  <c r="AD48070" i="1"/>
  <c r="AD48071" i="1"/>
  <c r="AD48072" i="1"/>
  <c r="AD48073" i="1"/>
  <c r="AD48074" i="1"/>
  <c r="AD48075" i="1"/>
  <c r="AD48076" i="1"/>
  <c r="AD48077" i="1"/>
  <c r="AD48078" i="1"/>
  <c r="AD48080" i="1"/>
  <c r="AD48081" i="1"/>
  <c r="AD48082" i="1"/>
  <c r="AD48083" i="1"/>
  <c r="AD48084" i="1"/>
  <c r="AD48085" i="1"/>
  <c r="AD48086" i="1"/>
  <c r="AD48087" i="1"/>
  <c r="AD48088" i="1"/>
  <c r="AD48089" i="1"/>
  <c r="AD48090" i="1"/>
  <c r="AD48092" i="1"/>
  <c r="AD48093" i="1"/>
  <c r="AD48094" i="1"/>
  <c r="AD48095" i="1"/>
  <c r="AD48096" i="1"/>
  <c r="AD48097" i="1"/>
  <c r="AD48098" i="1"/>
  <c r="AD48099" i="1"/>
  <c r="AD48100" i="1"/>
  <c r="AD48101" i="1"/>
  <c r="AD48102" i="1"/>
  <c r="AD48104" i="1"/>
  <c r="AD48105" i="1"/>
  <c r="AD48106" i="1"/>
  <c r="AD48107" i="1"/>
  <c r="AD48108" i="1"/>
  <c r="AD48109" i="1"/>
  <c r="AD48110" i="1"/>
  <c r="AD48111" i="1"/>
  <c r="AD48112" i="1"/>
  <c r="AD48113" i="1"/>
  <c r="AD48114" i="1"/>
  <c r="AD48116" i="1"/>
  <c r="AD48117" i="1"/>
  <c r="AD48118" i="1"/>
  <c r="AD48119" i="1"/>
  <c r="AD48120" i="1"/>
  <c r="AD48121" i="1"/>
  <c r="AD48122" i="1"/>
  <c r="AD48123" i="1"/>
  <c r="AD48124" i="1"/>
  <c r="AD48125" i="1"/>
  <c r="AD48126" i="1"/>
  <c r="AD48128" i="1"/>
  <c r="AD48129" i="1"/>
  <c r="AD48130" i="1"/>
  <c r="AD48131" i="1"/>
  <c r="AD48132" i="1"/>
  <c r="AD48133" i="1"/>
  <c r="AD48134" i="1"/>
  <c r="AD48135" i="1"/>
  <c r="AD48136" i="1"/>
  <c r="AD48137" i="1"/>
  <c r="AD48138" i="1"/>
  <c r="AD48140" i="1"/>
  <c r="AD48141" i="1"/>
  <c r="AD48142" i="1"/>
  <c r="AD48143" i="1"/>
  <c r="AD48144" i="1"/>
  <c r="AD48145" i="1"/>
  <c r="AD48146" i="1"/>
  <c r="AD48147" i="1"/>
  <c r="AD48148" i="1"/>
  <c r="AD48149" i="1"/>
  <c r="AD48150" i="1"/>
  <c r="AD48152" i="1"/>
  <c r="AD48153" i="1"/>
  <c r="AD48154" i="1"/>
  <c r="AD48155" i="1"/>
  <c r="AD48156" i="1"/>
  <c r="AD48157" i="1"/>
  <c r="AD48158" i="1"/>
  <c r="AD48159" i="1"/>
  <c r="AD48160" i="1"/>
  <c r="AD48161" i="1"/>
  <c r="AD48162" i="1"/>
  <c r="AD48164" i="1"/>
  <c r="AD48165" i="1"/>
  <c r="AD48166" i="1"/>
  <c r="AD48167" i="1"/>
  <c r="AD48168" i="1"/>
  <c r="AD48169" i="1"/>
  <c r="AD48170" i="1"/>
  <c r="AD48171" i="1"/>
  <c r="AD48172" i="1"/>
  <c r="AD48173" i="1"/>
  <c r="AD48174" i="1"/>
  <c r="AD48176" i="1"/>
  <c r="AD48177" i="1"/>
  <c r="AD48178" i="1"/>
  <c r="AD48179" i="1"/>
  <c r="AD48180" i="1"/>
  <c r="AD48181" i="1"/>
  <c r="AD48182" i="1"/>
  <c r="AD48183" i="1"/>
  <c r="AD48184" i="1"/>
  <c r="AD48185" i="1"/>
  <c r="AD48186" i="1"/>
  <c r="AD48188" i="1"/>
  <c r="AD48189" i="1"/>
  <c r="AD48190" i="1"/>
  <c r="AD48191" i="1"/>
  <c r="AD48192" i="1"/>
  <c r="AD48193" i="1"/>
  <c r="AD48194" i="1"/>
  <c r="AD48195" i="1"/>
  <c r="AD48196" i="1"/>
  <c r="AD48197" i="1"/>
  <c r="AD48198" i="1"/>
  <c r="AD48200" i="1"/>
  <c r="AD48201" i="1"/>
  <c r="AD48202" i="1"/>
  <c r="AD48203" i="1"/>
  <c r="AD48204" i="1"/>
  <c r="AD48205" i="1"/>
  <c r="AD48206" i="1"/>
  <c r="AD48207" i="1"/>
  <c r="AD48208" i="1"/>
  <c r="AD48209" i="1"/>
  <c r="AD48210" i="1"/>
  <c r="AD48212" i="1"/>
  <c r="AD48213" i="1"/>
  <c r="AD48214" i="1"/>
  <c r="AD48215" i="1"/>
  <c r="AD48216" i="1"/>
  <c r="AD48217" i="1"/>
  <c r="AD48218" i="1"/>
  <c r="AD48219" i="1"/>
  <c r="AD48220" i="1"/>
  <c r="AD48221" i="1"/>
  <c r="AD48222" i="1"/>
  <c r="AD48224" i="1"/>
  <c r="AD48225" i="1"/>
  <c r="AD48226" i="1"/>
  <c r="AD48227" i="1"/>
  <c r="AD48228" i="1"/>
  <c r="AD48229" i="1"/>
  <c r="AD48230" i="1"/>
  <c r="AD48231" i="1"/>
  <c r="AD48232" i="1"/>
  <c r="AD48233" i="1"/>
  <c r="AD48234" i="1"/>
  <c r="AD48236" i="1"/>
  <c r="AD48237" i="1"/>
  <c r="AD48238" i="1"/>
  <c r="AD48239" i="1"/>
  <c r="AD48240" i="1"/>
  <c r="AD48241" i="1"/>
  <c r="AD48242" i="1"/>
  <c r="AD48243" i="1"/>
  <c r="AD48244" i="1"/>
  <c r="AD48245" i="1"/>
  <c r="AD48246" i="1"/>
  <c r="AD48248" i="1"/>
  <c r="AD48249" i="1"/>
  <c r="AD48250" i="1"/>
  <c r="AD48251" i="1"/>
  <c r="AD48252" i="1"/>
  <c r="AD48253" i="1"/>
  <c r="AD48254" i="1"/>
  <c r="AD48255" i="1"/>
  <c r="AD48256" i="1"/>
  <c r="AD48257" i="1"/>
  <c r="AD48258" i="1"/>
  <c r="AD48260" i="1"/>
  <c r="AD48261" i="1"/>
  <c r="AD48262" i="1"/>
  <c r="AD48263" i="1"/>
  <c r="AD48264" i="1"/>
  <c r="AD48265" i="1"/>
  <c r="AD48266" i="1"/>
  <c r="AD48267" i="1"/>
  <c r="AD48268" i="1"/>
  <c r="AD48269" i="1"/>
  <c r="AD48270" i="1"/>
  <c r="AD48272" i="1"/>
  <c r="AD48273" i="1"/>
  <c r="AD48274" i="1"/>
  <c r="AD48275" i="1"/>
  <c r="AD48276" i="1"/>
  <c r="AD48277" i="1"/>
  <c r="AD48278" i="1"/>
  <c r="AD48279" i="1"/>
  <c r="AD48280" i="1"/>
  <c r="AD48281" i="1"/>
  <c r="AD48282" i="1"/>
  <c r="AD48284" i="1"/>
  <c r="AD48285" i="1"/>
  <c r="AD48286" i="1"/>
  <c r="AD48287" i="1"/>
  <c r="AD48288" i="1"/>
  <c r="AD48289" i="1"/>
  <c r="AD48290" i="1"/>
  <c r="AD48291" i="1"/>
  <c r="AD48292" i="1"/>
  <c r="AD48293" i="1"/>
  <c r="AD48294" i="1"/>
  <c r="AD48296" i="1"/>
  <c r="AD48297" i="1"/>
  <c r="AD48298" i="1"/>
  <c r="AD48299" i="1"/>
  <c r="AD48300" i="1"/>
  <c r="AD48301" i="1"/>
  <c r="AD48302" i="1"/>
  <c r="AD48303" i="1"/>
  <c r="AD48304" i="1"/>
  <c r="AD48305" i="1"/>
  <c r="AD48306" i="1"/>
  <c r="AD48308" i="1"/>
  <c r="AD48309" i="1"/>
  <c r="AD48310" i="1"/>
  <c r="AD48311" i="1"/>
  <c r="AD48312" i="1"/>
  <c r="AD48313" i="1"/>
  <c r="AD48314" i="1"/>
  <c r="AD48315" i="1"/>
  <c r="AD48316" i="1"/>
  <c r="AD48317" i="1"/>
  <c r="AD48318" i="1"/>
  <c r="AD48320" i="1"/>
  <c r="AD48321" i="1"/>
  <c r="AD48322" i="1"/>
  <c r="AD48323" i="1"/>
  <c r="AD48324" i="1"/>
  <c r="AD48325" i="1"/>
  <c r="AD48326" i="1"/>
  <c r="AD48327" i="1"/>
  <c r="AD48328" i="1"/>
  <c r="AD48329" i="1"/>
  <c r="AD48330" i="1"/>
  <c r="AD48332" i="1"/>
  <c r="AD48333" i="1"/>
  <c r="AD48334" i="1"/>
  <c r="AD48335" i="1"/>
  <c r="AD48336" i="1"/>
  <c r="AD48337" i="1"/>
  <c r="AD48338" i="1"/>
  <c r="AD48339" i="1"/>
  <c r="AD48340" i="1"/>
  <c r="AD48341" i="1"/>
  <c r="AD48342" i="1"/>
  <c r="AD48344" i="1"/>
  <c r="AD48345" i="1"/>
  <c r="AD48346" i="1"/>
  <c r="AD48347" i="1"/>
  <c r="AD48348" i="1"/>
  <c r="AD48349" i="1"/>
  <c r="AD48350" i="1"/>
  <c r="AD48351" i="1"/>
  <c r="AD48352" i="1"/>
  <c r="AD48353" i="1"/>
  <c r="AD48354" i="1"/>
  <c r="AD48356" i="1"/>
  <c r="AD48357" i="1"/>
  <c r="AD48358" i="1"/>
  <c r="AD48359" i="1"/>
  <c r="AD48360" i="1"/>
  <c r="AD48361" i="1"/>
  <c r="AD48362" i="1"/>
  <c r="AD48363" i="1"/>
  <c r="AD48364" i="1"/>
  <c r="AD48365" i="1"/>
  <c r="AD48366" i="1"/>
  <c r="AD48368" i="1"/>
  <c r="AD48369" i="1"/>
  <c r="AD48370" i="1"/>
  <c r="AD48371" i="1"/>
  <c r="AD48372" i="1"/>
  <c r="AD48373" i="1"/>
  <c r="AD48374" i="1"/>
  <c r="AD48375" i="1"/>
  <c r="AD48376" i="1"/>
  <c r="AD48377" i="1"/>
  <c r="AD48378" i="1"/>
  <c r="AD48380" i="1"/>
  <c r="AD48381" i="1"/>
  <c r="AD48382" i="1"/>
  <c r="AD48383" i="1"/>
  <c r="AD48384" i="1"/>
  <c r="AD48385" i="1"/>
  <c r="AD48386" i="1"/>
  <c r="AD48387" i="1"/>
  <c r="AD48388" i="1"/>
  <c r="AD48389" i="1"/>
  <c r="AD48390" i="1"/>
  <c r="AD48392" i="1"/>
  <c r="AD48393" i="1"/>
  <c r="AD48394" i="1"/>
  <c r="AD48395" i="1"/>
  <c r="AD48396" i="1"/>
  <c r="AD48397" i="1"/>
  <c r="AD48398" i="1"/>
  <c r="AD48399" i="1"/>
  <c r="AD48400" i="1"/>
  <c r="AD48401" i="1"/>
  <c r="AD48402" i="1"/>
  <c r="AD48404" i="1"/>
  <c r="AD48405" i="1"/>
  <c r="AD48406" i="1"/>
  <c r="AD48407" i="1"/>
  <c r="AD48408" i="1"/>
  <c r="AD48409" i="1"/>
  <c r="AD48410" i="1"/>
  <c r="AD48411" i="1"/>
  <c r="AD48412" i="1"/>
  <c r="AD48413" i="1"/>
  <c r="AD48414" i="1"/>
  <c r="AD48416" i="1"/>
  <c r="AD48417" i="1"/>
  <c r="AD48418" i="1"/>
  <c r="AD48419" i="1"/>
  <c r="AD48420" i="1"/>
  <c r="AD48421" i="1"/>
  <c r="AD48422" i="1"/>
  <c r="AD48423" i="1"/>
  <c r="AD48424" i="1"/>
  <c r="AD48425" i="1"/>
  <c r="AD48426" i="1"/>
  <c r="AD48428" i="1"/>
  <c r="AD48429" i="1"/>
  <c r="AD48430" i="1"/>
  <c r="AD48431" i="1"/>
  <c r="AD48432" i="1"/>
  <c r="AD48433" i="1"/>
  <c r="AD48434" i="1"/>
  <c r="AD48435" i="1"/>
  <c r="AD48436" i="1"/>
  <c r="AD48437" i="1"/>
  <c r="AD48438" i="1"/>
  <c r="AD48440" i="1"/>
  <c r="AD48441" i="1"/>
  <c r="AD48442" i="1"/>
  <c r="AD48443" i="1"/>
  <c r="AD48444" i="1"/>
  <c r="AD48445" i="1"/>
  <c r="AD48446" i="1"/>
  <c r="AD48447" i="1"/>
  <c r="AD48448" i="1"/>
  <c r="AD48449" i="1"/>
  <c r="AD48450" i="1"/>
  <c r="AD48452" i="1"/>
  <c r="AD48453" i="1"/>
  <c r="AD48454" i="1"/>
  <c r="AD48455" i="1"/>
  <c r="AD48456" i="1"/>
  <c r="AD48457" i="1"/>
  <c r="AD48458" i="1"/>
  <c r="AD48459" i="1"/>
  <c r="AD48460" i="1"/>
  <c r="AD48461" i="1"/>
  <c r="AD48462" i="1"/>
  <c r="AD48464" i="1"/>
  <c r="AD48465" i="1"/>
  <c r="AD48466" i="1"/>
  <c r="AD48467" i="1"/>
  <c r="AD48468" i="1"/>
  <c r="AD48469" i="1"/>
  <c r="AD48470" i="1"/>
  <c r="AD48471" i="1"/>
  <c r="AD48472" i="1"/>
  <c r="AD48473" i="1"/>
  <c r="AD48474" i="1"/>
  <c r="AD48476" i="1"/>
  <c r="AD48477" i="1"/>
  <c r="AD48478" i="1"/>
  <c r="AD48479" i="1"/>
  <c r="AD48480" i="1"/>
  <c r="AD48481" i="1"/>
  <c r="AD48482" i="1"/>
  <c r="AD48483" i="1"/>
  <c r="AD48484" i="1"/>
  <c r="AD48485" i="1"/>
  <c r="AD48486" i="1"/>
  <c r="AD48488" i="1"/>
  <c r="AD48489" i="1"/>
  <c r="AD48490" i="1"/>
  <c r="AD48491" i="1"/>
  <c r="AD48492" i="1"/>
  <c r="AD48493" i="1"/>
  <c r="AD48494" i="1"/>
  <c r="AD48495" i="1"/>
  <c r="AD48496" i="1"/>
  <c r="AD48497" i="1"/>
  <c r="AD48498" i="1"/>
  <c r="AD48500" i="1"/>
  <c r="AD48501" i="1"/>
  <c r="AD48502" i="1"/>
  <c r="AD48503" i="1"/>
  <c r="AD48504" i="1"/>
  <c r="AD48505" i="1"/>
  <c r="AD48506" i="1"/>
  <c r="AD48507" i="1"/>
  <c r="AD48508" i="1"/>
  <c r="AD48509" i="1"/>
  <c r="AD48510" i="1"/>
  <c r="AD48512" i="1"/>
  <c r="AD48513" i="1"/>
  <c r="AD48514" i="1"/>
  <c r="AD48515" i="1"/>
  <c r="AD48516" i="1"/>
  <c r="AD48517" i="1"/>
  <c r="AD48518" i="1"/>
  <c r="AD48519" i="1"/>
  <c r="AD48520" i="1"/>
  <c r="AD48521" i="1"/>
  <c r="AD48522" i="1"/>
  <c r="AD48524" i="1"/>
  <c r="AD48525" i="1"/>
  <c r="AD48526" i="1"/>
  <c r="AD48527" i="1"/>
  <c r="AD48528" i="1"/>
  <c r="AD48529" i="1"/>
  <c r="AD48530" i="1"/>
  <c r="AD48531" i="1"/>
  <c r="AD48532" i="1"/>
  <c r="AD48533" i="1"/>
  <c r="AD48534" i="1"/>
  <c r="AD48536" i="1"/>
  <c r="AD48537" i="1"/>
  <c r="AD48538" i="1"/>
  <c r="AD48539" i="1"/>
  <c r="AD48540" i="1"/>
  <c r="AD48541" i="1"/>
  <c r="AD48542" i="1"/>
  <c r="AD48543" i="1"/>
  <c r="AD48544" i="1"/>
  <c r="AD48545" i="1"/>
  <c r="AD48546" i="1"/>
  <c r="AD48548" i="1"/>
  <c r="AD48549" i="1"/>
  <c r="AD48550" i="1"/>
  <c r="AD48551" i="1"/>
  <c r="AD48552" i="1"/>
  <c r="AD48553" i="1"/>
  <c r="AD48554" i="1"/>
  <c r="AD48555" i="1"/>
  <c r="AD48556" i="1"/>
  <c r="AD48557" i="1"/>
  <c r="AD48558" i="1"/>
  <c r="AD48560" i="1"/>
  <c r="AD48561" i="1"/>
  <c r="AD48562" i="1"/>
  <c r="AD48563" i="1"/>
  <c r="AD48564" i="1"/>
  <c r="AD48565" i="1"/>
  <c r="AD48566" i="1"/>
  <c r="AD48567" i="1"/>
  <c r="AD48568" i="1"/>
  <c r="AD48569" i="1"/>
  <c r="AD48570" i="1"/>
  <c r="AD48572" i="1"/>
  <c r="AD48573" i="1"/>
  <c r="AD48574" i="1"/>
  <c r="AD48575" i="1"/>
  <c r="AD48576" i="1"/>
  <c r="AD48577" i="1"/>
  <c r="AD48578" i="1"/>
  <c r="AD48579" i="1"/>
  <c r="AD48580" i="1"/>
  <c r="AD48581" i="1"/>
  <c r="AD48582" i="1"/>
  <c r="AD48584" i="1"/>
  <c r="AD48585" i="1"/>
  <c r="AD48586" i="1"/>
  <c r="AD48587" i="1"/>
  <c r="AD48588" i="1"/>
  <c r="AD48589" i="1"/>
  <c r="AD48590" i="1"/>
  <c r="AD48591" i="1"/>
  <c r="AD48592" i="1"/>
  <c r="AD48593" i="1"/>
  <c r="AD48594" i="1"/>
  <c r="AD48596" i="1"/>
  <c r="AD48597" i="1"/>
  <c r="AD48598" i="1"/>
  <c r="AD48599" i="1"/>
  <c r="AD48600" i="1"/>
  <c r="AD48601" i="1"/>
  <c r="AD48602" i="1"/>
  <c r="AD48603" i="1"/>
  <c r="AD48604" i="1"/>
  <c r="AD48605" i="1"/>
  <c r="AD48606" i="1"/>
  <c r="AD48608" i="1"/>
  <c r="AD48609" i="1"/>
  <c r="AD48610" i="1"/>
  <c r="AD48611" i="1"/>
  <c r="AD48612" i="1"/>
  <c r="AD48613" i="1"/>
  <c r="AD48614" i="1"/>
  <c r="AD48615" i="1"/>
  <c r="AD48616" i="1"/>
  <c r="AD48617" i="1"/>
  <c r="AD48618" i="1"/>
  <c r="AD48620" i="1"/>
  <c r="AD48621" i="1"/>
  <c r="AD48622" i="1"/>
  <c r="AD48623" i="1"/>
  <c r="AD48624" i="1"/>
  <c r="AD48625" i="1"/>
  <c r="AD48626" i="1"/>
  <c r="AD48627" i="1"/>
  <c r="AD48628" i="1"/>
  <c r="AD48629" i="1"/>
  <c r="AD48630" i="1"/>
  <c r="AD48632" i="1"/>
  <c r="AD48633" i="1"/>
  <c r="AD48634" i="1"/>
  <c r="AD48635" i="1"/>
  <c r="AD48636" i="1"/>
  <c r="AD48637" i="1"/>
  <c r="AD48638" i="1"/>
  <c r="AD48639" i="1"/>
  <c r="AD48640" i="1"/>
  <c r="AD48641" i="1"/>
  <c r="AD48642" i="1"/>
  <c r="AD48644" i="1"/>
  <c r="AD48645" i="1"/>
  <c r="AD48646" i="1"/>
  <c r="AD48647" i="1"/>
  <c r="AD48648" i="1"/>
  <c r="AD48649" i="1"/>
  <c r="AD48650" i="1"/>
  <c r="AD48651" i="1"/>
  <c r="AD48652" i="1"/>
  <c r="AD48653" i="1"/>
  <c r="AD48654" i="1"/>
  <c r="AD48656" i="1"/>
  <c r="AD48657" i="1"/>
  <c r="AD48658" i="1"/>
  <c r="AD48659" i="1"/>
  <c r="AD48660" i="1"/>
  <c r="AD48661" i="1"/>
  <c r="AD48662" i="1"/>
  <c r="AD48663" i="1"/>
  <c r="AD48664" i="1"/>
  <c r="AD48665" i="1"/>
  <c r="AD48666" i="1"/>
  <c r="AD48668" i="1"/>
  <c r="AD48669" i="1"/>
  <c r="AD48670" i="1"/>
  <c r="AD48671" i="1"/>
  <c r="AD48672" i="1"/>
  <c r="AD48673" i="1"/>
  <c r="AD48674" i="1"/>
  <c r="AD48675" i="1"/>
  <c r="AD48676" i="1"/>
  <c r="AD48677" i="1"/>
  <c r="AD48678" i="1"/>
  <c r="AD48680" i="1"/>
  <c r="AD48681" i="1"/>
  <c r="AD48682" i="1"/>
  <c r="AD48683" i="1"/>
  <c r="AD48684" i="1"/>
  <c r="AD48685" i="1"/>
  <c r="AD48686" i="1"/>
  <c r="AD48687" i="1"/>
  <c r="AD48688" i="1"/>
  <c r="AD48689" i="1"/>
  <c r="AD48690" i="1"/>
  <c r="AD48692" i="1"/>
  <c r="AD48693" i="1"/>
  <c r="AD48694" i="1"/>
  <c r="AD48695" i="1"/>
  <c r="AD48696" i="1"/>
  <c r="AD48697" i="1"/>
  <c r="AD48698" i="1"/>
  <c r="AD48699" i="1"/>
  <c r="AD48700" i="1"/>
  <c r="AD48701" i="1"/>
  <c r="AD48702" i="1"/>
  <c r="AD48704" i="1"/>
  <c r="AD48705" i="1"/>
  <c r="AD48706" i="1"/>
  <c r="AD48707" i="1"/>
  <c r="AD48708" i="1"/>
  <c r="AD48709" i="1"/>
  <c r="AD48710" i="1"/>
  <c r="AD48711" i="1"/>
  <c r="AD48712" i="1"/>
  <c r="AD48713" i="1"/>
  <c r="AD48714" i="1"/>
  <c r="AD48716" i="1"/>
  <c r="AD48717" i="1"/>
  <c r="AD48718" i="1"/>
  <c r="AD48719" i="1"/>
  <c r="AD48720" i="1"/>
  <c r="AD48721" i="1"/>
  <c r="AD48722" i="1"/>
  <c r="AD48723" i="1"/>
  <c r="AD48724" i="1"/>
  <c r="AD48725" i="1"/>
  <c r="AD48726" i="1"/>
  <c r="AD48728" i="1"/>
  <c r="AD48729" i="1"/>
  <c r="AD48730" i="1"/>
  <c r="AD48731" i="1"/>
  <c r="AD48732" i="1"/>
  <c r="AD48733" i="1"/>
  <c r="AD48734" i="1"/>
  <c r="AD48735" i="1"/>
  <c r="AD48736" i="1"/>
  <c r="AD48737" i="1"/>
  <c r="AD48738" i="1"/>
  <c r="AD48740" i="1"/>
  <c r="AD48741" i="1"/>
  <c r="AD48742" i="1"/>
  <c r="AD48743" i="1"/>
  <c r="AD48744" i="1"/>
  <c r="AD48745" i="1"/>
  <c r="AD48746" i="1"/>
  <c r="AD48747" i="1"/>
  <c r="AD48748" i="1"/>
  <c r="AD48749" i="1"/>
  <c r="AD48750" i="1"/>
  <c r="AD48752" i="1"/>
  <c r="AD48753" i="1"/>
  <c r="AD48754" i="1"/>
  <c r="AD48755" i="1"/>
  <c r="AD48756" i="1"/>
  <c r="AD48757" i="1"/>
  <c r="AD48758" i="1"/>
  <c r="AD48759" i="1"/>
  <c r="AD48760" i="1"/>
  <c r="AD48761" i="1"/>
  <c r="AD48762" i="1"/>
  <c r="AD48764" i="1"/>
  <c r="AD48765" i="1"/>
  <c r="AD48766" i="1"/>
  <c r="AD48767" i="1"/>
  <c r="AD48768" i="1"/>
  <c r="AD48769" i="1"/>
  <c r="AD48770" i="1"/>
  <c r="AD48771" i="1"/>
  <c r="AD48772" i="1"/>
  <c r="AD48773" i="1"/>
  <c r="AD48774" i="1"/>
  <c r="AD48776" i="1"/>
  <c r="AD48777" i="1"/>
  <c r="AD48778" i="1"/>
  <c r="AD48779" i="1"/>
  <c r="AD48780" i="1"/>
  <c r="AD48781" i="1"/>
  <c r="AD48782" i="1"/>
  <c r="AD48783" i="1"/>
  <c r="AD48784" i="1"/>
  <c r="AD48785" i="1"/>
  <c r="AD48786" i="1"/>
  <c r="AD48788" i="1"/>
  <c r="AD48789" i="1"/>
  <c r="AD48790" i="1"/>
  <c r="AD48791" i="1"/>
  <c r="AD48792" i="1"/>
  <c r="AD48793" i="1"/>
  <c r="AD48794" i="1"/>
  <c r="AD48795" i="1"/>
  <c r="AD48796" i="1"/>
  <c r="AD48797" i="1"/>
  <c r="AD48798" i="1"/>
  <c r="AD48800" i="1"/>
  <c r="AD48801" i="1"/>
  <c r="AD48802" i="1"/>
  <c r="AD48803" i="1"/>
  <c r="AD48804" i="1"/>
  <c r="AD48805" i="1"/>
  <c r="AD48806" i="1"/>
  <c r="AD48807" i="1"/>
  <c r="AD48808" i="1"/>
  <c r="AD48809" i="1"/>
  <c r="AD48810" i="1"/>
  <c r="AD48812" i="1"/>
  <c r="AD48813" i="1"/>
  <c r="AD48814" i="1"/>
  <c r="AD48815" i="1"/>
  <c r="AD48816" i="1"/>
  <c r="AD48817" i="1"/>
  <c r="AD48818" i="1"/>
  <c r="AD48819" i="1"/>
  <c r="AD48820" i="1"/>
  <c r="AD48821" i="1"/>
  <c r="AD48822" i="1"/>
  <c r="AD48824" i="1"/>
  <c r="AD48825" i="1"/>
  <c r="AD48826" i="1"/>
  <c r="AD48827" i="1"/>
  <c r="AD48828" i="1"/>
  <c r="AD48829" i="1"/>
  <c r="AD48830" i="1"/>
  <c r="AD48831" i="1"/>
  <c r="AD48832" i="1"/>
  <c r="AD48833" i="1"/>
  <c r="AD48834" i="1"/>
  <c r="AD48836" i="1"/>
  <c r="AD48837" i="1"/>
  <c r="AD48838" i="1"/>
  <c r="AD48839" i="1"/>
  <c r="AD48840" i="1"/>
  <c r="AD48841" i="1"/>
  <c r="AD48842" i="1"/>
  <c r="AD48843" i="1"/>
  <c r="AD48844" i="1"/>
  <c r="AD48845" i="1"/>
  <c r="AD48846" i="1"/>
  <c r="AD48848" i="1"/>
  <c r="AD48849" i="1"/>
  <c r="AD48850" i="1"/>
  <c r="AD48851" i="1"/>
  <c r="AD48852" i="1"/>
  <c r="AD48854" i="1"/>
  <c r="AD48855" i="1"/>
  <c r="AD48856" i="1"/>
  <c r="AD48857" i="1"/>
  <c r="AD48858" i="1"/>
  <c r="AD48859" i="1"/>
  <c r="AD48860" i="1"/>
  <c r="AD48861" i="1"/>
  <c r="AD48862" i="1"/>
  <c r="AD48863" i="1"/>
  <c r="AD48864" i="1"/>
  <c r="AD48865" i="1"/>
  <c r="AD48866" i="1"/>
  <c r="AD48867" i="1"/>
  <c r="AD48868" i="1"/>
  <c r="AD48869" i="1"/>
  <c r="AD48870" i="1"/>
  <c r="AD48871" i="1"/>
  <c r="AD48872" i="1"/>
  <c r="AD48873" i="1"/>
  <c r="AD48874" i="1"/>
  <c r="AD48875" i="1"/>
  <c r="AD48876" i="1"/>
  <c r="AD48877" i="1"/>
  <c r="AD48878" i="1"/>
  <c r="AD48879" i="1"/>
  <c r="AD48880" i="1"/>
  <c r="AD48881" i="1"/>
  <c r="AD48882" i="1"/>
  <c r="AD48883" i="1"/>
  <c r="AD48884" i="1"/>
  <c r="AD48885" i="1"/>
  <c r="AD48886" i="1"/>
  <c r="AD48887" i="1"/>
  <c r="AD48888" i="1"/>
  <c r="AD48890" i="1"/>
  <c r="AD48891" i="1"/>
  <c r="AD48892" i="1"/>
  <c r="AD48893" i="1"/>
  <c r="AD48894" i="1"/>
  <c r="AD48895" i="1"/>
  <c r="AD48896" i="1"/>
  <c r="AD48897" i="1"/>
  <c r="AD48898" i="1"/>
  <c r="AD48899" i="1"/>
  <c r="AD48900" i="1"/>
  <c r="AD48902" i="1"/>
  <c r="AD48903" i="1"/>
  <c r="AD48904" i="1"/>
  <c r="AD48905" i="1"/>
  <c r="AD48906" i="1"/>
  <c r="AD48908" i="1"/>
  <c r="AD48909" i="1"/>
  <c r="AD48910" i="1"/>
  <c r="AD48911" i="1"/>
  <c r="AD48912" i="1"/>
  <c r="AD48914" i="1"/>
  <c r="AD48915" i="1"/>
  <c r="AD48916" i="1"/>
  <c r="AD48917" i="1"/>
  <c r="AD48918" i="1"/>
  <c r="AD48919" i="1"/>
  <c r="AD48920" i="1"/>
  <c r="AD48921" i="1"/>
  <c r="AD48922" i="1"/>
  <c r="AD48923" i="1"/>
  <c r="AD48924" i="1"/>
  <c r="AD48926" i="1"/>
  <c r="AD48927" i="1"/>
  <c r="AD48928" i="1"/>
  <c r="AD48929" i="1"/>
  <c r="AD48930" i="1"/>
  <c r="AD48931" i="1"/>
  <c r="AD48932" i="1"/>
  <c r="AD48933" i="1"/>
  <c r="AD48934" i="1"/>
  <c r="AD48935" i="1"/>
  <c r="AD48936" i="1"/>
  <c r="AD48938" i="1"/>
  <c r="AD48939" i="1"/>
  <c r="AD48940" i="1"/>
  <c r="AD48941" i="1"/>
  <c r="AD48942" i="1"/>
  <c r="AD48943" i="1"/>
  <c r="AD48944" i="1"/>
  <c r="AD48945" i="1"/>
  <c r="AD48946" i="1"/>
  <c r="AD48947" i="1"/>
  <c r="AD48948" i="1"/>
  <c r="AD48950" i="1"/>
  <c r="AD48951" i="1"/>
  <c r="AD48952" i="1"/>
  <c r="AD48953" i="1"/>
  <c r="AD48954" i="1"/>
  <c r="AD48955" i="1"/>
  <c r="AD48956" i="1"/>
  <c r="AD48957" i="1"/>
  <c r="AD48958" i="1"/>
  <c r="AD48959" i="1"/>
  <c r="AD48960" i="1"/>
  <c r="AD48962" i="1"/>
  <c r="AD48963" i="1"/>
  <c r="AD48964" i="1"/>
  <c r="AD48965" i="1"/>
  <c r="AD48966" i="1"/>
  <c r="AD48967" i="1"/>
  <c r="AD48968" i="1"/>
  <c r="AD48969" i="1"/>
  <c r="AD48970" i="1"/>
  <c r="AD48971" i="1"/>
  <c r="AD48972" i="1"/>
  <c r="AD48974" i="1"/>
  <c r="AD48975" i="1"/>
  <c r="AD48976" i="1"/>
  <c r="AD48977" i="1"/>
  <c r="AD48978" i="1"/>
  <c r="AD48979" i="1"/>
  <c r="AD48980" i="1"/>
  <c r="AD48981" i="1"/>
  <c r="AD48982" i="1"/>
  <c r="AD48983" i="1"/>
  <c r="AD48984" i="1"/>
  <c r="AD48986" i="1"/>
  <c r="AD48987" i="1"/>
  <c r="AD48988" i="1"/>
  <c r="AD48989" i="1"/>
  <c r="AD48990" i="1"/>
  <c r="AD48991" i="1"/>
  <c r="AD48992" i="1"/>
  <c r="AD48993" i="1"/>
  <c r="AD48994" i="1"/>
  <c r="AD48995" i="1"/>
  <c r="AD48996" i="1"/>
  <c r="AD48998" i="1"/>
  <c r="AD48999" i="1"/>
  <c r="AD49000" i="1"/>
  <c r="AD49001" i="1"/>
  <c r="AD49002" i="1"/>
  <c r="AD49003" i="1"/>
  <c r="AD49004" i="1"/>
  <c r="AD49005" i="1"/>
  <c r="AD49006" i="1"/>
  <c r="AD49007" i="1"/>
  <c r="AD49008" i="1"/>
  <c r="AD49010" i="1"/>
  <c r="AD49011" i="1"/>
  <c r="AD49012" i="1"/>
  <c r="AD49013" i="1"/>
  <c r="AD49014" i="1"/>
  <c r="AD49016" i="1"/>
  <c r="AD49017" i="1"/>
  <c r="AD49018" i="1"/>
  <c r="AD49019" i="1"/>
  <c r="AD49020" i="1"/>
  <c r="AD49022" i="1"/>
  <c r="AD49023" i="1"/>
  <c r="AD49024" i="1"/>
  <c r="AD49025" i="1"/>
  <c r="AD49026" i="1"/>
  <c r="AD49027" i="1"/>
  <c r="AD49028" i="1"/>
  <c r="AD49029" i="1"/>
  <c r="AD49030" i="1"/>
  <c r="AD49031" i="1"/>
  <c r="AD49032" i="1"/>
  <c r="AD49034" i="1"/>
  <c r="AD49035" i="1"/>
  <c r="AD49036" i="1"/>
  <c r="AD49037" i="1"/>
  <c r="AD49038" i="1"/>
  <c r="AD49039" i="1"/>
  <c r="AD49040" i="1"/>
  <c r="AD49041" i="1"/>
  <c r="AD49042" i="1"/>
  <c r="AD49043" i="1"/>
  <c r="AD49044" i="1"/>
  <c r="AD49046" i="1"/>
  <c r="AD49047" i="1"/>
  <c r="AD49048" i="1"/>
  <c r="AD49049" i="1"/>
  <c r="AD49050" i="1"/>
  <c r="AD49052" i="1"/>
  <c r="AD49053" i="1"/>
  <c r="AD49054" i="1"/>
  <c r="AD49055" i="1"/>
  <c r="AD49056" i="1"/>
  <c r="AD49058" i="1"/>
  <c r="AD49059" i="1"/>
  <c r="AD49060" i="1"/>
  <c r="AD49061" i="1"/>
  <c r="AD49062" i="1"/>
  <c r="AD49063" i="1"/>
  <c r="AD49064" i="1"/>
  <c r="AD49065" i="1"/>
  <c r="AD49066" i="1"/>
  <c r="AD49067" i="1"/>
  <c r="AD49068" i="1"/>
  <c r="AD49070" i="1"/>
  <c r="AD49071" i="1"/>
  <c r="AD49072" i="1"/>
  <c r="AD49073" i="1"/>
  <c r="AD49074" i="1"/>
  <c r="AD49075" i="1"/>
  <c r="AD49076" i="1"/>
  <c r="AD49077" i="1"/>
  <c r="AD49078" i="1"/>
  <c r="AD49079" i="1"/>
  <c r="AD49080" i="1"/>
  <c r="AD49082" i="1"/>
  <c r="AD49083" i="1"/>
  <c r="AD49084" i="1"/>
  <c r="AD49085" i="1"/>
  <c r="AD49086" i="1"/>
  <c r="AD49087" i="1"/>
  <c r="AD49088" i="1"/>
  <c r="AD49089" i="1"/>
  <c r="AD49090" i="1"/>
  <c r="AD49091" i="1"/>
  <c r="AD49092" i="1"/>
  <c r="AD49094" i="1"/>
  <c r="AD49095" i="1"/>
  <c r="AD49096" i="1"/>
  <c r="AD49097" i="1"/>
  <c r="AD49098" i="1"/>
  <c r="AD49099" i="1"/>
  <c r="AD49100" i="1"/>
  <c r="AD49101" i="1"/>
  <c r="AD49102" i="1"/>
  <c r="AD49103" i="1"/>
  <c r="AD49104" i="1"/>
  <c r="AD49106" i="1"/>
  <c r="AD49107" i="1"/>
  <c r="AD49108" i="1"/>
  <c r="AD49109" i="1"/>
  <c r="AD49110" i="1"/>
  <c r="AD49111" i="1"/>
  <c r="AD49112" i="1"/>
  <c r="AD49113" i="1"/>
  <c r="AD49114" i="1"/>
  <c r="AD49115" i="1"/>
  <c r="AD49116" i="1"/>
  <c r="AD49118" i="1"/>
  <c r="AD49119" i="1"/>
  <c r="AD49120" i="1"/>
  <c r="AD49121" i="1"/>
  <c r="AD49122" i="1"/>
  <c r="AD49123" i="1"/>
  <c r="AD49124" i="1"/>
  <c r="AD49125" i="1"/>
  <c r="AD49126" i="1"/>
  <c r="AD49127" i="1"/>
  <c r="AD49128" i="1"/>
  <c r="AD49130" i="1"/>
  <c r="AD49131" i="1"/>
  <c r="AD49132" i="1"/>
  <c r="AD49133" i="1"/>
  <c r="AD49134" i="1"/>
  <c r="AD49136" i="1"/>
  <c r="AD49137" i="1"/>
  <c r="AD49138" i="1"/>
  <c r="AD49139" i="1"/>
  <c r="AD49140" i="1"/>
  <c r="AD49142" i="1"/>
  <c r="AD49143" i="1"/>
  <c r="AD49144" i="1"/>
  <c r="AD49145" i="1"/>
  <c r="AD49146" i="1"/>
  <c r="AD49147" i="1"/>
  <c r="AD49148" i="1"/>
  <c r="AD49149" i="1"/>
  <c r="AD49150" i="1"/>
  <c r="AD49151" i="1"/>
  <c r="AD49152" i="1"/>
  <c r="AD49154" i="1"/>
  <c r="AD49155" i="1"/>
  <c r="AD49156" i="1"/>
  <c r="AD49157" i="1"/>
  <c r="AD49158" i="1"/>
  <c r="AD49160" i="1"/>
  <c r="AD49161" i="1"/>
  <c r="AD49162" i="1"/>
  <c r="AD49163" i="1"/>
  <c r="AD49164" i="1"/>
  <c r="AD49166" i="1"/>
  <c r="AD49167" i="1"/>
  <c r="AD49168" i="1"/>
  <c r="AD49169" i="1"/>
  <c r="AD49170" i="1"/>
  <c r="AD49171" i="1"/>
  <c r="AD49172" i="1"/>
  <c r="AD49173" i="1"/>
  <c r="AD49174" i="1"/>
  <c r="AD49175" i="1"/>
  <c r="AD49176" i="1"/>
  <c r="AD49178" i="1"/>
  <c r="AD49179" i="1"/>
  <c r="AD49180" i="1"/>
  <c r="AD49181" i="1"/>
  <c r="AD49182" i="1"/>
  <c r="AD49183" i="1"/>
  <c r="AD49184" i="1"/>
  <c r="AD49185" i="1"/>
  <c r="AD49186" i="1"/>
  <c r="AD49187" i="1"/>
  <c r="AD49188" i="1"/>
  <c r="AD49190" i="1"/>
  <c r="AD49191" i="1"/>
  <c r="AD49192" i="1"/>
  <c r="AD49193" i="1"/>
  <c r="AD49194" i="1"/>
  <c r="AD49196" i="1"/>
  <c r="AD49197" i="1"/>
  <c r="AD49198" i="1"/>
  <c r="AD49199" i="1"/>
  <c r="AD49200" i="1"/>
  <c r="AD49202" i="1"/>
  <c r="AD49203" i="1"/>
  <c r="AD49204" i="1"/>
  <c r="AD49205" i="1"/>
  <c r="AD49206" i="1"/>
  <c r="AD49207" i="1"/>
  <c r="AD49208" i="1"/>
  <c r="AD49209" i="1"/>
  <c r="AD49210" i="1"/>
  <c r="AD49211" i="1"/>
  <c r="AD49212" i="1"/>
  <c r="AD49214" i="1"/>
  <c r="AD49215" i="1"/>
  <c r="AD49216" i="1"/>
  <c r="AD49217" i="1"/>
  <c r="AD49218" i="1"/>
  <c r="AD49219" i="1"/>
  <c r="AD49220" i="1"/>
  <c r="AD49221" i="1"/>
  <c r="AD49222" i="1"/>
  <c r="AD49223" i="1"/>
  <c r="AD49224" i="1"/>
  <c r="AD49226" i="1"/>
  <c r="AD49227" i="1"/>
  <c r="AD49228" i="1"/>
  <c r="AD49229" i="1"/>
  <c r="AD49230" i="1"/>
  <c r="AD49231" i="1"/>
  <c r="AD49232" i="1"/>
  <c r="AD49233" i="1"/>
  <c r="AD49234" i="1"/>
  <c r="AD49235" i="1"/>
  <c r="AD49236" i="1"/>
  <c r="AD49238" i="1"/>
  <c r="AD49239" i="1"/>
  <c r="AD49240" i="1"/>
  <c r="AD49241" i="1"/>
  <c r="AD49242" i="1"/>
  <c r="AD49243" i="1"/>
  <c r="AD49244" i="1"/>
  <c r="AD49245" i="1"/>
  <c r="AD49246" i="1"/>
  <c r="AD49247" i="1"/>
  <c r="AD49248" i="1"/>
  <c r="AD49250" i="1"/>
  <c r="AD49251" i="1"/>
  <c r="AD49252" i="1"/>
  <c r="AD49253" i="1"/>
  <c r="AD49254" i="1"/>
  <c r="AD49255" i="1"/>
  <c r="AD49256" i="1"/>
  <c r="AD49257" i="1"/>
  <c r="AD49258" i="1"/>
  <c r="AD49259" i="1"/>
  <c r="AD49260" i="1"/>
  <c r="AD49262" i="1"/>
  <c r="AD49263" i="1"/>
  <c r="AD49264" i="1"/>
  <c r="AD49265" i="1"/>
  <c r="AD49266" i="1"/>
  <c r="AD49267" i="1"/>
  <c r="AD49268" i="1"/>
  <c r="AD49269" i="1"/>
  <c r="AD49270" i="1"/>
  <c r="AD49271" i="1"/>
  <c r="AD49272" i="1"/>
  <c r="AD49274" i="1"/>
  <c r="AD49275" i="1"/>
  <c r="AD49276" i="1"/>
  <c r="AD49277" i="1"/>
  <c r="AD49278" i="1"/>
  <c r="AD49280" i="1"/>
  <c r="AD49281" i="1"/>
  <c r="AD49282" i="1"/>
  <c r="AD49283" i="1"/>
  <c r="AD49284" i="1"/>
  <c r="AD49286" i="1"/>
  <c r="AD49287" i="1"/>
  <c r="AD49288" i="1"/>
  <c r="AD49289" i="1"/>
  <c r="AD49290" i="1"/>
  <c r="AD49291" i="1"/>
  <c r="AD49292" i="1"/>
  <c r="AD49293" i="1"/>
  <c r="AD49294" i="1"/>
  <c r="AD49295" i="1"/>
  <c r="AD49296" i="1"/>
  <c r="AD49298" i="1"/>
  <c r="AD49299" i="1"/>
  <c r="AD49300" i="1"/>
  <c r="AD49301" i="1"/>
  <c r="AD49302" i="1"/>
  <c r="AD49304" i="1"/>
  <c r="AD49305" i="1"/>
  <c r="AD49306" i="1"/>
  <c r="AD49307" i="1"/>
  <c r="AD49308" i="1"/>
  <c r="AD49310" i="1"/>
  <c r="AD49311" i="1"/>
  <c r="AD49312" i="1"/>
  <c r="AD49313" i="1"/>
  <c r="AD49314" i="1"/>
  <c r="AD49315" i="1"/>
  <c r="AD49316" i="1"/>
  <c r="AD49317" i="1"/>
  <c r="AD49318" i="1"/>
  <c r="AD49319" i="1"/>
  <c r="AD49320" i="1"/>
  <c r="AD49322" i="1"/>
  <c r="AD49323" i="1"/>
  <c r="AD49324" i="1"/>
  <c r="AD49325" i="1"/>
  <c r="AD49326" i="1"/>
  <c r="AD49327" i="1"/>
  <c r="AD49328" i="1"/>
  <c r="AD49329" i="1"/>
  <c r="AD49330" i="1"/>
  <c r="AD49331" i="1"/>
  <c r="AD49332" i="1"/>
  <c r="AD49334" i="1"/>
  <c r="AD49335" i="1"/>
  <c r="AD49336" i="1"/>
  <c r="AD49337" i="1"/>
  <c r="AD49338" i="1"/>
  <c r="AD49340" i="1"/>
  <c r="AD49341" i="1"/>
  <c r="AD49342" i="1"/>
  <c r="AD49343" i="1"/>
  <c r="AD49344" i="1"/>
  <c r="AD49346" i="1"/>
  <c r="AD49347" i="1"/>
  <c r="AD49348" i="1"/>
  <c r="AD49349" i="1"/>
  <c r="AD49350" i="1"/>
  <c r="AD49351" i="1"/>
  <c r="AD49352" i="1"/>
  <c r="AD49353" i="1"/>
  <c r="AD49354" i="1"/>
  <c r="AD49355" i="1"/>
  <c r="AD49356" i="1"/>
  <c r="AD49358" i="1"/>
  <c r="AD49359" i="1"/>
  <c r="AD49360" i="1"/>
  <c r="AD49361" i="1"/>
  <c r="AD49362" i="1"/>
  <c r="AD49363" i="1"/>
  <c r="AD49364" i="1"/>
  <c r="AD49365" i="1"/>
  <c r="AD49366" i="1"/>
  <c r="AD49367" i="1"/>
  <c r="AD49368" i="1"/>
  <c r="AD49370" i="1"/>
  <c r="AD49371" i="1"/>
  <c r="AD49372" i="1"/>
  <c r="AD49373" i="1"/>
  <c r="AD49374" i="1"/>
  <c r="AD49375" i="1"/>
  <c r="AD49376" i="1"/>
  <c r="AD49377" i="1"/>
  <c r="AD49378" i="1"/>
  <c r="AD49379" i="1"/>
  <c r="AD49380" i="1"/>
  <c r="AD49382" i="1"/>
  <c r="AD49383" i="1"/>
  <c r="AD49384" i="1"/>
  <c r="AD49385" i="1"/>
  <c r="AD49386" i="1"/>
  <c r="AD49387" i="1"/>
  <c r="AD49388" i="1"/>
  <c r="AD49389" i="1"/>
  <c r="AD49390" i="1"/>
  <c r="AD49391" i="1"/>
  <c r="AD49392" i="1"/>
  <c r="AD49394" i="1"/>
  <c r="AD49395" i="1"/>
  <c r="AD49396" i="1"/>
  <c r="AD49397" i="1"/>
  <c r="AD49398" i="1"/>
  <c r="AD49399" i="1"/>
  <c r="AD49400" i="1"/>
  <c r="AD49401" i="1"/>
  <c r="AD49402" i="1"/>
  <c r="AD49403" i="1"/>
  <c r="AD49404" i="1"/>
  <c r="AD49406" i="1"/>
  <c r="AD49407" i="1"/>
  <c r="AD49408" i="1"/>
  <c r="AD49409" i="1"/>
  <c r="AD49410" i="1"/>
  <c r="AD49411" i="1"/>
  <c r="AD49412" i="1"/>
  <c r="AD49413" i="1"/>
  <c r="AD49414" i="1"/>
  <c r="AD49415" i="1"/>
  <c r="AD49416" i="1"/>
  <c r="AD49418" i="1"/>
  <c r="AD49419" i="1"/>
  <c r="AD49420" i="1"/>
  <c r="AD49421" i="1"/>
  <c r="AD49422" i="1"/>
  <c r="AD49424" i="1"/>
  <c r="AD49425" i="1"/>
  <c r="AD49426" i="1"/>
  <c r="AD49427" i="1"/>
  <c r="AD49428" i="1"/>
  <c r="AD49430" i="1"/>
  <c r="AD49431" i="1"/>
  <c r="AD49432" i="1"/>
  <c r="AD49433" i="1"/>
  <c r="AD49434" i="1"/>
  <c r="AD49435" i="1"/>
  <c r="AD49436" i="1"/>
  <c r="AD49437" i="1"/>
  <c r="AD49438" i="1"/>
  <c r="AD49439" i="1"/>
  <c r="AD49440" i="1"/>
  <c r="AD49442" i="1"/>
  <c r="AD49443" i="1"/>
  <c r="AD49444" i="1"/>
  <c r="AD49445" i="1"/>
  <c r="AD49446" i="1"/>
  <c r="AD49448" i="1"/>
  <c r="AD49449" i="1"/>
  <c r="AD49450" i="1"/>
  <c r="AD49451" i="1"/>
  <c r="AD49452" i="1"/>
  <c r="AD49454" i="1"/>
  <c r="AD49455" i="1"/>
  <c r="AD49456" i="1"/>
  <c r="AD49457" i="1"/>
  <c r="AD49458" i="1"/>
  <c r="AD49459" i="1"/>
  <c r="AD49460" i="1"/>
  <c r="AD49461" i="1"/>
  <c r="AD49462" i="1"/>
  <c r="AD49463" i="1"/>
  <c r="AD49464" i="1"/>
  <c r="AD49466" i="1"/>
  <c r="AD49467" i="1"/>
  <c r="AD49468" i="1"/>
  <c r="AD49469" i="1"/>
  <c r="AD49470" i="1"/>
  <c r="AD49471" i="1"/>
  <c r="AD49472" i="1"/>
  <c r="AD49473" i="1"/>
  <c r="AD49474" i="1"/>
  <c r="AD49475" i="1"/>
  <c r="AD49476" i="1"/>
  <c r="AD49478" i="1"/>
  <c r="AD49479" i="1"/>
  <c r="AD49480" i="1"/>
  <c r="AD49481" i="1"/>
  <c r="AD49482" i="1"/>
  <c r="AD49483" i="1"/>
  <c r="AD49484" i="1"/>
  <c r="AD49485" i="1"/>
  <c r="AD49486" i="1"/>
  <c r="AD49487" i="1"/>
  <c r="AD49488" i="1"/>
  <c r="AD49490" i="1"/>
  <c r="AD49491" i="1"/>
  <c r="AD49492" i="1"/>
  <c r="AD49493" i="1"/>
  <c r="AD49494" i="1"/>
  <c r="AD49495" i="1"/>
  <c r="AD49496" i="1"/>
  <c r="AD49497" i="1"/>
  <c r="AD49498" i="1"/>
  <c r="AD49499" i="1"/>
  <c r="AD49500" i="1"/>
  <c r="AD49502" i="1"/>
  <c r="AD49503" i="1"/>
  <c r="AD49504" i="1"/>
  <c r="AD49505" i="1"/>
  <c r="AD49506" i="1"/>
  <c r="AD49507" i="1"/>
  <c r="AD49508" i="1"/>
  <c r="AD49509" i="1"/>
  <c r="AD49510" i="1"/>
  <c r="AD49511" i="1"/>
  <c r="AD49512" i="1"/>
  <c r="AD49514" i="1"/>
  <c r="AD49515" i="1"/>
  <c r="AD49516" i="1"/>
  <c r="AD49517" i="1"/>
  <c r="AD49518" i="1"/>
  <c r="AD49519" i="1"/>
  <c r="AD49520" i="1"/>
  <c r="AD49521" i="1"/>
  <c r="AD49522" i="1"/>
  <c r="AD49523" i="1"/>
  <c r="AD49524" i="1"/>
  <c r="AD49526" i="1"/>
  <c r="AD49527" i="1"/>
  <c r="AD49528" i="1"/>
  <c r="AD49529" i="1"/>
  <c r="AD49530" i="1"/>
  <c r="AD49531" i="1"/>
  <c r="AD49532" i="1"/>
  <c r="AD49533" i="1"/>
  <c r="AD49534" i="1"/>
  <c r="AD49535" i="1"/>
  <c r="AD49536" i="1"/>
  <c r="AD49538" i="1"/>
  <c r="AD49539" i="1"/>
  <c r="AD49540" i="1"/>
  <c r="AD49541" i="1"/>
  <c r="AD49542" i="1"/>
  <c r="AD49543" i="1"/>
  <c r="AD49544" i="1"/>
  <c r="AD49545" i="1"/>
  <c r="AD49546" i="1"/>
  <c r="AD49547" i="1"/>
  <c r="AD49548" i="1"/>
  <c r="AD49550" i="1"/>
  <c r="AD49551" i="1"/>
  <c r="AD49552" i="1"/>
  <c r="AD49553" i="1"/>
  <c r="AD49554" i="1"/>
  <c r="AD49555" i="1"/>
  <c r="AD49556" i="1"/>
  <c r="AD49557" i="1"/>
  <c r="AD49558" i="1"/>
  <c r="AD49559" i="1"/>
  <c r="AD49560" i="1"/>
  <c r="AD49562" i="1"/>
  <c r="AD49563" i="1"/>
  <c r="AD49564" i="1"/>
  <c r="AD49565" i="1"/>
  <c r="AD49566" i="1"/>
  <c r="AD49568" i="1"/>
  <c r="AD49569" i="1"/>
  <c r="AD49570" i="1"/>
  <c r="AD49571" i="1"/>
  <c r="AD49572" i="1"/>
  <c r="AD49574" i="1"/>
  <c r="AD49575" i="1"/>
  <c r="AD49576" i="1"/>
  <c r="AD49577" i="1"/>
  <c r="AD49578" i="1"/>
  <c r="AD49579" i="1"/>
  <c r="AD49580" i="1"/>
  <c r="AD49581" i="1"/>
  <c r="AD49582" i="1"/>
  <c r="AD49583" i="1"/>
  <c r="AD49584" i="1"/>
  <c r="AD49586" i="1"/>
  <c r="AD49587" i="1"/>
  <c r="AD49588" i="1"/>
  <c r="AD49589" i="1"/>
  <c r="AD49590" i="1"/>
  <c r="AD49592" i="1"/>
  <c r="AD49593" i="1"/>
  <c r="AD49594" i="1"/>
  <c r="AD49595" i="1"/>
  <c r="AD49596" i="1"/>
  <c r="AD49598" i="1"/>
  <c r="AD49599" i="1"/>
  <c r="AD49600" i="1"/>
  <c r="AD49601" i="1"/>
  <c r="AD49602" i="1"/>
  <c r="AD49603" i="1"/>
  <c r="AD49604" i="1"/>
  <c r="AD49605" i="1"/>
  <c r="AD49606" i="1"/>
  <c r="AD49607" i="1"/>
  <c r="AD49608" i="1"/>
  <c r="AD49610" i="1"/>
  <c r="AD49611" i="1"/>
  <c r="AD49612" i="1"/>
  <c r="AD49613" i="1"/>
  <c r="AD49614" i="1"/>
  <c r="AD49615" i="1"/>
  <c r="AD49616" i="1"/>
  <c r="AD49617" i="1"/>
  <c r="AD49618" i="1"/>
  <c r="AD49619" i="1"/>
  <c r="AD49620" i="1"/>
  <c r="AD49622" i="1"/>
  <c r="AD49623" i="1"/>
  <c r="AD49624" i="1"/>
  <c r="AD49625" i="1"/>
  <c r="AD49626" i="1"/>
  <c r="AD49628" i="1"/>
  <c r="AD49629" i="1"/>
  <c r="AD49630" i="1"/>
  <c r="AD49631" i="1"/>
  <c r="AD49632" i="1"/>
  <c r="AD49634" i="1"/>
  <c r="AD49635" i="1"/>
  <c r="AD49636" i="1"/>
  <c r="AD49637" i="1"/>
  <c r="AD49638" i="1"/>
  <c r="AD49639" i="1"/>
  <c r="AD49640" i="1"/>
  <c r="AD49641" i="1"/>
  <c r="AD49642" i="1"/>
  <c r="AD49643" i="1"/>
  <c r="AD49644" i="1"/>
  <c r="AD49646" i="1"/>
  <c r="AD49647" i="1"/>
  <c r="AD49648" i="1"/>
  <c r="AD49649" i="1"/>
  <c r="AD49650" i="1"/>
  <c r="AD49651" i="1"/>
  <c r="AD49652" i="1"/>
  <c r="AD49653" i="1"/>
  <c r="AD49654" i="1"/>
  <c r="AD49655" i="1"/>
  <c r="AD49656" i="1"/>
  <c r="AD49658" i="1"/>
  <c r="AD49659" i="1"/>
  <c r="AD49660" i="1"/>
  <c r="AD49661" i="1"/>
  <c r="AD49662" i="1"/>
  <c r="AD49663" i="1"/>
  <c r="AD49664" i="1"/>
  <c r="AD49665" i="1"/>
  <c r="AD49666" i="1"/>
  <c r="AD49667" i="1"/>
  <c r="AD49668" i="1"/>
  <c r="AD49670" i="1"/>
  <c r="AD49671" i="1"/>
  <c r="AD49672" i="1"/>
  <c r="AD49673" i="1"/>
  <c r="AD49674" i="1"/>
  <c r="AD49675" i="1"/>
  <c r="AD49676" i="1"/>
  <c r="AD49677" i="1"/>
  <c r="AD49678" i="1"/>
  <c r="AD49679" i="1"/>
  <c r="AD49680" i="1"/>
  <c r="AD49682" i="1"/>
  <c r="AD49683" i="1"/>
  <c r="AD49684" i="1"/>
  <c r="AD49685" i="1"/>
  <c r="AD49686" i="1"/>
  <c r="AD49687" i="1"/>
  <c r="AD49688" i="1"/>
  <c r="AD49689" i="1"/>
  <c r="AD49690" i="1"/>
  <c r="AD49691" i="1"/>
  <c r="AD49692" i="1"/>
  <c r="AD49694" i="1"/>
  <c r="AD49695" i="1"/>
  <c r="AD49696" i="1"/>
  <c r="AD49697" i="1"/>
  <c r="AD49698" i="1"/>
  <c r="AD49699" i="1"/>
  <c r="AD49700" i="1"/>
  <c r="AD49701" i="1"/>
  <c r="AD49702" i="1"/>
  <c r="AD49703" i="1"/>
  <c r="AD49704" i="1"/>
  <c r="AD49706" i="1"/>
  <c r="AD49707" i="1"/>
  <c r="AD49708" i="1"/>
  <c r="AD49709" i="1"/>
  <c r="AD49710" i="1"/>
  <c r="AD49711" i="1"/>
  <c r="AD49712" i="1"/>
  <c r="AD49713" i="1"/>
  <c r="AD49714" i="1"/>
  <c r="AD49715" i="1"/>
  <c r="AD49716" i="1"/>
  <c r="AD49718" i="1"/>
  <c r="AD49719" i="1"/>
  <c r="AD49720" i="1"/>
  <c r="AD49721" i="1"/>
  <c r="AD49722" i="1"/>
  <c r="AD49723" i="1"/>
  <c r="AD49724" i="1"/>
  <c r="AD49725" i="1"/>
  <c r="AD49726" i="1"/>
  <c r="AD49727" i="1"/>
  <c r="AD49728" i="1"/>
  <c r="AD49730" i="1"/>
  <c r="AD49731" i="1"/>
  <c r="AD49732" i="1"/>
  <c r="AD49733" i="1"/>
  <c r="AD49734" i="1"/>
  <c r="AD49736" i="1"/>
  <c r="AD49737" i="1"/>
  <c r="AD49738" i="1"/>
  <c r="AD49739" i="1"/>
  <c r="AD49740" i="1"/>
  <c r="AD49742" i="1"/>
  <c r="AD49743" i="1"/>
  <c r="AD49744" i="1"/>
  <c r="AD49745" i="1"/>
  <c r="AD49746" i="1"/>
  <c r="AD49747" i="1"/>
  <c r="AD49748" i="1"/>
  <c r="AD49749" i="1"/>
  <c r="AD49750" i="1"/>
  <c r="AD49751" i="1"/>
  <c r="AD49752" i="1"/>
  <c r="AD49754" i="1"/>
  <c r="AD49755" i="1"/>
  <c r="AD49756" i="1"/>
  <c r="AD49757" i="1"/>
  <c r="AD49758" i="1"/>
  <c r="AD49759" i="1"/>
  <c r="AD49760" i="1"/>
  <c r="AD49761" i="1"/>
  <c r="AD49762" i="1"/>
  <c r="AD49763" i="1"/>
  <c r="AD49764" i="1"/>
  <c r="AD49766" i="1"/>
  <c r="AD49767" i="1"/>
  <c r="AD49768" i="1"/>
  <c r="AD49769" i="1"/>
  <c r="AD49770" i="1"/>
  <c r="AD49772" i="1"/>
  <c r="AD49773" i="1"/>
  <c r="AD49774" i="1"/>
  <c r="AD49775" i="1"/>
  <c r="AD49776" i="1"/>
  <c r="AD49778" i="1"/>
  <c r="AD49779" i="1"/>
  <c r="AD49780" i="1"/>
  <c r="AD49781" i="1"/>
  <c r="AD49782" i="1"/>
  <c r="AD49783" i="1"/>
  <c r="AD49784" i="1"/>
  <c r="AD49785" i="1"/>
  <c r="AD49786" i="1"/>
  <c r="AD49787" i="1"/>
  <c r="AD49788" i="1"/>
  <c r="AD49790" i="1"/>
  <c r="AD49791" i="1"/>
  <c r="AD49792" i="1"/>
  <c r="AD49793" i="1"/>
  <c r="AD49794" i="1"/>
  <c r="AD49795" i="1"/>
  <c r="AD49796" i="1"/>
  <c r="AD49797" i="1"/>
  <c r="AD49798" i="1"/>
  <c r="AD49799" i="1"/>
  <c r="AD49800" i="1"/>
  <c r="AD49802" i="1"/>
  <c r="AD49803" i="1"/>
  <c r="AD49804" i="1"/>
  <c r="AD49805" i="1"/>
  <c r="AD49806" i="1"/>
  <c r="AD49807" i="1"/>
  <c r="AD49808" i="1"/>
  <c r="AD49809" i="1"/>
  <c r="AD49810" i="1"/>
  <c r="AD49811" i="1"/>
  <c r="AD49812" i="1"/>
  <c r="AD49814" i="1"/>
  <c r="AD49815" i="1"/>
  <c r="AD49816" i="1"/>
  <c r="AD49817" i="1"/>
  <c r="AD49818" i="1"/>
  <c r="AD49819" i="1"/>
  <c r="AD49820" i="1"/>
  <c r="AD49821" i="1"/>
  <c r="AD49822" i="1"/>
  <c r="AD49823" i="1"/>
  <c r="AD49824" i="1"/>
  <c r="AD49826" i="1"/>
  <c r="AD49827" i="1"/>
  <c r="AD49828" i="1"/>
  <c r="AD49829" i="1"/>
  <c r="AD49830" i="1"/>
  <c r="AD49831" i="1"/>
  <c r="AD49832" i="1"/>
  <c r="AD49833" i="1"/>
  <c r="AD49834" i="1"/>
  <c r="AD49835" i="1"/>
  <c r="AD49836" i="1"/>
  <c r="AD49838" i="1"/>
  <c r="AD49839" i="1"/>
  <c r="AD49840" i="1"/>
  <c r="AD49841" i="1"/>
  <c r="AD49842" i="1"/>
  <c r="AD49843" i="1"/>
  <c r="AD49844" i="1"/>
  <c r="AD49845" i="1"/>
  <c r="AD49846" i="1"/>
  <c r="AD49847" i="1"/>
  <c r="AD49848" i="1"/>
  <c r="AD49850" i="1"/>
  <c r="AD49851" i="1"/>
  <c r="AD49852" i="1"/>
  <c r="AD49853" i="1"/>
  <c r="AD49854" i="1"/>
  <c r="AD49856" i="1"/>
  <c r="AD49857" i="1"/>
  <c r="AD49858" i="1"/>
  <c r="AD49859" i="1"/>
  <c r="AD49860" i="1"/>
  <c r="AD49862" i="1"/>
  <c r="AD49863" i="1"/>
  <c r="AD49864" i="1"/>
  <c r="AD49865" i="1"/>
  <c r="AD49866" i="1"/>
  <c r="AD49867" i="1"/>
  <c r="AD49868" i="1"/>
  <c r="AD49869" i="1"/>
  <c r="AD49870" i="1"/>
  <c r="AD49871" i="1"/>
  <c r="AD49872" i="1"/>
  <c r="AD49874" i="1"/>
  <c r="AD49875" i="1"/>
  <c r="AD49876" i="1"/>
  <c r="AD49877" i="1"/>
  <c r="AD49878" i="1"/>
  <c r="AD49880" i="1"/>
  <c r="AD49881" i="1"/>
  <c r="AD49882" i="1"/>
  <c r="AD49883" i="1"/>
  <c r="AD49884" i="1"/>
  <c r="AD49886" i="1"/>
  <c r="AD49887" i="1"/>
  <c r="AD49888" i="1"/>
  <c r="AD49889" i="1"/>
  <c r="AD49890" i="1"/>
  <c r="AD49891" i="1"/>
  <c r="AD49892" i="1"/>
  <c r="AD49893" i="1"/>
  <c r="AD49894" i="1"/>
  <c r="AD49895" i="1"/>
  <c r="AD49896" i="1"/>
  <c r="AD49897" i="1"/>
  <c r="AD49898" i="1"/>
  <c r="AD49899" i="1"/>
  <c r="AD49900" i="1"/>
  <c r="AD49901" i="1"/>
  <c r="AD49902" i="1"/>
  <c r="AD49903" i="1"/>
  <c r="AD49904" i="1"/>
  <c r="AD49905" i="1"/>
  <c r="AD49906" i="1"/>
  <c r="AD49907" i="1"/>
  <c r="AD49908" i="1"/>
  <c r="AD49909" i="1"/>
  <c r="AD49910" i="1"/>
  <c r="AD49911" i="1"/>
  <c r="AD49912" i="1"/>
  <c r="AD49913" i="1"/>
  <c r="AD49914" i="1"/>
  <c r="AD49915" i="1"/>
  <c r="AD49916" i="1"/>
  <c r="AD49917" i="1"/>
  <c r="AD49918" i="1"/>
  <c r="AD49919" i="1"/>
  <c r="AD49920" i="1"/>
  <c r="AD49921" i="1"/>
  <c r="AD49922" i="1"/>
  <c r="AD49923" i="1"/>
  <c r="AD49924" i="1"/>
  <c r="AD49925" i="1"/>
  <c r="AD49926" i="1"/>
  <c r="AD49927" i="1"/>
  <c r="AD49928" i="1"/>
  <c r="AD49929" i="1"/>
  <c r="AD49930" i="1"/>
  <c r="AD49931" i="1"/>
  <c r="AD49932" i="1"/>
  <c r="AD49933" i="1"/>
  <c r="AD49934" i="1"/>
  <c r="AD49935" i="1"/>
  <c r="AD49936" i="1"/>
  <c r="AD49937" i="1"/>
  <c r="AD49938" i="1"/>
  <c r="AD49939" i="1"/>
  <c r="AD49940" i="1"/>
  <c r="AD49941" i="1"/>
  <c r="AD49942" i="1"/>
  <c r="AD49943" i="1"/>
  <c r="AD49944" i="1"/>
  <c r="AD49945" i="1"/>
  <c r="AD49946" i="1"/>
  <c r="AD49947" i="1"/>
  <c r="AD49948" i="1"/>
  <c r="AD49949" i="1"/>
  <c r="AD49950" i="1"/>
  <c r="AD49951" i="1"/>
  <c r="AD49952" i="1"/>
  <c r="AD49953" i="1"/>
  <c r="AD49954" i="1"/>
  <c r="AD49955" i="1"/>
  <c r="AD49956" i="1"/>
  <c r="AD49957" i="1"/>
  <c r="AD49958" i="1"/>
  <c r="AD49959" i="1"/>
  <c r="AD49960" i="1"/>
  <c r="AD49961" i="1"/>
  <c r="AD49962" i="1"/>
  <c r="AD49963" i="1"/>
  <c r="AD49964" i="1"/>
  <c r="AD49965" i="1"/>
  <c r="AD49966" i="1"/>
  <c r="AD49967" i="1"/>
  <c r="AD49968" i="1"/>
  <c r="AD49969" i="1"/>
  <c r="AD49970" i="1"/>
  <c r="AD49971" i="1"/>
  <c r="AD49972" i="1"/>
  <c r="AD49973" i="1"/>
  <c r="AD49974" i="1"/>
  <c r="AD49975" i="1"/>
  <c r="AD49976" i="1"/>
  <c r="AD49977" i="1"/>
  <c r="AD49978" i="1"/>
  <c r="AD49979" i="1"/>
  <c r="AD49980" i="1"/>
  <c r="AD49981" i="1"/>
  <c r="AD49982" i="1"/>
  <c r="AD49983" i="1"/>
  <c r="AD49984" i="1"/>
  <c r="AD49985" i="1"/>
  <c r="AD49986" i="1"/>
  <c r="AD49987" i="1"/>
  <c r="AD49988" i="1"/>
  <c r="AD49989" i="1"/>
  <c r="AD49990" i="1"/>
  <c r="AD49991" i="1"/>
  <c r="AD49992" i="1"/>
  <c r="AD49993" i="1"/>
  <c r="AD49994" i="1"/>
  <c r="AD49995" i="1"/>
  <c r="AD49996" i="1"/>
  <c r="AD49997" i="1"/>
  <c r="AD49998" i="1"/>
  <c r="AD49999" i="1"/>
  <c r="AD50000" i="1"/>
  <c r="AD50001" i="1"/>
  <c r="AD50002" i="1"/>
  <c r="AD50003" i="1"/>
  <c r="AD50004" i="1"/>
  <c r="AD50005" i="1"/>
  <c r="AD50006" i="1"/>
  <c r="AD50007" i="1"/>
  <c r="AD50008" i="1"/>
  <c r="AD50009" i="1"/>
  <c r="AD50010" i="1"/>
  <c r="AD50011" i="1"/>
  <c r="AD50012" i="1"/>
  <c r="AD50013" i="1"/>
  <c r="AD50014" i="1"/>
  <c r="AD50015" i="1"/>
  <c r="AD50016" i="1"/>
  <c r="AD50017" i="1"/>
  <c r="AD50018" i="1"/>
  <c r="AD50019" i="1"/>
  <c r="AD50020" i="1"/>
  <c r="AD50021" i="1"/>
  <c r="AD50022" i="1"/>
  <c r="AD50023" i="1"/>
  <c r="AD50024" i="1"/>
  <c r="AD50025" i="1"/>
  <c r="AD50026" i="1"/>
  <c r="AD50027" i="1"/>
  <c r="AD50028" i="1"/>
  <c r="AD50029" i="1"/>
  <c r="AD50030" i="1"/>
  <c r="AD50031" i="1"/>
  <c r="AD50032" i="1"/>
  <c r="AD50033" i="1"/>
  <c r="AD50034" i="1"/>
  <c r="AD50035" i="1"/>
  <c r="AD50036" i="1"/>
  <c r="AD50037" i="1"/>
  <c r="AD50038" i="1"/>
  <c r="AD50039" i="1"/>
  <c r="AD50040" i="1"/>
  <c r="AD50041" i="1"/>
  <c r="AD50042" i="1"/>
  <c r="AD50043" i="1"/>
  <c r="AD50044" i="1"/>
  <c r="AD50045" i="1"/>
  <c r="AD50046" i="1"/>
  <c r="AD50047" i="1"/>
  <c r="AD50048" i="1"/>
  <c r="AD50049" i="1"/>
  <c r="AD50050" i="1"/>
  <c r="AD50051" i="1"/>
  <c r="AD50052" i="1"/>
  <c r="AD50053" i="1"/>
  <c r="AD50054" i="1"/>
  <c r="AD50055" i="1"/>
  <c r="AD50056" i="1"/>
  <c r="AD50057" i="1"/>
  <c r="AD50058" i="1"/>
  <c r="AD50059" i="1"/>
  <c r="AD50060" i="1"/>
  <c r="AD50061" i="1"/>
  <c r="AD50062" i="1"/>
  <c r="AD50063" i="1"/>
  <c r="AD50064" i="1"/>
  <c r="AD50065" i="1"/>
  <c r="AD50066" i="1"/>
  <c r="AD50067" i="1"/>
  <c r="AD50068" i="1"/>
  <c r="AD50069" i="1"/>
  <c r="AD50070" i="1"/>
  <c r="AD50071" i="1"/>
  <c r="AD50072" i="1"/>
  <c r="AD50073" i="1"/>
  <c r="AD50074" i="1"/>
  <c r="AD50075" i="1"/>
  <c r="AD50076" i="1"/>
  <c r="AD50077" i="1"/>
  <c r="AD50078" i="1"/>
  <c r="AD50079" i="1"/>
  <c r="AD50080" i="1"/>
  <c r="AD50081" i="1"/>
  <c r="AD50082" i="1"/>
  <c r="AD50083" i="1"/>
  <c r="AD50084" i="1"/>
  <c r="AD50085" i="1"/>
  <c r="AD50086" i="1"/>
  <c r="AD50087" i="1"/>
  <c r="AD50088" i="1"/>
  <c r="AD50089" i="1"/>
  <c r="AD50090" i="1"/>
  <c r="AD50091" i="1"/>
  <c r="AD50092" i="1"/>
  <c r="AD50093" i="1"/>
  <c r="AD50094" i="1"/>
  <c r="AD50095" i="1"/>
  <c r="AD50096" i="1"/>
  <c r="AD50097" i="1"/>
  <c r="AD50098" i="1"/>
  <c r="AD50099" i="1"/>
  <c r="AD50100" i="1"/>
  <c r="AD50101" i="1"/>
  <c r="AD50102" i="1"/>
  <c r="AD50103" i="1"/>
  <c r="AD50104" i="1"/>
  <c r="AD50105" i="1"/>
  <c r="AD50106" i="1"/>
  <c r="AD50107" i="1"/>
  <c r="AD50108" i="1"/>
  <c r="AD50109" i="1"/>
  <c r="AD50110" i="1"/>
  <c r="AD50111" i="1"/>
  <c r="AD50112" i="1"/>
  <c r="AD50113" i="1"/>
  <c r="AD50114" i="1"/>
  <c r="AD50115" i="1"/>
  <c r="AD50116" i="1"/>
  <c r="AD50117" i="1"/>
  <c r="AD50118" i="1"/>
  <c r="AD50119" i="1"/>
  <c r="AD50120" i="1"/>
  <c r="AD50121" i="1"/>
  <c r="AD50122" i="1"/>
  <c r="AD50123" i="1"/>
  <c r="AD50124" i="1"/>
  <c r="AD50125" i="1"/>
  <c r="AD50126" i="1"/>
  <c r="AD50127" i="1"/>
  <c r="AD50128" i="1"/>
  <c r="AD50129" i="1"/>
  <c r="AD50130" i="1"/>
  <c r="AD50131" i="1"/>
  <c r="AD50132" i="1"/>
  <c r="AD50133" i="1"/>
  <c r="AD50134" i="1"/>
  <c r="AD50135" i="1"/>
  <c r="AD50136" i="1"/>
  <c r="AD50137" i="1"/>
  <c r="AD50138" i="1"/>
  <c r="AD50139" i="1"/>
  <c r="AD50140" i="1"/>
  <c r="AD50141" i="1"/>
  <c r="AD50142" i="1"/>
  <c r="AD50143" i="1"/>
  <c r="AD50144" i="1"/>
  <c r="AD50145" i="1"/>
  <c r="AD50146" i="1"/>
  <c r="AD50147" i="1"/>
  <c r="AD50148" i="1"/>
  <c r="AD50149" i="1"/>
  <c r="AD50150" i="1"/>
  <c r="AD50151" i="1"/>
  <c r="AD50152" i="1"/>
  <c r="AD50153" i="1"/>
  <c r="AD50154" i="1"/>
  <c r="AD50155" i="1"/>
  <c r="AD50156" i="1"/>
  <c r="AD50157" i="1"/>
  <c r="AD50158" i="1"/>
  <c r="AD50159" i="1"/>
  <c r="AD50160" i="1"/>
  <c r="AD50161" i="1"/>
  <c r="AD50162" i="1"/>
  <c r="AD50163" i="1"/>
  <c r="AD50164" i="1"/>
  <c r="AD50165" i="1"/>
  <c r="AD50166" i="1"/>
  <c r="AD50167" i="1"/>
  <c r="AD50168" i="1"/>
  <c r="AD50169" i="1"/>
  <c r="AD50170" i="1"/>
  <c r="AD50171" i="1"/>
  <c r="AD50172" i="1"/>
  <c r="AD50173" i="1"/>
  <c r="AD50174" i="1"/>
  <c r="AD50175" i="1"/>
  <c r="AD50176" i="1"/>
  <c r="AD50177" i="1"/>
  <c r="AD50178" i="1"/>
  <c r="AD50179" i="1"/>
  <c r="AD50180" i="1"/>
  <c r="AD50181" i="1"/>
  <c r="AD50182" i="1"/>
  <c r="AD50183" i="1"/>
  <c r="AD50184" i="1"/>
  <c r="AD50185" i="1"/>
  <c r="AD50186" i="1"/>
  <c r="AD50187" i="1"/>
  <c r="AD50188" i="1"/>
  <c r="AD50189" i="1"/>
  <c r="AD50190" i="1"/>
  <c r="AD50191" i="1"/>
  <c r="AD50192" i="1"/>
  <c r="AD50193" i="1"/>
  <c r="AD50194" i="1"/>
  <c r="AD50195" i="1"/>
  <c r="AD50196" i="1"/>
  <c r="AD50197" i="1"/>
  <c r="AD50198" i="1"/>
  <c r="AD50199" i="1"/>
  <c r="AD50200" i="1"/>
  <c r="AD50201" i="1"/>
  <c r="AD50202" i="1"/>
  <c r="AD50203" i="1"/>
  <c r="AD50204" i="1"/>
  <c r="AD50205" i="1"/>
  <c r="AD50206" i="1"/>
  <c r="AD50207" i="1"/>
  <c r="AD50208" i="1"/>
  <c r="AD50209" i="1"/>
  <c r="AD50210" i="1"/>
  <c r="AD50211" i="1"/>
  <c r="AD50212" i="1"/>
  <c r="AD50213" i="1"/>
  <c r="AD50214" i="1"/>
  <c r="AD50215" i="1"/>
  <c r="AD50216" i="1"/>
  <c r="AD50217" i="1"/>
  <c r="AD50218" i="1"/>
  <c r="AD50219" i="1"/>
  <c r="AD50220" i="1"/>
  <c r="AD50221" i="1"/>
  <c r="AD50222" i="1"/>
  <c r="AD50223" i="1"/>
  <c r="AD50224" i="1"/>
  <c r="AD50225" i="1"/>
  <c r="AD50226" i="1"/>
  <c r="AD50227" i="1"/>
  <c r="AD50228" i="1"/>
  <c r="AD50229" i="1"/>
  <c r="AD50230" i="1"/>
  <c r="AD50231" i="1"/>
  <c r="AD50232" i="1"/>
  <c r="AD50233" i="1"/>
  <c r="AD50234" i="1"/>
  <c r="AD50235" i="1"/>
  <c r="AD50236" i="1"/>
  <c r="AD50237" i="1"/>
  <c r="AD50238" i="1"/>
  <c r="AD50239" i="1"/>
  <c r="AD50240" i="1"/>
  <c r="AD50241" i="1"/>
  <c r="AD50242" i="1"/>
  <c r="AD50243" i="1"/>
  <c r="AD50244" i="1"/>
  <c r="AD50245" i="1"/>
  <c r="AD50246" i="1"/>
  <c r="AD50247" i="1"/>
  <c r="AD50248" i="1"/>
  <c r="AD50249" i="1"/>
  <c r="AD50250" i="1"/>
  <c r="AD50251" i="1"/>
  <c r="AD50252" i="1"/>
  <c r="AD50253" i="1"/>
  <c r="AD50254" i="1"/>
  <c r="AD50255" i="1"/>
  <c r="AD50256" i="1"/>
  <c r="AD50257" i="1"/>
  <c r="AD50258" i="1"/>
  <c r="AD50259" i="1"/>
  <c r="AD50260" i="1"/>
  <c r="AD50261" i="1"/>
  <c r="AD50262" i="1"/>
  <c r="AD50263" i="1"/>
  <c r="AD50264" i="1"/>
  <c r="AD50265" i="1"/>
  <c r="AD50266" i="1"/>
  <c r="AD50267" i="1"/>
  <c r="AD50268" i="1"/>
  <c r="AD50269" i="1"/>
  <c r="AD50270" i="1"/>
  <c r="AD50271" i="1"/>
  <c r="AD50272" i="1"/>
  <c r="AD50273" i="1"/>
  <c r="AD50274" i="1"/>
  <c r="AD50275" i="1"/>
  <c r="AD50276" i="1"/>
  <c r="AD50277" i="1"/>
  <c r="AD50278" i="1"/>
  <c r="AD50279" i="1"/>
  <c r="AD50280" i="1"/>
  <c r="AD50281" i="1"/>
  <c r="AD50282" i="1"/>
  <c r="AD50283" i="1"/>
  <c r="AD50284" i="1"/>
  <c r="AD50285" i="1"/>
  <c r="AD50286" i="1"/>
  <c r="AD50287" i="1"/>
  <c r="AD50288" i="1"/>
  <c r="AD50289" i="1"/>
  <c r="AD50290" i="1"/>
  <c r="AD50291" i="1"/>
  <c r="AD50292" i="1"/>
  <c r="AD50293" i="1"/>
  <c r="AD50294" i="1"/>
  <c r="AD50295" i="1"/>
  <c r="AD50296" i="1"/>
  <c r="AD50297" i="1"/>
  <c r="AD50298" i="1"/>
  <c r="AD50299" i="1"/>
  <c r="AD50300" i="1"/>
  <c r="AD50301" i="1"/>
  <c r="AD50302" i="1"/>
  <c r="AD50303" i="1"/>
  <c r="AD50304" i="1"/>
  <c r="AD50305" i="1"/>
  <c r="AD50306" i="1"/>
  <c r="AD50307" i="1"/>
  <c r="AD50308" i="1"/>
  <c r="AD50309" i="1"/>
  <c r="AD50310" i="1"/>
  <c r="AD50311" i="1"/>
  <c r="AD50312" i="1"/>
  <c r="AD50313" i="1"/>
  <c r="AD50314" i="1"/>
  <c r="AD50315" i="1"/>
  <c r="AD50316" i="1"/>
  <c r="AD50317" i="1"/>
  <c r="AD50318" i="1"/>
  <c r="AD50319" i="1"/>
  <c r="AD50320" i="1"/>
  <c r="AD50321" i="1"/>
  <c r="AD50322" i="1"/>
  <c r="AD50323" i="1"/>
  <c r="AD50324" i="1"/>
  <c r="AD50325" i="1"/>
  <c r="AD50326" i="1"/>
  <c r="AD50327" i="1"/>
  <c r="AD50328" i="1"/>
  <c r="AD50329" i="1"/>
  <c r="AD50330" i="1"/>
  <c r="AD50331" i="1"/>
  <c r="AD50332" i="1"/>
  <c r="AD50333" i="1"/>
  <c r="AD50334" i="1"/>
  <c r="AD50335" i="1"/>
  <c r="AD50336" i="1"/>
  <c r="AD50337" i="1"/>
  <c r="AD50338" i="1"/>
  <c r="AD50339" i="1"/>
  <c r="AD50340" i="1"/>
  <c r="AD50341" i="1"/>
  <c r="AD50342" i="1"/>
  <c r="AD50343" i="1"/>
  <c r="AD50344" i="1"/>
  <c r="AD50345" i="1"/>
  <c r="AD50346" i="1"/>
  <c r="AD50347" i="1"/>
  <c r="AD50348" i="1"/>
  <c r="AD50349" i="1"/>
  <c r="AD50350" i="1"/>
  <c r="AD50351" i="1"/>
  <c r="AD50352" i="1"/>
  <c r="AD50353" i="1"/>
  <c r="AD50354" i="1"/>
  <c r="AD50355" i="1"/>
  <c r="AD50356" i="1"/>
  <c r="AD50357" i="1"/>
  <c r="AD50358" i="1"/>
  <c r="AD50359" i="1"/>
  <c r="AD50360" i="1"/>
  <c r="AD50361" i="1"/>
  <c r="AD50362" i="1"/>
  <c r="AD50363" i="1"/>
  <c r="AD50364" i="1"/>
  <c r="AD50365" i="1"/>
  <c r="AD50366" i="1"/>
  <c r="AD50367" i="1"/>
  <c r="AD50368" i="1"/>
  <c r="AD50369" i="1"/>
  <c r="AD50370" i="1"/>
  <c r="AD50371" i="1"/>
  <c r="AD50372" i="1"/>
  <c r="AD50373" i="1"/>
  <c r="AD50374" i="1"/>
  <c r="AD50375" i="1"/>
  <c r="AD50376" i="1"/>
  <c r="AD50377" i="1"/>
  <c r="AD50378" i="1"/>
  <c r="AD50379" i="1"/>
  <c r="AD50380" i="1"/>
  <c r="AD50381" i="1"/>
  <c r="AD50382" i="1"/>
  <c r="AD50383" i="1"/>
  <c r="AD50384" i="1"/>
  <c r="AD50385" i="1"/>
  <c r="AD50386" i="1"/>
  <c r="AD50387" i="1"/>
  <c r="AD50388" i="1"/>
  <c r="AD50389" i="1"/>
  <c r="AD50390" i="1"/>
  <c r="AD50391" i="1"/>
  <c r="AD50392" i="1"/>
  <c r="AD50393" i="1"/>
  <c r="AD50394" i="1"/>
  <c r="AD50395" i="1"/>
  <c r="AD50396" i="1"/>
  <c r="AD50397" i="1"/>
  <c r="AD50398" i="1"/>
  <c r="AD50399" i="1"/>
  <c r="AD50400" i="1"/>
  <c r="AD50401" i="1"/>
  <c r="AD50402" i="1"/>
  <c r="AD50403" i="1"/>
  <c r="AD50404" i="1"/>
  <c r="AD50405" i="1"/>
  <c r="AD50406" i="1"/>
  <c r="AD50407" i="1"/>
  <c r="AD50408" i="1"/>
  <c r="AD50409" i="1"/>
  <c r="AD50410" i="1"/>
  <c r="AD50411" i="1"/>
  <c r="AD50412" i="1"/>
  <c r="AD50413" i="1"/>
  <c r="AD50414" i="1"/>
  <c r="AD50415" i="1"/>
  <c r="AD50416" i="1"/>
  <c r="AD50417" i="1"/>
  <c r="AD50418" i="1"/>
  <c r="AD50419" i="1"/>
  <c r="AD50420" i="1"/>
  <c r="AD50421" i="1"/>
  <c r="AD50422" i="1"/>
  <c r="AD50423" i="1"/>
  <c r="AD50424" i="1"/>
  <c r="AD50425" i="1"/>
  <c r="AD50426" i="1"/>
  <c r="AD50427" i="1"/>
  <c r="AD50428" i="1"/>
  <c r="AD50429" i="1"/>
  <c r="AD50430" i="1"/>
  <c r="AD50431" i="1"/>
  <c r="AD50432" i="1"/>
  <c r="AD50433" i="1"/>
  <c r="AD50434" i="1"/>
  <c r="AD50435" i="1"/>
  <c r="AD50436" i="1"/>
  <c r="AD50437" i="1"/>
  <c r="AD50438" i="1"/>
  <c r="AD50439" i="1"/>
  <c r="AD50440" i="1"/>
  <c r="AD50441" i="1"/>
  <c r="AD50442" i="1"/>
  <c r="AD50443" i="1"/>
  <c r="AD50444" i="1"/>
  <c r="AD50445" i="1"/>
  <c r="AD50446" i="1"/>
  <c r="AD50447" i="1"/>
  <c r="AD50448" i="1"/>
  <c r="AD50449" i="1"/>
  <c r="AD50450" i="1"/>
  <c r="AD50451" i="1"/>
  <c r="AD50452" i="1"/>
  <c r="AD50453" i="1"/>
  <c r="AD50454" i="1"/>
  <c r="AD50455" i="1"/>
  <c r="AD50456" i="1"/>
  <c r="AD50457" i="1"/>
  <c r="AD50458" i="1"/>
  <c r="AD50459" i="1"/>
  <c r="AD50460" i="1"/>
  <c r="AD50461" i="1"/>
  <c r="AD50462" i="1"/>
  <c r="AD50463" i="1"/>
  <c r="AD50464" i="1"/>
  <c r="AD50465" i="1"/>
  <c r="AD50466" i="1"/>
  <c r="AD50467" i="1"/>
  <c r="AD50468" i="1"/>
  <c r="AD50469" i="1"/>
  <c r="AD50470" i="1"/>
  <c r="AD50471" i="1"/>
  <c r="AD50472" i="1"/>
  <c r="AD50473" i="1"/>
  <c r="AD50474" i="1"/>
  <c r="AD50475" i="1"/>
  <c r="AD50476" i="1"/>
  <c r="AD50477" i="1"/>
  <c r="AD50478" i="1"/>
  <c r="AD50479" i="1"/>
  <c r="AD50480" i="1"/>
  <c r="AD50481" i="1"/>
  <c r="AD50482" i="1"/>
  <c r="AD50483" i="1"/>
  <c r="AD50484" i="1"/>
  <c r="AD50485" i="1"/>
  <c r="AD50486" i="1"/>
  <c r="AD50487" i="1"/>
  <c r="AD50488" i="1"/>
  <c r="AD50489" i="1"/>
  <c r="AD50490" i="1"/>
  <c r="AD50491" i="1"/>
  <c r="AD50492" i="1"/>
  <c r="AD50493" i="1"/>
  <c r="AD50494" i="1"/>
  <c r="AD50495" i="1"/>
  <c r="AD50496" i="1"/>
  <c r="AD50497" i="1"/>
  <c r="AD50498" i="1"/>
  <c r="AD50499" i="1"/>
  <c r="AD50500" i="1"/>
  <c r="AD50501" i="1"/>
  <c r="AD50502" i="1"/>
  <c r="AD50503" i="1"/>
  <c r="AD50504" i="1"/>
  <c r="AD50505" i="1"/>
  <c r="AD50506" i="1"/>
  <c r="AD50507" i="1"/>
  <c r="AD50508" i="1"/>
  <c r="AD50509" i="1"/>
  <c r="AD50510" i="1"/>
  <c r="AD50511" i="1"/>
  <c r="AD50512" i="1"/>
  <c r="AD50513" i="1"/>
  <c r="AD50514" i="1"/>
  <c r="AD50515" i="1"/>
  <c r="AD50516" i="1"/>
  <c r="AD50517" i="1"/>
  <c r="AD50518" i="1"/>
  <c r="AD50519" i="1"/>
  <c r="AD50520" i="1"/>
  <c r="AD50521" i="1"/>
  <c r="AD50522" i="1"/>
  <c r="AD50523" i="1"/>
  <c r="AD50524" i="1"/>
  <c r="AD50525" i="1"/>
  <c r="AD50526" i="1"/>
  <c r="AD50527" i="1"/>
  <c r="AD50528" i="1"/>
  <c r="AD50529" i="1"/>
  <c r="AD50530" i="1"/>
  <c r="AD50531" i="1"/>
  <c r="AD50532" i="1"/>
  <c r="AD50533" i="1"/>
  <c r="AD50534" i="1"/>
  <c r="AD50535" i="1"/>
  <c r="AD50536" i="1"/>
  <c r="AD50537" i="1"/>
  <c r="AD50538" i="1"/>
  <c r="AD50539" i="1"/>
  <c r="AD50540" i="1"/>
  <c r="AD50541" i="1"/>
  <c r="AD50542" i="1"/>
  <c r="AD50543" i="1"/>
  <c r="AD50544" i="1"/>
  <c r="AD50545" i="1"/>
  <c r="AD50546" i="1"/>
  <c r="AD50547" i="1"/>
  <c r="AD50548" i="1"/>
  <c r="AD50549" i="1"/>
  <c r="AD50550" i="1"/>
  <c r="AD50551" i="1"/>
  <c r="AD50552" i="1"/>
  <c r="AD50553" i="1"/>
  <c r="AD50554" i="1"/>
  <c r="AD50555" i="1"/>
  <c r="AD50556" i="1"/>
  <c r="AD50557" i="1"/>
  <c r="AD50558" i="1"/>
  <c r="AD50559" i="1"/>
  <c r="AD50560" i="1"/>
  <c r="AD50561" i="1"/>
  <c r="AD50562" i="1"/>
  <c r="AD50563" i="1"/>
  <c r="AD50564" i="1"/>
  <c r="AD50565" i="1"/>
  <c r="AD50566" i="1"/>
  <c r="AD50567" i="1"/>
  <c r="AD50568" i="1"/>
  <c r="AD50569" i="1"/>
  <c r="AD50570" i="1"/>
  <c r="AD50571" i="1"/>
  <c r="AD50572" i="1"/>
  <c r="AD50573" i="1"/>
  <c r="AD50574" i="1"/>
  <c r="AD50575" i="1"/>
  <c r="AD50576" i="1"/>
  <c r="AD50577" i="1"/>
  <c r="AD50578" i="1"/>
  <c r="AD50579" i="1"/>
  <c r="AD50580" i="1"/>
  <c r="AD50581" i="1"/>
  <c r="AD50582" i="1"/>
  <c r="AD50583" i="1"/>
  <c r="AD50584" i="1"/>
  <c r="AD50585" i="1"/>
  <c r="AD50586" i="1"/>
  <c r="AD50587" i="1"/>
  <c r="AD50588" i="1"/>
  <c r="AD50589" i="1"/>
  <c r="AD50590" i="1"/>
  <c r="AD50591" i="1"/>
  <c r="AD50592" i="1"/>
  <c r="AD50593" i="1"/>
  <c r="AD50594" i="1"/>
  <c r="AD50595" i="1"/>
  <c r="AD50596" i="1"/>
  <c r="AD50597" i="1"/>
  <c r="AD50598" i="1"/>
  <c r="AD50599" i="1"/>
  <c r="AD50600" i="1"/>
  <c r="AD50601" i="1"/>
  <c r="AD50602" i="1"/>
  <c r="AD50603" i="1"/>
  <c r="AD50604" i="1"/>
  <c r="AD50605" i="1"/>
  <c r="AD50606" i="1"/>
  <c r="AD50607" i="1"/>
  <c r="AD50608" i="1"/>
  <c r="AD50609" i="1"/>
  <c r="AD50610" i="1"/>
  <c r="AD50611" i="1"/>
  <c r="AD50612" i="1"/>
  <c r="AD50613" i="1"/>
  <c r="AD50614" i="1"/>
  <c r="AD50615" i="1"/>
  <c r="AD50616" i="1"/>
  <c r="AD50617" i="1"/>
  <c r="AD50618" i="1"/>
  <c r="AD50619" i="1"/>
  <c r="AD50620" i="1"/>
  <c r="AD50621" i="1"/>
  <c r="AD50622" i="1"/>
  <c r="AD50623" i="1"/>
  <c r="AD50624" i="1"/>
  <c r="AD50625" i="1"/>
  <c r="AD50626" i="1"/>
  <c r="AD50627" i="1"/>
  <c r="AD50628" i="1"/>
  <c r="AD50629" i="1"/>
  <c r="AD50630" i="1"/>
  <c r="AD50631" i="1"/>
  <c r="AD50632" i="1"/>
  <c r="AD50633" i="1"/>
  <c r="AD50634" i="1"/>
  <c r="AD50635" i="1"/>
  <c r="AD50636" i="1"/>
  <c r="AD50637" i="1"/>
  <c r="AD50638" i="1"/>
  <c r="AD50639" i="1"/>
  <c r="AD50640" i="1"/>
  <c r="AD50641" i="1"/>
  <c r="AD50642" i="1"/>
  <c r="AD50643" i="1"/>
  <c r="AD50644" i="1"/>
  <c r="AD50645" i="1"/>
  <c r="AD50646" i="1"/>
  <c r="AD50647" i="1"/>
  <c r="AD50648" i="1"/>
  <c r="AD50649" i="1"/>
  <c r="AD50650" i="1"/>
  <c r="AD50651" i="1"/>
  <c r="AD50652" i="1"/>
  <c r="AD50653" i="1"/>
  <c r="AD50654" i="1"/>
  <c r="AD50655" i="1"/>
  <c r="AD50656" i="1"/>
  <c r="AD50657" i="1"/>
  <c r="AD50658" i="1"/>
  <c r="AD50659" i="1"/>
  <c r="AD50660" i="1"/>
  <c r="AD50661" i="1"/>
  <c r="AD50662" i="1"/>
  <c r="AD50663" i="1"/>
  <c r="AD50664" i="1"/>
  <c r="AD50665" i="1"/>
  <c r="AD50666" i="1"/>
  <c r="AD50667" i="1"/>
  <c r="AD50668" i="1"/>
  <c r="AD50669" i="1"/>
  <c r="AD50670" i="1"/>
  <c r="AD50671" i="1"/>
  <c r="AD50672" i="1"/>
  <c r="AD50673" i="1"/>
  <c r="AD50674" i="1"/>
  <c r="AD50675" i="1"/>
  <c r="AD50676" i="1"/>
  <c r="AD50677" i="1"/>
  <c r="AD50678" i="1"/>
  <c r="AD50679" i="1"/>
  <c r="AD50680" i="1"/>
  <c r="AD50681" i="1"/>
  <c r="AD50682" i="1"/>
  <c r="AD50683" i="1"/>
  <c r="AD50684" i="1"/>
  <c r="AD50685" i="1"/>
  <c r="AD50686" i="1"/>
  <c r="AD50687" i="1"/>
  <c r="AD50688" i="1"/>
  <c r="AD50689" i="1"/>
  <c r="AD50690" i="1"/>
  <c r="AD50691" i="1"/>
  <c r="AD50692" i="1"/>
  <c r="AD50693" i="1"/>
  <c r="AD50694" i="1"/>
  <c r="AD50695" i="1"/>
  <c r="AD50696" i="1"/>
  <c r="AD50697" i="1"/>
  <c r="AD50698" i="1"/>
  <c r="AD50699" i="1"/>
  <c r="AD50700" i="1"/>
  <c r="AD50701" i="1"/>
  <c r="AD50702" i="1"/>
  <c r="AD50703" i="1"/>
  <c r="AD50704" i="1"/>
  <c r="AD50705" i="1"/>
  <c r="AD50706" i="1"/>
  <c r="AD50707" i="1"/>
  <c r="AD50708" i="1"/>
  <c r="AD50709" i="1"/>
  <c r="AD50710" i="1"/>
  <c r="AD50711" i="1"/>
  <c r="AD50712" i="1"/>
  <c r="AD50713" i="1"/>
  <c r="AD50714" i="1"/>
  <c r="AD50715" i="1"/>
  <c r="AD50716" i="1"/>
  <c r="AD50717" i="1"/>
  <c r="AD50718" i="1"/>
  <c r="AD50719" i="1"/>
  <c r="AD50720" i="1"/>
  <c r="AD50721" i="1"/>
  <c r="AD50722" i="1"/>
  <c r="AD50723" i="1"/>
  <c r="AD50724" i="1"/>
  <c r="AD50725" i="1"/>
  <c r="AD50726" i="1"/>
  <c r="AD50727" i="1"/>
  <c r="AD50728" i="1"/>
  <c r="AD50729" i="1"/>
  <c r="AD50730" i="1"/>
  <c r="AD50731" i="1"/>
  <c r="AD50732" i="1"/>
  <c r="AD50733" i="1"/>
  <c r="AD50734" i="1"/>
  <c r="AD50735" i="1"/>
  <c r="AD50736" i="1"/>
  <c r="AD50737" i="1"/>
  <c r="AD50738" i="1"/>
  <c r="AD50739" i="1"/>
  <c r="AD50740" i="1"/>
  <c r="AD50741" i="1"/>
  <c r="AD50742" i="1"/>
  <c r="AD50743" i="1"/>
  <c r="AD50744" i="1"/>
  <c r="AD50745" i="1"/>
  <c r="AD50746" i="1"/>
  <c r="AD50747" i="1"/>
  <c r="AD50748" i="1"/>
  <c r="AD50749" i="1"/>
  <c r="AD50750" i="1"/>
  <c r="AD50751" i="1"/>
  <c r="AD50752" i="1"/>
  <c r="AD50753" i="1"/>
  <c r="AD50754" i="1"/>
  <c r="AD50755" i="1"/>
  <c r="AD50756" i="1"/>
  <c r="AD50757" i="1"/>
  <c r="AD50758" i="1"/>
  <c r="AD50759" i="1"/>
  <c r="AD50760" i="1"/>
  <c r="AD50761" i="1"/>
  <c r="AD50762" i="1"/>
  <c r="AD50763" i="1"/>
  <c r="AD50764" i="1"/>
  <c r="AD50765" i="1"/>
  <c r="AD50766" i="1"/>
  <c r="AD50767" i="1"/>
  <c r="AD50768" i="1"/>
  <c r="AD50769" i="1"/>
  <c r="AD50770" i="1"/>
  <c r="AD50771" i="1"/>
  <c r="AD50772" i="1"/>
  <c r="AD50773" i="1"/>
  <c r="AD50774" i="1"/>
  <c r="AD50775" i="1"/>
  <c r="AD50776" i="1"/>
  <c r="AD50777" i="1"/>
  <c r="AD50778" i="1"/>
  <c r="AD50779" i="1"/>
  <c r="AD50780" i="1"/>
  <c r="AD50781" i="1"/>
  <c r="AD50782" i="1"/>
  <c r="AD50783" i="1"/>
  <c r="AD50784" i="1"/>
  <c r="AD50785" i="1"/>
  <c r="AD50786" i="1"/>
  <c r="AD50787" i="1"/>
  <c r="AD50788" i="1"/>
  <c r="AD50789" i="1"/>
  <c r="AD50790" i="1"/>
  <c r="AD50791" i="1"/>
  <c r="AD50792" i="1"/>
  <c r="AD50793" i="1"/>
  <c r="AD50794" i="1"/>
  <c r="AD50795" i="1"/>
  <c r="AD50796" i="1"/>
  <c r="AD50797" i="1"/>
  <c r="AD50798" i="1"/>
  <c r="AD50799" i="1"/>
  <c r="AD50800" i="1"/>
  <c r="AD50801" i="1"/>
  <c r="AD50802" i="1"/>
  <c r="AD50803" i="1"/>
  <c r="AD50804" i="1"/>
  <c r="AD50805" i="1"/>
  <c r="AD50806" i="1"/>
  <c r="AD50807" i="1"/>
  <c r="AD50808" i="1"/>
  <c r="AD50809" i="1"/>
  <c r="AD50810" i="1"/>
  <c r="AD50811" i="1"/>
  <c r="AD50812" i="1"/>
  <c r="AD50813" i="1"/>
  <c r="AD50814" i="1"/>
  <c r="AD50815" i="1"/>
  <c r="AD50816" i="1"/>
  <c r="AD50817" i="1"/>
  <c r="AD50818" i="1"/>
  <c r="AD50819" i="1"/>
  <c r="AD50820" i="1"/>
  <c r="AD50821" i="1"/>
  <c r="AD50822" i="1"/>
  <c r="AD50823" i="1"/>
  <c r="AD50824" i="1"/>
  <c r="AD50825" i="1"/>
  <c r="AD50826" i="1"/>
  <c r="AD50827" i="1"/>
  <c r="AD50828" i="1"/>
  <c r="AD50829" i="1"/>
  <c r="AD50830" i="1"/>
  <c r="AD50831" i="1"/>
  <c r="AD50832" i="1"/>
  <c r="AD50833" i="1"/>
  <c r="AD50834" i="1"/>
  <c r="AD50835" i="1"/>
  <c r="AD50836" i="1"/>
  <c r="AD50837" i="1"/>
  <c r="AD50838" i="1"/>
  <c r="AD50839" i="1"/>
  <c r="AD50840" i="1"/>
  <c r="AD50841" i="1"/>
  <c r="AD50842" i="1"/>
  <c r="AD50843" i="1"/>
  <c r="AD50844" i="1"/>
  <c r="AD50845" i="1"/>
  <c r="AD50846" i="1"/>
  <c r="AD50847" i="1"/>
  <c r="AD50848" i="1"/>
  <c r="AD50849" i="1"/>
  <c r="AD50850" i="1"/>
  <c r="AD50851" i="1"/>
  <c r="AD50852" i="1"/>
  <c r="AD50853" i="1"/>
  <c r="AD50854" i="1"/>
  <c r="AD50855" i="1"/>
  <c r="AD50856" i="1"/>
  <c r="AD50857" i="1"/>
  <c r="AD50858" i="1"/>
  <c r="AD50859" i="1"/>
  <c r="AD50860" i="1"/>
  <c r="AD50861" i="1"/>
  <c r="AD50862" i="1"/>
  <c r="AD50863" i="1"/>
  <c r="AD50864" i="1"/>
  <c r="AD50865" i="1"/>
  <c r="AD50866" i="1"/>
  <c r="AD50867" i="1"/>
  <c r="AD50868" i="1"/>
  <c r="AD50869" i="1"/>
  <c r="AD50870" i="1"/>
  <c r="AD50871" i="1"/>
  <c r="AD50872" i="1"/>
  <c r="AD50873" i="1"/>
  <c r="AD50874" i="1"/>
  <c r="AD50875" i="1"/>
  <c r="AD50876" i="1"/>
  <c r="AD50877" i="1"/>
  <c r="AD50878" i="1"/>
  <c r="AD50879" i="1"/>
  <c r="AD50880" i="1"/>
  <c r="AD50881" i="1"/>
  <c r="AD50882" i="1"/>
  <c r="AD50883" i="1"/>
  <c r="AD50884" i="1"/>
  <c r="AD50885" i="1"/>
  <c r="AD50886" i="1"/>
  <c r="AD50887" i="1"/>
  <c r="AD50888" i="1"/>
  <c r="AD50889" i="1"/>
  <c r="AD50890" i="1"/>
  <c r="AD50891" i="1"/>
  <c r="AD50892" i="1"/>
  <c r="AD50893" i="1"/>
  <c r="AD50894" i="1"/>
  <c r="AD50895" i="1"/>
  <c r="AD50896" i="1"/>
  <c r="AD50897" i="1"/>
  <c r="AD50898" i="1"/>
  <c r="AD50899" i="1"/>
  <c r="AD50900" i="1"/>
  <c r="AD50901" i="1"/>
  <c r="AD50902" i="1"/>
  <c r="AD50903" i="1"/>
  <c r="AD50904" i="1"/>
  <c r="AD50905" i="1"/>
  <c r="AD50906" i="1"/>
  <c r="AD50907" i="1"/>
  <c r="AD50908" i="1"/>
  <c r="AD50909" i="1"/>
  <c r="AD50910" i="1"/>
  <c r="AD50911" i="1"/>
  <c r="AD50912" i="1"/>
  <c r="AD50913" i="1"/>
  <c r="AD50914" i="1"/>
  <c r="AD50915" i="1"/>
  <c r="AD50916" i="1"/>
  <c r="AD50917" i="1"/>
  <c r="AD50918" i="1"/>
  <c r="AD50919" i="1"/>
  <c r="AD50920" i="1"/>
  <c r="AD50921" i="1"/>
  <c r="AD50922" i="1"/>
  <c r="AD50923" i="1"/>
  <c r="AD50924" i="1"/>
  <c r="AD50925" i="1"/>
  <c r="AD50926" i="1"/>
  <c r="AD50927" i="1"/>
  <c r="AD50928" i="1"/>
  <c r="AD50929" i="1"/>
  <c r="AD50930" i="1"/>
  <c r="AD50931" i="1"/>
  <c r="AD50932" i="1"/>
  <c r="AD50933" i="1"/>
  <c r="AD50934" i="1"/>
  <c r="AD50935" i="1"/>
  <c r="AD50936" i="1"/>
  <c r="AD50937" i="1"/>
  <c r="AD50938" i="1"/>
  <c r="AD50939" i="1"/>
  <c r="AD50940" i="1"/>
  <c r="AD50941" i="1"/>
  <c r="AD50942" i="1"/>
  <c r="AD50943" i="1"/>
  <c r="AD50944" i="1"/>
  <c r="AD50945" i="1"/>
  <c r="AD50946" i="1"/>
  <c r="AD50947" i="1"/>
  <c r="AD50948" i="1"/>
  <c r="AD50949" i="1"/>
  <c r="AD50950" i="1"/>
  <c r="AD50951" i="1"/>
  <c r="AD50952" i="1"/>
  <c r="AD50953" i="1"/>
  <c r="AD50954" i="1"/>
  <c r="AD50955" i="1"/>
  <c r="AD50956" i="1"/>
  <c r="AD50957" i="1"/>
  <c r="AD50958" i="1"/>
  <c r="AD50959" i="1"/>
  <c r="AD50960" i="1"/>
  <c r="AD50961" i="1"/>
  <c r="AD50962" i="1"/>
  <c r="AD50963" i="1"/>
  <c r="AD50964" i="1"/>
  <c r="AD50965" i="1"/>
  <c r="AD50966" i="1"/>
  <c r="AD50967" i="1"/>
  <c r="AD50968" i="1"/>
  <c r="AD50969" i="1"/>
  <c r="AD50970" i="1"/>
  <c r="AD50971" i="1"/>
  <c r="AD50972" i="1"/>
  <c r="AD50973" i="1"/>
  <c r="AD50974" i="1"/>
  <c r="AD50975" i="1"/>
  <c r="AD50976" i="1"/>
  <c r="AD50977" i="1"/>
  <c r="AD50978" i="1"/>
  <c r="AD50979" i="1"/>
  <c r="AD50980" i="1"/>
  <c r="AD50981" i="1"/>
  <c r="AD50982" i="1"/>
  <c r="AD50983" i="1"/>
  <c r="AD50984" i="1"/>
  <c r="AD50985" i="1"/>
  <c r="AD50986" i="1"/>
  <c r="AD50987" i="1"/>
  <c r="AD50988" i="1"/>
  <c r="AD50989" i="1"/>
  <c r="AD50990" i="1"/>
  <c r="AD50991" i="1"/>
  <c r="AD50992" i="1"/>
  <c r="AD50993" i="1"/>
  <c r="AD50994" i="1"/>
  <c r="AD50995" i="1"/>
  <c r="AD50996" i="1"/>
  <c r="AD50997" i="1"/>
  <c r="AD50998" i="1"/>
  <c r="AD50999" i="1"/>
  <c r="AD51000" i="1"/>
  <c r="AD51001" i="1"/>
  <c r="AD51002" i="1"/>
  <c r="AD51003" i="1"/>
  <c r="AD51004" i="1"/>
  <c r="AD51005" i="1"/>
  <c r="AD51006" i="1"/>
  <c r="AD51007" i="1"/>
  <c r="AD51008" i="1"/>
  <c r="AD51009" i="1"/>
  <c r="AD51010" i="1"/>
  <c r="AD51011" i="1"/>
  <c r="AD51012" i="1"/>
  <c r="AD51013" i="1"/>
  <c r="AD51014" i="1"/>
  <c r="AD51015" i="1"/>
  <c r="AD51016" i="1"/>
  <c r="AD51017" i="1"/>
  <c r="AD51018" i="1"/>
  <c r="AD51019" i="1"/>
  <c r="AD51020" i="1"/>
  <c r="AD51021" i="1"/>
  <c r="AD51022" i="1"/>
  <c r="AD51023" i="1"/>
  <c r="AD51024" i="1"/>
  <c r="AD51025" i="1"/>
  <c r="AD51026" i="1"/>
  <c r="AD51027" i="1"/>
  <c r="AD51028" i="1"/>
  <c r="AD51029" i="1"/>
  <c r="AD51030" i="1"/>
  <c r="AD51031" i="1"/>
  <c r="AD51032" i="1"/>
  <c r="AD51033" i="1"/>
  <c r="AD51034" i="1"/>
  <c r="AD51035" i="1"/>
  <c r="AD51036" i="1"/>
  <c r="AD51037" i="1"/>
  <c r="AD51038" i="1"/>
  <c r="AD51039" i="1"/>
  <c r="AD51040" i="1"/>
  <c r="AD51041" i="1"/>
  <c r="AD51042" i="1"/>
  <c r="AD51043" i="1"/>
  <c r="AD51044" i="1"/>
  <c r="AD51045" i="1"/>
  <c r="AD51046" i="1"/>
  <c r="AD51047" i="1"/>
  <c r="AD51048" i="1"/>
  <c r="AD51049" i="1"/>
  <c r="AD51050" i="1"/>
  <c r="AD51051" i="1"/>
  <c r="AD51052" i="1"/>
  <c r="AD51053" i="1"/>
  <c r="AD51054" i="1"/>
  <c r="AD51055" i="1"/>
  <c r="AD51056" i="1"/>
  <c r="AD51057" i="1"/>
  <c r="AD51058" i="1"/>
  <c r="AD51059" i="1"/>
  <c r="AD51060" i="1"/>
  <c r="AD51061" i="1"/>
  <c r="AD51062" i="1"/>
  <c r="AD51063" i="1"/>
  <c r="AD51064" i="1"/>
  <c r="AD51065" i="1"/>
  <c r="AD51066" i="1"/>
  <c r="AD51067" i="1"/>
  <c r="AD51068" i="1"/>
  <c r="AD51069" i="1"/>
  <c r="AD51070" i="1"/>
  <c r="AD51071" i="1"/>
  <c r="AD51072" i="1"/>
  <c r="AD51073" i="1"/>
  <c r="AD51074" i="1"/>
  <c r="AD51075" i="1"/>
  <c r="AD51076" i="1"/>
  <c r="AD51077" i="1"/>
  <c r="AD51078" i="1"/>
  <c r="AD51079" i="1"/>
  <c r="AD51080" i="1"/>
  <c r="AD51081" i="1"/>
  <c r="AD51082" i="1"/>
  <c r="AD51083" i="1"/>
  <c r="AD51084" i="1"/>
  <c r="AD51085" i="1"/>
  <c r="AD51086" i="1"/>
  <c r="AD51087" i="1"/>
  <c r="AD51088" i="1"/>
  <c r="AD51089" i="1"/>
  <c r="AD51090" i="1"/>
  <c r="AD51091" i="1"/>
  <c r="AD51092" i="1"/>
  <c r="AD51093" i="1"/>
  <c r="AD51094" i="1"/>
  <c r="AD51095" i="1"/>
  <c r="AD51096" i="1"/>
  <c r="AD51097" i="1"/>
  <c r="AD51098" i="1"/>
  <c r="AD51099" i="1"/>
  <c r="AD51100" i="1"/>
  <c r="AD51101" i="1"/>
  <c r="AD51102" i="1"/>
  <c r="AD51103" i="1"/>
  <c r="AD51104" i="1"/>
  <c r="AD51105" i="1"/>
  <c r="AD51106" i="1"/>
  <c r="AD51107" i="1"/>
  <c r="AD51108" i="1"/>
  <c r="AD51109" i="1"/>
  <c r="AD51110" i="1"/>
  <c r="AD51111" i="1"/>
  <c r="AD51112" i="1"/>
  <c r="AD51113" i="1"/>
  <c r="AD51114" i="1"/>
  <c r="AD51115" i="1"/>
  <c r="AD51116" i="1"/>
  <c r="AD51117" i="1"/>
  <c r="AD51118" i="1"/>
  <c r="AD51119" i="1"/>
  <c r="AD51120" i="1"/>
  <c r="AD51121" i="1"/>
  <c r="AD51122" i="1"/>
  <c r="AD51123" i="1"/>
  <c r="AD51124" i="1"/>
  <c r="AD51125" i="1"/>
  <c r="AD51126" i="1"/>
  <c r="AD51127" i="1"/>
  <c r="AD51128" i="1"/>
  <c r="AD51129" i="1"/>
  <c r="AD51130" i="1"/>
  <c r="AD51131" i="1"/>
  <c r="AD51132" i="1"/>
  <c r="AD51133" i="1"/>
  <c r="AD51134" i="1"/>
  <c r="AD51135" i="1"/>
  <c r="AD51136" i="1"/>
  <c r="AD51137" i="1"/>
  <c r="AD51138" i="1"/>
  <c r="AD51139" i="1"/>
  <c r="AD51140" i="1"/>
  <c r="AD51141" i="1"/>
  <c r="AD51142" i="1"/>
  <c r="AD51143" i="1"/>
  <c r="AD51144" i="1"/>
  <c r="AD51145" i="1"/>
  <c r="AD51146" i="1"/>
  <c r="AD51147" i="1"/>
  <c r="AD51148" i="1"/>
  <c r="AD51149" i="1"/>
  <c r="AD51150" i="1"/>
  <c r="AD51151" i="1"/>
  <c r="AD51152" i="1"/>
  <c r="AD51153" i="1"/>
  <c r="AD51154" i="1"/>
  <c r="AD51155" i="1"/>
  <c r="AD51156" i="1"/>
  <c r="AD51157" i="1"/>
  <c r="AD51158" i="1"/>
  <c r="AD51159" i="1"/>
  <c r="AD51160" i="1"/>
  <c r="AD51161" i="1"/>
  <c r="AD51162" i="1"/>
  <c r="AD51163" i="1"/>
  <c r="AD51164" i="1"/>
  <c r="AD51165" i="1"/>
  <c r="AD51166" i="1"/>
  <c r="AD51167" i="1"/>
  <c r="AD51168" i="1"/>
  <c r="AD51169" i="1"/>
  <c r="AD51170" i="1"/>
  <c r="AD51171" i="1"/>
  <c r="AD51172" i="1"/>
  <c r="AD51173" i="1"/>
  <c r="AD51174" i="1"/>
  <c r="AD51175" i="1"/>
  <c r="AD51176" i="1"/>
  <c r="AD51177" i="1"/>
  <c r="AD51178" i="1"/>
  <c r="AD51179" i="1"/>
  <c r="AD51180" i="1"/>
  <c r="AD51181" i="1"/>
  <c r="AD51182" i="1"/>
  <c r="AD51183" i="1"/>
  <c r="AD51184" i="1"/>
  <c r="AD51185" i="1"/>
  <c r="AD51186" i="1"/>
  <c r="AD51187" i="1"/>
  <c r="AD51188" i="1"/>
  <c r="AD51189" i="1"/>
  <c r="AD51190" i="1"/>
  <c r="AD51191" i="1"/>
  <c r="AD51192" i="1"/>
  <c r="AD51193" i="1"/>
  <c r="AD51194" i="1"/>
  <c r="AD51195" i="1"/>
  <c r="AD51196" i="1"/>
  <c r="AD51197" i="1"/>
  <c r="AD51198" i="1"/>
  <c r="AD51199" i="1"/>
  <c r="AD51200" i="1"/>
  <c r="AD51201" i="1"/>
  <c r="AD51202" i="1"/>
  <c r="AD51203" i="1"/>
  <c r="AD51204" i="1"/>
  <c r="AD51205" i="1"/>
  <c r="AD51206" i="1"/>
  <c r="AD51207" i="1"/>
  <c r="AD51208" i="1"/>
  <c r="AD51209" i="1"/>
  <c r="AD51210" i="1"/>
  <c r="AD51211" i="1"/>
  <c r="AD51212" i="1"/>
  <c r="AD51213" i="1"/>
  <c r="AD51214" i="1"/>
  <c r="AD51215" i="1"/>
  <c r="AD51216" i="1"/>
  <c r="AD51217" i="1"/>
  <c r="AD51218" i="1"/>
  <c r="AD51219" i="1"/>
  <c r="AD51220" i="1"/>
  <c r="AD51221" i="1"/>
  <c r="AD51222" i="1"/>
  <c r="AD51223" i="1"/>
  <c r="AD51224" i="1"/>
  <c r="AD51225" i="1"/>
  <c r="AD51226" i="1"/>
  <c r="AD51227" i="1"/>
  <c r="AD51228" i="1"/>
  <c r="AD51229" i="1"/>
  <c r="AD51230" i="1"/>
  <c r="AD51231" i="1"/>
  <c r="AD51232" i="1"/>
  <c r="AD51233" i="1"/>
  <c r="AD51234" i="1"/>
  <c r="AD51235" i="1"/>
  <c r="AD51236" i="1"/>
  <c r="AD51237" i="1"/>
  <c r="AD51238" i="1"/>
  <c r="AD51239" i="1"/>
  <c r="AD51240" i="1"/>
  <c r="AD51241" i="1"/>
  <c r="AD51242" i="1"/>
  <c r="AD51243" i="1"/>
  <c r="AD51244" i="1"/>
  <c r="AD51245" i="1"/>
  <c r="AD51246" i="1"/>
  <c r="AD51247" i="1"/>
  <c r="AD51248" i="1"/>
  <c r="AD51249" i="1"/>
  <c r="AD51250" i="1"/>
  <c r="AD51251" i="1"/>
  <c r="AD51252" i="1"/>
  <c r="AD51253" i="1"/>
  <c r="AD51254" i="1"/>
  <c r="AD51255" i="1"/>
  <c r="AD51256" i="1"/>
  <c r="AD51257" i="1"/>
  <c r="AD51258" i="1"/>
  <c r="AD51259" i="1"/>
  <c r="AD51260" i="1"/>
  <c r="AD51261" i="1"/>
  <c r="AD51262" i="1"/>
  <c r="AD51263" i="1"/>
  <c r="AD51264" i="1"/>
  <c r="AD51265" i="1"/>
  <c r="AD51266" i="1"/>
  <c r="AD51267" i="1"/>
  <c r="AD51268" i="1"/>
  <c r="AD51269" i="1"/>
  <c r="AD51270" i="1"/>
  <c r="AD51271" i="1"/>
  <c r="AD51272" i="1"/>
  <c r="AD51273" i="1"/>
  <c r="AD51274" i="1"/>
  <c r="AD51275" i="1"/>
  <c r="AD51276" i="1"/>
  <c r="AD51277" i="1"/>
  <c r="AD51278" i="1"/>
  <c r="AD51279" i="1"/>
  <c r="AD51280" i="1"/>
  <c r="AD51281" i="1"/>
  <c r="AD51282" i="1"/>
  <c r="AD51283" i="1"/>
  <c r="AD51284" i="1"/>
  <c r="AD51285" i="1"/>
  <c r="AD51286" i="1"/>
  <c r="AD51287" i="1"/>
  <c r="AD51288" i="1"/>
  <c r="AD51289" i="1"/>
  <c r="AD51290" i="1"/>
  <c r="AD51291" i="1"/>
  <c r="AD51292" i="1"/>
  <c r="AD51293" i="1"/>
  <c r="AD51294" i="1"/>
  <c r="AD51295" i="1"/>
  <c r="AD51296" i="1"/>
  <c r="AD51297" i="1"/>
  <c r="AD51298" i="1"/>
  <c r="AD51299" i="1"/>
  <c r="AD51300" i="1"/>
  <c r="AD51301" i="1"/>
  <c r="AD51302" i="1"/>
  <c r="AD51303" i="1"/>
  <c r="AD51304" i="1"/>
  <c r="AD51305" i="1"/>
  <c r="AD51306" i="1"/>
  <c r="AD51307" i="1"/>
  <c r="AD51308" i="1"/>
  <c r="AD51309" i="1"/>
  <c r="AD51310" i="1"/>
  <c r="AD51311" i="1"/>
  <c r="AD51312" i="1"/>
  <c r="AD51313" i="1"/>
  <c r="AD51314" i="1"/>
  <c r="AD51315" i="1"/>
  <c r="AD51316" i="1"/>
  <c r="AD51317" i="1"/>
  <c r="AD51318" i="1"/>
  <c r="AD51319" i="1"/>
  <c r="AD51320" i="1"/>
  <c r="AD51321" i="1"/>
  <c r="AD51322" i="1"/>
  <c r="AD51323" i="1"/>
  <c r="AD51324" i="1"/>
  <c r="AD51325" i="1"/>
  <c r="AD51326" i="1"/>
  <c r="AD51327" i="1"/>
  <c r="AD51328" i="1"/>
  <c r="AD51329" i="1"/>
  <c r="AD51330" i="1"/>
  <c r="AD51331" i="1"/>
  <c r="AD51332" i="1"/>
  <c r="AD51333" i="1"/>
  <c r="AD51334" i="1"/>
  <c r="AD51335" i="1"/>
  <c r="AD51336" i="1"/>
  <c r="AD51337" i="1"/>
  <c r="AD51338" i="1"/>
  <c r="AD51339" i="1"/>
  <c r="AD51340" i="1"/>
  <c r="AD51341" i="1"/>
  <c r="AD51342" i="1"/>
  <c r="AD51343" i="1"/>
  <c r="AD51344" i="1"/>
  <c r="AD51345" i="1"/>
  <c r="AD51346" i="1"/>
  <c r="AD51347" i="1"/>
  <c r="AD51348" i="1"/>
  <c r="AD51349" i="1"/>
  <c r="AD51350" i="1"/>
  <c r="AD51351" i="1"/>
  <c r="AD51352" i="1"/>
  <c r="AD51353" i="1"/>
  <c r="AD51354" i="1"/>
  <c r="AD51355" i="1"/>
  <c r="AD51356" i="1"/>
  <c r="AD51357" i="1"/>
  <c r="AD51358" i="1"/>
  <c r="AD51359" i="1"/>
  <c r="AD51360" i="1"/>
  <c r="AD51361" i="1"/>
  <c r="AD51362" i="1"/>
  <c r="AD51363" i="1"/>
  <c r="AD51364" i="1"/>
  <c r="AD51365" i="1"/>
  <c r="AD51366" i="1"/>
  <c r="AD51367" i="1"/>
  <c r="AD51368" i="1"/>
  <c r="AD51369" i="1"/>
  <c r="AD51370" i="1"/>
  <c r="AD51371" i="1"/>
  <c r="AD51372" i="1"/>
  <c r="AD51373" i="1"/>
  <c r="AD51374" i="1"/>
  <c r="AD51375" i="1"/>
  <c r="AD51376" i="1"/>
  <c r="AD51377" i="1"/>
  <c r="AD51378" i="1"/>
  <c r="AD51379" i="1"/>
  <c r="AD51380" i="1"/>
  <c r="AD51381" i="1"/>
  <c r="AD51382" i="1"/>
  <c r="AD51383" i="1"/>
  <c r="AD51384" i="1"/>
  <c r="AD51385" i="1"/>
  <c r="AD51386" i="1"/>
  <c r="AD51387" i="1"/>
  <c r="AD51388" i="1"/>
  <c r="AD51389" i="1"/>
  <c r="AD51390" i="1"/>
  <c r="AD51391" i="1"/>
  <c r="AD51392" i="1"/>
  <c r="AD51393" i="1"/>
  <c r="AD51394" i="1"/>
  <c r="AD51395" i="1"/>
  <c r="AD51396" i="1"/>
  <c r="AD51397" i="1"/>
  <c r="AD51398" i="1"/>
  <c r="AD51399" i="1"/>
  <c r="AD51400" i="1"/>
  <c r="AD51401" i="1"/>
  <c r="AD51402" i="1"/>
  <c r="AD51403" i="1"/>
  <c r="AD51404" i="1"/>
  <c r="AD51405" i="1"/>
  <c r="AD51406" i="1"/>
  <c r="AD51407" i="1"/>
  <c r="AD51408" i="1"/>
  <c r="AD51409" i="1"/>
  <c r="AD51410" i="1"/>
  <c r="AD51411" i="1"/>
  <c r="AD51412" i="1"/>
  <c r="AD51413" i="1"/>
  <c r="AD51414" i="1"/>
  <c r="AD51415" i="1"/>
  <c r="AD51416" i="1"/>
  <c r="AD51417" i="1"/>
  <c r="AD51418" i="1"/>
  <c r="AD51419" i="1"/>
  <c r="AD51420" i="1"/>
  <c r="AD51421" i="1"/>
  <c r="AD51422" i="1"/>
  <c r="AD51423" i="1"/>
  <c r="AD51424" i="1"/>
  <c r="AD51425" i="1"/>
  <c r="AD51426" i="1"/>
  <c r="AD51427" i="1"/>
  <c r="AD51428" i="1"/>
  <c r="AD51429" i="1"/>
  <c r="AD51430" i="1"/>
  <c r="AD51431" i="1"/>
  <c r="AD51432" i="1"/>
  <c r="AD51433" i="1"/>
  <c r="AD51434" i="1"/>
  <c r="AD51435" i="1"/>
  <c r="AD51436" i="1"/>
  <c r="AD51437" i="1"/>
  <c r="AD51438" i="1"/>
  <c r="AD51439" i="1"/>
  <c r="AD51440" i="1"/>
  <c r="AD51441" i="1"/>
  <c r="AD51442" i="1"/>
  <c r="AD51443" i="1"/>
  <c r="AD51444" i="1"/>
  <c r="AD51445" i="1"/>
  <c r="AD51446" i="1"/>
  <c r="AD51447" i="1"/>
  <c r="AD51448" i="1"/>
  <c r="AD51449" i="1"/>
  <c r="AD51450" i="1"/>
  <c r="AD51451" i="1"/>
  <c r="AD51452" i="1"/>
  <c r="AD51453" i="1"/>
  <c r="AD51454" i="1"/>
  <c r="AD51455" i="1"/>
  <c r="AD51456" i="1"/>
  <c r="AD51457" i="1"/>
  <c r="AD51458" i="1"/>
  <c r="AD51459" i="1"/>
  <c r="AD51460" i="1"/>
  <c r="AD51461" i="1"/>
  <c r="AD51462" i="1"/>
  <c r="AD51463" i="1"/>
  <c r="AD51464" i="1"/>
  <c r="AD51465" i="1"/>
  <c r="AD51466" i="1"/>
  <c r="AD51467" i="1"/>
  <c r="AD51468" i="1"/>
  <c r="AD51469" i="1"/>
  <c r="AD51470" i="1"/>
  <c r="AD51471" i="1"/>
  <c r="AD51472" i="1"/>
  <c r="AD51473" i="1"/>
  <c r="AD51474" i="1"/>
  <c r="AD51475" i="1"/>
  <c r="AD51476" i="1"/>
  <c r="AD51477" i="1"/>
  <c r="AD51478" i="1"/>
  <c r="AD51479" i="1"/>
  <c r="AD51480" i="1"/>
  <c r="AD51481" i="1"/>
  <c r="AD51482" i="1"/>
  <c r="AD51483" i="1"/>
  <c r="AD51484" i="1"/>
  <c r="AD51485" i="1"/>
  <c r="AD51486" i="1"/>
  <c r="AD51487" i="1"/>
  <c r="AD51488" i="1"/>
  <c r="AD51489" i="1"/>
  <c r="AD51490" i="1"/>
  <c r="AD51491" i="1"/>
  <c r="AD51492" i="1"/>
  <c r="AD51493" i="1"/>
  <c r="AD51494" i="1"/>
  <c r="AD51495" i="1"/>
  <c r="AD51496" i="1"/>
  <c r="AD51497" i="1"/>
  <c r="AD51498" i="1"/>
  <c r="AD51499" i="1"/>
  <c r="AD51500" i="1"/>
  <c r="AD51501" i="1"/>
  <c r="AD51502" i="1"/>
  <c r="AD51503" i="1"/>
  <c r="AD51504" i="1"/>
  <c r="AD51505" i="1"/>
  <c r="AD51506" i="1"/>
  <c r="AD51507" i="1"/>
  <c r="AD51508" i="1"/>
  <c r="AD51509" i="1"/>
  <c r="AD51510" i="1"/>
  <c r="AD51511" i="1"/>
  <c r="AD51512" i="1"/>
  <c r="AD51513" i="1"/>
  <c r="AD51514" i="1"/>
  <c r="AD51515" i="1"/>
  <c r="AD51516" i="1"/>
  <c r="AD51517" i="1"/>
  <c r="AD51518" i="1"/>
  <c r="AD51519" i="1"/>
  <c r="AD51520" i="1"/>
  <c r="AD51521" i="1"/>
  <c r="AD51522" i="1"/>
  <c r="AD51523" i="1"/>
  <c r="AD51524" i="1"/>
  <c r="AD51525" i="1"/>
  <c r="AD51526" i="1"/>
  <c r="AD51527" i="1"/>
  <c r="AD51528" i="1"/>
  <c r="AD51529" i="1"/>
  <c r="AD51530" i="1"/>
  <c r="AD51531" i="1"/>
  <c r="AD51532" i="1"/>
  <c r="AD51533" i="1"/>
  <c r="AD51534" i="1"/>
  <c r="AD51535" i="1"/>
  <c r="AD51536" i="1"/>
  <c r="AD51537" i="1"/>
  <c r="AD51538" i="1"/>
  <c r="AD51539" i="1"/>
  <c r="AD51540" i="1"/>
  <c r="AD51541" i="1"/>
  <c r="AD51542" i="1"/>
  <c r="AD51543" i="1"/>
  <c r="AD51544" i="1"/>
  <c r="AD51545" i="1"/>
  <c r="AD51546" i="1"/>
  <c r="AD51547" i="1"/>
  <c r="AD51548" i="1"/>
  <c r="AD51549" i="1"/>
  <c r="AD51550" i="1"/>
  <c r="AD51551" i="1"/>
  <c r="AD51552" i="1"/>
  <c r="AD51553" i="1"/>
  <c r="AD51554" i="1"/>
  <c r="AD51555" i="1"/>
  <c r="AD51556" i="1"/>
  <c r="AD51557" i="1"/>
  <c r="AD51558" i="1"/>
  <c r="AD51559" i="1"/>
  <c r="AD51560" i="1"/>
  <c r="AD51561" i="1"/>
  <c r="AD51562" i="1"/>
  <c r="AD51563" i="1"/>
  <c r="AD51564" i="1"/>
  <c r="AD51565" i="1"/>
  <c r="AD51566" i="1"/>
  <c r="AD51567" i="1"/>
  <c r="AD51568" i="1"/>
  <c r="AD51569" i="1"/>
  <c r="AD51570" i="1"/>
  <c r="AD51571" i="1"/>
  <c r="AD51572" i="1"/>
  <c r="AD51573" i="1"/>
  <c r="AD51574" i="1"/>
  <c r="AD51575" i="1"/>
  <c r="AD51576" i="1"/>
  <c r="AD51577" i="1"/>
  <c r="AD51578" i="1"/>
  <c r="AD51579" i="1"/>
  <c r="AD51580" i="1"/>
  <c r="AD51581" i="1"/>
  <c r="AD51582" i="1"/>
  <c r="AD51583" i="1"/>
  <c r="AD51584" i="1"/>
  <c r="AD51585" i="1"/>
  <c r="AD51586" i="1"/>
  <c r="AD51587" i="1"/>
  <c r="AD51588" i="1"/>
  <c r="AD51589" i="1"/>
  <c r="AD51590" i="1"/>
  <c r="AD51591" i="1"/>
  <c r="AD51592" i="1"/>
  <c r="AD51593" i="1"/>
  <c r="AD51594" i="1"/>
  <c r="AD51595" i="1"/>
  <c r="AD51596" i="1"/>
  <c r="AD51597" i="1"/>
  <c r="AD51598" i="1"/>
  <c r="AD51599" i="1"/>
  <c r="AD51600" i="1"/>
  <c r="AD51601" i="1"/>
  <c r="AD51602" i="1"/>
  <c r="AD51603" i="1"/>
  <c r="AD51604" i="1"/>
  <c r="AD51605" i="1"/>
  <c r="AD51606" i="1"/>
  <c r="AD51607" i="1"/>
  <c r="AD51608" i="1"/>
  <c r="AD51609" i="1"/>
  <c r="AD51610" i="1"/>
  <c r="AD51611" i="1"/>
  <c r="AD51612" i="1"/>
  <c r="AD51613" i="1"/>
  <c r="AD51614" i="1"/>
  <c r="AD51615" i="1"/>
  <c r="AD51616" i="1"/>
  <c r="AD51617" i="1"/>
  <c r="AD51618" i="1"/>
  <c r="AD51619" i="1"/>
  <c r="AD51620" i="1"/>
  <c r="AD51621" i="1"/>
  <c r="AD51622" i="1"/>
  <c r="AD51623" i="1"/>
  <c r="AD51624" i="1"/>
  <c r="AD51625" i="1"/>
  <c r="AD51626" i="1"/>
  <c r="AD51627" i="1"/>
  <c r="AD51628" i="1"/>
  <c r="AD51629" i="1"/>
  <c r="AD51630" i="1"/>
  <c r="AD51631" i="1"/>
  <c r="AD51632" i="1"/>
  <c r="AD51633" i="1"/>
  <c r="AD51634" i="1"/>
  <c r="AD51635" i="1"/>
  <c r="AD51636" i="1"/>
  <c r="AD51637" i="1"/>
  <c r="AD51638" i="1"/>
  <c r="AD51639" i="1"/>
  <c r="AD51640" i="1"/>
  <c r="AD51641" i="1"/>
  <c r="AD51642" i="1"/>
  <c r="AD51643" i="1"/>
  <c r="AD51644" i="1"/>
  <c r="AD51645" i="1"/>
  <c r="AD51646" i="1"/>
  <c r="AD51647" i="1"/>
  <c r="AD51648" i="1"/>
  <c r="AD51649" i="1"/>
  <c r="AD51650" i="1"/>
  <c r="AD51651" i="1"/>
  <c r="AD51652" i="1"/>
  <c r="AD51653" i="1"/>
  <c r="AD51654" i="1"/>
  <c r="AD51655" i="1"/>
  <c r="AD51656" i="1"/>
  <c r="AD51657" i="1"/>
  <c r="AD51658" i="1"/>
  <c r="AD51659" i="1"/>
  <c r="AD51660" i="1"/>
  <c r="AD51661" i="1"/>
  <c r="AD51662" i="1"/>
  <c r="AD51663" i="1"/>
  <c r="AD51664" i="1"/>
  <c r="AD51665" i="1"/>
  <c r="AD51666" i="1"/>
  <c r="AD51667" i="1"/>
  <c r="AD51668" i="1"/>
  <c r="AD51669" i="1"/>
  <c r="AD51670" i="1"/>
  <c r="AD51671" i="1"/>
  <c r="AD51672" i="1"/>
  <c r="AD51673" i="1"/>
  <c r="AD51674" i="1"/>
  <c r="AD51675" i="1"/>
  <c r="AD51676" i="1"/>
  <c r="AD51677" i="1"/>
  <c r="AD51678" i="1"/>
  <c r="AD51679" i="1"/>
  <c r="AD51680" i="1"/>
  <c r="AD51681" i="1"/>
  <c r="AD51682" i="1"/>
  <c r="AD51683" i="1"/>
  <c r="AD51684" i="1"/>
  <c r="AD51685" i="1"/>
  <c r="AD51686" i="1"/>
  <c r="AD51687" i="1"/>
  <c r="AD51688" i="1"/>
  <c r="AD51689" i="1"/>
  <c r="AD51690" i="1"/>
  <c r="AD51691" i="1"/>
  <c r="AD51692" i="1"/>
  <c r="AD51693" i="1"/>
  <c r="AD51694" i="1"/>
  <c r="AD51695" i="1"/>
  <c r="AD51696" i="1"/>
  <c r="AD51697" i="1"/>
  <c r="AD51698" i="1"/>
  <c r="AD51699" i="1"/>
  <c r="AD51700" i="1"/>
  <c r="AD51701" i="1"/>
  <c r="AD51702" i="1"/>
  <c r="AD51703" i="1"/>
  <c r="AD51704" i="1"/>
  <c r="AD51705" i="1"/>
  <c r="AD51706" i="1"/>
  <c r="AD51707" i="1"/>
  <c r="AD51708" i="1"/>
  <c r="AD51709" i="1"/>
  <c r="AD51710" i="1"/>
  <c r="AD51711" i="1"/>
  <c r="AD51712" i="1"/>
  <c r="AD51713" i="1"/>
  <c r="AD51714" i="1"/>
  <c r="AD51715" i="1"/>
  <c r="AD51716" i="1"/>
  <c r="AD51717" i="1"/>
  <c r="AD51718" i="1"/>
  <c r="AD51719" i="1"/>
  <c r="AD51720" i="1"/>
  <c r="AD51721" i="1"/>
  <c r="AD51722" i="1"/>
  <c r="AD51723" i="1"/>
  <c r="AD51724" i="1"/>
  <c r="AD51725" i="1"/>
  <c r="AD51726" i="1"/>
  <c r="AD51727" i="1"/>
  <c r="AD51728" i="1"/>
  <c r="AD51729" i="1"/>
  <c r="AD51730" i="1"/>
  <c r="AD51731" i="1"/>
  <c r="AD51732" i="1"/>
  <c r="AD51733" i="1"/>
  <c r="AD51734" i="1"/>
  <c r="AD51735" i="1"/>
  <c r="AD51736" i="1"/>
  <c r="AD51737" i="1"/>
  <c r="AD51738" i="1"/>
  <c r="AD51739" i="1"/>
  <c r="AD51740" i="1"/>
  <c r="AD51741" i="1"/>
  <c r="AD51742" i="1"/>
  <c r="AD51743" i="1"/>
  <c r="AD51744" i="1"/>
  <c r="AD51745" i="1"/>
  <c r="AD51746" i="1"/>
  <c r="AD51747" i="1"/>
  <c r="AD51748" i="1"/>
  <c r="AD51749" i="1"/>
  <c r="AD51750" i="1"/>
  <c r="AD51751" i="1"/>
  <c r="AD51752" i="1"/>
  <c r="AD51753" i="1"/>
  <c r="AD51754" i="1"/>
  <c r="AD51755" i="1"/>
  <c r="AD51756" i="1"/>
  <c r="AD51757" i="1"/>
  <c r="AD51758" i="1"/>
  <c r="AD51759" i="1"/>
  <c r="AD51760" i="1"/>
  <c r="AD51761" i="1"/>
  <c r="AD51762" i="1"/>
  <c r="AD51763" i="1"/>
  <c r="AD51764" i="1"/>
  <c r="AD51765" i="1"/>
  <c r="AD51766" i="1"/>
  <c r="AD51767" i="1"/>
  <c r="AD51768" i="1"/>
  <c r="AD51769" i="1"/>
  <c r="AD51770" i="1"/>
  <c r="AD51771" i="1"/>
  <c r="AD51772" i="1"/>
  <c r="AD51773" i="1"/>
  <c r="AD51774" i="1"/>
  <c r="AD51775" i="1"/>
  <c r="AD51776" i="1"/>
  <c r="AD51777" i="1"/>
  <c r="AD51778" i="1"/>
  <c r="AD51779" i="1"/>
  <c r="AD51780" i="1"/>
  <c r="AD51781" i="1"/>
  <c r="AD51782" i="1"/>
  <c r="AD51783" i="1"/>
  <c r="AD51784" i="1"/>
  <c r="AD51785" i="1"/>
  <c r="AD51786" i="1"/>
  <c r="AD51787" i="1"/>
  <c r="AD51788" i="1"/>
  <c r="AD51789" i="1"/>
  <c r="AD51790" i="1"/>
  <c r="AD51791" i="1"/>
  <c r="AD51792" i="1"/>
  <c r="AD51793" i="1"/>
  <c r="AD51794" i="1"/>
  <c r="AD51795" i="1"/>
  <c r="AD51796" i="1"/>
  <c r="AD51797" i="1"/>
  <c r="AD51798" i="1"/>
  <c r="AD51799" i="1"/>
  <c r="AD51800" i="1"/>
  <c r="AD51801" i="1"/>
  <c r="AD51802" i="1"/>
  <c r="AD51803" i="1"/>
  <c r="AD51804" i="1"/>
  <c r="AD51805" i="1"/>
  <c r="AD51806" i="1"/>
  <c r="AD51807" i="1"/>
  <c r="AD51808" i="1"/>
  <c r="AD51809" i="1"/>
  <c r="AD51810" i="1"/>
  <c r="AD51811" i="1"/>
  <c r="AD51812" i="1"/>
  <c r="AD51813" i="1"/>
  <c r="AD51814" i="1"/>
  <c r="AD51815" i="1"/>
  <c r="AD51816" i="1"/>
  <c r="AD51817" i="1"/>
  <c r="AD51818" i="1"/>
  <c r="AD51819" i="1"/>
  <c r="AD51820" i="1"/>
  <c r="AD51821" i="1"/>
  <c r="AD51822" i="1"/>
  <c r="AD51823" i="1"/>
  <c r="AD51824" i="1"/>
  <c r="AD51825" i="1"/>
  <c r="AD51826" i="1"/>
  <c r="AD51827" i="1"/>
  <c r="AD51828" i="1"/>
  <c r="AD51829" i="1"/>
  <c r="AD51830" i="1"/>
  <c r="AD51831" i="1"/>
  <c r="AD51832" i="1"/>
  <c r="AD51833" i="1"/>
  <c r="AD51834" i="1"/>
  <c r="AD51835" i="1"/>
  <c r="AD51836" i="1"/>
  <c r="AD51837" i="1"/>
  <c r="AD51838" i="1"/>
  <c r="AD51839" i="1"/>
  <c r="AD51840" i="1"/>
  <c r="AD51841" i="1"/>
  <c r="AD51842" i="1"/>
  <c r="AD51843" i="1"/>
  <c r="AD51844" i="1"/>
  <c r="AD51845" i="1"/>
  <c r="AD51846" i="1"/>
  <c r="AD51847" i="1"/>
  <c r="AD51848" i="1"/>
  <c r="AD51849" i="1"/>
  <c r="AD51850" i="1"/>
  <c r="AD51851" i="1"/>
  <c r="AD51852" i="1"/>
  <c r="AD51853" i="1"/>
  <c r="AD51854" i="1"/>
  <c r="AD51855" i="1"/>
  <c r="AD51856" i="1"/>
  <c r="AD51857" i="1"/>
  <c r="AD51858" i="1"/>
  <c r="AD51859" i="1"/>
  <c r="AD51860" i="1"/>
  <c r="AD51861" i="1"/>
  <c r="AD51862" i="1"/>
  <c r="AD51863" i="1"/>
  <c r="AD51864" i="1"/>
  <c r="AD51865" i="1"/>
  <c r="AD51866" i="1"/>
  <c r="AD51867" i="1"/>
  <c r="AD51868" i="1"/>
  <c r="AD51869" i="1"/>
  <c r="AD51870" i="1"/>
  <c r="AD51871" i="1"/>
  <c r="AD51872" i="1"/>
  <c r="AD51873" i="1"/>
  <c r="AD51874" i="1"/>
  <c r="AD51875" i="1"/>
  <c r="AD51876" i="1"/>
  <c r="AD51877" i="1"/>
  <c r="AD51878" i="1"/>
  <c r="AD51879" i="1"/>
  <c r="AD51880" i="1"/>
  <c r="AD51881" i="1"/>
  <c r="AD51882" i="1"/>
  <c r="AD51883" i="1"/>
  <c r="AD51884" i="1"/>
  <c r="AD51885" i="1"/>
  <c r="AD51886" i="1"/>
  <c r="AD51887" i="1"/>
  <c r="AD51888" i="1"/>
  <c r="AD51889" i="1"/>
  <c r="AD51890" i="1"/>
  <c r="AD51891" i="1"/>
  <c r="AD51892" i="1"/>
  <c r="AD51893" i="1"/>
  <c r="AD51894" i="1"/>
  <c r="AD51895" i="1"/>
  <c r="AD51896" i="1"/>
  <c r="AD51897" i="1"/>
  <c r="AD51898" i="1"/>
  <c r="AD51899" i="1"/>
  <c r="AD51900" i="1"/>
  <c r="AD51901" i="1"/>
  <c r="AD51902" i="1"/>
  <c r="AD51903" i="1"/>
  <c r="AD51904" i="1"/>
  <c r="AD51905" i="1"/>
  <c r="AD51906" i="1"/>
  <c r="AD51907" i="1"/>
  <c r="AD51908" i="1"/>
  <c r="AD51909" i="1"/>
  <c r="AD51910" i="1"/>
  <c r="AD51911" i="1"/>
  <c r="AD51912" i="1"/>
  <c r="AD51913" i="1"/>
  <c r="AD51914" i="1"/>
  <c r="AD51915" i="1"/>
  <c r="AD51916" i="1"/>
  <c r="AD51917" i="1"/>
  <c r="AD51918" i="1"/>
  <c r="AD51919" i="1"/>
  <c r="AD51920" i="1"/>
  <c r="AD51921" i="1"/>
  <c r="AD51922" i="1"/>
  <c r="AD51923" i="1"/>
  <c r="AD51924" i="1"/>
  <c r="AD51925" i="1"/>
  <c r="AD51926" i="1"/>
  <c r="AD51927" i="1"/>
  <c r="AD51928" i="1"/>
  <c r="AD51929" i="1"/>
  <c r="AD51930" i="1"/>
  <c r="AD51931" i="1"/>
  <c r="AD51932" i="1"/>
  <c r="AD51933" i="1"/>
  <c r="AD51934" i="1"/>
  <c r="AD51935" i="1"/>
  <c r="AD51936" i="1"/>
  <c r="AD51937" i="1"/>
  <c r="AD51938" i="1"/>
  <c r="AD51939" i="1"/>
  <c r="AD51940" i="1"/>
  <c r="AD51941" i="1"/>
  <c r="AD51942" i="1"/>
  <c r="AD51943" i="1"/>
  <c r="AD51944" i="1"/>
  <c r="AD51945" i="1"/>
  <c r="AD51946" i="1"/>
  <c r="AD51947" i="1"/>
  <c r="AD51948" i="1"/>
  <c r="AD51949" i="1"/>
  <c r="AD51950" i="1"/>
  <c r="AD51951" i="1"/>
  <c r="AD51952" i="1"/>
  <c r="AD51953" i="1"/>
  <c r="AD51954" i="1"/>
  <c r="AD51955" i="1"/>
  <c r="AD51956" i="1"/>
  <c r="AD51957" i="1"/>
  <c r="AD51958" i="1"/>
  <c r="AD51959" i="1"/>
  <c r="AD51960" i="1"/>
  <c r="AD51961" i="1"/>
  <c r="AD51962" i="1"/>
  <c r="AD51963" i="1"/>
  <c r="AD51964" i="1"/>
  <c r="AD51965" i="1"/>
  <c r="AD51966" i="1"/>
  <c r="AD51967" i="1"/>
  <c r="AD51968" i="1"/>
  <c r="AD51969" i="1"/>
  <c r="AD51970" i="1"/>
  <c r="AD51971" i="1"/>
  <c r="AD51972" i="1"/>
  <c r="AD51973" i="1"/>
  <c r="AD51974" i="1"/>
  <c r="AD51975" i="1"/>
  <c r="AD51976" i="1"/>
  <c r="AD51977" i="1"/>
  <c r="AD51978" i="1"/>
  <c r="AD51979" i="1"/>
  <c r="AD51980" i="1"/>
  <c r="AD51981" i="1"/>
  <c r="AD51982" i="1"/>
  <c r="AD51983" i="1"/>
  <c r="AD51984" i="1"/>
  <c r="AD51985" i="1"/>
  <c r="AD51986" i="1"/>
  <c r="AD51987" i="1"/>
  <c r="AD51988" i="1"/>
  <c r="AD51989" i="1"/>
  <c r="AD51990" i="1"/>
  <c r="AD51991" i="1"/>
  <c r="AD51992" i="1"/>
  <c r="AD51993" i="1"/>
  <c r="AD51994" i="1"/>
  <c r="AD51995" i="1"/>
  <c r="AD51996" i="1"/>
  <c r="AD51997" i="1"/>
  <c r="AD51998" i="1"/>
  <c r="AD51999" i="1"/>
  <c r="AD52000" i="1"/>
  <c r="AD52001" i="1"/>
  <c r="AD52002" i="1"/>
  <c r="AD52003" i="1"/>
  <c r="AD52004" i="1"/>
  <c r="AD52005" i="1"/>
  <c r="AD52006" i="1"/>
  <c r="AD52007" i="1"/>
  <c r="AD52008" i="1"/>
  <c r="AD52009" i="1"/>
  <c r="AD52010" i="1"/>
  <c r="AD52011" i="1"/>
  <c r="AD52012" i="1"/>
  <c r="AD52013" i="1"/>
  <c r="AD52014" i="1"/>
  <c r="AD52015" i="1"/>
  <c r="AD52016" i="1"/>
  <c r="AD52017" i="1"/>
  <c r="AD52018" i="1"/>
  <c r="AD52019" i="1"/>
  <c r="AD52020" i="1"/>
  <c r="AD52021" i="1"/>
  <c r="AD52022" i="1"/>
  <c r="AD52023" i="1"/>
  <c r="AD52024" i="1"/>
  <c r="AD52025" i="1"/>
  <c r="AD52026" i="1"/>
  <c r="AD52027" i="1"/>
  <c r="AD52028" i="1"/>
  <c r="AD52029" i="1"/>
  <c r="AD52030" i="1"/>
  <c r="AD52031" i="1"/>
  <c r="AD52032" i="1"/>
  <c r="AD52033" i="1"/>
  <c r="AD52034" i="1"/>
  <c r="AD52035" i="1"/>
  <c r="AD52036" i="1"/>
  <c r="AD52037" i="1"/>
  <c r="AD52038" i="1"/>
  <c r="AD52039" i="1"/>
  <c r="AD52040" i="1"/>
  <c r="AD52041" i="1"/>
  <c r="AD52042" i="1"/>
  <c r="AD52043" i="1"/>
  <c r="AD52044" i="1"/>
  <c r="AD52045" i="1"/>
  <c r="AD52046" i="1"/>
  <c r="AD52047" i="1"/>
  <c r="AD52048" i="1"/>
  <c r="AD52049" i="1"/>
  <c r="AD52050" i="1"/>
  <c r="AD52051" i="1"/>
  <c r="AD52052" i="1"/>
  <c r="AD52053" i="1"/>
  <c r="AD52054" i="1"/>
  <c r="AD52055" i="1"/>
  <c r="AD52056" i="1"/>
  <c r="AD52057" i="1"/>
  <c r="AD52058" i="1"/>
  <c r="AD52059" i="1"/>
  <c r="AD52060" i="1"/>
  <c r="AD52061" i="1"/>
  <c r="AD52062" i="1"/>
  <c r="AD52063" i="1"/>
  <c r="AD52064" i="1"/>
  <c r="AD52065" i="1"/>
  <c r="AD52066" i="1"/>
  <c r="AD52067" i="1"/>
  <c r="AD52068" i="1"/>
  <c r="AD52069" i="1"/>
  <c r="AD52070" i="1"/>
  <c r="AD52071" i="1"/>
  <c r="AD52072" i="1"/>
  <c r="AD52073" i="1"/>
  <c r="AD52074" i="1"/>
  <c r="AD52075" i="1"/>
  <c r="AD52076" i="1"/>
  <c r="AD52077" i="1"/>
  <c r="AD52078" i="1"/>
  <c r="AD52079" i="1"/>
  <c r="AD52080" i="1"/>
  <c r="AD52081" i="1"/>
  <c r="AD52082" i="1"/>
  <c r="AD52083" i="1"/>
  <c r="AD52084" i="1"/>
  <c r="AD52085" i="1"/>
  <c r="AD52086" i="1"/>
  <c r="AD52087" i="1"/>
  <c r="AD52088" i="1"/>
  <c r="AD52089" i="1"/>
  <c r="AD52090" i="1"/>
  <c r="AD52091" i="1"/>
  <c r="AD52092" i="1"/>
  <c r="AD52093" i="1"/>
  <c r="AD52094" i="1"/>
  <c r="AD52095" i="1"/>
  <c r="AD52096" i="1"/>
  <c r="AD52097" i="1"/>
  <c r="AD52098" i="1"/>
  <c r="AD52099" i="1"/>
  <c r="AD52100" i="1"/>
  <c r="AD52101" i="1"/>
  <c r="AD52102" i="1"/>
  <c r="AD52103" i="1"/>
  <c r="AD52104" i="1"/>
  <c r="AD52105" i="1"/>
  <c r="AD52106" i="1"/>
  <c r="AD52107" i="1"/>
  <c r="AD52108" i="1"/>
  <c r="AD52109" i="1"/>
  <c r="AD52110" i="1"/>
  <c r="AD52111" i="1"/>
  <c r="AD52112" i="1"/>
  <c r="AD52113" i="1"/>
  <c r="AD52114" i="1"/>
  <c r="AD52115" i="1"/>
  <c r="AD52116" i="1"/>
  <c r="AD52117" i="1"/>
  <c r="AD52118" i="1"/>
  <c r="AD52119" i="1"/>
  <c r="AD52120" i="1"/>
  <c r="AD52121" i="1"/>
  <c r="AD52122" i="1"/>
  <c r="AD52123" i="1"/>
  <c r="AD52124" i="1"/>
  <c r="AD52125" i="1"/>
  <c r="AD52126" i="1"/>
  <c r="AD52127" i="1"/>
  <c r="AD52128" i="1"/>
  <c r="AD52129" i="1"/>
  <c r="AD52130" i="1"/>
  <c r="AD52131" i="1"/>
  <c r="AD52132" i="1"/>
  <c r="AD52133" i="1"/>
  <c r="AD52134" i="1"/>
  <c r="AD52135" i="1"/>
  <c r="AD52136" i="1"/>
  <c r="AD52137" i="1"/>
  <c r="AD52138" i="1"/>
  <c r="AD52139" i="1"/>
  <c r="AD52140" i="1"/>
  <c r="AD52141" i="1"/>
  <c r="AD52142" i="1"/>
  <c r="AD52143" i="1"/>
  <c r="AD52144" i="1"/>
  <c r="AD52145" i="1"/>
  <c r="AD52146" i="1"/>
  <c r="AD52147" i="1"/>
  <c r="AD52148" i="1"/>
  <c r="AD52149" i="1"/>
  <c r="AD52150" i="1"/>
  <c r="AD52151" i="1"/>
  <c r="AD52152" i="1"/>
  <c r="AD52153" i="1"/>
  <c r="AD52154" i="1"/>
  <c r="AD52155" i="1"/>
  <c r="AD52156" i="1"/>
  <c r="AD52157" i="1"/>
  <c r="AD52158" i="1"/>
  <c r="AD52159" i="1"/>
  <c r="AD52160" i="1"/>
  <c r="AD52161" i="1"/>
  <c r="AD52162" i="1"/>
  <c r="AD52163" i="1"/>
  <c r="AD52164" i="1"/>
  <c r="AD52165" i="1"/>
  <c r="AD52166" i="1"/>
  <c r="AD52167" i="1"/>
  <c r="AD52168" i="1"/>
  <c r="AD52169" i="1"/>
  <c r="AD52170" i="1"/>
  <c r="AD52171" i="1"/>
  <c r="AD52172" i="1"/>
  <c r="AD52173" i="1"/>
  <c r="AD52174" i="1"/>
  <c r="AD52175" i="1"/>
  <c r="AD52176" i="1"/>
  <c r="AD52177" i="1"/>
  <c r="AD52178" i="1"/>
  <c r="AD52179" i="1"/>
  <c r="AD52180" i="1"/>
  <c r="AD52181" i="1"/>
  <c r="AD52182" i="1"/>
  <c r="AD52183" i="1"/>
  <c r="AD52184" i="1"/>
  <c r="AD52185" i="1"/>
  <c r="AD52186" i="1"/>
  <c r="AD52187" i="1"/>
  <c r="AD52188" i="1"/>
  <c r="AD52189" i="1"/>
  <c r="AD52190" i="1"/>
  <c r="AD52191" i="1"/>
  <c r="AD52192" i="1"/>
  <c r="AD52193" i="1"/>
  <c r="AD52194" i="1"/>
  <c r="AD52195" i="1"/>
  <c r="AD52196" i="1"/>
  <c r="AD52197" i="1"/>
  <c r="AD52198" i="1"/>
  <c r="AD52199" i="1"/>
  <c r="AD52200" i="1"/>
  <c r="AD52201" i="1"/>
  <c r="AD52202" i="1"/>
  <c r="AD52203" i="1"/>
  <c r="AD52204" i="1"/>
  <c r="AD52205" i="1"/>
  <c r="AD52206" i="1"/>
  <c r="AD52207" i="1"/>
  <c r="AD52208" i="1"/>
  <c r="AD52209" i="1"/>
  <c r="AD52210" i="1"/>
  <c r="AD52211" i="1"/>
  <c r="AD52212" i="1"/>
  <c r="AD52213" i="1"/>
  <c r="AD52214" i="1"/>
  <c r="AD52215" i="1"/>
  <c r="AD52216" i="1"/>
  <c r="AD52217" i="1"/>
  <c r="AD52218" i="1"/>
  <c r="AD52219" i="1"/>
  <c r="AD52220" i="1"/>
  <c r="AD52221" i="1"/>
  <c r="AD52222" i="1"/>
  <c r="AD52223" i="1"/>
  <c r="AD52224" i="1"/>
  <c r="AD52225" i="1"/>
  <c r="AD52226" i="1"/>
  <c r="AD52227" i="1"/>
  <c r="AD52228" i="1"/>
  <c r="AD52229" i="1"/>
  <c r="AD52230" i="1"/>
  <c r="AD52231" i="1"/>
  <c r="AD52232" i="1"/>
  <c r="AD52233" i="1"/>
  <c r="AD52234" i="1"/>
  <c r="AD52235" i="1"/>
  <c r="AD52236" i="1"/>
  <c r="AD52237" i="1"/>
  <c r="AD52238" i="1"/>
  <c r="AD52239" i="1"/>
  <c r="AD52240" i="1"/>
  <c r="AD52241" i="1"/>
  <c r="AD52242" i="1"/>
  <c r="AD52243" i="1"/>
  <c r="AD52244" i="1"/>
  <c r="AD52245" i="1"/>
  <c r="AD52246" i="1"/>
  <c r="AD52247" i="1"/>
  <c r="AD52248" i="1"/>
  <c r="AD52249" i="1"/>
  <c r="AD52250" i="1"/>
  <c r="AD52251" i="1"/>
  <c r="AD52252" i="1"/>
  <c r="AD52253" i="1"/>
  <c r="AD52254" i="1"/>
  <c r="AD52255" i="1"/>
  <c r="AD52256" i="1"/>
  <c r="AD52257" i="1"/>
  <c r="AD52258" i="1"/>
  <c r="AD52259" i="1"/>
  <c r="AD52260" i="1"/>
  <c r="AD52261" i="1"/>
  <c r="AD52262" i="1"/>
  <c r="AD52263" i="1"/>
  <c r="AD52264" i="1"/>
  <c r="AD52265" i="1"/>
  <c r="AD52266" i="1"/>
  <c r="AD52267" i="1"/>
  <c r="AD52268" i="1"/>
  <c r="AD52269" i="1"/>
  <c r="AD52270" i="1"/>
  <c r="AD52271" i="1"/>
  <c r="AD52272" i="1"/>
  <c r="AD52273" i="1"/>
  <c r="AD52274" i="1"/>
  <c r="AD52275" i="1"/>
  <c r="AD52276" i="1"/>
  <c r="AD52277" i="1"/>
  <c r="AD52278" i="1"/>
  <c r="AD52279" i="1"/>
  <c r="AD52280" i="1"/>
  <c r="AD52281" i="1"/>
  <c r="AD52282" i="1"/>
  <c r="AD52283" i="1"/>
  <c r="AD52284" i="1"/>
  <c r="AD52285" i="1"/>
  <c r="AD52286" i="1"/>
  <c r="AD52287" i="1"/>
  <c r="AD52288" i="1"/>
  <c r="AD52289" i="1"/>
  <c r="AD52290" i="1"/>
  <c r="AD52291" i="1"/>
  <c r="AD52292" i="1"/>
  <c r="AD52293" i="1"/>
  <c r="AD52294" i="1"/>
  <c r="AD52295" i="1"/>
  <c r="AD52296" i="1"/>
  <c r="AD52297" i="1"/>
  <c r="AD52298" i="1"/>
  <c r="AD52299" i="1"/>
  <c r="AD52300" i="1"/>
  <c r="AD52301" i="1"/>
  <c r="AD52302" i="1"/>
  <c r="AD52303" i="1"/>
  <c r="AD52304" i="1"/>
  <c r="AD52305" i="1"/>
  <c r="AD52306" i="1"/>
  <c r="AD52307" i="1"/>
  <c r="AD52308" i="1"/>
  <c r="AD52309" i="1"/>
  <c r="AD52310" i="1"/>
  <c r="AD52311" i="1"/>
  <c r="AD52312" i="1"/>
  <c r="AD52313" i="1"/>
  <c r="AD52314" i="1"/>
  <c r="AD52315" i="1"/>
  <c r="AD52316" i="1"/>
  <c r="AD52317" i="1"/>
  <c r="AD52318" i="1"/>
  <c r="AD52319" i="1"/>
  <c r="AD52320" i="1"/>
  <c r="AD52321" i="1"/>
  <c r="AD52322" i="1"/>
  <c r="AD52323" i="1"/>
  <c r="AD52324" i="1"/>
  <c r="AD52325" i="1"/>
  <c r="AD52326" i="1"/>
  <c r="AD52327" i="1"/>
  <c r="AD52328" i="1"/>
  <c r="AD52329" i="1"/>
  <c r="AD52330" i="1"/>
  <c r="AD52331" i="1"/>
  <c r="AD52332" i="1"/>
  <c r="AD52333" i="1"/>
  <c r="AD52334" i="1"/>
  <c r="AD52335" i="1"/>
  <c r="AD52336" i="1"/>
  <c r="AD52337" i="1"/>
  <c r="AD52338" i="1"/>
  <c r="AD52339" i="1"/>
  <c r="AD52340" i="1"/>
  <c r="AD52341" i="1"/>
  <c r="AD52342" i="1"/>
  <c r="AD52343" i="1"/>
  <c r="AD52344" i="1"/>
  <c r="AD52345" i="1"/>
  <c r="AD52346" i="1"/>
  <c r="AD52347" i="1"/>
  <c r="AD52348" i="1"/>
  <c r="AD52349" i="1"/>
  <c r="AD52350" i="1"/>
  <c r="AD52351" i="1"/>
  <c r="AD52352" i="1"/>
  <c r="AD52353" i="1"/>
  <c r="AD52354" i="1"/>
  <c r="AD52355" i="1"/>
  <c r="AD52356" i="1"/>
  <c r="AD52357" i="1"/>
  <c r="AD52358" i="1"/>
  <c r="AD52359" i="1"/>
  <c r="AD52360" i="1"/>
  <c r="AD52361" i="1"/>
  <c r="AD52362" i="1"/>
  <c r="AD52363" i="1"/>
  <c r="AD52364" i="1"/>
  <c r="AD52365" i="1"/>
  <c r="AD52366" i="1"/>
  <c r="AD52367" i="1"/>
  <c r="AD52368" i="1"/>
  <c r="AD52369" i="1"/>
  <c r="AD52370" i="1"/>
  <c r="AD52371" i="1"/>
  <c r="AD52372" i="1"/>
  <c r="AD52373" i="1"/>
  <c r="AD52374" i="1"/>
  <c r="AD52375" i="1"/>
  <c r="AD52376" i="1"/>
  <c r="AD52377" i="1"/>
  <c r="AD52378" i="1"/>
  <c r="AD52379" i="1"/>
  <c r="AD52380" i="1"/>
  <c r="AD52381" i="1"/>
  <c r="AD52382" i="1"/>
  <c r="AD52383" i="1"/>
  <c r="AD52384" i="1"/>
  <c r="AD52385" i="1"/>
  <c r="AD52386" i="1"/>
  <c r="AD52387" i="1"/>
  <c r="AD52388" i="1"/>
  <c r="AD52389" i="1"/>
  <c r="AD52390" i="1"/>
  <c r="AD52391" i="1"/>
  <c r="AD52392" i="1"/>
  <c r="AD52393" i="1"/>
  <c r="AD52394" i="1"/>
  <c r="AD52395" i="1"/>
  <c r="AD52396" i="1"/>
  <c r="AD52397" i="1"/>
  <c r="AD52398" i="1"/>
  <c r="AD52399" i="1"/>
  <c r="AD52400" i="1"/>
  <c r="AD52401" i="1"/>
  <c r="AD52402" i="1"/>
  <c r="AD52403" i="1"/>
  <c r="AD52404" i="1"/>
  <c r="AD52405" i="1"/>
  <c r="AD52406" i="1"/>
  <c r="AD52407" i="1"/>
  <c r="AD52408" i="1"/>
  <c r="AD52409" i="1"/>
  <c r="AD52410" i="1"/>
  <c r="AD52411" i="1"/>
  <c r="AD52412" i="1"/>
  <c r="AD52413" i="1"/>
  <c r="AD52414" i="1"/>
  <c r="AD52415" i="1"/>
  <c r="AD52416" i="1"/>
  <c r="AD52417" i="1"/>
  <c r="AD52418" i="1"/>
  <c r="AD52419" i="1"/>
  <c r="AD52420" i="1"/>
  <c r="AD52421" i="1"/>
  <c r="AD52422" i="1"/>
  <c r="AD52423" i="1"/>
  <c r="AD52424" i="1"/>
  <c r="AD52425" i="1"/>
  <c r="AD52426" i="1"/>
  <c r="AD52427" i="1"/>
  <c r="AD52428" i="1"/>
  <c r="AD52429" i="1"/>
  <c r="AD52430" i="1"/>
  <c r="AD52431" i="1"/>
  <c r="AD52432" i="1"/>
  <c r="AD52433" i="1"/>
  <c r="AD52434" i="1"/>
  <c r="AD52435" i="1"/>
  <c r="AD52436" i="1"/>
  <c r="AD52437" i="1"/>
  <c r="AD52438" i="1"/>
  <c r="AD52439" i="1"/>
  <c r="AD52440" i="1"/>
  <c r="AD52441" i="1"/>
  <c r="AD52442" i="1"/>
  <c r="AD52443" i="1"/>
  <c r="AD52444" i="1"/>
  <c r="AD52445" i="1"/>
  <c r="AD52446" i="1"/>
  <c r="AD52447" i="1"/>
  <c r="AD52448" i="1"/>
  <c r="AD52449" i="1"/>
  <c r="AD52450" i="1"/>
  <c r="AD52451" i="1"/>
  <c r="AD52452" i="1"/>
  <c r="AD52453" i="1"/>
  <c r="AD52454" i="1"/>
  <c r="AD52455" i="1"/>
  <c r="AD52456" i="1"/>
  <c r="AD52457" i="1"/>
  <c r="AD52458" i="1"/>
  <c r="AD52459" i="1"/>
  <c r="AD52460" i="1"/>
  <c r="AD52461" i="1"/>
  <c r="AD52462" i="1"/>
  <c r="AD52463" i="1"/>
  <c r="AD52464" i="1"/>
  <c r="AD52465" i="1"/>
  <c r="AD52466" i="1"/>
  <c r="AD52467" i="1"/>
  <c r="AD52468" i="1"/>
  <c r="AD52469" i="1"/>
  <c r="AD52470" i="1"/>
  <c r="AD52471" i="1"/>
  <c r="AD52472" i="1"/>
  <c r="AD52473" i="1"/>
  <c r="AD52474" i="1"/>
  <c r="AD52475" i="1"/>
  <c r="AD52476" i="1"/>
  <c r="AD52477" i="1"/>
  <c r="AD52478" i="1"/>
  <c r="AD52479" i="1"/>
  <c r="AD52480" i="1"/>
  <c r="AD52481" i="1"/>
  <c r="AD52482" i="1"/>
  <c r="AD52483" i="1"/>
  <c r="AD52484" i="1"/>
  <c r="AD52485" i="1"/>
  <c r="AD52486" i="1"/>
  <c r="AD52487" i="1"/>
  <c r="AD52488" i="1"/>
  <c r="AD52489" i="1"/>
  <c r="AD52490" i="1"/>
  <c r="AD52491" i="1"/>
  <c r="AD52492" i="1"/>
  <c r="AD52493" i="1"/>
  <c r="AD52494" i="1"/>
  <c r="AD52495" i="1"/>
  <c r="AD52496" i="1"/>
  <c r="AD52497" i="1"/>
  <c r="AD52498" i="1"/>
  <c r="AD52499" i="1"/>
  <c r="AD52500" i="1"/>
  <c r="AD52501" i="1"/>
  <c r="AD52502" i="1"/>
  <c r="AD52503" i="1"/>
  <c r="AD52504" i="1"/>
  <c r="AD52505" i="1"/>
  <c r="AD52506" i="1"/>
  <c r="AD52507" i="1"/>
  <c r="AD52508" i="1"/>
  <c r="AD52509" i="1"/>
  <c r="AD52510" i="1"/>
  <c r="AD52511" i="1"/>
  <c r="AD52512" i="1"/>
  <c r="AD52513" i="1"/>
  <c r="AD52514" i="1"/>
  <c r="AD52515" i="1"/>
  <c r="AD52516" i="1"/>
  <c r="AD52517" i="1"/>
  <c r="AD52518" i="1"/>
  <c r="AD52519" i="1"/>
  <c r="AD52520" i="1"/>
  <c r="AD52521" i="1"/>
  <c r="AD52522" i="1"/>
  <c r="AD52523" i="1"/>
  <c r="AD52524" i="1"/>
  <c r="AD52525" i="1"/>
  <c r="AD52526" i="1"/>
  <c r="AD52527" i="1"/>
  <c r="AD52528" i="1"/>
  <c r="AD52529" i="1"/>
  <c r="AD52530" i="1"/>
  <c r="AD52531" i="1"/>
  <c r="AD52532" i="1"/>
  <c r="AD52533" i="1"/>
  <c r="AD52534" i="1"/>
  <c r="AD52535" i="1"/>
  <c r="AD52536" i="1"/>
  <c r="AD52537" i="1"/>
  <c r="AD52538" i="1"/>
  <c r="AD52539" i="1"/>
  <c r="AD52540" i="1"/>
  <c r="AD52541" i="1"/>
  <c r="AD52542" i="1"/>
  <c r="AD52543" i="1"/>
  <c r="AD52544" i="1"/>
  <c r="AD52545" i="1"/>
  <c r="AD52546" i="1"/>
  <c r="AD52547" i="1"/>
  <c r="AD52548" i="1"/>
  <c r="AD52549" i="1"/>
  <c r="AD52550" i="1"/>
  <c r="AD52551" i="1"/>
  <c r="AD52552" i="1"/>
  <c r="AD52553" i="1"/>
  <c r="AD52554" i="1"/>
  <c r="AD52555" i="1"/>
  <c r="AD52556" i="1"/>
  <c r="AD52557" i="1"/>
  <c r="AD52558" i="1"/>
  <c r="AD52559" i="1"/>
  <c r="AD52560" i="1"/>
  <c r="AD52561" i="1"/>
  <c r="AD52562" i="1"/>
  <c r="AD52563" i="1"/>
  <c r="AD52564" i="1"/>
  <c r="AD52565" i="1"/>
  <c r="AD52566" i="1"/>
  <c r="AD52567" i="1"/>
  <c r="AD52568" i="1"/>
  <c r="AD52569" i="1"/>
  <c r="AD52570" i="1"/>
  <c r="AD52571" i="1"/>
  <c r="AD52572" i="1"/>
  <c r="AD52573" i="1"/>
  <c r="AD52574" i="1"/>
  <c r="AD52575" i="1"/>
  <c r="AD52576" i="1"/>
  <c r="AD52577" i="1"/>
  <c r="AD52578" i="1"/>
  <c r="AD52579" i="1"/>
  <c r="AD52580" i="1"/>
  <c r="AD52581" i="1"/>
  <c r="AD52582" i="1"/>
  <c r="AD52583" i="1"/>
  <c r="AD52584" i="1"/>
  <c r="AD52585" i="1"/>
  <c r="AD52586" i="1"/>
  <c r="AD52587" i="1"/>
  <c r="AD52588" i="1"/>
  <c r="AD52589" i="1"/>
  <c r="AD52590" i="1"/>
  <c r="AD52591" i="1"/>
  <c r="AD52592" i="1"/>
  <c r="AD52593" i="1"/>
  <c r="AD52594" i="1"/>
  <c r="AD52595" i="1"/>
  <c r="AD52596" i="1"/>
  <c r="AD52597" i="1"/>
  <c r="AD52598" i="1"/>
  <c r="AD52599" i="1"/>
  <c r="AD52600" i="1"/>
  <c r="AD52601" i="1"/>
  <c r="AD52602" i="1"/>
  <c r="AD52603" i="1"/>
  <c r="AD52604" i="1"/>
  <c r="AD52605" i="1"/>
  <c r="AD52606" i="1"/>
  <c r="AD52607" i="1"/>
  <c r="AD52608" i="1"/>
  <c r="AD52609" i="1"/>
  <c r="AD52610" i="1"/>
  <c r="AD52611" i="1"/>
  <c r="AD52612" i="1"/>
  <c r="AD52613" i="1"/>
  <c r="AD52614" i="1"/>
  <c r="AD52615" i="1"/>
  <c r="AD52616" i="1"/>
  <c r="AD52617" i="1"/>
  <c r="AD52618" i="1"/>
  <c r="AD52619" i="1"/>
  <c r="AD52620" i="1"/>
  <c r="AD52621" i="1"/>
  <c r="AD52622" i="1"/>
  <c r="AD52623" i="1"/>
  <c r="AD52624" i="1"/>
  <c r="AD52625" i="1"/>
  <c r="AD52626" i="1"/>
  <c r="AD52627" i="1"/>
  <c r="AD52628" i="1"/>
  <c r="AD52629" i="1"/>
  <c r="AD52630" i="1"/>
  <c r="AD52631" i="1"/>
  <c r="AD52632" i="1"/>
  <c r="AD52633" i="1"/>
  <c r="AD52634" i="1"/>
  <c r="AD52635" i="1"/>
  <c r="AD52636" i="1"/>
  <c r="AD52637" i="1"/>
  <c r="AD52638" i="1"/>
  <c r="AD52639" i="1"/>
  <c r="AD52640" i="1"/>
  <c r="AD52641" i="1"/>
  <c r="AD52642" i="1"/>
  <c r="AD52643" i="1"/>
  <c r="AD52644" i="1"/>
  <c r="AD52645" i="1"/>
  <c r="AD52646" i="1"/>
  <c r="AD52647" i="1"/>
  <c r="AD52648" i="1"/>
  <c r="AD52649" i="1"/>
  <c r="AD52650" i="1"/>
  <c r="AD52651" i="1"/>
  <c r="AD52652" i="1"/>
  <c r="AD52653" i="1"/>
  <c r="AD52654" i="1"/>
  <c r="AD52655" i="1"/>
  <c r="AD52656" i="1"/>
  <c r="AD52657" i="1"/>
  <c r="AD52658" i="1"/>
  <c r="AD52659" i="1"/>
  <c r="AD52660" i="1"/>
  <c r="AD52661" i="1"/>
  <c r="AD52662" i="1"/>
  <c r="AD52663" i="1"/>
  <c r="AD52664" i="1"/>
  <c r="AD52665" i="1"/>
  <c r="AD52666" i="1"/>
  <c r="AD52667" i="1"/>
  <c r="AD52668" i="1"/>
  <c r="AD52669" i="1"/>
  <c r="AD52670" i="1"/>
  <c r="AD52671" i="1"/>
  <c r="AD52672" i="1"/>
  <c r="AD52673" i="1"/>
  <c r="AD52674" i="1"/>
  <c r="AD52675" i="1"/>
  <c r="AD52676" i="1"/>
  <c r="AD52677" i="1"/>
  <c r="AD52678" i="1"/>
  <c r="AD52679" i="1"/>
  <c r="AD52680" i="1"/>
  <c r="AD52681" i="1"/>
  <c r="AD52682" i="1"/>
  <c r="AD52683" i="1"/>
  <c r="AD52684" i="1"/>
  <c r="AD52685" i="1"/>
  <c r="AD52686" i="1"/>
  <c r="AD52687" i="1"/>
  <c r="AD52688" i="1"/>
  <c r="AD52689" i="1"/>
  <c r="AD52690" i="1"/>
  <c r="AD52691" i="1"/>
  <c r="AD52692" i="1"/>
  <c r="AD52693" i="1"/>
  <c r="AD52694" i="1"/>
  <c r="AD52695" i="1"/>
  <c r="AD52696" i="1"/>
  <c r="AD52697" i="1"/>
  <c r="AD52698" i="1"/>
  <c r="AD52699" i="1"/>
  <c r="AD52700" i="1"/>
  <c r="AD52701" i="1"/>
  <c r="AD52702" i="1"/>
  <c r="AD52703" i="1"/>
  <c r="AD52704" i="1"/>
  <c r="AD52705" i="1"/>
  <c r="AD52706" i="1"/>
  <c r="AD52707" i="1"/>
  <c r="AD52708" i="1"/>
  <c r="AD52709" i="1"/>
  <c r="AD52710" i="1"/>
  <c r="AD52711" i="1"/>
  <c r="AD52712" i="1"/>
  <c r="AD52713" i="1"/>
  <c r="AD52714" i="1"/>
  <c r="AD52715" i="1"/>
  <c r="AD52716" i="1"/>
  <c r="AD52717" i="1"/>
  <c r="AD52718" i="1"/>
  <c r="AD52719" i="1"/>
  <c r="AD52720" i="1"/>
  <c r="AD52721" i="1"/>
  <c r="AD52722" i="1"/>
  <c r="AD52723" i="1"/>
  <c r="AD52724" i="1"/>
  <c r="AD52725" i="1"/>
  <c r="AD52726" i="1"/>
  <c r="AD52727" i="1"/>
  <c r="AD52728" i="1"/>
  <c r="AD52729" i="1"/>
  <c r="AD52730" i="1"/>
  <c r="AD52731" i="1"/>
  <c r="AD52732" i="1"/>
  <c r="AD52733" i="1"/>
  <c r="AD52734" i="1"/>
  <c r="AD52735" i="1"/>
  <c r="AD52736" i="1"/>
  <c r="AD52737" i="1"/>
  <c r="AD52738" i="1"/>
  <c r="AD52739" i="1"/>
  <c r="AD52740" i="1"/>
  <c r="AD52741" i="1"/>
  <c r="AD52742" i="1"/>
  <c r="AD52743" i="1"/>
  <c r="AD52744" i="1"/>
  <c r="AD52745" i="1"/>
  <c r="AD52746" i="1"/>
  <c r="AD52747" i="1"/>
  <c r="AD52748" i="1"/>
  <c r="AD52749" i="1"/>
  <c r="AD52750" i="1"/>
  <c r="AD52751" i="1"/>
  <c r="AD52752" i="1"/>
  <c r="AD52753" i="1"/>
  <c r="AD52754" i="1"/>
  <c r="AD52755" i="1"/>
  <c r="AD52756" i="1"/>
  <c r="AD52757" i="1"/>
  <c r="AD52758" i="1"/>
  <c r="AD52759" i="1"/>
  <c r="AD52760" i="1"/>
  <c r="AD52761" i="1"/>
  <c r="AD52762" i="1"/>
  <c r="AD52763" i="1"/>
  <c r="AD52764" i="1"/>
  <c r="AD52765" i="1"/>
  <c r="AD52766" i="1"/>
  <c r="AD52767" i="1"/>
  <c r="AD52768" i="1"/>
  <c r="AD52769" i="1"/>
  <c r="AD52770" i="1"/>
  <c r="AD52771" i="1"/>
  <c r="AD52772" i="1"/>
  <c r="AD52773" i="1"/>
  <c r="AD52774" i="1"/>
  <c r="AD52775" i="1"/>
  <c r="AD52776" i="1"/>
  <c r="AD52777" i="1"/>
  <c r="AD52778" i="1"/>
  <c r="AD52779" i="1"/>
  <c r="AD52780" i="1"/>
  <c r="AD52781" i="1"/>
  <c r="AD52782" i="1"/>
  <c r="AD52783" i="1"/>
  <c r="AD52784" i="1"/>
  <c r="AD52785" i="1"/>
  <c r="AD52786" i="1"/>
  <c r="AD52787" i="1"/>
  <c r="AD52788" i="1"/>
  <c r="AD52789" i="1"/>
  <c r="AD52790" i="1"/>
  <c r="AD52791" i="1"/>
  <c r="AD52792" i="1"/>
  <c r="AD52793" i="1"/>
  <c r="AD52794" i="1"/>
  <c r="AD52795" i="1"/>
  <c r="AD52796" i="1"/>
  <c r="AD52797" i="1"/>
  <c r="AD52798" i="1"/>
  <c r="AD52799" i="1"/>
  <c r="AD52800" i="1"/>
  <c r="AD52801" i="1"/>
  <c r="AD52802" i="1"/>
  <c r="AD52803" i="1"/>
  <c r="AD52804" i="1"/>
  <c r="AD52805" i="1"/>
  <c r="AD52806" i="1"/>
  <c r="AD52807" i="1"/>
  <c r="AD52808" i="1"/>
  <c r="AD52809" i="1"/>
  <c r="AD52810" i="1"/>
  <c r="AD52811" i="1"/>
  <c r="AD52812" i="1"/>
  <c r="AD52813" i="1"/>
  <c r="AD52814" i="1"/>
  <c r="AD52815" i="1"/>
  <c r="AD52816" i="1"/>
  <c r="AD52817" i="1"/>
  <c r="AD52818" i="1"/>
  <c r="AD52819" i="1"/>
  <c r="AD52820" i="1"/>
  <c r="AD52821" i="1"/>
  <c r="AD52822" i="1"/>
  <c r="AD52823" i="1"/>
  <c r="AD52824" i="1"/>
  <c r="AD52825" i="1"/>
  <c r="AD52826" i="1"/>
  <c r="AD52827" i="1"/>
  <c r="AD52828" i="1"/>
  <c r="AD52829" i="1"/>
  <c r="AD52830" i="1"/>
  <c r="AD52831" i="1"/>
  <c r="AD52832" i="1"/>
  <c r="AD52833" i="1"/>
  <c r="AD52834" i="1"/>
  <c r="AD52835" i="1"/>
  <c r="AD52836" i="1"/>
  <c r="AD52837" i="1"/>
  <c r="AD52838" i="1"/>
  <c r="AD52839" i="1"/>
  <c r="AD52840" i="1"/>
  <c r="AD52841" i="1"/>
  <c r="AD52842" i="1"/>
  <c r="AD52843" i="1"/>
  <c r="AD52844" i="1"/>
  <c r="AD52845" i="1"/>
  <c r="AD52846" i="1"/>
  <c r="AD52847" i="1"/>
  <c r="AD52848" i="1"/>
  <c r="AD52849" i="1"/>
  <c r="AD52850" i="1"/>
  <c r="AD52851" i="1"/>
  <c r="AD52852" i="1"/>
  <c r="AD52853" i="1"/>
  <c r="AD52854" i="1"/>
  <c r="AD52855" i="1"/>
  <c r="AD52856" i="1"/>
  <c r="AD52857" i="1"/>
  <c r="AD52858" i="1"/>
  <c r="AD52859" i="1"/>
  <c r="AD52860" i="1"/>
  <c r="AD52861" i="1"/>
  <c r="AD52862" i="1"/>
  <c r="AD52863" i="1"/>
  <c r="AD52864" i="1"/>
  <c r="AD52865" i="1"/>
  <c r="AD52866" i="1"/>
  <c r="AD52867" i="1"/>
  <c r="AD52868" i="1"/>
  <c r="AD52869" i="1"/>
  <c r="AD52870" i="1"/>
  <c r="AD52871" i="1"/>
  <c r="AD52872" i="1"/>
  <c r="AD52873" i="1"/>
  <c r="AD52874" i="1"/>
  <c r="AD52875" i="1"/>
  <c r="AD52876" i="1"/>
  <c r="AD52877" i="1"/>
  <c r="AD52878" i="1"/>
  <c r="AD52879" i="1"/>
  <c r="AD52880" i="1"/>
  <c r="AD52881" i="1"/>
  <c r="AD52882" i="1"/>
  <c r="AD52883" i="1"/>
  <c r="AD52884" i="1"/>
  <c r="AD52885" i="1"/>
  <c r="AD52886" i="1"/>
  <c r="AD52887" i="1"/>
  <c r="AD52888" i="1"/>
  <c r="AD52889" i="1"/>
  <c r="AD52890" i="1"/>
  <c r="AD52891" i="1"/>
  <c r="AD52892" i="1"/>
  <c r="AD52893" i="1"/>
  <c r="AD52894" i="1"/>
  <c r="AD52895" i="1"/>
  <c r="AD52896" i="1"/>
  <c r="AD52897" i="1"/>
  <c r="AD52898" i="1"/>
  <c r="AD52899" i="1"/>
  <c r="AD52900" i="1"/>
  <c r="AD52901" i="1"/>
  <c r="AD52902" i="1"/>
  <c r="AD52903" i="1"/>
  <c r="AD52904" i="1"/>
  <c r="AD52905" i="1"/>
  <c r="AD52906" i="1"/>
  <c r="AD52907" i="1"/>
  <c r="AD52908" i="1"/>
  <c r="AD52909" i="1"/>
  <c r="AD52910" i="1"/>
  <c r="AD52911" i="1"/>
  <c r="AD52912" i="1"/>
  <c r="AD52913" i="1"/>
  <c r="AD52914" i="1"/>
  <c r="AD52915" i="1"/>
  <c r="AD52916" i="1"/>
  <c r="AD52917" i="1"/>
  <c r="AD52918" i="1"/>
  <c r="AD52919" i="1"/>
  <c r="AD52920" i="1"/>
  <c r="AD52921" i="1"/>
  <c r="AD52922" i="1"/>
  <c r="AD52923" i="1"/>
  <c r="AD52924" i="1"/>
  <c r="AD52925" i="1"/>
  <c r="AD52926" i="1"/>
  <c r="AD52927" i="1"/>
  <c r="AD52928" i="1"/>
  <c r="AD52929" i="1"/>
  <c r="AD52930" i="1"/>
  <c r="AD52931" i="1"/>
  <c r="AD52932" i="1"/>
  <c r="AD52933" i="1"/>
  <c r="AD52934" i="1"/>
  <c r="AD52935" i="1"/>
  <c r="AD52936" i="1"/>
  <c r="AD52937" i="1"/>
  <c r="AD52938" i="1"/>
  <c r="AD52939" i="1"/>
  <c r="AD52940" i="1"/>
  <c r="AD52941" i="1"/>
  <c r="AD52942" i="1"/>
  <c r="AD52943" i="1"/>
  <c r="AD52944" i="1"/>
  <c r="AD52945" i="1"/>
  <c r="AD52946" i="1"/>
  <c r="AD52947" i="1"/>
  <c r="AD52948" i="1"/>
  <c r="AD52949" i="1"/>
  <c r="AD52950" i="1"/>
  <c r="AD52951" i="1"/>
  <c r="AD52952" i="1"/>
  <c r="AD52953" i="1"/>
  <c r="AD52954" i="1"/>
  <c r="AD52955" i="1"/>
  <c r="AD52956" i="1"/>
  <c r="AD52957" i="1"/>
  <c r="AD52958" i="1"/>
  <c r="AD52959" i="1"/>
  <c r="AD52960" i="1"/>
  <c r="AD52961" i="1"/>
  <c r="AD52962" i="1"/>
  <c r="AD52963" i="1"/>
  <c r="AD52964" i="1"/>
  <c r="AD52965" i="1"/>
  <c r="AD52966" i="1"/>
  <c r="AD52967" i="1"/>
  <c r="AD52968" i="1"/>
  <c r="AD52969" i="1"/>
  <c r="AD52970" i="1"/>
  <c r="AD52971" i="1"/>
  <c r="AD52972" i="1"/>
  <c r="AD52973" i="1"/>
  <c r="AD52974" i="1"/>
  <c r="AD52975" i="1"/>
  <c r="AD52976" i="1"/>
  <c r="AD52977" i="1"/>
  <c r="AD52978" i="1"/>
  <c r="AD52979" i="1"/>
  <c r="AD52980" i="1"/>
  <c r="AD52981" i="1"/>
  <c r="AD52982" i="1"/>
  <c r="AD52983" i="1"/>
  <c r="AD52984" i="1"/>
  <c r="AD52985" i="1"/>
  <c r="AD52986" i="1"/>
  <c r="AD52987" i="1"/>
  <c r="AD52988" i="1"/>
  <c r="AD52989" i="1"/>
  <c r="AD52990" i="1"/>
  <c r="AD52991" i="1"/>
  <c r="AD52992" i="1"/>
  <c r="AD52993" i="1"/>
  <c r="AD52994" i="1"/>
  <c r="AD52995" i="1"/>
  <c r="AD52996" i="1"/>
  <c r="AD52997" i="1"/>
  <c r="AD52998" i="1"/>
  <c r="AD52999" i="1"/>
  <c r="AD53000" i="1"/>
  <c r="AD53001" i="1"/>
  <c r="AD53002" i="1"/>
  <c r="AD53003" i="1"/>
  <c r="AD53004" i="1"/>
  <c r="AD53005" i="1"/>
  <c r="AD53006" i="1"/>
  <c r="AD53007" i="1"/>
  <c r="AD53008" i="1"/>
  <c r="AD53009" i="1"/>
  <c r="AD53010" i="1"/>
  <c r="AD53011" i="1"/>
  <c r="AD53012" i="1"/>
  <c r="AD53013" i="1"/>
  <c r="AD53014" i="1"/>
  <c r="AD53015" i="1"/>
  <c r="AD53016" i="1"/>
  <c r="AD53017" i="1"/>
  <c r="AD53018" i="1"/>
  <c r="AD53019" i="1"/>
  <c r="AD53020" i="1"/>
  <c r="AD53021" i="1"/>
  <c r="AD53022" i="1"/>
  <c r="AD53023" i="1"/>
  <c r="AD53024" i="1"/>
  <c r="AD53025" i="1"/>
  <c r="AD53026" i="1"/>
  <c r="AD53027" i="1"/>
  <c r="AD53028" i="1"/>
  <c r="AD53029" i="1"/>
  <c r="AD53030" i="1"/>
  <c r="AD53031" i="1"/>
  <c r="AD53032" i="1"/>
  <c r="AD53033" i="1"/>
  <c r="AD53034" i="1"/>
  <c r="AD53035" i="1"/>
  <c r="AD53036" i="1"/>
  <c r="AD53037" i="1"/>
  <c r="AD53038" i="1"/>
  <c r="AD53039" i="1"/>
  <c r="AD53040" i="1"/>
  <c r="AD53041" i="1"/>
  <c r="AD53042" i="1"/>
  <c r="AD53043" i="1"/>
  <c r="AD53044" i="1"/>
  <c r="AD53045" i="1"/>
  <c r="AD53046" i="1"/>
  <c r="AD53047" i="1"/>
  <c r="AD53048" i="1"/>
  <c r="AD53049" i="1"/>
  <c r="AD53050" i="1"/>
  <c r="AD53051" i="1"/>
  <c r="AD53052" i="1"/>
  <c r="AD53053" i="1"/>
  <c r="AD53054" i="1"/>
  <c r="AD53055" i="1"/>
  <c r="AD53056" i="1"/>
  <c r="AD53057" i="1"/>
  <c r="AD53058" i="1"/>
  <c r="AD53059" i="1"/>
  <c r="AD53060" i="1"/>
  <c r="AD53061" i="1"/>
  <c r="AD53062" i="1"/>
  <c r="AD53063" i="1"/>
  <c r="AD53064" i="1"/>
  <c r="AD53065" i="1"/>
  <c r="AD53066" i="1"/>
  <c r="AD53067" i="1"/>
  <c r="AD53068" i="1"/>
  <c r="AD53069" i="1"/>
  <c r="AD53070" i="1"/>
  <c r="AD53071" i="1"/>
  <c r="AD53072" i="1"/>
  <c r="AD53073" i="1"/>
  <c r="AD53074" i="1"/>
  <c r="AD53075" i="1"/>
  <c r="AD53076" i="1"/>
  <c r="AD53077" i="1"/>
  <c r="AD53078" i="1"/>
  <c r="AD53079" i="1"/>
  <c r="AD53080" i="1"/>
  <c r="AD53081" i="1"/>
  <c r="AD53082" i="1"/>
  <c r="AD53083" i="1"/>
  <c r="AD53084" i="1"/>
  <c r="AD53085" i="1"/>
  <c r="AD53086" i="1"/>
  <c r="AD53087" i="1"/>
  <c r="AD53088" i="1"/>
  <c r="AD53089" i="1"/>
  <c r="AD53090" i="1"/>
  <c r="AD53091" i="1"/>
  <c r="AD53092" i="1"/>
  <c r="AD53093" i="1"/>
  <c r="AD53094" i="1"/>
  <c r="AD53095" i="1"/>
  <c r="AD53096" i="1"/>
  <c r="AD53097" i="1"/>
  <c r="AD53098" i="1"/>
  <c r="AD53099" i="1"/>
  <c r="AD53100" i="1"/>
  <c r="AD53101" i="1"/>
  <c r="AD53102" i="1"/>
  <c r="AD53103" i="1"/>
  <c r="AD53104" i="1"/>
  <c r="AD53105" i="1"/>
  <c r="AD53106" i="1"/>
  <c r="AD53107" i="1"/>
  <c r="AD53108" i="1"/>
  <c r="AD53109" i="1"/>
  <c r="AD53110" i="1"/>
  <c r="AD53111" i="1"/>
  <c r="AD53112" i="1"/>
  <c r="AD53113" i="1"/>
  <c r="AD53114" i="1"/>
  <c r="AD53115" i="1"/>
  <c r="AD53116" i="1"/>
  <c r="AD53117" i="1"/>
  <c r="AD53118" i="1"/>
  <c r="AD53119" i="1"/>
  <c r="AD53120" i="1"/>
  <c r="AD53121" i="1"/>
  <c r="AD53122" i="1"/>
  <c r="AD53123" i="1"/>
  <c r="AD53124" i="1"/>
  <c r="AD53125" i="1"/>
  <c r="AD53126" i="1"/>
  <c r="AD53127" i="1"/>
  <c r="AD53128" i="1"/>
  <c r="AD53129" i="1"/>
  <c r="AD53130" i="1"/>
  <c r="AD53131" i="1"/>
  <c r="AD53132" i="1"/>
  <c r="AD53133" i="1"/>
  <c r="AD53134" i="1"/>
  <c r="AD53135" i="1"/>
  <c r="AD53136" i="1"/>
  <c r="AD53137" i="1"/>
  <c r="AD53138" i="1"/>
  <c r="AD53139" i="1"/>
  <c r="AD53140" i="1"/>
  <c r="AD53141" i="1"/>
  <c r="AD53142" i="1"/>
  <c r="AD53143" i="1"/>
  <c r="AD53144" i="1"/>
  <c r="AD53145" i="1"/>
  <c r="AD53146" i="1"/>
  <c r="AD53147" i="1"/>
  <c r="AD53148" i="1"/>
  <c r="AD53149" i="1"/>
  <c r="AD53150" i="1"/>
  <c r="AD53151" i="1"/>
  <c r="AD53152" i="1"/>
  <c r="AD53153" i="1"/>
  <c r="AD53154" i="1"/>
  <c r="AD53155" i="1"/>
  <c r="AD53156" i="1"/>
  <c r="AD53157" i="1"/>
  <c r="AD53158" i="1"/>
  <c r="AD53159" i="1"/>
  <c r="AD53160" i="1"/>
  <c r="AD53161" i="1"/>
  <c r="AD53162" i="1"/>
  <c r="AD53163" i="1"/>
  <c r="AD53164" i="1"/>
  <c r="AD53165" i="1"/>
  <c r="AD53166" i="1"/>
  <c r="AD53167" i="1"/>
  <c r="AD53168" i="1"/>
  <c r="AD53169" i="1"/>
  <c r="AD53170" i="1"/>
  <c r="AD53171" i="1"/>
  <c r="AD53172" i="1"/>
  <c r="AD53173" i="1"/>
  <c r="AD53174" i="1"/>
  <c r="AD53175" i="1"/>
  <c r="AD53176" i="1"/>
  <c r="AD53177" i="1"/>
  <c r="AD53178" i="1"/>
  <c r="AD53179" i="1"/>
  <c r="AD53180" i="1"/>
  <c r="AD53181" i="1"/>
  <c r="AD53182" i="1"/>
  <c r="AD53183" i="1"/>
  <c r="AD53184" i="1"/>
  <c r="AD53185" i="1"/>
  <c r="AD53186" i="1"/>
  <c r="AD53187" i="1"/>
  <c r="AD53188" i="1"/>
  <c r="AD53189" i="1"/>
  <c r="AD53190" i="1"/>
  <c r="AD53191" i="1"/>
  <c r="AD53192" i="1"/>
  <c r="AD53193" i="1"/>
  <c r="AD53194" i="1"/>
  <c r="AD53195" i="1"/>
  <c r="AD53196" i="1"/>
  <c r="AD53197" i="1"/>
  <c r="AD53198" i="1"/>
  <c r="AD53199" i="1"/>
  <c r="AD53200" i="1"/>
  <c r="AD53201" i="1"/>
  <c r="AD53202" i="1"/>
  <c r="AD53203" i="1"/>
  <c r="AD53204" i="1"/>
  <c r="AD53205" i="1"/>
  <c r="AD53206" i="1"/>
  <c r="AD53207" i="1"/>
  <c r="AD53208" i="1"/>
  <c r="AD53209" i="1"/>
  <c r="AD53210" i="1"/>
  <c r="AD53211" i="1"/>
  <c r="AD53212" i="1"/>
  <c r="AD53213" i="1"/>
  <c r="AD53214" i="1"/>
  <c r="AD53215" i="1"/>
  <c r="AD53216" i="1"/>
  <c r="AD53217" i="1"/>
  <c r="AD53218" i="1"/>
  <c r="AD53219" i="1"/>
  <c r="AD53220" i="1"/>
  <c r="AD53221" i="1"/>
  <c r="AD53222" i="1"/>
  <c r="AD53223" i="1"/>
  <c r="AD53224" i="1"/>
  <c r="AD53225" i="1"/>
  <c r="AD53226" i="1"/>
  <c r="AD53227" i="1"/>
  <c r="AD53228" i="1"/>
  <c r="AD53229" i="1"/>
  <c r="AD53230" i="1"/>
  <c r="AD53231" i="1"/>
  <c r="AD53232" i="1"/>
  <c r="AD53233" i="1"/>
  <c r="AD53234" i="1"/>
  <c r="AD53235" i="1"/>
  <c r="AD53236" i="1"/>
  <c r="AD53237" i="1"/>
  <c r="AD53238" i="1"/>
  <c r="AD53239" i="1"/>
  <c r="AD53240" i="1"/>
  <c r="AD53241" i="1"/>
  <c r="AD53242" i="1"/>
  <c r="AD53243" i="1"/>
  <c r="AD53244" i="1"/>
  <c r="AD53245" i="1"/>
  <c r="AD53246" i="1"/>
  <c r="AD53247" i="1"/>
  <c r="AD53248" i="1"/>
  <c r="AD53249" i="1"/>
  <c r="AD53250" i="1"/>
  <c r="AD53251" i="1"/>
  <c r="AD53252" i="1"/>
  <c r="AD53253" i="1"/>
  <c r="AD53254" i="1"/>
  <c r="AD53255" i="1"/>
  <c r="AD53256" i="1"/>
  <c r="AD53257" i="1"/>
  <c r="AD53258" i="1"/>
  <c r="AD53259" i="1"/>
  <c r="AD53260" i="1"/>
  <c r="AD53261" i="1"/>
  <c r="AD53262" i="1"/>
  <c r="AD53263" i="1"/>
  <c r="AD53264" i="1"/>
  <c r="AD53265" i="1"/>
  <c r="AD53266" i="1"/>
  <c r="AD53267" i="1"/>
  <c r="AD53268" i="1"/>
  <c r="AD53269" i="1"/>
  <c r="AD53270" i="1"/>
  <c r="AD53271" i="1"/>
  <c r="AD53272" i="1"/>
  <c r="AD53273" i="1"/>
  <c r="AD53274" i="1"/>
  <c r="AD53275" i="1"/>
  <c r="AD53276" i="1"/>
  <c r="AD53277" i="1"/>
  <c r="AD53278" i="1"/>
  <c r="AD53279" i="1"/>
  <c r="AD53280" i="1"/>
  <c r="AD53281" i="1"/>
  <c r="AD53282" i="1"/>
  <c r="AD53283" i="1"/>
  <c r="AD53284" i="1"/>
  <c r="AD53285" i="1"/>
  <c r="AD53286" i="1"/>
  <c r="AD53287" i="1"/>
  <c r="AD53288" i="1"/>
  <c r="AD53289" i="1"/>
  <c r="AD53290" i="1"/>
  <c r="AD53291" i="1"/>
  <c r="AD53292" i="1"/>
  <c r="AD53293" i="1"/>
  <c r="AD53294" i="1"/>
  <c r="AD53295" i="1"/>
  <c r="AD53296" i="1"/>
  <c r="AD53297" i="1"/>
  <c r="AD53298" i="1"/>
  <c r="AD53299" i="1"/>
  <c r="AD53300" i="1"/>
  <c r="AD53301" i="1"/>
  <c r="AD53302" i="1"/>
  <c r="AD53303" i="1"/>
  <c r="AD53304" i="1"/>
  <c r="AD53305" i="1"/>
  <c r="AD53306" i="1"/>
  <c r="AD53307" i="1"/>
  <c r="AD53308" i="1"/>
  <c r="AD53309" i="1"/>
  <c r="AD53310" i="1"/>
  <c r="AD53311" i="1"/>
  <c r="AD53312" i="1"/>
  <c r="AD53313" i="1"/>
  <c r="AD53314" i="1"/>
  <c r="AD53315" i="1"/>
  <c r="AD53316" i="1"/>
  <c r="AD53317" i="1"/>
  <c r="AD53318" i="1"/>
  <c r="AD53319" i="1"/>
  <c r="AD53320" i="1"/>
  <c r="AD53321" i="1"/>
  <c r="AD53322" i="1"/>
  <c r="AD53323" i="1"/>
  <c r="AD53324" i="1"/>
  <c r="AD53325" i="1"/>
  <c r="AD53326" i="1"/>
  <c r="AD53327" i="1"/>
  <c r="AD53328" i="1"/>
  <c r="AD53329" i="1"/>
  <c r="AD53330" i="1"/>
  <c r="AD53331" i="1"/>
  <c r="AD53332" i="1"/>
  <c r="AD53333" i="1"/>
  <c r="AD53334" i="1"/>
  <c r="AD53335" i="1"/>
  <c r="AD53336" i="1"/>
  <c r="AD53337" i="1"/>
  <c r="AD53338" i="1"/>
  <c r="AD53339" i="1"/>
  <c r="AD53340" i="1"/>
  <c r="AD53341" i="1"/>
  <c r="AD53342" i="1"/>
  <c r="AD53343" i="1"/>
  <c r="AD53344" i="1"/>
  <c r="AD53345" i="1"/>
  <c r="AD53346" i="1"/>
  <c r="AD53347" i="1"/>
  <c r="AD53348" i="1"/>
  <c r="AD53349" i="1"/>
  <c r="AD53350" i="1"/>
  <c r="AD53351" i="1"/>
  <c r="AD53352" i="1"/>
  <c r="AD53353" i="1"/>
  <c r="AD53354" i="1"/>
  <c r="AD53355" i="1"/>
  <c r="AD53356" i="1"/>
  <c r="AD53357" i="1"/>
  <c r="AD53358" i="1"/>
  <c r="AD53359" i="1"/>
  <c r="AD53360" i="1"/>
  <c r="AD53361" i="1"/>
  <c r="AD53362" i="1"/>
  <c r="AD53363" i="1"/>
  <c r="AD53364" i="1"/>
  <c r="AD53365" i="1"/>
  <c r="AD53366" i="1"/>
  <c r="AD53367" i="1"/>
  <c r="AD53368" i="1"/>
  <c r="AD53369" i="1"/>
  <c r="AD53370" i="1"/>
  <c r="AD53371" i="1"/>
  <c r="AD53372" i="1"/>
  <c r="AD53373" i="1"/>
  <c r="AD53374" i="1"/>
  <c r="AD53375" i="1"/>
  <c r="AD53376" i="1"/>
  <c r="AD53377" i="1"/>
  <c r="AD53378" i="1"/>
  <c r="AD53379" i="1"/>
  <c r="AD53380" i="1"/>
  <c r="AD53381" i="1"/>
  <c r="AD53382" i="1"/>
  <c r="AD53383" i="1"/>
  <c r="AD53384" i="1"/>
  <c r="AD53385" i="1"/>
  <c r="AD53386" i="1"/>
  <c r="AD53387" i="1"/>
  <c r="AD53388" i="1"/>
  <c r="AD53389" i="1"/>
  <c r="AD53390" i="1"/>
  <c r="AD53391" i="1"/>
  <c r="AD53392" i="1"/>
  <c r="AD53393" i="1"/>
  <c r="AD53394" i="1"/>
  <c r="AD53395" i="1"/>
  <c r="AD53396" i="1"/>
  <c r="AD53397" i="1"/>
  <c r="AD53398" i="1"/>
  <c r="AD53399" i="1"/>
  <c r="AD53400" i="1"/>
  <c r="AD53401" i="1"/>
  <c r="AD53402" i="1"/>
  <c r="AD53403" i="1"/>
  <c r="AD53404" i="1"/>
  <c r="AD53405" i="1"/>
  <c r="AD53406" i="1"/>
  <c r="AD53407" i="1"/>
  <c r="AD53408" i="1"/>
  <c r="AD53409" i="1"/>
  <c r="AD53410" i="1"/>
  <c r="AD53411" i="1"/>
  <c r="AD53412" i="1"/>
  <c r="AD53413" i="1"/>
  <c r="AD53414" i="1"/>
  <c r="AD53415" i="1"/>
  <c r="AD53416" i="1"/>
  <c r="AD53417" i="1"/>
  <c r="AD53418" i="1"/>
  <c r="AD53419" i="1"/>
  <c r="AD53420" i="1"/>
  <c r="AD53421" i="1"/>
  <c r="AD53422" i="1"/>
  <c r="AD53423" i="1"/>
  <c r="AD53424" i="1"/>
  <c r="AD53425" i="1"/>
  <c r="AD53426" i="1"/>
  <c r="AD53427" i="1"/>
  <c r="AD53428" i="1"/>
  <c r="AD53429" i="1"/>
  <c r="AD53430" i="1"/>
  <c r="AD53431" i="1"/>
  <c r="AD53432" i="1"/>
  <c r="AD53433" i="1"/>
  <c r="AD53434" i="1"/>
  <c r="AD53435" i="1"/>
  <c r="AD53436" i="1"/>
  <c r="AD53437" i="1"/>
  <c r="AD53438" i="1"/>
  <c r="AD53439" i="1"/>
  <c r="AD53440" i="1"/>
  <c r="AD53441" i="1"/>
  <c r="AD53442" i="1"/>
  <c r="AD53443" i="1"/>
  <c r="AD53444" i="1"/>
  <c r="AD53445" i="1"/>
  <c r="AD53446" i="1"/>
  <c r="AD53447" i="1"/>
  <c r="AD53448" i="1"/>
  <c r="AD53449" i="1"/>
  <c r="AD53450" i="1"/>
  <c r="AD53451" i="1"/>
  <c r="AD53452" i="1"/>
  <c r="AD53453" i="1"/>
  <c r="AD53454" i="1"/>
  <c r="AD53455" i="1"/>
  <c r="AD53456" i="1"/>
  <c r="AD53457" i="1"/>
  <c r="AD53458" i="1"/>
  <c r="AD53459" i="1"/>
  <c r="AD53460" i="1"/>
  <c r="AD53461" i="1"/>
  <c r="AD53462" i="1"/>
  <c r="AD53463" i="1"/>
  <c r="AD53464" i="1"/>
  <c r="AD53465" i="1"/>
  <c r="AD53466" i="1"/>
  <c r="AD53467" i="1"/>
  <c r="AD53468" i="1"/>
  <c r="AD53469" i="1"/>
  <c r="AD53470" i="1"/>
  <c r="AD53471" i="1"/>
  <c r="AD53472" i="1"/>
  <c r="AD53473" i="1"/>
  <c r="AD53474" i="1"/>
  <c r="AD53475" i="1"/>
  <c r="AD53476" i="1"/>
  <c r="AD53477" i="1"/>
  <c r="AD53478" i="1"/>
  <c r="AD53479" i="1"/>
  <c r="AD53480" i="1"/>
  <c r="AD53481" i="1"/>
  <c r="AD53482" i="1"/>
  <c r="AD53483" i="1"/>
  <c r="AD53484" i="1"/>
  <c r="AD53485" i="1"/>
  <c r="AD53486" i="1"/>
  <c r="AD53487" i="1"/>
  <c r="AD53488" i="1"/>
  <c r="AD53489" i="1"/>
  <c r="AD53490" i="1"/>
  <c r="AD53491" i="1"/>
  <c r="AD53492" i="1"/>
  <c r="AD53493" i="1"/>
  <c r="AD53494" i="1"/>
  <c r="AD53495" i="1"/>
  <c r="AD53496" i="1"/>
  <c r="AD53497" i="1"/>
  <c r="AD53498" i="1"/>
  <c r="AD53499" i="1"/>
  <c r="AD53500" i="1"/>
  <c r="AD53501" i="1"/>
  <c r="AD53502" i="1"/>
  <c r="AD53503" i="1"/>
  <c r="AD53504" i="1"/>
  <c r="AD53505" i="1"/>
  <c r="AD53506" i="1"/>
  <c r="AD53507" i="1"/>
  <c r="AD53508" i="1"/>
  <c r="AD53509" i="1"/>
  <c r="AD53510" i="1"/>
  <c r="AD53511" i="1"/>
  <c r="AD53512" i="1"/>
  <c r="AD53513" i="1"/>
  <c r="AD53514" i="1"/>
  <c r="AD53515" i="1"/>
  <c r="AD53516" i="1"/>
  <c r="AD53517" i="1"/>
  <c r="AD53518" i="1"/>
  <c r="AD53519" i="1"/>
  <c r="AD53520" i="1"/>
  <c r="AD53521" i="1"/>
  <c r="AD53522" i="1"/>
  <c r="AD53523" i="1"/>
  <c r="AD53524" i="1"/>
  <c r="AD53525" i="1"/>
  <c r="AD53526" i="1"/>
  <c r="AD53527" i="1"/>
  <c r="AD53528" i="1"/>
  <c r="AD53529" i="1"/>
  <c r="AD53530" i="1"/>
  <c r="AD53531" i="1"/>
  <c r="AD53532" i="1"/>
  <c r="AD53533" i="1"/>
  <c r="AD53534" i="1"/>
  <c r="AD53535" i="1"/>
  <c r="AD53536" i="1"/>
  <c r="AD53537" i="1"/>
  <c r="AD53538" i="1"/>
  <c r="AD53539" i="1"/>
  <c r="AD53540" i="1"/>
  <c r="AD53541" i="1"/>
  <c r="AD53542" i="1"/>
  <c r="AD53543" i="1"/>
  <c r="AD53544" i="1"/>
  <c r="AD53545" i="1"/>
  <c r="AD53546" i="1"/>
  <c r="AD53547" i="1"/>
  <c r="AD53548" i="1"/>
  <c r="AD53549" i="1"/>
  <c r="AD53550" i="1"/>
  <c r="AD53551" i="1"/>
  <c r="AD53552" i="1"/>
  <c r="AD53553" i="1"/>
  <c r="AD53554" i="1"/>
  <c r="AD53555" i="1"/>
  <c r="AD53556" i="1"/>
  <c r="AD53557" i="1"/>
  <c r="AD53558" i="1"/>
  <c r="AD53559" i="1"/>
  <c r="AD53560" i="1"/>
  <c r="AD53561" i="1"/>
  <c r="AD53562" i="1"/>
  <c r="AD53563" i="1"/>
  <c r="AD53564" i="1"/>
  <c r="AD53565" i="1"/>
  <c r="AD53566" i="1"/>
  <c r="AD53567" i="1"/>
  <c r="AD53568" i="1"/>
  <c r="AD53569" i="1"/>
  <c r="AD53570" i="1"/>
  <c r="AD53571" i="1"/>
  <c r="AD53572" i="1"/>
  <c r="AD53573" i="1"/>
  <c r="AD53574" i="1"/>
  <c r="AD53575" i="1"/>
  <c r="AD53576" i="1"/>
  <c r="AD53577" i="1"/>
  <c r="AD53578" i="1"/>
  <c r="AD53579" i="1"/>
  <c r="AD53580" i="1"/>
  <c r="AD53581" i="1"/>
  <c r="AD53582" i="1"/>
  <c r="AD53583" i="1"/>
  <c r="AD53584" i="1"/>
  <c r="AD53585" i="1"/>
  <c r="AD53586" i="1"/>
  <c r="AD53587" i="1"/>
  <c r="AD53588" i="1"/>
  <c r="AD53589" i="1"/>
  <c r="AD53590" i="1"/>
  <c r="AD53591" i="1"/>
  <c r="AD53592" i="1"/>
  <c r="AD53593" i="1"/>
  <c r="AD53594" i="1"/>
  <c r="AD53595" i="1"/>
  <c r="AD53596" i="1"/>
  <c r="AD53597" i="1"/>
  <c r="AD53598" i="1"/>
  <c r="AD53599" i="1"/>
  <c r="AD53600" i="1"/>
  <c r="AD53601" i="1"/>
  <c r="AD53602" i="1"/>
  <c r="AD53603" i="1"/>
  <c r="AD53604" i="1"/>
  <c r="AD53605" i="1"/>
  <c r="AD53606" i="1"/>
  <c r="AD53607" i="1"/>
  <c r="AD53608" i="1"/>
  <c r="AD53609" i="1"/>
  <c r="AD53610" i="1"/>
  <c r="AD53611" i="1"/>
  <c r="AD53612" i="1"/>
  <c r="AD53613" i="1"/>
  <c r="AD53614" i="1"/>
  <c r="AD53615" i="1"/>
  <c r="AD53616" i="1"/>
  <c r="AD53617" i="1"/>
  <c r="AD53618" i="1"/>
  <c r="AD53619" i="1"/>
  <c r="AD53620" i="1"/>
  <c r="AD53621" i="1"/>
  <c r="AD53622" i="1"/>
  <c r="AD53623" i="1"/>
  <c r="AD53624" i="1"/>
  <c r="AD53625" i="1"/>
  <c r="AD53626" i="1"/>
  <c r="AD53627" i="1"/>
  <c r="AD53628" i="1"/>
  <c r="AD53629" i="1"/>
  <c r="AD53630" i="1"/>
  <c r="AD53631" i="1"/>
  <c r="AD53632" i="1"/>
  <c r="AD53633" i="1"/>
  <c r="AD53634" i="1"/>
  <c r="AD53635" i="1"/>
  <c r="AD53636" i="1"/>
  <c r="AD53637" i="1"/>
  <c r="AD53638" i="1"/>
  <c r="AD53639" i="1"/>
  <c r="AD53640" i="1"/>
  <c r="AD53641" i="1"/>
  <c r="AD53642" i="1"/>
  <c r="AD53643" i="1"/>
  <c r="AD53644" i="1"/>
  <c r="AD53645" i="1"/>
  <c r="AD53646" i="1"/>
  <c r="AD53647" i="1"/>
  <c r="AD53648" i="1"/>
  <c r="AD53649" i="1"/>
  <c r="AD53650" i="1"/>
  <c r="AD53651" i="1"/>
  <c r="AD53652" i="1"/>
  <c r="AD53653" i="1"/>
  <c r="AD53654" i="1"/>
  <c r="AD53655" i="1"/>
  <c r="AD53656" i="1"/>
  <c r="AD53657" i="1"/>
  <c r="AD53658" i="1"/>
  <c r="AD53659" i="1"/>
  <c r="AD53660" i="1"/>
  <c r="AD53661" i="1"/>
  <c r="AD53662" i="1"/>
  <c r="AD53663" i="1"/>
  <c r="AD53664" i="1"/>
  <c r="AD53665" i="1"/>
  <c r="AD53666" i="1"/>
  <c r="AD53667" i="1"/>
  <c r="AD53668" i="1"/>
  <c r="AD53669" i="1"/>
  <c r="AD53670" i="1"/>
  <c r="AD53671" i="1"/>
  <c r="AD53672" i="1"/>
  <c r="AD53673" i="1"/>
  <c r="AD53674" i="1"/>
  <c r="AD53675" i="1"/>
  <c r="AD53676" i="1"/>
  <c r="AD53677" i="1"/>
  <c r="AD53678" i="1"/>
  <c r="AD53679" i="1"/>
  <c r="AD53680" i="1"/>
  <c r="AD53681" i="1"/>
  <c r="AD53682" i="1"/>
  <c r="AD53683" i="1"/>
  <c r="AD53684" i="1"/>
  <c r="AD53685" i="1"/>
  <c r="AD53686" i="1"/>
  <c r="AD53687" i="1"/>
  <c r="AD53688" i="1"/>
  <c r="AD53689" i="1"/>
  <c r="AD53690" i="1"/>
  <c r="AD53691" i="1"/>
  <c r="AD53692" i="1"/>
  <c r="AD53693" i="1"/>
  <c r="AD53694" i="1"/>
  <c r="AD53695" i="1"/>
  <c r="AD53696" i="1"/>
  <c r="AD53697" i="1"/>
  <c r="AD53698" i="1"/>
  <c r="AD53699" i="1"/>
  <c r="AD53700" i="1"/>
  <c r="AD53701" i="1"/>
  <c r="AD53702" i="1"/>
  <c r="AD53703" i="1"/>
  <c r="AD53704" i="1"/>
  <c r="AD53705" i="1"/>
  <c r="AD53706" i="1"/>
  <c r="AD53707" i="1"/>
  <c r="AD53708" i="1"/>
  <c r="AD53709" i="1"/>
  <c r="AD53710" i="1"/>
  <c r="AD53711" i="1"/>
  <c r="AD53712" i="1"/>
  <c r="AD53713" i="1"/>
  <c r="AD53714" i="1"/>
  <c r="AD53715" i="1"/>
  <c r="AD53716" i="1"/>
  <c r="AD53717" i="1"/>
  <c r="AD53718" i="1"/>
  <c r="AD53719" i="1"/>
  <c r="AD53720" i="1"/>
  <c r="AD53721" i="1"/>
  <c r="AD53722" i="1"/>
  <c r="AD53723" i="1"/>
  <c r="AD53724" i="1"/>
  <c r="AD53725" i="1"/>
  <c r="AD53726" i="1"/>
  <c r="AD53727" i="1"/>
  <c r="AD53728" i="1"/>
  <c r="AD53729" i="1"/>
  <c r="AD53730" i="1"/>
  <c r="AD53731" i="1"/>
  <c r="AD53732" i="1"/>
  <c r="AD53733" i="1"/>
  <c r="AD53734" i="1"/>
  <c r="AD53735" i="1"/>
  <c r="AD53736" i="1"/>
  <c r="AD53737" i="1"/>
  <c r="AD53738" i="1"/>
  <c r="AD53739" i="1"/>
  <c r="AD53740" i="1"/>
  <c r="AD53741" i="1"/>
  <c r="AD53742" i="1"/>
  <c r="AD53743" i="1"/>
  <c r="AD53744" i="1"/>
  <c r="AD53745" i="1"/>
  <c r="AD53746" i="1"/>
  <c r="AD53747" i="1"/>
  <c r="AD53748" i="1"/>
  <c r="AD53749" i="1"/>
  <c r="AD53750" i="1"/>
  <c r="AD53751" i="1"/>
  <c r="AD53752" i="1"/>
  <c r="AD53753" i="1"/>
  <c r="AD53754" i="1"/>
  <c r="AD53755" i="1"/>
  <c r="AD53756" i="1"/>
  <c r="AD53757" i="1"/>
  <c r="AD53758" i="1"/>
  <c r="AD53759" i="1"/>
  <c r="AD53760" i="1"/>
  <c r="AD53761" i="1"/>
  <c r="AD53762" i="1"/>
  <c r="AD53763" i="1"/>
  <c r="AD53764" i="1"/>
  <c r="AD53765" i="1"/>
  <c r="AD53766" i="1"/>
  <c r="AD53767" i="1"/>
  <c r="AD53768" i="1"/>
  <c r="AD53769" i="1"/>
  <c r="AD53770" i="1"/>
  <c r="AD53771" i="1"/>
  <c r="AD53772" i="1"/>
  <c r="AD53773" i="1"/>
  <c r="AD53774" i="1"/>
  <c r="AD53775" i="1"/>
  <c r="AD53776" i="1"/>
  <c r="AD53777" i="1"/>
  <c r="AD53778" i="1"/>
  <c r="AD53779" i="1"/>
  <c r="AD53780" i="1"/>
  <c r="AD53781" i="1"/>
  <c r="AD53782" i="1"/>
  <c r="AD53783" i="1"/>
  <c r="AD53784" i="1"/>
  <c r="AD53785" i="1"/>
  <c r="AD53786" i="1"/>
  <c r="AD53787" i="1"/>
  <c r="AD53788" i="1"/>
  <c r="AD53789" i="1"/>
  <c r="AD53790" i="1"/>
  <c r="AD53791" i="1"/>
  <c r="AD53792" i="1"/>
  <c r="AD53793" i="1"/>
  <c r="AD53794" i="1"/>
  <c r="AD53795" i="1"/>
  <c r="AD53796" i="1"/>
  <c r="AD53797" i="1"/>
  <c r="AD53798" i="1"/>
  <c r="AD53799" i="1"/>
  <c r="AD53800" i="1"/>
  <c r="AD53801" i="1"/>
  <c r="AD53802" i="1"/>
  <c r="AD53803" i="1"/>
  <c r="AD53804" i="1"/>
  <c r="AD53805" i="1"/>
  <c r="AD53806" i="1"/>
  <c r="AD53807" i="1"/>
  <c r="AD53808" i="1"/>
  <c r="AD53809" i="1"/>
  <c r="AD53810" i="1"/>
  <c r="AD53811" i="1"/>
  <c r="AD53812" i="1"/>
  <c r="AD53813" i="1"/>
  <c r="AD53814" i="1"/>
  <c r="AD53815" i="1"/>
  <c r="AD53816" i="1"/>
  <c r="AD53817" i="1"/>
  <c r="AD53818" i="1"/>
  <c r="AD53819" i="1"/>
  <c r="AD53820" i="1"/>
  <c r="AD53821" i="1"/>
  <c r="AD53822" i="1"/>
  <c r="AD53823" i="1"/>
  <c r="AD53824" i="1"/>
  <c r="AD53825" i="1"/>
  <c r="AD53826" i="1"/>
  <c r="AD53827" i="1"/>
  <c r="AD53828" i="1"/>
  <c r="AD53829" i="1"/>
  <c r="AD53830" i="1"/>
  <c r="AD53831" i="1"/>
  <c r="AD53832" i="1"/>
  <c r="AD53833" i="1"/>
  <c r="AD53834" i="1"/>
  <c r="AD53835" i="1"/>
  <c r="AD53836" i="1"/>
  <c r="AD53837" i="1"/>
  <c r="AD53838" i="1"/>
  <c r="AD53839" i="1"/>
  <c r="AD53840" i="1"/>
  <c r="AD53841" i="1"/>
  <c r="AD53842" i="1"/>
  <c r="AD53843" i="1"/>
  <c r="AD53844" i="1"/>
  <c r="AD53845" i="1"/>
  <c r="AD53846" i="1"/>
  <c r="AD53847" i="1"/>
  <c r="AD53848" i="1"/>
  <c r="AD53849" i="1"/>
  <c r="AD53850" i="1"/>
  <c r="AD53851" i="1"/>
  <c r="AD53852" i="1"/>
  <c r="AD53853" i="1"/>
  <c r="AD53854" i="1"/>
  <c r="AD53855" i="1"/>
  <c r="AD53856" i="1"/>
  <c r="AD53857" i="1"/>
  <c r="AD53858" i="1"/>
  <c r="AD53859" i="1"/>
  <c r="AD53860" i="1"/>
  <c r="AD53861" i="1"/>
  <c r="AD53862" i="1"/>
  <c r="AD53863" i="1"/>
  <c r="AD53864" i="1"/>
  <c r="AD53865" i="1"/>
  <c r="AD53866" i="1"/>
  <c r="AD53867" i="1"/>
  <c r="AD53868" i="1"/>
  <c r="AD53869" i="1"/>
  <c r="AD53870" i="1"/>
  <c r="AD53871" i="1"/>
  <c r="AD53872" i="1"/>
  <c r="AD53873" i="1"/>
  <c r="AD53874" i="1"/>
  <c r="AD53875" i="1"/>
  <c r="AD53876" i="1"/>
  <c r="AD53877" i="1"/>
  <c r="AD53878" i="1"/>
  <c r="AD53879" i="1"/>
  <c r="AD53880" i="1"/>
  <c r="AD53881" i="1"/>
  <c r="AD53882" i="1"/>
  <c r="AD53883" i="1"/>
  <c r="AD53884" i="1"/>
  <c r="AD53885" i="1"/>
  <c r="AD53886" i="1"/>
  <c r="AD53887" i="1"/>
  <c r="AD53888" i="1"/>
  <c r="AD53889" i="1"/>
  <c r="AD53890" i="1"/>
  <c r="AD53891" i="1"/>
  <c r="AD53892" i="1"/>
  <c r="AD53893" i="1"/>
  <c r="AD53894" i="1"/>
  <c r="AD53895" i="1"/>
  <c r="AD53896" i="1"/>
  <c r="AD53897" i="1"/>
  <c r="AD53898" i="1"/>
  <c r="AD53899" i="1"/>
  <c r="AD53900" i="1"/>
  <c r="AD53901" i="1"/>
  <c r="AD53902" i="1"/>
  <c r="AD53903" i="1"/>
  <c r="AD53904" i="1"/>
  <c r="AD53905" i="1"/>
  <c r="AD53906" i="1"/>
  <c r="AD53907" i="1"/>
  <c r="AD53908" i="1"/>
  <c r="AD53909" i="1"/>
  <c r="AD53910" i="1"/>
  <c r="AD53911" i="1"/>
  <c r="AD53912" i="1"/>
  <c r="AD53913" i="1"/>
  <c r="AD53914" i="1"/>
  <c r="AD53915" i="1"/>
  <c r="AD53916" i="1"/>
  <c r="AD53917" i="1"/>
  <c r="AD53918" i="1"/>
  <c r="AD53919" i="1"/>
  <c r="AD53920" i="1"/>
  <c r="AD53921" i="1"/>
  <c r="AD53922" i="1"/>
  <c r="AD53923" i="1"/>
  <c r="AD53924" i="1"/>
  <c r="AD53925" i="1"/>
  <c r="AD53926" i="1"/>
  <c r="AD53927" i="1"/>
  <c r="AD53928" i="1"/>
  <c r="AD53929" i="1"/>
  <c r="AD53930" i="1"/>
  <c r="AD53931" i="1"/>
  <c r="AD53932" i="1"/>
  <c r="AD53933" i="1"/>
  <c r="AD53934" i="1"/>
  <c r="AD53935" i="1"/>
  <c r="AD53936" i="1"/>
  <c r="AD53937" i="1"/>
  <c r="AD53938" i="1"/>
  <c r="AD53939" i="1"/>
  <c r="AD53940" i="1"/>
  <c r="AD53941" i="1"/>
  <c r="AD53942" i="1"/>
  <c r="AD53943" i="1"/>
  <c r="AD53944" i="1"/>
  <c r="AD53945" i="1"/>
  <c r="AD53946" i="1"/>
  <c r="AD53947" i="1"/>
  <c r="AD53948" i="1"/>
  <c r="AD53949" i="1"/>
  <c r="AD53950" i="1"/>
  <c r="AD53951" i="1"/>
  <c r="AD53952" i="1"/>
  <c r="AD53953" i="1"/>
  <c r="AD53954" i="1"/>
  <c r="AD53955" i="1"/>
  <c r="AD53956" i="1"/>
  <c r="AD53957" i="1"/>
  <c r="AD53958" i="1"/>
  <c r="AD53959" i="1"/>
  <c r="AD53960" i="1"/>
  <c r="AD53961" i="1"/>
  <c r="AD53962" i="1"/>
  <c r="AD53963" i="1"/>
  <c r="AD53964" i="1"/>
  <c r="AD53965" i="1"/>
  <c r="AD53966" i="1"/>
  <c r="AD53967" i="1"/>
  <c r="AD53968" i="1"/>
  <c r="AD53969" i="1"/>
  <c r="AD53970" i="1"/>
  <c r="AD53971" i="1"/>
  <c r="AD53972" i="1"/>
  <c r="AD53973" i="1"/>
  <c r="AD53974" i="1"/>
  <c r="AD53975" i="1"/>
  <c r="AD53976" i="1"/>
  <c r="AD53977" i="1"/>
  <c r="AD53978" i="1"/>
  <c r="AD53979" i="1"/>
  <c r="AD53980" i="1"/>
  <c r="AD53981" i="1"/>
  <c r="AD53982" i="1"/>
  <c r="AD53983" i="1"/>
  <c r="AD53984" i="1"/>
  <c r="AD53985" i="1"/>
  <c r="AD53986" i="1"/>
  <c r="AD53987" i="1"/>
  <c r="AD53988" i="1"/>
  <c r="AD53989" i="1"/>
  <c r="AD53990" i="1"/>
  <c r="AD53991" i="1"/>
  <c r="AD53992" i="1"/>
  <c r="AD53993" i="1"/>
  <c r="AD53994" i="1"/>
  <c r="AD53995" i="1"/>
  <c r="AD53996" i="1"/>
  <c r="AD53997" i="1"/>
  <c r="AD53998" i="1"/>
  <c r="AD53999" i="1"/>
  <c r="AD54000" i="1"/>
  <c r="AD54001" i="1"/>
  <c r="AD54002" i="1"/>
  <c r="AD54003" i="1"/>
  <c r="AD54004" i="1"/>
  <c r="AD54005" i="1"/>
  <c r="AD54006" i="1"/>
  <c r="AD54007" i="1"/>
  <c r="AD54008" i="1"/>
  <c r="AD54009" i="1"/>
  <c r="AD54010" i="1"/>
  <c r="AD54011" i="1"/>
  <c r="AD54012" i="1"/>
  <c r="AD54013" i="1"/>
  <c r="AD54014" i="1"/>
  <c r="AD54015" i="1"/>
  <c r="AD54016" i="1"/>
  <c r="AD54017" i="1"/>
  <c r="AD54018" i="1"/>
  <c r="AD54019" i="1"/>
  <c r="AD54020" i="1"/>
  <c r="AD54021" i="1"/>
  <c r="AD54022" i="1"/>
  <c r="AD54023" i="1"/>
  <c r="AD54024" i="1"/>
  <c r="AD54025" i="1"/>
  <c r="AD54026" i="1"/>
  <c r="AD54027" i="1"/>
  <c r="AD54028" i="1"/>
  <c r="AD54029" i="1"/>
  <c r="AD54030" i="1"/>
  <c r="AD54031" i="1"/>
  <c r="AD54032" i="1"/>
  <c r="AD54033" i="1"/>
  <c r="AD54034" i="1"/>
  <c r="AD54035" i="1"/>
  <c r="AD54036" i="1"/>
  <c r="AD54037" i="1"/>
  <c r="AD54038" i="1"/>
  <c r="AD54039" i="1"/>
  <c r="AD54040" i="1"/>
  <c r="AD54041" i="1"/>
  <c r="AD54042" i="1"/>
  <c r="AD54043" i="1"/>
  <c r="AD54044" i="1"/>
  <c r="AD54045" i="1"/>
  <c r="AD54046" i="1"/>
  <c r="AD54047" i="1"/>
  <c r="AD54048" i="1"/>
  <c r="AD54049" i="1"/>
  <c r="AD54050" i="1"/>
  <c r="AD54051" i="1"/>
  <c r="AD54052" i="1"/>
  <c r="AD54053" i="1"/>
  <c r="AD54054" i="1"/>
  <c r="AD54055" i="1"/>
  <c r="AD54056" i="1"/>
  <c r="AD54057" i="1"/>
  <c r="AD54058" i="1"/>
  <c r="AD54059" i="1"/>
  <c r="AD54060" i="1"/>
  <c r="AD54061" i="1"/>
  <c r="AD54062" i="1"/>
  <c r="AD54063" i="1"/>
  <c r="AD54064" i="1"/>
  <c r="AD54065" i="1"/>
  <c r="AD54066" i="1"/>
  <c r="AD54067" i="1"/>
  <c r="AD54068" i="1"/>
  <c r="AD54069" i="1"/>
  <c r="AD54070" i="1"/>
  <c r="AD54071" i="1"/>
  <c r="AD54072" i="1"/>
  <c r="AD54073" i="1"/>
  <c r="AD54074" i="1"/>
  <c r="AD54075" i="1"/>
  <c r="AD54076" i="1"/>
  <c r="AD54077" i="1"/>
  <c r="AD54078" i="1"/>
  <c r="AD54079" i="1"/>
  <c r="AD54080" i="1"/>
  <c r="AD54081" i="1"/>
  <c r="AD54082" i="1"/>
  <c r="AD54083" i="1"/>
  <c r="AD54084" i="1"/>
  <c r="AD54085" i="1"/>
  <c r="AD54086" i="1"/>
  <c r="AD54087" i="1"/>
  <c r="AD54088" i="1"/>
  <c r="AD54089" i="1"/>
  <c r="AD54090" i="1"/>
  <c r="AD54091" i="1"/>
  <c r="AD54092" i="1"/>
  <c r="AD54093" i="1"/>
  <c r="AD54094" i="1"/>
  <c r="AD54095" i="1"/>
  <c r="AD54096" i="1"/>
  <c r="AD54097" i="1"/>
  <c r="AD54098" i="1"/>
  <c r="AD54099" i="1"/>
  <c r="AD54100" i="1"/>
  <c r="AD54101" i="1"/>
  <c r="AD54102" i="1"/>
  <c r="AD54103" i="1"/>
  <c r="AD54104" i="1"/>
  <c r="AD54105" i="1"/>
  <c r="AD54106" i="1"/>
  <c r="AD54107" i="1"/>
  <c r="AD54108" i="1"/>
  <c r="AD54109" i="1"/>
  <c r="AD54110" i="1"/>
  <c r="AD54111" i="1"/>
  <c r="AD54112" i="1"/>
  <c r="AD54113" i="1"/>
  <c r="AD54114" i="1"/>
  <c r="AD54115" i="1"/>
  <c r="AD54116" i="1"/>
  <c r="AD54117" i="1"/>
  <c r="AD54118" i="1"/>
  <c r="AD54119" i="1"/>
  <c r="AD54120" i="1"/>
  <c r="AD54121" i="1"/>
  <c r="AD54122" i="1"/>
  <c r="AD54123" i="1"/>
  <c r="AD54124" i="1"/>
  <c r="AD54125" i="1"/>
  <c r="AD54126" i="1"/>
  <c r="AD54127" i="1"/>
  <c r="AD54128" i="1"/>
  <c r="AD54129" i="1"/>
  <c r="AD54130" i="1"/>
  <c r="AD54131" i="1"/>
  <c r="AD54132" i="1"/>
  <c r="AD54133" i="1"/>
  <c r="AD54134" i="1"/>
  <c r="AD54135" i="1"/>
  <c r="AD54136" i="1"/>
  <c r="AD54137" i="1"/>
  <c r="AD54138" i="1"/>
  <c r="AD54139" i="1"/>
  <c r="AD54140" i="1"/>
  <c r="AD54141" i="1"/>
  <c r="AD54142" i="1"/>
  <c r="AD54143" i="1"/>
  <c r="AD54144" i="1"/>
  <c r="AD54145" i="1"/>
  <c r="AD54146" i="1"/>
  <c r="AD54147" i="1"/>
  <c r="AD54148" i="1"/>
  <c r="AD54149" i="1"/>
  <c r="AD54150" i="1"/>
  <c r="AD54151" i="1"/>
  <c r="AD54152" i="1"/>
  <c r="AD54153" i="1"/>
  <c r="AD54154" i="1"/>
  <c r="AD54155" i="1"/>
  <c r="AD54156" i="1"/>
  <c r="AD54157" i="1"/>
  <c r="AD54158" i="1"/>
  <c r="AD54159" i="1"/>
  <c r="AD54160" i="1"/>
  <c r="AD54161" i="1"/>
  <c r="AD54162" i="1"/>
  <c r="AD54163" i="1"/>
  <c r="AD54164" i="1"/>
  <c r="AD54165" i="1"/>
  <c r="AD54166" i="1"/>
  <c r="AD54167" i="1"/>
  <c r="AD54168" i="1"/>
  <c r="AD54169" i="1"/>
  <c r="AD54170" i="1"/>
  <c r="AD54171" i="1"/>
  <c r="AD54172" i="1"/>
  <c r="AD54173" i="1"/>
  <c r="AD54174" i="1"/>
  <c r="AD54175" i="1"/>
  <c r="AD54176" i="1"/>
  <c r="AD54177" i="1"/>
  <c r="AD54178" i="1"/>
  <c r="AD54179" i="1"/>
  <c r="AD54180" i="1"/>
  <c r="AD54181" i="1"/>
  <c r="AD54182" i="1"/>
  <c r="AD54183" i="1"/>
  <c r="AD54184" i="1"/>
  <c r="AD54185" i="1"/>
  <c r="AD54186" i="1"/>
  <c r="AD54187" i="1"/>
  <c r="AD54188" i="1"/>
  <c r="AD54189" i="1"/>
  <c r="AD54190" i="1"/>
  <c r="AD54191" i="1"/>
  <c r="AD54192" i="1"/>
  <c r="AD54193" i="1"/>
  <c r="AD54194" i="1"/>
  <c r="AD54195" i="1"/>
  <c r="AD54196" i="1"/>
  <c r="AD54197" i="1"/>
  <c r="AD54198" i="1"/>
  <c r="AD54199" i="1"/>
  <c r="AD54200" i="1"/>
  <c r="AD54201" i="1"/>
  <c r="AD54202" i="1"/>
  <c r="AD54203" i="1"/>
  <c r="AD54204" i="1"/>
  <c r="AD54205" i="1"/>
  <c r="AD54206" i="1"/>
  <c r="AD54207" i="1"/>
  <c r="AD54208" i="1"/>
  <c r="AD54209" i="1"/>
  <c r="AD54210" i="1"/>
  <c r="AD54211" i="1"/>
  <c r="AD54212" i="1"/>
  <c r="AD54213" i="1"/>
  <c r="AD54214" i="1"/>
  <c r="AD54215" i="1"/>
  <c r="AD54216" i="1"/>
  <c r="AD54217" i="1"/>
  <c r="AD54218" i="1"/>
  <c r="AD54219" i="1"/>
  <c r="AD54220" i="1"/>
  <c r="AD54221" i="1"/>
  <c r="AD54222" i="1"/>
  <c r="AD54223" i="1"/>
  <c r="AD54224" i="1"/>
  <c r="AD54225" i="1"/>
  <c r="AD54226" i="1"/>
  <c r="AD54227" i="1"/>
  <c r="AD54228" i="1"/>
  <c r="AD54229" i="1"/>
  <c r="AD54230" i="1"/>
  <c r="AD54231" i="1"/>
  <c r="AD54232" i="1"/>
  <c r="AD54233" i="1"/>
  <c r="AD54234" i="1"/>
  <c r="AD54235" i="1"/>
  <c r="AD54236" i="1"/>
  <c r="AD54237" i="1"/>
  <c r="AD54238" i="1"/>
  <c r="AD54239" i="1"/>
  <c r="AD54240" i="1"/>
  <c r="AD54241" i="1"/>
  <c r="AD54242" i="1"/>
  <c r="AD54243" i="1"/>
  <c r="AD54244" i="1"/>
  <c r="AD54245" i="1"/>
  <c r="AD54246" i="1"/>
  <c r="AD54247" i="1"/>
  <c r="AD54248" i="1"/>
  <c r="AD54249" i="1"/>
  <c r="AD54250" i="1"/>
  <c r="AD54251" i="1"/>
  <c r="AD54252" i="1"/>
  <c r="AD54253" i="1"/>
  <c r="AD54254" i="1"/>
  <c r="AD54255" i="1"/>
  <c r="AD54256" i="1"/>
  <c r="AD54257" i="1"/>
  <c r="AD54258" i="1"/>
  <c r="AD54259" i="1"/>
  <c r="AD54260" i="1"/>
  <c r="AD54261" i="1"/>
  <c r="AD54262" i="1"/>
  <c r="AD54263" i="1"/>
  <c r="AD54264" i="1"/>
  <c r="AD54265" i="1"/>
  <c r="AD54266" i="1"/>
  <c r="AD54267" i="1"/>
  <c r="AD54268" i="1"/>
  <c r="AD54269" i="1"/>
  <c r="AD54270" i="1"/>
  <c r="AD54271" i="1"/>
  <c r="AD54272" i="1"/>
  <c r="AD54273" i="1"/>
  <c r="AD54274" i="1"/>
  <c r="AD54275" i="1"/>
  <c r="AD54276" i="1"/>
  <c r="AD54277" i="1"/>
  <c r="AD54278" i="1"/>
  <c r="AD54279" i="1"/>
  <c r="AD54280" i="1"/>
  <c r="AD54281" i="1"/>
  <c r="AD54282" i="1"/>
  <c r="AD54283" i="1"/>
  <c r="AD54284" i="1"/>
  <c r="AD54285" i="1"/>
  <c r="AD54286" i="1"/>
  <c r="AD54287" i="1"/>
  <c r="AD54288" i="1"/>
  <c r="AD54289" i="1"/>
  <c r="AD54290" i="1"/>
  <c r="AD54291" i="1"/>
  <c r="AD54292" i="1"/>
  <c r="AD54293" i="1"/>
  <c r="AD54294" i="1"/>
  <c r="AD54295" i="1"/>
  <c r="AD54296" i="1"/>
  <c r="AD54297" i="1"/>
  <c r="AD54298" i="1"/>
  <c r="AD54299" i="1"/>
  <c r="AD54300" i="1"/>
  <c r="AD54301" i="1"/>
  <c r="AD54302" i="1"/>
  <c r="AD54303" i="1"/>
  <c r="AD54304" i="1"/>
  <c r="AD54305" i="1"/>
  <c r="AD54306" i="1"/>
  <c r="AD54307" i="1"/>
  <c r="AD54308" i="1"/>
  <c r="AD54309" i="1"/>
  <c r="AD54310" i="1"/>
  <c r="AD54311" i="1"/>
  <c r="AD54312" i="1"/>
  <c r="AD54313" i="1"/>
  <c r="AD54314" i="1"/>
  <c r="AD54315" i="1"/>
  <c r="AD54316" i="1"/>
  <c r="AD54317" i="1"/>
  <c r="AD54318" i="1"/>
  <c r="AD54319" i="1"/>
  <c r="AD54320" i="1"/>
  <c r="AD54321" i="1"/>
  <c r="AD54322" i="1"/>
  <c r="AD54323" i="1"/>
  <c r="AD54324" i="1"/>
  <c r="AD54325" i="1"/>
  <c r="AD54326" i="1"/>
  <c r="AD54327" i="1"/>
  <c r="AD54328" i="1"/>
  <c r="AD54329" i="1"/>
  <c r="AD54330" i="1"/>
  <c r="AD54331" i="1"/>
  <c r="AD54332" i="1"/>
  <c r="AD54333" i="1"/>
  <c r="AD54334" i="1"/>
  <c r="AD54335" i="1"/>
  <c r="AD54336" i="1"/>
  <c r="AD54337" i="1"/>
  <c r="AD54338" i="1"/>
  <c r="AD54339" i="1"/>
  <c r="AD54340" i="1"/>
  <c r="AD54341" i="1"/>
  <c r="AD54342" i="1"/>
  <c r="AD54343" i="1"/>
  <c r="AD54344" i="1"/>
  <c r="AD54345" i="1"/>
  <c r="AD54346" i="1"/>
  <c r="AD54347" i="1"/>
  <c r="AD54348" i="1"/>
  <c r="AD54349" i="1"/>
  <c r="AD54350" i="1"/>
  <c r="AD54351" i="1"/>
  <c r="AD54352" i="1"/>
  <c r="AD54353" i="1"/>
  <c r="AD54354" i="1"/>
  <c r="AD54355" i="1"/>
  <c r="AD54356" i="1"/>
  <c r="AD54357" i="1"/>
  <c r="AD54358" i="1"/>
  <c r="AD54359" i="1"/>
  <c r="AD54360" i="1"/>
  <c r="AD54361" i="1"/>
  <c r="AD54362" i="1"/>
  <c r="AD54363" i="1"/>
  <c r="AD54364" i="1"/>
  <c r="AD54365" i="1"/>
  <c r="AD54366" i="1"/>
  <c r="AD54367" i="1"/>
  <c r="AD54368" i="1"/>
  <c r="AD54369" i="1"/>
  <c r="AD54370" i="1"/>
  <c r="AD54371" i="1"/>
  <c r="AD54372" i="1"/>
  <c r="AD54373" i="1"/>
  <c r="AD54374" i="1"/>
  <c r="AD54375" i="1"/>
  <c r="AD54376" i="1"/>
  <c r="AD54377" i="1"/>
  <c r="AD54378" i="1"/>
  <c r="AD54379" i="1"/>
  <c r="AD54380" i="1"/>
  <c r="AD54381" i="1"/>
  <c r="AD54382" i="1"/>
  <c r="AD54383" i="1"/>
  <c r="AD54384" i="1"/>
  <c r="AD54385" i="1"/>
  <c r="AD54386" i="1"/>
  <c r="AD54387" i="1"/>
  <c r="AD54388" i="1"/>
  <c r="AD54389" i="1"/>
  <c r="AD54390" i="1"/>
  <c r="AD54391" i="1"/>
  <c r="AD54392" i="1"/>
  <c r="AD54393" i="1"/>
  <c r="AD54394" i="1"/>
  <c r="AD54395" i="1"/>
  <c r="AD54396" i="1"/>
  <c r="AD54397" i="1"/>
  <c r="AD54398" i="1"/>
  <c r="AD54399" i="1"/>
  <c r="AD54400" i="1"/>
  <c r="AD54401" i="1"/>
  <c r="AD54402" i="1"/>
  <c r="AD54403" i="1"/>
  <c r="AD54404" i="1"/>
  <c r="AD54405" i="1"/>
  <c r="AD54406" i="1"/>
  <c r="AD54407" i="1"/>
  <c r="AD54408" i="1"/>
  <c r="AD54409" i="1"/>
  <c r="AD54410" i="1"/>
  <c r="AD54411" i="1"/>
  <c r="AD54412" i="1"/>
  <c r="AD54413" i="1"/>
  <c r="AD54414" i="1"/>
  <c r="AD54415" i="1"/>
  <c r="AD54416" i="1"/>
  <c r="AD54417" i="1"/>
  <c r="AD54418" i="1"/>
  <c r="AD54419" i="1"/>
  <c r="AD54420" i="1"/>
  <c r="AD54421" i="1"/>
  <c r="AD54422" i="1"/>
  <c r="AD54423" i="1"/>
  <c r="AD54424" i="1"/>
  <c r="AD54425" i="1"/>
  <c r="AD54426" i="1"/>
  <c r="AD54427" i="1"/>
  <c r="AD54428" i="1"/>
  <c r="AD54429" i="1"/>
  <c r="AD54430" i="1"/>
  <c r="AD54431" i="1"/>
  <c r="AD54432" i="1"/>
  <c r="AD54433" i="1"/>
  <c r="AD54434" i="1"/>
  <c r="AD54435" i="1"/>
  <c r="AD54436" i="1"/>
  <c r="AD54437" i="1"/>
  <c r="AD54438" i="1"/>
  <c r="AD54439" i="1"/>
  <c r="AD54440" i="1"/>
  <c r="AD54441" i="1"/>
  <c r="AD54442" i="1"/>
  <c r="AD54443" i="1"/>
  <c r="AD54444" i="1"/>
  <c r="AD54445" i="1"/>
  <c r="AD54446" i="1"/>
  <c r="AD54447" i="1"/>
  <c r="AD54448" i="1"/>
  <c r="AD54449" i="1"/>
  <c r="AD54450" i="1"/>
  <c r="AD54451" i="1"/>
  <c r="AD54452" i="1"/>
  <c r="AD54453" i="1"/>
  <c r="AD54454" i="1"/>
  <c r="AD54455" i="1"/>
  <c r="AD54456" i="1"/>
  <c r="AD54457" i="1"/>
  <c r="AD54458" i="1"/>
  <c r="AD54459" i="1"/>
  <c r="AD54460" i="1"/>
  <c r="AD54461" i="1"/>
  <c r="AD54462" i="1"/>
  <c r="AD54463" i="1"/>
  <c r="AD54464" i="1"/>
  <c r="AD54465" i="1"/>
  <c r="AD54466" i="1"/>
  <c r="AD54467" i="1"/>
  <c r="AD54468" i="1"/>
  <c r="AD54469" i="1"/>
  <c r="AD54470" i="1"/>
  <c r="AD54471" i="1"/>
  <c r="AD54472" i="1"/>
  <c r="AD54473" i="1"/>
  <c r="AD54474" i="1"/>
  <c r="AD54475" i="1"/>
  <c r="AD54476" i="1"/>
  <c r="AD54477" i="1"/>
  <c r="AD54478" i="1"/>
  <c r="AD54479" i="1"/>
  <c r="AD54480" i="1"/>
  <c r="AD54481" i="1"/>
  <c r="AD54482" i="1"/>
  <c r="AD54483" i="1"/>
  <c r="AD54484" i="1"/>
  <c r="AD54485" i="1"/>
  <c r="AD54486" i="1"/>
  <c r="AD54487" i="1"/>
  <c r="AD54488" i="1"/>
  <c r="AD54489" i="1"/>
  <c r="AD54490" i="1"/>
  <c r="AD54491" i="1"/>
  <c r="AD54492" i="1"/>
  <c r="AD54493" i="1"/>
  <c r="AD54494" i="1"/>
  <c r="AD54495" i="1"/>
  <c r="AD54496" i="1"/>
  <c r="AD54497" i="1"/>
  <c r="AD54498" i="1"/>
  <c r="AD54499" i="1"/>
  <c r="AD54500" i="1"/>
  <c r="AD54501" i="1"/>
  <c r="AD54502" i="1"/>
  <c r="AD54503" i="1"/>
  <c r="AD54504" i="1"/>
  <c r="AD54505" i="1"/>
  <c r="AD54506" i="1"/>
  <c r="AD54507" i="1"/>
  <c r="AD54508" i="1"/>
  <c r="AD54509" i="1"/>
  <c r="AD54510" i="1"/>
  <c r="AD54511" i="1"/>
  <c r="AD54512" i="1"/>
  <c r="AD54513" i="1"/>
  <c r="AD54514" i="1"/>
  <c r="AD54515" i="1"/>
  <c r="AD54516" i="1"/>
  <c r="AD54517" i="1"/>
  <c r="AD54518" i="1"/>
  <c r="AD54519" i="1"/>
  <c r="AD54520" i="1"/>
  <c r="AD54521" i="1"/>
  <c r="AD54522" i="1"/>
  <c r="AD54523" i="1"/>
  <c r="AD54524" i="1"/>
  <c r="AD54525" i="1"/>
  <c r="AD54526" i="1"/>
  <c r="AD54527" i="1"/>
  <c r="AD54528" i="1"/>
  <c r="AD54529" i="1"/>
  <c r="AD54530" i="1"/>
  <c r="AD54531" i="1"/>
  <c r="AD54532" i="1"/>
  <c r="AD54533" i="1"/>
  <c r="AD54534" i="1"/>
  <c r="AD54535" i="1"/>
  <c r="AD54536" i="1"/>
  <c r="AD54537" i="1"/>
  <c r="AD54538" i="1"/>
  <c r="AD54539" i="1"/>
  <c r="AD54540" i="1"/>
  <c r="AD54541" i="1"/>
  <c r="AD54542" i="1"/>
  <c r="AD54543" i="1"/>
  <c r="AD54544" i="1"/>
  <c r="AD54545" i="1"/>
  <c r="AD54546" i="1"/>
  <c r="AD54547" i="1"/>
  <c r="AD54548" i="1"/>
  <c r="AD54549" i="1"/>
  <c r="AD54550" i="1"/>
  <c r="AD54551" i="1"/>
  <c r="AD54552" i="1"/>
  <c r="AD54553" i="1"/>
  <c r="AD54554" i="1"/>
  <c r="AD54555" i="1"/>
  <c r="AD54556" i="1"/>
  <c r="AD54557" i="1"/>
  <c r="AD54558" i="1"/>
  <c r="AD54559" i="1"/>
  <c r="AD54560" i="1"/>
  <c r="AD54561" i="1"/>
  <c r="AD54562" i="1"/>
  <c r="AD54563" i="1"/>
  <c r="AD54564" i="1"/>
  <c r="AD54565" i="1"/>
  <c r="AD54566" i="1"/>
  <c r="AD54567" i="1"/>
  <c r="AD54568" i="1"/>
  <c r="AD54569" i="1"/>
  <c r="AD54570" i="1"/>
  <c r="AD54571" i="1"/>
  <c r="AD54572" i="1"/>
  <c r="AD54573" i="1"/>
  <c r="AD54574" i="1"/>
  <c r="AD54575" i="1"/>
  <c r="AD54576" i="1"/>
  <c r="AD54577" i="1"/>
  <c r="AD54578" i="1"/>
  <c r="AD54579" i="1"/>
  <c r="AD54580" i="1"/>
  <c r="AD54581" i="1"/>
  <c r="AD54582" i="1"/>
  <c r="AD54583" i="1"/>
  <c r="AD54584" i="1"/>
  <c r="AD54585" i="1"/>
  <c r="AD54586" i="1"/>
  <c r="AD54587" i="1"/>
  <c r="AD54588" i="1"/>
  <c r="AD54589" i="1"/>
  <c r="AD54590" i="1"/>
  <c r="AD54591" i="1"/>
  <c r="AD54592" i="1"/>
  <c r="AD54593" i="1"/>
  <c r="AD54594" i="1"/>
  <c r="AD54595" i="1"/>
  <c r="AD54596" i="1"/>
  <c r="AD54597" i="1"/>
  <c r="AD54598" i="1"/>
  <c r="AD54599" i="1"/>
  <c r="AD54600" i="1"/>
  <c r="AD54601" i="1"/>
  <c r="AD54602" i="1"/>
  <c r="AD54603" i="1"/>
  <c r="AD54604" i="1"/>
  <c r="AD54605" i="1"/>
  <c r="AD54606" i="1"/>
  <c r="AD54607" i="1"/>
  <c r="AD54608" i="1"/>
  <c r="AD54609" i="1"/>
  <c r="AD54610" i="1"/>
  <c r="AD54611" i="1"/>
  <c r="AD54612" i="1"/>
  <c r="AD54613" i="1"/>
  <c r="AD54614" i="1"/>
  <c r="AD54615" i="1"/>
  <c r="AD54616" i="1"/>
  <c r="AD54617" i="1"/>
  <c r="AD54618" i="1"/>
  <c r="AD54619" i="1"/>
  <c r="AD54620" i="1"/>
  <c r="AD54621" i="1"/>
  <c r="AD54622" i="1"/>
  <c r="AD54623" i="1"/>
  <c r="AD54624" i="1"/>
  <c r="AD54625" i="1"/>
  <c r="AD54626" i="1"/>
  <c r="AD54627" i="1"/>
  <c r="AD54628" i="1"/>
  <c r="AD54629" i="1"/>
  <c r="AD54630" i="1"/>
  <c r="AD54631" i="1"/>
  <c r="AD54632" i="1"/>
  <c r="AD54633" i="1"/>
  <c r="AD54634" i="1"/>
  <c r="AD54635" i="1"/>
  <c r="AD54636" i="1"/>
  <c r="AD54637" i="1"/>
  <c r="AD54638" i="1"/>
  <c r="AD54639" i="1"/>
  <c r="AD54640" i="1"/>
  <c r="AD54641" i="1"/>
  <c r="AD54642" i="1"/>
  <c r="AD54643" i="1"/>
  <c r="AD54644" i="1"/>
  <c r="AD54645" i="1"/>
  <c r="AD54646" i="1"/>
  <c r="AD54647" i="1"/>
  <c r="AD54648" i="1"/>
  <c r="AD54649" i="1"/>
  <c r="AD54650" i="1"/>
  <c r="AD54651" i="1"/>
  <c r="AD54652" i="1"/>
  <c r="AD54653" i="1"/>
  <c r="AD54654" i="1"/>
  <c r="AD54655" i="1"/>
  <c r="AD54656" i="1"/>
  <c r="AD54657" i="1"/>
  <c r="AD54658" i="1"/>
  <c r="AD54659" i="1"/>
  <c r="AD54660" i="1"/>
  <c r="AD54661" i="1"/>
  <c r="AD54662" i="1"/>
  <c r="AD54663" i="1"/>
  <c r="AD54664" i="1"/>
  <c r="AD54665" i="1"/>
  <c r="AD54666" i="1"/>
  <c r="AD54667" i="1"/>
  <c r="AD54668" i="1"/>
  <c r="AD54669" i="1"/>
  <c r="AD54670" i="1"/>
  <c r="AD54671" i="1"/>
  <c r="AD54672" i="1"/>
  <c r="AD54673" i="1"/>
  <c r="AD54674" i="1"/>
  <c r="AD54675" i="1"/>
  <c r="AD54676" i="1"/>
  <c r="AD54677" i="1"/>
  <c r="AD54678" i="1"/>
  <c r="AD54679" i="1"/>
  <c r="AD54680" i="1"/>
  <c r="AD54681" i="1"/>
  <c r="AD54682" i="1"/>
  <c r="AD54683" i="1"/>
  <c r="AD54684" i="1"/>
  <c r="AD54685" i="1"/>
  <c r="AD54686" i="1"/>
  <c r="AD54687" i="1"/>
  <c r="AD54688" i="1"/>
  <c r="AD54689" i="1"/>
  <c r="AD54690" i="1"/>
  <c r="AD54691" i="1"/>
  <c r="AD54692" i="1"/>
  <c r="AD54693" i="1"/>
  <c r="AD54694" i="1"/>
  <c r="AD54695" i="1"/>
  <c r="AD54696" i="1"/>
  <c r="AD54697" i="1"/>
  <c r="AD54698" i="1"/>
  <c r="AD54699" i="1"/>
  <c r="AD54700" i="1"/>
  <c r="AD54701" i="1"/>
  <c r="AD54702" i="1"/>
  <c r="AD54703" i="1"/>
  <c r="AD54704" i="1"/>
  <c r="AD54705" i="1"/>
  <c r="AD54706" i="1"/>
  <c r="AD54707" i="1"/>
  <c r="AD54708" i="1"/>
  <c r="AD54709" i="1"/>
  <c r="AD54710" i="1"/>
  <c r="AD54711" i="1"/>
  <c r="AD54712" i="1"/>
  <c r="AD54713" i="1"/>
  <c r="AD54714" i="1"/>
  <c r="AD54715" i="1"/>
  <c r="AD54716" i="1"/>
  <c r="AD54717" i="1"/>
  <c r="AD54718" i="1"/>
  <c r="AD54719" i="1"/>
  <c r="AD54720" i="1"/>
  <c r="AD54721" i="1"/>
  <c r="AD54722" i="1"/>
  <c r="AD54723" i="1"/>
  <c r="AD54724" i="1"/>
  <c r="AD54725" i="1"/>
  <c r="AD54726" i="1"/>
  <c r="AD54727" i="1"/>
  <c r="AD54728" i="1"/>
  <c r="AD54729" i="1"/>
  <c r="AD54730" i="1"/>
  <c r="AD54731" i="1"/>
  <c r="AD54732" i="1"/>
  <c r="AD54733" i="1"/>
  <c r="AD54734" i="1"/>
  <c r="AD54735" i="1"/>
  <c r="AD54736" i="1"/>
  <c r="AD54737" i="1"/>
  <c r="AD54738" i="1"/>
  <c r="AD54739" i="1"/>
  <c r="AD54740" i="1"/>
  <c r="AD54741" i="1"/>
  <c r="AD54742" i="1"/>
  <c r="AD54743" i="1"/>
  <c r="AD54744" i="1"/>
  <c r="AD54745" i="1"/>
  <c r="AD54746" i="1"/>
  <c r="AD54747" i="1"/>
  <c r="AD54748" i="1"/>
  <c r="AD54749" i="1"/>
  <c r="AD54750" i="1"/>
  <c r="AD54751" i="1"/>
  <c r="AD54752" i="1"/>
  <c r="AD54753" i="1"/>
  <c r="AD54754" i="1"/>
  <c r="AD54755" i="1"/>
  <c r="AD54756" i="1"/>
  <c r="AD54757" i="1"/>
  <c r="AD54758" i="1"/>
  <c r="AD54759" i="1"/>
  <c r="AD54760" i="1"/>
  <c r="AD54761" i="1"/>
  <c r="AD54762" i="1"/>
  <c r="AD54763" i="1"/>
  <c r="AD54764" i="1"/>
  <c r="AD54765" i="1"/>
  <c r="AD54766" i="1"/>
  <c r="AD54767" i="1"/>
  <c r="AD54768" i="1"/>
  <c r="AD54769" i="1"/>
  <c r="AD54770" i="1"/>
  <c r="AD54771" i="1"/>
  <c r="AD54772" i="1"/>
  <c r="AD54773" i="1"/>
  <c r="AD54774" i="1"/>
  <c r="AD54775" i="1"/>
  <c r="AD54776" i="1"/>
  <c r="AD54777" i="1"/>
  <c r="AD54778" i="1"/>
  <c r="AD54779" i="1"/>
  <c r="AD54780" i="1"/>
  <c r="AD54781" i="1"/>
  <c r="AD54782" i="1"/>
  <c r="AD54783" i="1"/>
  <c r="AD54784" i="1"/>
  <c r="AD54785" i="1"/>
  <c r="AD54786" i="1"/>
  <c r="AD54787" i="1"/>
  <c r="AD54788" i="1"/>
  <c r="AD54789" i="1"/>
  <c r="AD54790" i="1"/>
  <c r="AD54791" i="1"/>
  <c r="AD54792" i="1"/>
  <c r="AD54793" i="1"/>
  <c r="AD54794" i="1"/>
  <c r="AD54795" i="1"/>
  <c r="AD54796" i="1"/>
  <c r="AD54797" i="1"/>
  <c r="AD54798" i="1"/>
  <c r="AD54799" i="1"/>
  <c r="AD54800" i="1"/>
  <c r="AD54801" i="1"/>
  <c r="AD54802" i="1"/>
  <c r="AD54803" i="1"/>
  <c r="AD54804" i="1"/>
  <c r="AD54805" i="1"/>
  <c r="AD54806" i="1"/>
  <c r="AD54807" i="1"/>
  <c r="AD54808" i="1"/>
  <c r="AD54809" i="1"/>
  <c r="AD54810" i="1"/>
  <c r="AD54811" i="1"/>
  <c r="AD54812" i="1"/>
  <c r="AD54813" i="1"/>
  <c r="AD54814" i="1"/>
  <c r="AD54815" i="1"/>
  <c r="AD54816" i="1"/>
  <c r="AD54817" i="1"/>
  <c r="AD54818" i="1"/>
  <c r="AD54819" i="1"/>
  <c r="AD54820" i="1"/>
  <c r="AD54821" i="1"/>
  <c r="AD54822" i="1"/>
  <c r="AD54823" i="1"/>
  <c r="AD54824" i="1"/>
  <c r="AD54825" i="1"/>
  <c r="AD54826" i="1"/>
  <c r="AD54827" i="1"/>
  <c r="AD54828" i="1"/>
  <c r="AD54829" i="1"/>
  <c r="AD54830" i="1"/>
  <c r="AD54831" i="1"/>
  <c r="AD54832" i="1"/>
  <c r="AD54833" i="1"/>
  <c r="AD54834" i="1"/>
  <c r="AD54835" i="1"/>
  <c r="AD54836" i="1"/>
  <c r="AD54837" i="1"/>
  <c r="AD54838" i="1"/>
  <c r="AD54839" i="1"/>
  <c r="AD54840" i="1"/>
  <c r="AD54841" i="1"/>
  <c r="AD54842" i="1"/>
  <c r="AD54843" i="1"/>
  <c r="AD54844" i="1"/>
  <c r="AD54845" i="1"/>
  <c r="AD54846" i="1"/>
  <c r="AD54847" i="1"/>
  <c r="AD54848" i="1"/>
  <c r="AD54849" i="1"/>
  <c r="AD54850" i="1"/>
  <c r="AD54851" i="1"/>
  <c r="AD54852" i="1"/>
  <c r="AD54853" i="1"/>
  <c r="AD54854" i="1"/>
  <c r="AD54855" i="1"/>
  <c r="AD54856" i="1"/>
  <c r="AD54857" i="1"/>
  <c r="AD54858" i="1"/>
  <c r="AD54859" i="1"/>
  <c r="AD54860" i="1"/>
  <c r="AD54861" i="1"/>
  <c r="AD54862" i="1"/>
  <c r="AD54863" i="1"/>
  <c r="AD54864" i="1"/>
  <c r="AD54865" i="1"/>
  <c r="AD54866" i="1"/>
  <c r="AD54867" i="1"/>
  <c r="AD54868" i="1"/>
  <c r="AD54869" i="1"/>
  <c r="AD54870" i="1"/>
  <c r="AD54871" i="1"/>
  <c r="AD54872" i="1"/>
  <c r="AD54873" i="1"/>
  <c r="AD54874" i="1"/>
  <c r="AD54875" i="1"/>
  <c r="AD54876" i="1"/>
  <c r="AD54877" i="1"/>
  <c r="AD54878" i="1"/>
  <c r="AD54879" i="1"/>
  <c r="AD54880" i="1"/>
  <c r="AD54881" i="1"/>
  <c r="AD54882" i="1"/>
  <c r="AD54883" i="1"/>
  <c r="AD54884" i="1"/>
  <c r="AD54885" i="1"/>
  <c r="AD54886" i="1"/>
  <c r="AD54887" i="1"/>
  <c r="AD54888" i="1"/>
  <c r="AD54889" i="1"/>
  <c r="AD54890" i="1"/>
  <c r="AD54891" i="1"/>
  <c r="AD54892" i="1"/>
  <c r="AD54893" i="1"/>
  <c r="AD54894" i="1"/>
  <c r="AD54895" i="1"/>
  <c r="AD54896" i="1"/>
  <c r="AD54897" i="1"/>
  <c r="AD54898" i="1"/>
  <c r="AD54899" i="1"/>
  <c r="AD54900" i="1"/>
  <c r="AD54901" i="1"/>
  <c r="AD54902" i="1"/>
  <c r="AD54903" i="1"/>
  <c r="AD54904" i="1"/>
  <c r="AD54905" i="1"/>
  <c r="AD54906" i="1"/>
  <c r="AD54907" i="1"/>
  <c r="AD54908" i="1"/>
  <c r="AD54909" i="1"/>
  <c r="AD54910" i="1"/>
  <c r="AD54911" i="1"/>
  <c r="AD54912" i="1"/>
  <c r="AD54913" i="1"/>
  <c r="AD54914" i="1"/>
  <c r="AD54915" i="1"/>
  <c r="AD54916" i="1"/>
  <c r="AD54917" i="1"/>
  <c r="AD54918" i="1"/>
  <c r="AD54919" i="1"/>
  <c r="AD54920" i="1"/>
  <c r="AD54921" i="1"/>
  <c r="AD54922" i="1"/>
  <c r="AD54923" i="1"/>
  <c r="AD54924" i="1"/>
  <c r="AD54925" i="1"/>
  <c r="AD54926" i="1"/>
  <c r="AD54927" i="1"/>
  <c r="AD54928" i="1"/>
  <c r="AD54929" i="1"/>
  <c r="AD54930" i="1"/>
  <c r="AD54931" i="1"/>
  <c r="AD54932" i="1"/>
  <c r="AD54933" i="1"/>
  <c r="AD54934" i="1"/>
  <c r="AD54935" i="1"/>
  <c r="AD54936" i="1"/>
  <c r="AD54937" i="1"/>
  <c r="AD54938" i="1"/>
  <c r="AD54939" i="1"/>
  <c r="AD54940" i="1"/>
  <c r="AD54941" i="1"/>
  <c r="AD54942" i="1"/>
  <c r="AD54943" i="1"/>
  <c r="AD54944" i="1"/>
  <c r="AD54945" i="1"/>
  <c r="AD54946" i="1"/>
  <c r="AD54947" i="1"/>
  <c r="AD54948" i="1"/>
  <c r="AD54949" i="1"/>
  <c r="AD54950" i="1"/>
  <c r="AD54951" i="1"/>
  <c r="AD54952" i="1"/>
  <c r="AD54953" i="1"/>
  <c r="AD54954" i="1"/>
  <c r="AD54955" i="1"/>
  <c r="AD54956" i="1"/>
  <c r="AD54957" i="1"/>
  <c r="AD54958" i="1"/>
  <c r="AD54959" i="1"/>
  <c r="AD54960" i="1"/>
  <c r="AD54961" i="1"/>
  <c r="AD54962" i="1"/>
  <c r="AD54963" i="1"/>
  <c r="AD54964" i="1"/>
  <c r="AD54965" i="1"/>
  <c r="AD54966" i="1"/>
  <c r="AD54967" i="1"/>
  <c r="AD54968" i="1"/>
  <c r="AD54969" i="1"/>
  <c r="AD54970" i="1"/>
  <c r="AD54971" i="1"/>
  <c r="AD54972" i="1"/>
  <c r="AD54973" i="1"/>
  <c r="AD54974" i="1"/>
  <c r="AD54975" i="1"/>
  <c r="AD54976" i="1"/>
  <c r="AD54977" i="1"/>
  <c r="AD54978" i="1"/>
  <c r="AD54979" i="1"/>
  <c r="AD54980" i="1"/>
  <c r="AD54981" i="1"/>
  <c r="AD54982" i="1"/>
  <c r="AD54983" i="1"/>
  <c r="AD54984" i="1"/>
  <c r="AD54985" i="1"/>
  <c r="AD54986" i="1"/>
  <c r="AD54987" i="1"/>
  <c r="AD54988" i="1"/>
  <c r="AD54989" i="1"/>
  <c r="AD54990" i="1"/>
  <c r="AD54991" i="1"/>
  <c r="AD54992" i="1"/>
  <c r="AD54993" i="1"/>
  <c r="AD54994" i="1"/>
  <c r="AD54995" i="1"/>
  <c r="AD54996" i="1"/>
  <c r="AD54997" i="1"/>
  <c r="AD54998" i="1"/>
  <c r="AD54999" i="1"/>
  <c r="AD55000" i="1"/>
  <c r="AD55001" i="1"/>
  <c r="AD55002" i="1"/>
  <c r="AD55003" i="1"/>
  <c r="AD55004" i="1"/>
  <c r="AD55005" i="1"/>
  <c r="AD55006" i="1"/>
  <c r="AD55007" i="1"/>
  <c r="AD55008" i="1"/>
  <c r="AD55009" i="1"/>
  <c r="AD55010" i="1"/>
  <c r="AD55011" i="1"/>
  <c r="AD55012" i="1"/>
  <c r="AD55013" i="1"/>
  <c r="AD55014" i="1"/>
  <c r="AD55015" i="1"/>
  <c r="AD55016" i="1"/>
  <c r="AD55017" i="1"/>
  <c r="AD55018" i="1"/>
  <c r="AD55019" i="1"/>
  <c r="AD55020" i="1"/>
  <c r="AD55021" i="1"/>
  <c r="AD55022" i="1"/>
  <c r="AD55023" i="1"/>
  <c r="AD55024" i="1"/>
  <c r="AD55025" i="1"/>
  <c r="AD55026" i="1"/>
  <c r="AD55027" i="1"/>
  <c r="AD55028" i="1"/>
  <c r="AD55029" i="1"/>
  <c r="AD55030" i="1"/>
  <c r="AD55031" i="1"/>
  <c r="AD55032" i="1"/>
  <c r="AD55033" i="1"/>
  <c r="AD55034" i="1"/>
  <c r="AD55035" i="1"/>
  <c r="AD55036" i="1"/>
  <c r="AD55037" i="1"/>
  <c r="AD55038" i="1"/>
  <c r="AD55039" i="1"/>
  <c r="AD55040" i="1"/>
  <c r="AD55041" i="1"/>
  <c r="AD55042" i="1"/>
  <c r="AD55043" i="1"/>
  <c r="AD55044" i="1"/>
  <c r="AD55045" i="1"/>
  <c r="AD55046" i="1"/>
  <c r="AD55047" i="1"/>
  <c r="AD55048" i="1"/>
  <c r="AD55049" i="1"/>
  <c r="AD55050" i="1"/>
  <c r="AD55051" i="1"/>
  <c r="AD55052" i="1"/>
  <c r="AD55053" i="1"/>
  <c r="AD55054" i="1"/>
  <c r="AD55055" i="1"/>
  <c r="AD55056" i="1"/>
  <c r="AD55057" i="1"/>
  <c r="AD55058" i="1"/>
  <c r="AD55059" i="1"/>
  <c r="AD55060" i="1"/>
  <c r="AD55061" i="1"/>
  <c r="AD55062" i="1"/>
  <c r="AD55063" i="1"/>
  <c r="AD55064" i="1"/>
  <c r="AD55065" i="1"/>
  <c r="AD55066" i="1"/>
  <c r="AD55067" i="1"/>
  <c r="AD55068" i="1"/>
  <c r="AD55069" i="1"/>
  <c r="AD55070" i="1"/>
  <c r="AD55071" i="1"/>
  <c r="AD55072" i="1"/>
  <c r="AD55073" i="1"/>
  <c r="AD55074" i="1"/>
  <c r="AD55075" i="1"/>
  <c r="AD55076" i="1"/>
  <c r="AD55077" i="1"/>
  <c r="AD55078" i="1"/>
  <c r="AD55079" i="1"/>
  <c r="AD55080" i="1"/>
  <c r="AD55081" i="1"/>
  <c r="AD55082" i="1"/>
  <c r="AD55083" i="1"/>
  <c r="AD55084" i="1"/>
  <c r="AD55085" i="1"/>
  <c r="AD55086" i="1"/>
  <c r="AD55087" i="1"/>
  <c r="AD55088" i="1"/>
  <c r="AD55089" i="1"/>
  <c r="AD55090" i="1"/>
  <c r="AD55091" i="1"/>
  <c r="AD55092" i="1"/>
  <c r="AD55093" i="1"/>
  <c r="AD55094" i="1"/>
  <c r="AD55095" i="1"/>
  <c r="AD55096" i="1"/>
  <c r="AD55097" i="1"/>
  <c r="AD55098" i="1"/>
  <c r="AD55099" i="1"/>
  <c r="AD55100" i="1"/>
  <c r="AD55101" i="1"/>
  <c r="AD55102" i="1"/>
  <c r="AD55103" i="1"/>
  <c r="AD55104" i="1"/>
  <c r="AD55105" i="1"/>
  <c r="AD55106" i="1"/>
  <c r="AD55107" i="1"/>
  <c r="AD55108" i="1"/>
  <c r="AD55109" i="1"/>
  <c r="AD55110" i="1"/>
  <c r="AD55111" i="1"/>
  <c r="AD55112" i="1"/>
  <c r="AD55113" i="1"/>
  <c r="AD55114" i="1"/>
  <c r="AD55115" i="1"/>
  <c r="AD55116" i="1"/>
  <c r="AD55117" i="1"/>
  <c r="AD55118" i="1"/>
  <c r="AD55119" i="1"/>
  <c r="AD55120" i="1"/>
  <c r="AD55121" i="1"/>
  <c r="AD55122" i="1"/>
  <c r="AD55123" i="1"/>
  <c r="AD55124" i="1"/>
  <c r="AD55125" i="1"/>
  <c r="AD55126" i="1"/>
  <c r="AD55127" i="1"/>
  <c r="AD55128" i="1"/>
  <c r="AD55129" i="1"/>
  <c r="AD55130" i="1"/>
  <c r="AD55131" i="1"/>
  <c r="AD55132" i="1"/>
  <c r="AD55133" i="1"/>
  <c r="AD55134" i="1"/>
  <c r="AD55135" i="1"/>
  <c r="AD55136" i="1"/>
  <c r="AD55137" i="1"/>
  <c r="AD55138" i="1"/>
  <c r="AD55139" i="1"/>
  <c r="AD55140" i="1"/>
  <c r="AD55141" i="1"/>
  <c r="AD55142" i="1"/>
  <c r="AD55143" i="1"/>
  <c r="AD55144" i="1"/>
  <c r="AD55145" i="1"/>
  <c r="AD55146" i="1"/>
  <c r="AD55147" i="1"/>
  <c r="AD55148" i="1"/>
  <c r="AD55149" i="1"/>
  <c r="AD55150" i="1"/>
  <c r="AD55151" i="1"/>
  <c r="AD55152" i="1"/>
  <c r="AD55153" i="1"/>
  <c r="AD55154" i="1"/>
  <c r="AD55155" i="1"/>
  <c r="AD55156" i="1"/>
  <c r="AD55157" i="1"/>
  <c r="AD55158" i="1"/>
  <c r="AD55159" i="1"/>
  <c r="AD55160" i="1"/>
  <c r="AD55161" i="1"/>
  <c r="AD55162" i="1"/>
  <c r="AD55163" i="1"/>
  <c r="AD55164" i="1"/>
  <c r="AD55165" i="1"/>
  <c r="AD55166" i="1"/>
  <c r="AD55167" i="1"/>
  <c r="AD55168" i="1"/>
  <c r="AD55169" i="1"/>
  <c r="AD55170" i="1"/>
  <c r="AD55171" i="1"/>
  <c r="AD55172" i="1"/>
  <c r="AD55173" i="1"/>
  <c r="AD55174" i="1"/>
  <c r="AD55175" i="1"/>
  <c r="AD55176" i="1"/>
  <c r="AD55177" i="1"/>
  <c r="AD55178" i="1"/>
  <c r="AD55179" i="1"/>
  <c r="AD55180" i="1"/>
  <c r="AD55181" i="1"/>
  <c r="AD55182" i="1"/>
  <c r="AD55183" i="1"/>
  <c r="AD55184" i="1"/>
  <c r="AD55185" i="1"/>
  <c r="AD55186" i="1"/>
  <c r="AD55187" i="1"/>
  <c r="AD55188" i="1"/>
  <c r="AD55189" i="1"/>
  <c r="AD55190" i="1"/>
  <c r="AD55191" i="1"/>
  <c r="AD55192" i="1"/>
  <c r="AD55193" i="1"/>
  <c r="AD55194" i="1"/>
  <c r="AD55195" i="1"/>
  <c r="AD55196" i="1"/>
  <c r="AD55197" i="1"/>
  <c r="AD55198" i="1"/>
  <c r="AD55199" i="1"/>
  <c r="AD55200" i="1"/>
  <c r="AD55201" i="1"/>
  <c r="AD55202" i="1"/>
  <c r="AD55203" i="1"/>
  <c r="AD55204" i="1"/>
  <c r="AD55205" i="1"/>
  <c r="AD55206" i="1"/>
  <c r="AD55207" i="1"/>
  <c r="AD55208" i="1"/>
  <c r="AD55209" i="1"/>
  <c r="AD55210" i="1"/>
  <c r="AD55211" i="1"/>
  <c r="AD55212" i="1"/>
  <c r="AD55213" i="1"/>
  <c r="AD55214" i="1"/>
  <c r="AD55215" i="1"/>
  <c r="AD55216" i="1"/>
  <c r="AD55217" i="1"/>
  <c r="AD55218" i="1"/>
  <c r="AD55219" i="1"/>
  <c r="AD55220" i="1"/>
  <c r="AD55221" i="1"/>
  <c r="AD55222" i="1"/>
  <c r="AD55223" i="1"/>
  <c r="AD55224" i="1"/>
  <c r="AD55225" i="1"/>
  <c r="AD55226" i="1"/>
  <c r="AD55227" i="1"/>
  <c r="AD55228" i="1"/>
  <c r="AD55229" i="1"/>
  <c r="AD55230" i="1"/>
  <c r="AD55231" i="1"/>
  <c r="AD55232" i="1"/>
  <c r="AD55233" i="1"/>
  <c r="AD55234" i="1"/>
  <c r="AD55235" i="1"/>
  <c r="AD55236" i="1"/>
  <c r="AD55237" i="1"/>
  <c r="AD55238" i="1"/>
  <c r="AD55239" i="1"/>
  <c r="AD55240" i="1"/>
  <c r="AD55241" i="1"/>
  <c r="AD55242" i="1"/>
  <c r="AD55243" i="1"/>
  <c r="AD55244" i="1"/>
  <c r="AD55245" i="1"/>
  <c r="AD55246" i="1"/>
  <c r="AD55247" i="1"/>
  <c r="AD55248" i="1"/>
  <c r="AD55249" i="1"/>
  <c r="AD55250" i="1"/>
  <c r="AD55251" i="1"/>
  <c r="AD55252" i="1"/>
  <c r="AD55253" i="1"/>
  <c r="AD55254" i="1"/>
  <c r="AD55255" i="1"/>
  <c r="AD55256" i="1"/>
  <c r="AD55257" i="1"/>
  <c r="AD55258" i="1"/>
  <c r="AD55259" i="1"/>
  <c r="AD55260" i="1"/>
  <c r="AD55261" i="1"/>
  <c r="AD55262" i="1"/>
  <c r="AD55263" i="1"/>
  <c r="AD55264" i="1"/>
  <c r="AD55265" i="1"/>
  <c r="AD55266" i="1"/>
  <c r="AD55267" i="1"/>
  <c r="AD55268" i="1"/>
  <c r="AD55269" i="1"/>
  <c r="AD55270" i="1"/>
  <c r="AD55271" i="1"/>
  <c r="AD55272" i="1"/>
  <c r="AD55273" i="1"/>
  <c r="AD55274" i="1"/>
  <c r="AD55275" i="1"/>
  <c r="AD55276" i="1"/>
  <c r="AD55277" i="1"/>
  <c r="AD55278" i="1"/>
  <c r="AD55279" i="1"/>
  <c r="AD55280" i="1"/>
  <c r="AD55281" i="1"/>
  <c r="AD55282" i="1"/>
  <c r="AD55283" i="1"/>
  <c r="AD55284" i="1"/>
  <c r="AD55285" i="1"/>
  <c r="AD55286" i="1"/>
  <c r="AD55287" i="1"/>
  <c r="AD55288" i="1"/>
  <c r="AD55289" i="1"/>
  <c r="AD55290" i="1"/>
  <c r="AD55291" i="1"/>
  <c r="AD55292" i="1"/>
  <c r="AD55293" i="1"/>
  <c r="AD55294" i="1"/>
  <c r="AD55295" i="1"/>
  <c r="AD55296" i="1"/>
  <c r="AD55297" i="1"/>
  <c r="AD55298" i="1"/>
  <c r="AD55299" i="1"/>
  <c r="AD55300" i="1"/>
  <c r="AD55301" i="1"/>
  <c r="AD55302" i="1"/>
  <c r="AD55303" i="1"/>
  <c r="AD55304" i="1"/>
  <c r="AD55305" i="1"/>
  <c r="AD55306" i="1"/>
  <c r="AD55307" i="1"/>
  <c r="AD55308" i="1"/>
  <c r="AD55309" i="1"/>
  <c r="AD55310" i="1"/>
  <c r="AD55311" i="1"/>
  <c r="AD55312" i="1"/>
  <c r="AD55313" i="1"/>
  <c r="AD55314" i="1"/>
  <c r="AD55315" i="1"/>
  <c r="AD55316" i="1"/>
  <c r="AD55317" i="1"/>
  <c r="AD55318" i="1"/>
  <c r="AD55319" i="1"/>
  <c r="AD55320" i="1"/>
  <c r="AD55321" i="1"/>
  <c r="AD55322" i="1"/>
  <c r="AD55323" i="1"/>
  <c r="AD55324" i="1"/>
  <c r="AD55325" i="1"/>
  <c r="AD55326" i="1"/>
  <c r="AD55327" i="1"/>
  <c r="AD55328" i="1"/>
  <c r="AD55329" i="1"/>
  <c r="AD55330" i="1"/>
  <c r="AD55331" i="1"/>
  <c r="AD55332" i="1"/>
  <c r="AD55333" i="1"/>
  <c r="AD55334" i="1"/>
  <c r="AD55335" i="1"/>
  <c r="AD55336" i="1"/>
  <c r="AD55337" i="1"/>
  <c r="AD55338" i="1"/>
  <c r="AD55339" i="1"/>
  <c r="AD55340" i="1"/>
  <c r="AD55341" i="1"/>
  <c r="AD55342" i="1"/>
  <c r="AD55343" i="1"/>
  <c r="AD55344" i="1"/>
  <c r="AD55345" i="1"/>
  <c r="AD55346" i="1"/>
  <c r="AD55347" i="1"/>
  <c r="AD55348" i="1"/>
  <c r="AD55349" i="1"/>
  <c r="AD55350" i="1"/>
  <c r="AD55351" i="1"/>
  <c r="AD55352" i="1"/>
  <c r="AD55353" i="1"/>
  <c r="AD55354" i="1"/>
  <c r="AD55355" i="1"/>
  <c r="AD55356" i="1"/>
  <c r="AD55357" i="1"/>
  <c r="AD55358" i="1"/>
  <c r="AD55359" i="1"/>
  <c r="AD55360" i="1"/>
  <c r="AD55361" i="1"/>
  <c r="AD55362" i="1"/>
  <c r="AD55363" i="1"/>
  <c r="AD55364" i="1"/>
  <c r="AD55365" i="1"/>
  <c r="AD55366" i="1"/>
  <c r="AD55367" i="1"/>
  <c r="AD55368" i="1"/>
  <c r="AD55369" i="1"/>
  <c r="AD55370" i="1"/>
  <c r="AD55371" i="1"/>
  <c r="AD55372" i="1"/>
  <c r="AD55373" i="1"/>
  <c r="AD55374" i="1"/>
  <c r="AD55375" i="1"/>
  <c r="AD55376" i="1"/>
  <c r="AD55377" i="1"/>
  <c r="AD55378" i="1"/>
  <c r="AD55379" i="1"/>
  <c r="AD55380" i="1"/>
  <c r="AD55381" i="1"/>
  <c r="AD55382" i="1"/>
  <c r="AD55383" i="1"/>
  <c r="AD55384" i="1"/>
  <c r="AD55385" i="1"/>
  <c r="AD55386" i="1"/>
  <c r="AD55387" i="1"/>
  <c r="AD55388" i="1"/>
  <c r="AD55389" i="1"/>
  <c r="AD55390" i="1"/>
  <c r="AD55391" i="1"/>
  <c r="AD55392" i="1"/>
  <c r="AD55393" i="1"/>
  <c r="AD55394" i="1"/>
  <c r="AD55395" i="1"/>
  <c r="AD55396" i="1"/>
  <c r="AD55397" i="1"/>
  <c r="AD55398" i="1"/>
  <c r="AD55399" i="1"/>
  <c r="AD55400" i="1"/>
  <c r="AD55401" i="1"/>
  <c r="AD55402" i="1"/>
  <c r="AD55403" i="1"/>
  <c r="AD55404" i="1"/>
  <c r="AD55405" i="1"/>
  <c r="AD55406" i="1"/>
  <c r="AD55407" i="1"/>
  <c r="AD55408" i="1"/>
  <c r="AD55409" i="1"/>
  <c r="AD55410" i="1"/>
  <c r="AD55411" i="1"/>
  <c r="AD55412" i="1"/>
  <c r="AD55413" i="1"/>
  <c r="AD55414" i="1"/>
  <c r="AD55415" i="1"/>
  <c r="AD55416" i="1"/>
  <c r="AD55417" i="1"/>
  <c r="AD55418" i="1"/>
  <c r="AD55419" i="1"/>
  <c r="AD55420" i="1"/>
  <c r="AD55421" i="1"/>
  <c r="AD55422" i="1"/>
  <c r="AD55423" i="1"/>
  <c r="AD55424" i="1"/>
  <c r="AD55425" i="1"/>
  <c r="AD55426" i="1"/>
  <c r="AD55427" i="1"/>
  <c r="AD55428" i="1"/>
  <c r="AD55429" i="1"/>
  <c r="AD55430" i="1"/>
  <c r="AD55431" i="1"/>
  <c r="AD55432" i="1"/>
  <c r="AD55433" i="1"/>
  <c r="AD55434" i="1"/>
  <c r="AD55435" i="1"/>
  <c r="AD55436" i="1"/>
  <c r="AD55437" i="1"/>
  <c r="AD55438" i="1"/>
  <c r="AD55439" i="1"/>
  <c r="AD55440" i="1"/>
  <c r="AD55441" i="1"/>
  <c r="AD55442" i="1"/>
  <c r="AD55443" i="1"/>
  <c r="AD55444" i="1"/>
  <c r="AD55445" i="1"/>
  <c r="AD55446" i="1"/>
  <c r="AD55447" i="1"/>
  <c r="AD55448" i="1"/>
  <c r="AD55449" i="1"/>
  <c r="AD55450" i="1"/>
  <c r="AD55451" i="1"/>
  <c r="AD55452" i="1"/>
  <c r="AD55453" i="1"/>
  <c r="AD55454" i="1"/>
  <c r="AD55455" i="1"/>
  <c r="AD55456" i="1"/>
  <c r="AD55457" i="1"/>
  <c r="AD55458" i="1"/>
  <c r="AD55459" i="1"/>
  <c r="AD55460" i="1"/>
  <c r="AD55461" i="1"/>
  <c r="AD55462" i="1"/>
  <c r="AD55463" i="1"/>
  <c r="AD55464" i="1"/>
  <c r="AD55465" i="1"/>
  <c r="AD55466" i="1"/>
  <c r="AD55467" i="1"/>
  <c r="AD55468" i="1"/>
  <c r="AD55469" i="1"/>
  <c r="AD55470" i="1"/>
  <c r="AD55471" i="1"/>
  <c r="AD55472" i="1"/>
  <c r="AD55473" i="1"/>
  <c r="AD55474" i="1"/>
  <c r="AD55475" i="1"/>
  <c r="AD55476" i="1"/>
  <c r="AD55477" i="1"/>
  <c r="AD55478" i="1"/>
  <c r="AD55479" i="1"/>
  <c r="AD55480" i="1"/>
  <c r="AD55481" i="1"/>
  <c r="AD55482" i="1"/>
  <c r="AD55483" i="1"/>
  <c r="AD55484" i="1"/>
  <c r="AD55485" i="1"/>
  <c r="AD55486" i="1"/>
  <c r="AD55487" i="1"/>
  <c r="AD55488" i="1"/>
  <c r="AD55489" i="1"/>
  <c r="AD55490" i="1"/>
  <c r="AD55491" i="1"/>
  <c r="AD55492" i="1"/>
  <c r="AD55493" i="1"/>
  <c r="AD55494" i="1"/>
  <c r="AD55495" i="1"/>
  <c r="AD55496" i="1"/>
  <c r="AD55497" i="1"/>
  <c r="AD55498" i="1"/>
  <c r="AD55499" i="1"/>
  <c r="AD55500" i="1"/>
  <c r="AD55501" i="1"/>
  <c r="AD55502" i="1"/>
  <c r="AD55503" i="1"/>
  <c r="AD55504" i="1"/>
  <c r="AD55505" i="1"/>
  <c r="AD55506" i="1"/>
  <c r="AD55507" i="1"/>
  <c r="AD55508" i="1"/>
  <c r="AD55509" i="1"/>
  <c r="AD55510" i="1"/>
  <c r="AD55511" i="1"/>
  <c r="AD55512" i="1"/>
  <c r="AD55513" i="1"/>
  <c r="AD55514" i="1"/>
  <c r="AD55515" i="1"/>
  <c r="AD55516" i="1"/>
  <c r="AD55517" i="1"/>
  <c r="AD55518" i="1"/>
  <c r="AD55519" i="1"/>
  <c r="AD55520" i="1"/>
  <c r="AD55521" i="1"/>
  <c r="AD55522" i="1"/>
  <c r="AD55523" i="1"/>
  <c r="AD55524" i="1"/>
  <c r="AD55525" i="1"/>
  <c r="AD55526" i="1"/>
  <c r="AD55527" i="1"/>
  <c r="AD55528" i="1"/>
  <c r="AD55529" i="1"/>
  <c r="AD55530" i="1"/>
  <c r="AD55531" i="1"/>
  <c r="AD55532" i="1"/>
  <c r="AD55533" i="1"/>
  <c r="AD55534" i="1"/>
  <c r="AD55535" i="1"/>
  <c r="AD55536" i="1"/>
  <c r="AD55537" i="1"/>
  <c r="AD55538" i="1"/>
  <c r="AD55539" i="1"/>
  <c r="AD55540" i="1"/>
  <c r="AD55541" i="1"/>
  <c r="AD55542" i="1"/>
  <c r="AD55543" i="1"/>
  <c r="AD55544" i="1"/>
  <c r="AD55545" i="1"/>
  <c r="AD55546" i="1"/>
  <c r="AD55547" i="1"/>
  <c r="AD55548" i="1"/>
  <c r="AD55549" i="1"/>
  <c r="AD55550" i="1"/>
  <c r="AD55551" i="1"/>
  <c r="AD55552" i="1"/>
  <c r="AD55553" i="1"/>
  <c r="AD55554" i="1"/>
  <c r="AD55555" i="1"/>
  <c r="AD55556" i="1"/>
  <c r="AD55557" i="1"/>
  <c r="AD55558" i="1"/>
  <c r="AD55559" i="1"/>
  <c r="AD55560" i="1"/>
  <c r="AD55561" i="1"/>
  <c r="AD55562" i="1"/>
  <c r="AD55563" i="1"/>
  <c r="AD55564" i="1"/>
  <c r="AD55565" i="1"/>
  <c r="AD55566" i="1"/>
  <c r="AD55567" i="1"/>
  <c r="AD55568" i="1"/>
  <c r="AD55569" i="1"/>
  <c r="AD55570" i="1"/>
  <c r="AD55571" i="1"/>
  <c r="AD55572" i="1"/>
  <c r="AD55573" i="1"/>
  <c r="AD55574" i="1"/>
  <c r="AD55575" i="1"/>
  <c r="AD55576" i="1"/>
  <c r="AD55577" i="1"/>
  <c r="AD55578" i="1"/>
  <c r="AD55579" i="1"/>
  <c r="AD55580" i="1"/>
  <c r="AD55581" i="1"/>
  <c r="AD55582" i="1"/>
  <c r="AD55583" i="1"/>
  <c r="AD55584" i="1"/>
  <c r="AD55585" i="1"/>
  <c r="AD55586" i="1"/>
  <c r="AD55587" i="1"/>
  <c r="AD55588" i="1"/>
  <c r="AD55589" i="1"/>
  <c r="AD55590" i="1"/>
  <c r="AD55591" i="1"/>
  <c r="AD55592" i="1"/>
  <c r="AD55593" i="1"/>
  <c r="AD55594" i="1"/>
  <c r="AD55595" i="1"/>
  <c r="AD55596" i="1"/>
  <c r="AD55597" i="1"/>
  <c r="AD55598" i="1"/>
  <c r="AD55599" i="1"/>
  <c r="AD55600" i="1"/>
  <c r="AD55601" i="1"/>
  <c r="AD55602" i="1"/>
  <c r="AD55603" i="1"/>
  <c r="AD55604" i="1"/>
  <c r="AD55605" i="1"/>
  <c r="AD55606" i="1"/>
  <c r="AD55607" i="1"/>
  <c r="AD55608" i="1"/>
  <c r="AD55609" i="1"/>
  <c r="AD55610" i="1"/>
  <c r="AD55611" i="1"/>
  <c r="AD55612" i="1"/>
  <c r="AD55613" i="1"/>
  <c r="AD55614" i="1"/>
  <c r="AD55615" i="1"/>
  <c r="AD55616" i="1"/>
  <c r="AD55617" i="1"/>
  <c r="AD55618" i="1"/>
  <c r="AD55619" i="1"/>
  <c r="AD55620" i="1"/>
  <c r="AD55621" i="1"/>
  <c r="AD55622" i="1"/>
  <c r="AD55623" i="1"/>
  <c r="AD55624" i="1"/>
  <c r="AD55625" i="1"/>
  <c r="AD55626" i="1"/>
  <c r="AD55627" i="1"/>
  <c r="AD55628" i="1"/>
  <c r="AD55629" i="1"/>
  <c r="AD55630" i="1"/>
  <c r="AD55631" i="1"/>
  <c r="AD55632" i="1"/>
  <c r="AD55633" i="1"/>
  <c r="AD55634" i="1"/>
  <c r="AD55635" i="1"/>
  <c r="AD55636" i="1"/>
  <c r="AD55637" i="1"/>
  <c r="AD55638" i="1"/>
  <c r="AD55639" i="1"/>
  <c r="AD55640" i="1"/>
  <c r="AD55641" i="1"/>
  <c r="AD55642" i="1"/>
  <c r="AD55643" i="1"/>
  <c r="AD55644" i="1"/>
  <c r="AD55645" i="1"/>
  <c r="AD55646" i="1"/>
  <c r="AD55647" i="1"/>
  <c r="AD55648" i="1"/>
  <c r="AD55649" i="1"/>
  <c r="AD55650" i="1"/>
  <c r="AD55651" i="1"/>
  <c r="AD55652" i="1"/>
  <c r="AD55653" i="1"/>
  <c r="AD55654" i="1"/>
  <c r="AD55655" i="1"/>
  <c r="AD55656" i="1"/>
  <c r="AD55657" i="1"/>
  <c r="AD55658" i="1"/>
  <c r="AD55659" i="1"/>
  <c r="AD55660" i="1"/>
  <c r="AD55661" i="1"/>
  <c r="AD55662" i="1"/>
  <c r="AD55663" i="1"/>
  <c r="AD55664" i="1"/>
  <c r="AD55665" i="1"/>
  <c r="AD55666" i="1"/>
  <c r="AD55667" i="1"/>
  <c r="AD55668" i="1"/>
  <c r="AD55669" i="1"/>
  <c r="AD55670" i="1"/>
  <c r="AD55671" i="1"/>
  <c r="AD55672" i="1"/>
  <c r="AD55673" i="1"/>
  <c r="AD55674" i="1"/>
  <c r="AD55675" i="1"/>
  <c r="AD55676" i="1"/>
  <c r="AD55677" i="1"/>
  <c r="AD55678" i="1"/>
  <c r="AD55679" i="1"/>
  <c r="AD55680" i="1"/>
  <c r="AD55681" i="1"/>
  <c r="AD55682" i="1"/>
  <c r="AD55683" i="1"/>
  <c r="AD55684" i="1"/>
  <c r="AD55685" i="1"/>
  <c r="AD55686" i="1"/>
  <c r="AD55687" i="1"/>
  <c r="AD55688" i="1"/>
  <c r="AD55689" i="1"/>
  <c r="AD55690" i="1"/>
  <c r="AD55691" i="1"/>
  <c r="AD55692" i="1"/>
  <c r="AD55693" i="1"/>
  <c r="AD55694" i="1"/>
  <c r="AD55695" i="1"/>
  <c r="AD55696" i="1"/>
  <c r="AD55697" i="1"/>
  <c r="AD55698" i="1"/>
  <c r="AD55699" i="1"/>
  <c r="AD55700" i="1"/>
  <c r="AD55701" i="1"/>
  <c r="AD55702" i="1"/>
  <c r="AD55703" i="1"/>
  <c r="AD55704" i="1"/>
  <c r="AD55705" i="1"/>
  <c r="AD55706" i="1"/>
  <c r="AD55707" i="1"/>
  <c r="AD55708" i="1"/>
  <c r="AD55709" i="1"/>
  <c r="AD55710" i="1"/>
  <c r="AD55711" i="1"/>
  <c r="AD55712" i="1"/>
  <c r="AD55713" i="1"/>
  <c r="AD55714" i="1"/>
  <c r="AD55715" i="1"/>
  <c r="AD55716" i="1"/>
  <c r="AD55717" i="1"/>
  <c r="AD55718" i="1"/>
  <c r="AD55719" i="1"/>
  <c r="AD55720" i="1"/>
  <c r="AD55721" i="1"/>
  <c r="AD55722" i="1"/>
  <c r="AD55723" i="1"/>
  <c r="AD55724" i="1"/>
  <c r="AD55725" i="1"/>
  <c r="AD55726" i="1"/>
  <c r="AD55727" i="1"/>
  <c r="AD55728" i="1"/>
  <c r="AD55729" i="1"/>
  <c r="AD55730" i="1"/>
  <c r="AD55731" i="1"/>
  <c r="AD55732" i="1"/>
  <c r="AD55733" i="1"/>
  <c r="AD55734" i="1"/>
  <c r="AD55735" i="1"/>
  <c r="AD55736" i="1"/>
  <c r="AD55737" i="1"/>
  <c r="AD55738" i="1"/>
  <c r="AD55739" i="1"/>
  <c r="AD55740" i="1"/>
  <c r="AD55741" i="1"/>
  <c r="AD55742" i="1"/>
  <c r="AD55743" i="1"/>
  <c r="AD55744" i="1"/>
  <c r="AD55745" i="1"/>
  <c r="AD55746" i="1"/>
  <c r="AD55747" i="1"/>
  <c r="AD55748" i="1"/>
  <c r="AD55749" i="1"/>
  <c r="AD55750" i="1"/>
  <c r="AD55751" i="1"/>
  <c r="AD55752" i="1"/>
  <c r="AD55753" i="1"/>
  <c r="AD55754" i="1"/>
  <c r="AD55755" i="1"/>
  <c r="AD55756" i="1"/>
  <c r="AD55757" i="1"/>
  <c r="AD55758" i="1"/>
  <c r="AD55759" i="1"/>
  <c r="AD55760" i="1"/>
  <c r="AD55761" i="1"/>
  <c r="AD55762" i="1"/>
  <c r="AD55763" i="1"/>
  <c r="AD55764" i="1"/>
  <c r="AD55765" i="1"/>
  <c r="AD55766" i="1"/>
  <c r="AD55767" i="1"/>
  <c r="AD55768" i="1"/>
  <c r="AD55769" i="1"/>
  <c r="AD55770" i="1"/>
  <c r="AD55771" i="1"/>
  <c r="AD55772" i="1"/>
  <c r="AD55773" i="1"/>
  <c r="AD55774" i="1"/>
  <c r="AD55775" i="1"/>
  <c r="AD55776" i="1"/>
  <c r="AD55777" i="1"/>
  <c r="AD55778" i="1"/>
  <c r="AD55779" i="1"/>
  <c r="AD55780" i="1"/>
  <c r="AD55781" i="1"/>
  <c r="AD55782" i="1"/>
  <c r="AD55783" i="1"/>
  <c r="AD55784" i="1"/>
  <c r="AD55785" i="1"/>
  <c r="AD55786" i="1"/>
  <c r="AD55787" i="1"/>
  <c r="AD55788" i="1"/>
  <c r="AD55789" i="1"/>
  <c r="AD55790" i="1"/>
  <c r="AD55791" i="1"/>
  <c r="AD55792" i="1"/>
  <c r="AD55793" i="1"/>
  <c r="AD55794" i="1"/>
  <c r="AD55795" i="1"/>
  <c r="AD55796" i="1"/>
  <c r="AD55797" i="1"/>
  <c r="AD55798" i="1"/>
  <c r="AD55799" i="1"/>
  <c r="AD55800" i="1"/>
  <c r="AD55801" i="1"/>
  <c r="AD55802" i="1"/>
  <c r="AD55803" i="1"/>
  <c r="AD55804" i="1"/>
  <c r="AD55805" i="1"/>
  <c r="AD55806" i="1"/>
  <c r="AD55807" i="1"/>
  <c r="AD55808" i="1"/>
  <c r="AD55809" i="1"/>
  <c r="AD55810" i="1"/>
  <c r="AD55811" i="1"/>
  <c r="AD55812" i="1"/>
  <c r="AD55813" i="1"/>
  <c r="AD55814" i="1"/>
  <c r="AD55815" i="1"/>
  <c r="AD55816" i="1"/>
  <c r="AD55817" i="1"/>
  <c r="AD55818" i="1"/>
  <c r="AD55819" i="1"/>
  <c r="AD55820" i="1"/>
  <c r="AD55821" i="1"/>
  <c r="AD55822" i="1"/>
  <c r="AD55823" i="1"/>
  <c r="AD55824" i="1"/>
  <c r="AD55825" i="1"/>
  <c r="AD55826" i="1"/>
  <c r="AD55827" i="1"/>
  <c r="AD55828" i="1"/>
  <c r="AD55829" i="1"/>
  <c r="AD55830" i="1"/>
  <c r="AD55831" i="1"/>
  <c r="AD55832" i="1"/>
  <c r="AD55833" i="1"/>
  <c r="AD55834" i="1"/>
  <c r="AD55835" i="1"/>
  <c r="AD55836" i="1"/>
  <c r="AD55837" i="1"/>
  <c r="AD55838" i="1"/>
  <c r="AD55839" i="1"/>
  <c r="AD55840" i="1"/>
  <c r="AD55841" i="1"/>
  <c r="AD55842" i="1"/>
  <c r="AD55843" i="1"/>
  <c r="AD55844" i="1"/>
  <c r="AD55845" i="1"/>
  <c r="AD55846" i="1"/>
  <c r="AD55847" i="1"/>
  <c r="AD55848" i="1"/>
  <c r="AD55849" i="1"/>
  <c r="AD55850" i="1"/>
  <c r="AD55851" i="1"/>
  <c r="AD55852" i="1"/>
  <c r="AD55853" i="1"/>
  <c r="AD55854" i="1"/>
  <c r="AD55855" i="1"/>
  <c r="AD55856" i="1"/>
  <c r="AD55857" i="1"/>
  <c r="AD55858" i="1"/>
  <c r="AD55859" i="1"/>
  <c r="AD55860" i="1"/>
  <c r="AD55861" i="1"/>
  <c r="AD55862" i="1"/>
  <c r="AD55863" i="1"/>
  <c r="AD55864" i="1"/>
  <c r="AD55865" i="1"/>
  <c r="AD55866" i="1"/>
  <c r="AD55867" i="1"/>
  <c r="AD55868" i="1"/>
  <c r="AD55869" i="1"/>
  <c r="AD55870" i="1"/>
  <c r="AD55871" i="1"/>
  <c r="AD55872" i="1"/>
  <c r="AD55873" i="1"/>
  <c r="AD55874" i="1"/>
  <c r="AD55875" i="1"/>
  <c r="AD55876" i="1"/>
  <c r="AD55877" i="1"/>
  <c r="AD55878" i="1"/>
  <c r="AD55879" i="1"/>
  <c r="AD55880" i="1"/>
  <c r="AD55881" i="1"/>
  <c r="AD55882" i="1"/>
  <c r="AD55883" i="1"/>
  <c r="AD55884" i="1"/>
  <c r="AD55885" i="1"/>
  <c r="AD55886" i="1"/>
  <c r="AD55887" i="1"/>
  <c r="AD55888" i="1"/>
  <c r="AD55889" i="1"/>
  <c r="AD55890" i="1"/>
  <c r="AD55891" i="1"/>
  <c r="AD55892" i="1"/>
  <c r="AD55893" i="1"/>
  <c r="AD55894" i="1"/>
  <c r="AD55895" i="1"/>
  <c r="AD55896" i="1"/>
  <c r="AD55897" i="1"/>
  <c r="AD55898" i="1"/>
  <c r="AD55899" i="1"/>
  <c r="AD55900" i="1"/>
  <c r="AD55901" i="1"/>
  <c r="AD55902" i="1"/>
  <c r="AD55903" i="1"/>
  <c r="AD55904" i="1"/>
  <c r="AD55905" i="1"/>
  <c r="AD55906" i="1"/>
  <c r="AD55907" i="1"/>
  <c r="AD55908" i="1"/>
  <c r="AD55909" i="1"/>
  <c r="AD55910" i="1"/>
  <c r="AD55911" i="1"/>
  <c r="AD55912" i="1"/>
  <c r="AD55913" i="1"/>
  <c r="AD55914" i="1"/>
  <c r="AD55915" i="1"/>
  <c r="AD55916" i="1"/>
  <c r="AD55917" i="1"/>
  <c r="AD55918" i="1"/>
  <c r="AD55919" i="1"/>
  <c r="AD55920" i="1"/>
  <c r="AD55921" i="1"/>
  <c r="AD55922" i="1"/>
  <c r="AD55923" i="1"/>
  <c r="AD55924" i="1"/>
  <c r="AD55925" i="1"/>
  <c r="AD55926" i="1"/>
  <c r="AD55927" i="1"/>
  <c r="AD55928" i="1"/>
  <c r="AD55929" i="1"/>
  <c r="AD55930" i="1"/>
  <c r="AD55931" i="1"/>
  <c r="AD55932" i="1"/>
  <c r="AD55933" i="1"/>
  <c r="AD55934" i="1"/>
  <c r="AD55935" i="1"/>
  <c r="AD55936" i="1"/>
  <c r="AD55937" i="1"/>
  <c r="AD55938" i="1"/>
  <c r="AD55939" i="1"/>
  <c r="AD55940" i="1"/>
  <c r="AD55941" i="1"/>
  <c r="AD55942" i="1"/>
  <c r="AD55943" i="1"/>
  <c r="AD55944" i="1"/>
  <c r="AD55945" i="1"/>
  <c r="AD55946" i="1"/>
  <c r="AD55947" i="1"/>
  <c r="AD55948" i="1"/>
  <c r="AD55949" i="1"/>
  <c r="AD55950" i="1"/>
  <c r="AD55951" i="1"/>
  <c r="AD55952" i="1"/>
  <c r="AD55953" i="1"/>
  <c r="AD55954" i="1"/>
  <c r="AD55955" i="1"/>
  <c r="AD55956" i="1"/>
  <c r="AD55957" i="1"/>
  <c r="AD55958" i="1"/>
  <c r="AD55959" i="1"/>
  <c r="AD55960" i="1"/>
  <c r="AD55961" i="1"/>
  <c r="AD55962" i="1"/>
  <c r="AD55963" i="1"/>
  <c r="AD55964" i="1"/>
  <c r="AD55965" i="1"/>
  <c r="AD55966" i="1"/>
  <c r="AD55967" i="1"/>
  <c r="AD55968" i="1"/>
  <c r="AD55969" i="1"/>
  <c r="AD55970" i="1"/>
  <c r="AD55971" i="1"/>
  <c r="AD55972" i="1"/>
  <c r="AD55973" i="1"/>
  <c r="AD55974" i="1"/>
  <c r="AD55975" i="1"/>
  <c r="AD55976" i="1"/>
  <c r="AD55977" i="1"/>
  <c r="AD55978" i="1"/>
  <c r="AD55979" i="1"/>
  <c r="AD55980" i="1"/>
  <c r="AD55981" i="1"/>
  <c r="AD55982" i="1"/>
  <c r="AD55983" i="1"/>
  <c r="AD55984" i="1"/>
  <c r="AD55985" i="1"/>
  <c r="AD55986" i="1"/>
  <c r="AD55987" i="1"/>
  <c r="AD55988" i="1"/>
  <c r="AD55989" i="1"/>
  <c r="AD55990" i="1"/>
  <c r="AD55991" i="1"/>
  <c r="AD55992" i="1"/>
  <c r="AD55993" i="1"/>
  <c r="AD55994" i="1"/>
  <c r="AD55995" i="1"/>
  <c r="AD55996" i="1"/>
  <c r="AD55997" i="1"/>
  <c r="AD55998" i="1"/>
  <c r="AD55999" i="1"/>
  <c r="AD56000" i="1"/>
  <c r="AD56001" i="1"/>
  <c r="AD56002" i="1"/>
  <c r="AD56003" i="1"/>
  <c r="AD56004" i="1"/>
  <c r="AD56005" i="1"/>
  <c r="AD56006" i="1"/>
  <c r="AD56007" i="1"/>
  <c r="AD56008" i="1"/>
  <c r="AD56009" i="1"/>
  <c r="AD56010" i="1"/>
  <c r="AD56011" i="1"/>
  <c r="AD56012" i="1"/>
  <c r="AD56013" i="1"/>
  <c r="AD56014" i="1"/>
  <c r="AD56015" i="1"/>
  <c r="AD56016" i="1"/>
  <c r="AD56017" i="1"/>
  <c r="AD56018" i="1"/>
  <c r="AD56019" i="1"/>
  <c r="AD56020" i="1"/>
  <c r="AD56021" i="1"/>
  <c r="AD56022" i="1"/>
  <c r="AD56023" i="1"/>
  <c r="AD56024" i="1"/>
  <c r="AD56025" i="1"/>
  <c r="AD56026" i="1"/>
  <c r="AD56027" i="1"/>
  <c r="AD56028" i="1"/>
  <c r="AD56029" i="1"/>
  <c r="AD56030" i="1"/>
  <c r="AD56031" i="1"/>
  <c r="AD56032" i="1"/>
  <c r="AD56033" i="1"/>
  <c r="AD56034" i="1"/>
  <c r="AD56035" i="1"/>
  <c r="AD56036" i="1"/>
  <c r="AD56037" i="1"/>
  <c r="AD56038" i="1"/>
  <c r="AD56039" i="1"/>
  <c r="AD56040" i="1"/>
  <c r="AD56041" i="1"/>
  <c r="AD56042" i="1"/>
  <c r="AD56043" i="1"/>
  <c r="AD56044" i="1"/>
  <c r="AD56045" i="1"/>
  <c r="AD56046" i="1"/>
  <c r="AD56047" i="1"/>
  <c r="AD56048" i="1"/>
  <c r="AD56049" i="1"/>
  <c r="AD56050" i="1"/>
  <c r="AD56051" i="1"/>
  <c r="AD56052" i="1"/>
  <c r="AD56053" i="1"/>
  <c r="AD56054" i="1"/>
  <c r="AD56055" i="1"/>
  <c r="AD56056" i="1"/>
  <c r="AD56057" i="1"/>
  <c r="AD56058" i="1"/>
  <c r="AD56059" i="1"/>
  <c r="AD56060" i="1"/>
  <c r="AD56061" i="1"/>
  <c r="AD56062" i="1"/>
  <c r="AD56063" i="1"/>
  <c r="AD56064" i="1"/>
  <c r="AD56065" i="1"/>
  <c r="AD56066" i="1"/>
  <c r="AD56067" i="1"/>
  <c r="AD56068" i="1"/>
  <c r="AD56069" i="1"/>
  <c r="AD56070" i="1"/>
  <c r="AD56071" i="1"/>
  <c r="AD56072" i="1"/>
  <c r="AD56073" i="1"/>
  <c r="AD56074" i="1"/>
  <c r="AD56075" i="1"/>
  <c r="AD56076" i="1"/>
  <c r="AD56077" i="1"/>
  <c r="AD56078" i="1"/>
  <c r="AD56079" i="1"/>
  <c r="AD56080" i="1"/>
  <c r="AD56081" i="1"/>
  <c r="AD56082" i="1"/>
  <c r="AD56083" i="1"/>
  <c r="AD56084" i="1"/>
  <c r="AD56085" i="1"/>
  <c r="AD56086" i="1"/>
  <c r="AD56087" i="1"/>
  <c r="AD56088" i="1"/>
  <c r="AD56089" i="1"/>
  <c r="AD56090" i="1"/>
  <c r="AD56091" i="1"/>
  <c r="AD56092" i="1"/>
  <c r="AD56093" i="1"/>
  <c r="AD56094" i="1"/>
  <c r="AD56095" i="1"/>
  <c r="AD56096" i="1"/>
  <c r="AD56097" i="1"/>
  <c r="AD56098" i="1"/>
  <c r="AD56099" i="1"/>
  <c r="AD56100" i="1"/>
  <c r="AD56101" i="1"/>
  <c r="AD56102" i="1"/>
  <c r="AD56103" i="1"/>
  <c r="AD56104" i="1"/>
  <c r="AD56105" i="1"/>
  <c r="AD56106" i="1"/>
  <c r="AD56107" i="1"/>
  <c r="AD56108" i="1"/>
  <c r="AD56109" i="1"/>
  <c r="AD56110" i="1"/>
  <c r="AD56111" i="1"/>
  <c r="AD56112" i="1"/>
  <c r="AD56113" i="1"/>
  <c r="AD56114" i="1"/>
  <c r="AD56115" i="1"/>
  <c r="AD56116" i="1"/>
  <c r="AD56117" i="1"/>
  <c r="AD56118" i="1"/>
  <c r="AD56119" i="1"/>
  <c r="AD56120" i="1"/>
  <c r="AD56121" i="1"/>
  <c r="AD56122" i="1"/>
  <c r="AD56123" i="1"/>
  <c r="AD56124" i="1"/>
  <c r="AD56125" i="1"/>
  <c r="AD56126" i="1"/>
  <c r="AD56127" i="1"/>
  <c r="AD56128" i="1"/>
  <c r="AD56129" i="1"/>
  <c r="AD56130" i="1"/>
  <c r="AD56131" i="1"/>
  <c r="AD56132" i="1"/>
  <c r="AD56133" i="1"/>
  <c r="AD56134" i="1"/>
  <c r="AD56135" i="1"/>
  <c r="AD56136" i="1"/>
  <c r="AD56137" i="1"/>
  <c r="AD56138" i="1"/>
  <c r="AD56139" i="1"/>
  <c r="AD56140" i="1"/>
  <c r="AD56141" i="1"/>
  <c r="AD56142" i="1"/>
  <c r="AD56143" i="1"/>
  <c r="AD56144" i="1"/>
  <c r="AD56145" i="1"/>
  <c r="AD56146" i="1"/>
  <c r="AD56147" i="1"/>
  <c r="AD56148" i="1"/>
  <c r="AD56149" i="1"/>
  <c r="AD56150" i="1"/>
  <c r="AD56151" i="1"/>
  <c r="AD56152" i="1"/>
  <c r="AD56153" i="1"/>
  <c r="AD56154" i="1"/>
  <c r="AD56155" i="1"/>
  <c r="AD56156" i="1"/>
  <c r="AD56157" i="1"/>
  <c r="AD56158" i="1"/>
  <c r="AD56159" i="1"/>
  <c r="AD56160" i="1"/>
  <c r="AD56161" i="1"/>
  <c r="AD56162" i="1"/>
  <c r="AD56163" i="1"/>
  <c r="AD56164" i="1"/>
  <c r="AD56165" i="1"/>
  <c r="AD56166" i="1"/>
  <c r="AD56167" i="1"/>
  <c r="AD56168" i="1"/>
  <c r="AD56169" i="1"/>
  <c r="AD56170" i="1"/>
  <c r="AD56171" i="1"/>
  <c r="AD56172" i="1"/>
  <c r="AD56173" i="1"/>
  <c r="AD56174" i="1"/>
  <c r="AD56175" i="1"/>
  <c r="AD56176" i="1"/>
  <c r="AD56177" i="1"/>
  <c r="AD56178" i="1"/>
  <c r="AD56179" i="1"/>
  <c r="AD56180" i="1"/>
  <c r="AD56181" i="1"/>
  <c r="AD56182" i="1"/>
  <c r="AD56183" i="1"/>
  <c r="AD56184" i="1"/>
  <c r="AD56185" i="1"/>
  <c r="AD56186" i="1"/>
  <c r="AD56187" i="1"/>
  <c r="AD56188" i="1"/>
  <c r="AD56189" i="1"/>
  <c r="AD56190" i="1"/>
  <c r="AD56191" i="1"/>
  <c r="AD56192" i="1"/>
  <c r="AD56193" i="1"/>
  <c r="AD56194" i="1"/>
  <c r="AD56195" i="1"/>
  <c r="AD56196" i="1"/>
  <c r="AD56197" i="1"/>
  <c r="AD56198" i="1"/>
  <c r="AD56199" i="1"/>
  <c r="AD56200" i="1"/>
  <c r="AD56201" i="1"/>
  <c r="AD56202" i="1"/>
  <c r="AD56203" i="1"/>
  <c r="AD56204" i="1"/>
  <c r="AD56205" i="1"/>
  <c r="AD56206" i="1"/>
  <c r="AD56207" i="1"/>
  <c r="AD56208" i="1"/>
  <c r="AD56209" i="1"/>
  <c r="AD56210" i="1"/>
  <c r="AD56211" i="1"/>
  <c r="AD56212" i="1"/>
  <c r="AD56213" i="1"/>
  <c r="AD56214" i="1"/>
  <c r="AD56215" i="1"/>
  <c r="AD56216" i="1"/>
  <c r="AD56217" i="1"/>
  <c r="AD56218" i="1"/>
  <c r="AD56219" i="1"/>
  <c r="AD56220" i="1"/>
  <c r="AD56221" i="1"/>
  <c r="AD56222" i="1"/>
  <c r="AD56223" i="1"/>
  <c r="AD56224" i="1"/>
  <c r="AD56225" i="1"/>
  <c r="AD56226" i="1"/>
  <c r="AD56227" i="1"/>
  <c r="AD56228" i="1"/>
  <c r="AD56229" i="1"/>
  <c r="AD56230" i="1"/>
  <c r="AD56231" i="1"/>
  <c r="AD56232" i="1"/>
  <c r="AD56233" i="1"/>
  <c r="AD56234" i="1"/>
  <c r="AD56235" i="1"/>
  <c r="AD56236" i="1"/>
  <c r="AD56237" i="1"/>
  <c r="AD56238" i="1"/>
  <c r="AD56239" i="1"/>
  <c r="AD56240" i="1"/>
  <c r="AD56241" i="1"/>
  <c r="AD56242" i="1"/>
  <c r="AD56243" i="1"/>
  <c r="AD56244" i="1"/>
  <c r="AD56245" i="1"/>
  <c r="AD56246" i="1"/>
  <c r="AD56247" i="1"/>
  <c r="AD56248" i="1"/>
  <c r="AD56249" i="1"/>
  <c r="AD56250" i="1"/>
  <c r="AD56251" i="1"/>
  <c r="AD56252" i="1"/>
  <c r="AD56253" i="1"/>
  <c r="AD56254" i="1"/>
  <c r="AD56255" i="1"/>
  <c r="AD56256" i="1"/>
  <c r="AD56257" i="1"/>
  <c r="AD56258" i="1"/>
  <c r="AD56259" i="1"/>
  <c r="AD56260" i="1"/>
  <c r="AD56261" i="1"/>
  <c r="AD56262" i="1"/>
  <c r="AD56263" i="1"/>
  <c r="AD56264" i="1"/>
  <c r="AD56265" i="1"/>
  <c r="AD56266" i="1"/>
  <c r="AD56267" i="1"/>
  <c r="AD56268" i="1"/>
  <c r="AD56269" i="1"/>
  <c r="AD56270" i="1"/>
  <c r="AD56271" i="1"/>
  <c r="AD56272" i="1"/>
  <c r="AD56273" i="1"/>
  <c r="AD56274" i="1"/>
  <c r="AD56275" i="1"/>
  <c r="AD56276" i="1"/>
  <c r="AD56277" i="1"/>
  <c r="AD56278" i="1"/>
  <c r="AD56279" i="1"/>
  <c r="AD56280" i="1"/>
  <c r="AD56281" i="1"/>
  <c r="AD56282" i="1"/>
  <c r="AD56283" i="1"/>
  <c r="AD56284" i="1"/>
  <c r="AD56285" i="1"/>
  <c r="AD56286" i="1"/>
  <c r="AD56287" i="1"/>
  <c r="AD56288" i="1"/>
  <c r="AD56289" i="1"/>
  <c r="AD56290" i="1"/>
  <c r="AD56291" i="1"/>
  <c r="AD56292" i="1"/>
  <c r="AD56293" i="1"/>
  <c r="AD56294" i="1"/>
  <c r="AD56295" i="1"/>
  <c r="AD56296" i="1"/>
  <c r="AD56297" i="1"/>
  <c r="AD56298" i="1"/>
  <c r="AD56299" i="1"/>
  <c r="AD56300" i="1"/>
  <c r="AD56301" i="1"/>
  <c r="AD56302" i="1"/>
  <c r="AD56303" i="1"/>
  <c r="AD56304" i="1"/>
  <c r="AD56305" i="1"/>
  <c r="AD56306" i="1"/>
  <c r="AD56307" i="1"/>
  <c r="AD56308" i="1"/>
  <c r="AD56309" i="1"/>
  <c r="AD56310" i="1"/>
  <c r="AD56311" i="1"/>
  <c r="AD56312" i="1"/>
  <c r="AD56313" i="1"/>
  <c r="AD56314" i="1"/>
  <c r="AD56315" i="1"/>
  <c r="AD56316" i="1"/>
  <c r="AD56317" i="1"/>
  <c r="AD56318" i="1"/>
  <c r="AD56319" i="1"/>
  <c r="AD56320" i="1"/>
  <c r="AD56321" i="1"/>
  <c r="AD56322" i="1"/>
  <c r="AD56323" i="1"/>
  <c r="AD56324" i="1"/>
  <c r="AD56325" i="1"/>
  <c r="AD56326" i="1"/>
  <c r="AD56327" i="1"/>
  <c r="AD56328" i="1"/>
  <c r="AD56329" i="1"/>
  <c r="AD56330" i="1"/>
  <c r="AD56331" i="1"/>
  <c r="AD56332" i="1"/>
  <c r="AD56333" i="1"/>
  <c r="AD56334" i="1"/>
  <c r="AD56335" i="1"/>
  <c r="AD56336" i="1"/>
  <c r="AD56337" i="1"/>
  <c r="AD56338" i="1"/>
  <c r="AD56339" i="1"/>
  <c r="AD56340" i="1"/>
  <c r="AD56341" i="1"/>
  <c r="AD56342" i="1"/>
  <c r="AD56343" i="1"/>
  <c r="AD56344" i="1"/>
  <c r="AD56345" i="1"/>
  <c r="AD56346" i="1"/>
  <c r="AD56347" i="1"/>
  <c r="AD56348" i="1"/>
  <c r="AD56349" i="1"/>
  <c r="AD56350" i="1"/>
  <c r="AD56351" i="1"/>
  <c r="AD56352" i="1"/>
  <c r="AD56353" i="1"/>
  <c r="AD56354" i="1"/>
  <c r="AD56355" i="1"/>
  <c r="AD56356" i="1"/>
  <c r="AD56357" i="1"/>
  <c r="AD56358" i="1"/>
  <c r="AD56359" i="1"/>
  <c r="AD56360" i="1"/>
  <c r="AD56361" i="1"/>
  <c r="AD56362" i="1"/>
  <c r="AD56363" i="1"/>
  <c r="AD56364" i="1"/>
  <c r="AD56365" i="1"/>
  <c r="AD56366" i="1"/>
  <c r="AD56367" i="1"/>
  <c r="AD56368" i="1"/>
  <c r="AD56369" i="1"/>
  <c r="AD56370" i="1"/>
  <c r="AD56371" i="1"/>
  <c r="AD56372" i="1"/>
  <c r="AD56373" i="1"/>
  <c r="AD56374" i="1"/>
  <c r="AD56375" i="1"/>
  <c r="AD56376" i="1"/>
  <c r="AD56377" i="1"/>
  <c r="AD56378" i="1"/>
  <c r="AD56379" i="1"/>
  <c r="AD56380" i="1"/>
  <c r="AD56381" i="1"/>
  <c r="AD56382" i="1"/>
  <c r="AD56383" i="1"/>
  <c r="AD56384" i="1"/>
  <c r="AD56385" i="1"/>
  <c r="AD56386" i="1"/>
  <c r="AD56387" i="1"/>
  <c r="AD56388" i="1"/>
  <c r="AD56389" i="1"/>
  <c r="AD56390" i="1"/>
  <c r="AD56391" i="1"/>
  <c r="AD56392" i="1"/>
  <c r="AD56393" i="1"/>
  <c r="AD56394" i="1"/>
  <c r="AD56395" i="1"/>
  <c r="AD56396" i="1"/>
  <c r="AD56397" i="1"/>
  <c r="AD56398" i="1"/>
  <c r="AD56399" i="1"/>
  <c r="AD56400" i="1"/>
  <c r="AD56401" i="1"/>
  <c r="AD56402" i="1"/>
  <c r="AD56403" i="1"/>
  <c r="AD56404" i="1"/>
  <c r="AD56405" i="1"/>
  <c r="AD56406" i="1"/>
  <c r="AD56407" i="1"/>
  <c r="AD56408" i="1"/>
  <c r="AD56409" i="1"/>
  <c r="AD56410" i="1"/>
  <c r="AD56411" i="1"/>
  <c r="AD56412" i="1"/>
  <c r="AD56413" i="1"/>
  <c r="AD56414" i="1"/>
  <c r="AD56415" i="1"/>
  <c r="AD56416" i="1"/>
  <c r="AD56417" i="1"/>
  <c r="AD56418" i="1"/>
  <c r="AD56419" i="1"/>
  <c r="AD56420" i="1"/>
  <c r="AD56421" i="1"/>
  <c r="AD56422" i="1"/>
  <c r="AD56423" i="1"/>
  <c r="AD56424" i="1"/>
  <c r="AD56425" i="1"/>
  <c r="AD56426" i="1"/>
  <c r="AD56427" i="1"/>
  <c r="AD56428" i="1"/>
  <c r="AD56429" i="1"/>
  <c r="AD56430" i="1"/>
  <c r="AD56431" i="1"/>
  <c r="AD56432" i="1"/>
  <c r="AD56433" i="1"/>
  <c r="AD56434" i="1"/>
  <c r="AD56435" i="1"/>
  <c r="AD56436" i="1"/>
  <c r="AD56437" i="1"/>
  <c r="AD56438" i="1"/>
  <c r="AD56439" i="1"/>
  <c r="AD56440" i="1"/>
  <c r="AD56441" i="1"/>
  <c r="AD56442" i="1"/>
  <c r="AD56443" i="1"/>
  <c r="AD56444" i="1"/>
  <c r="AD56445" i="1"/>
  <c r="AD56446" i="1"/>
  <c r="AD56447" i="1"/>
  <c r="AD56448" i="1"/>
  <c r="AD56449" i="1"/>
  <c r="AD56450" i="1"/>
  <c r="AD56451" i="1"/>
  <c r="AD56452" i="1"/>
  <c r="AD56453" i="1"/>
  <c r="AD56454" i="1"/>
  <c r="AD56455" i="1"/>
  <c r="AD56456" i="1"/>
  <c r="AD56457" i="1"/>
  <c r="AD56458" i="1"/>
  <c r="AD56459" i="1"/>
  <c r="AD56460" i="1"/>
  <c r="AD56461" i="1"/>
  <c r="AD56462" i="1"/>
  <c r="AD56463" i="1"/>
  <c r="AD56464" i="1"/>
  <c r="AD56465" i="1"/>
  <c r="AD56466" i="1"/>
  <c r="AD56467" i="1"/>
  <c r="AD56468" i="1"/>
  <c r="AD56469" i="1"/>
  <c r="AD56470" i="1"/>
  <c r="AD56471" i="1"/>
  <c r="AD56472" i="1"/>
  <c r="AD56473" i="1"/>
  <c r="AD56474" i="1"/>
  <c r="AD56475" i="1"/>
  <c r="AD56476" i="1"/>
  <c r="AD56477" i="1"/>
  <c r="AD56478" i="1"/>
  <c r="AD56479" i="1"/>
  <c r="AD56480" i="1"/>
  <c r="AD56481" i="1"/>
  <c r="AD56482" i="1"/>
  <c r="AD56483" i="1"/>
  <c r="AD56484" i="1"/>
  <c r="AD56485" i="1"/>
  <c r="AD56486" i="1"/>
  <c r="AD56487" i="1"/>
  <c r="AD56488" i="1"/>
  <c r="AD56489" i="1"/>
  <c r="AD56490" i="1"/>
  <c r="AD56491" i="1"/>
  <c r="AD56492" i="1"/>
  <c r="AD56493" i="1"/>
  <c r="AD56494" i="1"/>
  <c r="AD56495" i="1"/>
  <c r="AD56496" i="1"/>
  <c r="AD56497" i="1"/>
  <c r="AD56498" i="1"/>
  <c r="AD56499" i="1"/>
  <c r="AD56500" i="1"/>
  <c r="AD56501" i="1"/>
  <c r="AD56502" i="1"/>
  <c r="AD56503" i="1"/>
  <c r="AD56504" i="1"/>
  <c r="AD56505" i="1"/>
  <c r="AD56506" i="1"/>
  <c r="AD56507" i="1"/>
  <c r="AD56508" i="1"/>
  <c r="AD56509" i="1"/>
  <c r="AD56510" i="1"/>
  <c r="AD56511" i="1"/>
  <c r="AD56512" i="1"/>
  <c r="AD56513" i="1"/>
  <c r="AD56514" i="1"/>
  <c r="AD56515" i="1"/>
  <c r="AD56516" i="1"/>
  <c r="AD56517" i="1"/>
  <c r="AD56518" i="1"/>
  <c r="AD56519" i="1"/>
  <c r="AD56520" i="1"/>
  <c r="AD56521" i="1"/>
  <c r="AD56522" i="1"/>
  <c r="AD56523" i="1"/>
  <c r="AD56524" i="1"/>
  <c r="AD56525" i="1"/>
  <c r="AD56526" i="1"/>
  <c r="AD56527" i="1"/>
  <c r="AD56528" i="1"/>
  <c r="AD56529" i="1"/>
  <c r="AD56530" i="1"/>
  <c r="AD56531" i="1"/>
  <c r="AD56532" i="1"/>
  <c r="AD56533" i="1"/>
  <c r="AD56534" i="1"/>
  <c r="AD56535" i="1"/>
  <c r="AD56536" i="1"/>
  <c r="AD56537" i="1"/>
  <c r="AD56538" i="1"/>
  <c r="AD56539" i="1"/>
  <c r="AD56540" i="1"/>
  <c r="AD56541" i="1"/>
  <c r="AD56542" i="1"/>
  <c r="AD56543" i="1"/>
  <c r="AD56544" i="1"/>
  <c r="AD56545" i="1"/>
  <c r="AD56546" i="1"/>
  <c r="AD56547" i="1"/>
  <c r="AD56548" i="1"/>
  <c r="AD56549" i="1"/>
  <c r="AD56550" i="1"/>
  <c r="AD56551" i="1"/>
  <c r="AD56552" i="1"/>
  <c r="AD56553" i="1"/>
  <c r="AD56554" i="1"/>
  <c r="AD56555" i="1"/>
  <c r="AD56556" i="1"/>
  <c r="AD56557" i="1"/>
  <c r="AD56558" i="1"/>
  <c r="AD56559" i="1"/>
  <c r="AD56560" i="1"/>
  <c r="AD56561" i="1"/>
  <c r="AD56562" i="1"/>
  <c r="AD56563" i="1"/>
  <c r="AD56564" i="1"/>
  <c r="AD56565" i="1"/>
  <c r="AD56566" i="1"/>
  <c r="AD56567" i="1"/>
  <c r="AD56568" i="1"/>
  <c r="AD56569" i="1"/>
  <c r="AD56570" i="1"/>
  <c r="AD56571" i="1"/>
  <c r="AD56572" i="1"/>
  <c r="AD56573" i="1"/>
  <c r="AD56574" i="1"/>
  <c r="AD56575" i="1"/>
  <c r="AD56576" i="1"/>
  <c r="AD56577" i="1"/>
  <c r="AD56578" i="1"/>
  <c r="AD56579" i="1"/>
  <c r="AD56580" i="1"/>
  <c r="AD56581" i="1"/>
  <c r="AD56582" i="1"/>
  <c r="AD56583" i="1"/>
  <c r="AD56584" i="1"/>
  <c r="AD56585" i="1"/>
  <c r="AD56586" i="1"/>
  <c r="AD56587" i="1"/>
  <c r="AD56588" i="1"/>
  <c r="AD56589" i="1"/>
  <c r="AD56590" i="1"/>
  <c r="AD56591" i="1"/>
  <c r="AD56592" i="1"/>
  <c r="AD56593" i="1"/>
  <c r="AD56594" i="1"/>
  <c r="AD56595" i="1"/>
  <c r="AD56596" i="1"/>
  <c r="AD56597" i="1"/>
  <c r="AD56598" i="1"/>
  <c r="AD56599" i="1"/>
  <c r="AD56600" i="1"/>
  <c r="AD56601" i="1"/>
  <c r="AD56602" i="1"/>
  <c r="AD56603" i="1"/>
  <c r="AD56604" i="1"/>
  <c r="AD56605" i="1"/>
  <c r="AD56606" i="1"/>
  <c r="AD56607" i="1"/>
  <c r="AD56608" i="1"/>
  <c r="AD56609" i="1"/>
  <c r="AD56610" i="1"/>
  <c r="AD56611" i="1"/>
  <c r="AD56612" i="1"/>
  <c r="AD56613" i="1"/>
  <c r="AD56614" i="1"/>
  <c r="AD56615" i="1"/>
  <c r="AD56616" i="1"/>
  <c r="AD56617" i="1"/>
  <c r="AD56618" i="1"/>
  <c r="AD56619" i="1"/>
  <c r="AD56620" i="1"/>
  <c r="AD56621" i="1"/>
  <c r="AD56622" i="1"/>
  <c r="AD56623" i="1"/>
  <c r="AD56624" i="1"/>
  <c r="AD56625" i="1"/>
  <c r="AD56626" i="1"/>
  <c r="AD56627" i="1"/>
  <c r="AD56628" i="1"/>
  <c r="AD56629" i="1"/>
  <c r="AD56630" i="1"/>
  <c r="AD56631" i="1"/>
  <c r="AD56632" i="1"/>
  <c r="AD56633" i="1"/>
  <c r="AD56634" i="1"/>
  <c r="AD56635" i="1"/>
  <c r="AD56636" i="1"/>
  <c r="AD56637" i="1"/>
  <c r="AD56638" i="1"/>
  <c r="AD56639" i="1"/>
  <c r="AD56640" i="1"/>
  <c r="AD56641" i="1"/>
  <c r="AD56642" i="1"/>
  <c r="AD56643" i="1"/>
  <c r="AD56644" i="1"/>
  <c r="AD56645" i="1"/>
  <c r="AD56646" i="1"/>
  <c r="AD56647" i="1"/>
  <c r="AD56648" i="1"/>
  <c r="AD56649" i="1"/>
  <c r="AD56650" i="1"/>
  <c r="AD56651" i="1"/>
  <c r="AD56652" i="1"/>
  <c r="AD56653" i="1"/>
  <c r="AD56654" i="1"/>
  <c r="AD56655" i="1"/>
  <c r="AD56656" i="1"/>
  <c r="AD56657" i="1"/>
  <c r="AD56658" i="1"/>
  <c r="AD56659" i="1"/>
  <c r="AD56660" i="1"/>
  <c r="AD56661" i="1"/>
  <c r="AD56662" i="1"/>
  <c r="AD56663" i="1"/>
  <c r="AD56664" i="1"/>
  <c r="AD56665" i="1"/>
  <c r="AD56666" i="1"/>
  <c r="AD56667" i="1"/>
  <c r="AD56668" i="1"/>
  <c r="AD56669" i="1"/>
  <c r="AD56670" i="1"/>
  <c r="AD56671" i="1"/>
  <c r="AD56672" i="1"/>
  <c r="AD56673" i="1"/>
  <c r="AD56674" i="1"/>
  <c r="AD56675" i="1"/>
  <c r="AD56676" i="1"/>
  <c r="AD56677" i="1"/>
  <c r="AD56678" i="1"/>
  <c r="AD56679" i="1"/>
  <c r="AD56680" i="1"/>
  <c r="AD56681" i="1"/>
  <c r="AD56682" i="1"/>
  <c r="AD56683" i="1"/>
  <c r="AD56684" i="1"/>
  <c r="AD56685" i="1"/>
  <c r="AD56686" i="1"/>
  <c r="AD56687" i="1"/>
  <c r="AD56688" i="1"/>
  <c r="AD56689" i="1"/>
  <c r="AD56690" i="1"/>
  <c r="AD56691" i="1"/>
  <c r="AD56692" i="1"/>
  <c r="AD56693" i="1"/>
  <c r="AD56694" i="1"/>
  <c r="AD56695" i="1"/>
  <c r="AD56696" i="1"/>
  <c r="AD56697" i="1"/>
  <c r="AD56698" i="1"/>
  <c r="AD56699" i="1"/>
  <c r="AD56700" i="1"/>
  <c r="AD56701" i="1"/>
  <c r="AD56702" i="1"/>
  <c r="AD56703" i="1"/>
  <c r="AD56704" i="1"/>
  <c r="AD56705" i="1"/>
  <c r="AD56706" i="1"/>
  <c r="AD56707" i="1"/>
  <c r="AD56708" i="1"/>
  <c r="AD56709" i="1"/>
  <c r="AD56710" i="1"/>
  <c r="AD56711" i="1"/>
  <c r="AD56712" i="1"/>
  <c r="AD56713" i="1"/>
  <c r="AD56714" i="1"/>
  <c r="AD56715" i="1"/>
  <c r="AD56716" i="1"/>
  <c r="AD56717" i="1"/>
  <c r="AD56718" i="1"/>
  <c r="AD56719" i="1"/>
  <c r="AD56720" i="1"/>
  <c r="AD56721" i="1"/>
  <c r="AD56722" i="1"/>
  <c r="AD56723" i="1"/>
  <c r="AD56724" i="1"/>
  <c r="AD56725" i="1"/>
  <c r="AD56726" i="1"/>
  <c r="AD56727" i="1"/>
  <c r="AD56728" i="1"/>
  <c r="AD56729" i="1"/>
  <c r="AD56730" i="1"/>
  <c r="AD56731" i="1"/>
  <c r="AD56732" i="1"/>
  <c r="AD56733" i="1"/>
  <c r="AD56734" i="1"/>
  <c r="AD56735" i="1"/>
  <c r="AD56736" i="1"/>
  <c r="AD56737" i="1"/>
  <c r="AD56738" i="1"/>
  <c r="AD56739" i="1"/>
  <c r="AD56740" i="1"/>
  <c r="AD56741" i="1"/>
  <c r="AD56742" i="1"/>
  <c r="AD56743" i="1"/>
  <c r="AD56744" i="1"/>
  <c r="AD56745" i="1"/>
  <c r="AD56746" i="1"/>
  <c r="AD56747" i="1"/>
  <c r="AD56748" i="1"/>
  <c r="AD56749" i="1"/>
  <c r="AD56750" i="1"/>
  <c r="AD56751" i="1"/>
  <c r="AD56752" i="1"/>
  <c r="AD56753" i="1"/>
  <c r="AD56754" i="1"/>
  <c r="AD56755" i="1"/>
  <c r="AD56756" i="1"/>
  <c r="AD56757" i="1"/>
  <c r="AD56758" i="1"/>
  <c r="AD56759" i="1"/>
  <c r="AD56760" i="1"/>
  <c r="AD56761" i="1"/>
  <c r="AD56762" i="1"/>
  <c r="AD56763" i="1"/>
  <c r="AD56764" i="1"/>
  <c r="AD56765" i="1"/>
  <c r="AD56766" i="1"/>
  <c r="AD56767" i="1"/>
  <c r="AD56768" i="1"/>
  <c r="AD56769" i="1"/>
  <c r="AD56770" i="1"/>
  <c r="AD56771" i="1"/>
  <c r="AD56772" i="1"/>
  <c r="AD56773" i="1"/>
  <c r="AD56774" i="1"/>
  <c r="AD56775" i="1"/>
  <c r="AD56776" i="1"/>
  <c r="AD56777" i="1"/>
  <c r="AD56778" i="1"/>
  <c r="AD56779" i="1"/>
  <c r="AD56780" i="1"/>
  <c r="AD56781" i="1"/>
  <c r="AD56782" i="1"/>
  <c r="AD56783" i="1"/>
  <c r="AD56784" i="1"/>
  <c r="AD56785" i="1"/>
  <c r="AD56786" i="1"/>
  <c r="AD56787" i="1"/>
  <c r="AD56788" i="1"/>
  <c r="AD56789" i="1"/>
  <c r="AD56790" i="1"/>
  <c r="AD56791" i="1"/>
  <c r="AD56792" i="1"/>
  <c r="AD56793" i="1"/>
  <c r="AD56794" i="1"/>
  <c r="AD56795" i="1"/>
  <c r="AD56796" i="1"/>
  <c r="AD56797" i="1"/>
  <c r="AD56798" i="1"/>
  <c r="AD56799" i="1"/>
  <c r="AD56800" i="1"/>
  <c r="AD56801" i="1"/>
  <c r="AD56802" i="1"/>
  <c r="AD56803" i="1"/>
  <c r="AD56804" i="1"/>
  <c r="AD56805" i="1"/>
  <c r="AD56806" i="1"/>
  <c r="AD56807" i="1"/>
  <c r="AD56808" i="1"/>
  <c r="AD56809" i="1"/>
  <c r="AD56810" i="1"/>
  <c r="AD56811" i="1"/>
  <c r="AD56812" i="1"/>
  <c r="AD56813" i="1"/>
  <c r="AD56814" i="1"/>
  <c r="AD56815" i="1"/>
  <c r="AD56816" i="1"/>
  <c r="AD56817" i="1"/>
  <c r="AD56818" i="1"/>
  <c r="AD56819" i="1"/>
  <c r="AD56820" i="1"/>
  <c r="AD56821" i="1"/>
  <c r="AD56822" i="1"/>
  <c r="AD56823" i="1"/>
  <c r="AD56824" i="1"/>
  <c r="AD56825" i="1"/>
  <c r="AD56826" i="1"/>
  <c r="AD56827" i="1"/>
  <c r="AD56828" i="1"/>
  <c r="AD56829" i="1"/>
  <c r="AD56830" i="1"/>
  <c r="AD56831" i="1"/>
  <c r="AD56832" i="1"/>
  <c r="AD56833" i="1"/>
  <c r="AD56834" i="1"/>
  <c r="AD56835" i="1"/>
  <c r="AD56836" i="1"/>
  <c r="AD56837" i="1"/>
  <c r="AD56838" i="1"/>
  <c r="AD56839" i="1"/>
  <c r="AD56840" i="1"/>
  <c r="AD56841" i="1"/>
  <c r="AD56842" i="1"/>
  <c r="AD56843" i="1"/>
  <c r="AD56844" i="1"/>
  <c r="AD56845" i="1"/>
  <c r="AD56846" i="1"/>
  <c r="AD56847" i="1"/>
  <c r="AD56848" i="1"/>
  <c r="AD56849" i="1"/>
  <c r="AD56850" i="1"/>
  <c r="AD56851" i="1"/>
  <c r="AD56852" i="1"/>
  <c r="AD56853" i="1"/>
  <c r="AD56854" i="1"/>
  <c r="AD56855" i="1"/>
  <c r="AD56856" i="1"/>
  <c r="AD56857" i="1"/>
  <c r="AD56858" i="1"/>
  <c r="AD56859" i="1"/>
  <c r="AD56860" i="1"/>
  <c r="AD56861" i="1"/>
  <c r="AD56862" i="1"/>
  <c r="AD56863" i="1"/>
  <c r="AD56864" i="1"/>
  <c r="AD56865" i="1"/>
  <c r="AD56866" i="1"/>
  <c r="AD56867" i="1"/>
  <c r="AD56868" i="1"/>
  <c r="AD56869" i="1"/>
  <c r="AD56870" i="1"/>
  <c r="AD56871" i="1"/>
  <c r="AD56872" i="1"/>
  <c r="AD56873" i="1"/>
  <c r="AD56874" i="1"/>
  <c r="AD56875" i="1"/>
  <c r="AD56876" i="1"/>
  <c r="AD56877" i="1"/>
  <c r="AD56878" i="1"/>
  <c r="AD56879" i="1"/>
  <c r="AD56880" i="1"/>
  <c r="AD56881" i="1"/>
  <c r="AD56882" i="1"/>
  <c r="AD56883" i="1"/>
  <c r="AD56884" i="1"/>
  <c r="AD56885" i="1"/>
  <c r="AD56886" i="1"/>
  <c r="AD56887" i="1"/>
  <c r="AD56888" i="1"/>
  <c r="AD56889" i="1"/>
  <c r="AD56890" i="1"/>
  <c r="AD56891" i="1"/>
  <c r="AD56892" i="1"/>
  <c r="AD56893" i="1"/>
  <c r="AD56894" i="1"/>
  <c r="AD56895" i="1"/>
  <c r="AD56896" i="1"/>
  <c r="AD56897" i="1"/>
  <c r="AD56898" i="1"/>
  <c r="AD56899" i="1"/>
  <c r="AD56900" i="1"/>
  <c r="AD56901" i="1"/>
  <c r="AD56902" i="1"/>
  <c r="AD56903" i="1"/>
  <c r="AD56904" i="1"/>
  <c r="AD56905" i="1"/>
  <c r="AD56906" i="1"/>
  <c r="AD56907" i="1"/>
  <c r="AD56908" i="1"/>
  <c r="AD56909" i="1"/>
  <c r="AD56910" i="1"/>
  <c r="AD56911" i="1"/>
  <c r="AD56912" i="1"/>
  <c r="AD56913" i="1"/>
  <c r="AD56914" i="1"/>
  <c r="AD56915" i="1"/>
  <c r="AD56916" i="1"/>
  <c r="AD56917" i="1"/>
  <c r="AD56918" i="1"/>
  <c r="AD56919" i="1"/>
  <c r="AD56920" i="1"/>
  <c r="AD56921" i="1"/>
  <c r="AD56922" i="1"/>
  <c r="AD56923" i="1"/>
  <c r="AD56924" i="1"/>
  <c r="AD56925" i="1"/>
  <c r="AD56926" i="1"/>
  <c r="AD56927" i="1"/>
  <c r="AD56928" i="1"/>
  <c r="AD56929" i="1"/>
  <c r="AD56930" i="1"/>
  <c r="AD56931" i="1"/>
  <c r="AD56932" i="1"/>
  <c r="AD56933" i="1"/>
  <c r="AD56934" i="1"/>
  <c r="AD56935" i="1"/>
  <c r="AD56936" i="1"/>
  <c r="AD56937" i="1"/>
  <c r="AD56938" i="1"/>
  <c r="AD56939" i="1"/>
  <c r="AD56940" i="1"/>
  <c r="AD56941" i="1"/>
  <c r="AD56942" i="1"/>
  <c r="AD56943" i="1"/>
  <c r="AD56944" i="1"/>
  <c r="AD56945" i="1"/>
  <c r="AD56946" i="1"/>
  <c r="AD56947" i="1"/>
  <c r="AD56948" i="1"/>
  <c r="AD56949" i="1"/>
  <c r="AD56950" i="1"/>
  <c r="AD56951" i="1"/>
  <c r="AD56952" i="1"/>
  <c r="AD56953" i="1"/>
  <c r="AD56954" i="1"/>
  <c r="AD56955" i="1"/>
  <c r="AD56956" i="1"/>
  <c r="AD56957" i="1"/>
  <c r="AD56958" i="1"/>
  <c r="AD56959" i="1"/>
  <c r="AD56960" i="1"/>
  <c r="AD56961" i="1"/>
  <c r="AD56962" i="1"/>
  <c r="AD56963" i="1"/>
  <c r="AD56964" i="1"/>
  <c r="AD56965" i="1"/>
  <c r="AD56966" i="1"/>
  <c r="AD56967" i="1"/>
  <c r="AD56968" i="1"/>
  <c r="AD56969" i="1"/>
  <c r="AD56970" i="1"/>
  <c r="AD56971" i="1"/>
  <c r="AD56972" i="1"/>
  <c r="AD56973" i="1"/>
  <c r="AD56974" i="1"/>
  <c r="AD56975" i="1"/>
  <c r="AD56976" i="1"/>
  <c r="AD56977" i="1"/>
  <c r="AD56978" i="1"/>
  <c r="AD56979" i="1"/>
  <c r="AD56980" i="1"/>
  <c r="AD56981" i="1"/>
  <c r="AD56982" i="1"/>
  <c r="AD56983" i="1"/>
  <c r="AD56984" i="1"/>
  <c r="AD56985" i="1"/>
  <c r="AD56986" i="1"/>
  <c r="AD56987" i="1"/>
  <c r="AD56988" i="1"/>
  <c r="AD56989" i="1"/>
  <c r="AD56990" i="1"/>
  <c r="AD56991" i="1"/>
  <c r="AD56992" i="1"/>
  <c r="AD56993" i="1"/>
  <c r="AD56994" i="1"/>
  <c r="AD56995" i="1"/>
  <c r="AD56996" i="1"/>
  <c r="AD56997" i="1"/>
  <c r="AD56998" i="1"/>
  <c r="AD56999" i="1"/>
  <c r="AD57000" i="1"/>
  <c r="AD57001" i="1"/>
  <c r="AD57002" i="1"/>
  <c r="AD57003" i="1"/>
  <c r="AD57004" i="1"/>
  <c r="AD57005" i="1"/>
  <c r="AD57006" i="1"/>
  <c r="AD57007" i="1"/>
  <c r="AD57008" i="1"/>
  <c r="AD57009" i="1"/>
  <c r="AD57010" i="1"/>
  <c r="AD57011" i="1"/>
  <c r="AD57012" i="1"/>
  <c r="AD57013" i="1"/>
  <c r="AD57014" i="1"/>
  <c r="AD57015" i="1"/>
  <c r="AD57016" i="1"/>
  <c r="AD57017" i="1"/>
  <c r="AD57018" i="1"/>
  <c r="AD57019" i="1"/>
  <c r="AD57020" i="1"/>
  <c r="AD57021" i="1"/>
  <c r="AD57022" i="1"/>
  <c r="AD57023" i="1"/>
  <c r="AD57024" i="1"/>
  <c r="AD57025" i="1"/>
  <c r="AD57026" i="1"/>
  <c r="AD57027" i="1"/>
  <c r="AD57028" i="1"/>
  <c r="AD57029" i="1"/>
  <c r="AD57030" i="1"/>
  <c r="AD57031" i="1"/>
  <c r="AD57032" i="1"/>
  <c r="AD57033" i="1"/>
  <c r="AD57034" i="1"/>
  <c r="AD57035" i="1"/>
  <c r="AD57036" i="1"/>
  <c r="AD57037" i="1"/>
  <c r="AD57038" i="1"/>
  <c r="AD57039" i="1"/>
  <c r="AD57040" i="1"/>
  <c r="AD57041" i="1"/>
  <c r="AD57042" i="1"/>
  <c r="AD57043" i="1"/>
  <c r="AD57044" i="1"/>
  <c r="AD57045" i="1"/>
  <c r="AD57046" i="1"/>
  <c r="AD57047" i="1"/>
  <c r="AD57048" i="1"/>
  <c r="AD57049" i="1"/>
  <c r="AD57050" i="1"/>
  <c r="AD57051" i="1"/>
  <c r="AD57052" i="1"/>
  <c r="AD57053" i="1"/>
  <c r="AD57054" i="1"/>
  <c r="AD57055" i="1"/>
  <c r="AD57056" i="1"/>
  <c r="AD57057" i="1"/>
  <c r="AD57058" i="1"/>
  <c r="AD57059" i="1"/>
  <c r="AD57060" i="1"/>
  <c r="AD57061" i="1"/>
  <c r="AD57062" i="1"/>
  <c r="AD57063" i="1"/>
  <c r="AD57064" i="1"/>
  <c r="AD57065" i="1"/>
  <c r="AD57066" i="1"/>
  <c r="AD57067" i="1"/>
  <c r="AD57068" i="1"/>
  <c r="AD57069" i="1"/>
  <c r="AD57070" i="1"/>
  <c r="AD57071" i="1"/>
  <c r="AD57072" i="1"/>
  <c r="AD57073" i="1"/>
  <c r="AD57074" i="1"/>
  <c r="AD57075" i="1"/>
  <c r="AD57076" i="1"/>
  <c r="AD57077" i="1"/>
  <c r="AD57078" i="1"/>
  <c r="AD57079" i="1"/>
  <c r="AD57080" i="1"/>
  <c r="AD57081" i="1"/>
  <c r="AD57082" i="1"/>
  <c r="AD57083" i="1"/>
  <c r="AD57084" i="1"/>
  <c r="AD57085" i="1"/>
  <c r="AD57086" i="1"/>
  <c r="AD57087" i="1"/>
  <c r="AD57088" i="1"/>
  <c r="AD57089" i="1"/>
  <c r="AD57090" i="1"/>
  <c r="AD57091" i="1"/>
  <c r="AD57092" i="1"/>
  <c r="AD57093" i="1"/>
  <c r="AD57094" i="1"/>
  <c r="AD57095" i="1"/>
  <c r="AD57096" i="1"/>
  <c r="AD57097" i="1"/>
  <c r="AD57098" i="1"/>
  <c r="AD57099" i="1"/>
  <c r="AD57100" i="1"/>
  <c r="AD57101" i="1"/>
  <c r="AD57102" i="1"/>
  <c r="AD57103" i="1"/>
  <c r="AD57104" i="1"/>
  <c r="AD57105" i="1"/>
  <c r="AD57106" i="1"/>
  <c r="AD57107" i="1"/>
  <c r="AD57108" i="1"/>
  <c r="AD57109" i="1"/>
  <c r="AD57110" i="1"/>
  <c r="AD57111" i="1"/>
  <c r="AD57112" i="1"/>
  <c r="AD57113" i="1"/>
  <c r="AD57114" i="1"/>
  <c r="AD57115" i="1"/>
  <c r="AD57116" i="1"/>
  <c r="AD57117" i="1"/>
  <c r="AD57118" i="1"/>
  <c r="AD57119" i="1"/>
  <c r="AD57120" i="1"/>
  <c r="AD57121" i="1"/>
  <c r="AD57122" i="1"/>
  <c r="AD57123" i="1"/>
  <c r="AD57124" i="1"/>
  <c r="AD57125" i="1"/>
  <c r="AD57126" i="1"/>
  <c r="AD57127" i="1"/>
  <c r="AD57128" i="1"/>
  <c r="AD57129" i="1"/>
  <c r="AD57130" i="1"/>
  <c r="AD57131" i="1"/>
  <c r="AD57132" i="1"/>
  <c r="AD57133" i="1"/>
  <c r="AD57134" i="1"/>
  <c r="AD57135" i="1"/>
  <c r="AD57136" i="1"/>
  <c r="AD57137" i="1"/>
  <c r="AD57138" i="1"/>
  <c r="AD57139" i="1"/>
  <c r="AD57140" i="1"/>
  <c r="AD57141" i="1"/>
  <c r="AD57142" i="1"/>
  <c r="AD57143" i="1"/>
  <c r="AD57144" i="1"/>
  <c r="AD57145" i="1"/>
  <c r="AD57146" i="1"/>
  <c r="AD57147" i="1"/>
  <c r="AD57148" i="1"/>
  <c r="AD57149" i="1"/>
  <c r="AD57150" i="1"/>
  <c r="AD57151" i="1"/>
  <c r="AD57152" i="1"/>
  <c r="AD57153" i="1"/>
  <c r="AD57154" i="1"/>
  <c r="AD57155" i="1"/>
  <c r="AD57156" i="1"/>
  <c r="AD57157" i="1"/>
  <c r="AD57158" i="1"/>
  <c r="AD57159" i="1"/>
  <c r="AD57160" i="1"/>
  <c r="AD57161" i="1"/>
  <c r="AD57162" i="1"/>
  <c r="AD57163" i="1"/>
  <c r="AD57164" i="1"/>
  <c r="AD57165" i="1"/>
  <c r="AD57166" i="1"/>
  <c r="AD57167" i="1"/>
  <c r="AD57168" i="1"/>
  <c r="AD57169" i="1"/>
  <c r="AD57170" i="1"/>
  <c r="AD57171" i="1"/>
  <c r="AD57172" i="1"/>
  <c r="AD57173" i="1"/>
  <c r="AD57174" i="1"/>
  <c r="AD57175" i="1"/>
  <c r="AD57176" i="1"/>
  <c r="AD57177" i="1"/>
  <c r="AD57178" i="1"/>
  <c r="AD57179" i="1"/>
  <c r="AD57180" i="1"/>
  <c r="AD57181" i="1"/>
  <c r="AD57182" i="1"/>
  <c r="AD57183" i="1"/>
  <c r="AD57184" i="1"/>
  <c r="AD57185" i="1"/>
  <c r="AD57186" i="1"/>
  <c r="AD57187" i="1"/>
  <c r="AD57188" i="1"/>
  <c r="AD57189" i="1"/>
  <c r="AD57190" i="1"/>
  <c r="AD57191" i="1"/>
  <c r="AD57192" i="1"/>
  <c r="AD57193" i="1"/>
  <c r="AD57194" i="1"/>
  <c r="AD57195" i="1"/>
  <c r="AD57196" i="1"/>
  <c r="AD57197" i="1"/>
  <c r="AD57198" i="1"/>
  <c r="AD57199" i="1"/>
  <c r="AD57200" i="1"/>
  <c r="AD57201" i="1"/>
  <c r="AD57202" i="1"/>
  <c r="AD57203" i="1"/>
  <c r="AD57204" i="1"/>
  <c r="AD57205" i="1"/>
  <c r="AD57206" i="1"/>
  <c r="AD57207" i="1"/>
  <c r="AD57208" i="1"/>
  <c r="AD57209" i="1"/>
  <c r="AD57210" i="1"/>
  <c r="AD57211" i="1"/>
  <c r="AD57212" i="1"/>
  <c r="AD57213" i="1"/>
  <c r="AD57214" i="1"/>
  <c r="AD57215" i="1"/>
  <c r="AD57216" i="1"/>
  <c r="AD57217" i="1"/>
  <c r="AD57218" i="1"/>
  <c r="AD57219" i="1"/>
  <c r="AD57220" i="1"/>
  <c r="AD57221" i="1"/>
  <c r="AD57222" i="1"/>
  <c r="AD57223" i="1"/>
  <c r="AD57224" i="1"/>
  <c r="AD57225" i="1"/>
  <c r="AD57226" i="1"/>
  <c r="AD57227" i="1"/>
  <c r="AD57228" i="1"/>
  <c r="AD57229" i="1"/>
  <c r="AD57230" i="1"/>
  <c r="AD57231" i="1"/>
  <c r="AD57232" i="1"/>
  <c r="AD57233" i="1"/>
  <c r="AD57234" i="1"/>
  <c r="AD57235" i="1"/>
  <c r="AD57236" i="1"/>
  <c r="AD57237" i="1"/>
  <c r="AD57238" i="1"/>
  <c r="AD57239" i="1"/>
  <c r="AD57240" i="1"/>
  <c r="AD57241" i="1"/>
  <c r="AD57242" i="1"/>
  <c r="AD57243" i="1"/>
  <c r="AD57244" i="1"/>
  <c r="AD57245" i="1"/>
  <c r="AD57246" i="1"/>
  <c r="AD57247" i="1"/>
  <c r="AD57248" i="1"/>
  <c r="AD57249" i="1"/>
  <c r="AD57250" i="1"/>
  <c r="AD57251" i="1"/>
  <c r="AD57252" i="1"/>
  <c r="AD57253" i="1"/>
  <c r="AD57254" i="1"/>
  <c r="AD57255" i="1"/>
  <c r="AD57256" i="1"/>
  <c r="AD57257" i="1"/>
  <c r="AD57258" i="1"/>
  <c r="AD57259" i="1"/>
  <c r="AD57260" i="1"/>
  <c r="AD57261" i="1"/>
  <c r="AD57262" i="1"/>
  <c r="AD57263" i="1"/>
  <c r="AD57264" i="1"/>
  <c r="AD57265" i="1"/>
  <c r="AD57266" i="1"/>
  <c r="AD57267" i="1"/>
  <c r="AD57268" i="1"/>
  <c r="AD57269" i="1"/>
  <c r="AD57270" i="1"/>
  <c r="AD57271" i="1"/>
  <c r="AD57272" i="1"/>
  <c r="AD57273" i="1"/>
  <c r="AD57274" i="1"/>
  <c r="AD57275" i="1"/>
  <c r="AD57276" i="1"/>
  <c r="AD57277" i="1"/>
  <c r="AD57278" i="1"/>
  <c r="AD57279" i="1"/>
  <c r="AD57280" i="1"/>
  <c r="AD57281" i="1"/>
  <c r="AD57282" i="1"/>
  <c r="AD57283" i="1"/>
  <c r="AD57284" i="1"/>
  <c r="AD57285" i="1"/>
  <c r="AD57286" i="1"/>
  <c r="AD57287" i="1"/>
  <c r="AD57288" i="1"/>
  <c r="AD57289" i="1"/>
  <c r="AD57290" i="1"/>
  <c r="AD57291" i="1"/>
  <c r="AD57292" i="1"/>
  <c r="AD57293" i="1"/>
  <c r="AD57294" i="1"/>
  <c r="AD57295" i="1"/>
  <c r="AD57296" i="1"/>
  <c r="AD57297" i="1"/>
  <c r="AD57298" i="1"/>
  <c r="AD57299" i="1"/>
  <c r="AD57300" i="1"/>
  <c r="AD57301" i="1"/>
  <c r="AD57302" i="1"/>
  <c r="AD57303" i="1"/>
  <c r="AD57304" i="1"/>
  <c r="AD57305" i="1"/>
  <c r="AD57306" i="1"/>
  <c r="AD57307" i="1"/>
  <c r="AD57308" i="1"/>
  <c r="AD57309" i="1"/>
  <c r="AD57310" i="1"/>
  <c r="AD57311" i="1"/>
  <c r="AD57312" i="1"/>
  <c r="AD57313" i="1"/>
  <c r="AD57314" i="1"/>
  <c r="AD57315" i="1"/>
  <c r="AD57316" i="1"/>
  <c r="AD57317" i="1"/>
  <c r="AD57318" i="1"/>
  <c r="AD57319" i="1"/>
  <c r="AD57320" i="1"/>
  <c r="AD57321" i="1"/>
  <c r="AD57322" i="1"/>
  <c r="AD57323" i="1"/>
  <c r="AD57324" i="1"/>
  <c r="AD57325" i="1"/>
  <c r="AD57326" i="1"/>
  <c r="AD57327" i="1"/>
  <c r="AD57328" i="1"/>
  <c r="AD57329" i="1"/>
  <c r="AD57330" i="1"/>
  <c r="AD57331" i="1"/>
  <c r="AD57332" i="1"/>
  <c r="AD57333" i="1"/>
  <c r="AD57334" i="1"/>
  <c r="AD57335" i="1"/>
  <c r="AD57336" i="1"/>
  <c r="AD57337" i="1"/>
  <c r="AD57338" i="1"/>
  <c r="AD57339" i="1"/>
  <c r="AD57340" i="1"/>
  <c r="AD57341" i="1"/>
  <c r="AD57342" i="1"/>
  <c r="AD57343" i="1"/>
  <c r="AD57344" i="1"/>
  <c r="AD57345" i="1"/>
  <c r="AD57346" i="1"/>
  <c r="AD57347" i="1"/>
  <c r="AD57348" i="1"/>
  <c r="AD57349" i="1"/>
  <c r="AD57350" i="1"/>
  <c r="AD57351" i="1"/>
  <c r="AD57352" i="1"/>
  <c r="AD57353" i="1"/>
  <c r="AD57354" i="1"/>
  <c r="AD57355" i="1"/>
  <c r="AD57356" i="1"/>
  <c r="AD57357" i="1"/>
  <c r="AD57358" i="1"/>
  <c r="AD57359" i="1"/>
  <c r="AD57360" i="1"/>
  <c r="AD57361" i="1"/>
  <c r="AD57362" i="1"/>
  <c r="AD57363" i="1"/>
  <c r="AD57364" i="1"/>
  <c r="AD57365" i="1"/>
  <c r="AD57366" i="1"/>
  <c r="AD57367" i="1"/>
  <c r="AD57368" i="1"/>
  <c r="AD57369" i="1"/>
  <c r="AD57370" i="1"/>
  <c r="AD57371" i="1"/>
  <c r="AD57372" i="1"/>
  <c r="AD57373" i="1"/>
  <c r="AD57374" i="1"/>
  <c r="AD57375" i="1"/>
  <c r="AD57376" i="1"/>
  <c r="AD57377" i="1"/>
  <c r="AD57378" i="1"/>
  <c r="AD57379" i="1"/>
  <c r="AD57380" i="1"/>
  <c r="AD57381" i="1"/>
  <c r="AD57382" i="1"/>
  <c r="AD57383" i="1"/>
  <c r="AD57384" i="1"/>
  <c r="AD57385" i="1"/>
  <c r="AD57386" i="1"/>
  <c r="AD57387" i="1"/>
  <c r="AD57388" i="1"/>
  <c r="AD57389" i="1"/>
  <c r="AD57390" i="1"/>
  <c r="AD57391" i="1"/>
  <c r="AD57392" i="1"/>
  <c r="AD57393" i="1"/>
  <c r="AD57394" i="1"/>
  <c r="AD57395" i="1"/>
  <c r="AD57396" i="1"/>
  <c r="AD57397" i="1"/>
  <c r="AD57398" i="1"/>
  <c r="AD57399" i="1"/>
  <c r="AD57400" i="1"/>
  <c r="AD57401" i="1"/>
  <c r="AD57402" i="1"/>
  <c r="AD57403" i="1"/>
  <c r="AD57404" i="1"/>
  <c r="AD57405" i="1"/>
  <c r="AD57406" i="1"/>
  <c r="AD57407" i="1"/>
  <c r="AD57408" i="1"/>
  <c r="AD57409" i="1"/>
  <c r="AD57410" i="1"/>
  <c r="AD57411" i="1"/>
  <c r="AD57412" i="1"/>
  <c r="AD57413" i="1"/>
  <c r="AD57414" i="1"/>
  <c r="AD57415" i="1"/>
  <c r="AD57416" i="1"/>
  <c r="AD57417" i="1"/>
  <c r="AD57418" i="1"/>
  <c r="AD57419" i="1"/>
  <c r="AD57420" i="1"/>
  <c r="AD57421" i="1"/>
  <c r="AD57422" i="1"/>
  <c r="AD57423" i="1"/>
  <c r="AD57424" i="1"/>
  <c r="AD57425" i="1"/>
  <c r="AD57426" i="1"/>
  <c r="AD57427" i="1"/>
  <c r="AD57428" i="1"/>
  <c r="AD57429" i="1"/>
  <c r="AD57430" i="1"/>
  <c r="AD57431" i="1"/>
  <c r="AD57432" i="1"/>
  <c r="AD57433" i="1"/>
  <c r="AD57434" i="1"/>
  <c r="AD57435" i="1"/>
  <c r="AD57436" i="1"/>
  <c r="AD57437" i="1"/>
  <c r="AD57438" i="1"/>
  <c r="AD57439" i="1"/>
  <c r="AD57440" i="1"/>
  <c r="AD57441" i="1"/>
  <c r="AD57442" i="1"/>
  <c r="AD57443" i="1"/>
  <c r="AD57444" i="1"/>
  <c r="AD57445" i="1"/>
  <c r="AD57446" i="1"/>
  <c r="AD57447" i="1"/>
  <c r="AD57448" i="1"/>
  <c r="AD57449" i="1"/>
  <c r="AD57450" i="1"/>
  <c r="AD57451" i="1"/>
  <c r="AD57452" i="1"/>
  <c r="AD57453" i="1"/>
  <c r="AD57454" i="1"/>
  <c r="AD57455" i="1"/>
  <c r="AD57456" i="1"/>
  <c r="AD57457" i="1"/>
  <c r="AD57458" i="1"/>
  <c r="AD57459" i="1"/>
  <c r="AD57460" i="1"/>
  <c r="AD57461" i="1"/>
  <c r="AD57462" i="1"/>
  <c r="AD57463" i="1"/>
  <c r="AD57464" i="1"/>
  <c r="AD57465" i="1"/>
  <c r="AD57466" i="1"/>
  <c r="AD57467" i="1"/>
  <c r="AD57468" i="1"/>
  <c r="AD57469" i="1"/>
  <c r="AD57470" i="1"/>
  <c r="AD57471" i="1"/>
  <c r="AD57472" i="1"/>
  <c r="AD57473" i="1"/>
  <c r="AD57474" i="1"/>
  <c r="AD57475" i="1"/>
  <c r="AD57476" i="1"/>
  <c r="AD57477" i="1"/>
  <c r="AD57478" i="1"/>
  <c r="AD57479" i="1"/>
  <c r="AD57480" i="1"/>
  <c r="AD57481" i="1"/>
  <c r="AD57482" i="1"/>
  <c r="AD57483" i="1"/>
  <c r="AD57484" i="1"/>
  <c r="AD57485" i="1"/>
  <c r="AD57486" i="1"/>
  <c r="AD57487" i="1"/>
  <c r="AD57488" i="1"/>
  <c r="AD57489" i="1"/>
  <c r="AD57490" i="1"/>
  <c r="AD57491" i="1"/>
  <c r="AD57492" i="1"/>
  <c r="AD57493" i="1"/>
  <c r="AD57494" i="1"/>
  <c r="AD57495" i="1"/>
  <c r="AD57496" i="1"/>
  <c r="AD57497" i="1"/>
  <c r="AD57498" i="1"/>
  <c r="AD57499" i="1"/>
  <c r="AD57500" i="1"/>
  <c r="AD57501" i="1"/>
  <c r="AD57502" i="1"/>
  <c r="AD57503" i="1"/>
  <c r="AD57504" i="1"/>
  <c r="AD57505" i="1"/>
  <c r="AD57506" i="1"/>
  <c r="AD57507" i="1"/>
  <c r="AD57508" i="1"/>
  <c r="AD57509" i="1"/>
  <c r="AD57510" i="1"/>
  <c r="AD57511" i="1"/>
  <c r="AD57512" i="1"/>
  <c r="AD57513" i="1"/>
  <c r="AD57514" i="1"/>
  <c r="AD57515" i="1"/>
  <c r="AD57516" i="1"/>
  <c r="AD57517" i="1"/>
  <c r="AD57518" i="1"/>
  <c r="AD57519" i="1"/>
  <c r="AD57520" i="1"/>
  <c r="AD57521" i="1"/>
  <c r="AD57522" i="1"/>
  <c r="AD57523" i="1"/>
  <c r="AD57524" i="1"/>
  <c r="AD57525" i="1"/>
  <c r="AD57526" i="1"/>
  <c r="AD57527" i="1"/>
  <c r="AD57528" i="1"/>
  <c r="AD57529" i="1"/>
  <c r="AD57530" i="1"/>
  <c r="AD57531" i="1"/>
  <c r="AD57532" i="1"/>
  <c r="AD57533" i="1"/>
  <c r="AD57534" i="1"/>
  <c r="AD57535" i="1"/>
  <c r="AD57536" i="1"/>
  <c r="AD57537" i="1"/>
  <c r="AD57538" i="1"/>
  <c r="AD57539" i="1"/>
  <c r="AD57540" i="1"/>
  <c r="AD57541" i="1"/>
  <c r="AD57542" i="1"/>
  <c r="AD57543" i="1"/>
  <c r="AD57544" i="1"/>
  <c r="AD57545" i="1"/>
  <c r="AD57546" i="1"/>
  <c r="AD57547" i="1"/>
  <c r="AD57548" i="1"/>
  <c r="AD57549" i="1"/>
  <c r="AD57550" i="1"/>
  <c r="AD57551" i="1"/>
  <c r="AD57552" i="1"/>
  <c r="AD57553" i="1"/>
  <c r="AD57554" i="1"/>
  <c r="AD57555" i="1"/>
  <c r="AD57556" i="1"/>
  <c r="AD57557" i="1"/>
  <c r="AD57558" i="1"/>
  <c r="AD57559" i="1"/>
  <c r="AD57560" i="1"/>
  <c r="AD57561" i="1"/>
  <c r="AD57562" i="1"/>
  <c r="AD57563" i="1"/>
  <c r="AD57564" i="1"/>
  <c r="AD57565" i="1"/>
  <c r="AD57566" i="1"/>
  <c r="AD57567" i="1"/>
  <c r="AD57568" i="1"/>
  <c r="AD57569" i="1"/>
  <c r="AD57570" i="1"/>
  <c r="AD57571" i="1"/>
  <c r="AD57572" i="1"/>
  <c r="AD57573" i="1"/>
  <c r="AD57574" i="1"/>
  <c r="AD57575" i="1"/>
  <c r="AD57576" i="1"/>
  <c r="AD57577" i="1"/>
  <c r="AD57578" i="1"/>
  <c r="AD57579" i="1"/>
  <c r="AD57580" i="1"/>
  <c r="AD57581" i="1"/>
  <c r="AD57582" i="1"/>
  <c r="AD57583" i="1"/>
  <c r="AD57584" i="1"/>
  <c r="AD57585" i="1"/>
  <c r="AD57586" i="1"/>
  <c r="AD57587" i="1"/>
  <c r="AD57588" i="1"/>
  <c r="AD57589" i="1"/>
  <c r="AD57590" i="1"/>
  <c r="AD57591" i="1"/>
  <c r="AD57592" i="1"/>
  <c r="AD57593" i="1"/>
  <c r="AD57594" i="1"/>
  <c r="AD57595" i="1"/>
  <c r="AD57596" i="1"/>
  <c r="AD57597" i="1"/>
  <c r="AD57598" i="1"/>
  <c r="AD57599" i="1"/>
  <c r="AD57600" i="1"/>
  <c r="AD57601" i="1"/>
  <c r="AD57602" i="1"/>
  <c r="AD57603" i="1"/>
  <c r="AD57604" i="1"/>
  <c r="AD57605" i="1"/>
  <c r="AD57606" i="1"/>
  <c r="AD57607" i="1"/>
  <c r="AD57608" i="1"/>
  <c r="AD57609" i="1"/>
  <c r="AD57610" i="1"/>
  <c r="AD57611" i="1"/>
  <c r="AD57612" i="1"/>
  <c r="AD57613" i="1"/>
  <c r="AD57614" i="1"/>
  <c r="AD57615" i="1"/>
  <c r="AD57616" i="1"/>
  <c r="AD57617" i="1"/>
  <c r="AD57618" i="1"/>
  <c r="AD57619" i="1"/>
  <c r="AD57620" i="1"/>
  <c r="AD57621" i="1"/>
  <c r="AD57622" i="1"/>
  <c r="AD57623" i="1"/>
  <c r="AD57624" i="1"/>
  <c r="AD57625" i="1"/>
  <c r="AD57626" i="1"/>
  <c r="AD57627" i="1"/>
  <c r="AD57628" i="1"/>
  <c r="AD57629" i="1"/>
  <c r="AD57630" i="1"/>
  <c r="AD57631" i="1"/>
  <c r="AD57632" i="1"/>
  <c r="AD57633" i="1"/>
  <c r="AD57634" i="1"/>
  <c r="AD57635" i="1"/>
  <c r="AD57636" i="1"/>
  <c r="AD57637" i="1"/>
  <c r="AD57638" i="1"/>
  <c r="AD57639" i="1"/>
  <c r="AD57640" i="1"/>
  <c r="AD57641" i="1"/>
  <c r="AD57642" i="1"/>
  <c r="AD57643" i="1"/>
  <c r="AD57644" i="1"/>
  <c r="AD57645" i="1"/>
  <c r="AD57646" i="1"/>
  <c r="AD57647" i="1"/>
  <c r="AD57648" i="1"/>
  <c r="AD57649" i="1"/>
  <c r="AD57650" i="1"/>
  <c r="AD57651" i="1"/>
  <c r="AD57652" i="1"/>
  <c r="AD57653" i="1"/>
  <c r="AD57654" i="1"/>
  <c r="AD57655" i="1"/>
  <c r="AD57656" i="1"/>
  <c r="AD57657" i="1"/>
  <c r="AD57658" i="1"/>
  <c r="AD57659" i="1"/>
  <c r="AD57660" i="1"/>
  <c r="AD57661" i="1"/>
  <c r="AD57662" i="1"/>
  <c r="AD57663" i="1"/>
  <c r="AD57664" i="1"/>
  <c r="AD57665" i="1"/>
  <c r="AD57666" i="1"/>
  <c r="AD57667" i="1"/>
  <c r="AD57668" i="1"/>
  <c r="AD57669" i="1"/>
  <c r="AD57670" i="1"/>
  <c r="AD57671" i="1"/>
  <c r="AD57672" i="1"/>
  <c r="AD57673" i="1"/>
  <c r="AD57674" i="1"/>
  <c r="AD57675" i="1"/>
  <c r="AD57676" i="1"/>
  <c r="AD57677" i="1"/>
  <c r="AD57678" i="1"/>
  <c r="AD57679" i="1"/>
  <c r="AD57680" i="1"/>
  <c r="AD57681" i="1"/>
  <c r="AD57682" i="1"/>
  <c r="AD57683" i="1"/>
  <c r="AD57684" i="1"/>
  <c r="AD57685" i="1"/>
  <c r="AD57686" i="1"/>
  <c r="AD57687" i="1"/>
  <c r="AD57688" i="1"/>
  <c r="AD57689" i="1"/>
  <c r="AD57690" i="1"/>
  <c r="AD57691" i="1"/>
  <c r="AD57692" i="1"/>
  <c r="AD57693" i="1"/>
  <c r="AD57694" i="1"/>
  <c r="AD57695" i="1"/>
  <c r="AD57696" i="1"/>
  <c r="AD57697" i="1"/>
  <c r="AD57698" i="1"/>
  <c r="AD57699" i="1"/>
  <c r="AD57700" i="1"/>
  <c r="AD57701" i="1"/>
  <c r="AD57702" i="1"/>
  <c r="AD57703" i="1"/>
  <c r="AD57704" i="1"/>
  <c r="AD57705" i="1"/>
  <c r="AD57706" i="1"/>
  <c r="AD57707" i="1"/>
  <c r="AD57708" i="1"/>
  <c r="AD57709" i="1"/>
  <c r="AD57710" i="1"/>
  <c r="AD57711" i="1"/>
  <c r="AD57712" i="1"/>
  <c r="AD57713" i="1"/>
  <c r="AD57714" i="1"/>
  <c r="AD57715" i="1"/>
  <c r="AD57716" i="1"/>
  <c r="AD57717" i="1"/>
  <c r="AD57718" i="1"/>
  <c r="AD57719" i="1"/>
  <c r="AD57720" i="1"/>
  <c r="AD57721" i="1"/>
  <c r="AD57722" i="1"/>
  <c r="AD57723" i="1"/>
  <c r="AD57724" i="1"/>
  <c r="AD57725" i="1"/>
  <c r="AD57726" i="1"/>
  <c r="AD57727" i="1"/>
  <c r="AD57728" i="1"/>
  <c r="AD57729" i="1"/>
  <c r="AD57730" i="1"/>
  <c r="AD57731" i="1"/>
  <c r="AD57732" i="1"/>
  <c r="AD57733" i="1"/>
  <c r="AD57734" i="1"/>
  <c r="AD57735" i="1"/>
  <c r="AD57736" i="1"/>
  <c r="AD57737" i="1"/>
  <c r="AD57738" i="1"/>
  <c r="AD57739" i="1"/>
  <c r="AD57740" i="1"/>
  <c r="AD57741" i="1"/>
  <c r="AD57742" i="1"/>
  <c r="AD57743" i="1"/>
  <c r="AD57744" i="1"/>
  <c r="AD57745" i="1"/>
  <c r="AD57746" i="1"/>
  <c r="AD57747" i="1"/>
  <c r="AD57748" i="1"/>
  <c r="AD57749" i="1"/>
  <c r="AD57750" i="1"/>
  <c r="AD57751" i="1"/>
  <c r="AD57752" i="1"/>
  <c r="AD57753" i="1"/>
  <c r="AD57754" i="1"/>
  <c r="AD57755" i="1"/>
  <c r="AD57756" i="1"/>
  <c r="AD57757" i="1"/>
  <c r="AD57758" i="1"/>
  <c r="AD57759" i="1"/>
  <c r="AD57760" i="1"/>
  <c r="AD57761" i="1"/>
  <c r="AD57762" i="1"/>
  <c r="AD57763" i="1"/>
  <c r="AD57764" i="1"/>
  <c r="AD57765" i="1"/>
  <c r="AD57766" i="1"/>
  <c r="AD57767" i="1"/>
  <c r="AD57768" i="1"/>
  <c r="AD57769" i="1"/>
  <c r="AD57770" i="1"/>
  <c r="AD57771" i="1"/>
  <c r="AD57772" i="1"/>
  <c r="AD57773" i="1"/>
  <c r="AD57774" i="1"/>
  <c r="AD57775" i="1"/>
  <c r="AD57776" i="1"/>
  <c r="AD57777" i="1"/>
  <c r="AD57778" i="1"/>
  <c r="AD57779" i="1"/>
  <c r="AD57780" i="1"/>
  <c r="AD57781" i="1"/>
  <c r="AD57782" i="1"/>
  <c r="AD57783" i="1"/>
  <c r="AD57784" i="1"/>
  <c r="AD57785" i="1"/>
  <c r="AD57786" i="1"/>
  <c r="AD57787" i="1"/>
  <c r="AD57788" i="1"/>
  <c r="AD57789" i="1"/>
  <c r="AD57790" i="1"/>
  <c r="AD57791" i="1"/>
  <c r="AD57792" i="1"/>
  <c r="AD57793" i="1"/>
  <c r="AD57794" i="1"/>
  <c r="AD57795" i="1"/>
  <c r="AD57796" i="1"/>
  <c r="AD57797" i="1"/>
  <c r="AD57798" i="1"/>
  <c r="AD57799" i="1"/>
  <c r="AD57800" i="1"/>
  <c r="AD57801" i="1"/>
  <c r="AD57802" i="1"/>
  <c r="AD57803" i="1"/>
  <c r="AD57804" i="1"/>
  <c r="AD57805" i="1"/>
  <c r="AD57806" i="1"/>
  <c r="AD57807" i="1"/>
  <c r="AD57808" i="1"/>
  <c r="AD57809" i="1"/>
  <c r="AD57810" i="1"/>
  <c r="AD57811" i="1"/>
  <c r="AD57812" i="1"/>
  <c r="AD57813" i="1"/>
  <c r="AD57814" i="1"/>
  <c r="AD57815" i="1"/>
  <c r="AD57816" i="1"/>
  <c r="AD57817" i="1"/>
  <c r="AD57818" i="1"/>
  <c r="AD57819" i="1"/>
  <c r="AD57820" i="1"/>
  <c r="AD57821" i="1"/>
  <c r="AD57822" i="1"/>
  <c r="AD57823" i="1"/>
  <c r="AD57824" i="1"/>
  <c r="AD57825" i="1"/>
  <c r="AD57826" i="1"/>
  <c r="AD57827" i="1"/>
  <c r="AD57828" i="1"/>
  <c r="AD57829" i="1"/>
  <c r="AD57830" i="1"/>
  <c r="AD57831" i="1"/>
  <c r="AD57832" i="1"/>
  <c r="AD57833" i="1"/>
  <c r="AD57834" i="1"/>
  <c r="AD57835" i="1"/>
  <c r="AD57836" i="1"/>
  <c r="AD57837" i="1"/>
  <c r="AD57838" i="1"/>
  <c r="AD57839" i="1"/>
  <c r="AD57840" i="1"/>
  <c r="AD57841" i="1"/>
  <c r="AD57842" i="1"/>
  <c r="AD57843" i="1"/>
  <c r="AD57844" i="1"/>
  <c r="AD57845" i="1"/>
  <c r="AD57846" i="1"/>
  <c r="AD57847" i="1"/>
  <c r="AD57848" i="1"/>
  <c r="AD57849" i="1"/>
  <c r="AD57850" i="1"/>
  <c r="AD57851" i="1"/>
  <c r="AD57852" i="1"/>
  <c r="AD57853" i="1"/>
  <c r="AD57854" i="1"/>
  <c r="AD57855" i="1"/>
  <c r="AD57856" i="1"/>
  <c r="AD57857" i="1"/>
  <c r="AD57858" i="1"/>
  <c r="AD57859" i="1"/>
  <c r="AD57860" i="1"/>
  <c r="AD57861" i="1"/>
  <c r="AD57862" i="1"/>
  <c r="AD57863" i="1"/>
  <c r="AD57864" i="1"/>
  <c r="AD57865" i="1"/>
  <c r="AD57866" i="1"/>
  <c r="AD57867" i="1"/>
  <c r="AD57868" i="1"/>
  <c r="AD57869" i="1"/>
  <c r="AD57870" i="1"/>
  <c r="AD57871" i="1"/>
  <c r="AD57872" i="1"/>
  <c r="AD57873" i="1"/>
  <c r="AD57874" i="1"/>
  <c r="AD57875" i="1"/>
  <c r="AD57876" i="1"/>
  <c r="AD57877" i="1"/>
  <c r="AD57878" i="1"/>
  <c r="AD57879" i="1"/>
  <c r="AD57880" i="1"/>
  <c r="AD57881" i="1"/>
  <c r="AD57882" i="1"/>
  <c r="AD57883" i="1"/>
  <c r="AD57884" i="1"/>
  <c r="AD57885" i="1"/>
  <c r="AD57886" i="1"/>
  <c r="AD57887" i="1"/>
  <c r="AD57888" i="1"/>
  <c r="AD57889" i="1"/>
  <c r="AD57890" i="1"/>
  <c r="AD57891" i="1"/>
  <c r="AD57892" i="1"/>
  <c r="AD57893" i="1"/>
  <c r="AD57894" i="1"/>
  <c r="AD57895" i="1"/>
  <c r="AD57896" i="1"/>
  <c r="AD57897" i="1"/>
  <c r="AD57898" i="1"/>
  <c r="AD57899" i="1"/>
  <c r="AD57900" i="1"/>
  <c r="AD57901" i="1"/>
  <c r="AD57902" i="1"/>
  <c r="AD57903" i="1"/>
  <c r="AD57904" i="1"/>
  <c r="AD57905" i="1"/>
  <c r="AD57906" i="1"/>
  <c r="AD57907" i="1"/>
  <c r="AD57908" i="1"/>
  <c r="AD57909" i="1"/>
  <c r="AD57910" i="1"/>
  <c r="AD57911" i="1"/>
  <c r="AD57912" i="1"/>
  <c r="AD57913" i="1"/>
  <c r="AD57914" i="1"/>
  <c r="AD57915" i="1"/>
  <c r="AD57916" i="1"/>
  <c r="AD57917" i="1"/>
  <c r="AD57918" i="1"/>
  <c r="AD57919" i="1"/>
  <c r="AD57920" i="1"/>
  <c r="AD57921" i="1"/>
  <c r="AD57922" i="1"/>
  <c r="AD57923" i="1"/>
  <c r="AD57924" i="1"/>
  <c r="AD57925" i="1"/>
  <c r="AD57926" i="1"/>
  <c r="AD57927" i="1"/>
  <c r="AD57928" i="1"/>
  <c r="AD57929" i="1"/>
  <c r="AD57930" i="1"/>
  <c r="AD57931" i="1"/>
  <c r="AD57932" i="1"/>
  <c r="AD57933" i="1"/>
  <c r="AD57934" i="1"/>
  <c r="AD57935" i="1"/>
  <c r="AD57936" i="1"/>
  <c r="AD57937" i="1"/>
  <c r="AD57938" i="1"/>
  <c r="AD57939" i="1"/>
  <c r="AD57940" i="1"/>
  <c r="AD57941" i="1"/>
  <c r="AD57942" i="1"/>
  <c r="AD57943" i="1"/>
  <c r="AD57944" i="1"/>
  <c r="AD57945" i="1"/>
  <c r="AD57946" i="1"/>
  <c r="AD57947" i="1"/>
  <c r="AD57948" i="1"/>
  <c r="AD57949" i="1"/>
  <c r="AD57950" i="1"/>
  <c r="AD57951" i="1"/>
  <c r="AD57952" i="1"/>
  <c r="AD57953" i="1"/>
  <c r="AD57954" i="1"/>
  <c r="AD57955" i="1"/>
  <c r="AD57956" i="1"/>
  <c r="AD57957" i="1"/>
  <c r="AD57958" i="1"/>
  <c r="AD57959" i="1"/>
  <c r="AD57960" i="1"/>
  <c r="AD57961" i="1"/>
  <c r="AD57962" i="1"/>
  <c r="AD57963" i="1"/>
  <c r="AD57964" i="1"/>
  <c r="AD57965" i="1"/>
  <c r="AD57966" i="1"/>
  <c r="AD57967" i="1"/>
  <c r="AD57968" i="1"/>
  <c r="AD57969" i="1"/>
  <c r="AD57970" i="1"/>
  <c r="AD57971" i="1"/>
  <c r="AD57972" i="1"/>
  <c r="AD57973" i="1"/>
  <c r="AD57974" i="1"/>
  <c r="AD57975" i="1"/>
  <c r="AD57976" i="1"/>
  <c r="AD57977" i="1"/>
  <c r="AD57978" i="1"/>
  <c r="AD57979" i="1"/>
  <c r="AD57980" i="1"/>
  <c r="AD57981" i="1"/>
  <c r="AD57982" i="1"/>
  <c r="AD57983" i="1"/>
  <c r="AD57984" i="1"/>
  <c r="AD57985" i="1"/>
  <c r="AD57986" i="1"/>
  <c r="AD57987" i="1"/>
  <c r="AD57988" i="1"/>
  <c r="AD57989" i="1"/>
  <c r="AD57990" i="1"/>
  <c r="AD57991" i="1"/>
  <c r="AD57992" i="1"/>
  <c r="AD57993" i="1"/>
  <c r="AD57994" i="1"/>
  <c r="AD57995" i="1"/>
  <c r="AD57996" i="1"/>
  <c r="AD57997" i="1"/>
  <c r="AD57998" i="1"/>
  <c r="AD57999" i="1"/>
  <c r="AD58000" i="1"/>
  <c r="AD58001" i="1"/>
  <c r="AD58002" i="1"/>
  <c r="AD58003" i="1"/>
  <c r="AD58004" i="1"/>
  <c r="AD58005" i="1"/>
  <c r="AD58006" i="1"/>
  <c r="AD58007" i="1"/>
  <c r="AD58008" i="1"/>
  <c r="AD58009" i="1"/>
  <c r="AD58010" i="1"/>
  <c r="AD58011" i="1"/>
  <c r="AD58012" i="1"/>
  <c r="AD58013" i="1"/>
  <c r="AD58014" i="1"/>
  <c r="AD58015" i="1"/>
  <c r="AD58016" i="1"/>
  <c r="AD58017" i="1"/>
  <c r="AD58018" i="1"/>
  <c r="AD58019" i="1"/>
  <c r="AD58020" i="1"/>
  <c r="AD58021" i="1"/>
  <c r="AD58022" i="1"/>
  <c r="AD58023" i="1"/>
  <c r="AD58024" i="1"/>
  <c r="AD58025" i="1"/>
  <c r="AD58026" i="1"/>
  <c r="AD58027" i="1"/>
  <c r="AD58028" i="1"/>
  <c r="AD58029" i="1"/>
  <c r="AD58030" i="1"/>
  <c r="AD58031" i="1"/>
  <c r="AD58032" i="1"/>
  <c r="AD58033" i="1"/>
  <c r="AD58034" i="1"/>
  <c r="AD58035" i="1"/>
  <c r="AD58036" i="1"/>
  <c r="AD58037" i="1"/>
  <c r="AD58038" i="1"/>
  <c r="AD58039" i="1"/>
  <c r="AD58040" i="1"/>
  <c r="AD58041" i="1"/>
  <c r="AD58042" i="1"/>
  <c r="AD58043" i="1"/>
  <c r="AD58044" i="1"/>
  <c r="AD58045" i="1"/>
  <c r="AD58046" i="1"/>
  <c r="AD58047" i="1"/>
  <c r="AD58048" i="1"/>
  <c r="AD58049" i="1"/>
  <c r="AD58050" i="1"/>
  <c r="AD58051" i="1"/>
  <c r="AD58052" i="1"/>
  <c r="AD58053" i="1"/>
  <c r="AD58054" i="1"/>
  <c r="AD58055" i="1"/>
  <c r="AD58056" i="1"/>
  <c r="AD58057" i="1"/>
  <c r="AD58058" i="1"/>
  <c r="AD58059" i="1"/>
  <c r="AD58060" i="1"/>
  <c r="AD58061" i="1"/>
  <c r="AD58062" i="1"/>
  <c r="AD58063" i="1"/>
  <c r="AD58064" i="1"/>
  <c r="AD58065" i="1"/>
  <c r="AD58066" i="1"/>
  <c r="AD58067" i="1"/>
  <c r="AD58068" i="1"/>
  <c r="AD58069" i="1"/>
  <c r="AD58070" i="1"/>
  <c r="AD58071" i="1"/>
  <c r="AD58072" i="1"/>
  <c r="AD58073" i="1"/>
  <c r="AD58074" i="1"/>
  <c r="AD58075" i="1"/>
  <c r="AD58076" i="1"/>
  <c r="AD58077" i="1"/>
  <c r="AD58078" i="1"/>
  <c r="AD58079" i="1"/>
  <c r="AD58080" i="1"/>
  <c r="AD58081" i="1"/>
  <c r="AD58082" i="1"/>
  <c r="AD58083" i="1"/>
  <c r="AD58084" i="1"/>
  <c r="AD58085" i="1"/>
  <c r="AD58086" i="1"/>
  <c r="AD58087" i="1"/>
  <c r="AD58088" i="1"/>
  <c r="AD58089" i="1"/>
  <c r="AD58090" i="1"/>
  <c r="AD58091" i="1"/>
  <c r="AD58092" i="1"/>
  <c r="AD58093" i="1"/>
  <c r="AD58094" i="1"/>
  <c r="AD58095" i="1"/>
  <c r="AD58096" i="1"/>
  <c r="AD58097" i="1"/>
  <c r="AD58098" i="1"/>
  <c r="AD58099" i="1"/>
  <c r="AD58100" i="1"/>
  <c r="AD58101" i="1"/>
  <c r="AD58102" i="1"/>
  <c r="AD58103" i="1"/>
  <c r="AD58104" i="1"/>
  <c r="AD58105" i="1"/>
  <c r="AD58106" i="1"/>
  <c r="AD58107" i="1"/>
  <c r="AD58108" i="1"/>
  <c r="AD58109" i="1"/>
  <c r="AD58110" i="1"/>
  <c r="AD58111" i="1"/>
  <c r="AD58112" i="1"/>
  <c r="AD58113" i="1"/>
  <c r="AD58114" i="1"/>
  <c r="AD58115" i="1"/>
  <c r="AD58116" i="1"/>
  <c r="AD58117" i="1"/>
  <c r="AD58118" i="1"/>
  <c r="AD58119" i="1"/>
  <c r="AD58120" i="1"/>
  <c r="AD58121" i="1"/>
  <c r="AD58122" i="1"/>
  <c r="AD58123" i="1"/>
  <c r="AD58124" i="1"/>
  <c r="AD58125" i="1"/>
  <c r="AD58126" i="1"/>
  <c r="AD58127" i="1"/>
  <c r="AD58128" i="1"/>
  <c r="AD58129" i="1"/>
  <c r="AD58130" i="1"/>
  <c r="AD58131" i="1"/>
  <c r="AD58132" i="1"/>
  <c r="AD58133" i="1"/>
  <c r="AD58134" i="1"/>
  <c r="AD58135" i="1"/>
  <c r="AD58136" i="1"/>
  <c r="AD58137" i="1"/>
  <c r="AD58138" i="1"/>
  <c r="AD58139" i="1"/>
  <c r="AD58140" i="1"/>
  <c r="AD58141" i="1"/>
  <c r="AD58142" i="1"/>
  <c r="AD58143" i="1"/>
  <c r="AD58144" i="1"/>
  <c r="AD58145" i="1"/>
  <c r="AD58146" i="1"/>
  <c r="AD58147" i="1"/>
  <c r="AD58148" i="1"/>
  <c r="AD58149" i="1"/>
  <c r="AD58150" i="1"/>
  <c r="AD58151" i="1"/>
  <c r="AD58152" i="1"/>
  <c r="AD58153" i="1"/>
  <c r="AD58154" i="1"/>
  <c r="AD58155" i="1"/>
  <c r="AD58156" i="1"/>
  <c r="AD58157" i="1"/>
  <c r="AD58158" i="1"/>
  <c r="AD58159" i="1"/>
  <c r="AD58160" i="1"/>
  <c r="AD58161" i="1"/>
  <c r="AD58162" i="1"/>
  <c r="AD58163" i="1"/>
  <c r="AD58164" i="1"/>
  <c r="AD58165" i="1"/>
  <c r="AD58166" i="1"/>
  <c r="AD58167" i="1"/>
  <c r="AD58168" i="1"/>
  <c r="AD58169" i="1"/>
  <c r="AD58170" i="1"/>
  <c r="AD58171" i="1"/>
  <c r="AD58172" i="1"/>
  <c r="AD58173" i="1"/>
  <c r="AD58174" i="1"/>
  <c r="AD58175" i="1"/>
  <c r="AD58176" i="1"/>
  <c r="AD58177" i="1"/>
  <c r="AD58178" i="1"/>
  <c r="AD58179" i="1"/>
  <c r="AD58180" i="1"/>
  <c r="AD58181" i="1"/>
  <c r="AD58182" i="1"/>
  <c r="AD58183" i="1"/>
  <c r="AD58184" i="1"/>
  <c r="AD58185" i="1"/>
  <c r="AD58186" i="1"/>
  <c r="AD58187" i="1"/>
  <c r="AD58188" i="1"/>
  <c r="AD58189" i="1"/>
  <c r="AD58190" i="1"/>
  <c r="AD58191" i="1"/>
  <c r="AD58192" i="1"/>
  <c r="AD58193" i="1"/>
  <c r="AD58194" i="1"/>
  <c r="AD58195" i="1"/>
  <c r="AD58196" i="1"/>
  <c r="AD58197" i="1"/>
  <c r="AD58198" i="1"/>
  <c r="AD58199" i="1"/>
  <c r="AD58200" i="1"/>
  <c r="AD58201" i="1"/>
  <c r="AD58202" i="1"/>
  <c r="AD58203" i="1"/>
  <c r="AD58204" i="1"/>
  <c r="AD58205" i="1"/>
  <c r="AD58206" i="1"/>
  <c r="AD58207" i="1"/>
  <c r="AD58208" i="1"/>
  <c r="AD58209" i="1"/>
  <c r="AD58210" i="1"/>
  <c r="AD58211" i="1"/>
  <c r="AD58212" i="1"/>
  <c r="AD58213" i="1"/>
  <c r="AD58214" i="1"/>
  <c r="AD58215" i="1"/>
  <c r="AD58216" i="1"/>
  <c r="AD58217" i="1"/>
  <c r="AD58218" i="1"/>
  <c r="AD58219" i="1"/>
  <c r="AD58220" i="1"/>
  <c r="AD58221" i="1"/>
  <c r="AD58222" i="1"/>
  <c r="AD58223" i="1"/>
  <c r="AD58224" i="1"/>
  <c r="AD58225" i="1"/>
  <c r="AD58226" i="1"/>
  <c r="AD58227" i="1"/>
  <c r="AD58228" i="1"/>
  <c r="AD58229" i="1"/>
  <c r="AD58230" i="1"/>
  <c r="AD58231" i="1"/>
  <c r="AD58232" i="1"/>
  <c r="AD58233" i="1"/>
  <c r="AD58234" i="1"/>
  <c r="AD58235" i="1"/>
  <c r="AD58236" i="1"/>
  <c r="AD58237" i="1"/>
  <c r="AD58238" i="1"/>
  <c r="AD58239" i="1"/>
  <c r="AD58240" i="1"/>
  <c r="AD58241" i="1"/>
  <c r="AD58242" i="1"/>
  <c r="AD58243" i="1"/>
  <c r="AD58244" i="1"/>
  <c r="AD58245" i="1"/>
  <c r="AD58246" i="1"/>
  <c r="AD58247" i="1"/>
  <c r="AD58248" i="1"/>
  <c r="AD58249" i="1"/>
  <c r="AD58250" i="1"/>
  <c r="AD58251" i="1"/>
  <c r="AD58252" i="1"/>
  <c r="AD58253" i="1"/>
  <c r="AD58254" i="1"/>
  <c r="AD58255" i="1"/>
  <c r="AD58256" i="1"/>
  <c r="AD58257" i="1"/>
  <c r="AD58258" i="1"/>
  <c r="AD58259" i="1"/>
  <c r="AD58260" i="1"/>
  <c r="AD58261" i="1"/>
  <c r="AD58262" i="1"/>
  <c r="AD58263" i="1"/>
  <c r="AD58264" i="1"/>
  <c r="AD58265" i="1"/>
  <c r="AD58266" i="1"/>
  <c r="AD58267" i="1"/>
  <c r="AD58268" i="1"/>
  <c r="AD58269" i="1"/>
  <c r="AD58270" i="1"/>
  <c r="AD58271" i="1"/>
  <c r="AD58272" i="1"/>
  <c r="AD58273" i="1"/>
  <c r="AD58274" i="1"/>
  <c r="AD58275" i="1"/>
  <c r="AD58276" i="1"/>
  <c r="AD58277" i="1"/>
  <c r="AD58278" i="1"/>
  <c r="AD58279" i="1"/>
  <c r="AD58280" i="1"/>
  <c r="AD58281" i="1"/>
  <c r="AD58282" i="1"/>
  <c r="AD58283" i="1"/>
  <c r="AD58284" i="1"/>
  <c r="AD58285" i="1"/>
  <c r="AD58286" i="1"/>
  <c r="AD58287" i="1"/>
  <c r="AD58288" i="1"/>
  <c r="AD58289" i="1"/>
  <c r="AD58290" i="1"/>
  <c r="AD58291" i="1"/>
  <c r="AD58292" i="1"/>
  <c r="AD58293" i="1"/>
  <c r="AD58294" i="1"/>
  <c r="AD58295" i="1"/>
  <c r="AD58296" i="1"/>
  <c r="AD58297" i="1"/>
  <c r="AD58298" i="1"/>
  <c r="AD58299" i="1"/>
  <c r="AD58300" i="1"/>
  <c r="AD58301" i="1"/>
  <c r="AD58302" i="1"/>
  <c r="AD58303" i="1"/>
  <c r="AD58304" i="1"/>
  <c r="AD58305" i="1"/>
  <c r="AD58306" i="1"/>
  <c r="AD58307" i="1"/>
  <c r="AD58308" i="1"/>
  <c r="AD58309" i="1"/>
  <c r="AD58310" i="1"/>
  <c r="AD58311" i="1"/>
  <c r="AD58312" i="1"/>
  <c r="AD58313" i="1"/>
  <c r="AD58314" i="1"/>
  <c r="AD58315" i="1"/>
  <c r="AD58316" i="1"/>
  <c r="AD58317" i="1"/>
  <c r="AD58318" i="1"/>
  <c r="AD58319" i="1"/>
  <c r="AD58320" i="1"/>
  <c r="AD58321" i="1"/>
  <c r="AD58322" i="1"/>
  <c r="AD58323" i="1"/>
  <c r="AD58324" i="1"/>
  <c r="AD58325" i="1"/>
  <c r="AD58326" i="1"/>
  <c r="AD58327" i="1"/>
  <c r="AD58328" i="1"/>
  <c r="AD58329" i="1"/>
  <c r="AD58330" i="1"/>
  <c r="AD58331" i="1"/>
  <c r="AD58332" i="1"/>
  <c r="AD58333" i="1"/>
  <c r="AD58334" i="1"/>
  <c r="AD58335" i="1"/>
  <c r="AD58336" i="1"/>
  <c r="AD58337" i="1"/>
  <c r="AD58338" i="1"/>
  <c r="AD58339" i="1"/>
  <c r="AD58340" i="1"/>
  <c r="AD58341" i="1"/>
  <c r="AD58342" i="1"/>
  <c r="AD58343" i="1"/>
  <c r="AD58344" i="1"/>
  <c r="AD58345" i="1"/>
  <c r="AD58346" i="1"/>
  <c r="AD58347" i="1"/>
  <c r="AD58348" i="1"/>
  <c r="AD58349" i="1"/>
  <c r="AD58350" i="1"/>
  <c r="AD58351" i="1"/>
  <c r="AD58352" i="1"/>
  <c r="AD58353" i="1"/>
  <c r="AD58354" i="1"/>
  <c r="AD58355" i="1"/>
  <c r="AD58356" i="1"/>
  <c r="AD58357" i="1"/>
  <c r="AD58358" i="1"/>
  <c r="AD58359" i="1"/>
  <c r="AD58360" i="1"/>
  <c r="AD58361" i="1"/>
  <c r="AD58362" i="1"/>
  <c r="AD58363" i="1"/>
  <c r="AD58364" i="1"/>
  <c r="AD58365" i="1"/>
  <c r="AD58366" i="1"/>
  <c r="AD58367" i="1"/>
  <c r="AD58368" i="1"/>
  <c r="AD58369" i="1"/>
  <c r="AD58370" i="1"/>
  <c r="AD58371" i="1"/>
  <c r="AD58372" i="1"/>
  <c r="AD58373" i="1"/>
  <c r="AD58374" i="1"/>
  <c r="AD58375" i="1"/>
  <c r="AD58376" i="1"/>
  <c r="AD58377" i="1"/>
  <c r="AD58378" i="1"/>
  <c r="AD58379" i="1"/>
  <c r="AD58380" i="1"/>
  <c r="AD58381" i="1"/>
  <c r="AD58382" i="1"/>
  <c r="AD58383" i="1"/>
  <c r="AD58384" i="1"/>
  <c r="AD58385" i="1"/>
  <c r="AD58386" i="1"/>
  <c r="AD58387" i="1"/>
  <c r="AD58388" i="1"/>
  <c r="AD58389" i="1"/>
  <c r="AD58390" i="1"/>
  <c r="AD58391" i="1"/>
  <c r="AD58392" i="1"/>
  <c r="AD58393" i="1"/>
  <c r="AD58394" i="1"/>
  <c r="AD58395" i="1"/>
  <c r="AD58396" i="1"/>
  <c r="AD58397" i="1"/>
  <c r="AD58398" i="1"/>
  <c r="AD58399" i="1"/>
  <c r="AD58400" i="1"/>
  <c r="AD58401" i="1"/>
  <c r="AD58402" i="1"/>
  <c r="AD58403" i="1"/>
  <c r="AD58404" i="1"/>
  <c r="AD58405" i="1"/>
  <c r="AD58406" i="1"/>
  <c r="AD58407" i="1"/>
  <c r="AD58408" i="1"/>
  <c r="AD58409" i="1"/>
  <c r="AD58410" i="1"/>
  <c r="AD58411" i="1"/>
  <c r="AD58412" i="1"/>
  <c r="AD58413" i="1"/>
  <c r="AD58414" i="1"/>
  <c r="AD58415" i="1"/>
  <c r="AD58416" i="1"/>
  <c r="AD58417" i="1"/>
  <c r="AD58418" i="1"/>
  <c r="AD58419" i="1"/>
  <c r="AD58420" i="1"/>
  <c r="AD58421" i="1"/>
  <c r="AD58422" i="1"/>
  <c r="AD58423" i="1"/>
  <c r="AD58424" i="1"/>
  <c r="AD58425" i="1"/>
  <c r="AD58426" i="1"/>
  <c r="AD58427" i="1"/>
  <c r="AD58428" i="1"/>
  <c r="AD58429" i="1"/>
  <c r="AD58430" i="1"/>
  <c r="AD58431" i="1"/>
  <c r="AD58432" i="1"/>
  <c r="AD58433" i="1"/>
  <c r="AD58434" i="1"/>
  <c r="AD58435" i="1"/>
  <c r="AD58436" i="1"/>
  <c r="AD58437" i="1"/>
  <c r="AD58438" i="1"/>
  <c r="AD58439" i="1"/>
  <c r="AD58440" i="1"/>
  <c r="AD58441" i="1"/>
  <c r="AD58442" i="1"/>
  <c r="AD58443" i="1"/>
  <c r="AD58444" i="1"/>
  <c r="AD58445" i="1"/>
  <c r="AD58446" i="1"/>
  <c r="AD58447" i="1"/>
  <c r="AD58448" i="1"/>
  <c r="AD58449" i="1"/>
  <c r="AD58450" i="1"/>
  <c r="AD58451" i="1"/>
  <c r="AD58452" i="1"/>
  <c r="AD58453" i="1"/>
  <c r="AD58454" i="1"/>
  <c r="AD58455" i="1"/>
  <c r="AD58456" i="1"/>
  <c r="AD58457" i="1"/>
  <c r="AD58458" i="1"/>
  <c r="AD58459" i="1"/>
  <c r="AD58460" i="1"/>
  <c r="AD58461" i="1"/>
  <c r="AD58462" i="1"/>
  <c r="AD58463" i="1"/>
  <c r="AD58464" i="1"/>
  <c r="AD58465" i="1"/>
  <c r="AD58466" i="1"/>
  <c r="AD58467" i="1"/>
  <c r="AD58468" i="1"/>
  <c r="AD58469" i="1"/>
  <c r="AD58470" i="1"/>
  <c r="AD58471" i="1"/>
  <c r="AD58472" i="1"/>
  <c r="AD58473" i="1"/>
  <c r="AD58474" i="1"/>
  <c r="AD58475" i="1"/>
  <c r="AD58476" i="1"/>
  <c r="AD58477" i="1"/>
  <c r="AD58478" i="1"/>
  <c r="AD58479" i="1"/>
  <c r="AD58480" i="1"/>
  <c r="AD58481" i="1"/>
  <c r="AD58482" i="1"/>
  <c r="AD58483" i="1"/>
  <c r="AD58484" i="1"/>
  <c r="AD58485" i="1"/>
  <c r="AD58486" i="1"/>
  <c r="AD58487" i="1"/>
  <c r="AD58488" i="1"/>
  <c r="AD58489" i="1"/>
  <c r="AD58490" i="1"/>
  <c r="AD58491" i="1"/>
  <c r="AD58492" i="1"/>
  <c r="AD58493" i="1"/>
  <c r="AD58494" i="1"/>
  <c r="AD58495" i="1"/>
  <c r="AD58496" i="1"/>
  <c r="AD58497" i="1"/>
  <c r="AD58498" i="1"/>
  <c r="AD58499" i="1"/>
  <c r="AD58500" i="1"/>
  <c r="AD58501" i="1"/>
  <c r="AD58502" i="1"/>
  <c r="AD58503" i="1"/>
  <c r="AD58504" i="1"/>
  <c r="AD58505" i="1"/>
  <c r="AD58506" i="1"/>
  <c r="AD58507" i="1"/>
  <c r="AD58508" i="1"/>
  <c r="AD58509" i="1"/>
  <c r="AD58510" i="1"/>
  <c r="AD58511" i="1"/>
  <c r="AD58512" i="1"/>
  <c r="AD58513" i="1"/>
  <c r="AD58514" i="1"/>
  <c r="AD58515" i="1"/>
  <c r="AD58516" i="1"/>
  <c r="AD58517" i="1"/>
  <c r="AD58518" i="1"/>
  <c r="AD58519" i="1"/>
  <c r="AD58520" i="1"/>
  <c r="AD58521" i="1"/>
  <c r="AD58522" i="1"/>
  <c r="AD58523" i="1"/>
  <c r="AD58524" i="1"/>
  <c r="AD58525" i="1"/>
  <c r="AD58526" i="1"/>
  <c r="AD58527" i="1"/>
  <c r="AD58528" i="1"/>
  <c r="AD58529" i="1"/>
  <c r="AD58530" i="1"/>
  <c r="AD58531" i="1"/>
  <c r="AD58532" i="1"/>
  <c r="AD58533" i="1"/>
  <c r="AD58534" i="1"/>
  <c r="AD58535" i="1"/>
  <c r="AD58536" i="1"/>
  <c r="AD58537" i="1"/>
  <c r="AD58538" i="1"/>
  <c r="AD58539" i="1"/>
  <c r="AD58540" i="1"/>
  <c r="AD58541" i="1"/>
  <c r="AD58542" i="1"/>
  <c r="AD58543" i="1"/>
  <c r="AD58544" i="1"/>
  <c r="AD58545" i="1"/>
  <c r="AD58546" i="1"/>
  <c r="AD58547" i="1"/>
  <c r="AD58548" i="1"/>
  <c r="AD58549" i="1"/>
  <c r="AD58550" i="1"/>
  <c r="AD58551" i="1"/>
  <c r="AD58552" i="1"/>
  <c r="AD58553" i="1"/>
  <c r="AD58554" i="1"/>
  <c r="AD58555" i="1"/>
  <c r="AD58556" i="1"/>
  <c r="AD58557" i="1"/>
  <c r="AD58558" i="1"/>
  <c r="AD58559" i="1"/>
  <c r="AD58560" i="1"/>
  <c r="AD58561" i="1"/>
  <c r="AD58562" i="1"/>
  <c r="AD58563" i="1"/>
  <c r="AD58564" i="1"/>
  <c r="AD58565" i="1"/>
  <c r="AD58566" i="1"/>
  <c r="AD58567" i="1"/>
  <c r="AD58568" i="1"/>
  <c r="AD58569" i="1"/>
  <c r="AD58570" i="1"/>
  <c r="AD58571" i="1"/>
  <c r="AD58572" i="1"/>
  <c r="AD58573" i="1"/>
  <c r="AD58574" i="1"/>
  <c r="AD58575" i="1"/>
  <c r="AD58576" i="1"/>
  <c r="AD58577" i="1"/>
  <c r="AD58578" i="1"/>
  <c r="AD58579" i="1"/>
  <c r="AD58580" i="1"/>
  <c r="AD58581" i="1"/>
  <c r="AD58582" i="1"/>
  <c r="AD58583" i="1"/>
  <c r="AD58584" i="1"/>
  <c r="AD58585" i="1"/>
  <c r="AD58586" i="1"/>
  <c r="AD58587" i="1"/>
  <c r="AD58588" i="1"/>
  <c r="AD58589" i="1"/>
  <c r="AD58590" i="1"/>
  <c r="AD58591" i="1"/>
  <c r="AD58592" i="1"/>
  <c r="AD58593" i="1"/>
  <c r="AD58594" i="1"/>
  <c r="AD58595" i="1"/>
  <c r="AD58596" i="1"/>
  <c r="AD58597" i="1"/>
  <c r="AD58598" i="1"/>
  <c r="AD58599" i="1"/>
  <c r="AD58600" i="1"/>
  <c r="AD58601" i="1"/>
  <c r="AD58602" i="1"/>
  <c r="AD58603" i="1"/>
  <c r="AD58604" i="1"/>
  <c r="AD58605" i="1"/>
  <c r="AD58606" i="1"/>
  <c r="AD58607" i="1"/>
  <c r="AD58608" i="1"/>
  <c r="AD58609" i="1"/>
  <c r="AD58610" i="1"/>
  <c r="AD58611" i="1"/>
  <c r="AD58612" i="1"/>
  <c r="AD58613" i="1"/>
  <c r="AD58614" i="1"/>
  <c r="AD58615" i="1"/>
  <c r="AD58616" i="1"/>
  <c r="AD58617" i="1"/>
  <c r="AD58618" i="1"/>
  <c r="AD58619" i="1"/>
  <c r="AD58620" i="1"/>
  <c r="AD58621" i="1"/>
  <c r="AD58622" i="1"/>
  <c r="AD58623" i="1"/>
  <c r="AD58624" i="1"/>
  <c r="AD58625" i="1"/>
  <c r="AD58626" i="1"/>
  <c r="AD58627" i="1"/>
  <c r="AD58628" i="1"/>
  <c r="AD58629" i="1"/>
  <c r="AD58630" i="1"/>
  <c r="AD58631" i="1"/>
  <c r="AD58632" i="1"/>
  <c r="AD58633" i="1"/>
  <c r="AD58634" i="1"/>
  <c r="AD58635" i="1"/>
  <c r="AD58636" i="1"/>
  <c r="AD58637" i="1"/>
  <c r="AD58638" i="1"/>
  <c r="AD58639" i="1"/>
  <c r="AD58640" i="1"/>
  <c r="AD58641" i="1"/>
  <c r="AD58642" i="1"/>
  <c r="AD58643" i="1"/>
  <c r="AD58644" i="1"/>
  <c r="AD58645" i="1"/>
  <c r="AD58646" i="1"/>
  <c r="AD58647" i="1"/>
  <c r="AD58648" i="1"/>
  <c r="AD58649" i="1"/>
  <c r="AD58650" i="1"/>
  <c r="AD58651" i="1"/>
  <c r="AD58652" i="1"/>
  <c r="AD58653" i="1"/>
  <c r="AD58654" i="1"/>
  <c r="AD58655" i="1"/>
  <c r="AD58656" i="1"/>
  <c r="AD58657" i="1"/>
  <c r="AD58658" i="1"/>
  <c r="AD58659" i="1"/>
  <c r="AD58660" i="1"/>
  <c r="AD58661" i="1"/>
  <c r="AD58662" i="1"/>
  <c r="AD58663" i="1"/>
  <c r="AD58664" i="1"/>
  <c r="AD58665" i="1"/>
  <c r="AD58666" i="1"/>
  <c r="AD58667" i="1"/>
  <c r="AD58668" i="1"/>
  <c r="AD58669" i="1"/>
  <c r="AD58670" i="1"/>
  <c r="AD58671" i="1"/>
  <c r="AD58672" i="1"/>
  <c r="AD58673" i="1"/>
  <c r="AD58674" i="1"/>
  <c r="AD58675" i="1"/>
  <c r="AD58676" i="1"/>
  <c r="AD58677" i="1"/>
  <c r="AD58678" i="1"/>
  <c r="AD58679" i="1"/>
  <c r="AD58680" i="1"/>
  <c r="AD58681" i="1"/>
  <c r="AD58682" i="1"/>
  <c r="AD58683" i="1"/>
  <c r="AD58684" i="1"/>
  <c r="AD58685" i="1"/>
  <c r="AD58686" i="1"/>
  <c r="AD58687" i="1"/>
  <c r="AD58688" i="1"/>
  <c r="AD58689" i="1"/>
  <c r="AD58690" i="1"/>
  <c r="AD58691" i="1"/>
  <c r="AD58692" i="1"/>
  <c r="AD58693" i="1"/>
  <c r="AD58694" i="1"/>
  <c r="AD58695" i="1"/>
  <c r="AD58696" i="1"/>
  <c r="AD58697" i="1"/>
  <c r="AD58698" i="1"/>
  <c r="AD58699" i="1"/>
  <c r="AD58700" i="1"/>
  <c r="AD58701" i="1"/>
  <c r="AD58702" i="1"/>
  <c r="AD58703" i="1"/>
  <c r="AD58704" i="1"/>
  <c r="AD58705" i="1"/>
  <c r="AD58706" i="1"/>
  <c r="AD58707" i="1"/>
  <c r="AD58708" i="1"/>
  <c r="AD58709" i="1"/>
  <c r="AD58710" i="1"/>
  <c r="AD58711" i="1"/>
  <c r="AD58712" i="1"/>
  <c r="AD58713" i="1"/>
  <c r="AD58714" i="1"/>
  <c r="AD58715" i="1"/>
  <c r="AD58716" i="1"/>
  <c r="AD58717" i="1"/>
  <c r="AD58718" i="1"/>
  <c r="AD58719" i="1"/>
  <c r="AD58720" i="1"/>
  <c r="AD58721" i="1"/>
  <c r="AD58722" i="1"/>
  <c r="AD58723" i="1"/>
  <c r="AD58724" i="1"/>
  <c r="AD58725" i="1"/>
  <c r="AD58726" i="1"/>
  <c r="AD58727" i="1"/>
  <c r="AD58728" i="1"/>
  <c r="AD58729" i="1"/>
  <c r="AD58730" i="1"/>
  <c r="AD58731" i="1"/>
  <c r="AD58732" i="1"/>
  <c r="AD58733" i="1"/>
  <c r="AD58734" i="1"/>
  <c r="AD58735" i="1"/>
  <c r="AD58736" i="1"/>
  <c r="AD58737" i="1"/>
  <c r="AD58738" i="1"/>
  <c r="AD58739" i="1"/>
  <c r="AD58740" i="1"/>
  <c r="AD58741" i="1"/>
  <c r="AD58742" i="1"/>
  <c r="AD58743" i="1"/>
  <c r="AD58744" i="1"/>
  <c r="AD58745" i="1"/>
  <c r="AD58746" i="1"/>
  <c r="AD58747" i="1"/>
  <c r="AD58748" i="1"/>
  <c r="AD58749" i="1"/>
  <c r="AD58750" i="1"/>
  <c r="AD58751" i="1"/>
  <c r="AD58752" i="1"/>
  <c r="AD58753" i="1"/>
  <c r="AD58754" i="1"/>
  <c r="AD58755" i="1"/>
  <c r="AD58756" i="1"/>
  <c r="AD58757" i="1"/>
  <c r="AD58758" i="1"/>
  <c r="AD58759" i="1"/>
  <c r="AD58760" i="1"/>
  <c r="AD58761" i="1"/>
  <c r="AD58762" i="1"/>
  <c r="AD58763" i="1"/>
  <c r="AD58764" i="1"/>
  <c r="AD58765" i="1"/>
  <c r="AD58766" i="1"/>
  <c r="AD58767" i="1"/>
  <c r="AD58768" i="1"/>
  <c r="AD58769" i="1"/>
  <c r="AD58770" i="1"/>
  <c r="AD58771" i="1"/>
  <c r="AD58772" i="1"/>
  <c r="AD58773" i="1"/>
  <c r="AD58774" i="1"/>
  <c r="AD58775" i="1"/>
  <c r="AD58776" i="1"/>
  <c r="AD58777" i="1"/>
  <c r="AD58778" i="1"/>
  <c r="AD58779" i="1"/>
  <c r="AD58780" i="1"/>
  <c r="AD58781" i="1"/>
  <c r="AD58782" i="1"/>
  <c r="AD58783" i="1"/>
  <c r="AD58784" i="1"/>
  <c r="AD58785" i="1"/>
  <c r="AD58786" i="1"/>
  <c r="AD58787" i="1"/>
  <c r="AD58788" i="1"/>
  <c r="AD58789" i="1"/>
  <c r="AD58790" i="1"/>
  <c r="AD58791" i="1"/>
  <c r="AD58792" i="1"/>
  <c r="AD58793" i="1"/>
  <c r="AD58794" i="1"/>
  <c r="AD58795" i="1"/>
  <c r="AD58796" i="1"/>
  <c r="AD58797" i="1"/>
  <c r="AD58798" i="1"/>
  <c r="AD58799" i="1"/>
  <c r="AD58800" i="1"/>
  <c r="AD58801" i="1"/>
  <c r="AD58802" i="1"/>
  <c r="AD58803" i="1"/>
  <c r="AD58804" i="1"/>
  <c r="AD58805" i="1"/>
  <c r="AD58806" i="1"/>
  <c r="AD58807" i="1"/>
  <c r="AD58808" i="1"/>
  <c r="AD58809" i="1"/>
  <c r="AD58810" i="1"/>
  <c r="AD58811" i="1"/>
  <c r="AD58812" i="1"/>
  <c r="AD58813" i="1"/>
  <c r="AD58814" i="1"/>
  <c r="AD58815" i="1"/>
  <c r="AD58816" i="1"/>
  <c r="AD58817" i="1"/>
  <c r="AD58818" i="1"/>
  <c r="AD58819" i="1"/>
  <c r="AD58820" i="1"/>
  <c r="AD58821" i="1"/>
  <c r="AD58822" i="1"/>
  <c r="AD58823" i="1"/>
  <c r="AD58824" i="1"/>
  <c r="AD58825" i="1"/>
  <c r="AD58826" i="1"/>
  <c r="AD58827" i="1"/>
  <c r="AD58828" i="1"/>
  <c r="AD58829" i="1"/>
  <c r="AD58830" i="1"/>
  <c r="AD58831" i="1"/>
  <c r="AD58832" i="1"/>
  <c r="AD58833" i="1"/>
  <c r="AD58834" i="1"/>
  <c r="AD58835" i="1"/>
  <c r="AD58836" i="1"/>
  <c r="AD58837" i="1"/>
  <c r="AD58838" i="1"/>
  <c r="AD58839" i="1"/>
  <c r="AD58840" i="1"/>
  <c r="AD58841" i="1"/>
  <c r="AD58842" i="1"/>
  <c r="AD58843" i="1"/>
  <c r="AD58844" i="1"/>
  <c r="AD58845" i="1"/>
  <c r="AD58846" i="1"/>
  <c r="AD58847" i="1"/>
  <c r="AD58848" i="1"/>
  <c r="AD58849" i="1"/>
  <c r="AD58850" i="1"/>
  <c r="AD58851" i="1"/>
  <c r="AD58852" i="1"/>
  <c r="AD58853" i="1"/>
  <c r="AD58854" i="1"/>
  <c r="AD58855" i="1"/>
  <c r="AD58856" i="1"/>
  <c r="AD58857" i="1"/>
  <c r="AD58858" i="1"/>
  <c r="AD58859" i="1"/>
  <c r="AD58860" i="1"/>
  <c r="AD58861" i="1"/>
  <c r="AD58862" i="1"/>
  <c r="AD58863" i="1"/>
  <c r="AD58864" i="1"/>
  <c r="AD58865" i="1"/>
  <c r="AD58866" i="1"/>
  <c r="AD58867" i="1"/>
  <c r="AD58868" i="1"/>
  <c r="AD58869" i="1"/>
  <c r="AD58870" i="1"/>
  <c r="AD58871" i="1"/>
  <c r="AD58872" i="1"/>
  <c r="AD58873" i="1"/>
  <c r="AD58874" i="1"/>
  <c r="AD58875" i="1"/>
  <c r="AD58876" i="1"/>
  <c r="AD58877" i="1"/>
  <c r="AD58878" i="1"/>
  <c r="AD58879" i="1"/>
  <c r="AD58880" i="1"/>
  <c r="AD58881" i="1"/>
  <c r="AD58882" i="1"/>
  <c r="AD58883" i="1"/>
  <c r="AD58884" i="1"/>
  <c r="AD58885" i="1"/>
  <c r="AD58886" i="1"/>
  <c r="AD58887" i="1"/>
  <c r="AD58888" i="1"/>
  <c r="AD58889" i="1"/>
  <c r="AD58890" i="1"/>
  <c r="AD58891" i="1"/>
  <c r="AD58892" i="1"/>
  <c r="AD58893" i="1"/>
  <c r="AD58894" i="1"/>
  <c r="AD58895" i="1"/>
  <c r="AD58896" i="1"/>
  <c r="AD58897" i="1"/>
  <c r="AD58898" i="1"/>
  <c r="AD58899" i="1"/>
  <c r="AD58900" i="1"/>
  <c r="AD58901" i="1"/>
  <c r="AD58902" i="1"/>
  <c r="AD58903" i="1"/>
  <c r="AD58904" i="1"/>
  <c r="AD58905" i="1"/>
  <c r="AD58906" i="1"/>
  <c r="AD58907" i="1"/>
  <c r="AD58908" i="1"/>
  <c r="AD58909" i="1"/>
  <c r="AD58910" i="1"/>
  <c r="AD58911" i="1"/>
  <c r="AD58912" i="1"/>
  <c r="AD58913" i="1"/>
  <c r="AD58914" i="1"/>
  <c r="AD58915" i="1"/>
  <c r="AD58916" i="1"/>
  <c r="AD58917" i="1"/>
  <c r="AD58918" i="1"/>
  <c r="AD58919" i="1"/>
  <c r="AD58920" i="1"/>
  <c r="AD58921" i="1"/>
  <c r="AD58922" i="1"/>
  <c r="AD58923" i="1"/>
  <c r="AD58924" i="1"/>
  <c r="AD58925" i="1"/>
  <c r="AD58926" i="1"/>
  <c r="AD58927" i="1"/>
  <c r="AD58928" i="1"/>
  <c r="AD58929" i="1"/>
  <c r="AD58930" i="1"/>
  <c r="AD58931" i="1"/>
  <c r="AD58932" i="1"/>
  <c r="AD58933" i="1"/>
  <c r="AD58934" i="1"/>
  <c r="AD58935" i="1"/>
  <c r="AD58936" i="1"/>
  <c r="AD58937" i="1"/>
  <c r="AD58938" i="1"/>
  <c r="AD58939" i="1"/>
  <c r="AD58940" i="1"/>
  <c r="AD58941" i="1"/>
  <c r="AD58942" i="1"/>
  <c r="AD58943" i="1"/>
  <c r="AD58944" i="1"/>
  <c r="AD58945" i="1"/>
  <c r="AD58946" i="1"/>
  <c r="AD58947" i="1"/>
  <c r="AD58948" i="1"/>
  <c r="AD58949" i="1"/>
  <c r="AD58950" i="1"/>
  <c r="AD58951" i="1"/>
  <c r="AD58952" i="1"/>
  <c r="AD58953" i="1"/>
  <c r="AD58954" i="1"/>
  <c r="AD58955" i="1"/>
  <c r="AD58956" i="1"/>
  <c r="AD58957" i="1"/>
  <c r="AD58958" i="1"/>
  <c r="AD58959" i="1"/>
  <c r="AD58960" i="1"/>
  <c r="AD58961" i="1"/>
  <c r="AD58962" i="1"/>
  <c r="AD58963" i="1"/>
  <c r="AD58964" i="1"/>
  <c r="AD58965" i="1"/>
  <c r="AD58966" i="1"/>
  <c r="AD58967" i="1"/>
  <c r="AD58968" i="1"/>
  <c r="AD58969" i="1"/>
  <c r="AD58970" i="1"/>
  <c r="AD58971" i="1"/>
  <c r="AD58972" i="1"/>
  <c r="AD58973" i="1"/>
  <c r="AD58974" i="1"/>
  <c r="AD58975" i="1"/>
  <c r="AD58976" i="1"/>
  <c r="AD58977" i="1"/>
  <c r="AD58978" i="1"/>
  <c r="AD58979" i="1"/>
  <c r="AD58980" i="1"/>
  <c r="AD58981" i="1"/>
  <c r="AD58982" i="1"/>
  <c r="AD58983" i="1"/>
  <c r="AD58984" i="1"/>
  <c r="AD58985" i="1"/>
  <c r="AD58986" i="1"/>
  <c r="AD58987" i="1"/>
  <c r="AD58988" i="1"/>
  <c r="AD58989" i="1"/>
  <c r="AD58990" i="1"/>
  <c r="AD58991" i="1"/>
  <c r="AD58992" i="1"/>
  <c r="AD58993" i="1"/>
  <c r="AD58994" i="1"/>
  <c r="AD58995" i="1"/>
  <c r="AD58996" i="1"/>
  <c r="AD58997" i="1"/>
  <c r="AD58998" i="1"/>
  <c r="AD58999" i="1"/>
  <c r="AD59000" i="1"/>
  <c r="AD59001" i="1"/>
  <c r="AD59002" i="1"/>
  <c r="AD59003" i="1"/>
  <c r="AD59004" i="1"/>
  <c r="AD59005" i="1"/>
  <c r="AD59006" i="1"/>
  <c r="AD59007" i="1"/>
  <c r="AD59008" i="1"/>
  <c r="AD59009" i="1"/>
  <c r="AD59010" i="1"/>
  <c r="AD59011" i="1"/>
  <c r="AD59012" i="1"/>
  <c r="AD59013" i="1"/>
  <c r="AD59014" i="1"/>
  <c r="AD59015" i="1"/>
  <c r="AD59016" i="1"/>
  <c r="AD59017" i="1"/>
  <c r="AD59018" i="1"/>
  <c r="AD59019" i="1"/>
  <c r="AD59020" i="1"/>
  <c r="AD59021" i="1"/>
  <c r="AD59022" i="1"/>
  <c r="AD59023" i="1"/>
  <c r="AD59024" i="1"/>
  <c r="AD59025" i="1"/>
  <c r="AD59026" i="1"/>
  <c r="AD59027" i="1"/>
  <c r="AD59028" i="1"/>
  <c r="AD59029" i="1"/>
  <c r="AD59030" i="1"/>
  <c r="AD59031" i="1"/>
  <c r="AD59032" i="1"/>
  <c r="AD59033" i="1"/>
  <c r="AD59034" i="1"/>
  <c r="AD59035" i="1"/>
  <c r="AD59036" i="1"/>
  <c r="AD59037" i="1"/>
  <c r="AD59038" i="1"/>
  <c r="AD59039" i="1"/>
  <c r="AD59040" i="1"/>
  <c r="AD59041" i="1"/>
  <c r="AD59042" i="1"/>
  <c r="AD59043" i="1"/>
  <c r="AD59044" i="1"/>
  <c r="AD59045" i="1"/>
  <c r="AD59046" i="1"/>
  <c r="AD59047" i="1"/>
  <c r="AD59048" i="1"/>
  <c r="AD59049" i="1"/>
  <c r="AD59050" i="1"/>
  <c r="AD59051" i="1"/>
  <c r="AD59052" i="1"/>
  <c r="AD59053" i="1"/>
  <c r="AD59054" i="1"/>
  <c r="AD59055" i="1"/>
  <c r="AD59056" i="1"/>
  <c r="AD59057" i="1"/>
  <c r="AD59058" i="1"/>
  <c r="AD59059" i="1"/>
  <c r="AD59060" i="1"/>
  <c r="AD59061" i="1"/>
  <c r="AD59062" i="1"/>
  <c r="AD59063" i="1"/>
  <c r="AD59064" i="1"/>
  <c r="AD59065" i="1"/>
  <c r="AD59066" i="1"/>
  <c r="AD59067" i="1"/>
  <c r="AD59068" i="1"/>
  <c r="AD59069" i="1"/>
  <c r="AD59070" i="1"/>
  <c r="AD59071" i="1"/>
  <c r="AD59072" i="1"/>
  <c r="AD59073" i="1"/>
  <c r="AD59074" i="1"/>
  <c r="AD59075" i="1"/>
  <c r="AD59076" i="1"/>
  <c r="AD59077" i="1"/>
  <c r="AD59078" i="1"/>
  <c r="AD59079" i="1"/>
  <c r="AD59080" i="1"/>
  <c r="AD59081" i="1"/>
  <c r="AD59082" i="1"/>
  <c r="AD59083" i="1"/>
  <c r="AD59084" i="1"/>
  <c r="AD59085" i="1"/>
  <c r="AD59086" i="1"/>
  <c r="AD59087" i="1"/>
  <c r="AD59088" i="1"/>
  <c r="AD59089" i="1"/>
  <c r="AD59090" i="1"/>
  <c r="AD59091" i="1"/>
  <c r="AD59092" i="1"/>
  <c r="AD59093" i="1"/>
  <c r="AD59094" i="1"/>
  <c r="AD59095" i="1"/>
  <c r="AD59096" i="1"/>
  <c r="AD59097" i="1"/>
  <c r="AD59098" i="1"/>
  <c r="AD59099" i="1"/>
  <c r="AD59100" i="1"/>
  <c r="AD59101" i="1"/>
  <c r="AD59102" i="1"/>
  <c r="AD59103" i="1"/>
  <c r="AD59104" i="1"/>
  <c r="AD59105" i="1"/>
  <c r="AD59106" i="1"/>
  <c r="AD59107" i="1"/>
  <c r="AD59108" i="1"/>
  <c r="AD59109" i="1"/>
  <c r="AD59110" i="1"/>
  <c r="AD59111" i="1"/>
  <c r="AD59112" i="1"/>
  <c r="AD59113" i="1"/>
  <c r="AD59114" i="1"/>
  <c r="AD59115" i="1"/>
  <c r="AD59116" i="1"/>
  <c r="AD59117" i="1"/>
  <c r="AD59118" i="1"/>
  <c r="AD59119" i="1"/>
  <c r="AD59120" i="1"/>
  <c r="AD59121" i="1"/>
  <c r="AD59122" i="1"/>
  <c r="AD59123" i="1"/>
  <c r="AD59124" i="1"/>
  <c r="AD59125" i="1"/>
  <c r="AD59126" i="1"/>
  <c r="AD59127" i="1"/>
  <c r="AD59128" i="1"/>
  <c r="AD59129" i="1"/>
  <c r="AD59130" i="1"/>
  <c r="AD59131" i="1"/>
  <c r="AD59132" i="1"/>
  <c r="AD59133" i="1"/>
  <c r="AD59134" i="1"/>
  <c r="AD59135" i="1"/>
  <c r="AD59136" i="1"/>
  <c r="AD59137" i="1"/>
  <c r="AD59138" i="1"/>
  <c r="AD59139" i="1"/>
  <c r="AD59140" i="1"/>
  <c r="AD59141" i="1"/>
  <c r="AD59142" i="1"/>
  <c r="AD59143" i="1"/>
  <c r="AD59144" i="1"/>
  <c r="AD59145" i="1"/>
  <c r="AD59146" i="1"/>
  <c r="AD59147" i="1"/>
  <c r="AD59148" i="1"/>
  <c r="AD59149" i="1"/>
  <c r="AD59150" i="1"/>
  <c r="AD59151" i="1"/>
  <c r="AD59152" i="1"/>
  <c r="AD59153" i="1"/>
  <c r="AD59154" i="1"/>
  <c r="AD59155" i="1"/>
  <c r="AD59156" i="1"/>
  <c r="AD59157" i="1"/>
  <c r="AD59158" i="1"/>
  <c r="AD59159" i="1"/>
  <c r="AD59160" i="1"/>
  <c r="AD59161" i="1"/>
  <c r="AD59162" i="1"/>
  <c r="AD59163" i="1"/>
  <c r="AD59164" i="1"/>
  <c r="AD59165" i="1"/>
  <c r="AD59166" i="1"/>
  <c r="AD59167" i="1"/>
  <c r="AD59168" i="1"/>
  <c r="AD59169" i="1"/>
  <c r="AD59170" i="1"/>
  <c r="AD59171" i="1"/>
  <c r="AD59172" i="1"/>
  <c r="AD59173" i="1"/>
  <c r="AD59174" i="1"/>
  <c r="AD59175" i="1"/>
  <c r="AD59176" i="1"/>
  <c r="AD59177" i="1"/>
  <c r="AD59178" i="1"/>
  <c r="AD59179" i="1"/>
  <c r="AD59180" i="1"/>
  <c r="AD59181" i="1"/>
  <c r="AD59182" i="1"/>
  <c r="AD59183" i="1"/>
  <c r="AD59184" i="1"/>
  <c r="AD59185" i="1"/>
  <c r="AD59186" i="1"/>
  <c r="AD59187" i="1"/>
  <c r="AD59188" i="1"/>
  <c r="AD59189" i="1"/>
  <c r="AD59190" i="1"/>
  <c r="AD59191" i="1"/>
  <c r="AD59192" i="1"/>
  <c r="AD59193" i="1"/>
  <c r="AD59194" i="1"/>
  <c r="AD59195" i="1"/>
  <c r="AD59196" i="1"/>
  <c r="AD59197" i="1"/>
  <c r="AD59198" i="1"/>
  <c r="AD59199" i="1"/>
  <c r="AD59200" i="1"/>
  <c r="AD59201" i="1"/>
  <c r="AD59202" i="1"/>
  <c r="AD59203" i="1"/>
  <c r="AD59204" i="1"/>
  <c r="AD59205" i="1"/>
  <c r="AD59206" i="1"/>
  <c r="AD59207" i="1"/>
  <c r="AD59208" i="1"/>
  <c r="AD59209" i="1"/>
  <c r="AD59210" i="1"/>
  <c r="AD59211" i="1"/>
  <c r="AD59212" i="1"/>
  <c r="AD59213" i="1"/>
  <c r="AD59214" i="1"/>
  <c r="AD59215" i="1"/>
  <c r="AD59216" i="1"/>
  <c r="AD59217" i="1"/>
  <c r="AD59218" i="1"/>
  <c r="AD59219" i="1"/>
  <c r="AD59220" i="1"/>
  <c r="AD59221" i="1"/>
  <c r="AD59222" i="1"/>
  <c r="AD59223" i="1"/>
  <c r="AD59224" i="1"/>
  <c r="AD59225" i="1"/>
  <c r="AD59226" i="1"/>
  <c r="AD59227" i="1"/>
  <c r="AD59228" i="1"/>
  <c r="AD59229" i="1"/>
  <c r="AD59230" i="1"/>
  <c r="AD59231" i="1"/>
  <c r="AD59232" i="1"/>
  <c r="AD59233" i="1"/>
  <c r="AD59234" i="1"/>
  <c r="AD59235" i="1"/>
  <c r="AD59236" i="1"/>
  <c r="AD59237" i="1"/>
  <c r="AD59238" i="1"/>
  <c r="AD59239" i="1"/>
  <c r="AD59240" i="1"/>
  <c r="AD59241" i="1"/>
  <c r="AD59242" i="1"/>
  <c r="AD59243" i="1"/>
  <c r="AD59244" i="1"/>
  <c r="AD59245" i="1"/>
  <c r="AD59246" i="1"/>
  <c r="AD59247" i="1"/>
  <c r="AD59248" i="1"/>
  <c r="AD59249" i="1"/>
  <c r="AD59250" i="1"/>
  <c r="AD59251" i="1"/>
  <c r="AD59252" i="1"/>
  <c r="AD59253" i="1"/>
  <c r="AD59254" i="1"/>
  <c r="AD59255" i="1"/>
  <c r="AD59256" i="1"/>
  <c r="AD59257" i="1"/>
  <c r="AD59258" i="1"/>
  <c r="AD59259" i="1"/>
  <c r="AD59260" i="1"/>
  <c r="AD59261" i="1"/>
  <c r="AD59262" i="1"/>
  <c r="AD59263" i="1"/>
  <c r="AD59264" i="1"/>
  <c r="AD59265" i="1"/>
  <c r="AD59266" i="1"/>
  <c r="AD59267" i="1"/>
  <c r="AD59268" i="1"/>
  <c r="AD59269" i="1"/>
  <c r="AD59270" i="1"/>
  <c r="AD59271" i="1"/>
  <c r="AD59272" i="1"/>
  <c r="AD59273" i="1"/>
  <c r="AD59274" i="1"/>
  <c r="AD59275" i="1"/>
  <c r="AD59276" i="1"/>
  <c r="AD59277" i="1"/>
  <c r="AD59278" i="1"/>
  <c r="AD59279" i="1"/>
  <c r="AD59280" i="1"/>
  <c r="AD59281" i="1"/>
  <c r="AD59282" i="1"/>
  <c r="AD59283" i="1"/>
  <c r="AD59284" i="1"/>
  <c r="AD59285" i="1"/>
  <c r="AD59286" i="1"/>
  <c r="AD59287" i="1"/>
  <c r="AD59288" i="1"/>
  <c r="AD59289" i="1"/>
  <c r="AD59290" i="1"/>
  <c r="AD59291" i="1"/>
  <c r="AD59292" i="1"/>
  <c r="AD59293" i="1"/>
  <c r="AD59294" i="1"/>
  <c r="AD59295" i="1"/>
  <c r="AD59296" i="1"/>
  <c r="AD59297" i="1"/>
  <c r="AD59298" i="1"/>
  <c r="AD59299" i="1"/>
  <c r="AD59300" i="1"/>
  <c r="AD59301" i="1"/>
  <c r="AD59302" i="1"/>
  <c r="AD59303" i="1"/>
  <c r="AD59304" i="1"/>
  <c r="AD59305" i="1"/>
  <c r="AD59306" i="1"/>
  <c r="AD59307" i="1"/>
  <c r="AD59308" i="1"/>
  <c r="AD59309" i="1"/>
  <c r="AD59310" i="1"/>
  <c r="AD59311" i="1"/>
  <c r="AD59312" i="1"/>
  <c r="AD59313" i="1"/>
  <c r="AD59314" i="1"/>
  <c r="AD59315" i="1"/>
  <c r="AD59316" i="1"/>
  <c r="AD59317" i="1"/>
  <c r="AD59318" i="1"/>
  <c r="AD59319" i="1"/>
  <c r="AD59320" i="1"/>
  <c r="AD59321" i="1"/>
  <c r="AD59322" i="1"/>
  <c r="AD59323" i="1"/>
  <c r="AD59324" i="1"/>
  <c r="AD59325" i="1"/>
  <c r="AD59326" i="1"/>
  <c r="AD59327" i="1"/>
  <c r="AD59328" i="1"/>
  <c r="AD59329" i="1"/>
  <c r="AD59330" i="1"/>
  <c r="AD59331" i="1"/>
  <c r="AD59332" i="1"/>
  <c r="AD59333" i="1"/>
  <c r="AD59334" i="1"/>
  <c r="AD59335" i="1"/>
  <c r="AD59336" i="1"/>
  <c r="AD59337" i="1"/>
  <c r="AD59338" i="1"/>
  <c r="AD59339" i="1"/>
  <c r="AD59340" i="1"/>
  <c r="AD59341" i="1"/>
  <c r="AD59342" i="1"/>
  <c r="AD59343" i="1"/>
  <c r="AD59344" i="1"/>
  <c r="AD59345" i="1"/>
  <c r="AD59346" i="1"/>
  <c r="AD59347" i="1"/>
  <c r="AD59348" i="1"/>
  <c r="AD59349" i="1"/>
  <c r="AD59350" i="1"/>
  <c r="AD59351" i="1"/>
  <c r="AD59352" i="1"/>
  <c r="AD59353" i="1"/>
  <c r="AD59354" i="1"/>
  <c r="AD59355" i="1"/>
  <c r="AD59356" i="1"/>
  <c r="AD59357" i="1"/>
  <c r="AD59358" i="1"/>
  <c r="AD59359" i="1"/>
  <c r="AD59360" i="1"/>
  <c r="AD59361" i="1"/>
  <c r="AD59362" i="1"/>
  <c r="AD59363" i="1"/>
  <c r="AD59364" i="1"/>
  <c r="AD59365" i="1"/>
  <c r="AD59366" i="1"/>
  <c r="AD59367" i="1"/>
  <c r="AD59368" i="1"/>
  <c r="AD59369" i="1"/>
  <c r="AD59370" i="1"/>
  <c r="AD59371" i="1"/>
  <c r="AD59372" i="1"/>
  <c r="AD59373" i="1"/>
  <c r="AD59374" i="1"/>
  <c r="AD59375" i="1"/>
  <c r="AD59376" i="1"/>
  <c r="AD59377" i="1"/>
  <c r="AD59378" i="1"/>
  <c r="AD59379" i="1"/>
  <c r="AD59380" i="1"/>
  <c r="AD59381" i="1"/>
  <c r="AD59382" i="1"/>
  <c r="AD59383" i="1"/>
  <c r="AD59384" i="1"/>
  <c r="AD59385" i="1"/>
  <c r="AD59386" i="1"/>
  <c r="AD59387" i="1"/>
  <c r="AD59388" i="1"/>
  <c r="AD59389" i="1"/>
  <c r="AD59390" i="1"/>
  <c r="AD59391" i="1"/>
  <c r="AD59392" i="1"/>
  <c r="AD59393" i="1"/>
  <c r="AD59394" i="1"/>
  <c r="AD59395" i="1"/>
  <c r="AD59396" i="1"/>
  <c r="AD59397" i="1"/>
  <c r="AD59398" i="1"/>
  <c r="AD59399" i="1"/>
  <c r="AD59400" i="1"/>
  <c r="AD59401" i="1"/>
  <c r="AD59402" i="1"/>
  <c r="AD59403" i="1"/>
  <c r="AD59404" i="1"/>
  <c r="AD59405" i="1"/>
  <c r="AD59406" i="1"/>
  <c r="AD59407" i="1"/>
  <c r="AD59408" i="1"/>
  <c r="AD59409" i="1"/>
  <c r="AD59410" i="1"/>
  <c r="AD59411" i="1"/>
  <c r="AD59412" i="1"/>
  <c r="AD59413" i="1"/>
  <c r="AD59414" i="1"/>
  <c r="AD59415" i="1"/>
  <c r="AD59416" i="1"/>
  <c r="AD59417" i="1"/>
  <c r="AD59418" i="1"/>
  <c r="AD59419" i="1"/>
  <c r="AD59420" i="1"/>
  <c r="AD59421" i="1"/>
  <c r="AD59422" i="1"/>
  <c r="AD59423" i="1"/>
  <c r="AD59424" i="1"/>
  <c r="AD59425" i="1"/>
  <c r="AD59426" i="1"/>
  <c r="AD59427" i="1"/>
  <c r="AD59428" i="1"/>
  <c r="AD59429" i="1"/>
  <c r="AD59430" i="1"/>
  <c r="AD59431" i="1"/>
  <c r="AD59432" i="1"/>
  <c r="AD59433" i="1"/>
  <c r="AD59434" i="1"/>
  <c r="AD59435" i="1"/>
  <c r="AD59436" i="1"/>
  <c r="AD59437" i="1"/>
  <c r="AD59438" i="1"/>
  <c r="AD59439" i="1"/>
  <c r="AD59440" i="1"/>
  <c r="AD59441" i="1"/>
  <c r="AD59442" i="1"/>
  <c r="AD59443" i="1"/>
  <c r="AD59444" i="1"/>
  <c r="AD59445" i="1"/>
  <c r="AD59446" i="1"/>
  <c r="AD59447" i="1"/>
  <c r="AD59448" i="1"/>
  <c r="AD59449" i="1"/>
  <c r="AD59450" i="1"/>
  <c r="AD59451" i="1"/>
  <c r="AD59452" i="1"/>
  <c r="AD59453" i="1"/>
  <c r="AD59454" i="1"/>
  <c r="AD59455" i="1"/>
  <c r="AD59456" i="1"/>
  <c r="AD59457" i="1"/>
  <c r="AD59458" i="1"/>
  <c r="AD59459" i="1"/>
  <c r="AD59460" i="1"/>
  <c r="AD59461" i="1"/>
  <c r="AD59462" i="1"/>
  <c r="AD59463" i="1"/>
  <c r="AD59464" i="1"/>
  <c r="AD59465" i="1"/>
  <c r="AD59466" i="1"/>
  <c r="AD59467" i="1"/>
  <c r="AD59468" i="1"/>
  <c r="AD59469" i="1"/>
  <c r="AD59470" i="1"/>
  <c r="AD59471" i="1"/>
  <c r="AD59472" i="1"/>
  <c r="AD59473" i="1"/>
  <c r="AD59474" i="1"/>
  <c r="AD59475" i="1"/>
  <c r="AD59476" i="1"/>
  <c r="AD59477" i="1"/>
  <c r="AD59478" i="1"/>
  <c r="AD59479" i="1"/>
  <c r="AD59480" i="1"/>
  <c r="AD59481" i="1"/>
  <c r="AD59482" i="1"/>
  <c r="AD59483" i="1"/>
  <c r="AD59484" i="1"/>
  <c r="AD59485" i="1"/>
  <c r="AD59486" i="1"/>
  <c r="AD59487" i="1"/>
  <c r="AD59488" i="1"/>
  <c r="AD59489" i="1"/>
  <c r="AD59490" i="1"/>
  <c r="AD59491" i="1"/>
  <c r="AD59492" i="1"/>
  <c r="AD59493" i="1"/>
  <c r="AD59494" i="1"/>
  <c r="AD59495" i="1"/>
  <c r="AD59496" i="1"/>
  <c r="AD59497" i="1"/>
  <c r="AD59498" i="1"/>
  <c r="AD59499" i="1"/>
  <c r="AD59500" i="1"/>
  <c r="AD59501" i="1"/>
  <c r="AD59502" i="1"/>
  <c r="AD59503" i="1"/>
  <c r="AD59504" i="1"/>
  <c r="AD59505" i="1"/>
  <c r="AD59506" i="1"/>
  <c r="AD59507" i="1"/>
  <c r="AD59508" i="1"/>
  <c r="AD59509" i="1"/>
  <c r="AD59510" i="1"/>
  <c r="AD59511" i="1"/>
  <c r="AD59512" i="1"/>
  <c r="AD59513" i="1"/>
  <c r="AD59514" i="1"/>
  <c r="AD59515" i="1"/>
  <c r="AD59516" i="1"/>
  <c r="AD59517" i="1"/>
  <c r="AD59518" i="1"/>
  <c r="AD59519" i="1"/>
  <c r="AD59520" i="1"/>
  <c r="AD59521" i="1"/>
  <c r="AD59522" i="1"/>
  <c r="AD59523" i="1"/>
  <c r="AD59524" i="1"/>
  <c r="AD59525" i="1"/>
  <c r="AD59526" i="1"/>
  <c r="AD59527" i="1"/>
  <c r="AD59528" i="1"/>
  <c r="AD59529" i="1"/>
  <c r="AD59530" i="1"/>
  <c r="AD59531" i="1"/>
  <c r="AD59532" i="1"/>
  <c r="AD59533" i="1"/>
  <c r="AD59534" i="1"/>
  <c r="AD59535" i="1"/>
  <c r="AD59536" i="1"/>
  <c r="AD59537" i="1"/>
  <c r="AD59538" i="1"/>
  <c r="AD59539" i="1"/>
  <c r="AD59540" i="1"/>
  <c r="AD59541" i="1"/>
  <c r="AD59542" i="1"/>
  <c r="AD59543" i="1"/>
  <c r="AD59544" i="1"/>
  <c r="AD59545" i="1"/>
  <c r="AD59546" i="1"/>
  <c r="AD59547" i="1"/>
  <c r="AD59548" i="1"/>
  <c r="AD59549" i="1"/>
  <c r="AD59550" i="1"/>
  <c r="AD59551" i="1"/>
  <c r="AD59552" i="1"/>
  <c r="AD59553" i="1"/>
  <c r="AD59554" i="1"/>
  <c r="AD59555" i="1"/>
  <c r="AD59556" i="1"/>
  <c r="AD59557" i="1"/>
  <c r="AD59558" i="1"/>
  <c r="AD59559" i="1"/>
  <c r="AD59560" i="1"/>
  <c r="AD59561" i="1"/>
  <c r="AD59562" i="1"/>
  <c r="AD59563" i="1"/>
  <c r="AD59564" i="1"/>
  <c r="AD59565" i="1"/>
  <c r="AD59566" i="1"/>
  <c r="AD59567" i="1"/>
  <c r="AD59568" i="1"/>
  <c r="AD59569" i="1"/>
  <c r="AD59570" i="1"/>
  <c r="AD59571" i="1"/>
  <c r="AD59572" i="1"/>
  <c r="AD59573" i="1"/>
  <c r="AD59574" i="1"/>
  <c r="AD59575" i="1"/>
  <c r="AD59576" i="1"/>
  <c r="AD59577" i="1"/>
  <c r="AD59578" i="1"/>
  <c r="AD59579" i="1"/>
  <c r="AD59580" i="1"/>
  <c r="AD59581" i="1"/>
  <c r="AD59582" i="1"/>
  <c r="AD59583" i="1"/>
  <c r="AD59584" i="1"/>
  <c r="AD59585" i="1"/>
  <c r="AD59586" i="1"/>
  <c r="AD59587" i="1"/>
  <c r="AD59588" i="1"/>
  <c r="AD59589" i="1"/>
  <c r="AD59590" i="1"/>
  <c r="AD59591" i="1"/>
  <c r="AD59592" i="1"/>
  <c r="AD59593" i="1"/>
  <c r="AD59594" i="1"/>
  <c r="AD59595" i="1"/>
  <c r="AD59596" i="1"/>
  <c r="AD59597" i="1"/>
  <c r="AD59598" i="1"/>
  <c r="AD59599" i="1"/>
  <c r="AD59600" i="1"/>
  <c r="AD59601" i="1"/>
  <c r="AD59602" i="1"/>
  <c r="AD59603" i="1"/>
  <c r="AD59604" i="1"/>
  <c r="AD59605" i="1"/>
  <c r="AD59606" i="1"/>
  <c r="AD59607" i="1"/>
  <c r="AD59608" i="1"/>
  <c r="AD59609" i="1"/>
  <c r="AD59610" i="1"/>
  <c r="AD59611" i="1"/>
  <c r="AD59612" i="1"/>
  <c r="AD59613" i="1"/>
  <c r="AD59614" i="1"/>
  <c r="AD59615" i="1"/>
  <c r="AD59616" i="1"/>
  <c r="AD59617" i="1"/>
  <c r="AD59618" i="1"/>
  <c r="AD59619" i="1"/>
  <c r="AD59620" i="1"/>
  <c r="AD59621" i="1"/>
  <c r="AD59622" i="1"/>
  <c r="AD59623" i="1"/>
  <c r="AD59624" i="1"/>
  <c r="AD59625" i="1"/>
  <c r="AD59626" i="1"/>
  <c r="AD59627" i="1"/>
  <c r="AD59628" i="1"/>
  <c r="AD59629" i="1"/>
  <c r="AD59630" i="1"/>
  <c r="AD59631" i="1"/>
  <c r="AD59632" i="1"/>
  <c r="AD59633" i="1"/>
  <c r="AD59634" i="1"/>
  <c r="AD59635" i="1"/>
  <c r="AD59636" i="1"/>
  <c r="AD59637" i="1"/>
  <c r="AD59638" i="1"/>
  <c r="AD59639" i="1"/>
  <c r="AD59640" i="1"/>
  <c r="AD59641" i="1"/>
  <c r="AD59642" i="1"/>
  <c r="AD59643" i="1"/>
  <c r="AD59644" i="1"/>
  <c r="AD59645" i="1"/>
  <c r="AD59646" i="1"/>
  <c r="AD59647" i="1"/>
  <c r="AD59648" i="1"/>
  <c r="AD59649" i="1"/>
  <c r="AD59650" i="1"/>
  <c r="AD59651" i="1"/>
  <c r="AD59652" i="1"/>
  <c r="AD59653" i="1"/>
  <c r="AD59654" i="1"/>
  <c r="AD59655" i="1"/>
  <c r="AD59656" i="1"/>
  <c r="AD59657" i="1"/>
  <c r="AD59658" i="1"/>
  <c r="AD59659" i="1"/>
  <c r="AD59660" i="1"/>
  <c r="AD59661" i="1"/>
  <c r="AD59662" i="1"/>
  <c r="AD59663" i="1"/>
  <c r="AD59664" i="1"/>
  <c r="AD59665" i="1"/>
  <c r="AD59666" i="1"/>
  <c r="AD59667" i="1"/>
  <c r="AD59668" i="1"/>
  <c r="AD59669" i="1"/>
  <c r="AD59670" i="1"/>
  <c r="AD59671" i="1"/>
  <c r="AD59672" i="1"/>
  <c r="AD59673" i="1"/>
  <c r="AD59674" i="1"/>
  <c r="AD59675" i="1"/>
  <c r="AD59676" i="1"/>
  <c r="AD59677" i="1"/>
  <c r="AD59678" i="1"/>
  <c r="AD59679" i="1"/>
  <c r="AD59680" i="1"/>
  <c r="AD59681" i="1"/>
  <c r="AD59682" i="1"/>
  <c r="AD59683" i="1"/>
  <c r="AD59684" i="1"/>
  <c r="AD59685" i="1"/>
  <c r="AD59686" i="1"/>
  <c r="AD59687" i="1"/>
  <c r="AD59688" i="1"/>
  <c r="AD59689" i="1"/>
  <c r="AD59690" i="1"/>
  <c r="AD59691" i="1"/>
  <c r="AD59692" i="1"/>
  <c r="AD59693" i="1"/>
  <c r="AD59694" i="1"/>
  <c r="AD59695" i="1"/>
  <c r="AD59696" i="1"/>
  <c r="AD59697" i="1"/>
  <c r="AD59698" i="1"/>
  <c r="AD59699" i="1"/>
  <c r="AD59700" i="1"/>
  <c r="AD59701" i="1"/>
  <c r="AD59702" i="1"/>
  <c r="AD59703" i="1"/>
  <c r="AD59704" i="1"/>
  <c r="AD59705" i="1"/>
  <c r="AD59706" i="1"/>
  <c r="AD59707" i="1"/>
  <c r="AD59708" i="1"/>
  <c r="AD59709" i="1"/>
  <c r="AD59710" i="1"/>
  <c r="AD59711" i="1"/>
  <c r="AD59712" i="1"/>
  <c r="AD59713" i="1"/>
  <c r="AD59714" i="1"/>
  <c r="AD59715" i="1"/>
  <c r="AD59716" i="1"/>
  <c r="AD59717" i="1"/>
  <c r="AD59718" i="1"/>
  <c r="AD59719" i="1"/>
  <c r="AD59720" i="1"/>
  <c r="AD59721" i="1"/>
  <c r="AD59722" i="1"/>
  <c r="AD59723" i="1"/>
  <c r="AD59724" i="1"/>
  <c r="AD59725" i="1"/>
  <c r="AD59726" i="1"/>
  <c r="AD59727" i="1"/>
  <c r="AD59728" i="1"/>
  <c r="AD59729" i="1"/>
  <c r="AD59730" i="1"/>
  <c r="AD59731" i="1"/>
  <c r="AD59732" i="1"/>
  <c r="AD59733" i="1"/>
  <c r="AD59734" i="1"/>
  <c r="AD59735" i="1"/>
  <c r="AD59736" i="1"/>
  <c r="AD59737" i="1"/>
  <c r="AD59738" i="1"/>
  <c r="AD59739" i="1"/>
  <c r="AD59740" i="1"/>
  <c r="AD59741" i="1"/>
  <c r="AD59742" i="1"/>
  <c r="AD59743" i="1"/>
  <c r="AD59744" i="1"/>
  <c r="AD59745" i="1"/>
  <c r="AD59746" i="1"/>
  <c r="AD59747" i="1"/>
  <c r="AD59748" i="1"/>
  <c r="AD59749" i="1"/>
  <c r="AD59750" i="1"/>
  <c r="AD59751" i="1"/>
  <c r="AD59752" i="1"/>
  <c r="AD59753" i="1"/>
  <c r="AD59754" i="1"/>
  <c r="AD59755" i="1"/>
  <c r="AD59756" i="1"/>
  <c r="AD59757" i="1"/>
  <c r="AD59758" i="1"/>
  <c r="AD59759" i="1"/>
  <c r="AD59760" i="1"/>
  <c r="AD59761" i="1"/>
  <c r="AD59762" i="1"/>
  <c r="AD59763" i="1"/>
  <c r="AD59764" i="1"/>
  <c r="AD59765" i="1"/>
  <c r="AD59766" i="1"/>
  <c r="AD59767" i="1"/>
  <c r="AD59768" i="1"/>
  <c r="AD59769" i="1"/>
  <c r="AD59770" i="1"/>
  <c r="AD59771" i="1"/>
  <c r="AD59772" i="1"/>
  <c r="AD59773" i="1"/>
  <c r="AD59774" i="1"/>
  <c r="AD59775" i="1"/>
  <c r="AD59776" i="1"/>
  <c r="AD59777" i="1"/>
  <c r="AD59778" i="1"/>
  <c r="AD59779" i="1"/>
  <c r="AD59780" i="1"/>
  <c r="AD59781" i="1"/>
  <c r="AD59782" i="1"/>
  <c r="AD59783" i="1"/>
  <c r="AD59784" i="1"/>
  <c r="AD59785" i="1"/>
  <c r="AD59786" i="1"/>
  <c r="AD59787" i="1"/>
  <c r="AD59788" i="1"/>
  <c r="AD59789" i="1"/>
  <c r="AD59790" i="1"/>
  <c r="AD59791" i="1"/>
  <c r="AD59792" i="1"/>
  <c r="AD59793" i="1"/>
  <c r="AD59794" i="1"/>
  <c r="AD59795" i="1"/>
  <c r="AD59796" i="1"/>
  <c r="AD59797" i="1"/>
  <c r="AD59798" i="1"/>
  <c r="AD59799" i="1"/>
  <c r="AD59800" i="1"/>
  <c r="AD59801" i="1"/>
  <c r="AD59802" i="1"/>
  <c r="AD59803" i="1"/>
  <c r="AD59804" i="1"/>
  <c r="AD59805" i="1"/>
  <c r="AD59806" i="1"/>
  <c r="AD59807" i="1"/>
  <c r="AD59808" i="1"/>
  <c r="AD59809" i="1"/>
  <c r="AD59810" i="1"/>
  <c r="AD59811" i="1"/>
  <c r="AD59812" i="1"/>
  <c r="AD59813" i="1"/>
  <c r="AD59814" i="1"/>
  <c r="AD59815" i="1"/>
  <c r="AD59816" i="1"/>
  <c r="AD59817" i="1"/>
  <c r="AD59818" i="1"/>
  <c r="AD59819" i="1"/>
  <c r="AD59820" i="1"/>
  <c r="AD59821" i="1"/>
  <c r="AD59822" i="1"/>
  <c r="AD59823" i="1"/>
  <c r="AD59824" i="1"/>
  <c r="AD59825" i="1"/>
  <c r="AD59826" i="1"/>
  <c r="AD59827" i="1"/>
  <c r="AD59828" i="1"/>
  <c r="AD59829" i="1"/>
  <c r="AD59830" i="1"/>
  <c r="AD59831" i="1"/>
  <c r="AD59832" i="1"/>
  <c r="AD59833" i="1"/>
  <c r="AD59834" i="1"/>
  <c r="AD59835" i="1"/>
  <c r="AD59836" i="1"/>
  <c r="AD59837" i="1"/>
  <c r="AD59838" i="1"/>
  <c r="AD59839" i="1"/>
  <c r="AD59840" i="1"/>
  <c r="AD59841" i="1"/>
  <c r="AD59842" i="1"/>
  <c r="AD59843" i="1"/>
  <c r="AD59844" i="1"/>
  <c r="AD59845" i="1"/>
  <c r="AD59846" i="1"/>
  <c r="AD59847" i="1"/>
  <c r="AD59848" i="1"/>
  <c r="AD59849" i="1"/>
  <c r="AD59850" i="1"/>
  <c r="AD59851" i="1"/>
  <c r="AD59852" i="1"/>
  <c r="AD59853" i="1"/>
  <c r="AD59854" i="1"/>
  <c r="AD59855" i="1"/>
  <c r="AD59856" i="1"/>
  <c r="AD59857" i="1"/>
  <c r="AD59858" i="1"/>
  <c r="AD59859" i="1"/>
  <c r="AD59860" i="1"/>
  <c r="AD59861" i="1"/>
  <c r="AD59862" i="1"/>
  <c r="AD59863" i="1"/>
  <c r="AD59864" i="1"/>
  <c r="AD59865" i="1"/>
  <c r="AD59866" i="1"/>
  <c r="AD59867" i="1"/>
  <c r="AD59868" i="1"/>
  <c r="AD59869" i="1"/>
  <c r="AD59870" i="1"/>
  <c r="AD59871" i="1"/>
  <c r="AD59872" i="1"/>
  <c r="AD59873" i="1"/>
  <c r="AD59874" i="1"/>
  <c r="AD59875" i="1"/>
  <c r="AD59876" i="1"/>
  <c r="AD59877" i="1"/>
  <c r="AD59878" i="1"/>
  <c r="AD59879" i="1"/>
  <c r="AD59880" i="1"/>
  <c r="AD59881" i="1"/>
  <c r="AD59882" i="1"/>
  <c r="AD59883" i="1"/>
  <c r="AD59884" i="1"/>
  <c r="AD59885" i="1"/>
  <c r="AD59886" i="1"/>
  <c r="AD59887" i="1"/>
  <c r="AD59888" i="1"/>
  <c r="AD59889" i="1"/>
  <c r="AD59890" i="1"/>
  <c r="AD59891" i="1"/>
  <c r="AD59892" i="1"/>
  <c r="AD59893" i="1"/>
  <c r="AD59894" i="1"/>
  <c r="AD59895" i="1"/>
  <c r="AD59896" i="1"/>
  <c r="AD59897" i="1"/>
  <c r="AD59898" i="1"/>
  <c r="AD59899" i="1"/>
  <c r="AD59900" i="1"/>
  <c r="AD59901" i="1"/>
  <c r="AD59902" i="1"/>
  <c r="AD59903" i="1"/>
  <c r="AD59904" i="1"/>
  <c r="AD59905" i="1"/>
  <c r="AD59906" i="1"/>
  <c r="AD59907" i="1"/>
  <c r="AD59908" i="1"/>
  <c r="AD59909" i="1"/>
  <c r="AD59910" i="1"/>
  <c r="AD59911" i="1"/>
  <c r="AD59912" i="1"/>
  <c r="AD59913" i="1"/>
  <c r="AD59914" i="1"/>
  <c r="AD59915" i="1"/>
  <c r="AD59916" i="1"/>
  <c r="AD59917" i="1"/>
  <c r="AD59918" i="1"/>
  <c r="AD59919" i="1"/>
  <c r="AD59920" i="1"/>
  <c r="AD59921" i="1"/>
  <c r="AD59922" i="1"/>
  <c r="AD59923" i="1"/>
  <c r="AD59924" i="1"/>
  <c r="AD59925" i="1"/>
  <c r="AD59926" i="1"/>
  <c r="AD59927" i="1"/>
  <c r="AD59928" i="1"/>
  <c r="AD59929" i="1"/>
  <c r="AD59930" i="1"/>
  <c r="AD59931" i="1"/>
  <c r="AD59932" i="1"/>
  <c r="AD59933" i="1"/>
  <c r="AD59934" i="1"/>
  <c r="AD59935" i="1"/>
  <c r="AD59936" i="1"/>
  <c r="AD59937" i="1"/>
  <c r="AD59938" i="1"/>
  <c r="AD59939" i="1"/>
  <c r="AD59940" i="1"/>
  <c r="AD59941" i="1"/>
  <c r="AD59942" i="1"/>
  <c r="AD59943" i="1"/>
  <c r="AD59944" i="1"/>
  <c r="AD59945" i="1"/>
  <c r="AD59946" i="1"/>
  <c r="AD59947" i="1"/>
  <c r="AD59948" i="1"/>
  <c r="AD59949" i="1"/>
  <c r="AD59950" i="1"/>
  <c r="AD59951" i="1"/>
  <c r="AD59952" i="1"/>
  <c r="AD59953" i="1"/>
  <c r="AD59954" i="1"/>
  <c r="AD59955" i="1"/>
  <c r="AD59956" i="1"/>
  <c r="AD59957" i="1"/>
  <c r="AD59958" i="1"/>
  <c r="AD59959" i="1"/>
  <c r="AD59960" i="1"/>
  <c r="AD59961" i="1"/>
  <c r="AD59962" i="1"/>
  <c r="AD59963" i="1"/>
  <c r="AD59964" i="1"/>
  <c r="AD59965" i="1"/>
  <c r="AD59966" i="1"/>
  <c r="AD59967" i="1"/>
  <c r="AD59968" i="1"/>
  <c r="AD59969" i="1"/>
  <c r="AD59970" i="1"/>
  <c r="AD59971" i="1"/>
  <c r="AD59972" i="1"/>
  <c r="AD59973" i="1"/>
  <c r="AD59974" i="1"/>
  <c r="AD59975" i="1"/>
  <c r="AD59976" i="1"/>
  <c r="AD59977" i="1"/>
  <c r="AD59978" i="1"/>
  <c r="AD59979" i="1"/>
  <c r="AD59980" i="1"/>
  <c r="AD59981" i="1"/>
  <c r="AD59982" i="1"/>
  <c r="AD59983" i="1"/>
  <c r="AD59984" i="1"/>
  <c r="AD59985" i="1"/>
  <c r="AD59986" i="1"/>
  <c r="AD59987" i="1"/>
  <c r="AD59988" i="1"/>
  <c r="AD59989" i="1"/>
  <c r="AD59990" i="1"/>
  <c r="AD59991" i="1"/>
  <c r="AD59992" i="1"/>
  <c r="AD59993" i="1"/>
  <c r="AD59994" i="1"/>
  <c r="AD59995" i="1"/>
  <c r="AD59996" i="1"/>
  <c r="AD59997" i="1"/>
  <c r="AD59998" i="1"/>
  <c r="AD59999" i="1"/>
  <c r="AD60000" i="1"/>
  <c r="AD60001" i="1"/>
  <c r="AD60002" i="1"/>
  <c r="AD60003" i="1"/>
  <c r="AD60004" i="1"/>
  <c r="AD60005" i="1"/>
  <c r="AD60006" i="1"/>
  <c r="AD60007" i="1"/>
  <c r="AD60008" i="1"/>
  <c r="AD60009" i="1"/>
  <c r="AD60010" i="1"/>
  <c r="AD60011" i="1"/>
  <c r="AD60012" i="1"/>
  <c r="AD60013" i="1"/>
  <c r="AD60014" i="1"/>
  <c r="AD60015" i="1"/>
  <c r="AD60016" i="1"/>
  <c r="AD60017" i="1"/>
  <c r="AD60018" i="1"/>
  <c r="AD60019" i="1"/>
  <c r="AD60020" i="1"/>
  <c r="AD60021" i="1"/>
  <c r="AD60022" i="1"/>
  <c r="AD60023" i="1"/>
  <c r="AD60024" i="1"/>
  <c r="AD60025" i="1"/>
  <c r="AD60026" i="1"/>
  <c r="AD60027" i="1"/>
  <c r="AD60028" i="1"/>
  <c r="AD60029" i="1"/>
  <c r="AD60030" i="1"/>
  <c r="AD60031" i="1"/>
  <c r="AD60032" i="1"/>
  <c r="AD60033" i="1"/>
  <c r="AD60034" i="1"/>
  <c r="AD60035" i="1"/>
  <c r="AD60036" i="1"/>
  <c r="AD60037" i="1"/>
  <c r="AD60038" i="1"/>
  <c r="AD60039" i="1"/>
  <c r="AD60040" i="1"/>
  <c r="AD60041" i="1"/>
  <c r="AD60042" i="1"/>
  <c r="AD60043" i="1"/>
  <c r="AD60044" i="1"/>
  <c r="AD60045" i="1"/>
  <c r="AD60046" i="1"/>
  <c r="AD60047" i="1"/>
  <c r="AD60048" i="1"/>
  <c r="AD60049" i="1"/>
  <c r="AD60050" i="1"/>
  <c r="AD60051" i="1"/>
  <c r="AD60052" i="1"/>
  <c r="AD60053" i="1"/>
  <c r="AD60054" i="1"/>
  <c r="AD60055" i="1"/>
  <c r="AD60056" i="1"/>
  <c r="AD60057" i="1"/>
  <c r="AD60058" i="1"/>
  <c r="AD60059" i="1"/>
  <c r="AD60060" i="1"/>
  <c r="AD60061" i="1"/>
  <c r="AD60062" i="1"/>
  <c r="AD60063" i="1"/>
  <c r="AD60064" i="1"/>
  <c r="AD60065" i="1"/>
  <c r="AD60066" i="1"/>
  <c r="AD60067" i="1"/>
  <c r="AD60068" i="1"/>
  <c r="AD60069" i="1"/>
  <c r="AD60070" i="1"/>
  <c r="AD60071" i="1"/>
  <c r="AD60072" i="1"/>
  <c r="AD60073" i="1"/>
  <c r="AD60074" i="1"/>
  <c r="AD60075" i="1"/>
  <c r="AD60076" i="1"/>
  <c r="AD60077" i="1"/>
  <c r="AD60078" i="1"/>
  <c r="AD60079" i="1"/>
  <c r="AD60080" i="1"/>
  <c r="AD60081" i="1"/>
  <c r="AD60082" i="1"/>
  <c r="AD60083" i="1"/>
  <c r="AD60084" i="1"/>
  <c r="AD60085" i="1"/>
  <c r="AD60086" i="1"/>
  <c r="AD60087" i="1"/>
  <c r="AD60088" i="1"/>
  <c r="AD60089" i="1"/>
  <c r="AD60090" i="1"/>
  <c r="AD60091" i="1"/>
  <c r="AD60092" i="1"/>
  <c r="AD60093" i="1"/>
  <c r="AD60094" i="1"/>
  <c r="AD60095" i="1"/>
  <c r="AD60096" i="1"/>
  <c r="AD60097" i="1"/>
  <c r="AD60098" i="1"/>
  <c r="AD60099" i="1"/>
  <c r="AD60100" i="1"/>
  <c r="AD60101" i="1"/>
  <c r="AD60102" i="1"/>
  <c r="AD60103" i="1"/>
  <c r="AD60104" i="1"/>
  <c r="AD60105" i="1"/>
  <c r="AD60106" i="1"/>
  <c r="AD60107" i="1"/>
  <c r="AD60108" i="1"/>
  <c r="AD60109" i="1"/>
  <c r="AD60110" i="1"/>
  <c r="AD60111" i="1"/>
  <c r="AD60112" i="1"/>
  <c r="AD60113" i="1"/>
  <c r="AD60114" i="1"/>
  <c r="AD60115" i="1"/>
  <c r="AD60116" i="1"/>
  <c r="AD60117" i="1"/>
  <c r="AD60118" i="1"/>
  <c r="AD60119" i="1"/>
  <c r="AD60120" i="1"/>
  <c r="AD60121" i="1"/>
  <c r="AD60122" i="1"/>
  <c r="AD60123" i="1"/>
  <c r="AD60124" i="1"/>
  <c r="AD60125" i="1"/>
  <c r="AD60126" i="1"/>
  <c r="AD60127" i="1"/>
  <c r="AD60128" i="1"/>
  <c r="AD60129" i="1"/>
  <c r="AD60130" i="1"/>
  <c r="AD60131" i="1"/>
  <c r="AD60132" i="1"/>
  <c r="AD60133" i="1"/>
  <c r="AD60134" i="1"/>
  <c r="AD60135" i="1"/>
  <c r="AD60136" i="1"/>
  <c r="AD60137" i="1"/>
  <c r="AD60138" i="1"/>
  <c r="AD60139" i="1"/>
  <c r="AD60140" i="1"/>
  <c r="AD60141" i="1"/>
  <c r="AD60142" i="1"/>
  <c r="AD60143" i="1"/>
  <c r="AD60144" i="1"/>
  <c r="AD60145" i="1"/>
  <c r="AD60146" i="1"/>
  <c r="AD60147" i="1"/>
  <c r="AD60148" i="1"/>
  <c r="AD60149" i="1"/>
  <c r="AD60150" i="1"/>
  <c r="AD60151" i="1"/>
  <c r="AD60152" i="1"/>
  <c r="AD60153" i="1"/>
  <c r="AD60154" i="1"/>
  <c r="AD60155" i="1"/>
  <c r="AD60156" i="1"/>
  <c r="AD60157" i="1"/>
  <c r="AD60158" i="1"/>
  <c r="AD60159" i="1"/>
  <c r="AD60160" i="1"/>
  <c r="AD60161" i="1"/>
  <c r="AD60162" i="1"/>
  <c r="AD60163" i="1"/>
  <c r="AD60164" i="1"/>
  <c r="AD60165" i="1"/>
  <c r="AD60166" i="1"/>
  <c r="AD60167" i="1"/>
  <c r="AD60168" i="1"/>
  <c r="AD60169" i="1"/>
  <c r="AD60170" i="1"/>
  <c r="AD60171" i="1"/>
  <c r="AD60172" i="1"/>
  <c r="AD60173" i="1"/>
  <c r="AD60174" i="1"/>
  <c r="AD60175" i="1"/>
  <c r="AD60176" i="1"/>
  <c r="AD60177" i="1"/>
  <c r="AD60178" i="1"/>
  <c r="AD60179" i="1"/>
  <c r="AD60180" i="1"/>
  <c r="AD60181" i="1"/>
  <c r="AD60182" i="1"/>
  <c r="AD60183" i="1"/>
  <c r="AD60184" i="1"/>
  <c r="AD60185" i="1"/>
  <c r="AD60186" i="1"/>
  <c r="AD60187" i="1"/>
  <c r="AD60188" i="1"/>
  <c r="AD60189" i="1"/>
  <c r="AD60190" i="1"/>
  <c r="AD60191" i="1"/>
  <c r="AD60192" i="1"/>
  <c r="AD60193" i="1"/>
  <c r="AD60194" i="1"/>
  <c r="AD60195" i="1"/>
  <c r="AD60196" i="1"/>
  <c r="AD60197" i="1"/>
  <c r="AD60198" i="1"/>
  <c r="AD60199" i="1"/>
  <c r="AD60200" i="1"/>
  <c r="AD60201" i="1"/>
  <c r="AD60202" i="1"/>
  <c r="AD60203" i="1"/>
  <c r="AD60204" i="1"/>
  <c r="AD60205" i="1"/>
  <c r="AD60206" i="1"/>
  <c r="AD60207" i="1"/>
  <c r="AD60208" i="1"/>
  <c r="AD60209" i="1"/>
  <c r="AD60210" i="1"/>
  <c r="AD60211" i="1"/>
  <c r="AD60212" i="1"/>
  <c r="AD60213" i="1"/>
  <c r="AD60214" i="1"/>
  <c r="AD60215" i="1"/>
  <c r="AD60216" i="1"/>
  <c r="AD60217" i="1"/>
  <c r="AD60218" i="1"/>
  <c r="AD60219" i="1"/>
  <c r="AD60220" i="1"/>
  <c r="AD60221" i="1"/>
  <c r="AD60222" i="1"/>
  <c r="AD60223" i="1"/>
  <c r="AD60224" i="1"/>
  <c r="AD60225" i="1"/>
  <c r="AD60226" i="1"/>
  <c r="AD60227" i="1"/>
  <c r="AD60228" i="1"/>
  <c r="AD60229" i="1"/>
  <c r="AD60230" i="1"/>
  <c r="AD60231" i="1"/>
  <c r="AD60232" i="1"/>
  <c r="AD60233" i="1"/>
  <c r="AD60234" i="1"/>
  <c r="AD60235" i="1"/>
  <c r="AD60236" i="1"/>
  <c r="AD60237" i="1"/>
  <c r="AD60238" i="1"/>
  <c r="AD60239" i="1"/>
  <c r="AD60240" i="1"/>
  <c r="AD60241" i="1"/>
  <c r="AD60242" i="1"/>
  <c r="AD60243" i="1"/>
  <c r="AD60244" i="1"/>
  <c r="AD60245" i="1"/>
  <c r="AD60246" i="1"/>
  <c r="AD60247" i="1"/>
  <c r="AD60248" i="1"/>
  <c r="AD60249" i="1"/>
  <c r="AD60250" i="1"/>
  <c r="AD60251" i="1"/>
  <c r="AD60252" i="1"/>
  <c r="AD60253" i="1"/>
  <c r="AD60254" i="1"/>
  <c r="AD60255" i="1"/>
  <c r="AD60256" i="1"/>
  <c r="AD60257" i="1"/>
  <c r="AD60258" i="1"/>
  <c r="AD60259" i="1"/>
  <c r="AD60260" i="1"/>
  <c r="AD60261" i="1"/>
  <c r="AD60262" i="1"/>
  <c r="AD60263" i="1"/>
  <c r="AD60264" i="1"/>
  <c r="AD60265" i="1"/>
  <c r="AD60266" i="1"/>
  <c r="AD60267" i="1"/>
  <c r="AD60268" i="1"/>
  <c r="AD60269" i="1"/>
  <c r="AD60270" i="1"/>
  <c r="AD60271" i="1"/>
  <c r="AD60272" i="1"/>
  <c r="AD60273" i="1"/>
  <c r="AD60274" i="1"/>
  <c r="AD60275" i="1"/>
  <c r="AD60276" i="1"/>
  <c r="AD60277" i="1"/>
  <c r="AD60278" i="1"/>
  <c r="AD60279" i="1"/>
  <c r="AD60280" i="1"/>
  <c r="AD60281" i="1"/>
  <c r="AD60282" i="1"/>
  <c r="AD60283" i="1"/>
  <c r="AD60284" i="1"/>
  <c r="AD60285" i="1"/>
  <c r="AD60286" i="1"/>
  <c r="AD60287" i="1"/>
  <c r="AD60288" i="1"/>
  <c r="AD60289" i="1"/>
  <c r="AD60290" i="1"/>
  <c r="AD60291" i="1"/>
  <c r="AD60292" i="1"/>
  <c r="AD60293" i="1"/>
  <c r="AD60294" i="1"/>
  <c r="AD60295" i="1"/>
  <c r="AD60296" i="1"/>
  <c r="AD60297" i="1"/>
  <c r="AD60298" i="1"/>
  <c r="AD60299" i="1"/>
  <c r="AD60300" i="1"/>
  <c r="AD60301" i="1"/>
  <c r="AD60302" i="1"/>
  <c r="AD60303" i="1"/>
  <c r="AD60304" i="1"/>
  <c r="AD60305" i="1"/>
  <c r="AD60306" i="1"/>
  <c r="AD60307" i="1"/>
  <c r="AD60308" i="1"/>
  <c r="AD60309" i="1"/>
  <c r="AD60310" i="1"/>
  <c r="AD60311" i="1"/>
  <c r="AD60312" i="1"/>
  <c r="AD60313" i="1"/>
  <c r="AD60314" i="1"/>
  <c r="AD60315" i="1"/>
  <c r="AD60316" i="1"/>
  <c r="AD60317" i="1"/>
  <c r="AD60318" i="1"/>
  <c r="AD60319" i="1"/>
  <c r="AD60320" i="1"/>
  <c r="AD60321" i="1"/>
  <c r="AD60322" i="1"/>
  <c r="AD60323" i="1"/>
  <c r="AD60324" i="1"/>
  <c r="AD60325" i="1"/>
  <c r="AD60326" i="1"/>
  <c r="AD60327" i="1"/>
  <c r="AD60328" i="1"/>
  <c r="AD60329" i="1"/>
  <c r="AD60330" i="1"/>
  <c r="AD60331" i="1"/>
  <c r="AD60332" i="1"/>
  <c r="AD60333" i="1"/>
  <c r="AD60334" i="1"/>
  <c r="AD60335" i="1"/>
  <c r="AD60336" i="1"/>
  <c r="AD60337" i="1"/>
  <c r="AD60338" i="1"/>
  <c r="AD60339" i="1"/>
  <c r="AD60340" i="1"/>
  <c r="AD60341" i="1"/>
  <c r="AD60342" i="1"/>
  <c r="AD60343" i="1"/>
  <c r="AD60344" i="1"/>
  <c r="AD60345" i="1"/>
  <c r="AD60346" i="1"/>
  <c r="AD60347" i="1"/>
  <c r="AD60348" i="1"/>
  <c r="AD60349" i="1"/>
  <c r="AD60350" i="1"/>
  <c r="AD60351" i="1"/>
  <c r="AD60352" i="1"/>
  <c r="AD60353" i="1"/>
  <c r="AD60354" i="1"/>
  <c r="AD60355" i="1"/>
  <c r="AD60356" i="1"/>
  <c r="AD60357" i="1"/>
  <c r="AD60358" i="1"/>
  <c r="AD60359" i="1"/>
  <c r="AD60360" i="1"/>
  <c r="AD60361" i="1"/>
  <c r="AD60362" i="1"/>
  <c r="AD60363" i="1"/>
  <c r="AD60364" i="1"/>
  <c r="AD60365" i="1"/>
  <c r="AD60366" i="1"/>
  <c r="AD60367" i="1"/>
  <c r="AD60368" i="1"/>
  <c r="AD60369" i="1"/>
  <c r="AD60370" i="1"/>
  <c r="AD60371" i="1"/>
  <c r="AD60372" i="1"/>
  <c r="AD60373" i="1"/>
  <c r="AD60374" i="1"/>
  <c r="AD60375" i="1"/>
  <c r="AD60376" i="1"/>
  <c r="AD60377" i="1"/>
  <c r="AD60378" i="1"/>
  <c r="AD60379" i="1"/>
  <c r="AD60380" i="1"/>
  <c r="AD60381" i="1"/>
  <c r="AD60382" i="1"/>
  <c r="AD60383" i="1"/>
  <c r="AD60384" i="1"/>
  <c r="AD60385" i="1"/>
  <c r="AD60386" i="1"/>
  <c r="AD60387" i="1"/>
  <c r="AD60388" i="1"/>
  <c r="AD60389" i="1"/>
  <c r="AD60390" i="1"/>
  <c r="AD60391" i="1"/>
  <c r="AD60392" i="1"/>
  <c r="AD60393" i="1"/>
  <c r="AD60394" i="1"/>
  <c r="AD60395" i="1"/>
  <c r="AD60396" i="1"/>
  <c r="AD60397" i="1"/>
  <c r="AD60398" i="1"/>
  <c r="AD60399" i="1"/>
  <c r="AD60400" i="1"/>
  <c r="AD60401" i="1"/>
  <c r="AD60402" i="1"/>
  <c r="AD60403" i="1"/>
  <c r="AD60404" i="1"/>
  <c r="AD60405" i="1"/>
  <c r="AD60406" i="1"/>
  <c r="AD60407" i="1"/>
  <c r="AD60408" i="1"/>
  <c r="AD60409" i="1"/>
  <c r="AD60410" i="1"/>
  <c r="AD60411" i="1"/>
  <c r="AD60412" i="1"/>
  <c r="AD60413" i="1"/>
  <c r="AD60414" i="1"/>
  <c r="AD60415" i="1"/>
  <c r="AD60416" i="1"/>
  <c r="AD60417" i="1"/>
  <c r="AD60418" i="1"/>
  <c r="AD60419" i="1"/>
  <c r="AD60420" i="1"/>
  <c r="AD60421" i="1"/>
  <c r="AD60422" i="1"/>
  <c r="AD60423" i="1"/>
  <c r="AD60424" i="1"/>
  <c r="AD60425" i="1"/>
  <c r="AD60426" i="1"/>
  <c r="AD60427" i="1"/>
  <c r="AD60428" i="1"/>
  <c r="AD60429" i="1"/>
  <c r="AD60430" i="1"/>
  <c r="AD60431" i="1"/>
  <c r="AD60432" i="1"/>
  <c r="AD60433" i="1"/>
  <c r="AD60434" i="1"/>
  <c r="AD60435" i="1"/>
  <c r="AD60436" i="1"/>
  <c r="AD60437" i="1"/>
  <c r="AD60438" i="1"/>
  <c r="AD60439" i="1"/>
  <c r="AD60440" i="1"/>
  <c r="AD60441" i="1"/>
  <c r="AD60442" i="1"/>
  <c r="AD60443" i="1"/>
  <c r="AD60444" i="1"/>
  <c r="AD60445" i="1"/>
  <c r="AD60446" i="1"/>
  <c r="AD60447" i="1"/>
  <c r="AD60448" i="1"/>
  <c r="AD60449" i="1"/>
  <c r="AD60450" i="1"/>
  <c r="AD60451" i="1"/>
  <c r="AD60452" i="1"/>
  <c r="AD60453" i="1"/>
  <c r="AD60454" i="1"/>
  <c r="AD60455" i="1"/>
  <c r="AD60456" i="1"/>
  <c r="AD60457" i="1"/>
  <c r="AD60458" i="1"/>
  <c r="AD60459" i="1"/>
  <c r="AD60460" i="1"/>
  <c r="AD60461" i="1"/>
  <c r="AD60462" i="1"/>
  <c r="AD60463" i="1"/>
  <c r="AD60464" i="1"/>
  <c r="AD60465" i="1"/>
  <c r="AD60466" i="1"/>
  <c r="AD60467" i="1"/>
  <c r="AD60468" i="1"/>
  <c r="AD60469" i="1"/>
  <c r="AD60470" i="1"/>
  <c r="AD60471" i="1"/>
  <c r="AD60472" i="1"/>
  <c r="AD60473" i="1"/>
  <c r="AD60474" i="1"/>
  <c r="AD60475" i="1"/>
  <c r="AD60476" i="1"/>
  <c r="AD60477" i="1"/>
  <c r="AD60478" i="1"/>
  <c r="AD60479" i="1"/>
  <c r="AD60480" i="1"/>
  <c r="AD60481" i="1"/>
  <c r="AD60482" i="1"/>
  <c r="AD60483" i="1"/>
  <c r="AD60484" i="1"/>
  <c r="AD60485" i="1"/>
  <c r="AD60486" i="1"/>
  <c r="AD60487" i="1"/>
  <c r="AD60488" i="1"/>
  <c r="AD60489" i="1"/>
  <c r="AD60490" i="1"/>
  <c r="AD60491" i="1"/>
  <c r="AD60492" i="1"/>
  <c r="AD60493" i="1"/>
  <c r="AD60494" i="1"/>
  <c r="AD60495" i="1"/>
  <c r="AD60496" i="1"/>
  <c r="AD60497" i="1"/>
  <c r="AD60498" i="1"/>
  <c r="AD60499" i="1"/>
  <c r="AD60500" i="1"/>
  <c r="AD60501" i="1"/>
  <c r="AD60502" i="1"/>
  <c r="AD60503" i="1"/>
  <c r="AD60504" i="1"/>
  <c r="AD60505" i="1"/>
  <c r="AD60506" i="1"/>
  <c r="AD60507" i="1"/>
  <c r="AD60508" i="1"/>
  <c r="AD60509" i="1"/>
  <c r="AD60510" i="1"/>
  <c r="AD60511" i="1"/>
  <c r="AD60512" i="1"/>
  <c r="AD60513" i="1"/>
  <c r="AD60514" i="1"/>
  <c r="AD60515" i="1"/>
  <c r="AD60516" i="1"/>
  <c r="AD60517" i="1"/>
  <c r="AD60518" i="1"/>
  <c r="AD60519" i="1"/>
  <c r="AD60520" i="1"/>
  <c r="AD60521" i="1"/>
  <c r="AD60522" i="1"/>
  <c r="AD60523" i="1"/>
  <c r="AD60524" i="1"/>
  <c r="AD60525" i="1"/>
  <c r="AD60526" i="1"/>
  <c r="AD60527" i="1"/>
  <c r="AD60528" i="1"/>
  <c r="AD60529" i="1"/>
  <c r="AD60530" i="1"/>
  <c r="AD60531" i="1"/>
  <c r="AD60532" i="1"/>
  <c r="AD60533" i="1"/>
  <c r="AD60534" i="1"/>
  <c r="AD60535" i="1"/>
  <c r="AD60536" i="1"/>
  <c r="AD60537" i="1"/>
  <c r="AD60538" i="1"/>
  <c r="AD60539" i="1"/>
  <c r="AD60540" i="1"/>
  <c r="AD60541" i="1"/>
  <c r="AD60542" i="1"/>
  <c r="AD60543" i="1"/>
  <c r="AD60544" i="1"/>
  <c r="AD60545" i="1"/>
  <c r="AD60546" i="1"/>
  <c r="AD60547" i="1"/>
  <c r="AD60548" i="1"/>
  <c r="AD60549" i="1"/>
  <c r="AD60550" i="1"/>
  <c r="AD60551" i="1"/>
  <c r="AD60552" i="1"/>
  <c r="AD60553" i="1"/>
  <c r="AD60554" i="1"/>
  <c r="AD60555" i="1"/>
  <c r="AD60556" i="1"/>
  <c r="AD60557" i="1"/>
  <c r="AD60558" i="1"/>
  <c r="AD60559" i="1"/>
  <c r="AD60560" i="1"/>
  <c r="AD60561" i="1"/>
  <c r="AD60562" i="1"/>
  <c r="AD60563" i="1"/>
  <c r="AD60564" i="1"/>
  <c r="AD60565" i="1"/>
  <c r="AD60566" i="1"/>
  <c r="AD60567" i="1"/>
  <c r="AD60568" i="1"/>
  <c r="AD60569" i="1"/>
  <c r="AD60570" i="1"/>
  <c r="AD60571" i="1"/>
  <c r="AD60572" i="1"/>
  <c r="AD60573" i="1"/>
  <c r="AD60574" i="1"/>
  <c r="AD60575" i="1"/>
  <c r="AD60576" i="1"/>
  <c r="AD60577" i="1"/>
  <c r="AD60578" i="1"/>
  <c r="AD60579" i="1"/>
  <c r="AD60580" i="1"/>
  <c r="AD60581" i="1"/>
  <c r="AD60582" i="1"/>
  <c r="AD60583" i="1"/>
  <c r="AD60584" i="1"/>
  <c r="AD60585" i="1"/>
  <c r="AD60586" i="1"/>
  <c r="AD60587" i="1"/>
  <c r="AD60588" i="1"/>
  <c r="AD60589" i="1"/>
  <c r="AD60590" i="1"/>
  <c r="AD60591" i="1"/>
  <c r="AD60592" i="1"/>
  <c r="AD60593" i="1"/>
  <c r="AD60594" i="1"/>
  <c r="AD60595" i="1"/>
  <c r="AD60596" i="1"/>
  <c r="AD60597" i="1"/>
  <c r="AD60598" i="1"/>
  <c r="AD60599" i="1"/>
  <c r="AD60600" i="1"/>
  <c r="AD60601" i="1"/>
  <c r="AD60602" i="1"/>
  <c r="AD60603" i="1"/>
  <c r="AD60604" i="1"/>
  <c r="AD60605" i="1"/>
  <c r="AD60606" i="1"/>
  <c r="AD60607" i="1"/>
  <c r="AD60608" i="1"/>
  <c r="AD60609" i="1"/>
  <c r="AD60610" i="1"/>
  <c r="AD60611" i="1"/>
  <c r="AD60612" i="1"/>
  <c r="AD60613" i="1"/>
  <c r="AD60614" i="1"/>
  <c r="AD60615" i="1"/>
  <c r="AD60616" i="1"/>
  <c r="AD60617" i="1"/>
  <c r="AD60618" i="1"/>
  <c r="AD60619" i="1"/>
  <c r="AD60620" i="1"/>
  <c r="AD60621" i="1"/>
  <c r="AD60622" i="1"/>
  <c r="AD60623" i="1"/>
  <c r="AD60624" i="1"/>
  <c r="AD60625" i="1"/>
  <c r="AD60626" i="1"/>
  <c r="AD60627" i="1"/>
  <c r="AD60628" i="1"/>
  <c r="AD60629" i="1"/>
  <c r="AD60630" i="1"/>
  <c r="AD60631" i="1"/>
  <c r="AD60632" i="1"/>
  <c r="AD60633" i="1"/>
  <c r="AD60634" i="1"/>
  <c r="AD60635" i="1"/>
  <c r="AD60636" i="1"/>
  <c r="AD60637" i="1"/>
  <c r="AD60638" i="1"/>
  <c r="AD60639" i="1"/>
  <c r="AD60640" i="1"/>
  <c r="AD60641" i="1"/>
  <c r="AD60642" i="1"/>
  <c r="AD60643" i="1"/>
  <c r="AD60644" i="1"/>
  <c r="AD60645" i="1"/>
  <c r="AD60646" i="1"/>
  <c r="AD60647" i="1"/>
  <c r="AD60648" i="1"/>
  <c r="AD60649" i="1"/>
  <c r="AD60650" i="1"/>
  <c r="AD60651" i="1"/>
  <c r="AD60652" i="1"/>
  <c r="AD60653" i="1"/>
  <c r="AD60654" i="1"/>
  <c r="AD60655" i="1"/>
  <c r="AD60656" i="1"/>
  <c r="AD60657" i="1"/>
  <c r="AD60658" i="1"/>
  <c r="AD60659" i="1"/>
  <c r="AD60660" i="1"/>
  <c r="AD60661" i="1"/>
  <c r="AD60662" i="1"/>
  <c r="AD60663" i="1"/>
  <c r="AD60664" i="1"/>
  <c r="AD60665" i="1"/>
  <c r="AD60666" i="1"/>
  <c r="AD60667" i="1"/>
  <c r="AD60668" i="1"/>
  <c r="AD60669" i="1"/>
  <c r="AD60670" i="1"/>
  <c r="AD60671" i="1"/>
  <c r="AD60672" i="1"/>
  <c r="AD60673" i="1"/>
  <c r="AD60674" i="1"/>
  <c r="AD60675" i="1"/>
  <c r="AD60676" i="1"/>
  <c r="AD60677" i="1"/>
  <c r="AD60678" i="1"/>
  <c r="AD60679" i="1"/>
  <c r="AD60680" i="1"/>
  <c r="AD60681" i="1"/>
  <c r="AD60682" i="1"/>
  <c r="AD60683" i="1"/>
  <c r="AD60684" i="1"/>
  <c r="AD60685" i="1"/>
  <c r="AD60686" i="1"/>
  <c r="AD60687" i="1"/>
  <c r="AD60688" i="1"/>
  <c r="AD60689" i="1"/>
  <c r="AD60690" i="1"/>
  <c r="AD60691" i="1"/>
  <c r="AD60692" i="1"/>
  <c r="AD60693" i="1"/>
  <c r="AD60694" i="1"/>
  <c r="AD60695" i="1"/>
  <c r="AD60696" i="1"/>
  <c r="AD60697" i="1"/>
  <c r="AD60698" i="1"/>
  <c r="AD60699" i="1"/>
  <c r="AD60700" i="1"/>
  <c r="AD60701" i="1"/>
  <c r="AD60702" i="1"/>
  <c r="AD60703" i="1"/>
  <c r="AD60704" i="1"/>
  <c r="AD60705" i="1"/>
  <c r="AD60706" i="1"/>
  <c r="AD60707" i="1"/>
  <c r="AD60708" i="1"/>
  <c r="AD60709" i="1"/>
  <c r="AD60710" i="1"/>
  <c r="AD60711" i="1"/>
  <c r="AD60712" i="1"/>
  <c r="AD60713" i="1"/>
  <c r="AD60714" i="1"/>
  <c r="AD60715" i="1"/>
  <c r="AD60716" i="1"/>
  <c r="AD60717" i="1"/>
  <c r="AD60718" i="1"/>
  <c r="AD60719" i="1"/>
  <c r="AD60720" i="1"/>
  <c r="AD60721" i="1"/>
  <c r="AD60722" i="1"/>
  <c r="AD60723" i="1"/>
  <c r="AD60724" i="1"/>
  <c r="AD60725" i="1"/>
  <c r="AD60726" i="1"/>
  <c r="AD60727" i="1"/>
  <c r="AD60728" i="1"/>
  <c r="AD60729" i="1"/>
  <c r="AD60730" i="1"/>
  <c r="AD60731" i="1"/>
  <c r="AD60732" i="1"/>
  <c r="AD60733" i="1"/>
  <c r="AD60734" i="1"/>
  <c r="AD60735" i="1"/>
  <c r="AD60736" i="1"/>
  <c r="AD60737" i="1"/>
  <c r="AD60738" i="1"/>
  <c r="AD60739" i="1"/>
  <c r="AD60740" i="1"/>
  <c r="AD60741" i="1"/>
  <c r="AD60742" i="1"/>
  <c r="AD60743" i="1"/>
  <c r="AD60744" i="1"/>
  <c r="AD60745" i="1"/>
  <c r="AD60746" i="1"/>
  <c r="AD60747" i="1"/>
  <c r="AD60748" i="1"/>
  <c r="AD60749" i="1"/>
  <c r="AD60750" i="1"/>
  <c r="AD60751" i="1"/>
  <c r="AD60752" i="1"/>
  <c r="AD60753" i="1"/>
  <c r="AD60754" i="1"/>
  <c r="AD60755" i="1"/>
  <c r="AD60756" i="1"/>
  <c r="AD60757" i="1"/>
  <c r="AD60758" i="1"/>
  <c r="AD60759" i="1"/>
  <c r="AD60760" i="1"/>
  <c r="AD60761" i="1"/>
  <c r="AD60762" i="1"/>
  <c r="AD60763" i="1"/>
  <c r="AD60764" i="1"/>
  <c r="AD60765" i="1"/>
  <c r="AD60766" i="1"/>
  <c r="AD60767" i="1"/>
  <c r="AD60768" i="1"/>
  <c r="AD60769" i="1"/>
  <c r="AD60770" i="1"/>
  <c r="AD60771" i="1"/>
  <c r="AD60772" i="1"/>
  <c r="AD60773" i="1"/>
  <c r="AD60774" i="1"/>
  <c r="AD60775" i="1"/>
  <c r="AD60776" i="1"/>
  <c r="AD60777" i="1"/>
  <c r="AD60778" i="1"/>
  <c r="AD60779" i="1"/>
  <c r="AD60780" i="1"/>
  <c r="AD60781" i="1"/>
  <c r="AD60782" i="1"/>
  <c r="AD60783" i="1"/>
  <c r="AD60784" i="1"/>
  <c r="AD60785" i="1"/>
  <c r="AD60786" i="1"/>
  <c r="AD60787" i="1"/>
  <c r="AD60788" i="1"/>
  <c r="AD60789" i="1"/>
  <c r="AD60790" i="1"/>
  <c r="AD60791" i="1"/>
  <c r="AD60792" i="1"/>
  <c r="AD60793" i="1"/>
  <c r="AD60794" i="1"/>
  <c r="AD60795" i="1"/>
  <c r="AD60796" i="1"/>
  <c r="AD60797" i="1"/>
  <c r="AD60798" i="1"/>
  <c r="AD60799" i="1"/>
  <c r="AD60800" i="1"/>
  <c r="AD60801" i="1"/>
  <c r="AD60802" i="1"/>
  <c r="AD60803" i="1"/>
  <c r="AD60804" i="1"/>
  <c r="AD60805" i="1"/>
  <c r="AD60806" i="1"/>
  <c r="AD60807" i="1"/>
  <c r="AD60808" i="1"/>
  <c r="AD60809" i="1"/>
  <c r="AD60810" i="1"/>
  <c r="AD60811" i="1"/>
  <c r="AD60812" i="1"/>
  <c r="AD60813" i="1"/>
  <c r="AD60814" i="1"/>
  <c r="AD60815" i="1"/>
  <c r="AD60816" i="1"/>
  <c r="AD60817" i="1"/>
  <c r="AD60818" i="1"/>
  <c r="AD60819" i="1"/>
  <c r="AD60820" i="1"/>
  <c r="AD60821" i="1"/>
  <c r="AD60822" i="1"/>
  <c r="AD60823" i="1"/>
  <c r="AD60824" i="1"/>
  <c r="AD60825" i="1"/>
  <c r="AD60826" i="1"/>
  <c r="AD60827" i="1"/>
  <c r="AD60828" i="1"/>
  <c r="AD60829" i="1"/>
  <c r="AD60830" i="1"/>
  <c r="AD60831" i="1"/>
  <c r="AD60832" i="1"/>
  <c r="AD60833" i="1"/>
  <c r="AD60834" i="1"/>
  <c r="AD60835" i="1"/>
  <c r="AD60836" i="1"/>
  <c r="AD60837" i="1"/>
  <c r="AD60838" i="1"/>
  <c r="AD60839" i="1"/>
  <c r="AD60840" i="1"/>
  <c r="AD60841" i="1"/>
  <c r="AD60842" i="1"/>
  <c r="AD60843" i="1"/>
  <c r="AD60844" i="1"/>
  <c r="AD60845" i="1"/>
  <c r="AD60846" i="1"/>
  <c r="AD60847" i="1"/>
  <c r="AD60848" i="1"/>
  <c r="AD60849" i="1"/>
  <c r="AD60850" i="1"/>
  <c r="AD60851" i="1"/>
  <c r="AD60852" i="1"/>
  <c r="AD60853" i="1"/>
  <c r="AD60854" i="1"/>
  <c r="AD60855" i="1"/>
  <c r="AD60856" i="1"/>
  <c r="AD60857" i="1"/>
  <c r="AD60858" i="1"/>
  <c r="AD60859" i="1"/>
  <c r="AD60860" i="1"/>
  <c r="AD60861" i="1"/>
  <c r="AD60862" i="1"/>
  <c r="AD60863" i="1"/>
  <c r="AD60864" i="1"/>
  <c r="AD60865" i="1"/>
  <c r="AD60866" i="1"/>
  <c r="AD60867" i="1"/>
  <c r="AD60868" i="1"/>
  <c r="AD60869" i="1"/>
  <c r="AD60870" i="1"/>
  <c r="AD60871" i="1"/>
  <c r="AD60872" i="1"/>
  <c r="AD60873" i="1"/>
  <c r="AD60874" i="1"/>
  <c r="AD60875" i="1"/>
  <c r="AD60876" i="1"/>
  <c r="AD60877" i="1"/>
  <c r="AD60878" i="1"/>
  <c r="AD60879" i="1"/>
  <c r="AD60880" i="1"/>
  <c r="AD60881" i="1"/>
  <c r="AD60882" i="1"/>
  <c r="AD60883" i="1"/>
  <c r="AD60884" i="1"/>
  <c r="AD60885" i="1"/>
  <c r="AD60886" i="1"/>
  <c r="AD60887" i="1"/>
  <c r="AD60888" i="1"/>
  <c r="AD60889" i="1"/>
  <c r="AD60890" i="1"/>
  <c r="AD60891" i="1"/>
  <c r="AD60892" i="1"/>
  <c r="AD60893" i="1"/>
  <c r="AD60894" i="1"/>
  <c r="AD60895" i="1"/>
  <c r="AD60896" i="1"/>
  <c r="AD60897" i="1"/>
  <c r="AD60898" i="1"/>
  <c r="AD60899" i="1"/>
  <c r="AD60900" i="1"/>
  <c r="AD60901" i="1"/>
  <c r="AD60902" i="1"/>
  <c r="AD60903" i="1"/>
  <c r="AD60904" i="1"/>
  <c r="AD60905" i="1"/>
  <c r="AD60906" i="1"/>
  <c r="AD60907" i="1"/>
  <c r="AD60908" i="1"/>
  <c r="AD60909" i="1"/>
  <c r="AD60910" i="1"/>
  <c r="AD60911" i="1"/>
  <c r="AD60912" i="1"/>
  <c r="AD60913" i="1"/>
  <c r="AD60914" i="1"/>
  <c r="AD60915" i="1"/>
  <c r="AD60916" i="1"/>
  <c r="AD60917" i="1"/>
  <c r="AD60918" i="1"/>
  <c r="AD60919" i="1"/>
  <c r="AD60920" i="1"/>
  <c r="AD60921" i="1"/>
  <c r="AD60922" i="1"/>
  <c r="AD60923" i="1"/>
  <c r="AD60924" i="1"/>
  <c r="AD60925" i="1"/>
  <c r="AD60926" i="1"/>
  <c r="AD60927" i="1"/>
  <c r="AD60928" i="1"/>
  <c r="AD60929" i="1"/>
  <c r="AD60930" i="1"/>
  <c r="AD60931" i="1"/>
  <c r="AD60932" i="1"/>
  <c r="AD60933" i="1"/>
  <c r="AD60934" i="1"/>
  <c r="AD60935" i="1"/>
  <c r="AD60936" i="1"/>
  <c r="AD60937" i="1"/>
  <c r="AD60938" i="1"/>
  <c r="AD60939" i="1"/>
  <c r="AD60940" i="1"/>
  <c r="AD60941" i="1"/>
  <c r="AD60942" i="1"/>
  <c r="AD60943" i="1"/>
  <c r="AD60944" i="1"/>
  <c r="AD60945" i="1"/>
  <c r="AD60946" i="1"/>
  <c r="AD60947" i="1"/>
  <c r="AD60948" i="1"/>
  <c r="AD60949" i="1"/>
  <c r="AD60950" i="1"/>
  <c r="AD60951" i="1"/>
  <c r="AD60952" i="1"/>
  <c r="AD60953" i="1"/>
  <c r="AD60954" i="1"/>
  <c r="AD60955" i="1"/>
  <c r="AD60956" i="1"/>
  <c r="AD60957" i="1"/>
  <c r="AD60958" i="1"/>
  <c r="AD60959" i="1"/>
  <c r="AD60960" i="1"/>
  <c r="AD60961" i="1"/>
  <c r="AD60962" i="1"/>
  <c r="AD60963" i="1"/>
  <c r="AD60964" i="1"/>
  <c r="AD60965" i="1"/>
  <c r="AD60966" i="1"/>
  <c r="AD60967" i="1"/>
  <c r="AD60968" i="1"/>
  <c r="AD60969" i="1"/>
  <c r="AD60970" i="1"/>
  <c r="AD60971" i="1"/>
  <c r="AD60972" i="1"/>
  <c r="AD60973" i="1"/>
  <c r="AD60974" i="1"/>
  <c r="AD60975" i="1"/>
  <c r="AD60976" i="1"/>
  <c r="AD60977" i="1"/>
  <c r="AD60978" i="1"/>
  <c r="AD60979" i="1"/>
  <c r="AD60980" i="1"/>
  <c r="AD60981" i="1"/>
  <c r="AD60982" i="1"/>
  <c r="AD60983" i="1"/>
  <c r="AD60984" i="1"/>
  <c r="AD60985" i="1"/>
  <c r="AD60986" i="1"/>
  <c r="AD60987" i="1"/>
  <c r="AD60988" i="1"/>
  <c r="AD60989" i="1"/>
  <c r="AD60990" i="1"/>
  <c r="AD60991" i="1"/>
  <c r="AD60992" i="1"/>
  <c r="AD60993" i="1"/>
  <c r="AD60994" i="1"/>
  <c r="AD60995" i="1"/>
  <c r="AD60996" i="1"/>
  <c r="AD60997" i="1"/>
  <c r="AD60998" i="1"/>
  <c r="AD60999" i="1"/>
  <c r="AD61000" i="1"/>
  <c r="AD61001" i="1"/>
  <c r="AD61002" i="1"/>
  <c r="AD61003" i="1"/>
  <c r="AD61004" i="1"/>
  <c r="AD61005" i="1"/>
  <c r="AD61006" i="1"/>
  <c r="AD61007" i="1"/>
  <c r="AD61008" i="1"/>
  <c r="AD61009" i="1"/>
  <c r="AD61010" i="1"/>
  <c r="AD61011" i="1"/>
  <c r="AD61012" i="1"/>
  <c r="AD61013" i="1"/>
  <c r="AD61014" i="1"/>
  <c r="AD61015" i="1"/>
  <c r="AD61016" i="1"/>
  <c r="AD61017" i="1"/>
  <c r="AD61018" i="1"/>
  <c r="AD61019" i="1"/>
  <c r="AD61020" i="1"/>
  <c r="AD61021" i="1"/>
  <c r="AD61022" i="1"/>
  <c r="AD61023" i="1"/>
  <c r="AD61024" i="1"/>
  <c r="AD61025" i="1"/>
  <c r="AD61026" i="1"/>
  <c r="AD61027" i="1"/>
  <c r="AD61028" i="1"/>
  <c r="AD61029" i="1"/>
  <c r="AD61030" i="1"/>
  <c r="AD61031" i="1"/>
  <c r="AD61032" i="1"/>
  <c r="AD61033" i="1"/>
  <c r="AD61034" i="1"/>
  <c r="AD61035" i="1"/>
  <c r="AD61036" i="1"/>
  <c r="AD61037" i="1"/>
  <c r="AD61038" i="1"/>
  <c r="AD61039" i="1"/>
  <c r="AD61040" i="1"/>
  <c r="AD61041" i="1"/>
  <c r="AD61042" i="1"/>
  <c r="AD61043" i="1"/>
  <c r="AD61044" i="1"/>
  <c r="AD61045" i="1"/>
  <c r="AD61046" i="1"/>
  <c r="AD61047" i="1"/>
  <c r="AD61048" i="1"/>
  <c r="AD61049" i="1"/>
  <c r="AD61050" i="1"/>
  <c r="AD61051" i="1"/>
  <c r="AD61052" i="1"/>
  <c r="AD61053" i="1"/>
  <c r="AD61054" i="1"/>
  <c r="AD61055" i="1"/>
  <c r="AD61056" i="1"/>
  <c r="AD61057" i="1"/>
  <c r="AD61058" i="1"/>
  <c r="AD61059" i="1"/>
  <c r="AD61060" i="1"/>
  <c r="AD61061" i="1"/>
  <c r="AD61062" i="1"/>
  <c r="AD61063" i="1"/>
  <c r="AD61064" i="1"/>
  <c r="AD61065" i="1"/>
  <c r="AD61066" i="1"/>
  <c r="AD61067" i="1"/>
  <c r="AD61068" i="1"/>
  <c r="AD61069" i="1"/>
  <c r="AD61070" i="1"/>
  <c r="AD61071" i="1"/>
  <c r="AD61072" i="1"/>
  <c r="AD61073" i="1"/>
  <c r="AD61074" i="1"/>
  <c r="AD61075" i="1"/>
  <c r="AD61076" i="1"/>
  <c r="AD61077" i="1"/>
  <c r="AD61078" i="1"/>
  <c r="AD61079" i="1"/>
  <c r="AD61080" i="1"/>
  <c r="AD61081" i="1"/>
  <c r="AD61082" i="1"/>
  <c r="AD61083" i="1"/>
  <c r="AD61084" i="1"/>
  <c r="AD61085" i="1"/>
  <c r="AD61086" i="1"/>
  <c r="AD61087" i="1"/>
  <c r="AD61088" i="1"/>
  <c r="AD61089" i="1"/>
  <c r="AD61090" i="1"/>
  <c r="AD61091" i="1"/>
  <c r="AD61092" i="1"/>
  <c r="AD61093" i="1"/>
  <c r="AD61094" i="1"/>
  <c r="AD61095" i="1"/>
  <c r="AD61096" i="1"/>
  <c r="AD61097" i="1"/>
  <c r="AD61098" i="1"/>
  <c r="AD61099" i="1"/>
  <c r="AD61100" i="1"/>
  <c r="AD61101" i="1"/>
  <c r="AD61102" i="1"/>
  <c r="AD61103" i="1"/>
  <c r="AD61104" i="1"/>
  <c r="AD61105" i="1"/>
  <c r="AD61106" i="1"/>
  <c r="AD61107" i="1"/>
  <c r="AD61108" i="1"/>
  <c r="AD61109" i="1"/>
  <c r="AD61110" i="1"/>
  <c r="AD61111" i="1"/>
  <c r="AD61112" i="1"/>
  <c r="AD61113" i="1"/>
  <c r="AD61114" i="1"/>
  <c r="AD61115" i="1"/>
  <c r="AD61116" i="1"/>
  <c r="AD61117" i="1"/>
  <c r="AD61118" i="1"/>
  <c r="AD61119" i="1"/>
  <c r="AD61120" i="1"/>
  <c r="AD61121" i="1"/>
  <c r="AD61122" i="1"/>
  <c r="AD61123" i="1"/>
  <c r="AD61124" i="1"/>
  <c r="AD61125" i="1"/>
  <c r="AD61126" i="1"/>
  <c r="AD61127" i="1"/>
  <c r="AD61128" i="1"/>
  <c r="AD61129" i="1"/>
  <c r="AD61130" i="1"/>
  <c r="AD61131" i="1"/>
  <c r="AD61132" i="1"/>
  <c r="AD61133" i="1"/>
  <c r="AD61134" i="1"/>
  <c r="AD61135" i="1"/>
  <c r="AD61136" i="1"/>
  <c r="AD61137" i="1"/>
  <c r="AD61138" i="1"/>
  <c r="AD61139" i="1"/>
  <c r="AD61140" i="1"/>
  <c r="AD61141" i="1"/>
  <c r="AD61142" i="1"/>
  <c r="AD61143" i="1"/>
  <c r="AD61144" i="1"/>
  <c r="AD61145" i="1"/>
  <c r="AD61146" i="1"/>
  <c r="AD61147" i="1"/>
  <c r="AD61148" i="1"/>
  <c r="AD61149" i="1"/>
  <c r="AD61150" i="1"/>
  <c r="AD61151" i="1"/>
  <c r="AD61152" i="1"/>
  <c r="AD61153" i="1"/>
  <c r="AD61154" i="1"/>
  <c r="AD61155" i="1"/>
  <c r="AD61156" i="1"/>
  <c r="AD61157" i="1"/>
  <c r="AD61158" i="1"/>
  <c r="AD61159" i="1"/>
  <c r="AD61160" i="1"/>
  <c r="AD61161" i="1"/>
  <c r="AD61162" i="1"/>
  <c r="AD61163" i="1"/>
  <c r="AD61164" i="1"/>
  <c r="AD61165" i="1"/>
  <c r="AD61166" i="1"/>
  <c r="AD61167" i="1"/>
  <c r="AD61168" i="1"/>
  <c r="AD61169" i="1"/>
  <c r="AD61170" i="1"/>
  <c r="AD61171" i="1"/>
  <c r="AD61172" i="1"/>
  <c r="AD61173" i="1"/>
  <c r="AD61174" i="1"/>
  <c r="AD61175" i="1"/>
  <c r="AD61176" i="1"/>
  <c r="AD61177" i="1"/>
  <c r="AD61178" i="1"/>
  <c r="AD61179" i="1"/>
  <c r="AD61180" i="1"/>
  <c r="AD61181" i="1"/>
  <c r="AD61182" i="1"/>
  <c r="AD61183" i="1"/>
  <c r="AD61184" i="1"/>
  <c r="AD61185" i="1"/>
  <c r="AD61186" i="1"/>
  <c r="AD61187" i="1"/>
  <c r="AD61188" i="1"/>
  <c r="AD61189" i="1"/>
  <c r="AD61190" i="1"/>
  <c r="AD61191" i="1"/>
  <c r="AD61192" i="1"/>
  <c r="AD61193" i="1"/>
  <c r="AD61194" i="1"/>
  <c r="AD61195" i="1"/>
  <c r="AD61196" i="1"/>
  <c r="AD61197" i="1"/>
  <c r="AD61198" i="1"/>
  <c r="AD61199" i="1"/>
  <c r="AD61200" i="1"/>
  <c r="AD61201" i="1"/>
  <c r="AD61202" i="1"/>
  <c r="AD61203" i="1"/>
  <c r="AD61204" i="1"/>
  <c r="AD61205" i="1"/>
  <c r="AD61206" i="1"/>
  <c r="AD61207" i="1"/>
  <c r="AD61208" i="1"/>
  <c r="AD61209" i="1"/>
  <c r="AD61210" i="1"/>
  <c r="AD61211" i="1"/>
  <c r="AD61212" i="1"/>
  <c r="AD61213" i="1"/>
  <c r="AD61214" i="1"/>
  <c r="AD61215" i="1"/>
  <c r="AD61216" i="1"/>
  <c r="AD61217" i="1"/>
  <c r="AD61218" i="1"/>
  <c r="AD61219" i="1"/>
  <c r="AD61220" i="1"/>
  <c r="AD61221" i="1"/>
  <c r="AD61222" i="1"/>
  <c r="AD61223" i="1"/>
  <c r="AD61224" i="1"/>
  <c r="AD61225" i="1"/>
  <c r="AD61226" i="1"/>
  <c r="AD61227" i="1"/>
  <c r="AD61228" i="1"/>
  <c r="AD61229" i="1"/>
  <c r="AD61230" i="1"/>
  <c r="AD61231" i="1"/>
  <c r="AD61232" i="1"/>
  <c r="AD61233" i="1"/>
  <c r="AD61234" i="1"/>
  <c r="AD61235" i="1"/>
  <c r="AD61236" i="1"/>
  <c r="AD61237" i="1"/>
  <c r="AD61238" i="1"/>
  <c r="AD61239" i="1"/>
  <c r="AD61240" i="1"/>
  <c r="AD61241" i="1"/>
  <c r="AD61242" i="1"/>
  <c r="AD61243" i="1"/>
  <c r="AD61244" i="1"/>
  <c r="AD61245" i="1"/>
  <c r="AD61246" i="1"/>
  <c r="AD61247" i="1"/>
  <c r="AD61248" i="1"/>
  <c r="AD61249" i="1"/>
  <c r="AD61250" i="1"/>
  <c r="AD61251" i="1"/>
  <c r="AD61252" i="1"/>
  <c r="AD61253" i="1"/>
  <c r="AD61254" i="1"/>
  <c r="AD61255" i="1"/>
  <c r="AD61256" i="1"/>
  <c r="AD61257" i="1"/>
  <c r="AD61258" i="1"/>
  <c r="AD61259" i="1"/>
  <c r="AD61260" i="1"/>
  <c r="AD61261" i="1"/>
  <c r="AD61262" i="1"/>
  <c r="AD61263" i="1"/>
  <c r="AD61264" i="1"/>
  <c r="AD61265" i="1"/>
  <c r="AD61266" i="1"/>
  <c r="AD61267" i="1"/>
  <c r="AD61268" i="1"/>
  <c r="AD61269" i="1"/>
  <c r="AD61270" i="1"/>
  <c r="AD61271" i="1"/>
  <c r="AD61272" i="1"/>
  <c r="AD61273" i="1"/>
  <c r="AD61274" i="1"/>
  <c r="AD61275" i="1"/>
  <c r="AD61276" i="1"/>
  <c r="AD61277" i="1"/>
  <c r="AD61278" i="1"/>
  <c r="AD61279" i="1"/>
  <c r="AD61280" i="1"/>
  <c r="AD61281" i="1"/>
  <c r="AD61282" i="1"/>
  <c r="AD61283" i="1"/>
  <c r="AD61284" i="1"/>
  <c r="AD61285" i="1"/>
  <c r="AD61286" i="1"/>
  <c r="AD61287" i="1"/>
  <c r="AD61288" i="1"/>
  <c r="AD61289" i="1"/>
  <c r="AD61290" i="1"/>
  <c r="AD61291" i="1"/>
  <c r="AD61292" i="1"/>
  <c r="AD61293" i="1"/>
  <c r="AD61294" i="1"/>
  <c r="AD61295" i="1"/>
  <c r="AD61296" i="1"/>
  <c r="AD61297" i="1"/>
  <c r="AD61298" i="1"/>
  <c r="AD61299" i="1"/>
  <c r="AD61300" i="1"/>
  <c r="AD61301" i="1"/>
  <c r="AD61302" i="1"/>
  <c r="AD61303" i="1"/>
  <c r="AD61304" i="1"/>
  <c r="AD61305" i="1"/>
  <c r="AD61306" i="1"/>
  <c r="AD61307" i="1"/>
  <c r="AD61308" i="1"/>
  <c r="AD61309" i="1"/>
  <c r="AD61310" i="1"/>
  <c r="AD61311" i="1"/>
  <c r="AD61312" i="1"/>
  <c r="AD61313" i="1"/>
  <c r="AD61314" i="1"/>
  <c r="AD61315" i="1"/>
  <c r="AD61316" i="1"/>
  <c r="AD61317" i="1"/>
  <c r="AD61318" i="1"/>
  <c r="AD61319" i="1"/>
  <c r="AD61320" i="1"/>
  <c r="AD61321" i="1"/>
  <c r="AD61322" i="1"/>
  <c r="AD61323" i="1"/>
  <c r="AD61324" i="1"/>
  <c r="AD61325" i="1"/>
  <c r="AD61326" i="1"/>
  <c r="AD61327" i="1"/>
  <c r="AD61328" i="1"/>
  <c r="AD61329" i="1"/>
  <c r="AD61330" i="1"/>
  <c r="AD61331" i="1"/>
  <c r="AD61332" i="1"/>
  <c r="AD61333" i="1"/>
  <c r="AD61334" i="1"/>
  <c r="AD61335" i="1"/>
  <c r="AD61336" i="1"/>
  <c r="AD61337" i="1"/>
  <c r="AD61338" i="1"/>
  <c r="AD61339" i="1"/>
  <c r="AD61340" i="1"/>
  <c r="AD61341" i="1"/>
  <c r="AD61342" i="1"/>
  <c r="AD61343" i="1"/>
  <c r="AD61344" i="1"/>
  <c r="AD61345" i="1"/>
  <c r="AD61346" i="1"/>
  <c r="AD61347" i="1"/>
  <c r="AD61348" i="1"/>
  <c r="AD61349" i="1"/>
  <c r="AD61350" i="1"/>
  <c r="AD61351" i="1"/>
  <c r="AD61352" i="1"/>
  <c r="AD61353" i="1"/>
  <c r="AD61354" i="1"/>
  <c r="AD61355" i="1"/>
  <c r="AD61356" i="1"/>
  <c r="AD61357" i="1"/>
  <c r="AD61358" i="1"/>
  <c r="AD61359" i="1"/>
  <c r="AD61360" i="1"/>
  <c r="AD61361" i="1"/>
  <c r="AD61362" i="1"/>
  <c r="AD61363" i="1"/>
  <c r="AD61364" i="1"/>
  <c r="AD61365" i="1"/>
  <c r="AD61366" i="1"/>
  <c r="AD61367" i="1"/>
  <c r="AD61368" i="1"/>
  <c r="AD61369" i="1"/>
  <c r="AD61370" i="1"/>
  <c r="AD61371" i="1"/>
  <c r="AD61372" i="1"/>
  <c r="AD61373" i="1"/>
  <c r="AD61374" i="1"/>
  <c r="AD61375" i="1"/>
  <c r="AD61376" i="1"/>
  <c r="AD61377" i="1"/>
  <c r="AD61378" i="1"/>
  <c r="AD61379" i="1"/>
  <c r="AD61380" i="1"/>
  <c r="AD61381" i="1"/>
  <c r="AD61382" i="1"/>
  <c r="AD61383" i="1"/>
  <c r="AD61384" i="1"/>
  <c r="AD61385" i="1"/>
  <c r="AD61386" i="1"/>
  <c r="AD61387" i="1"/>
  <c r="AD61388" i="1"/>
  <c r="AD61389" i="1"/>
  <c r="AD61390" i="1"/>
  <c r="AD61391" i="1"/>
  <c r="AD61392" i="1"/>
  <c r="AD61393" i="1"/>
  <c r="AD61394" i="1"/>
  <c r="AD61395" i="1"/>
  <c r="AD61396" i="1"/>
  <c r="AD61397" i="1"/>
  <c r="AD61398" i="1"/>
  <c r="AD61399" i="1"/>
  <c r="AD61400" i="1"/>
  <c r="AD61401" i="1"/>
  <c r="AD61402" i="1"/>
  <c r="AD61403" i="1"/>
  <c r="AD61404" i="1"/>
  <c r="AD61405" i="1"/>
  <c r="AD61406" i="1"/>
  <c r="AD61407" i="1"/>
  <c r="AD61408" i="1"/>
  <c r="AD61409" i="1"/>
  <c r="AD61410" i="1"/>
  <c r="AD61411" i="1"/>
  <c r="AD61412" i="1"/>
  <c r="AD61413" i="1"/>
  <c r="AD61414" i="1"/>
  <c r="AD61415" i="1"/>
  <c r="AD61416" i="1"/>
  <c r="AD61417" i="1"/>
  <c r="AD61418" i="1"/>
  <c r="AD61419" i="1"/>
  <c r="AD61420" i="1"/>
  <c r="AD61421" i="1"/>
  <c r="AD61422" i="1"/>
  <c r="AD61423" i="1"/>
  <c r="AD61424" i="1"/>
  <c r="AD61425" i="1"/>
  <c r="AD61426" i="1"/>
  <c r="AD61427" i="1"/>
  <c r="AD61428" i="1"/>
  <c r="AD61429" i="1"/>
  <c r="AD61430" i="1"/>
  <c r="AD61431" i="1"/>
  <c r="AD61432" i="1"/>
  <c r="AD61433" i="1"/>
  <c r="AD61434" i="1"/>
  <c r="AD61435" i="1"/>
  <c r="AD61436" i="1"/>
  <c r="AD61437" i="1"/>
  <c r="AD61438" i="1"/>
  <c r="AD61439" i="1"/>
  <c r="AD61440" i="1"/>
  <c r="AD61441" i="1"/>
  <c r="AD61442" i="1"/>
  <c r="AD61443" i="1"/>
  <c r="AD61444" i="1"/>
  <c r="AD61445" i="1"/>
  <c r="AD61446" i="1"/>
  <c r="AD61447" i="1"/>
  <c r="AD61448" i="1"/>
  <c r="AD61449" i="1"/>
  <c r="AD61450" i="1"/>
  <c r="AD61451" i="1"/>
  <c r="AD61452" i="1"/>
  <c r="AD61453" i="1"/>
  <c r="AD61454" i="1"/>
  <c r="AD61455" i="1"/>
  <c r="AD61456" i="1"/>
  <c r="AD61457" i="1"/>
  <c r="AD61458" i="1"/>
  <c r="AD61459" i="1"/>
  <c r="AD61460" i="1"/>
  <c r="AD61461" i="1"/>
  <c r="AD61462" i="1"/>
  <c r="AD61463" i="1"/>
  <c r="AD61464" i="1"/>
  <c r="AD61465" i="1"/>
  <c r="AD61466" i="1"/>
  <c r="AD61467" i="1"/>
  <c r="AD61468" i="1"/>
  <c r="AD61469" i="1"/>
  <c r="AD61470" i="1"/>
  <c r="AD61471" i="1"/>
  <c r="AD61472" i="1"/>
  <c r="AD61473" i="1"/>
  <c r="AD61474" i="1"/>
  <c r="AD61475" i="1"/>
  <c r="AD61476" i="1"/>
  <c r="AD61477" i="1"/>
  <c r="AD61478" i="1"/>
  <c r="AD61479" i="1"/>
  <c r="AD61480" i="1"/>
  <c r="AD61481" i="1"/>
  <c r="AD61482" i="1"/>
  <c r="AD61483" i="1"/>
  <c r="AD61484" i="1"/>
  <c r="AD61485" i="1"/>
  <c r="AD61486" i="1"/>
  <c r="AD61487" i="1"/>
  <c r="AD61488" i="1"/>
  <c r="AD61489" i="1"/>
  <c r="AD61490" i="1"/>
  <c r="AD61491" i="1"/>
  <c r="AD61492" i="1"/>
  <c r="AD61493" i="1"/>
  <c r="AD61494" i="1"/>
  <c r="AD61495" i="1"/>
  <c r="AD61496" i="1"/>
  <c r="AD61497" i="1"/>
  <c r="AD61498" i="1"/>
  <c r="AD61499" i="1"/>
  <c r="AD61500" i="1"/>
  <c r="AD61501" i="1"/>
  <c r="AD61502" i="1"/>
  <c r="AD61503" i="1"/>
  <c r="AD61504" i="1"/>
  <c r="AD61505" i="1"/>
  <c r="AD61506" i="1"/>
  <c r="AD61507" i="1"/>
  <c r="AD61508" i="1"/>
  <c r="AD61509" i="1"/>
  <c r="AD61510" i="1"/>
  <c r="AD61511" i="1"/>
  <c r="AD61512" i="1"/>
  <c r="AD61513" i="1"/>
  <c r="AD61514" i="1"/>
  <c r="AD61515" i="1"/>
  <c r="AD61516" i="1"/>
  <c r="AD61517" i="1"/>
  <c r="AD61518" i="1"/>
  <c r="AD61519" i="1"/>
  <c r="AD61520" i="1"/>
  <c r="AD61521" i="1"/>
  <c r="AD61522" i="1"/>
  <c r="AD61523" i="1"/>
  <c r="AD61524" i="1"/>
  <c r="AD61525" i="1"/>
  <c r="AD61526" i="1"/>
  <c r="AD61527" i="1"/>
  <c r="AD61528" i="1"/>
  <c r="AD61529" i="1"/>
  <c r="AD61530" i="1"/>
  <c r="AD61531" i="1"/>
  <c r="AD61532" i="1"/>
  <c r="AD61533" i="1"/>
  <c r="AD61534" i="1"/>
  <c r="AD61535" i="1"/>
  <c r="AD61536" i="1"/>
  <c r="AD61537" i="1"/>
  <c r="AD61538" i="1"/>
  <c r="AD61539" i="1"/>
  <c r="AD61540" i="1"/>
  <c r="AD61541" i="1"/>
  <c r="AD61542" i="1"/>
  <c r="AD61543" i="1"/>
  <c r="AD61544" i="1"/>
  <c r="AD61545" i="1"/>
  <c r="AD61546" i="1"/>
  <c r="AD61547" i="1"/>
  <c r="AD61548" i="1"/>
  <c r="AD61549" i="1"/>
  <c r="AD61550" i="1"/>
  <c r="AD61551" i="1"/>
  <c r="AD61552" i="1"/>
  <c r="AD61553" i="1"/>
  <c r="AD61554" i="1"/>
  <c r="AD61555" i="1"/>
  <c r="AD61556" i="1"/>
  <c r="AD61557" i="1"/>
  <c r="AD61558" i="1"/>
  <c r="AD61559" i="1"/>
  <c r="AD61560" i="1"/>
  <c r="AD61561" i="1"/>
  <c r="AD61562" i="1"/>
  <c r="AD61563" i="1"/>
  <c r="AD61564" i="1"/>
  <c r="AD61565" i="1"/>
  <c r="AD61566" i="1"/>
  <c r="AD61567" i="1"/>
  <c r="AD61568" i="1"/>
  <c r="AD61569" i="1"/>
  <c r="AD61570" i="1"/>
  <c r="AD61571" i="1"/>
  <c r="AD61572" i="1"/>
  <c r="AD61573" i="1"/>
  <c r="AD61574" i="1"/>
  <c r="AD61575" i="1"/>
  <c r="AD61576" i="1"/>
  <c r="AD61577" i="1"/>
  <c r="AD61578" i="1"/>
  <c r="AD61579" i="1"/>
  <c r="AD61580" i="1"/>
  <c r="AD61581" i="1"/>
  <c r="AD61582" i="1"/>
  <c r="AD61583" i="1"/>
  <c r="AD61584" i="1"/>
  <c r="AD61585" i="1"/>
  <c r="AD61586" i="1"/>
  <c r="AD61587" i="1"/>
  <c r="AD61588" i="1"/>
  <c r="AD61589" i="1"/>
  <c r="AD61590" i="1"/>
  <c r="AD61591" i="1"/>
  <c r="AD61592" i="1"/>
  <c r="AD61593" i="1"/>
  <c r="AD61594" i="1"/>
  <c r="AD61595" i="1"/>
  <c r="AD61596" i="1"/>
  <c r="AD61597" i="1"/>
  <c r="AD61598" i="1"/>
  <c r="AD61599" i="1"/>
  <c r="AD61600" i="1"/>
  <c r="AD61601" i="1"/>
  <c r="AD61602" i="1"/>
  <c r="AD61603" i="1"/>
  <c r="AD61604" i="1"/>
  <c r="AD61605" i="1"/>
  <c r="AD61606" i="1"/>
  <c r="AD61607" i="1"/>
  <c r="AD61608" i="1"/>
  <c r="AD61609" i="1"/>
  <c r="AD61610" i="1"/>
  <c r="AD61611" i="1"/>
  <c r="AD61612" i="1"/>
  <c r="AD61613" i="1"/>
  <c r="AD61614" i="1"/>
  <c r="AD61615" i="1"/>
  <c r="AD61616" i="1"/>
  <c r="AD61617" i="1"/>
  <c r="AD61618" i="1"/>
  <c r="AD61619" i="1"/>
  <c r="AD61620" i="1"/>
  <c r="AD61621" i="1"/>
  <c r="AD61622" i="1"/>
  <c r="AD61623" i="1"/>
  <c r="AD61624" i="1"/>
  <c r="AD61625" i="1"/>
  <c r="AD61626" i="1"/>
  <c r="AD61627" i="1"/>
  <c r="AD61628" i="1"/>
  <c r="AD61629" i="1"/>
  <c r="AD61630" i="1"/>
  <c r="AD61631" i="1"/>
  <c r="AD61632" i="1"/>
  <c r="AD61633" i="1"/>
  <c r="AD61634" i="1"/>
  <c r="AD61635" i="1"/>
  <c r="AD61636" i="1"/>
  <c r="AD61637" i="1"/>
  <c r="AD61638" i="1"/>
  <c r="AD61639" i="1"/>
  <c r="AD61640" i="1"/>
  <c r="AD61641" i="1"/>
  <c r="AD61642" i="1"/>
  <c r="AD61643" i="1"/>
  <c r="AD61644" i="1"/>
  <c r="AD61645" i="1"/>
  <c r="AD61646" i="1"/>
  <c r="AD61647" i="1"/>
  <c r="AD61648" i="1"/>
  <c r="AD61649" i="1"/>
  <c r="AD61650" i="1"/>
  <c r="AD61651" i="1"/>
  <c r="AD61652" i="1"/>
  <c r="AD61653" i="1"/>
  <c r="AD61654" i="1"/>
  <c r="AD61655" i="1"/>
  <c r="AD61656" i="1"/>
  <c r="AD61657" i="1"/>
  <c r="AD61658" i="1"/>
  <c r="AD61659" i="1"/>
  <c r="AD61660" i="1"/>
  <c r="AD61661" i="1"/>
  <c r="AD61662" i="1"/>
  <c r="AD61663" i="1"/>
  <c r="AD61664" i="1"/>
  <c r="AD61665" i="1"/>
  <c r="AD61666" i="1"/>
  <c r="AD61667" i="1"/>
  <c r="AD61668" i="1"/>
  <c r="AD61669" i="1"/>
  <c r="AD61670" i="1"/>
  <c r="AD61671" i="1"/>
  <c r="AD61672" i="1"/>
  <c r="AD61673" i="1"/>
  <c r="AD61674" i="1"/>
  <c r="AD61675" i="1"/>
  <c r="AD61676" i="1"/>
  <c r="AD61677" i="1"/>
  <c r="AD61678" i="1"/>
  <c r="AD61679" i="1"/>
  <c r="AD61680" i="1"/>
  <c r="AD61681" i="1"/>
  <c r="AD61682" i="1"/>
  <c r="AD61683" i="1"/>
  <c r="AD61684" i="1"/>
  <c r="AD61685" i="1"/>
  <c r="AD61686" i="1"/>
  <c r="AD61687" i="1"/>
  <c r="AD61688" i="1"/>
  <c r="AD61689" i="1"/>
  <c r="AD61690" i="1"/>
  <c r="AD61691" i="1"/>
  <c r="AD61692" i="1"/>
  <c r="AD61693" i="1"/>
  <c r="AD61694" i="1"/>
  <c r="AD61695" i="1"/>
  <c r="AD61696" i="1"/>
  <c r="AD61697" i="1"/>
  <c r="AD61698" i="1"/>
  <c r="AD61699" i="1"/>
  <c r="AD61700" i="1"/>
  <c r="AD61701" i="1"/>
  <c r="AD61702" i="1"/>
  <c r="AD61703" i="1"/>
  <c r="AD61704" i="1"/>
  <c r="AD61705" i="1"/>
  <c r="AD61706" i="1"/>
  <c r="AD61707" i="1"/>
  <c r="AD61708" i="1"/>
  <c r="AD61709" i="1"/>
  <c r="AD61710" i="1"/>
  <c r="AD61711" i="1"/>
  <c r="AD61712" i="1"/>
  <c r="AD61713" i="1"/>
  <c r="AD61714" i="1"/>
  <c r="AD61715" i="1"/>
  <c r="AD61716" i="1"/>
  <c r="AD61717" i="1"/>
  <c r="AD61718" i="1"/>
  <c r="AD61719" i="1"/>
  <c r="AD61720" i="1"/>
  <c r="AD61721" i="1"/>
  <c r="AD61722" i="1"/>
  <c r="AD61723" i="1"/>
  <c r="AD61724" i="1"/>
  <c r="AD61725" i="1"/>
  <c r="AD61726" i="1"/>
  <c r="AD61727" i="1"/>
  <c r="AD61728" i="1"/>
  <c r="AD61729" i="1"/>
  <c r="AD61730" i="1"/>
  <c r="AD61731" i="1"/>
  <c r="AD61732" i="1"/>
  <c r="AD61733" i="1"/>
  <c r="AD61734" i="1"/>
  <c r="AD61735" i="1"/>
  <c r="AD61736" i="1"/>
  <c r="AD61737" i="1"/>
  <c r="AD61738" i="1"/>
  <c r="AD61739" i="1"/>
  <c r="AD61740" i="1"/>
  <c r="AD61741" i="1"/>
  <c r="AD61742" i="1"/>
  <c r="AD61743" i="1"/>
  <c r="AD61744" i="1"/>
  <c r="AD61745" i="1"/>
  <c r="AD61746" i="1"/>
  <c r="AD61747" i="1"/>
  <c r="AD61748" i="1"/>
  <c r="AD61749" i="1"/>
  <c r="AD61750" i="1"/>
  <c r="AD61751" i="1"/>
  <c r="AD61752" i="1"/>
  <c r="AD61753" i="1"/>
  <c r="AD61754" i="1"/>
  <c r="AD61755" i="1"/>
  <c r="AD61756" i="1"/>
  <c r="AD61757" i="1"/>
  <c r="AD61758" i="1"/>
  <c r="AD61759" i="1"/>
  <c r="AD61760" i="1"/>
  <c r="AD61761" i="1"/>
  <c r="AD61762" i="1"/>
  <c r="AD61763" i="1"/>
  <c r="AD61764" i="1"/>
  <c r="AD61765" i="1"/>
  <c r="AD61766" i="1"/>
  <c r="AD61767" i="1"/>
  <c r="AD61768" i="1"/>
  <c r="AD61769" i="1"/>
  <c r="AD61770" i="1"/>
  <c r="AD61771" i="1"/>
  <c r="AD61772" i="1"/>
  <c r="AD61773" i="1"/>
  <c r="AD61774" i="1"/>
  <c r="AD61775" i="1"/>
  <c r="AD61776" i="1"/>
  <c r="AD61777" i="1"/>
  <c r="AD61778" i="1"/>
  <c r="AD61779" i="1"/>
  <c r="AD61780" i="1"/>
  <c r="AD61781" i="1"/>
  <c r="AD61782" i="1"/>
  <c r="AD61783" i="1"/>
  <c r="AD61784" i="1"/>
  <c r="AD61785" i="1"/>
  <c r="AD61786" i="1"/>
  <c r="AD61787" i="1"/>
  <c r="AD61788" i="1"/>
  <c r="AD61789" i="1"/>
  <c r="AD61790" i="1"/>
  <c r="AD61791" i="1"/>
  <c r="AD61792" i="1"/>
  <c r="AD61793" i="1"/>
  <c r="AD61794" i="1"/>
  <c r="AD61795" i="1"/>
  <c r="AD61796" i="1"/>
  <c r="AD61797" i="1"/>
  <c r="AD61798" i="1"/>
  <c r="AD61799" i="1"/>
  <c r="AD61800" i="1"/>
  <c r="AD61801" i="1"/>
  <c r="AD61802" i="1"/>
  <c r="AD61803" i="1"/>
  <c r="AD61804" i="1"/>
  <c r="AD61805" i="1"/>
  <c r="AD61806" i="1"/>
  <c r="AD61807" i="1"/>
  <c r="AD61808" i="1"/>
  <c r="AD61809" i="1"/>
  <c r="AD61810" i="1"/>
  <c r="AD61811" i="1"/>
  <c r="AD61812" i="1"/>
  <c r="AD61813" i="1"/>
  <c r="AD61814" i="1"/>
  <c r="AD61815" i="1"/>
  <c r="AD61816" i="1"/>
  <c r="AD61817" i="1"/>
  <c r="AD61818" i="1"/>
  <c r="AD61819" i="1"/>
  <c r="AD61820" i="1"/>
  <c r="AD61821" i="1"/>
  <c r="AD61822" i="1"/>
  <c r="AD61823" i="1"/>
  <c r="AD61824" i="1"/>
  <c r="AD61825" i="1"/>
  <c r="AD61826" i="1"/>
  <c r="AD61827" i="1"/>
  <c r="AD61828" i="1"/>
  <c r="AD61829" i="1"/>
  <c r="AD61830" i="1"/>
  <c r="AD61831" i="1"/>
  <c r="AD61832" i="1"/>
  <c r="AD61833" i="1"/>
  <c r="AD61834" i="1"/>
  <c r="AD61835" i="1"/>
  <c r="AD61836" i="1"/>
  <c r="AD61837" i="1"/>
  <c r="AD61838" i="1"/>
  <c r="AD61839" i="1"/>
  <c r="AD61840" i="1"/>
  <c r="AD61841" i="1"/>
  <c r="AD61842" i="1"/>
  <c r="AD61843" i="1"/>
  <c r="AD61844" i="1"/>
  <c r="AD61845" i="1"/>
  <c r="AD61846" i="1"/>
  <c r="AD61847" i="1"/>
  <c r="AD61848" i="1"/>
  <c r="AD61849" i="1"/>
  <c r="AD61850" i="1"/>
  <c r="AD61851" i="1"/>
  <c r="AD61852" i="1"/>
  <c r="AD61853" i="1"/>
  <c r="AD61854" i="1"/>
  <c r="AD61855" i="1"/>
  <c r="AD61856" i="1"/>
  <c r="AD61857" i="1"/>
  <c r="AD61858" i="1"/>
  <c r="AD61859" i="1"/>
  <c r="AD61860" i="1"/>
  <c r="AD61861" i="1"/>
  <c r="AD61862" i="1"/>
  <c r="AD61863" i="1"/>
  <c r="AD61864" i="1"/>
  <c r="AD61865" i="1"/>
  <c r="AD61866" i="1"/>
  <c r="AD61867" i="1"/>
  <c r="AD61868" i="1"/>
  <c r="AD61869" i="1"/>
  <c r="AD61870" i="1"/>
  <c r="AD61871" i="1"/>
  <c r="AD61872" i="1"/>
  <c r="AD61873" i="1"/>
  <c r="AD61874" i="1"/>
  <c r="AD61875" i="1"/>
  <c r="AD61876" i="1"/>
  <c r="AD61877" i="1"/>
  <c r="AD61878" i="1"/>
  <c r="AD61879" i="1"/>
  <c r="AD61880" i="1"/>
  <c r="AD61881" i="1"/>
  <c r="AD61882" i="1"/>
  <c r="AD61883" i="1"/>
  <c r="AD61884" i="1"/>
  <c r="AD61885" i="1"/>
  <c r="AD61886" i="1"/>
  <c r="AD61887" i="1"/>
  <c r="AD61888" i="1"/>
  <c r="AD61889" i="1"/>
  <c r="AD61890" i="1"/>
  <c r="AD61891" i="1"/>
  <c r="AD61892" i="1"/>
  <c r="AD61893" i="1"/>
  <c r="AD61894" i="1"/>
  <c r="AD61895" i="1"/>
  <c r="AD61896" i="1"/>
  <c r="AD61897" i="1"/>
  <c r="AD61898" i="1"/>
  <c r="AD61899" i="1"/>
  <c r="AD61900" i="1"/>
  <c r="AD61901" i="1"/>
  <c r="AD61902" i="1"/>
  <c r="AD61903" i="1"/>
  <c r="AD61904" i="1"/>
  <c r="AD61905" i="1"/>
  <c r="AD61906" i="1"/>
  <c r="AD61907" i="1"/>
  <c r="AD61908" i="1"/>
  <c r="AD61909" i="1"/>
  <c r="AD61910" i="1"/>
  <c r="AD61911" i="1"/>
  <c r="AD61912" i="1"/>
  <c r="AD61913" i="1"/>
  <c r="AD61914" i="1"/>
  <c r="AD61915" i="1"/>
  <c r="AD61916" i="1"/>
  <c r="AD61917" i="1"/>
  <c r="AD61918" i="1"/>
  <c r="AD61919" i="1"/>
  <c r="AD61920" i="1"/>
  <c r="AD61921" i="1"/>
  <c r="AD61922" i="1"/>
  <c r="AD61923" i="1"/>
  <c r="AD61924" i="1"/>
  <c r="AD61925" i="1"/>
  <c r="AD61926" i="1"/>
  <c r="AD61927" i="1"/>
  <c r="AD61928" i="1"/>
  <c r="AD61929" i="1"/>
  <c r="AD61930" i="1"/>
  <c r="AD61931" i="1"/>
  <c r="AD61932" i="1"/>
  <c r="AD61933" i="1"/>
  <c r="AD61934" i="1"/>
  <c r="AD61935" i="1"/>
  <c r="AD61936" i="1"/>
  <c r="AD61937" i="1"/>
  <c r="AD61938" i="1"/>
  <c r="AD61939" i="1"/>
  <c r="AD61940" i="1"/>
  <c r="AD61941" i="1"/>
  <c r="AD61942" i="1"/>
  <c r="AD61943" i="1"/>
  <c r="AD61944" i="1"/>
  <c r="AD61945" i="1"/>
  <c r="AD61946" i="1"/>
  <c r="AD61947" i="1"/>
  <c r="AD61948" i="1"/>
  <c r="AD61949" i="1"/>
  <c r="AD61950" i="1"/>
  <c r="AD61951" i="1"/>
  <c r="AD61952" i="1"/>
  <c r="AD61953" i="1"/>
  <c r="AD61954" i="1"/>
  <c r="AD61955" i="1"/>
  <c r="AD61956" i="1"/>
  <c r="AD61957" i="1"/>
  <c r="AD61958" i="1"/>
  <c r="AD61959" i="1"/>
  <c r="AD61960" i="1"/>
  <c r="AD61961" i="1"/>
  <c r="AD61962" i="1"/>
  <c r="AD61963" i="1"/>
  <c r="AD61964" i="1"/>
  <c r="AD61965" i="1"/>
  <c r="AD61966" i="1"/>
  <c r="AD61967" i="1"/>
  <c r="AD61968" i="1"/>
  <c r="AD61969" i="1"/>
  <c r="AD61970" i="1"/>
  <c r="AD61971" i="1"/>
  <c r="AD61972" i="1"/>
  <c r="AD61973" i="1"/>
  <c r="AD61974" i="1"/>
  <c r="AD61975" i="1"/>
  <c r="AD61976" i="1"/>
  <c r="AD61977" i="1"/>
  <c r="AD61978" i="1"/>
  <c r="AD61979" i="1"/>
  <c r="AD61980" i="1"/>
  <c r="AD61981" i="1"/>
  <c r="AD61982" i="1"/>
  <c r="AD61983" i="1"/>
  <c r="AD61984" i="1"/>
  <c r="AD61985" i="1"/>
  <c r="AD61986" i="1"/>
  <c r="AD61987" i="1"/>
  <c r="AD61988" i="1"/>
  <c r="AD61989" i="1"/>
  <c r="AD61990" i="1"/>
  <c r="AD61991" i="1"/>
  <c r="AD61992" i="1"/>
  <c r="AD61993" i="1"/>
  <c r="AD61994" i="1"/>
  <c r="AD61995" i="1"/>
  <c r="AD61996" i="1"/>
  <c r="AD61997" i="1"/>
  <c r="AD61998" i="1"/>
  <c r="AD61999" i="1"/>
  <c r="AD62000" i="1"/>
  <c r="AD62001" i="1"/>
  <c r="AD62002" i="1"/>
  <c r="AD62003" i="1"/>
  <c r="AD62004" i="1"/>
  <c r="AD62005" i="1"/>
  <c r="AD62006" i="1"/>
  <c r="AD62007" i="1"/>
  <c r="AD62008" i="1"/>
  <c r="AD62009" i="1"/>
  <c r="AD62010" i="1"/>
  <c r="AD62011" i="1"/>
  <c r="AD62012" i="1"/>
  <c r="AD62013" i="1"/>
  <c r="AD62014" i="1"/>
  <c r="AD62015" i="1"/>
  <c r="AD62016" i="1"/>
  <c r="AD62017" i="1"/>
  <c r="AD62018" i="1"/>
  <c r="AD62019" i="1"/>
  <c r="AD62020" i="1"/>
  <c r="AD62021" i="1"/>
  <c r="AD62022" i="1"/>
  <c r="AD62023" i="1"/>
  <c r="AD62024" i="1"/>
  <c r="AD62025" i="1"/>
  <c r="AD62026" i="1"/>
  <c r="AD62027" i="1"/>
  <c r="AD62028" i="1"/>
  <c r="AD62029" i="1"/>
  <c r="AD62030" i="1"/>
  <c r="AD62031" i="1"/>
  <c r="AD62032" i="1"/>
  <c r="AD62033" i="1"/>
  <c r="AD62034" i="1"/>
  <c r="AD62035" i="1"/>
  <c r="AD62036" i="1"/>
  <c r="AD62037" i="1"/>
  <c r="AD62038" i="1"/>
  <c r="AD62039" i="1"/>
  <c r="AD62040" i="1"/>
  <c r="AD62041" i="1"/>
  <c r="AD62042" i="1"/>
  <c r="AD62043" i="1"/>
  <c r="AD62044" i="1"/>
  <c r="AD62045" i="1"/>
  <c r="AD62046" i="1"/>
  <c r="AD62047" i="1"/>
  <c r="AD62048" i="1"/>
  <c r="AD62049" i="1"/>
  <c r="AD62050" i="1"/>
  <c r="AD62051" i="1"/>
  <c r="AD62052" i="1"/>
  <c r="AD62053" i="1"/>
  <c r="AD62054" i="1"/>
  <c r="AD62055" i="1"/>
  <c r="AD62056" i="1"/>
  <c r="AD62057" i="1"/>
  <c r="AD62058" i="1"/>
  <c r="AD62059" i="1"/>
  <c r="AD62060" i="1"/>
  <c r="AD62061" i="1"/>
  <c r="AD62062" i="1"/>
  <c r="AD62063" i="1"/>
  <c r="AD62064" i="1"/>
  <c r="AD62065" i="1"/>
  <c r="AD62066" i="1"/>
  <c r="AD62067" i="1"/>
  <c r="AD62068" i="1"/>
  <c r="AD62069" i="1"/>
  <c r="AD62070" i="1"/>
  <c r="AD62071" i="1"/>
  <c r="AD62072" i="1"/>
  <c r="AD62073" i="1"/>
  <c r="AD62074" i="1"/>
  <c r="AD62075" i="1"/>
  <c r="AD62076" i="1"/>
  <c r="AD62077" i="1"/>
  <c r="AD62078" i="1"/>
  <c r="AD62079" i="1"/>
  <c r="AD62080" i="1"/>
  <c r="AD62081" i="1"/>
  <c r="AD62082" i="1"/>
  <c r="AD62083" i="1"/>
  <c r="AD62084" i="1"/>
  <c r="AD62085" i="1"/>
  <c r="AD62086" i="1"/>
  <c r="AD62087" i="1"/>
  <c r="AD62088" i="1"/>
  <c r="AD62089" i="1"/>
  <c r="AD62090" i="1"/>
  <c r="AD62091" i="1"/>
  <c r="AD62092" i="1"/>
  <c r="AD62093" i="1"/>
  <c r="AD62094" i="1"/>
  <c r="AD62095" i="1"/>
  <c r="AD62096" i="1"/>
  <c r="AD62097" i="1"/>
  <c r="AD62098" i="1"/>
  <c r="AD62099" i="1"/>
  <c r="AD62100" i="1"/>
  <c r="AD62101" i="1"/>
  <c r="AD62102" i="1"/>
  <c r="AD62103" i="1"/>
  <c r="AD62104" i="1"/>
  <c r="AD62105" i="1"/>
  <c r="AD62106" i="1"/>
  <c r="AD62107" i="1"/>
  <c r="AD62108" i="1"/>
  <c r="AD62109" i="1"/>
  <c r="AD62110" i="1"/>
  <c r="AD62111" i="1"/>
  <c r="AD62112" i="1"/>
  <c r="AD62113" i="1"/>
  <c r="AD62114" i="1"/>
  <c r="AD62115" i="1"/>
  <c r="AD62116" i="1"/>
  <c r="AD62117" i="1"/>
  <c r="AD62118" i="1"/>
  <c r="AD62119" i="1"/>
  <c r="AD62120" i="1"/>
  <c r="AD62121" i="1"/>
  <c r="AD62122" i="1"/>
  <c r="AD62123" i="1"/>
  <c r="AD62124" i="1"/>
  <c r="AD62125" i="1"/>
  <c r="AD62126" i="1"/>
  <c r="AD62127" i="1"/>
  <c r="AD62128" i="1"/>
  <c r="AD62129" i="1"/>
  <c r="AD62130" i="1"/>
  <c r="AD62131" i="1"/>
  <c r="AD62132" i="1"/>
  <c r="AD62133" i="1"/>
  <c r="AD62134" i="1"/>
  <c r="AD62135" i="1"/>
  <c r="AD62136" i="1"/>
  <c r="AD62137" i="1"/>
  <c r="AD62138" i="1"/>
  <c r="AD62139" i="1"/>
  <c r="AD62140" i="1"/>
  <c r="AD62141" i="1"/>
  <c r="AD62142" i="1"/>
  <c r="AD62143" i="1"/>
  <c r="AD62144" i="1"/>
  <c r="AD62145" i="1"/>
  <c r="AD62146" i="1"/>
  <c r="AD62147" i="1"/>
  <c r="AD62148" i="1"/>
  <c r="AD62149" i="1"/>
  <c r="AD62150" i="1"/>
  <c r="AD62151" i="1"/>
  <c r="AD62152" i="1"/>
  <c r="AD62153" i="1"/>
  <c r="AD62154" i="1"/>
  <c r="AD62155" i="1"/>
  <c r="AD62156" i="1"/>
  <c r="AD62157" i="1"/>
  <c r="AD62158" i="1"/>
  <c r="AD62159" i="1"/>
  <c r="AD62160" i="1"/>
  <c r="AD62161" i="1"/>
  <c r="AD62162" i="1"/>
  <c r="AD62163" i="1"/>
  <c r="AD62164" i="1"/>
  <c r="AD62165" i="1"/>
  <c r="AD62166" i="1"/>
  <c r="AD62167" i="1"/>
  <c r="AD62168" i="1"/>
  <c r="AD62169" i="1"/>
  <c r="AD62170" i="1"/>
  <c r="AD62171" i="1"/>
  <c r="AD62172" i="1"/>
  <c r="AD62173" i="1"/>
  <c r="AD62174" i="1"/>
  <c r="AD62175" i="1"/>
  <c r="AD62176" i="1"/>
  <c r="AD62177" i="1"/>
  <c r="AD62178" i="1"/>
  <c r="AD62179" i="1"/>
  <c r="AD62180" i="1"/>
  <c r="AD62181" i="1"/>
  <c r="AD62182" i="1"/>
  <c r="AD62183" i="1"/>
  <c r="AD62184" i="1"/>
  <c r="AD62185" i="1"/>
  <c r="AD62186" i="1"/>
  <c r="AD62187" i="1"/>
  <c r="AD62188" i="1"/>
  <c r="AD62189" i="1"/>
  <c r="AD62190" i="1"/>
  <c r="AD62191" i="1"/>
  <c r="AD62192" i="1"/>
  <c r="AD62193" i="1"/>
  <c r="AD62194" i="1"/>
  <c r="AD62195" i="1"/>
  <c r="AD62196" i="1"/>
  <c r="AD62197" i="1"/>
  <c r="AD62198" i="1"/>
  <c r="AD62199" i="1"/>
  <c r="AD62200" i="1"/>
  <c r="AD62201" i="1"/>
  <c r="AD62202" i="1"/>
  <c r="AD62203" i="1"/>
  <c r="AD62204" i="1"/>
  <c r="AD62205" i="1"/>
  <c r="AD62206" i="1"/>
  <c r="AD62207" i="1"/>
  <c r="AD62208" i="1"/>
  <c r="AD62209" i="1"/>
  <c r="AD62210" i="1"/>
  <c r="AD62211" i="1"/>
  <c r="AD62212" i="1"/>
  <c r="AD62213" i="1"/>
  <c r="AD62214" i="1"/>
  <c r="AD62215" i="1"/>
  <c r="AD62216" i="1"/>
  <c r="AD62217" i="1"/>
  <c r="AD62218" i="1"/>
  <c r="AD62219" i="1"/>
  <c r="AD62220" i="1"/>
  <c r="AD62221" i="1"/>
  <c r="AD62222" i="1"/>
  <c r="AD62223" i="1"/>
  <c r="AD62224" i="1"/>
  <c r="AD62225" i="1"/>
  <c r="AD62226" i="1"/>
  <c r="AD62227" i="1"/>
  <c r="AD62228" i="1"/>
  <c r="AD62229" i="1"/>
  <c r="AD62230" i="1"/>
  <c r="AD62231" i="1"/>
  <c r="AD62232" i="1"/>
  <c r="AD62233" i="1"/>
  <c r="AD62234" i="1"/>
  <c r="AD62235" i="1"/>
  <c r="AD62236" i="1"/>
  <c r="AD62237" i="1"/>
  <c r="AD62238" i="1"/>
  <c r="AD62239" i="1"/>
  <c r="AD62240" i="1"/>
  <c r="AD62241" i="1"/>
  <c r="AD62242" i="1"/>
  <c r="AD62243" i="1"/>
  <c r="AD62244" i="1"/>
  <c r="AD62245" i="1"/>
  <c r="AD62246" i="1"/>
  <c r="AD62247" i="1"/>
  <c r="AD62248" i="1"/>
  <c r="AD62249" i="1"/>
  <c r="AD62250" i="1"/>
  <c r="AD62251" i="1"/>
  <c r="AD62252" i="1"/>
  <c r="AD62253" i="1"/>
  <c r="AD62254" i="1"/>
  <c r="AD62255" i="1"/>
  <c r="AD62256" i="1"/>
  <c r="AD62257" i="1"/>
  <c r="AD62258" i="1"/>
  <c r="AD62259" i="1"/>
  <c r="AD62260" i="1"/>
  <c r="AD62261" i="1"/>
  <c r="AD62262" i="1"/>
  <c r="AD62263" i="1"/>
  <c r="AD62264" i="1"/>
  <c r="AD62265" i="1"/>
  <c r="AD62266" i="1"/>
  <c r="AD62267" i="1"/>
  <c r="AD62268" i="1"/>
  <c r="AD62269" i="1"/>
  <c r="AD62270" i="1"/>
  <c r="AD62271" i="1"/>
  <c r="AD62272" i="1"/>
  <c r="AD62273" i="1"/>
  <c r="AD62274" i="1"/>
  <c r="AD62275" i="1"/>
  <c r="AD62276" i="1"/>
  <c r="AD62277" i="1"/>
  <c r="AD62278" i="1"/>
  <c r="AD62279" i="1"/>
  <c r="AD62280" i="1"/>
  <c r="AD62281" i="1"/>
  <c r="AD62282" i="1"/>
  <c r="AD62283" i="1"/>
  <c r="AD62284" i="1"/>
  <c r="AD62285" i="1"/>
  <c r="AD62286" i="1"/>
  <c r="AD62287" i="1"/>
  <c r="AD62288" i="1"/>
  <c r="AD62289" i="1"/>
  <c r="AD62290" i="1"/>
  <c r="AD62291" i="1"/>
  <c r="AD62292" i="1"/>
  <c r="AD62293" i="1"/>
  <c r="AD62294" i="1"/>
  <c r="AD62295" i="1"/>
  <c r="AD62296" i="1"/>
  <c r="AD62297" i="1"/>
  <c r="AD62298" i="1"/>
  <c r="AD62299" i="1"/>
  <c r="AD62300" i="1"/>
  <c r="AD62301" i="1"/>
  <c r="AD62302" i="1"/>
  <c r="AD62303" i="1"/>
  <c r="AD62304" i="1"/>
  <c r="AD62305" i="1"/>
  <c r="AD62306" i="1"/>
  <c r="AD62307" i="1"/>
  <c r="AD62308" i="1"/>
  <c r="AD62309" i="1"/>
  <c r="AD62310" i="1"/>
  <c r="AD62311" i="1"/>
  <c r="AD62312" i="1"/>
  <c r="AD62313" i="1"/>
  <c r="AD62314" i="1"/>
  <c r="AD62315" i="1"/>
  <c r="AD62316" i="1"/>
  <c r="AD62317" i="1"/>
  <c r="AD62318" i="1"/>
  <c r="AD62319" i="1"/>
  <c r="AD62320" i="1"/>
  <c r="AD62321" i="1"/>
  <c r="AD62322" i="1"/>
  <c r="AD62323" i="1"/>
  <c r="AD62324" i="1"/>
  <c r="AD62325" i="1"/>
  <c r="AD62326" i="1"/>
  <c r="AD62327" i="1"/>
  <c r="AD62328" i="1"/>
  <c r="AD62329" i="1"/>
  <c r="AD62330" i="1"/>
  <c r="AD62331" i="1"/>
  <c r="AD62332" i="1"/>
  <c r="AD62333" i="1"/>
  <c r="AD62334" i="1"/>
  <c r="AD62335" i="1"/>
  <c r="AD62336" i="1"/>
  <c r="AD62337" i="1"/>
  <c r="AD62338" i="1"/>
  <c r="AD62339" i="1"/>
  <c r="AD62340" i="1"/>
  <c r="AD62341" i="1"/>
  <c r="AD62342" i="1"/>
  <c r="AD62343" i="1"/>
  <c r="AD62344" i="1"/>
  <c r="AD62345" i="1"/>
  <c r="AD62346" i="1"/>
  <c r="AD62347" i="1"/>
  <c r="AD62348" i="1"/>
  <c r="AD62349" i="1"/>
  <c r="AD62350" i="1"/>
  <c r="AD62351" i="1"/>
  <c r="AD62352" i="1"/>
  <c r="AD62353" i="1"/>
  <c r="AD62354" i="1"/>
  <c r="AD62355" i="1"/>
  <c r="AD62356" i="1"/>
  <c r="AD62357" i="1"/>
  <c r="AD62358" i="1"/>
  <c r="AD62359" i="1"/>
  <c r="AD62360" i="1"/>
  <c r="AD62361" i="1"/>
  <c r="AD62362" i="1"/>
  <c r="AD62363" i="1"/>
  <c r="AD62364" i="1"/>
  <c r="AD62365" i="1"/>
  <c r="AD62366" i="1"/>
  <c r="AD62367" i="1"/>
  <c r="AD62368" i="1"/>
  <c r="AD62369" i="1"/>
  <c r="AD62370" i="1"/>
  <c r="AD62371" i="1"/>
  <c r="AD62372" i="1"/>
  <c r="AD62373" i="1"/>
  <c r="AD62374" i="1"/>
  <c r="AD62375" i="1"/>
  <c r="AD62376" i="1"/>
  <c r="AD62377" i="1"/>
  <c r="AD62378" i="1"/>
  <c r="AD62379" i="1"/>
  <c r="AD62380" i="1"/>
  <c r="AD62381" i="1"/>
  <c r="AD62382" i="1"/>
  <c r="AD62383" i="1"/>
  <c r="AD62384" i="1"/>
  <c r="AD62385" i="1"/>
  <c r="AD62386" i="1"/>
  <c r="AD62387" i="1"/>
  <c r="AD62388" i="1"/>
  <c r="AD62389" i="1"/>
  <c r="AD62390" i="1"/>
  <c r="AD62391" i="1"/>
  <c r="AD62392" i="1"/>
  <c r="AD62393" i="1"/>
  <c r="AD62394" i="1"/>
  <c r="AD62395" i="1"/>
  <c r="AD62396" i="1"/>
  <c r="AD62397" i="1"/>
  <c r="AD62398" i="1"/>
  <c r="AD62399" i="1"/>
  <c r="AD62400" i="1"/>
  <c r="AD62401" i="1"/>
  <c r="AD62402" i="1"/>
  <c r="AD62403" i="1"/>
  <c r="AD62404" i="1"/>
  <c r="AD62405" i="1"/>
  <c r="AD62406" i="1"/>
  <c r="AD62407" i="1"/>
  <c r="AD62408" i="1"/>
  <c r="AD62409" i="1"/>
  <c r="AD62410" i="1"/>
  <c r="AD62411" i="1"/>
  <c r="AD62412" i="1"/>
  <c r="AD62413" i="1"/>
  <c r="AD62414" i="1"/>
  <c r="AD62415" i="1"/>
  <c r="AD62416" i="1"/>
  <c r="AD62417" i="1"/>
  <c r="AD62418" i="1"/>
  <c r="AD62419" i="1"/>
  <c r="AD62420" i="1"/>
  <c r="AD62421" i="1"/>
  <c r="AD62422" i="1"/>
  <c r="AD62423" i="1"/>
  <c r="AD62424" i="1"/>
  <c r="AD62425" i="1"/>
  <c r="AD62426" i="1"/>
  <c r="AD62427" i="1"/>
  <c r="AD62428" i="1"/>
  <c r="AD62429" i="1"/>
  <c r="AD62430" i="1"/>
  <c r="AD62431" i="1"/>
  <c r="AD62432" i="1"/>
  <c r="AD62433" i="1"/>
  <c r="AD62434" i="1"/>
  <c r="AD62435" i="1"/>
  <c r="AD62436" i="1"/>
  <c r="AD62437" i="1"/>
  <c r="AD62438" i="1"/>
  <c r="AD62439" i="1"/>
  <c r="AD62440" i="1"/>
  <c r="AD62441" i="1"/>
  <c r="AD62442" i="1"/>
  <c r="AD62443" i="1"/>
  <c r="AD62444" i="1"/>
  <c r="AD62445" i="1"/>
  <c r="AD62446" i="1"/>
  <c r="AD62447" i="1"/>
  <c r="AD62448" i="1"/>
  <c r="AD62449" i="1"/>
  <c r="AD62450" i="1"/>
  <c r="AD62451" i="1"/>
  <c r="AD62452" i="1"/>
  <c r="AD62453" i="1"/>
  <c r="AD62454" i="1"/>
  <c r="AD62455" i="1"/>
  <c r="AD62456" i="1"/>
  <c r="AD62457" i="1"/>
  <c r="AD62458" i="1"/>
  <c r="AD62459" i="1"/>
  <c r="AD62460" i="1"/>
  <c r="AD62461" i="1"/>
  <c r="AD62462" i="1"/>
  <c r="AD62463" i="1"/>
  <c r="AD62464" i="1"/>
  <c r="AD62465" i="1"/>
  <c r="AD62466" i="1"/>
  <c r="AD62467" i="1"/>
  <c r="AD62468" i="1"/>
  <c r="AD62469" i="1"/>
  <c r="AD62470" i="1"/>
  <c r="AD62471" i="1"/>
  <c r="AD62472" i="1"/>
  <c r="AD62473" i="1"/>
  <c r="AD62474" i="1"/>
  <c r="AD62475" i="1"/>
  <c r="AD62476" i="1"/>
  <c r="AD62477" i="1"/>
  <c r="AD62478" i="1"/>
  <c r="AD62479" i="1"/>
  <c r="AD62480" i="1"/>
  <c r="AD62481" i="1"/>
  <c r="AD62482" i="1"/>
  <c r="AD62483" i="1"/>
  <c r="AD62484" i="1"/>
  <c r="AD62485" i="1"/>
  <c r="AD62486" i="1"/>
  <c r="AD62487" i="1"/>
  <c r="AD62488" i="1"/>
  <c r="AD62489" i="1"/>
  <c r="AD62490" i="1"/>
  <c r="AD62491" i="1"/>
  <c r="AD62492" i="1"/>
  <c r="AD62493" i="1"/>
  <c r="AD62494" i="1"/>
  <c r="AD62495" i="1"/>
  <c r="AD62496" i="1"/>
  <c r="AD62497" i="1"/>
  <c r="AD62498" i="1"/>
  <c r="AD62499" i="1"/>
  <c r="AD62500" i="1"/>
  <c r="AD62501" i="1"/>
  <c r="AD62502" i="1"/>
  <c r="AD62503" i="1"/>
  <c r="AD62504" i="1"/>
  <c r="AD62505" i="1"/>
  <c r="AD62506" i="1"/>
  <c r="AD62507" i="1"/>
  <c r="AD62508" i="1"/>
  <c r="AD62509" i="1"/>
  <c r="AD62510" i="1"/>
  <c r="AD62511" i="1"/>
  <c r="AD62512" i="1"/>
  <c r="AD62513" i="1"/>
  <c r="AD62514" i="1"/>
  <c r="AD62515" i="1"/>
  <c r="AD62516" i="1"/>
  <c r="AD62517" i="1"/>
  <c r="AD62518" i="1"/>
  <c r="AD62519" i="1"/>
  <c r="AD62520" i="1"/>
  <c r="AD62521" i="1"/>
  <c r="AD62522" i="1"/>
  <c r="AD62523" i="1"/>
  <c r="AD62524" i="1"/>
  <c r="AD62525" i="1"/>
  <c r="AD62526" i="1"/>
  <c r="AD62527" i="1"/>
  <c r="AD62528" i="1"/>
  <c r="AD62529" i="1"/>
  <c r="AD62530" i="1"/>
  <c r="AD62531" i="1"/>
  <c r="AD62532" i="1"/>
  <c r="AD62533" i="1"/>
  <c r="AD62534" i="1"/>
  <c r="AD62535" i="1"/>
  <c r="AD62536" i="1"/>
  <c r="AD62537" i="1"/>
  <c r="AD62538" i="1"/>
  <c r="AD62539" i="1"/>
  <c r="AD62540" i="1"/>
  <c r="AD62541" i="1"/>
  <c r="AD62542" i="1"/>
  <c r="AD62543" i="1"/>
  <c r="AD62544" i="1"/>
  <c r="AD62545" i="1"/>
  <c r="AD62546" i="1"/>
  <c r="AD62547" i="1"/>
  <c r="AD62548" i="1"/>
  <c r="AD62549" i="1"/>
  <c r="AD62550" i="1"/>
  <c r="AD62551" i="1"/>
  <c r="AD62552" i="1"/>
  <c r="AD62553" i="1"/>
  <c r="AD62554" i="1"/>
  <c r="AD62555" i="1"/>
  <c r="AD62556" i="1"/>
  <c r="AD62557" i="1"/>
  <c r="AD62558" i="1"/>
  <c r="AD62559" i="1"/>
  <c r="AD62560" i="1"/>
  <c r="AD62561" i="1"/>
  <c r="AD62562" i="1"/>
  <c r="AD62563" i="1"/>
  <c r="AD62564" i="1"/>
  <c r="AD62565" i="1"/>
  <c r="AD62566" i="1"/>
  <c r="AD62567" i="1"/>
  <c r="AD62568" i="1"/>
  <c r="AD62569" i="1"/>
  <c r="AD62570" i="1"/>
  <c r="AD62571" i="1"/>
  <c r="AD62572" i="1"/>
  <c r="AD62573" i="1"/>
  <c r="AD62574" i="1"/>
  <c r="AD62575" i="1"/>
  <c r="AD62576" i="1"/>
  <c r="AD62577" i="1"/>
  <c r="AD62578" i="1"/>
  <c r="AD62579" i="1"/>
  <c r="AD62580" i="1"/>
  <c r="AD62581" i="1"/>
  <c r="AD62582" i="1"/>
  <c r="AD62583" i="1"/>
  <c r="AD62584" i="1"/>
  <c r="AD62585" i="1"/>
  <c r="AD62586" i="1"/>
  <c r="AD62587" i="1"/>
  <c r="AD62588" i="1"/>
  <c r="AD62589" i="1"/>
  <c r="AD62590" i="1"/>
  <c r="AD62591" i="1"/>
  <c r="AD62592" i="1"/>
  <c r="AD62593" i="1"/>
  <c r="AD62594" i="1"/>
  <c r="AD62595" i="1"/>
  <c r="AD62596" i="1"/>
  <c r="AD62597" i="1"/>
  <c r="AD62598" i="1"/>
  <c r="AD62599" i="1"/>
  <c r="AD62600" i="1"/>
  <c r="AD62601" i="1"/>
  <c r="AD62602" i="1"/>
  <c r="AD62603" i="1"/>
  <c r="AD62604" i="1"/>
  <c r="AD62605" i="1"/>
  <c r="AD62606" i="1"/>
  <c r="AD62607" i="1"/>
  <c r="AD62608" i="1"/>
  <c r="AD62609" i="1"/>
  <c r="AD62610" i="1"/>
  <c r="AD62611" i="1"/>
  <c r="AD62612" i="1"/>
  <c r="AD62613" i="1"/>
  <c r="AD62614" i="1"/>
  <c r="AD62615" i="1"/>
  <c r="AD62616" i="1"/>
  <c r="AD62617" i="1"/>
  <c r="AD62618" i="1"/>
  <c r="AD62619" i="1"/>
  <c r="AD62620" i="1"/>
  <c r="AD62621" i="1"/>
  <c r="AD62622" i="1"/>
  <c r="AD62623" i="1"/>
  <c r="AD62624" i="1"/>
  <c r="AD62625" i="1"/>
  <c r="AD62626" i="1"/>
  <c r="AD62627" i="1"/>
  <c r="AD62628" i="1"/>
  <c r="AD62629" i="1"/>
  <c r="AD62630" i="1"/>
  <c r="AD62631" i="1"/>
  <c r="AD62632" i="1"/>
  <c r="AD62633" i="1"/>
  <c r="AD62634" i="1"/>
  <c r="AD62635" i="1"/>
  <c r="AD62636" i="1"/>
  <c r="AD62637" i="1"/>
  <c r="AD62638" i="1"/>
  <c r="AD62639" i="1"/>
  <c r="AD62640" i="1"/>
  <c r="AD62641" i="1"/>
  <c r="AD62642" i="1"/>
  <c r="AD62643" i="1"/>
  <c r="AD62644" i="1"/>
  <c r="AD62645" i="1"/>
  <c r="AD62646" i="1"/>
  <c r="AD62647" i="1"/>
  <c r="AD62648" i="1"/>
  <c r="AD62649" i="1"/>
  <c r="AD62650" i="1"/>
  <c r="AD62651" i="1"/>
  <c r="AD62652" i="1"/>
  <c r="AD62653" i="1"/>
  <c r="AD62654" i="1"/>
  <c r="AD62655" i="1"/>
  <c r="AD62656" i="1"/>
  <c r="AD62657" i="1"/>
  <c r="AD62658" i="1"/>
  <c r="AD62659" i="1"/>
  <c r="AD62660" i="1"/>
  <c r="AD62661" i="1"/>
  <c r="AD62662" i="1"/>
  <c r="AD62663" i="1"/>
  <c r="AD62664" i="1"/>
  <c r="AD62665" i="1"/>
  <c r="AD62666" i="1"/>
  <c r="AD62667" i="1"/>
  <c r="AD62668" i="1"/>
  <c r="AD62669" i="1"/>
  <c r="AD62670" i="1"/>
  <c r="AD62671" i="1"/>
  <c r="AD62672" i="1"/>
  <c r="AD62673" i="1"/>
  <c r="AD62674" i="1"/>
  <c r="AD62675" i="1"/>
  <c r="AD62676" i="1"/>
  <c r="AD62677" i="1"/>
  <c r="AD62678" i="1"/>
  <c r="AD62679" i="1"/>
  <c r="AD62680" i="1"/>
  <c r="AD62681" i="1"/>
  <c r="AD62682" i="1"/>
  <c r="AD62683" i="1"/>
  <c r="AD62684" i="1"/>
  <c r="AD62685" i="1"/>
  <c r="AD62686" i="1"/>
  <c r="AD62687" i="1"/>
  <c r="AD62688" i="1"/>
  <c r="AD62689" i="1"/>
  <c r="AD62690" i="1"/>
  <c r="AD62691" i="1"/>
  <c r="AD62692" i="1"/>
  <c r="AD62693" i="1"/>
  <c r="AD62694" i="1"/>
  <c r="AD62695" i="1"/>
  <c r="AD62696" i="1"/>
  <c r="AD62697" i="1"/>
  <c r="AD62698" i="1"/>
  <c r="AD62699" i="1"/>
  <c r="AD62700" i="1"/>
  <c r="AD62701" i="1"/>
  <c r="AD62702" i="1"/>
  <c r="AD62703" i="1"/>
  <c r="AD62704" i="1"/>
  <c r="AD62705" i="1"/>
  <c r="AD62706" i="1"/>
  <c r="AD62707" i="1"/>
  <c r="AD62708" i="1"/>
  <c r="AD62709" i="1"/>
  <c r="AD62710" i="1"/>
  <c r="AD62711" i="1"/>
  <c r="AD62712" i="1"/>
  <c r="AD62713" i="1"/>
  <c r="AD62714" i="1"/>
  <c r="AD62715" i="1"/>
  <c r="AD62716" i="1"/>
  <c r="AD62717" i="1"/>
  <c r="AD62718" i="1"/>
  <c r="AD62719" i="1"/>
  <c r="AD62720" i="1"/>
  <c r="AD62721" i="1"/>
  <c r="AD62722" i="1"/>
  <c r="AD62723" i="1"/>
  <c r="AD62724" i="1"/>
  <c r="AD62725" i="1"/>
  <c r="AD62726" i="1"/>
  <c r="AD62727" i="1"/>
  <c r="AD62728" i="1"/>
  <c r="AD62729" i="1"/>
  <c r="AD62730" i="1"/>
  <c r="AD62731" i="1"/>
  <c r="AD62732" i="1"/>
  <c r="AD62733" i="1"/>
  <c r="AD62734" i="1"/>
  <c r="AD62735" i="1"/>
  <c r="AD62736" i="1"/>
  <c r="AD62737" i="1"/>
  <c r="AD62738" i="1"/>
  <c r="AD62739" i="1"/>
  <c r="AD62740" i="1"/>
  <c r="AD62741" i="1"/>
  <c r="AD62742" i="1"/>
  <c r="AD62743" i="1"/>
  <c r="AD62744" i="1"/>
  <c r="AD62745" i="1"/>
  <c r="AD62746" i="1"/>
  <c r="AD62747" i="1"/>
  <c r="AD62748" i="1"/>
  <c r="AD62749" i="1"/>
  <c r="AD62750" i="1"/>
  <c r="AD62751" i="1"/>
  <c r="AD62752" i="1"/>
  <c r="AD62753" i="1"/>
  <c r="AD62754" i="1"/>
  <c r="AD62755" i="1"/>
  <c r="AD62756" i="1"/>
  <c r="AD62757" i="1"/>
  <c r="AD62758" i="1"/>
  <c r="AD62759" i="1"/>
  <c r="AD62760" i="1"/>
  <c r="AD62761" i="1"/>
  <c r="AD62762" i="1"/>
  <c r="AD62763" i="1"/>
  <c r="AD62764" i="1"/>
  <c r="AD62765" i="1"/>
  <c r="AD62766" i="1"/>
  <c r="AD62767" i="1"/>
  <c r="AD62768" i="1"/>
  <c r="AD62769" i="1"/>
  <c r="AD62770" i="1"/>
  <c r="AD62771" i="1"/>
  <c r="AD62772" i="1"/>
  <c r="AD62773" i="1"/>
  <c r="AD62774" i="1"/>
  <c r="AD62775" i="1"/>
  <c r="AD62776" i="1"/>
  <c r="AD62777" i="1"/>
  <c r="AD62778" i="1"/>
  <c r="AD62779" i="1"/>
  <c r="AD62780" i="1"/>
  <c r="AD62781" i="1"/>
  <c r="AD62782" i="1"/>
  <c r="AD62783" i="1"/>
  <c r="AD62784" i="1"/>
  <c r="AD62785" i="1"/>
  <c r="AD62786" i="1"/>
  <c r="AD62787" i="1"/>
  <c r="AD62788" i="1"/>
  <c r="AD62789" i="1"/>
  <c r="AD62790" i="1"/>
  <c r="AD62791" i="1"/>
  <c r="AD62792" i="1"/>
  <c r="AD62793" i="1"/>
  <c r="AD62794" i="1"/>
  <c r="AD62795" i="1"/>
  <c r="AD62796" i="1"/>
  <c r="AD62797" i="1"/>
  <c r="AD62798" i="1"/>
  <c r="AD62799" i="1"/>
  <c r="AD62800" i="1"/>
  <c r="AD62801" i="1"/>
  <c r="AD62802" i="1"/>
  <c r="AD62803" i="1"/>
  <c r="AD62804" i="1"/>
  <c r="AD62805" i="1"/>
  <c r="AD62806" i="1"/>
  <c r="AD62807" i="1"/>
  <c r="AD62808" i="1"/>
  <c r="AD62809" i="1"/>
  <c r="AD62810" i="1"/>
  <c r="AD62811" i="1"/>
  <c r="AD62812" i="1"/>
  <c r="AD62813" i="1"/>
  <c r="AD62814" i="1"/>
  <c r="AD62815" i="1"/>
  <c r="AD62816" i="1"/>
  <c r="AD62817" i="1"/>
  <c r="AD62818" i="1"/>
  <c r="AD62819" i="1"/>
  <c r="AD62820" i="1"/>
  <c r="AD62821" i="1"/>
  <c r="AD62822" i="1"/>
  <c r="AD62823" i="1"/>
  <c r="AD62824" i="1"/>
  <c r="AD62825" i="1"/>
  <c r="AD62826" i="1"/>
  <c r="AD62827" i="1"/>
  <c r="AD62828" i="1"/>
  <c r="AD62829" i="1"/>
  <c r="AD62830" i="1"/>
  <c r="AD62831" i="1"/>
  <c r="AD62832" i="1"/>
  <c r="AD62833" i="1"/>
  <c r="AD62834" i="1"/>
  <c r="AD62835" i="1"/>
  <c r="AD62836" i="1"/>
  <c r="AD62837" i="1"/>
  <c r="AD62838" i="1"/>
  <c r="AD62839" i="1"/>
  <c r="AD62840" i="1"/>
  <c r="AD62841" i="1"/>
  <c r="AD62842" i="1"/>
  <c r="AD62843" i="1"/>
  <c r="AD62844" i="1"/>
  <c r="AD62845" i="1"/>
  <c r="AD62846" i="1"/>
  <c r="AD62847" i="1"/>
  <c r="AD62848" i="1"/>
  <c r="AD62849" i="1"/>
  <c r="AD62850" i="1"/>
  <c r="AD62851" i="1"/>
  <c r="AD62852" i="1"/>
  <c r="AD62853" i="1"/>
  <c r="AD62854" i="1"/>
  <c r="AD62855" i="1"/>
  <c r="AD62856" i="1"/>
  <c r="AD62857" i="1"/>
  <c r="AD62858" i="1"/>
  <c r="AD62859" i="1"/>
  <c r="AD62860" i="1"/>
  <c r="AD62861" i="1"/>
  <c r="AD62862" i="1"/>
  <c r="AD62863" i="1"/>
  <c r="AD62864" i="1"/>
  <c r="AD62865" i="1"/>
  <c r="AD62866" i="1"/>
  <c r="AD62867" i="1"/>
  <c r="AD62868" i="1"/>
  <c r="AD62869" i="1"/>
  <c r="AD62870" i="1"/>
  <c r="AD62871" i="1"/>
  <c r="AD62872" i="1"/>
  <c r="AD62873" i="1"/>
  <c r="AD62874" i="1"/>
  <c r="AD62875" i="1"/>
  <c r="AD62876" i="1"/>
  <c r="AD62877" i="1"/>
  <c r="AD62878" i="1"/>
  <c r="AD62879" i="1"/>
  <c r="AD62880" i="1"/>
  <c r="AD62881" i="1"/>
  <c r="AD62882" i="1"/>
  <c r="AD62883" i="1"/>
  <c r="AD62884" i="1"/>
  <c r="AD62885" i="1"/>
  <c r="AD62886" i="1"/>
  <c r="AD62887" i="1"/>
  <c r="AD62888" i="1"/>
  <c r="AD62889" i="1"/>
  <c r="AD62890" i="1"/>
  <c r="AD62891" i="1"/>
  <c r="AD62892" i="1"/>
  <c r="AD62893" i="1"/>
  <c r="AD62894" i="1"/>
  <c r="AD62895" i="1"/>
  <c r="AD62896" i="1"/>
  <c r="AD62897" i="1"/>
  <c r="AD62898" i="1"/>
  <c r="AD62899" i="1"/>
  <c r="AD62900" i="1"/>
  <c r="AD62901" i="1"/>
  <c r="AD62902" i="1"/>
  <c r="AD62903" i="1"/>
  <c r="AD62904" i="1"/>
  <c r="AD62905" i="1"/>
  <c r="AD62906" i="1"/>
  <c r="AD62907" i="1"/>
  <c r="AD62908" i="1"/>
  <c r="AD62909" i="1"/>
  <c r="AD62910" i="1"/>
  <c r="AD62911" i="1"/>
  <c r="AD62912" i="1"/>
  <c r="AD62913" i="1"/>
  <c r="AD62914" i="1"/>
  <c r="AD62915" i="1"/>
  <c r="AD62916" i="1"/>
  <c r="AD62917" i="1"/>
  <c r="AD62918" i="1"/>
  <c r="AD62919" i="1"/>
  <c r="AD62920" i="1"/>
  <c r="AD62921" i="1"/>
  <c r="AD62922" i="1"/>
  <c r="AD62923" i="1"/>
  <c r="AD62924" i="1"/>
  <c r="AD62925" i="1"/>
  <c r="AD62926" i="1"/>
  <c r="AD62927" i="1"/>
  <c r="AD62928" i="1"/>
  <c r="AD62929" i="1"/>
  <c r="AD62930" i="1"/>
  <c r="AD62931" i="1"/>
  <c r="AD62932" i="1"/>
  <c r="AD62933" i="1"/>
  <c r="AD62934" i="1"/>
  <c r="AD62935" i="1"/>
  <c r="AD62936" i="1"/>
  <c r="AD62937" i="1"/>
  <c r="AD62938" i="1"/>
  <c r="AD62939" i="1"/>
  <c r="AD62940" i="1"/>
  <c r="AD62941" i="1"/>
  <c r="AD62942" i="1"/>
  <c r="AD62943" i="1"/>
  <c r="AD62944" i="1"/>
  <c r="AD62945" i="1"/>
  <c r="AD62946" i="1"/>
  <c r="AD62947" i="1"/>
  <c r="AD62948" i="1"/>
  <c r="AD62949" i="1"/>
  <c r="AD62950" i="1"/>
  <c r="AD62951" i="1"/>
  <c r="AD62952" i="1"/>
  <c r="AD62953" i="1"/>
  <c r="AD62954" i="1"/>
  <c r="AD62955" i="1"/>
  <c r="AD62956" i="1"/>
  <c r="AD62957" i="1"/>
  <c r="AD62958" i="1"/>
  <c r="AD62959" i="1"/>
  <c r="AD62960" i="1"/>
  <c r="AD62961" i="1"/>
  <c r="AD62962" i="1"/>
  <c r="AD62963" i="1"/>
  <c r="AD62964" i="1"/>
  <c r="AD62965" i="1"/>
  <c r="AD62966" i="1"/>
  <c r="AD62967" i="1"/>
  <c r="AD62968" i="1"/>
  <c r="AD62969" i="1"/>
  <c r="AD62970" i="1"/>
  <c r="AD62971" i="1"/>
  <c r="AD62972" i="1"/>
  <c r="AD62973" i="1"/>
  <c r="AD62974" i="1"/>
  <c r="AD62975" i="1"/>
  <c r="AD62976" i="1"/>
  <c r="AD62977" i="1"/>
  <c r="AD62978" i="1"/>
  <c r="AD62979" i="1"/>
  <c r="AD62980" i="1"/>
  <c r="AD62981" i="1"/>
  <c r="AD62982" i="1"/>
  <c r="AD62983" i="1"/>
  <c r="AD62984" i="1"/>
  <c r="AD62985" i="1"/>
  <c r="AD62986" i="1"/>
  <c r="AD62987" i="1"/>
  <c r="AD62988" i="1"/>
  <c r="AD62989" i="1"/>
  <c r="AD62990" i="1"/>
  <c r="AD62991" i="1"/>
  <c r="AD62992" i="1"/>
  <c r="AD62993" i="1"/>
  <c r="AD62994" i="1"/>
  <c r="AD62995" i="1"/>
  <c r="AD62996" i="1"/>
  <c r="AD62997" i="1"/>
  <c r="AD62998" i="1"/>
  <c r="AD62999" i="1"/>
  <c r="AD63000" i="1"/>
  <c r="AD63001" i="1"/>
  <c r="AD63002" i="1"/>
  <c r="AD63003" i="1"/>
  <c r="AD63004" i="1"/>
  <c r="AD63005" i="1"/>
  <c r="AD63006" i="1"/>
  <c r="AD63007" i="1"/>
  <c r="AD63008" i="1"/>
  <c r="AD63009" i="1"/>
  <c r="AD63010" i="1"/>
  <c r="AD63011" i="1"/>
  <c r="AD63012" i="1"/>
  <c r="AD63013" i="1"/>
  <c r="AD63014" i="1"/>
  <c r="AD63015" i="1"/>
  <c r="AD63016" i="1"/>
  <c r="AD63017" i="1"/>
  <c r="AD63018" i="1"/>
  <c r="AD63019" i="1"/>
  <c r="AD63020" i="1"/>
  <c r="AD63021" i="1"/>
  <c r="AD63022" i="1"/>
  <c r="AD63023" i="1"/>
  <c r="AD63024" i="1"/>
  <c r="AD63025" i="1"/>
  <c r="AD63026" i="1"/>
  <c r="AD63027" i="1"/>
  <c r="AD63028" i="1"/>
  <c r="AD63029" i="1"/>
  <c r="AD63030" i="1"/>
  <c r="AD63031" i="1"/>
  <c r="AD63032" i="1"/>
  <c r="AD63033" i="1"/>
  <c r="AD63034" i="1"/>
  <c r="AD63035" i="1"/>
  <c r="AD63036" i="1"/>
  <c r="AD63037" i="1"/>
  <c r="AD63038" i="1"/>
  <c r="AD63039" i="1"/>
  <c r="AD63040" i="1"/>
  <c r="AD63041" i="1"/>
  <c r="AD63042" i="1"/>
  <c r="AD63043" i="1"/>
  <c r="AD63044" i="1"/>
  <c r="AD63045" i="1"/>
  <c r="AD63046" i="1"/>
  <c r="AD63047" i="1"/>
  <c r="AD63048" i="1"/>
  <c r="AD63049" i="1"/>
  <c r="AD63050" i="1"/>
  <c r="AD63051" i="1"/>
  <c r="AD63052" i="1"/>
  <c r="AD63053" i="1"/>
  <c r="AD63054" i="1"/>
  <c r="AD63055" i="1"/>
  <c r="AD63056" i="1"/>
  <c r="AD63057" i="1"/>
  <c r="AD63058" i="1"/>
  <c r="AD63059" i="1"/>
  <c r="AD63060" i="1"/>
  <c r="AD63061" i="1"/>
  <c r="AD63062" i="1"/>
  <c r="AD63063" i="1"/>
  <c r="AD63064" i="1"/>
  <c r="AD63065" i="1"/>
  <c r="AD63066" i="1"/>
  <c r="AD63067" i="1"/>
  <c r="AD63068" i="1"/>
  <c r="AD63069" i="1"/>
  <c r="AD63070" i="1"/>
  <c r="AD63071" i="1"/>
  <c r="AD63072" i="1"/>
  <c r="AD63073" i="1"/>
  <c r="AD63074" i="1"/>
  <c r="AD63075" i="1"/>
  <c r="AD63076" i="1"/>
  <c r="AD63077" i="1"/>
  <c r="AD63078" i="1"/>
  <c r="AD63079" i="1"/>
  <c r="AD63080" i="1"/>
  <c r="AD63081" i="1"/>
  <c r="AD63082" i="1"/>
  <c r="AD63083" i="1"/>
  <c r="AD63084" i="1"/>
  <c r="AD63085" i="1"/>
  <c r="AD63086" i="1"/>
  <c r="AD63087" i="1"/>
  <c r="AD63088" i="1"/>
  <c r="AD63089" i="1"/>
  <c r="AD63090" i="1"/>
  <c r="AD63091" i="1"/>
  <c r="AD63092" i="1"/>
  <c r="AD63093" i="1"/>
  <c r="AD63094" i="1"/>
  <c r="AD63095" i="1"/>
  <c r="AD63096" i="1"/>
  <c r="AD63097" i="1"/>
  <c r="AD63098" i="1"/>
  <c r="AD63099" i="1"/>
  <c r="AD63100" i="1"/>
  <c r="AD63101" i="1"/>
  <c r="AD63102" i="1"/>
  <c r="AD63103" i="1"/>
  <c r="AD63104" i="1"/>
  <c r="AD63105" i="1"/>
  <c r="AD63106" i="1"/>
  <c r="AD63107" i="1"/>
  <c r="AD63108" i="1"/>
  <c r="AD63109" i="1"/>
  <c r="AD63110" i="1"/>
  <c r="AD63111" i="1"/>
  <c r="AD63112" i="1"/>
  <c r="AD63113" i="1"/>
  <c r="AD63114" i="1"/>
  <c r="AD63115" i="1"/>
  <c r="AD63116" i="1"/>
  <c r="AD63117" i="1"/>
  <c r="AD63118" i="1"/>
  <c r="AD63119" i="1"/>
  <c r="AD63120" i="1"/>
  <c r="AD63121" i="1"/>
  <c r="AD63122" i="1"/>
  <c r="AD63123" i="1"/>
  <c r="AD63124" i="1"/>
  <c r="AD63125" i="1"/>
  <c r="AD63126" i="1"/>
  <c r="AD63127" i="1"/>
  <c r="AD63128" i="1"/>
  <c r="AD63129" i="1"/>
  <c r="AD63130" i="1"/>
  <c r="AD63131" i="1"/>
  <c r="AD63132" i="1"/>
  <c r="AD63133" i="1"/>
  <c r="AD63134" i="1"/>
  <c r="AD63135" i="1"/>
  <c r="AD63136" i="1"/>
  <c r="AD63137" i="1"/>
  <c r="AD63138" i="1"/>
  <c r="AD63139" i="1"/>
  <c r="AD63140" i="1"/>
  <c r="AD63141" i="1"/>
  <c r="AD63142" i="1"/>
  <c r="AD63143" i="1"/>
  <c r="AD63144" i="1"/>
  <c r="AD63145" i="1"/>
  <c r="AD63146" i="1"/>
  <c r="AD63147" i="1"/>
  <c r="AD63148" i="1"/>
  <c r="AD63149" i="1"/>
  <c r="AD63150" i="1"/>
  <c r="AD63151" i="1"/>
  <c r="AD63152" i="1"/>
  <c r="AD63153" i="1"/>
  <c r="AD63154" i="1"/>
  <c r="AD63155" i="1"/>
  <c r="AD63156" i="1"/>
  <c r="AD63157" i="1"/>
  <c r="AD63158" i="1"/>
  <c r="AD63159" i="1"/>
  <c r="AD63160" i="1"/>
  <c r="AD63161" i="1"/>
  <c r="AD63162" i="1"/>
  <c r="AD63163" i="1"/>
  <c r="AD63164" i="1"/>
  <c r="AD63165" i="1"/>
  <c r="AD63166" i="1"/>
  <c r="AD63167" i="1"/>
  <c r="AD63168" i="1"/>
  <c r="AD63169" i="1"/>
  <c r="AD63170" i="1"/>
  <c r="AD63171" i="1"/>
  <c r="AD63172" i="1"/>
  <c r="AD63173" i="1"/>
  <c r="AD63174" i="1"/>
  <c r="AD63175" i="1"/>
  <c r="AD63176" i="1"/>
  <c r="AD63177" i="1"/>
  <c r="AD63178" i="1"/>
  <c r="AD63179" i="1"/>
  <c r="AD63180" i="1"/>
  <c r="AD63181" i="1"/>
  <c r="AD63182" i="1"/>
  <c r="AD63183" i="1"/>
  <c r="AD63184" i="1"/>
  <c r="AD63185" i="1"/>
  <c r="AD63186" i="1"/>
  <c r="AD63187" i="1"/>
  <c r="AD63188" i="1"/>
  <c r="AD63189" i="1"/>
  <c r="AD63190" i="1"/>
  <c r="AD63191" i="1"/>
  <c r="AD63192" i="1"/>
  <c r="AD63193" i="1"/>
  <c r="AD63194" i="1"/>
  <c r="AD63195" i="1"/>
  <c r="AD63196" i="1"/>
  <c r="AD63197" i="1"/>
  <c r="AD63198" i="1"/>
  <c r="AD63199" i="1"/>
  <c r="AD63200" i="1"/>
  <c r="AD63201" i="1"/>
  <c r="AD63202" i="1"/>
  <c r="AD63203" i="1"/>
  <c r="AD63204" i="1"/>
  <c r="AD63205" i="1"/>
  <c r="AD63206" i="1"/>
  <c r="AD63207" i="1"/>
  <c r="AD63208" i="1"/>
  <c r="AD63209" i="1"/>
  <c r="AD63210" i="1"/>
  <c r="AD63211" i="1"/>
  <c r="AD63212" i="1"/>
  <c r="AD63213" i="1"/>
  <c r="AD63214" i="1"/>
  <c r="AD63215" i="1"/>
  <c r="AD63216" i="1"/>
  <c r="AD63217" i="1"/>
  <c r="AD63218" i="1"/>
  <c r="AD63219" i="1"/>
  <c r="AD63220" i="1"/>
  <c r="AD63221" i="1"/>
  <c r="AD63222" i="1"/>
  <c r="AD63223" i="1"/>
  <c r="AD63224" i="1"/>
  <c r="AD63225" i="1"/>
  <c r="AD63226" i="1"/>
  <c r="AD63227" i="1"/>
  <c r="AD63228" i="1"/>
  <c r="AD63229" i="1"/>
  <c r="AD63230" i="1"/>
  <c r="AD63231" i="1"/>
  <c r="AD63232" i="1"/>
  <c r="AD63233" i="1"/>
  <c r="AD63234" i="1"/>
  <c r="AD63235" i="1"/>
  <c r="AD63236" i="1"/>
  <c r="AD63237" i="1"/>
  <c r="AD63238" i="1"/>
  <c r="AD63239" i="1"/>
  <c r="AD63240" i="1"/>
  <c r="AD63241" i="1"/>
  <c r="AD63242" i="1"/>
  <c r="AD63243" i="1"/>
  <c r="AD63244" i="1"/>
  <c r="AD63245" i="1"/>
  <c r="AD63246" i="1"/>
  <c r="AD63247" i="1"/>
  <c r="AD63248" i="1"/>
  <c r="AD63249" i="1"/>
  <c r="AD63250" i="1"/>
  <c r="AD63251" i="1"/>
  <c r="AD63252" i="1"/>
  <c r="AD63253" i="1"/>
  <c r="AD63254" i="1"/>
  <c r="AD63255" i="1"/>
  <c r="AD63256" i="1"/>
  <c r="AD63257" i="1"/>
  <c r="AD63258" i="1"/>
  <c r="AD63259" i="1"/>
  <c r="AD63260" i="1"/>
  <c r="AD63261" i="1"/>
  <c r="AD63262" i="1"/>
  <c r="AD63263" i="1"/>
  <c r="AD63264" i="1"/>
  <c r="AD63265" i="1"/>
  <c r="AD63266" i="1"/>
  <c r="AD63267" i="1"/>
  <c r="AD63268" i="1"/>
  <c r="AD63269" i="1"/>
  <c r="AD63270" i="1"/>
  <c r="AD63271" i="1"/>
  <c r="AD63272" i="1"/>
  <c r="AD63273" i="1"/>
  <c r="AD63274" i="1"/>
  <c r="AD63275" i="1"/>
  <c r="AD63276" i="1"/>
  <c r="AD63277" i="1"/>
  <c r="AD63278" i="1"/>
  <c r="AD63279" i="1"/>
  <c r="AD63280" i="1"/>
  <c r="AD63281" i="1"/>
  <c r="AD63282" i="1"/>
  <c r="AD63283" i="1"/>
  <c r="AD63284" i="1"/>
  <c r="AD63285" i="1"/>
  <c r="AD63286" i="1"/>
  <c r="AD63287" i="1"/>
  <c r="AD63288" i="1"/>
  <c r="AD63289" i="1"/>
  <c r="AD63290" i="1"/>
  <c r="AD63291" i="1"/>
  <c r="AD63292" i="1"/>
  <c r="AD63293" i="1"/>
  <c r="AD63294" i="1"/>
  <c r="AD63295" i="1"/>
  <c r="AD63296" i="1"/>
  <c r="AD63297" i="1"/>
  <c r="AD63298" i="1"/>
  <c r="AD63299" i="1"/>
  <c r="AD63300" i="1"/>
  <c r="AD63301" i="1"/>
  <c r="AD63302" i="1"/>
  <c r="AD63303" i="1"/>
  <c r="AD63304" i="1"/>
  <c r="AD63305" i="1"/>
  <c r="AD63306" i="1"/>
  <c r="AD63307" i="1"/>
  <c r="AD63308" i="1"/>
  <c r="AD63309" i="1"/>
  <c r="AD63310" i="1"/>
  <c r="AD63311" i="1"/>
  <c r="AD63312" i="1"/>
  <c r="AD63313" i="1"/>
  <c r="AD63314" i="1"/>
  <c r="AD63315" i="1"/>
  <c r="AD63316" i="1"/>
  <c r="AD63317" i="1"/>
  <c r="AD63318" i="1"/>
  <c r="AD63319" i="1"/>
  <c r="AD63320" i="1"/>
  <c r="AD63321" i="1"/>
  <c r="AD63322" i="1"/>
  <c r="AD63323" i="1"/>
  <c r="AD63324" i="1"/>
  <c r="AD63325" i="1"/>
  <c r="AD63326" i="1"/>
  <c r="AD63327" i="1"/>
  <c r="AD63328" i="1"/>
  <c r="AD63329" i="1"/>
  <c r="AD63330" i="1"/>
  <c r="AD63331" i="1"/>
  <c r="AD63332" i="1"/>
  <c r="AD63333" i="1"/>
  <c r="AD63334" i="1"/>
  <c r="AD63335" i="1"/>
  <c r="AD63336" i="1"/>
  <c r="AD63337" i="1"/>
  <c r="AD63338" i="1"/>
  <c r="AD63339" i="1"/>
  <c r="AD63340" i="1"/>
  <c r="AD63341" i="1"/>
  <c r="AD63342" i="1"/>
  <c r="AD63343" i="1"/>
  <c r="AD63344" i="1"/>
  <c r="AD63345" i="1"/>
  <c r="AD63346" i="1"/>
  <c r="AD63347" i="1"/>
  <c r="AD63348" i="1"/>
  <c r="AD63349" i="1"/>
  <c r="AD63350" i="1"/>
  <c r="AD63351" i="1"/>
  <c r="AD63352" i="1"/>
  <c r="AD63353" i="1"/>
  <c r="AD63354" i="1"/>
  <c r="AD63355" i="1"/>
  <c r="AD63356" i="1"/>
  <c r="AD63357" i="1"/>
  <c r="AD63358" i="1"/>
  <c r="AD63359" i="1"/>
  <c r="AD63360" i="1"/>
  <c r="AD63361" i="1"/>
  <c r="AD63362" i="1"/>
  <c r="AD63363" i="1"/>
  <c r="AD63364" i="1"/>
  <c r="AD63365" i="1"/>
  <c r="AD63366" i="1"/>
  <c r="AD63367" i="1"/>
  <c r="AD63368" i="1"/>
  <c r="AD63369" i="1"/>
  <c r="AD63370" i="1"/>
  <c r="AD63371" i="1"/>
  <c r="AD63372" i="1"/>
  <c r="AD63373" i="1"/>
  <c r="AD63374" i="1"/>
  <c r="AD63375" i="1"/>
  <c r="AD63376" i="1"/>
  <c r="AD63377" i="1"/>
  <c r="AD63378" i="1"/>
  <c r="AD63379" i="1"/>
  <c r="AD63380" i="1"/>
  <c r="AD63381" i="1"/>
  <c r="AD63382" i="1"/>
  <c r="AD63383" i="1"/>
  <c r="AD63384" i="1"/>
  <c r="AD63385" i="1"/>
  <c r="AD63386" i="1"/>
  <c r="AD63387" i="1"/>
  <c r="AD63388" i="1"/>
  <c r="AD63389" i="1"/>
  <c r="AD63390" i="1"/>
  <c r="AD63391" i="1"/>
  <c r="AD63392" i="1"/>
  <c r="AD63393" i="1"/>
  <c r="AD63394" i="1"/>
  <c r="AD63395" i="1"/>
  <c r="AD63396" i="1"/>
  <c r="AD63397" i="1"/>
  <c r="AD63398" i="1"/>
  <c r="AD63399" i="1"/>
  <c r="AD63400" i="1"/>
  <c r="AD63401" i="1"/>
  <c r="AD63402" i="1"/>
  <c r="AD63403" i="1"/>
  <c r="AD63404" i="1"/>
  <c r="AD63405" i="1"/>
  <c r="AD63406" i="1"/>
  <c r="AD63407" i="1"/>
  <c r="AD63408" i="1"/>
  <c r="AD63409" i="1"/>
  <c r="AD63410" i="1"/>
  <c r="AD63411" i="1"/>
  <c r="AD63412" i="1"/>
  <c r="AD63413" i="1"/>
  <c r="AD63414" i="1"/>
  <c r="AD63415" i="1"/>
  <c r="AD63416" i="1"/>
  <c r="AD63417" i="1"/>
  <c r="AD63418" i="1"/>
  <c r="AD63419" i="1"/>
  <c r="AD63420" i="1"/>
  <c r="AD63421" i="1"/>
  <c r="AD63422" i="1"/>
  <c r="AD63423" i="1"/>
  <c r="AD63424" i="1"/>
  <c r="AD63425" i="1"/>
  <c r="AD63426" i="1"/>
  <c r="AD63427" i="1"/>
  <c r="AD63428" i="1"/>
  <c r="AD63429" i="1"/>
  <c r="AD63430" i="1"/>
  <c r="AD63431" i="1"/>
  <c r="AD63432" i="1"/>
  <c r="AD63433" i="1"/>
  <c r="AD63434" i="1"/>
  <c r="AD63435" i="1"/>
  <c r="AD63436" i="1"/>
  <c r="AD63437" i="1"/>
  <c r="AD63438" i="1"/>
  <c r="AD63439" i="1"/>
  <c r="AD63440" i="1"/>
  <c r="AD63441" i="1"/>
  <c r="AD63442" i="1"/>
  <c r="AD63443" i="1"/>
  <c r="AD63444" i="1"/>
  <c r="AD63445" i="1"/>
  <c r="AD63446" i="1"/>
  <c r="AD63447" i="1"/>
  <c r="AD63448" i="1"/>
  <c r="AD63449" i="1"/>
  <c r="AD63450" i="1"/>
  <c r="AD63451" i="1"/>
  <c r="AD63452" i="1"/>
  <c r="AD63453" i="1"/>
  <c r="AD63454" i="1"/>
  <c r="AD63455" i="1"/>
  <c r="AD63456" i="1"/>
  <c r="AD63457" i="1"/>
  <c r="AD63458" i="1"/>
  <c r="AD63459" i="1"/>
  <c r="AD63460" i="1"/>
  <c r="AD63461" i="1"/>
  <c r="AD63462" i="1"/>
  <c r="AD63463" i="1"/>
  <c r="AD63464" i="1"/>
  <c r="AD63465" i="1"/>
  <c r="AD63466" i="1"/>
  <c r="AD63467" i="1"/>
  <c r="AD63468" i="1"/>
  <c r="AD63469" i="1"/>
  <c r="AD63470" i="1"/>
  <c r="AD63471" i="1"/>
  <c r="AD63472" i="1"/>
  <c r="AD63473" i="1"/>
  <c r="AD63474" i="1"/>
  <c r="AD63475" i="1"/>
  <c r="AD63476" i="1"/>
  <c r="AD63477" i="1"/>
  <c r="AD63478" i="1"/>
  <c r="AD63479" i="1"/>
  <c r="AD63480" i="1"/>
  <c r="AD63481" i="1"/>
  <c r="AD63482" i="1"/>
  <c r="AD63483" i="1"/>
  <c r="AD63484" i="1"/>
  <c r="AD63485" i="1"/>
  <c r="AD63486" i="1"/>
  <c r="AD63487" i="1"/>
  <c r="AD63488" i="1"/>
  <c r="AD63489" i="1"/>
  <c r="AD63490" i="1"/>
  <c r="AD63491" i="1"/>
  <c r="AD63492" i="1"/>
  <c r="AD63493" i="1"/>
  <c r="AD63494" i="1"/>
  <c r="AD63495" i="1"/>
  <c r="AD63496" i="1"/>
  <c r="AD63497" i="1"/>
  <c r="AD63498" i="1"/>
  <c r="AD63499" i="1"/>
  <c r="AD63500" i="1"/>
  <c r="AD63501" i="1"/>
  <c r="AD63502" i="1"/>
  <c r="AD63503" i="1"/>
  <c r="AD63504" i="1"/>
  <c r="AD63505" i="1"/>
  <c r="AD63506" i="1"/>
  <c r="AD63507" i="1"/>
  <c r="AD63508" i="1"/>
  <c r="AD63509" i="1"/>
  <c r="AD63510" i="1"/>
  <c r="AD63511" i="1"/>
  <c r="AD63512" i="1"/>
  <c r="AD63513" i="1"/>
  <c r="AD63514" i="1"/>
  <c r="AD63515" i="1"/>
  <c r="AD63516" i="1"/>
  <c r="AD63517" i="1"/>
  <c r="AD63518" i="1"/>
  <c r="AD63519" i="1"/>
  <c r="AD63520" i="1"/>
  <c r="AD63521" i="1"/>
  <c r="AD63522" i="1"/>
  <c r="AD63523" i="1"/>
  <c r="AD63524" i="1"/>
  <c r="AD63525" i="1"/>
  <c r="AD63526" i="1"/>
  <c r="AD63527" i="1"/>
  <c r="AD63528" i="1"/>
  <c r="AD63529" i="1"/>
  <c r="AD63530" i="1"/>
  <c r="AD63531" i="1"/>
  <c r="AD63532" i="1"/>
  <c r="AD63533" i="1"/>
  <c r="AD63534" i="1"/>
  <c r="AD63535" i="1"/>
  <c r="AD63536" i="1"/>
  <c r="AD63537" i="1"/>
  <c r="AD63538" i="1"/>
  <c r="AD63539" i="1"/>
  <c r="AD63540" i="1"/>
  <c r="AD63541" i="1"/>
  <c r="AD63542" i="1"/>
  <c r="AD63543" i="1"/>
  <c r="AD63544" i="1"/>
  <c r="AD63545" i="1"/>
  <c r="AD63546" i="1"/>
  <c r="AD63547" i="1"/>
  <c r="AD63548" i="1"/>
  <c r="AD63549" i="1"/>
  <c r="AD63550" i="1"/>
  <c r="AD63551" i="1"/>
  <c r="AD63552" i="1"/>
  <c r="AD63553" i="1"/>
  <c r="AD63554" i="1"/>
  <c r="AD63555" i="1"/>
  <c r="AD63556" i="1"/>
  <c r="AD63557" i="1"/>
  <c r="AD63558" i="1"/>
  <c r="AD63559" i="1"/>
  <c r="AD63560" i="1"/>
  <c r="AD63561" i="1"/>
  <c r="AD63562" i="1"/>
  <c r="AD63563" i="1"/>
  <c r="AD63564" i="1"/>
  <c r="AD63565" i="1"/>
  <c r="AD63566" i="1"/>
  <c r="AD63567" i="1"/>
  <c r="AD63568" i="1"/>
  <c r="AD63569" i="1"/>
  <c r="AD63570" i="1"/>
  <c r="AD63571" i="1"/>
  <c r="AD63572" i="1"/>
  <c r="AD63573" i="1"/>
  <c r="AD63574" i="1"/>
  <c r="AD63575" i="1"/>
  <c r="AD63576" i="1"/>
  <c r="AD63577" i="1"/>
  <c r="AD63578" i="1"/>
  <c r="AD63579" i="1"/>
  <c r="AD63580" i="1"/>
  <c r="AD63581" i="1"/>
  <c r="AD63582" i="1"/>
  <c r="AD63583" i="1"/>
  <c r="AD63584" i="1"/>
  <c r="AD63585" i="1"/>
  <c r="AD63586" i="1"/>
  <c r="AD63587" i="1"/>
  <c r="AD63588" i="1"/>
  <c r="AD63589" i="1"/>
  <c r="AD63590" i="1"/>
  <c r="AD63591" i="1"/>
  <c r="AD63592" i="1"/>
  <c r="AD63593" i="1"/>
  <c r="AD63594" i="1"/>
  <c r="AD63595" i="1"/>
  <c r="AD63596" i="1"/>
  <c r="AD63597" i="1"/>
  <c r="AD63598" i="1"/>
  <c r="AD63599" i="1"/>
  <c r="AD63600" i="1"/>
  <c r="AD63601" i="1"/>
  <c r="AD63602" i="1"/>
  <c r="AD63603" i="1"/>
  <c r="AD63604" i="1"/>
  <c r="AD63605" i="1"/>
  <c r="AD63606" i="1"/>
  <c r="AD63607" i="1"/>
  <c r="AD63608" i="1"/>
  <c r="AD63609" i="1"/>
  <c r="AD63610" i="1"/>
  <c r="AD63611" i="1"/>
  <c r="AD63612" i="1"/>
  <c r="AD63613" i="1"/>
  <c r="AD63614" i="1"/>
  <c r="AD63615" i="1"/>
  <c r="AD63616" i="1"/>
  <c r="AD63617" i="1"/>
  <c r="AD63618" i="1"/>
  <c r="AD63619" i="1"/>
  <c r="AD63620" i="1"/>
  <c r="AD63621" i="1"/>
  <c r="AD63622" i="1"/>
  <c r="AD63623" i="1"/>
  <c r="AD63624" i="1"/>
  <c r="AD63625" i="1"/>
  <c r="AD63626" i="1"/>
  <c r="AD63627" i="1"/>
  <c r="AD63628" i="1"/>
  <c r="AD63629" i="1"/>
  <c r="AD63630" i="1"/>
  <c r="AD63631" i="1"/>
  <c r="AD63632" i="1"/>
  <c r="AD63633" i="1"/>
  <c r="AD63634" i="1"/>
  <c r="AD63635" i="1"/>
  <c r="AD63636" i="1"/>
  <c r="AD63637" i="1"/>
  <c r="AD63638" i="1"/>
  <c r="AD63639" i="1"/>
  <c r="AD63640" i="1"/>
  <c r="AD63641" i="1"/>
  <c r="AD63642" i="1"/>
  <c r="AD63643" i="1"/>
  <c r="AD63644" i="1"/>
  <c r="AD63645" i="1"/>
  <c r="AD63646" i="1"/>
  <c r="AD63647" i="1"/>
  <c r="AD63648" i="1"/>
  <c r="AD63649" i="1"/>
  <c r="AD63650" i="1"/>
  <c r="AD63651" i="1"/>
  <c r="AD63652" i="1"/>
  <c r="AD63653" i="1"/>
  <c r="AD63654" i="1"/>
  <c r="AD63655" i="1"/>
  <c r="AD63656" i="1"/>
  <c r="AD63657" i="1"/>
  <c r="AD63658" i="1"/>
  <c r="AD63659" i="1"/>
  <c r="AD63660" i="1"/>
  <c r="AD63661" i="1"/>
  <c r="AD63662" i="1"/>
  <c r="AD63663" i="1"/>
  <c r="AD63664" i="1"/>
  <c r="AD63665" i="1"/>
  <c r="AD63666" i="1"/>
  <c r="AD63667" i="1"/>
  <c r="AD63668" i="1"/>
  <c r="AD63669" i="1"/>
  <c r="AD63670" i="1"/>
  <c r="AD63671" i="1"/>
  <c r="AD63672" i="1"/>
  <c r="AD63673" i="1"/>
  <c r="AD63674" i="1"/>
  <c r="AD63675" i="1"/>
  <c r="AD63676" i="1"/>
  <c r="AD63677" i="1"/>
  <c r="AD63678" i="1"/>
  <c r="AD63679" i="1"/>
  <c r="AD63680" i="1"/>
  <c r="AD63681" i="1"/>
  <c r="AD63682" i="1"/>
  <c r="AD63683" i="1"/>
  <c r="AD63684" i="1"/>
  <c r="AD63685" i="1"/>
  <c r="AD63686" i="1"/>
  <c r="AD63687" i="1"/>
  <c r="AD63688" i="1"/>
  <c r="AD63689" i="1"/>
  <c r="AD63690" i="1"/>
  <c r="AD63691" i="1"/>
  <c r="AD63692" i="1"/>
  <c r="AD63693" i="1"/>
  <c r="AD63694" i="1"/>
  <c r="AD63695" i="1"/>
  <c r="AD63696" i="1"/>
  <c r="AD63697" i="1"/>
  <c r="AD63698" i="1"/>
  <c r="AD63699" i="1"/>
  <c r="AD63700" i="1"/>
  <c r="AD63701" i="1"/>
  <c r="AD63702" i="1"/>
  <c r="AD63703" i="1"/>
  <c r="AD63704" i="1"/>
  <c r="AD63705" i="1"/>
  <c r="AD63706" i="1"/>
  <c r="AD63707" i="1"/>
  <c r="AD63708" i="1"/>
  <c r="AD63709" i="1"/>
  <c r="AD63710" i="1"/>
  <c r="AD63711" i="1"/>
  <c r="AD63712" i="1"/>
  <c r="AD63713" i="1"/>
  <c r="AD63714" i="1"/>
  <c r="AD63715" i="1"/>
  <c r="AD63716" i="1"/>
  <c r="AD63717" i="1"/>
  <c r="AD63718" i="1"/>
  <c r="AD63719" i="1"/>
  <c r="AD63720" i="1"/>
  <c r="AD63721" i="1"/>
  <c r="AD63722" i="1"/>
  <c r="AD63723" i="1"/>
  <c r="AD63724" i="1"/>
  <c r="AD63725" i="1"/>
  <c r="AD63726" i="1"/>
  <c r="AD63727" i="1"/>
  <c r="AD63728" i="1"/>
  <c r="AD63729" i="1"/>
  <c r="AD63730" i="1"/>
  <c r="AD63731" i="1"/>
  <c r="AD63732" i="1"/>
  <c r="AD63733" i="1"/>
  <c r="AD63734" i="1"/>
  <c r="AD63735" i="1"/>
  <c r="AD63736" i="1"/>
  <c r="AD63737" i="1"/>
  <c r="AD63738" i="1"/>
  <c r="AD63739" i="1"/>
  <c r="AD63740" i="1"/>
  <c r="AD63741" i="1"/>
  <c r="AD63742" i="1"/>
  <c r="AD63743" i="1"/>
  <c r="AD63744" i="1"/>
  <c r="AD63745" i="1"/>
  <c r="AD63746" i="1"/>
  <c r="AD63747" i="1"/>
  <c r="AD63748" i="1"/>
  <c r="AD63749" i="1"/>
  <c r="AD63750" i="1"/>
  <c r="AD63751" i="1"/>
  <c r="AD63752" i="1"/>
  <c r="AD63753" i="1"/>
  <c r="AD63754" i="1"/>
  <c r="AD63755" i="1"/>
  <c r="AD63756" i="1"/>
  <c r="AD63757" i="1"/>
  <c r="AD63758" i="1"/>
  <c r="AD63759" i="1"/>
  <c r="AD63760" i="1"/>
  <c r="AD63761" i="1"/>
  <c r="AD63762" i="1"/>
  <c r="AD63763" i="1"/>
  <c r="AD63764" i="1"/>
  <c r="AD63765" i="1"/>
  <c r="AD63766" i="1"/>
  <c r="AD63767" i="1"/>
  <c r="AD63768" i="1"/>
  <c r="AD63769" i="1"/>
  <c r="AD63770" i="1"/>
  <c r="AD63771" i="1"/>
  <c r="AD63772" i="1"/>
  <c r="AD63773" i="1"/>
  <c r="AD63774" i="1"/>
  <c r="AD63775" i="1"/>
  <c r="AD63776" i="1"/>
  <c r="AD63777" i="1"/>
  <c r="AD63778" i="1"/>
  <c r="AD63779" i="1"/>
  <c r="AD63780" i="1"/>
  <c r="AD63781" i="1"/>
  <c r="AD63782" i="1"/>
  <c r="AD63783" i="1"/>
  <c r="AD63784" i="1"/>
  <c r="AD63785" i="1"/>
  <c r="AD63786" i="1"/>
  <c r="AD63787" i="1"/>
  <c r="AD63788" i="1"/>
  <c r="AD63789" i="1"/>
  <c r="AD63790" i="1"/>
  <c r="AD63791" i="1"/>
  <c r="AD63792" i="1"/>
  <c r="AD63793" i="1"/>
  <c r="AD63794" i="1"/>
  <c r="AD63795" i="1"/>
  <c r="AD63796" i="1"/>
  <c r="AD63797" i="1"/>
  <c r="AD63798" i="1"/>
  <c r="AD63799" i="1"/>
  <c r="AD63800" i="1"/>
  <c r="AD63801" i="1"/>
  <c r="AD63802" i="1"/>
  <c r="AD63803" i="1"/>
  <c r="AD63804" i="1"/>
  <c r="AD63805" i="1"/>
  <c r="AD63806" i="1"/>
  <c r="AD63807" i="1"/>
  <c r="AD63808" i="1"/>
  <c r="AD63809" i="1"/>
  <c r="AD63810" i="1"/>
  <c r="AD63811" i="1"/>
  <c r="AD63812" i="1"/>
  <c r="AD63813" i="1"/>
  <c r="AD63814" i="1"/>
  <c r="AD63815" i="1"/>
  <c r="AD63816" i="1"/>
  <c r="AD63817" i="1"/>
  <c r="AD63818" i="1"/>
  <c r="AD63819" i="1"/>
  <c r="AD63820" i="1"/>
  <c r="AD63821" i="1"/>
  <c r="AD63822" i="1"/>
  <c r="AD63823" i="1"/>
  <c r="AD63824" i="1"/>
  <c r="AD63825" i="1"/>
  <c r="AD63826" i="1"/>
  <c r="AD63827" i="1"/>
  <c r="AD63828" i="1"/>
  <c r="AD63829" i="1"/>
  <c r="AD63830" i="1"/>
  <c r="AD63831" i="1"/>
  <c r="AD63832" i="1"/>
  <c r="AD63833" i="1"/>
  <c r="AD63834" i="1"/>
  <c r="AD63835" i="1"/>
  <c r="AD63836" i="1"/>
  <c r="AD63837" i="1"/>
  <c r="AD63838" i="1"/>
  <c r="AD63839" i="1"/>
  <c r="AD63840" i="1"/>
  <c r="AD63841" i="1"/>
  <c r="AD63842" i="1"/>
  <c r="AD63843" i="1"/>
  <c r="AD63844" i="1"/>
  <c r="AD63845" i="1"/>
  <c r="AD63846" i="1"/>
  <c r="AD63847" i="1"/>
  <c r="AD63848" i="1"/>
  <c r="AD63849" i="1"/>
  <c r="AD63850" i="1"/>
  <c r="AD63851" i="1"/>
  <c r="AD63852" i="1"/>
  <c r="AD63853" i="1"/>
  <c r="AD63854" i="1"/>
  <c r="AD63855" i="1"/>
  <c r="AD63856" i="1"/>
  <c r="AD63857" i="1"/>
  <c r="AD63858" i="1"/>
  <c r="AD63859" i="1"/>
  <c r="AD63860" i="1"/>
  <c r="AD63861" i="1"/>
  <c r="AD63862" i="1"/>
  <c r="AD63863" i="1"/>
  <c r="AD63864" i="1"/>
  <c r="AD63865" i="1"/>
  <c r="AD63866" i="1"/>
  <c r="AD63867" i="1"/>
  <c r="AD63868" i="1"/>
  <c r="AD63869" i="1"/>
  <c r="AD63870" i="1"/>
  <c r="AD63871" i="1"/>
  <c r="AD63872" i="1"/>
  <c r="AD63873" i="1"/>
  <c r="AD63874" i="1"/>
  <c r="AD63875" i="1"/>
  <c r="AD63876" i="1"/>
  <c r="AD63877" i="1"/>
  <c r="AD63878" i="1"/>
  <c r="AD63879" i="1"/>
  <c r="AD63880" i="1"/>
  <c r="AD63881" i="1"/>
  <c r="AD63882" i="1"/>
  <c r="AD63883" i="1"/>
  <c r="AD63884" i="1"/>
  <c r="AD63885" i="1"/>
  <c r="AD63886" i="1"/>
  <c r="AD63887" i="1"/>
  <c r="AD63888" i="1"/>
  <c r="AD63889" i="1"/>
  <c r="AD63890" i="1"/>
  <c r="AD63891" i="1"/>
  <c r="AD63892" i="1"/>
  <c r="AD63893" i="1"/>
  <c r="AD63894" i="1"/>
  <c r="AD63895" i="1"/>
  <c r="AD63896" i="1"/>
  <c r="AD63897" i="1"/>
  <c r="AD63898" i="1"/>
  <c r="AD63899" i="1"/>
  <c r="AD63900" i="1"/>
  <c r="AD63901" i="1"/>
  <c r="AD63902" i="1"/>
  <c r="AD63903" i="1"/>
  <c r="AD63904" i="1"/>
  <c r="AD63905" i="1"/>
  <c r="AD63906" i="1"/>
  <c r="AD63907" i="1"/>
  <c r="AD63908" i="1"/>
  <c r="AD63909" i="1"/>
  <c r="AD63910" i="1"/>
  <c r="AD63911" i="1"/>
  <c r="AD63912" i="1"/>
  <c r="AD63913" i="1"/>
  <c r="AD63914" i="1"/>
  <c r="AD63915" i="1"/>
  <c r="AD63916" i="1"/>
  <c r="AD63917" i="1"/>
  <c r="AD63918" i="1"/>
  <c r="AD63919" i="1"/>
  <c r="AD63920" i="1"/>
  <c r="AD63921" i="1"/>
  <c r="AD63922" i="1"/>
  <c r="AD63923" i="1"/>
  <c r="AD63924" i="1"/>
  <c r="AD63925" i="1"/>
  <c r="AD63926" i="1"/>
  <c r="AD63927" i="1"/>
  <c r="AD63928" i="1"/>
  <c r="AD63929" i="1"/>
  <c r="AD63930" i="1"/>
  <c r="AD63931" i="1"/>
  <c r="AD63932" i="1"/>
  <c r="AD63933" i="1"/>
  <c r="AD63934" i="1"/>
  <c r="AD63935" i="1"/>
  <c r="AD63936" i="1"/>
  <c r="AD63937" i="1"/>
  <c r="AD63938" i="1"/>
  <c r="AD63939" i="1"/>
  <c r="AD63940" i="1"/>
  <c r="AD63941" i="1"/>
  <c r="AD63942" i="1"/>
  <c r="AD63943" i="1"/>
  <c r="AD63944" i="1"/>
  <c r="AD63945" i="1"/>
  <c r="AD63946" i="1"/>
  <c r="AD63947" i="1"/>
  <c r="AD63948" i="1"/>
  <c r="AD63949" i="1"/>
  <c r="AD63950" i="1"/>
  <c r="AD63951" i="1"/>
  <c r="AD63952" i="1"/>
  <c r="AD63953" i="1"/>
  <c r="AD63954" i="1"/>
  <c r="AD63955" i="1"/>
  <c r="AD63956" i="1"/>
  <c r="AD63957" i="1"/>
  <c r="AD63958" i="1"/>
  <c r="AD63959" i="1"/>
  <c r="AD63960" i="1"/>
  <c r="AD63961" i="1"/>
  <c r="AD63962" i="1"/>
  <c r="AD63963" i="1"/>
  <c r="AD63964" i="1"/>
  <c r="AD63965" i="1"/>
  <c r="AD63966" i="1"/>
  <c r="AD63967" i="1"/>
  <c r="AD63968" i="1"/>
  <c r="AD63969" i="1"/>
  <c r="AD63970" i="1"/>
  <c r="AD63971" i="1"/>
  <c r="AD63972" i="1"/>
  <c r="AD63973" i="1"/>
  <c r="AD63974" i="1"/>
  <c r="AD63975" i="1"/>
  <c r="AD63976" i="1"/>
  <c r="AD63977" i="1"/>
  <c r="AD63978" i="1"/>
  <c r="AD63979" i="1"/>
  <c r="AD63980" i="1"/>
  <c r="AD63981" i="1"/>
  <c r="AD63982" i="1"/>
  <c r="AD63983" i="1"/>
  <c r="AD63984" i="1"/>
  <c r="AD63985" i="1"/>
  <c r="AD63986" i="1"/>
  <c r="AD63987" i="1"/>
  <c r="AD63988" i="1"/>
  <c r="AD63989" i="1"/>
  <c r="AD63990" i="1"/>
  <c r="AD63991" i="1"/>
  <c r="AD63992" i="1"/>
  <c r="AD63993" i="1"/>
  <c r="AD63994" i="1"/>
  <c r="AD63995" i="1"/>
  <c r="AD63996" i="1"/>
  <c r="AD63997" i="1"/>
  <c r="AD63998" i="1"/>
  <c r="AD63999" i="1"/>
  <c r="AD64000" i="1"/>
  <c r="AD64001" i="1"/>
  <c r="AD64002" i="1"/>
  <c r="AD64003" i="1"/>
  <c r="AD64004" i="1"/>
  <c r="AD64005" i="1"/>
  <c r="AD64006" i="1"/>
  <c r="AD64007" i="1"/>
  <c r="AD64008" i="1"/>
  <c r="AD64009" i="1"/>
  <c r="AD64010" i="1"/>
  <c r="AD64011" i="1"/>
  <c r="AD64012" i="1"/>
  <c r="AD64013" i="1"/>
  <c r="AD64014" i="1"/>
  <c r="AD64015" i="1"/>
  <c r="AD64016" i="1"/>
  <c r="AD64017" i="1"/>
  <c r="AD64018" i="1"/>
  <c r="AD64019" i="1"/>
  <c r="AD64020" i="1"/>
  <c r="AD64021" i="1"/>
  <c r="AD64022" i="1"/>
  <c r="AD64023" i="1"/>
  <c r="AD64024" i="1"/>
  <c r="AD64025" i="1"/>
  <c r="AD64026" i="1"/>
  <c r="AD64027" i="1"/>
  <c r="AD64028" i="1"/>
  <c r="AD64029" i="1"/>
  <c r="AD64030" i="1"/>
  <c r="AD64031" i="1"/>
  <c r="AD64032" i="1"/>
  <c r="AD64033" i="1"/>
  <c r="AD64034" i="1"/>
  <c r="AD64035" i="1"/>
  <c r="AD64036" i="1"/>
  <c r="AD64037" i="1"/>
  <c r="AD64038" i="1"/>
  <c r="AD64039" i="1"/>
  <c r="AD64040" i="1"/>
  <c r="AD64041" i="1"/>
  <c r="AD64042" i="1"/>
  <c r="AD64043" i="1"/>
  <c r="AD64044" i="1"/>
  <c r="AD64045" i="1"/>
  <c r="AD64046" i="1"/>
  <c r="AD64047" i="1"/>
  <c r="AD64048" i="1"/>
  <c r="AD64049" i="1"/>
  <c r="AD64050" i="1"/>
  <c r="AD64051" i="1"/>
  <c r="AD64052" i="1"/>
  <c r="AD64053" i="1"/>
  <c r="AD64054" i="1"/>
  <c r="AD64055" i="1"/>
  <c r="AD64056" i="1"/>
  <c r="AD64057" i="1"/>
  <c r="AD64058" i="1"/>
  <c r="AD64059" i="1"/>
  <c r="AD64060" i="1"/>
  <c r="AD64061" i="1"/>
  <c r="AD64062" i="1"/>
  <c r="AD64063" i="1"/>
  <c r="AD64064" i="1"/>
  <c r="AD64065" i="1"/>
  <c r="AD64066" i="1"/>
  <c r="AD64067" i="1"/>
  <c r="AD64068" i="1"/>
  <c r="AD64069" i="1"/>
  <c r="AD64070" i="1"/>
  <c r="AD64071" i="1"/>
  <c r="AD64072" i="1"/>
  <c r="AD64073" i="1"/>
  <c r="AD64074" i="1"/>
  <c r="AD64075" i="1"/>
  <c r="AD64076" i="1"/>
  <c r="AD64077" i="1"/>
  <c r="AD64078" i="1"/>
  <c r="AD64079" i="1"/>
  <c r="AD64080" i="1"/>
  <c r="AD64081" i="1"/>
  <c r="AD64082" i="1"/>
  <c r="AD64083" i="1"/>
  <c r="AD64084" i="1"/>
  <c r="AD64085" i="1"/>
  <c r="AD64086" i="1"/>
  <c r="AD64087" i="1"/>
  <c r="AD64088" i="1"/>
  <c r="AD64089" i="1"/>
  <c r="AD64090" i="1"/>
  <c r="AD64091" i="1"/>
  <c r="AD64092" i="1"/>
  <c r="AD64093" i="1"/>
  <c r="AD64094" i="1"/>
  <c r="AD64095" i="1"/>
  <c r="AD64096" i="1"/>
  <c r="AD64097" i="1"/>
  <c r="AD64098" i="1"/>
  <c r="AD64099" i="1"/>
  <c r="AD64100" i="1"/>
  <c r="AD64101" i="1"/>
  <c r="AD64102" i="1"/>
  <c r="AD64103" i="1"/>
  <c r="AD64104" i="1"/>
  <c r="AD64105" i="1"/>
  <c r="AD64106" i="1"/>
  <c r="AD64107" i="1"/>
  <c r="AD64108" i="1"/>
  <c r="AD64109" i="1"/>
  <c r="AD64110" i="1"/>
  <c r="AD64111" i="1"/>
  <c r="AD64112" i="1"/>
  <c r="AD64113" i="1"/>
  <c r="AD64114" i="1"/>
  <c r="AD64115" i="1"/>
  <c r="AD64116" i="1"/>
  <c r="AD64117" i="1"/>
  <c r="AD64118" i="1"/>
  <c r="AD64119" i="1"/>
  <c r="AD64120" i="1"/>
  <c r="AD64121" i="1"/>
  <c r="AD64122" i="1"/>
  <c r="AD64123" i="1"/>
  <c r="AD64124" i="1"/>
  <c r="AD64125" i="1"/>
  <c r="AD64126" i="1"/>
  <c r="AD64127" i="1"/>
  <c r="AD64128" i="1"/>
  <c r="AD64129" i="1"/>
  <c r="AD64130" i="1"/>
  <c r="AD64131" i="1"/>
  <c r="AD64132" i="1"/>
  <c r="AD64133" i="1"/>
  <c r="AD64134" i="1"/>
  <c r="AD64135" i="1"/>
  <c r="AD64136" i="1"/>
  <c r="AD64137" i="1"/>
  <c r="AD64138" i="1"/>
  <c r="AD64139" i="1"/>
  <c r="AD64140" i="1"/>
  <c r="AD64141" i="1"/>
  <c r="AD64142" i="1"/>
  <c r="AD64143" i="1"/>
  <c r="AD64144" i="1"/>
  <c r="AD64145" i="1"/>
  <c r="AD64146" i="1"/>
  <c r="AD64147" i="1"/>
  <c r="AD64148" i="1"/>
  <c r="AD64149" i="1"/>
  <c r="AD64150" i="1"/>
  <c r="AD64151" i="1"/>
  <c r="AD64152" i="1"/>
  <c r="AD64153" i="1"/>
  <c r="AD64154" i="1"/>
  <c r="AD64155" i="1"/>
  <c r="AD64156" i="1"/>
  <c r="AD64157" i="1"/>
  <c r="AD64158" i="1"/>
  <c r="AD64159" i="1"/>
  <c r="AD64160" i="1"/>
  <c r="AD64161" i="1"/>
  <c r="AD64162" i="1"/>
  <c r="AD64163" i="1"/>
  <c r="AD64164" i="1"/>
  <c r="AD64165" i="1"/>
  <c r="AD64166" i="1"/>
  <c r="AD64167" i="1"/>
  <c r="AD64168" i="1"/>
  <c r="AD64169" i="1"/>
  <c r="AD64170" i="1"/>
  <c r="AD64171" i="1"/>
  <c r="AD64172" i="1"/>
  <c r="AD64173" i="1"/>
  <c r="AD64174" i="1"/>
  <c r="AD64175" i="1"/>
  <c r="AD64176" i="1"/>
  <c r="AD64177" i="1"/>
  <c r="AD64178" i="1"/>
  <c r="AD64179" i="1"/>
  <c r="AD64180" i="1"/>
  <c r="AD64181" i="1"/>
  <c r="AD64182" i="1"/>
  <c r="AD64183" i="1"/>
  <c r="AD64184" i="1"/>
  <c r="AD64185" i="1"/>
  <c r="AD64186" i="1"/>
  <c r="AD64187" i="1"/>
  <c r="AD64188" i="1"/>
  <c r="AD64189" i="1"/>
  <c r="AD64190" i="1"/>
  <c r="AD64191" i="1"/>
  <c r="AD64192" i="1"/>
  <c r="AD64193" i="1"/>
  <c r="AD64194" i="1"/>
  <c r="AD64195" i="1"/>
  <c r="AD64196" i="1"/>
  <c r="AD64197" i="1"/>
  <c r="AD64198" i="1"/>
  <c r="AD64199" i="1"/>
  <c r="AD64200" i="1"/>
  <c r="AD64201" i="1"/>
  <c r="AD64202" i="1"/>
  <c r="AD64203" i="1"/>
  <c r="AD64204" i="1"/>
  <c r="AD64205" i="1"/>
  <c r="AD64206" i="1"/>
  <c r="AD64207" i="1"/>
  <c r="AD64208" i="1"/>
  <c r="AD64209" i="1"/>
  <c r="AD64210" i="1"/>
  <c r="AD64211" i="1"/>
  <c r="AD64212" i="1"/>
  <c r="AD64213" i="1"/>
  <c r="AD64214" i="1"/>
  <c r="AD64215" i="1"/>
  <c r="AD64216" i="1"/>
  <c r="AD64217" i="1"/>
  <c r="AD64218" i="1"/>
  <c r="AD64219" i="1"/>
  <c r="AD64220" i="1"/>
  <c r="AD64221" i="1"/>
  <c r="AD64222" i="1"/>
  <c r="AD64223" i="1"/>
  <c r="AD64224" i="1"/>
  <c r="AD64225" i="1"/>
  <c r="AD64226" i="1"/>
  <c r="AD64227" i="1"/>
  <c r="AD64228" i="1"/>
  <c r="AD64229" i="1"/>
  <c r="AD64230" i="1"/>
  <c r="AD64231" i="1"/>
  <c r="AD64232" i="1"/>
  <c r="AD64233" i="1"/>
  <c r="AD64234" i="1"/>
  <c r="AD64235" i="1"/>
  <c r="AD64236" i="1"/>
  <c r="AD64237" i="1"/>
  <c r="AD64238" i="1"/>
  <c r="AD64239" i="1"/>
  <c r="AD64240" i="1"/>
  <c r="AD64241" i="1"/>
  <c r="AD64242" i="1"/>
  <c r="AD64243" i="1"/>
  <c r="AD64244" i="1"/>
  <c r="AD64245" i="1"/>
  <c r="AD64246" i="1"/>
  <c r="AD64247" i="1"/>
  <c r="AD64248" i="1"/>
  <c r="AD64249" i="1"/>
  <c r="AD64250" i="1"/>
  <c r="AD64251" i="1"/>
  <c r="AD64252" i="1"/>
  <c r="AD64253" i="1"/>
  <c r="AD64254" i="1"/>
  <c r="AD64255" i="1"/>
  <c r="AD64256" i="1"/>
  <c r="AD64257" i="1"/>
  <c r="AD64258" i="1"/>
  <c r="AD64259" i="1"/>
  <c r="AD64260" i="1"/>
  <c r="AD64261" i="1"/>
  <c r="AD64262" i="1"/>
  <c r="AD64263" i="1"/>
  <c r="AD64264" i="1"/>
  <c r="AD64265" i="1"/>
  <c r="AD64266" i="1"/>
  <c r="AD64267" i="1"/>
  <c r="AD64268" i="1"/>
  <c r="AD64269" i="1"/>
  <c r="AD64270" i="1"/>
  <c r="AD64271" i="1"/>
  <c r="AD64272" i="1"/>
  <c r="AD64273" i="1"/>
  <c r="AD64274" i="1"/>
  <c r="AD64275" i="1"/>
  <c r="AD64276" i="1"/>
  <c r="AD64277" i="1"/>
  <c r="AD64278" i="1"/>
  <c r="AD64279" i="1"/>
  <c r="AD64280" i="1"/>
  <c r="AD64281" i="1"/>
  <c r="AD64282" i="1"/>
  <c r="AD64283" i="1"/>
  <c r="AD64284" i="1"/>
  <c r="AD64285" i="1"/>
  <c r="AD64286" i="1"/>
  <c r="AD64287" i="1"/>
  <c r="AD64288" i="1"/>
  <c r="AD64289" i="1"/>
  <c r="AD64290" i="1"/>
  <c r="AD64291" i="1"/>
  <c r="AD64292" i="1"/>
  <c r="AD64293" i="1"/>
  <c r="AD64294" i="1"/>
  <c r="AD64295" i="1"/>
  <c r="AD64296" i="1"/>
  <c r="AD64297" i="1"/>
  <c r="AD64298" i="1"/>
  <c r="AD64299" i="1"/>
  <c r="AD64300" i="1"/>
  <c r="AD64301" i="1"/>
  <c r="AD64302" i="1"/>
  <c r="AD64303" i="1"/>
  <c r="AD64304" i="1"/>
  <c r="AD64305" i="1"/>
  <c r="AD64306" i="1"/>
  <c r="AD64307" i="1"/>
  <c r="AD64308" i="1"/>
  <c r="AD64309" i="1"/>
  <c r="AD64310" i="1"/>
  <c r="AD64311" i="1"/>
  <c r="AD64312" i="1"/>
  <c r="AD64313" i="1"/>
  <c r="AD64314" i="1"/>
  <c r="AD64315" i="1"/>
  <c r="AD64316" i="1"/>
  <c r="AD64317" i="1"/>
  <c r="AD64318" i="1"/>
  <c r="AD64319" i="1"/>
  <c r="AD64320" i="1"/>
  <c r="AD64321" i="1"/>
  <c r="AD64322" i="1"/>
  <c r="AD64323" i="1"/>
  <c r="AD64324" i="1"/>
  <c r="AD64325" i="1"/>
  <c r="AD64326" i="1"/>
  <c r="AD64327" i="1"/>
  <c r="AD64328" i="1"/>
  <c r="AD64329" i="1"/>
  <c r="AD64330" i="1"/>
  <c r="AD64331" i="1"/>
  <c r="AD64332" i="1"/>
  <c r="AD64333" i="1"/>
  <c r="AD64334" i="1"/>
  <c r="AD64335" i="1"/>
  <c r="AD64336" i="1"/>
  <c r="AD64337" i="1"/>
  <c r="AD64338" i="1"/>
  <c r="AD64339" i="1"/>
  <c r="AD64340" i="1"/>
  <c r="AD64341" i="1"/>
  <c r="AD64342" i="1"/>
  <c r="AD64343" i="1"/>
  <c r="AD64344" i="1"/>
  <c r="AD64345" i="1"/>
  <c r="AD64346" i="1"/>
  <c r="AD64347" i="1"/>
  <c r="AD64348" i="1"/>
  <c r="AD64349" i="1"/>
  <c r="AD64350" i="1"/>
  <c r="AD64351" i="1"/>
  <c r="AD64352" i="1"/>
  <c r="AD64353" i="1"/>
  <c r="AD64354" i="1"/>
  <c r="AD64355" i="1"/>
  <c r="AD64356" i="1"/>
  <c r="AD64357" i="1"/>
  <c r="AD64358" i="1"/>
  <c r="AD64359" i="1"/>
  <c r="AD64360" i="1"/>
  <c r="AD64361" i="1"/>
  <c r="AD64362" i="1"/>
  <c r="AD64363" i="1"/>
  <c r="AD64364" i="1"/>
  <c r="AD64365" i="1"/>
  <c r="AD64366" i="1"/>
  <c r="AD64367" i="1"/>
  <c r="AD64368" i="1"/>
  <c r="AD64369" i="1"/>
  <c r="AD64370" i="1"/>
  <c r="AD64371" i="1"/>
  <c r="AD64372" i="1"/>
  <c r="AD64373" i="1"/>
  <c r="AD64374" i="1"/>
  <c r="AD64375" i="1"/>
  <c r="AD64376" i="1"/>
  <c r="AD64377" i="1"/>
  <c r="AD64378" i="1"/>
  <c r="AD64379" i="1"/>
  <c r="AD64380" i="1"/>
  <c r="AD64381" i="1"/>
  <c r="AD64382" i="1"/>
  <c r="AD64383" i="1"/>
  <c r="AD64384" i="1"/>
  <c r="AD64385" i="1"/>
  <c r="AD64386" i="1"/>
  <c r="AD64387" i="1"/>
  <c r="AD64388" i="1"/>
  <c r="AD64389" i="1"/>
  <c r="AD64390" i="1"/>
  <c r="AD64391" i="1"/>
  <c r="AD64392" i="1"/>
  <c r="AD64393" i="1"/>
  <c r="AD64394" i="1"/>
  <c r="AD64395" i="1"/>
  <c r="AD64396" i="1"/>
  <c r="AD64397" i="1"/>
  <c r="AD64398" i="1"/>
  <c r="AD64399" i="1"/>
  <c r="AD64400" i="1"/>
  <c r="AD64401" i="1"/>
  <c r="AD64402" i="1"/>
  <c r="AD64403" i="1"/>
  <c r="AD64404" i="1"/>
  <c r="AD64405" i="1"/>
  <c r="AD64406" i="1"/>
  <c r="AD64407" i="1"/>
  <c r="AD64408" i="1"/>
  <c r="AD64409" i="1"/>
  <c r="AD64410" i="1"/>
  <c r="AD64411" i="1"/>
  <c r="AD64412" i="1"/>
  <c r="AD64413" i="1"/>
  <c r="AD64414" i="1"/>
  <c r="AD64415" i="1"/>
  <c r="AD64416" i="1"/>
  <c r="AD64417" i="1"/>
  <c r="AD64418" i="1"/>
  <c r="AD64419" i="1"/>
  <c r="AD64420" i="1"/>
  <c r="AD64421" i="1"/>
  <c r="AD64422" i="1"/>
  <c r="AD64423" i="1"/>
  <c r="AD64424" i="1"/>
  <c r="AD64425" i="1"/>
  <c r="AD64426" i="1"/>
  <c r="AD64427" i="1"/>
  <c r="AD64428" i="1"/>
  <c r="AD64429" i="1"/>
  <c r="AD64430" i="1"/>
  <c r="AD64431" i="1"/>
  <c r="AD64432" i="1"/>
  <c r="AD64433" i="1"/>
  <c r="AD64434" i="1"/>
  <c r="AD64435" i="1"/>
  <c r="AD64436" i="1"/>
  <c r="AD64437" i="1"/>
  <c r="AD64438" i="1"/>
  <c r="AD64439" i="1"/>
  <c r="AD64440" i="1"/>
  <c r="AD64441" i="1"/>
  <c r="AD64442" i="1"/>
  <c r="AD64443" i="1"/>
  <c r="AD64444" i="1"/>
  <c r="AD64445" i="1"/>
  <c r="AD64446" i="1"/>
  <c r="AD64447" i="1"/>
  <c r="AD64448" i="1"/>
  <c r="AD64449" i="1"/>
  <c r="AD64450" i="1"/>
  <c r="AD64451" i="1"/>
  <c r="AD64452" i="1"/>
  <c r="AD64453" i="1"/>
  <c r="AD64454" i="1"/>
  <c r="AD64455" i="1"/>
  <c r="AD64456" i="1"/>
  <c r="AD64457" i="1"/>
  <c r="AD64458" i="1"/>
  <c r="AD64459" i="1"/>
  <c r="AD64460" i="1"/>
  <c r="AD64461" i="1"/>
  <c r="AD64462" i="1"/>
  <c r="AD64463" i="1"/>
  <c r="AD64464" i="1"/>
  <c r="AD64465" i="1"/>
  <c r="AD64466" i="1"/>
  <c r="AD64467" i="1"/>
  <c r="AD64468" i="1"/>
  <c r="AD64469" i="1"/>
  <c r="AD64470" i="1"/>
  <c r="AD64471" i="1"/>
  <c r="AD64472" i="1"/>
  <c r="AD64473" i="1"/>
  <c r="AD64474" i="1"/>
  <c r="AD64475" i="1"/>
  <c r="AD64476" i="1"/>
  <c r="AD64477" i="1"/>
  <c r="AD64478" i="1"/>
  <c r="AD64479" i="1"/>
  <c r="AD64480" i="1"/>
  <c r="AD64481" i="1"/>
  <c r="AD64482" i="1"/>
  <c r="AD64483" i="1"/>
  <c r="AD64484" i="1"/>
  <c r="AD64485" i="1"/>
  <c r="AD64486" i="1"/>
  <c r="AD64487" i="1"/>
  <c r="AD64488" i="1"/>
  <c r="AD64489" i="1"/>
  <c r="AD64490" i="1"/>
  <c r="AD64491" i="1"/>
  <c r="AD64492" i="1"/>
  <c r="AD64493" i="1"/>
  <c r="AD64494" i="1"/>
  <c r="AD64495" i="1"/>
  <c r="AD64496" i="1"/>
  <c r="AD64497" i="1"/>
  <c r="AD64498" i="1"/>
  <c r="AD64499" i="1"/>
  <c r="AD64500" i="1"/>
  <c r="AD64501" i="1"/>
  <c r="AD64502" i="1"/>
  <c r="AD64503" i="1"/>
  <c r="AD64504" i="1"/>
  <c r="AD64505" i="1"/>
  <c r="AD64506" i="1"/>
  <c r="AD64507" i="1"/>
  <c r="AD64508" i="1"/>
  <c r="AD64509" i="1"/>
  <c r="AD64510" i="1"/>
  <c r="AD64511" i="1"/>
  <c r="AD64512" i="1"/>
  <c r="AD64513" i="1"/>
  <c r="AD64514" i="1"/>
  <c r="AD64515" i="1"/>
  <c r="AD64516" i="1"/>
  <c r="AD64517" i="1"/>
  <c r="AD64518" i="1"/>
  <c r="AD64519" i="1"/>
  <c r="AD64520" i="1"/>
  <c r="AD64521" i="1"/>
  <c r="AD64522" i="1"/>
  <c r="AD64523" i="1"/>
  <c r="AD64524" i="1"/>
  <c r="AD64525" i="1"/>
  <c r="AD64526" i="1"/>
  <c r="AD64527" i="1"/>
  <c r="AD64528" i="1"/>
  <c r="AD64529" i="1"/>
  <c r="AD64530" i="1"/>
  <c r="AD64531" i="1"/>
  <c r="AD64532" i="1"/>
  <c r="AD64533" i="1"/>
  <c r="AD64534" i="1"/>
  <c r="AD64535" i="1"/>
  <c r="AD64536" i="1"/>
  <c r="AD64537" i="1"/>
  <c r="AD64538" i="1"/>
  <c r="AD64539" i="1"/>
  <c r="AD64540" i="1"/>
  <c r="AD64541" i="1"/>
  <c r="AD64542" i="1"/>
  <c r="AD64543" i="1"/>
  <c r="AD64544" i="1"/>
  <c r="AD64545" i="1"/>
  <c r="AD64546" i="1"/>
  <c r="AD64547" i="1"/>
  <c r="AD64548" i="1"/>
  <c r="AD64549" i="1"/>
  <c r="AD64550" i="1"/>
  <c r="AD64551" i="1"/>
  <c r="AD64552" i="1"/>
  <c r="AD64553" i="1"/>
  <c r="AD64554" i="1"/>
  <c r="AD64555" i="1"/>
  <c r="AD64556" i="1"/>
  <c r="AD64557" i="1"/>
  <c r="AD64558" i="1"/>
  <c r="AD64559" i="1"/>
  <c r="AD64560" i="1"/>
  <c r="AD64561" i="1"/>
  <c r="AD64562" i="1"/>
  <c r="AD64563" i="1"/>
  <c r="AD64564" i="1"/>
  <c r="AD64565" i="1"/>
  <c r="AD64566" i="1"/>
  <c r="AD64567" i="1"/>
  <c r="AD64568" i="1"/>
  <c r="AD64569" i="1"/>
  <c r="AD64570" i="1"/>
  <c r="AD64571" i="1"/>
  <c r="AD64572" i="1"/>
  <c r="AD64573" i="1"/>
  <c r="AD64574" i="1"/>
  <c r="AD64575" i="1"/>
  <c r="AD64576" i="1"/>
  <c r="AD64577" i="1"/>
  <c r="AD64578" i="1"/>
  <c r="AD64579" i="1"/>
  <c r="AD64580" i="1"/>
  <c r="AD64581" i="1"/>
  <c r="AD64582" i="1"/>
  <c r="AD64583" i="1"/>
  <c r="AD64584" i="1"/>
  <c r="AD64585" i="1"/>
  <c r="AD64586" i="1"/>
  <c r="AD64587" i="1"/>
  <c r="AD64588" i="1"/>
  <c r="AD64589" i="1"/>
  <c r="AD64590" i="1"/>
  <c r="AD64591" i="1"/>
  <c r="AD64592" i="1"/>
  <c r="AD64593" i="1"/>
  <c r="AD64594" i="1"/>
  <c r="AD64595" i="1"/>
  <c r="AD64596" i="1"/>
  <c r="AD64597" i="1"/>
  <c r="AD64598" i="1"/>
  <c r="AD64599" i="1"/>
  <c r="AD64600" i="1"/>
  <c r="AD64601" i="1"/>
  <c r="AD64602" i="1"/>
  <c r="AD64603" i="1"/>
  <c r="AD64604" i="1"/>
  <c r="AD64605" i="1"/>
  <c r="AD64606" i="1"/>
  <c r="AD64607" i="1"/>
  <c r="AD64608" i="1"/>
  <c r="AD64609" i="1"/>
  <c r="AD64610" i="1"/>
  <c r="AD64611" i="1"/>
  <c r="AD64612" i="1"/>
  <c r="AD64613" i="1"/>
  <c r="AD64614" i="1"/>
  <c r="AD64615" i="1"/>
  <c r="AD64616" i="1"/>
  <c r="AD64617" i="1"/>
  <c r="AD64618" i="1"/>
  <c r="AD64619" i="1"/>
  <c r="AD64620" i="1"/>
  <c r="AD64621" i="1"/>
  <c r="AD64622" i="1"/>
  <c r="AD64623" i="1"/>
  <c r="AD64624" i="1"/>
  <c r="AD64625" i="1"/>
  <c r="AD64626" i="1"/>
  <c r="AD64627" i="1"/>
  <c r="AD64628" i="1"/>
  <c r="AD64629" i="1"/>
  <c r="AD64630" i="1"/>
  <c r="AD64631" i="1"/>
  <c r="AD64632" i="1"/>
  <c r="AD64633" i="1"/>
  <c r="AD64634" i="1"/>
  <c r="AD64635" i="1"/>
  <c r="AD64636" i="1"/>
  <c r="AD64637" i="1"/>
  <c r="AD64638" i="1"/>
  <c r="AD64639" i="1"/>
  <c r="AD64640" i="1"/>
  <c r="AD64641" i="1"/>
  <c r="AD64642" i="1"/>
  <c r="AD64643" i="1"/>
  <c r="AD64644" i="1"/>
  <c r="AD64645" i="1"/>
  <c r="AD64646" i="1"/>
  <c r="AD64647" i="1"/>
  <c r="AD64648" i="1"/>
  <c r="AD64649" i="1"/>
  <c r="AD64650" i="1"/>
  <c r="AD64651" i="1"/>
  <c r="AD64652" i="1"/>
  <c r="AD64653" i="1"/>
  <c r="AD64654" i="1"/>
  <c r="AD64655" i="1"/>
  <c r="AD64656" i="1"/>
  <c r="AD64657" i="1"/>
  <c r="AD64658" i="1"/>
  <c r="AD64659" i="1"/>
  <c r="AD64660" i="1"/>
  <c r="AD64661" i="1"/>
  <c r="AD64662" i="1"/>
  <c r="AD64663" i="1"/>
  <c r="AD64664" i="1"/>
  <c r="AD64665" i="1"/>
  <c r="AD64666" i="1"/>
  <c r="AD64667" i="1"/>
  <c r="AD64668" i="1"/>
  <c r="AD64669" i="1"/>
  <c r="AD64670" i="1"/>
  <c r="AD64671" i="1"/>
  <c r="AD64672" i="1"/>
  <c r="AD64673" i="1"/>
  <c r="AD64674" i="1"/>
  <c r="AD64675" i="1"/>
  <c r="AD64676" i="1"/>
  <c r="AD64677" i="1"/>
  <c r="AD64678" i="1"/>
  <c r="AD64679" i="1"/>
  <c r="AD64680" i="1"/>
  <c r="AD64681" i="1"/>
  <c r="AD64682" i="1"/>
  <c r="AD64683" i="1"/>
  <c r="AD64684" i="1"/>
  <c r="AD64685" i="1"/>
  <c r="AD64686" i="1"/>
  <c r="AD64687" i="1"/>
  <c r="AD64688" i="1"/>
  <c r="AD64689" i="1"/>
  <c r="AD64690" i="1"/>
  <c r="AD64691" i="1"/>
  <c r="AD64692" i="1"/>
  <c r="AD64693" i="1"/>
  <c r="AD64694" i="1"/>
  <c r="AD64695" i="1"/>
  <c r="AD64696" i="1"/>
  <c r="AD64697" i="1"/>
  <c r="AD64698" i="1"/>
  <c r="AD64699" i="1"/>
  <c r="AD64700" i="1"/>
  <c r="AD64701" i="1"/>
  <c r="AD64702" i="1"/>
  <c r="AD64703" i="1"/>
  <c r="AD64704" i="1"/>
  <c r="AD64705" i="1"/>
  <c r="AD64706" i="1"/>
  <c r="AD64707" i="1"/>
  <c r="AD64708" i="1"/>
  <c r="AD64709" i="1"/>
  <c r="AD64710" i="1"/>
  <c r="AD64711" i="1"/>
  <c r="AD64712" i="1"/>
  <c r="AD64713" i="1"/>
  <c r="AD64714" i="1"/>
  <c r="AD64715" i="1"/>
  <c r="AD64716" i="1"/>
  <c r="AD64717" i="1"/>
  <c r="AD64718" i="1"/>
  <c r="AD64719" i="1"/>
  <c r="AD64720" i="1"/>
  <c r="AD64721" i="1"/>
  <c r="AD64722" i="1"/>
  <c r="AD64723" i="1"/>
  <c r="AD64724" i="1"/>
  <c r="AD64725" i="1"/>
  <c r="AD64726" i="1"/>
  <c r="AD64727" i="1"/>
  <c r="AD64728" i="1"/>
  <c r="AD64729" i="1"/>
  <c r="AD64730" i="1"/>
  <c r="AD64731" i="1"/>
  <c r="AD64732" i="1"/>
  <c r="AD64733" i="1"/>
  <c r="AD64734" i="1"/>
  <c r="AD64735" i="1"/>
  <c r="AD64736" i="1"/>
  <c r="AD64737" i="1"/>
  <c r="AD64738" i="1"/>
  <c r="AD64739" i="1"/>
  <c r="AD64740" i="1"/>
  <c r="AD64741" i="1"/>
  <c r="AD64742" i="1"/>
  <c r="AD64743" i="1"/>
  <c r="AD64744" i="1"/>
  <c r="AD64745" i="1"/>
  <c r="AD64746" i="1"/>
  <c r="AD64747" i="1"/>
  <c r="AD64748" i="1"/>
  <c r="AD64749" i="1"/>
  <c r="AD64750" i="1"/>
  <c r="AD64751" i="1"/>
  <c r="AD64752" i="1"/>
  <c r="AD64753" i="1"/>
  <c r="AD64754" i="1"/>
  <c r="AD64755" i="1"/>
  <c r="AD64756" i="1"/>
  <c r="AD64757" i="1"/>
  <c r="AD64758" i="1"/>
  <c r="AD64759" i="1"/>
  <c r="AD64760" i="1"/>
  <c r="AD64761" i="1"/>
  <c r="AD64762" i="1"/>
  <c r="AD64763" i="1"/>
  <c r="AD64764" i="1"/>
  <c r="AD64765" i="1"/>
  <c r="AD64766" i="1"/>
  <c r="AD64767" i="1"/>
  <c r="AD64768" i="1"/>
  <c r="AD64769" i="1"/>
  <c r="AD64770" i="1"/>
  <c r="AD64771" i="1"/>
  <c r="AD64772" i="1"/>
  <c r="AD64773" i="1"/>
  <c r="AD64774" i="1"/>
  <c r="AD64775" i="1"/>
  <c r="AD64776" i="1"/>
  <c r="AD64777" i="1"/>
  <c r="AD64778" i="1"/>
  <c r="AD64779" i="1"/>
  <c r="AD64780" i="1"/>
  <c r="AD64781" i="1"/>
  <c r="AD64782" i="1"/>
  <c r="AD64783" i="1"/>
  <c r="AD64784" i="1"/>
  <c r="AD64785" i="1"/>
  <c r="AD64786" i="1"/>
  <c r="AD64787" i="1"/>
  <c r="AD64788" i="1"/>
  <c r="AD64789" i="1"/>
  <c r="AD64790" i="1"/>
  <c r="AD64791" i="1"/>
  <c r="AD64792" i="1"/>
  <c r="AD64793" i="1"/>
  <c r="AD64794" i="1"/>
  <c r="AD64795" i="1"/>
  <c r="AD64796" i="1"/>
  <c r="AD64797" i="1"/>
  <c r="AD64798" i="1"/>
  <c r="AD64799" i="1"/>
  <c r="AD64800" i="1"/>
  <c r="AD64801" i="1"/>
  <c r="AD64802" i="1"/>
  <c r="AD64803" i="1"/>
  <c r="AD64804" i="1"/>
  <c r="AD64805" i="1"/>
  <c r="AD64806" i="1"/>
  <c r="AD64807" i="1"/>
  <c r="AD64808" i="1"/>
  <c r="AD64809" i="1"/>
  <c r="AD64810" i="1"/>
  <c r="AD64811" i="1"/>
  <c r="AD64812" i="1"/>
  <c r="AD64813" i="1"/>
  <c r="AD64814" i="1"/>
  <c r="AD64815" i="1"/>
  <c r="AD64816" i="1"/>
  <c r="AD64817" i="1"/>
  <c r="AD64818" i="1"/>
  <c r="AD64819" i="1"/>
  <c r="AD64820" i="1"/>
  <c r="AD64821" i="1"/>
  <c r="AD64822" i="1"/>
  <c r="AD64823" i="1"/>
  <c r="AD64824" i="1"/>
  <c r="AD64825" i="1"/>
  <c r="AD64826" i="1"/>
  <c r="AD64827" i="1"/>
  <c r="AD64828" i="1"/>
  <c r="AD64829" i="1"/>
  <c r="AD64830" i="1"/>
  <c r="AD64831" i="1"/>
  <c r="AD64832" i="1"/>
  <c r="AD64833" i="1"/>
  <c r="AD64834" i="1"/>
  <c r="AD64835" i="1"/>
  <c r="AD64836" i="1"/>
  <c r="AD64837" i="1"/>
  <c r="AD64838" i="1"/>
  <c r="AD64839" i="1"/>
  <c r="AD64840" i="1"/>
  <c r="AD64841" i="1"/>
  <c r="AD64842" i="1"/>
  <c r="AD64843" i="1"/>
  <c r="AD64844" i="1"/>
  <c r="AD64845" i="1"/>
  <c r="AD64846" i="1"/>
  <c r="AD64847" i="1"/>
  <c r="AD64848" i="1"/>
  <c r="AD64849" i="1"/>
  <c r="AD64850" i="1"/>
  <c r="AD64851" i="1"/>
  <c r="AD64852" i="1"/>
  <c r="AD64853" i="1"/>
  <c r="AD64854" i="1"/>
  <c r="AD64855" i="1"/>
  <c r="AD64856" i="1"/>
  <c r="AD64857" i="1"/>
  <c r="AD64858" i="1"/>
  <c r="AD64859" i="1"/>
  <c r="AD64860" i="1"/>
  <c r="AD64861" i="1"/>
  <c r="AD64862" i="1"/>
  <c r="AD64863" i="1"/>
  <c r="AD64864" i="1"/>
  <c r="AD64865" i="1"/>
  <c r="AD64866" i="1"/>
  <c r="AD64867" i="1"/>
  <c r="AD64868" i="1"/>
  <c r="AD64869" i="1"/>
  <c r="AD64870" i="1"/>
  <c r="AD64871" i="1"/>
  <c r="AD64872" i="1"/>
  <c r="AD64873" i="1"/>
  <c r="AD64874" i="1"/>
  <c r="AD64875" i="1"/>
  <c r="AD64876" i="1"/>
  <c r="AD64877" i="1"/>
  <c r="AD64878" i="1"/>
  <c r="AD64879" i="1"/>
  <c r="AD64880" i="1"/>
  <c r="AD64881" i="1"/>
  <c r="AD64882" i="1"/>
  <c r="AD64883" i="1"/>
  <c r="AD64884" i="1"/>
  <c r="AD64885" i="1"/>
  <c r="AD64886" i="1"/>
  <c r="AD64887" i="1"/>
  <c r="AD64888" i="1"/>
  <c r="AD64889" i="1"/>
  <c r="AD64890" i="1"/>
  <c r="AD64891" i="1"/>
  <c r="AD64892" i="1"/>
  <c r="AD64893" i="1"/>
  <c r="AD64894" i="1"/>
  <c r="AD64895" i="1"/>
  <c r="AD64896" i="1"/>
  <c r="AD64897" i="1"/>
  <c r="AD64898" i="1"/>
  <c r="AD64899" i="1"/>
  <c r="AD64900" i="1"/>
  <c r="AD64901" i="1"/>
  <c r="AD64902" i="1"/>
  <c r="AD64903" i="1"/>
  <c r="AD64904" i="1"/>
  <c r="AD64905" i="1"/>
  <c r="AD64906" i="1"/>
  <c r="AD64907" i="1"/>
  <c r="AD64908" i="1"/>
  <c r="AD64909" i="1"/>
  <c r="AD64910" i="1"/>
  <c r="AD64911" i="1"/>
  <c r="AD64912" i="1"/>
  <c r="AD64913" i="1"/>
  <c r="AD64914" i="1"/>
  <c r="AD64915" i="1"/>
  <c r="AD64916" i="1"/>
  <c r="AD64917" i="1"/>
  <c r="AD64918" i="1"/>
  <c r="AD64919" i="1"/>
  <c r="AD64920" i="1"/>
  <c r="AD64921" i="1"/>
  <c r="AD64922" i="1"/>
  <c r="AD64923" i="1"/>
  <c r="AD64924" i="1"/>
  <c r="AD64925" i="1"/>
  <c r="AD64926" i="1"/>
  <c r="AD64927" i="1"/>
  <c r="AD64928" i="1"/>
  <c r="AD64929" i="1"/>
  <c r="AD64930" i="1"/>
  <c r="AD64931" i="1"/>
  <c r="AD64932" i="1"/>
  <c r="AD64933" i="1"/>
  <c r="AD64934" i="1"/>
  <c r="AD64935" i="1"/>
  <c r="AD64936" i="1"/>
  <c r="AD64937" i="1"/>
  <c r="AD64938" i="1"/>
  <c r="AD64939" i="1"/>
  <c r="AD64940" i="1"/>
  <c r="AD64941" i="1"/>
  <c r="AD64942" i="1"/>
  <c r="AD64943" i="1"/>
  <c r="AD64944" i="1"/>
  <c r="AD64945" i="1"/>
  <c r="AD64946" i="1"/>
  <c r="AD64947" i="1"/>
  <c r="AD64948" i="1"/>
  <c r="AD64949" i="1"/>
  <c r="AD64950" i="1"/>
  <c r="AD64951" i="1"/>
  <c r="AD64952" i="1"/>
  <c r="AD64953" i="1"/>
  <c r="AD64954" i="1"/>
  <c r="AD64955" i="1"/>
  <c r="AD64956" i="1"/>
  <c r="AD64957" i="1"/>
  <c r="AD64958" i="1"/>
  <c r="AD64959" i="1"/>
  <c r="AD64960" i="1"/>
  <c r="AD64961" i="1"/>
  <c r="AD64962" i="1"/>
  <c r="AD64963" i="1"/>
  <c r="AD64964" i="1"/>
  <c r="AD64965" i="1"/>
  <c r="AD64966" i="1"/>
  <c r="AD64967" i="1"/>
  <c r="AD64968" i="1"/>
  <c r="AD64969" i="1"/>
  <c r="AD64970" i="1"/>
  <c r="AD64971" i="1"/>
  <c r="AD64972" i="1"/>
  <c r="AD64973" i="1"/>
  <c r="AD64974" i="1"/>
  <c r="AD64975" i="1"/>
  <c r="AD64976" i="1"/>
  <c r="AD64977" i="1"/>
  <c r="AD64978" i="1"/>
  <c r="AD64979" i="1"/>
  <c r="AD64980" i="1"/>
  <c r="AD64981" i="1"/>
  <c r="AD64982" i="1"/>
  <c r="AD64983" i="1"/>
  <c r="AD64984" i="1"/>
  <c r="AD64985" i="1"/>
  <c r="AD64986" i="1"/>
  <c r="AD64987" i="1"/>
  <c r="AD64988" i="1"/>
  <c r="AD64989" i="1"/>
  <c r="AD64990" i="1"/>
  <c r="AD64991" i="1"/>
  <c r="AD64992" i="1"/>
  <c r="AD64993" i="1"/>
  <c r="AD64994" i="1"/>
  <c r="AD64995" i="1"/>
  <c r="AD64996" i="1"/>
  <c r="AD64997" i="1"/>
  <c r="AD64998" i="1"/>
  <c r="AD64999" i="1"/>
  <c r="AD65000" i="1"/>
  <c r="AD65001" i="1"/>
  <c r="AD65002" i="1"/>
  <c r="AD65003" i="1"/>
  <c r="AD65004" i="1"/>
  <c r="AD65005" i="1"/>
  <c r="AD65006" i="1"/>
  <c r="AD65007" i="1"/>
  <c r="AD65008" i="1"/>
  <c r="AD65009" i="1"/>
  <c r="AD65010" i="1"/>
  <c r="AD65011" i="1"/>
  <c r="AD65012" i="1"/>
  <c r="AD65013" i="1"/>
  <c r="AD65014" i="1"/>
  <c r="AD65015" i="1"/>
  <c r="AD65016" i="1"/>
  <c r="AD65017" i="1"/>
  <c r="AD65018" i="1"/>
  <c r="AD65019" i="1"/>
  <c r="AD65020" i="1"/>
  <c r="AD65021" i="1"/>
  <c r="AD65022" i="1"/>
  <c r="AD65023" i="1"/>
  <c r="AD65024" i="1"/>
  <c r="AD65025" i="1"/>
  <c r="AD65026" i="1"/>
  <c r="AD65027" i="1"/>
  <c r="AD65028" i="1"/>
  <c r="AD65029" i="1"/>
  <c r="AD65030" i="1"/>
  <c r="AD65031" i="1"/>
  <c r="AD65032" i="1"/>
  <c r="AD65033" i="1"/>
  <c r="AD65034" i="1"/>
  <c r="AD65035" i="1"/>
  <c r="AD65036" i="1"/>
  <c r="AD65037" i="1"/>
  <c r="AD65038" i="1"/>
  <c r="AD65039" i="1"/>
  <c r="AD65040" i="1"/>
  <c r="AD65041" i="1"/>
  <c r="AD65042" i="1"/>
  <c r="AD65043" i="1"/>
  <c r="AD65044" i="1"/>
  <c r="AD65045" i="1"/>
  <c r="AD65046" i="1"/>
  <c r="AD65047" i="1"/>
  <c r="AD65048" i="1"/>
  <c r="AD65049" i="1"/>
  <c r="AD65050" i="1"/>
  <c r="AD65051" i="1"/>
  <c r="AD65052" i="1"/>
  <c r="AD65053" i="1"/>
  <c r="AD65054" i="1"/>
  <c r="AD65055" i="1"/>
  <c r="AD65056" i="1"/>
  <c r="AD65057" i="1"/>
  <c r="AD65058" i="1"/>
  <c r="AD65059" i="1"/>
  <c r="AD65060" i="1"/>
  <c r="AD65061" i="1"/>
  <c r="AD65062" i="1"/>
  <c r="AD65063" i="1"/>
  <c r="AD65064" i="1"/>
  <c r="AD65065" i="1"/>
  <c r="AD65066" i="1"/>
  <c r="AD65067" i="1"/>
  <c r="AD65068" i="1"/>
  <c r="AD65069" i="1"/>
  <c r="AD65070" i="1"/>
  <c r="AD65071" i="1"/>
  <c r="AD65072" i="1"/>
  <c r="AD65073" i="1"/>
  <c r="AD65074" i="1"/>
  <c r="AD65075" i="1"/>
  <c r="AD65076" i="1"/>
  <c r="AD65077" i="1"/>
  <c r="AD65078" i="1"/>
  <c r="AD65079" i="1"/>
  <c r="AD65080" i="1"/>
  <c r="AD65081" i="1"/>
  <c r="AD65082" i="1"/>
  <c r="AD65083" i="1"/>
  <c r="AD65084" i="1"/>
  <c r="AD65085" i="1"/>
  <c r="AD65086" i="1"/>
  <c r="AD65087" i="1"/>
  <c r="AD65088" i="1"/>
  <c r="AD65089" i="1"/>
  <c r="AD65090" i="1"/>
  <c r="AD65091" i="1"/>
  <c r="AD65092" i="1"/>
  <c r="AD65093" i="1"/>
  <c r="AD65094" i="1"/>
  <c r="AD65095" i="1"/>
  <c r="AD65096" i="1"/>
  <c r="AD65097" i="1"/>
  <c r="AD65098" i="1"/>
  <c r="AD65099" i="1"/>
  <c r="AD65100" i="1"/>
  <c r="AD65101" i="1"/>
  <c r="AD65102" i="1"/>
  <c r="AD65103" i="1"/>
  <c r="AD65104" i="1"/>
  <c r="AD65105" i="1"/>
  <c r="AD65106" i="1"/>
  <c r="AD65107" i="1"/>
  <c r="AD65108" i="1"/>
  <c r="AD65109" i="1"/>
  <c r="AD65110" i="1"/>
  <c r="AD65111" i="1"/>
  <c r="AD65112" i="1"/>
  <c r="AD65113" i="1"/>
  <c r="AD65114" i="1"/>
  <c r="AD65115" i="1"/>
  <c r="AD65116" i="1"/>
  <c r="AD65117" i="1"/>
  <c r="AD65118" i="1"/>
  <c r="AD65119" i="1"/>
  <c r="AD65120" i="1"/>
  <c r="AD65121" i="1"/>
  <c r="AD65122" i="1"/>
  <c r="AD65123" i="1"/>
  <c r="AD65124" i="1"/>
  <c r="AD65125" i="1"/>
  <c r="AD65126" i="1"/>
  <c r="AD65127" i="1"/>
  <c r="AD65128" i="1"/>
  <c r="AD65129" i="1"/>
  <c r="AD65130" i="1"/>
  <c r="AD65131" i="1"/>
  <c r="AD65132" i="1"/>
  <c r="AD65133" i="1"/>
  <c r="AD65134" i="1"/>
  <c r="AD65135" i="1"/>
  <c r="AD65136" i="1"/>
  <c r="AD65137" i="1"/>
  <c r="AD65138" i="1"/>
  <c r="AD65139" i="1"/>
  <c r="AD65140" i="1"/>
  <c r="AD65141" i="1"/>
  <c r="AD65142" i="1"/>
  <c r="AD65143" i="1"/>
  <c r="AD65144" i="1"/>
  <c r="AD65145" i="1"/>
  <c r="AD65146" i="1"/>
  <c r="AD65147" i="1"/>
  <c r="AD65148" i="1"/>
  <c r="AD65149" i="1"/>
  <c r="AD65150" i="1"/>
  <c r="AD65151" i="1"/>
  <c r="AD65152" i="1"/>
  <c r="AD65153" i="1"/>
  <c r="AD65154" i="1"/>
  <c r="AD65155" i="1"/>
  <c r="AD65156" i="1"/>
  <c r="AD65157" i="1"/>
  <c r="AD65158" i="1"/>
  <c r="AD65159" i="1"/>
  <c r="AD65160" i="1"/>
  <c r="AD65161" i="1"/>
  <c r="AD65162" i="1"/>
  <c r="AD65163" i="1"/>
  <c r="AD65164" i="1"/>
  <c r="AD65165" i="1"/>
  <c r="AD65166" i="1"/>
  <c r="AD65167" i="1"/>
  <c r="AD65168" i="1"/>
  <c r="AD65169" i="1"/>
  <c r="AD65170" i="1"/>
  <c r="AD65171" i="1"/>
  <c r="AD65172" i="1"/>
  <c r="AD65173" i="1"/>
  <c r="AD65174" i="1"/>
  <c r="AD65175" i="1"/>
  <c r="AD65176" i="1"/>
  <c r="AD65177" i="1"/>
  <c r="AD65178" i="1"/>
  <c r="AD65179" i="1"/>
  <c r="AD65180" i="1"/>
  <c r="AD65181" i="1"/>
  <c r="AD65182" i="1"/>
  <c r="AD65183" i="1"/>
  <c r="AD65184" i="1"/>
  <c r="AD65185" i="1"/>
  <c r="AD65186" i="1"/>
  <c r="AD65187" i="1"/>
  <c r="AD65188" i="1"/>
  <c r="AD65189" i="1"/>
  <c r="AD65190" i="1"/>
  <c r="AD65191" i="1"/>
  <c r="AD65192" i="1"/>
  <c r="AD65193" i="1"/>
  <c r="AD65194" i="1"/>
  <c r="AD65195" i="1"/>
  <c r="AD65196" i="1"/>
  <c r="AD65197" i="1"/>
  <c r="AD65198" i="1"/>
  <c r="AD65199" i="1"/>
  <c r="AD65200" i="1"/>
  <c r="AD65201" i="1"/>
  <c r="AD65202" i="1"/>
  <c r="AD65203" i="1"/>
  <c r="AD65204" i="1"/>
  <c r="AD65205" i="1"/>
  <c r="AD65206" i="1"/>
  <c r="AD65207" i="1"/>
  <c r="AD65208" i="1"/>
  <c r="AD65209" i="1"/>
  <c r="AD65210" i="1"/>
  <c r="AD65211" i="1"/>
  <c r="AD65212" i="1"/>
  <c r="AD65213" i="1"/>
  <c r="AD65214" i="1"/>
  <c r="AD65215" i="1"/>
  <c r="AD65216" i="1"/>
  <c r="AD65217" i="1"/>
  <c r="AD65218" i="1"/>
  <c r="AD65219" i="1"/>
  <c r="AD65220" i="1"/>
  <c r="AD65221" i="1"/>
  <c r="AD65222" i="1"/>
  <c r="AD65223" i="1"/>
  <c r="AD65224" i="1"/>
  <c r="AD65225" i="1"/>
  <c r="AD65226" i="1"/>
  <c r="AD65227" i="1"/>
  <c r="AD65228" i="1"/>
  <c r="AD65229" i="1"/>
  <c r="AD65230" i="1"/>
  <c r="AD65231" i="1"/>
  <c r="AD65232" i="1"/>
  <c r="AD65233" i="1"/>
  <c r="AD65234" i="1"/>
  <c r="AD65235" i="1"/>
  <c r="AD65236" i="1"/>
  <c r="AD65237" i="1"/>
  <c r="AD65238" i="1"/>
  <c r="AD65239" i="1"/>
  <c r="AD65240" i="1"/>
  <c r="AD65241" i="1"/>
  <c r="AD65242" i="1"/>
  <c r="AD65243" i="1"/>
  <c r="AD65244" i="1"/>
  <c r="AD65245" i="1"/>
  <c r="AD65246" i="1"/>
  <c r="AD65247" i="1"/>
  <c r="AD65248" i="1"/>
  <c r="AD65249" i="1"/>
  <c r="AD65250" i="1"/>
  <c r="AD65251" i="1"/>
  <c r="AD65252" i="1"/>
  <c r="AD65253" i="1"/>
  <c r="AD65254" i="1"/>
  <c r="AD65255" i="1"/>
  <c r="AD65256" i="1"/>
  <c r="AD65257" i="1"/>
  <c r="AD65258" i="1"/>
  <c r="AD65259" i="1"/>
  <c r="AD65260" i="1"/>
  <c r="AD65261" i="1"/>
  <c r="AD65262" i="1"/>
  <c r="AD65263" i="1"/>
  <c r="AD65264" i="1"/>
  <c r="AD65265" i="1"/>
  <c r="AD65266" i="1"/>
  <c r="AD65267" i="1"/>
  <c r="AD65268" i="1"/>
  <c r="AD65269" i="1"/>
  <c r="AD65270" i="1"/>
  <c r="AD65271" i="1"/>
  <c r="AD65272" i="1"/>
  <c r="AD65273" i="1"/>
  <c r="AD65274" i="1"/>
  <c r="AD65275" i="1"/>
  <c r="AD65276" i="1"/>
  <c r="AD65277" i="1"/>
  <c r="AD65278" i="1"/>
  <c r="AD65279" i="1"/>
  <c r="AD65280" i="1"/>
  <c r="AD65281" i="1"/>
  <c r="AD65282" i="1"/>
  <c r="AD65283" i="1"/>
  <c r="AD65284" i="1"/>
  <c r="AD65285" i="1"/>
  <c r="AD65286" i="1"/>
  <c r="AD65287" i="1"/>
  <c r="AD65288" i="1"/>
  <c r="AD65289" i="1"/>
  <c r="AD65290" i="1"/>
  <c r="AD65291" i="1"/>
  <c r="AD65292" i="1"/>
  <c r="AD65293" i="1"/>
  <c r="AD65294" i="1"/>
  <c r="AD65295" i="1"/>
  <c r="AD65296" i="1"/>
  <c r="AD65297" i="1"/>
  <c r="AD65298" i="1"/>
  <c r="AD65299" i="1"/>
  <c r="AD65300" i="1"/>
  <c r="AD65301" i="1"/>
  <c r="AD65302" i="1"/>
  <c r="AD65303" i="1"/>
  <c r="AD65304" i="1"/>
  <c r="AD65305" i="1"/>
  <c r="AD65306" i="1"/>
  <c r="AD65307" i="1"/>
  <c r="AD65308" i="1"/>
  <c r="AD65309" i="1"/>
  <c r="AD65310" i="1"/>
  <c r="AD65311" i="1"/>
  <c r="AD65312" i="1"/>
  <c r="AD65313" i="1"/>
  <c r="AD65314" i="1"/>
  <c r="AD65315" i="1"/>
  <c r="AD65316" i="1"/>
  <c r="AD65317" i="1"/>
  <c r="AD65318" i="1"/>
  <c r="AD65319" i="1"/>
  <c r="AD65320" i="1"/>
  <c r="AD65321" i="1"/>
  <c r="AD65322" i="1"/>
  <c r="AD65323" i="1"/>
  <c r="AD65324" i="1"/>
  <c r="AD65325" i="1"/>
  <c r="AD65326" i="1"/>
  <c r="AD65327" i="1"/>
  <c r="AD65328" i="1"/>
  <c r="AD65329" i="1"/>
  <c r="AD65330" i="1"/>
  <c r="AD65331" i="1"/>
  <c r="AD65332" i="1"/>
  <c r="AD65333" i="1"/>
  <c r="AD65334" i="1"/>
  <c r="AD65335" i="1"/>
  <c r="AD65336" i="1"/>
  <c r="AD65337" i="1"/>
  <c r="AD65338" i="1"/>
  <c r="AD65339" i="1"/>
  <c r="AD65340" i="1"/>
  <c r="AD65341" i="1"/>
  <c r="AD65342" i="1"/>
  <c r="AD65343" i="1"/>
  <c r="AD65344" i="1"/>
  <c r="AD65345" i="1"/>
  <c r="AD65346" i="1"/>
  <c r="AD65347" i="1"/>
  <c r="AD65348" i="1"/>
  <c r="AD65349" i="1"/>
  <c r="AD65350" i="1"/>
  <c r="AD65351" i="1"/>
  <c r="AD65352" i="1"/>
  <c r="AD65353" i="1"/>
  <c r="AD65354" i="1"/>
  <c r="AD65355" i="1"/>
  <c r="AD65356" i="1"/>
  <c r="AD65357" i="1"/>
  <c r="AD65358" i="1"/>
  <c r="AD65359" i="1"/>
  <c r="AD65360" i="1"/>
  <c r="AD65361" i="1"/>
  <c r="AD65362" i="1"/>
  <c r="AD65363" i="1"/>
  <c r="AD65364" i="1"/>
  <c r="AD65365" i="1"/>
  <c r="AD65366" i="1"/>
  <c r="AD65367" i="1"/>
  <c r="AD65368" i="1"/>
  <c r="AD65369" i="1"/>
  <c r="AD65370" i="1"/>
  <c r="AD65371" i="1"/>
  <c r="AD65372" i="1"/>
  <c r="AD65373" i="1"/>
  <c r="AD65374" i="1"/>
  <c r="AD65375" i="1"/>
  <c r="AD65376" i="1"/>
  <c r="AD65377" i="1"/>
  <c r="AD65378" i="1"/>
  <c r="AD65379" i="1"/>
  <c r="AD65380" i="1"/>
  <c r="AD65381" i="1"/>
  <c r="AD65382" i="1"/>
  <c r="AD65383" i="1"/>
  <c r="AD65384" i="1"/>
  <c r="AD65385" i="1"/>
  <c r="AD65386" i="1"/>
  <c r="AD65387" i="1"/>
  <c r="AD65388" i="1"/>
  <c r="AD65389" i="1"/>
  <c r="AD65390" i="1"/>
  <c r="AD65391" i="1"/>
  <c r="AD65392" i="1"/>
  <c r="AD65393" i="1"/>
  <c r="AD65394" i="1"/>
  <c r="AD65395" i="1"/>
  <c r="AD65396" i="1"/>
  <c r="AD65397" i="1"/>
  <c r="AD65398" i="1"/>
  <c r="AD65399" i="1"/>
  <c r="AD65400" i="1"/>
  <c r="AD65401" i="1"/>
  <c r="AD65402" i="1"/>
  <c r="AD65403" i="1"/>
  <c r="AD65404" i="1"/>
  <c r="AD65405" i="1"/>
  <c r="AD65406" i="1"/>
  <c r="AD65407" i="1"/>
  <c r="AD65408" i="1"/>
  <c r="AD65409" i="1"/>
  <c r="AD65410" i="1"/>
  <c r="AD65411" i="1"/>
  <c r="AD65412" i="1"/>
  <c r="AD65413" i="1"/>
  <c r="AD65414" i="1"/>
  <c r="AD65415" i="1"/>
  <c r="AD65416" i="1"/>
  <c r="AD65417" i="1"/>
  <c r="AD65418" i="1"/>
  <c r="AD65419" i="1"/>
  <c r="AD65420" i="1"/>
  <c r="AD65421" i="1"/>
  <c r="AD65422" i="1"/>
  <c r="AD65423" i="1"/>
  <c r="AD65424" i="1"/>
  <c r="AD65425" i="1"/>
  <c r="AD65426" i="1"/>
  <c r="AD65427" i="1"/>
  <c r="AD65428" i="1"/>
  <c r="AD65429" i="1"/>
  <c r="AD65430" i="1"/>
  <c r="AD65431" i="1"/>
  <c r="AD65432" i="1"/>
  <c r="AD65433" i="1"/>
  <c r="AD65434" i="1"/>
  <c r="AD65435" i="1"/>
  <c r="AD65436" i="1"/>
  <c r="AD65437" i="1"/>
  <c r="AD65438" i="1"/>
  <c r="AD65439" i="1"/>
  <c r="AD65440" i="1"/>
  <c r="AD65441" i="1"/>
  <c r="AD65442" i="1"/>
  <c r="AD65443" i="1"/>
  <c r="AD65444" i="1"/>
  <c r="AD65445" i="1"/>
  <c r="AD65446" i="1"/>
  <c r="AD65447" i="1"/>
  <c r="AD65448" i="1"/>
  <c r="AD65449" i="1"/>
  <c r="AD65450" i="1"/>
  <c r="AD65451" i="1"/>
  <c r="AD65452" i="1"/>
  <c r="AD65453" i="1"/>
  <c r="AD65454" i="1"/>
  <c r="AD65455" i="1"/>
  <c r="AD65456" i="1"/>
  <c r="AD65457" i="1"/>
  <c r="AD65458" i="1"/>
  <c r="AD65459" i="1"/>
  <c r="AD65460" i="1"/>
  <c r="AD65461" i="1"/>
  <c r="AD65462" i="1"/>
  <c r="AD65463" i="1"/>
  <c r="AD65464" i="1"/>
  <c r="AD65465" i="1"/>
  <c r="AD65466" i="1"/>
  <c r="AD65467" i="1"/>
  <c r="AD65468" i="1"/>
  <c r="AD65469" i="1"/>
  <c r="AD65470" i="1"/>
  <c r="AD65471" i="1"/>
  <c r="AD65472" i="1"/>
  <c r="AD65473" i="1"/>
  <c r="AD65474" i="1"/>
  <c r="AD65475" i="1"/>
  <c r="AD65476" i="1"/>
  <c r="AD65477" i="1"/>
  <c r="AD65478" i="1"/>
  <c r="AD65479" i="1"/>
  <c r="AD65480" i="1"/>
  <c r="AD65481" i="1"/>
  <c r="AD65482" i="1"/>
  <c r="AD65483" i="1"/>
  <c r="AD65484" i="1"/>
  <c r="AD65485" i="1"/>
  <c r="AD65486" i="1"/>
  <c r="AD65487" i="1"/>
  <c r="AD65488" i="1"/>
  <c r="AD65489" i="1"/>
  <c r="AD65490" i="1"/>
  <c r="AD65491" i="1"/>
  <c r="AD65492" i="1"/>
  <c r="AD65493" i="1"/>
  <c r="AD65494" i="1"/>
  <c r="AD65495" i="1"/>
  <c r="AD65496" i="1"/>
  <c r="AD65497" i="1"/>
  <c r="AD65498" i="1"/>
  <c r="AD65499" i="1"/>
  <c r="AD65500" i="1"/>
  <c r="AD65501" i="1"/>
  <c r="AD65502" i="1"/>
  <c r="AD65503" i="1"/>
  <c r="AD65504" i="1"/>
  <c r="AD65505" i="1"/>
  <c r="AD65506" i="1"/>
  <c r="AD65507" i="1"/>
  <c r="AD65508" i="1"/>
  <c r="AD65509" i="1"/>
  <c r="AD65510" i="1"/>
  <c r="AD65511" i="1"/>
  <c r="AD65512" i="1"/>
  <c r="AD65513" i="1"/>
  <c r="AD65514" i="1"/>
  <c r="AD65515" i="1"/>
  <c r="AD65516" i="1"/>
  <c r="AD65517" i="1"/>
  <c r="AD65518" i="1"/>
  <c r="AD65519" i="1"/>
  <c r="AD65520" i="1"/>
  <c r="AD65521" i="1"/>
  <c r="AD65522" i="1"/>
  <c r="AD65523" i="1"/>
  <c r="AD65524" i="1"/>
  <c r="AD65525" i="1"/>
  <c r="AD65526" i="1"/>
  <c r="AD65527" i="1"/>
  <c r="AD65528" i="1"/>
  <c r="AD65529" i="1"/>
  <c r="AD65530" i="1"/>
  <c r="AD65531" i="1"/>
  <c r="AD65532" i="1"/>
  <c r="AD65533" i="1"/>
  <c r="AD65534" i="1"/>
  <c r="AD65535" i="1"/>
  <c r="AD65536" i="1"/>
  <c r="AD65537" i="1"/>
  <c r="AD65538" i="1"/>
  <c r="AD65539" i="1"/>
  <c r="AD65540" i="1"/>
  <c r="AD65541" i="1"/>
  <c r="AD65542" i="1"/>
  <c r="AD65543" i="1"/>
  <c r="AD65544" i="1"/>
  <c r="AD65545" i="1"/>
  <c r="AD65546" i="1"/>
  <c r="AD65547" i="1"/>
  <c r="AD65548" i="1"/>
  <c r="AD65549" i="1"/>
  <c r="AD65550" i="1"/>
  <c r="AD65551" i="1"/>
  <c r="AD65552" i="1"/>
  <c r="AD65553" i="1"/>
  <c r="AD65554" i="1"/>
  <c r="AD65555" i="1"/>
  <c r="AD65556" i="1"/>
  <c r="AD65557" i="1"/>
  <c r="AD65558" i="1"/>
  <c r="AD65559" i="1"/>
  <c r="AD65560" i="1"/>
  <c r="AD65561" i="1"/>
  <c r="AD65562" i="1"/>
  <c r="AD65563" i="1"/>
  <c r="AD65564" i="1"/>
  <c r="AD65565" i="1"/>
  <c r="AD65566" i="1"/>
  <c r="AD65567" i="1"/>
  <c r="AD65568" i="1"/>
  <c r="AD65569" i="1"/>
  <c r="AD65570" i="1"/>
  <c r="AD65571" i="1"/>
  <c r="AD65572" i="1"/>
  <c r="AD65573" i="1"/>
  <c r="AD65574" i="1"/>
  <c r="AD65575" i="1"/>
  <c r="AD65576" i="1"/>
  <c r="AD65577" i="1"/>
  <c r="AD65578" i="1"/>
  <c r="AD65579" i="1"/>
  <c r="AD65580" i="1"/>
  <c r="AD65581" i="1"/>
  <c r="AD65582" i="1"/>
  <c r="AD65583" i="1"/>
  <c r="AD65584" i="1"/>
  <c r="AD65585" i="1"/>
  <c r="AD65586" i="1"/>
  <c r="AD65587" i="1"/>
  <c r="AD65588" i="1"/>
  <c r="AD65589" i="1"/>
  <c r="AD65590" i="1"/>
  <c r="AD65591" i="1"/>
  <c r="AD65592" i="1"/>
  <c r="AD65593" i="1"/>
  <c r="AD65594" i="1"/>
  <c r="AD65595" i="1"/>
  <c r="AD65596" i="1"/>
  <c r="AD65597" i="1"/>
  <c r="AD65598" i="1"/>
  <c r="AD65599" i="1"/>
  <c r="AD65600" i="1"/>
  <c r="AD65601" i="1"/>
  <c r="AD65602" i="1"/>
  <c r="AD65603" i="1"/>
  <c r="AD65604" i="1"/>
  <c r="AD65605" i="1"/>
  <c r="AD65606" i="1"/>
  <c r="AD65607" i="1"/>
  <c r="AD65608" i="1"/>
  <c r="AD65609" i="1"/>
  <c r="AD65610" i="1"/>
  <c r="AD65611" i="1"/>
  <c r="AD65612" i="1"/>
  <c r="AD65613" i="1"/>
  <c r="AD65614" i="1"/>
  <c r="AD65615" i="1"/>
  <c r="AD65616" i="1"/>
  <c r="AD65617" i="1"/>
  <c r="AD65618" i="1"/>
  <c r="AD65619" i="1"/>
  <c r="AD65620" i="1"/>
  <c r="AD65621" i="1"/>
  <c r="AD65622" i="1"/>
  <c r="AD65623" i="1"/>
  <c r="AD65624" i="1"/>
  <c r="AD65625" i="1"/>
  <c r="AD65626" i="1"/>
  <c r="AD65627" i="1"/>
  <c r="AD65628" i="1"/>
  <c r="AD65629" i="1"/>
  <c r="AD65630" i="1"/>
  <c r="AD65631" i="1"/>
  <c r="AD65632" i="1"/>
  <c r="AD65633" i="1"/>
  <c r="AD65634" i="1"/>
  <c r="AD65635" i="1"/>
  <c r="AD65636" i="1"/>
  <c r="AD65637" i="1"/>
  <c r="AD65638" i="1"/>
  <c r="AD65639" i="1"/>
  <c r="AD65640" i="1"/>
  <c r="AD65641" i="1"/>
  <c r="AD65642" i="1"/>
  <c r="AD65643" i="1"/>
  <c r="AD65644" i="1"/>
  <c r="AD65645" i="1"/>
  <c r="AD65646" i="1"/>
  <c r="AD65647" i="1"/>
  <c r="AD65648" i="1"/>
  <c r="AD65649" i="1"/>
  <c r="AD65650" i="1"/>
  <c r="AD65651" i="1"/>
  <c r="AD65652" i="1"/>
  <c r="AD65653" i="1"/>
  <c r="AD65654" i="1"/>
  <c r="AD65655" i="1"/>
  <c r="AD65656" i="1"/>
  <c r="AD65657" i="1"/>
  <c r="AD65658" i="1"/>
  <c r="AD65659" i="1"/>
  <c r="AD65660" i="1"/>
  <c r="AD65661" i="1"/>
  <c r="AD65662" i="1"/>
  <c r="AD65663" i="1"/>
  <c r="AD65664" i="1"/>
  <c r="AD65665" i="1"/>
  <c r="AD65666" i="1"/>
  <c r="AD65667" i="1"/>
  <c r="AD65668" i="1"/>
  <c r="AD65669" i="1"/>
  <c r="AD65670" i="1"/>
  <c r="AD65671" i="1"/>
  <c r="AD65672" i="1"/>
  <c r="AD65673" i="1"/>
  <c r="AD65674" i="1"/>
  <c r="AD65675" i="1"/>
  <c r="AD65676" i="1"/>
  <c r="AD65677" i="1"/>
  <c r="AD65678" i="1"/>
  <c r="AD65679" i="1"/>
  <c r="AD65680" i="1"/>
  <c r="AD65681" i="1"/>
  <c r="AD65682" i="1"/>
  <c r="AD65683" i="1"/>
  <c r="AD65684" i="1"/>
  <c r="AD65685" i="1"/>
  <c r="AD65686" i="1"/>
  <c r="AD65687" i="1"/>
  <c r="AD65688" i="1"/>
  <c r="AD65689" i="1"/>
  <c r="AD65690" i="1"/>
  <c r="AD65691" i="1"/>
  <c r="AD65692" i="1"/>
  <c r="AD65693" i="1"/>
  <c r="AD65694" i="1"/>
  <c r="AD65695" i="1"/>
  <c r="AD65696" i="1"/>
  <c r="AD65697" i="1"/>
  <c r="AD65698" i="1"/>
  <c r="AD65699" i="1"/>
  <c r="AD65700" i="1"/>
  <c r="AD65701" i="1"/>
  <c r="AD65702" i="1"/>
  <c r="AD65703" i="1"/>
  <c r="AD65704" i="1"/>
  <c r="AD65705" i="1"/>
  <c r="AD65706" i="1"/>
  <c r="AD65707" i="1"/>
  <c r="AD65708" i="1"/>
  <c r="AD65709" i="1"/>
  <c r="AD65710" i="1"/>
  <c r="AD65711" i="1"/>
  <c r="AD65712" i="1"/>
  <c r="AD65713" i="1"/>
  <c r="AD65714" i="1"/>
  <c r="AD65715" i="1"/>
  <c r="AD65716" i="1"/>
  <c r="AD65717" i="1"/>
  <c r="AD65718" i="1"/>
  <c r="AD65719" i="1"/>
  <c r="AD65720" i="1"/>
  <c r="AD65721" i="1"/>
  <c r="AD65722" i="1"/>
  <c r="AD65723" i="1"/>
  <c r="AD65724" i="1"/>
  <c r="AD65725" i="1"/>
  <c r="AD65726" i="1"/>
  <c r="AD65727" i="1"/>
  <c r="AD65728" i="1"/>
  <c r="AD65729" i="1"/>
  <c r="AD65730" i="1"/>
  <c r="AD65731" i="1"/>
  <c r="AD65732" i="1"/>
  <c r="AD65733" i="1"/>
  <c r="AD65734" i="1"/>
  <c r="AD65735" i="1"/>
  <c r="AD65736" i="1"/>
  <c r="AD65737" i="1"/>
  <c r="AD65738" i="1"/>
  <c r="AD65739" i="1"/>
  <c r="AD65740" i="1"/>
  <c r="AD65741" i="1"/>
  <c r="AD65742" i="1"/>
  <c r="AD65743" i="1"/>
  <c r="AD65744" i="1"/>
  <c r="AD65745" i="1"/>
  <c r="AD65746" i="1"/>
  <c r="AD65747" i="1"/>
  <c r="AD65748" i="1"/>
  <c r="AD65749" i="1"/>
  <c r="AD65750" i="1"/>
  <c r="AD65751" i="1"/>
  <c r="AD65752" i="1"/>
  <c r="AD65753" i="1"/>
  <c r="AD65754" i="1"/>
  <c r="AD65755" i="1"/>
  <c r="AD65756" i="1"/>
  <c r="AD65757" i="1"/>
  <c r="AD65758" i="1"/>
  <c r="AD65759" i="1"/>
  <c r="AD65760" i="1"/>
  <c r="AD65761" i="1"/>
  <c r="AD65762" i="1"/>
  <c r="AD65763" i="1"/>
  <c r="AD65764" i="1"/>
  <c r="AD65765" i="1"/>
  <c r="AD65766" i="1"/>
  <c r="AD65767" i="1"/>
  <c r="AD65768" i="1"/>
  <c r="AD65769" i="1"/>
  <c r="AD65770" i="1"/>
  <c r="AD65771" i="1"/>
  <c r="AD65772" i="1"/>
  <c r="AD65773" i="1"/>
  <c r="AD65774" i="1"/>
  <c r="AD65775" i="1"/>
  <c r="AD65776" i="1"/>
  <c r="AD65777" i="1"/>
  <c r="AD65778" i="1"/>
  <c r="AD65779" i="1"/>
  <c r="AD65780" i="1"/>
  <c r="AD65781" i="1"/>
  <c r="AD65782" i="1"/>
  <c r="AD65783" i="1"/>
  <c r="AD65784" i="1"/>
  <c r="AD65785" i="1"/>
  <c r="AD65786" i="1"/>
  <c r="AD65787" i="1"/>
  <c r="AD65788" i="1"/>
  <c r="AD65789" i="1"/>
  <c r="AD65790" i="1"/>
  <c r="AD65791" i="1"/>
  <c r="AD65792" i="1"/>
  <c r="AD65793" i="1"/>
  <c r="AD65794" i="1"/>
  <c r="AD65795" i="1"/>
  <c r="AD65796" i="1"/>
  <c r="AD65797" i="1"/>
  <c r="AD65798" i="1"/>
  <c r="AD65799" i="1"/>
  <c r="AD65800" i="1"/>
  <c r="AD65801" i="1"/>
  <c r="AD65802" i="1"/>
  <c r="AD65803" i="1"/>
  <c r="AD65804" i="1"/>
  <c r="AD65805" i="1"/>
  <c r="AD65806" i="1"/>
  <c r="AD65807" i="1"/>
  <c r="AD65808" i="1"/>
  <c r="AD65809" i="1"/>
  <c r="AD65810" i="1"/>
  <c r="AD65811" i="1"/>
  <c r="AD65812" i="1"/>
  <c r="AD65813" i="1"/>
  <c r="AD65814" i="1"/>
  <c r="AD65815" i="1"/>
  <c r="AD65816" i="1"/>
  <c r="AD65817" i="1"/>
  <c r="AD65818" i="1"/>
  <c r="AD65819" i="1"/>
  <c r="AD65820" i="1"/>
  <c r="AD65821" i="1"/>
  <c r="AD65822" i="1"/>
  <c r="AD65823" i="1"/>
  <c r="AD65824" i="1"/>
  <c r="AD65825" i="1"/>
  <c r="AD65826" i="1"/>
  <c r="AD65827" i="1"/>
  <c r="AD65828" i="1"/>
  <c r="AD65829" i="1"/>
  <c r="AD65830" i="1"/>
  <c r="AD65831" i="1"/>
  <c r="AD65832" i="1"/>
  <c r="AD65833" i="1"/>
  <c r="AD65834" i="1"/>
  <c r="AD65835" i="1"/>
  <c r="AD65836" i="1"/>
  <c r="AD65837" i="1"/>
  <c r="AD65838" i="1"/>
  <c r="AD65839" i="1"/>
  <c r="AD65840" i="1"/>
  <c r="AD65841" i="1"/>
  <c r="AD65842" i="1"/>
  <c r="AD65843" i="1"/>
  <c r="AD65844" i="1"/>
  <c r="AD65845" i="1"/>
  <c r="AD65846" i="1"/>
  <c r="AD65847" i="1"/>
  <c r="AD65848" i="1"/>
  <c r="AD65849" i="1"/>
  <c r="AD65850" i="1"/>
  <c r="AD65851" i="1"/>
  <c r="AD65852" i="1"/>
  <c r="AD65853" i="1"/>
  <c r="AD65854" i="1"/>
  <c r="AD65855" i="1"/>
  <c r="AD65856" i="1"/>
  <c r="AD65857" i="1"/>
  <c r="AD65858" i="1"/>
  <c r="AD65859" i="1"/>
  <c r="AD65860" i="1"/>
  <c r="AD65861" i="1"/>
  <c r="AD65862" i="1"/>
  <c r="AD65863" i="1"/>
  <c r="AD65864" i="1"/>
  <c r="AD65865" i="1"/>
  <c r="AD65866" i="1"/>
  <c r="AD65867" i="1"/>
  <c r="AD65868" i="1"/>
  <c r="AD65869" i="1"/>
  <c r="AD65870" i="1"/>
  <c r="AD65871" i="1"/>
  <c r="AD65872" i="1"/>
  <c r="AD65873" i="1"/>
  <c r="AD65874" i="1"/>
  <c r="AD65875" i="1"/>
  <c r="AD65876" i="1"/>
  <c r="AD65877" i="1"/>
  <c r="AD65878" i="1"/>
  <c r="AD65879" i="1"/>
  <c r="AD65880" i="1"/>
  <c r="AD65881" i="1"/>
  <c r="AD65882" i="1"/>
  <c r="AD65883" i="1"/>
  <c r="AD65884" i="1"/>
  <c r="AD65885" i="1"/>
  <c r="AD65886" i="1"/>
  <c r="AD65887" i="1"/>
  <c r="AD65888" i="1"/>
  <c r="AD65889" i="1"/>
  <c r="AD65890" i="1"/>
  <c r="AD65891" i="1"/>
  <c r="AD65892" i="1"/>
  <c r="AD65893" i="1"/>
  <c r="AD65894" i="1"/>
  <c r="AD65895" i="1"/>
  <c r="AD65896" i="1"/>
  <c r="AD65897" i="1"/>
  <c r="AD65898" i="1"/>
  <c r="AD65899" i="1"/>
  <c r="AD65900" i="1"/>
  <c r="AD65901" i="1"/>
  <c r="AD65902" i="1"/>
  <c r="AD65903" i="1"/>
  <c r="AD65904" i="1"/>
  <c r="AD65905" i="1"/>
  <c r="AD65906" i="1"/>
  <c r="AD65907" i="1"/>
  <c r="AD65908" i="1"/>
  <c r="AD65909" i="1"/>
  <c r="AD65910" i="1"/>
  <c r="AD65911" i="1"/>
  <c r="AD65912" i="1"/>
  <c r="AD65913" i="1"/>
  <c r="AD65914" i="1"/>
  <c r="AD65915" i="1"/>
  <c r="AD65916" i="1"/>
  <c r="AD65917" i="1"/>
  <c r="AD65918" i="1"/>
  <c r="AD65919" i="1"/>
  <c r="AD65920" i="1"/>
  <c r="AD65921" i="1"/>
  <c r="AD65922" i="1"/>
  <c r="AD65923" i="1"/>
  <c r="AD65924" i="1"/>
  <c r="AD65925" i="1"/>
  <c r="AD65926" i="1"/>
  <c r="AD65927" i="1"/>
  <c r="AD65928" i="1"/>
  <c r="AD65929" i="1"/>
  <c r="AD65930" i="1"/>
  <c r="AD65931" i="1"/>
  <c r="AD65932" i="1"/>
  <c r="AD65933" i="1"/>
  <c r="AD65934" i="1"/>
  <c r="AD65935" i="1"/>
  <c r="AD65936" i="1"/>
  <c r="AD65937" i="1"/>
  <c r="AD65938" i="1"/>
  <c r="AD65939" i="1"/>
  <c r="AD65940" i="1"/>
  <c r="AD65941" i="1"/>
  <c r="AD65942" i="1"/>
  <c r="AD65943" i="1"/>
  <c r="AD65944" i="1"/>
  <c r="AD65945" i="1"/>
  <c r="AD65946" i="1"/>
  <c r="AD65947" i="1"/>
  <c r="AD65948" i="1"/>
  <c r="AD65949" i="1"/>
  <c r="AD65950" i="1"/>
  <c r="AD65951" i="1"/>
  <c r="AD65952" i="1"/>
  <c r="AD65953" i="1"/>
  <c r="AD65954" i="1"/>
  <c r="AD65955" i="1"/>
  <c r="AD65956" i="1"/>
  <c r="AD65957" i="1"/>
  <c r="AD65958" i="1"/>
  <c r="AD65959" i="1"/>
  <c r="AD65960" i="1"/>
  <c r="AD65961" i="1"/>
  <c r="AD65962" i="1"/>
  <c r="AD65963" i="1"/>
  <c r="AD65964" i="1"/>
  <c r="AD65965" i="1"/>
  <c r="AD65966" i="1"/>
  <c r="AD65967" i="1"/>
  <c r="AD65968" i="1"/>
  <c r="AD65969" i="1"/>
  <c r="AD65970" i="1"/>
  <c r="AD65971" i="1"/>
  <c r="AD65972" i="1"/>
  <c r="AD65973" i="1"/>
  <c r="AD65974" i="1"/>
  <c r="AD65975" i="1"/>
  <c r="AD65976" i="1"/>
  <c r="AD65977" i="1"/>
  <c r="AD65978" i="1"/>
  <c r="AD65979" i="1"/>
  <c r="AD65980" i="1"/>
  <c r="AD65981" i="1"/>
  <c r="AD65982" i="1"/>
  <c r="AD65983" i="1"/>
  <c r="AD65984" i="1"/>
  <c r="AD65985" i="1"/>
  <c r="AD65986" i="1"/>
  <c r="AD65987" i="1"/>
  <c r="AD65988" i="1"/>
  <c r="AD65989" i="1"/>
  <c r="AD65990" i="1"/>
  <c r="AD65991" i="1"/>
  <c r="AD65992" i="1"/>
  <c r="AD65993" i="1"/>
  <c r="AD65994" i="1"/>
  <c r="AD65995" i="1"/>
  <c r="AD65996" i="1"/>
  <c r="AD65997" i="1"/>
  <c r="AD65998" i="1"/>
  <c r="AD65999" i="1"/>
  <c r="AD66000" i="1"/>
  <c r="AD66001" i="1"/>
  <c r="AD66002" i="1"/>
  <c r="AD66003" i="1"/>
  <c r="AD66004" i="1"/>
  <c r="AD66005" i="1"/>
  <c r="AD66006" i="1"/>
  <c r="AD66007" i="1"/>
  <c r="AD66008" i="1"/>
  <c r="AD66009" i="1"/>
  <c r="AD66010" i="1"/>
  <c r="AD66011" i="1"/>
  <c r="AD66012" i="1"/>
  <c r="AD66013" i="1"/>
  <c r="AD66014" i="1"/>
  <c r="AD66015" i="1"/>
  <c r="AD66016" i="1"/>
  <c r="AD66017" i="1"/>
  <c r="AD66018" i="1"/>
  <c r="AD66019" i="1"/>
  <c r="AD66020" i="1"/>
  <c r="AD66021" i="1"/>
  <c r="AD66022" i="1"/>
  <c r="AD66023" i="1"/>
  <c r="AD66024" i="1"/>
  <c r="AD66025" i="1"/>
  <c r="AD66026" i="1"/>
  <c r="AD66027" i="1"/>
  <c r="AD66028" i="1"/>
  <c r="AD66029" i="1"/>
  <c r="AD66030" i="1"/>
  <c r="AD66031" i="1"/>
  <c r="AD66032" i="1"/>
  <c r="AD66033" i="1"/>
  <c r="AD66034" i="1"/>
  <c r="AD66035" i="1"/>
  <c r="AD66036" i="1"/>
  <c r="AD66037" i="1"/>
  <c r="AD66038" i="1"/>
  <c r="AD66039" i="1"/>
  <c r="AD66040" i="1"/>
  <c r="AD66041" i="1"/>
  <c r="AD66042" i="1"/>
  <c r="AD66043" i="1"/>
  <c r="AD66044" i="1"/>
  <c r="AD66045" i="1"/>
  <c r="AD66046" i="1"/>
  <c r="AD66047" i="1"/>
  <c r="AD66048" i="1"/>
  <c r="AD66049" i="1"/>
  <c r="AD66050" i="1"/>
  <c r="AD66051" i="1"/>
  <c r="AD66052" i="1"/>
  <c r="AD66053" i="1"/>
  <c r="AD66054" i="1"/>
  <c r="AD66055" i="1"/>
  <c r="AD66056" i="1"/>
  <c r="AD66057" i="1"/>
  <c r="AD66058" i="1"/>
  <c r="AD66059" i="1"/>
  <c r="AD66060" i="1"/>
  <c r="AD66061" i="1"/>
  <c r="AD66062" i="1"/>
  <c r="AD66063" i="1"/>
  <c r="AD66064" i="1"/>
  <c r="AD66065" i="1"/>
  <c r="AD66066" i="1"/>
  <c r="AD66067" i="1"/>
  <c r="AD66068" i="1"/>
  <c r="AD66069" i="1"/>
  <c r="AD66070" i="1"/>
  <c r="AD66071" i="1"/>
  <c r="AD66072" i="1"/>
  <c r="AD66073" i="1"/>
  <c r="AD66074" i="1"/>
  <c r="AD66075" i="1"/>
  <c r="AD66076" i="1"/>
  <c r="AD66077" i="1"/>
  <c r="AD66078" i="1"/>
  <c r="AD66079" i="1"/>
  <c r="AD66080" i="1"/>
  <c r="AD66081" i="1"/>
  <c r="AD66082" i="1"/>
  <c r="AD66083" i="1"/>
  <c r="AD66084" i="1"/>
  <c r="AD66085" i="1"/>
  <c r="AD66086" i="1"/>
  <c r="AD66087" i="1"/>
  <c r="AD66088" i="1"/>
  <c r="AD66089" i="1"/>
  <c r="AD66090" i="1"/>
  <c r="AD66091" i="1"/>
  <c r="AD66092" i="1"/>
  <c r="AD66093" i="1"/>
  <c r="AD66094" i="1"/>
  <c r="AD66095" i="1"/>
  <c r="AD66096" i="1"/>
  <c r="AD66097" i="1"/>
  <c r="AD66098" i="1"/>
  <c r="AD66099" i="1"/>
  <c r="AD66100" i="1"/>
  <c r="AD66101" i="1"/>
  <c r="AD66102" i="1"/>
  <c r="AD66103" i="1"/>
  <c r="AD66104" i="1"/>
  <c r="AD66105" i="1"/>
  <c r="AD66106" i="1"/>
  <c r="AD66107" i="1"/>
  <c r="AD66108" i="1"/>
  <c r="AD66109" i="1"/>
  <c r="AD66110" i="1"/>
  <c r="AD66111" i="1"/>
  <c r="AD66112" i="1"/>
  <c r="AD66113" i="1"/>
  <c r="AD66114" i="1"/>
  <c r="AD66115" i="1"/>
  <c r="AD66116" i="1"/>
  <c r="AD66117" i="1"/>
  <c r="AD66118" i="1"/>
  <c r="AD66119" i="1"/>
  <c r="AD66120" i="1"/>
  <c r="AD66121" i="1"/>
  <c r="AD66122" i="1"/>
  <c r="AD66123" i="1"/>
  <c r="AD66124" i="1"/>
  <c r="AD66125" i="1"/>
  <c r="AD66126" i="1"/>
  <c r="AD66127" i="1"/>
  <c r="AD66128" i="1"/>
  <c r="AD66129" i="1"/>
  <c r="AD66130" i="1"/>
  <c r="AD66131" i="1"/>
  <c r="AD66132" i="1"/>
  <c r="AD66133" i="1"/>
  <c r="AD66134" i="1"/>
  <c r="AD66135" i="1"/>
  <c r="AD66136" i="1"/>
  <c r="AD66137" i="1"/>
  <c r="AD66138" i="1"/>
  <c r="AD66139" i="1"/>
  <c r="AD66140" i="1"/>
  <c r="AD66141" i="1"/>
  <c r="AD66142" i="1"/>
  <c r="AD66143" i="1"/>
  <c r="AD66144" i="1"/>
  <c r="AD66145" i="1"/>
  <c r="AD66146" i="1"/>
  <c r="AD66147" i="1"/>
  <c r="AD66148" i="1"/>
  <c r="AD66149" i="1"/>
  <c r="AD66150" i="1"/>
  <c r="AD66151" i="1"/>
  <c r="AD66152" i="1"/>
  <c r="AD66153" i="1"/>
  <c r="AD66154" i="1"/>
  <c r="AD66155" i="1"/>
  <c r="AD66156" i="1"/>
  <c r="AD66157" i="1"/>
  <c r="AD66158" i="1"/>
  <c r="AD66159" i="1"/>
  <c r="AD66160" i="1"/>
  <c r="AD66161" i="1"/>
  <c r="AD66162" i="1"/>
  <c r="AD66163" i="1"/>
  <c r="AD66164" i="1"/>
  <c r="AD66165" i="1"/>
  <c r="AD66166" i="1"/>
  <c r="AD66167" i="1"/>
  <c r="AD66168" i="1"/>
  <c r="AD66169" i="1"/>
  <c r="AD66170" i="1"/>
  <c r="AD66171" i="1"/>
  <c r="AD66172" i="1"/>
  <c r="AD66173" i="1"/>
  <c r="AD66174" i="1"/>
  <c r="AD66175" i="1"/>
  <c r="AD66176" i="1"/>
  <c r="AD66177" i="1"/>
  <c r="AD66178" i="1"/>
  <c r="AD66179" i="1"/>
  <c r="AD66180" i="1"/>
  <c r="AD66181" i="1"/>
  <c r="AD66182" i="1"/>
  <c r="AD66183" i="1"/>
  <c r="AD66184" i="1"/>
  <c r="AD66185" i="1"/>
  <c r="AD66186" i="1"/>
  <c r="AD66187" i="1"/>
  <c r="AD66188" i="1"/>
  <c r="AD66189" i="1"/>
  <c r="AD66190" i="1"/>
  <c r="AD66191" i="1"/>
  <c r="AD66192" i="1"/>
  <c r="AD66193" i="1"/>
  <c r="AD66194" i="1"/>
  <c r="AD66195" i="1"/>
  <c r="AD66196" i="1"/>
  <c r="AD66197" i="1"/>
  <c r="AD66198" i="1"/>
  <c r="AD66199" i="1"/>
  <c r="AD66200" i="1"/>
  <c r="AD66201" i="1"/>
  <c r="AD66202" i="1"/>
  <c r="AD66203" i="1"/>
  <c r="AD66204" i="1"/>
  <c r="AD66205" i="1"/>
  <c r="AD66206" i="1"/>
  <c r="AD66207" i="1"/>
  <c r="AD66208" i="1"/>
  <c r="AD66209" i="1"/>
  <c r="AD66210" i="1"/>
  <c r="AD66211" i="1"/>
  <c r="AD66212" i="1"/>
  <c r="AD66213" i="1"/>
  <c r="AD66214" i="1"/>
  <c r="AD66215" i="1"/>
  <c r="AD66216" i="1"/>
  <c r="AD66217" i="1"/>
  <c r="AD66218" i="1"/>
  <c r="AD66219" i="1"/>
  <c r="AD66220" i="1"/>
  <c r="AD66221" i="1"/>
  <c r="AD66222" i="1"/>
  <c r="AD66223" i="1"/>
  <c r="AD66224" i="1"/>
  <c r="AD66225" i="1"/>
  <c r="AD66226" i="1"/>
  <c r="AD66227" i="1"/>
  <c r="AD66228" i="1"/>
  <c r="AD66229" i="1"/>
  <c r="AD66230" i="1"/>
  <c r="AD66231" i="1"/>
  <c r="AD66232" i="1"/>
  <c r="AD66233" i="1"/>
  <c r="AD66234" i="1"/>
  <c r="AD66235" i="1"/>
  <c r="AD66236" i="1"/>
  <c r="AD66237" i="1"/>
  <c r="AD66238" i="1"/>
  <c r="AD66239" i="1"/>
  <c r="AD66240" i="1"/>
  <c r="AD66241" i="1"/>
  <c r="AD66242" i="1"/>
  <c r="AD66243" i="1"/>
  <c r="AD66244" i="1"/>
  <c r="AD66245" i="1"/>
  <c r="AD66246" i="1"/>
  <c r="AD66247" i="1"/>
  <c r="AD66248" i="1"/>
  <c r="AD66249" i="1"/>
  <c r="AD66250" i="1"/>
  <c r="AD66251" i="1"/>
  <c r="AD66252" i="1"/>
  <c r="AD66253" i="1"/>
  <c r="AD66254" i="1"/>
  <c r="AD66255" i="1"/>
  <c r="AD66256" i="1"/>
  <c r="AD66257" i="1"/>
  <c r="AD66258" i="1"/>
  <c r="AD66259" i="1"/>
  <c r="AD66260" i="1"/>
  <c r="AD66261" i="1"/>
  <c r="AD66262" i="1"/>
  <c r="AD66263" i="1"/>
  <c r="AD66264" i="1"/>
  <c r="AD66265" i="1"/>
  <c r="AD66266" i="1"/>
  <c r="AD66267" i="1"/>
  <c r="AD66268" i="1"/>
  <c r="AD66269" i="1"/>
  <c r="AD66270" i="1"/>
  <c r="AD66271" i="1"/>
  <c r="AD66272" i="1"/>
  <c r="AD66273" i="1"/>
  <c r="AD66274" i="1"/>
  <c r="AD66275" i="1"/>
  <c r="AD66276" i="1"/>
  <c r="AD66277" i="1"/>
  <c r="AD66278" i="1"/>
  <c r="AD66279" i="1"/>
  <c r="AD66280" i="1"/>
  <c r="AD66281" i="1"/>
  <c r="AD66282" i="1"/>
  <c r="AD66283" i="1"/>
  <c r="AD66284" i="1"/>
  <c r="AD66285" i="1"/>
  <c r="AD66286" i="1"/>
  <c r="AD66287" i="1"/>
  <c r="AD66288" i="1"/>
  <c r="AD66289" i="1"/>
  <c r="AD66290" i="1"/>
  <c r="AD66291" i="1"/>
  <c r="AD66292" i="1"/>
  <c r="AD66293" i="1"/>
  <c r="AD66294" i="1"/>
  <c r="AD66295" i="1"/>
  <c r="AD66296" i="1"/>
  <c r="AD66297" i="1"/>
  <c r="AD66298" i="1"/>
  <c r="AD66299" i="1"/>
  <c r="AD66300" i="1"/>
  <c r="AD66301" i="1"/>
  <c r="AD66302" i="1"/>
  <c r="AD66303" i="1"/>
  <c r="AD66304" i="1"/>
  <c r="AD66305" i="1"/>
  <c r="AD66306" i="1"/>
  <c r="AD66307" i="1"/>
  <c r="AD66308" i="1"/>
  <c r="AD66309" i="1"/>
  <c r="AD66310" i="1"/>
  <c r="AD66311" i="1"/>
  <c r="AD66312" i="1"/>
  <c r="AD66313" i="1"/>
  <c r="AD66314" i="1"/>
  <c r="AD66315" i="1"/>
  <c r="AD66316" i="1"/>
  <c r="AD66317" i="1"/>
  <c r="AD66318" i="1"/>
  <c r="AD66319" i="1"/>
  <c r="AD66320" i="1"/>
  <c r="AD66321" i="1"/>
  <c r="AD66322" i="1"/>
  <c r="AD66323" i="1"/>
  <c r="AD66324" i="1"/>
  <c r="AD66325" i="1"/>
  <c r="AD66326" i="1"/>
  <c r="AD66327" i="1"/>
  <c r="AD66328" i="1"/>
  <c r="AD66329" i="1"/>
  <c r="AD66330" i="1"/>
  <c r="AD66331" i="1"/>
  <c r="AD66332" i="1"/>
  <c r="AD66333" i="1"/>
  <c r="AD66334" i="1"/>
  <c r="AD66335" i="1"/>
  <c r="AD66336" i="1"/>
  <c r="AD66337" i="1"/>
  <c r="AD66338" i="1"/>
  <c r="AD66339" i="1"/>
  <c r="AD66340" i="1"/>
  <c r="AD66341" i="1"/>
  <c r="AD66342" i="1"/>
  <c r="AD66343" i="1"/>
  <c r="AD66344" i="1"/>
  <c r="AD66345" i="1"/>
  <c r="AD66346" i="1"/>
  <c r="AD66347" i="1"/>
  <c r="AD66348" i="1"/>
  <c r="AD66349" i="1"/>
  <c r="AD66350" i="1"/>
  <c r="AD66351" i="1"/>
  <c r="AD66352" i="1"/>
  <c r="AD66353" i="1"/>
  <c r="AD66354" i="1"/>
  <c r="AD66355" i="1"/>
  <c r="AD66356" i="1"/>
  <c r="AD66357" i="1"/>
  <c r="AD66358" i="1"/>
  <c r="AD66359" i="1"/>
  <c r="AD66360" i="1"/>
  <c r="AD66361" i="1"/>
  <c r="AD66362" i="1"/>
  <c r="AD66363" i="1"/>
  <c r="AD66364" i="1"/>
  <c r="AD66365" i="1"/>
  <c r="AD66366" i="1"/>
  <c r="AD66367" i="1"/>
  <c r="AD66368" i="1"/>
  <c r="AD66369" i="1"/>
  <c r="AD66370" i="1"/>
  <c r="AD66371" i="1"/>
  <c r="AD66372" i="1"/>
  <c r="AD66373" i="1"/>
  <c r="AD66374" i="1"/>
  <c r="AD66375" i="1"/>
  <c r="AD66376" i="1"/>
  <c r="AD66377" i="1"/>
  <c r="AD66378" i="1"/>
  <c r="AD66379" i="1"/>
  <c r="AD66380" i="1"/>
  <c r="AD66381" i="1"/>
  <c r="AD66382" i="1"/>
  <c r="AD66383" i="1"/>
  <c r="AD66384" i="1"/>
  <c r="AD66385" i="1"/>
  <c r="AD66386" i="1"/>
  <c r="AD66387" i="1"/>
  <c r="AD66388" i="1"/>
  <c r="AD66389" i="1"/>
  <c r="AD66390" i="1"/>
  <c r="AD66391" i="1"/>
  <c r="AD66392" i="1"/>
  <c r="AD66393" i="1"/>
  <c r="AD66394" i="1"/>
  <c r="AD66395" i="1"/>
  <c r="AD66396" i="1"/>
  <c r="AD66397" i="1"/>
  <c r="AD66398" i="1"/>
  <c r="AD66399" i="1"/>
  <c r="AD66400" i="1"/>
  <c r="AD66401" i="1"/>
  <c r="AD66402" i="1"/>
  <c r="AD66403" i="1"/>
  <c r="AD66404" i="1"/>
  <c r="AD66405" i="1"/>
  <c r="AD66406" i="1"/>
  <c r="AD66407" i="1"/>
  <c r="AD66408" i="1"/>
  <c r="AD66409" i="1"/>
  <c r="AD66410" i="1"/>
  <c r="AD66411" i="1"/>
  <c r="AD66412" i="1"/>
  <c r="AD66413" i="1"/>
  <c r="AD66414" i="1"/>
  <c r="AD66415" i="1"/>
  <c r="AD66416" i="1"/>
  <c r="AD66417" i="1"/>
  <c r="AD66418" i="1"/>
  <c r="AD66419" i="1"/>
  <c r="AD66420" i="1"/>
  <c r="AD66421" i="1"/>
  <c r="AD66422" i="1"/>
  <c r="AD66423" i="1"/>
  <c r="AD66424" i="1"/>
  <c r="AD66425" i="1"/>
  <c r="AD66426" i="1"/>
  <c r="AD66427" i="1"/>
  <c r="AD66428" i="1"/>
  <c r="AD66429" i="1"/>
  <c r="AD66430" i="1"/>
  <c r="AD66431" i="1"/>
  <c r="AD66432" i="1"/>
  <c r="AD66433" i="1"/>
  <c r="AD66434" i="1"/>
  <c r="AD66435" i="1"/>
  <c r="AD66436" i="1"/>
  <c r="AD66437" i="1"/>
  <c r="AD66438" i="1"/>
  <c r="AD66439" i="1"/>
  <c r="AD66440" i="1"/>
  <c r="AD66441" i="1"/>
  <c r="AD66442" i="1"/>
  <c r="AD66443" i="1"/>
  <c r="AD66444" i="1"/>
  <c r="AD66445" i="1"/>
  <c r="AD66446" i="1"/>
  <c r="AD66447" i="1"/>
  <c r="AD66448" i="1"/>
  <c r="AD66449" i="1"/>
  <c r="AD66450" i="1"/>
  <c r="AD66451" i="1"/>
  <c r="AD66452" i="1"/>
  <c r="AD66453" i="1"/>
  <c r="AD66454" i="1"/>
  <c r="AD66455" i="1"/>
  <c r="AD66456" i="1"/>
  <c r="AD66457" i="1"/>
  <c r="AD66458" i="1"/>
  <c r="AD66459" i="1"/>
  <c r="AD66460" i="1"/>
  <c r="AD66461" i="1"/>
  <c r="AD66462" i="1"/>
  <c r="AD66463" i="1"/>
  <c r="AD66464" i="1"/>
  <c r="AD66465" i="1"/>
  <c r="AD66466" i="1"/>
  <c r="AD66467" i="1"/>
  <c r="AD66468" i="1"/>
  <c r="AD66469" i="1"/>
  <c r="AD66470" i="1"/>
  <c r="AD66471" i="1"/>
  <c r="AD66472" i="1"/>
  <c r="AD66473" i="1"/>
  <c r="AD66474" i="1"/>
  <c r="AD66475" i="1"/>
  <c r="AD66476" i="1"/>
  <c r="AD66477" i="1"/>
  <c r="AD66478" i="1"/>
  <c r="AD66479" i="1"/>
  <c r="AD66480" i="1"/>
  <c r="AD66481" i="1"/>
  <c r="AD66482" i="1"/>
  <c r="AD66483" i="1"/>
  <c r="AD66484" i="1"/>
  <c r="AD66485" i="1"/>
  <c r="AD66486" i="1"/>
  <c r="AD66487" i="1"/>
  <c r="AD66488" i="1"/>
  <c r="AD66489" i="1"/>
  <c r="AD66490" i="1"/>
  <c r="AD66491" i="1"/>
  <c r="AD66492" i="1"/>
  <c r="AD66493" i="1"/>
  <c r="AD66494" i="1"/>
  <c r="AD66495" i="1"/>
  <c r="AD66496" i="1"/>
  <c r="AD66497" i="1"/>
  <c r="AD66498" i="1"/>
  <c r="AD66499" i="1"/>
  <c r="AD66500" i="1"/>
  <c r="AD66501" i="1"/>
  <c r="AD66502" i="1"/>
  <c r="AD66503" i="1"/>
  <c r="AD66504" i="1"/>
  <c r="AD66505" i="1"/>
  <c r="AD66506" i="1"/>
  <c r="AD66507" i="1"/>
  <c r="AD66508" i="1"/>
  <c r="AD66509" i="1"/>
  <c r="AD66510" i="1"/>
  <c r="AD66511" i="1"/>
  <c r="AD66512" i="1"/>
  <c r="AD66513" i="1"/>
  <c r="AD66514" i="1"/>
  <c r="AD66515" i="1"/>
  <c r="AD66516" i="1"/>
  <c r="AD66517" i="1"/>
  <c r="AD66518" i="1"/>
  <c r="AD66519" i="1"/>
  <c r="AD66520" i="1"/>
  <c r="AD66521" i="1"/>
  <c r="AD66522" i="1"/>
  <c r="AD66523" i="1"/>
  <c r="AD66524" i="1"/>
  <c r="AD66525" i="1"/>
  <c r="AD66526" i="1"/>
  <c r="AD66527" i="1"/>
  <c r="AD66528" i="1"/>
  <c r="AD66529" i="1"/>
  <c r="AD66530" i="1"/>
  <c r="AD66531" i="1"/>
  <c r="AD66532" i="1"/>
  <c r="AD66533" i="1"/>
  <c r="AD66534" i="1"/>
  <c r="AD66535" i="1"/>
  <c r="AD66536" i="1"/>
  <c r="AD66537" i="1"/>
  <c r="AD66538" i="1"/>
  <c r="AD66539" i="1"/>
  <c r="AD66540" i="1"/>
  <c r="AD66541" i="1"/>
  <c r="AD66542" i="1"/>
  <c r="AD66543" i="1"/>
  <c r="AD66544" i="1"/>
  <c r="AD66545" i="1"/>
  <c r="AD66546" i="1"/>
  <c r="AD66547" i="1"/>
  <c r="AD66548" i="1"/>
  <c r="AD66549" i="1"/>
  <c r="AD66550" i="1"/>
  <c r="AD66551" i="1"/>
  <c r="AD66552" i="1"/>
  <c r="AD66553" i="1"/>
  <c r="AD66554" i="1"/>
  <c r="AD66555" i="1"/>
  <c r="AD66556" i="1"/>
  <c r="AD66557" i="1"/>
  <c r="AD66558" i="1"/>
  <c r="AD66559" i="1"/>
  <c r="AD66560" i="1"/>
  <c r="AD66561" i="1"/>
  <c r="AD66562" i="1"/>
  <c r="AD66563" i="1"/>
  <c r="AD66564" i="1"/>
  <c r="AD66565" i="1"/>
  <c r="AD66566" i="1"/>
  <c r="AD66567" i="1"/>
  <c r="AD66568" i="1"/>
  <c r="AD66569" i="1"/>
  <c r="AD66570" i="1"/>
  <c r="AD66571" i="1"/>
  <c r="AD66572" i="1"/>
  <c r="AD66573" i="1"/>
  <c r="AD66574" i="1"/>
  <c r="AD66575" i="1"/>
  <c r="AD66576" i="1"/>
  <c r="AD66577" i="1"/>
  <c r="AD66578" i="1"/>
  <c r="AD66579" i="1"/>
  <c r="AD66580" i="1"/>
  <c r="AD66581" i="1"/>
  <c r="AD66582" i="1"/>
  <c r="AD66583" i="1"/>
  <c r="AD66584" i="1"/>
  <c r="AD66585" i="1"/>
  <c r="AD66586" i="1"/>
  <c r="AD66587" i="1"/>
  <c r="AD66588" i="1"/>
  <c r="AD66589" i="1"/>
  <c r="AD66590" i="1"/>
  <c r="AD66591" i="1"/>
  <c r="AD66592" i="1"/>
  <c r="AD66593" i="1"/>
  <c r="AD66594" i="1"/>
  <c r="AD66595" i="1"/>
  <c r="AD66596" i="1"/>
  <c r="AD66597" i="1"/>
  <c r="AD66598" i="1"/>
  <c r="AD66599" i="1"/>
  <c r="AD66600" i="1"/>
  <c r="AD66601" i="1"/>
  <c r="AD66602" i="1"/>
  <c r="AD66603" i="1"/>
  <c r="AD66604" i="1"/>
  <c r="AD66605" i="1"/>
  <c r="AD66606" i="1"/>
  <c r="AD66607" i="1"/>
  <c r="AD66608" i="1"/>
  <c r="AD66609" i="1"/>
  <c r="AD66610" i="1"/>
  <c r="AD66611" i="1"/>
  <c r="AD66612" i="1"/>
  <c r="AD66613" i="1"/>
  <c r="AD66614" i="1"/>
  <c r="AD66615" i="1"/>
  <c r="AD66616" i="1"/>
  <c r="AD66617" i="1"/>
  <c r="AD66618" i="1"/>
  <c r="AD66619" i="1"/>
  <c r="AD66620" i="1"/>
  <c r="AD66621" i="1"/>
  <c r="AD66622" i="1"/>
  <c r="AD66623" i="1"/>
  <c r="AD66624" i="1"/>
  <c r="AD66625" i="1"/>
  <c r="AD66626" i="1"/>
  <c r="AD66627" i="1"/>
  <c r="AD66628" i="1"/>
  <c r="AD66629" i="1"/>
  <c r="AD66630" i="1"/>
  <c r="AD66631" i="1"/>
  <c r="AD66632" i="1"/>
  <c r="AD66633" i="1"/>
  <c r="AD66634" i="1"/>
  <c r="AD66635" i="1"/>
  <c r="AD66636" i="1"/>
  <c r="AD66637" i="1"/>
  <c r="AD66638" i="1"/>
  <c r="AD66639" i="1"/>
  <c r="AD66640" i="1"/>
  <c r="AD66641" i="1"/>
  <c r="AD66642" i="1"/>
  <c r="AD66643" i="1"/>
  <c r="AD66644" i="1"/>
  <c r="AD66645" i="1"/>
  <c r="AD66646" i="1"/>
  <c r="AD66647" i="1"/>
  <c r="AD66648" i="1"/>
  <c r="AD66649" i="1"/>
  <c r="AD66650" i="1"/>
  <c r="AD66651" i="1"/>
  <c r="AD66652" i="1"/>
  <c r="AD66653" i="1"/>
  <c r="AD66654" i="1"/>
  <c r="AD66655" i="1"/>
  <c r="AD66656" i="1"/>
  <c r="AD66657" i="1"/>
  <c r="AD66658" i="1"/>
  <c r="AD66659" i="1"/>
  <c r="AD66660" i="1"/>
  <c r="AD66661" i="1"/>
  <c r="AD66662" i="1"/>
  <c r="AD66663" i="1"/>
  <c r="AD66664" i="1"/>
  <c r="AD66665" i="1"/>
  <c r="AD66666" i="1"/>
  <c r="AD66667" i="1"/>
  <c r="AD66668" i="1"/>
  <c r="AD66669" i="1"/>
  <c r="AD66670" i="1"/>
  <c r="AD66671" i="1"/>
  <c r="AD66672" i="1"/>
  <c r="AD66673" i="1"/>
  <c r="AD66674" i="1"/>
  <c r="AD66675" i="1"/>
  <c r="AD66676" i="1"/>
  <c r="AD66677" i="1"/>
  <c r="AD66678" i="1"/>
  <c r="AD66679" i="1"/>
  <c r="AD66680" i="1"/>
  <c r="AD66681" i="1"/>
  <c r="AD66682" i="1"/>
  <c r="AD66683" i="1"/>
  <c r="AD66684" i="1"/>
  <c r="AD66685" i="1"/>
  <c r="AD66686" i="1"/>
  <c r="AD66687" i="1"/>
  <c r="AD66688" i="1"/>
  <c r="AD66689" i="1"/>
  <c r="AD66690" i="1"/>
  <c r="AD66691" i="1"/>
  <c r="AD66692" i="1"/>
  <c r="AD66693" i="1"/>
  <c r="AD66694" i="1"/>
  <c r="AD66695" i="1"/>
  <c r="AD66696" i="1"/>
  <c r="AD66697" i="1"/>
  <c r="AD66698" i="1"/>
  <c r="AD66699" i="1"/>
  <c r="AD66700" i="1"/>
  <c r="AD66701" i="1"/>
  <c r="AD66702" i="1"/>
  <c r="AD66703" i="1"/>
  <c r="AD66704" i="1"/>
  <c r="AD66705" i="1"/>
  <c r="AD66706" i="1"/>
  <c r="AD66707" i="1"/>
  <c r="AD66708" i="1"/>
  <c r="AD66709" i="1"/>
  <c r="AD66710" i="1"/>
  <c r="AD66711" i="1"/>
  <c r="AD66712" i="1"/>
  <c r="AD66713" i="1"/>
  <c r="AD66714" i="1"/>
  <c r="AD66715" i="1"/>
  <c r="AD66716" i="1"/>
  <c r="AD66717" i="1"/>
  <c r="AD66718" i="1"/>
  <c r="AD66719" i="1"/>
  <c r="AD66720" i="1"/>
  <c r="AD66721" i="1"/>
  <c r="AD66722" i="1"/>
  <c r="AD66723" i="1"/>
  <c r="AD66724" i="1"/>
  <c r="AD66725" i="1"/>
  <c r="AD66726" i="1"/>
  <c r="AD66727" i="1"/>
  <c r="AD66728" i="1"/>
  <c r="AD66729" i="1"/>
  <c r="AD66730" i="1"/>
  <c r="AD66731" i="1"/>
  <c r="AD66732" i="1"/>
  <c r="AD66733" i="1"/>
  <c r="AD66734" i="1"/>
  <c r="AD66735" i="1"/>
  <c r="AD66736" i="1"/>
  <c r="AD66737" i="1"/>
  <c r="AD66738" i="1"/>
  <c r="AD66739" i="1"/>
  <c r="AD66740" i="1"/>
  <c r="AD66741" i="1"/>
  <c r="AD66742" i="1"/>
  <c r="AD66743" i="1"/>
  <c r="AD66744" i="1"/>
  <c r="AD66745" i="1"/>
  <c r="AD66746" i="1"/>
  <c r="AD66747" i="1"/>
  <c r="AD66748" i="1"/>
  <c r="AD66749" i="1"/>
  <c r="AD66750" i="1"/>
  <c r="AD66751" i="1"/>
  <c r="AD66752" i="1"/>
  <c r="AD66753" i="1"/>
  <c r="AD66754" i="1"/>
  <c r="AD66755" i="1"/>
  <c r="AD66756" i="1"/>
  <c r="AD66757" i="1"/>
  <c r="AD66758" i="1"/>
  <c r="AD66759" i="1"/>
  <c r="AD66760" i="1"/>
  <c r="AD66761" i="1"/>
  <c r="AD66762" i="1"/>
  <c r="AD66763" i="1"/>
  <c r="AD66764" i="1"/>
  <c r="AD66765" i="1"/>
  <c r="AD66766" i="1"/>
  <c r="AD66767" i="1"/>
  <c r="AD66768" i="1"/>
  <c r="AD66769" i="1"/>
  <c r="AD66770" i="1"/>
  <c r="AD66771" i="1"/>
  <c r="AD66772" i="1"/>
  <c r="AD66773" i="1"/>
  <c r="AD66774" i="1"/>
  <c r="AD66775" i="1"/>
  <c r="AD66776" i="1"/>
  <c r="AD66777" i="1"/>
  <c r="AD66778" i="1"/>
  <c r="AD66779" i="1"/>
  <c r="AD66780" i="1"/>
  <c r="AD66781" i="1"/>
  <c r="AD66782" i="1"/>
  <c r="AD66783" i="1"/>
  <c r="AD66784" i="1"/>
  <c r="AD66785" i="1"/>
  <c r="AD66786" i="1"/>
  <c r="AD66787" i="1"/>
  <c r="AD66788" i="1"/>
  <c r="AD66789" i="1"/>
  <c r="AD66790" i="1"/>
  <c r="AD66791" i="1"/>
  <c r="AD66792" i="1"/>
  <c r="AD66793" i="1"/>
  <c r="AD66794" i="1"/>
  <c r="AD66795" i="1"/>
  <c r="AD66796" i="1"/>
  <c r="AD66797" i="1"/>
  <c r="AD66798" i="1"/>
  <c r="AD66799" i="1"/>
  <c r="AD66800" i="1"/>
  <c r="AD66801" i="1"/>
  <c r="AD66802" i="1"/>
  <c r="AD66803" i="1"/>
  <c r="AD66804" i="1"/>
  <c r="AD66805" i="1"/>
  <c r="AD66806" i="1"/>
  <c r="AD66807" i="1"/>
  <c r="AD66808" i="1"/>
  <c r="AD66809" i="1"/>
  <c r="AD66810" i="1"/>
  <c r="AD66811" i="1"/>
  <c r="AD66812" i="1"/>
  <c r="AD66813" i="1"/>
  <c r="AD66814" i="1"/>
  <c r="AD66815" i="1"/>
  <c r="AD66816" i="1"/>
  <c r="AD66817" i="1"/>
  <c r="AD66818" i="1"/>
  <c r="AD66819" i="1"/>
  <c r="AD66820" i="1"/>
  <c r="AD66821" i="1"/>
  <c r="AD66822" i="1"/>
  <c r="AD66823" i="1"/>
  <c r="AD66824" i="1"/>
  <c r="AD66825" i="1"/>
  <c r="AD66826" i="1"/>
  <c r="AD66827" i="1"/>
  <c r="AD66828" i="1"/>
  <c r="AD66829" i="1"/>
  <c r="AD66830" i="1"/>
  <c r="AD66831" i="1"/>
  <c r="AD66832" i="1"/>
  <c r="AD66833" i="1"/>
  <c r="AD66834" i="1"/>
  <c r="AD66835" i="1"/>
  <c r="AD66836" i="1"/>
  <c r="AD66837" i="1"/>
  <c r="AD66838" i="1"/>
  <c r="AD66839" i="1"/>
  <c r="AD66840" i="1"/>
  <c r="AD66841" i="1"/>
  <c r="AD66842" i="1"/>
  <c r="AD66843" i="1"/>
  <c r="AD66844" i="1"/>
  <c r="AD66845" i="1"/>
  <c r="AD66846" i="1"/>
  <c r="AD66847" i="1"/>
  <c r="AD66848" i="1"/>
  <c r="AD66849" i="1"/>
  <c r="AD66850" i="1"/>
  <c r="AD66851" i="1"/>
  <c r="AD66852" i="1"/>
  <c r="AD66853" i="1"/>
  <c r="AD66854" i="1"/>
  <c r="AD66855" i="1"/>
  <c r="AD66856" i="1"/>
  <c r="AD66857" i="1"/>
  <c r="AD66858" i="1"/>
  <c r="AD66859" i="1"/>
  <c r="AD66860" i="1"/>
  <c r="AD66861" i="1"/>
  <c r="AD66862" i="1"/>
  <c r="AD66863" i="1"/>
  <c r="AD66864" i="1"/>
  <c r="AD66865" i="1"/>
  <c r="AD66866" i="1"/>
  <c r="AD66867" i="1"/>
  <c r="AD66868" i="1"/>
  <c r="AD66869" i="1"/>
  <c r="AD66870" i="1"/>
  <c r="AD66871" i="1"/>
  <c r="AD66872" i="1"/>
  <c r="AD66873" i="1"/>
  <c r="AD66874" i="1"/>
  <c r="AD66875" i="1"/>
  <c r="AD66876" i="1"/>
  <c r="AD66877" i="1"/>
  <c r="AD66878" i="1"/>
  <c r="AD66879" i="1"/>
  <c r="AD66880" i="1"/>
  <c r="AD66881" i="1"/>
  <c r="AD66882" i="1"/>
  <c r="AD66883" i="1"/>
  <c r="AD66884" i="1"/>
  <c r="AD66885" i="1"/>
  <c r="AD66886" i="1"/>
  <c r="AD66887" i="1"/>
  <c r="AD66888" i="1"/>
  <c r="AD66889" i="1"/>
  <c r="AD66890" i="1"/>
  <c r="AD66891" i="1"/>
  <c r="AD66892" i="1"/>
  <c r="AD66893" i="1"/>
  <c r="AD66894" i="1"/>
  <c r="AD66895" i="1"/>
  <c r="AD66896" i="1"/>
  <c r="AD66897" i="1"/>
  <c r="AD66898" i="1"/>
  <c r="AD66899" i="1"/>
  <c r="AD66900" i="1"/>
  <c r="AD66901" i="1"/>
  <c r="AD66902" i="1"/>
  <c r="AD66903" i="1"/>
  <c r="AD66904" i="1"/>
  <c r="AD66905" i="1"/>
  <c r="AD66906" i="1"/>
  <c r="AD66907" i="1"/>
  <c r="AD66908" i="1"/>
  <c r="AD66909" i="1"/>
  <c r="AD66910" i="1"/>
  <c r="AD66911" i="1"/>
  <c r="AD66912" i="1"/>
  <c r="AD66913" i="1"/>
  <c r="AD66914" i="1"/>
  <c r="AD66915" i="1"/>
  <c r="AD66916" i="1"/>
  <c r="AD66917" i="1"/>
  <c r="AD66918" i="1"/>
  <c r="AD66919" i="1"/>
  <c r="AD66920" i="1"/>
  <c r="AD66921" i="1"/>
  <c r="AD66922" i="1"/>
  <c r="AD66923" i="1"/>
  <c r="AD66924" i="1"/>
  <c r="AD66925" i="1"/>
  <c r="AD66926" i="1"/>
  <c r="AD66927" i="1"/>
  <c r="AD66928" i="1"/>
  <c r="AD66929" i="1"/>
  <c r="AD66930" i="1"/>
  <c r="AD66931" i="1"/>
  <c r="AD66932" i="1"/>
  <c r="AD66933" i="1"/>
  <c r="AD66934" i="1"/>
  <c r="AD66935" i="1"/>
  <c r="AD66936" i="1"/>
  <c r="AD66937" i="1"/>
  <c r="AD66938" i="1"/>
  <c r="AD66939" i="1"/>
  <c r="AD66940" i="1"/>
  <c r="AD66941" i="1"/>
  <c r="AD66942" i="1"/>
  <c r="AD66943" i="1"/>
  <c r="AD66944" i="1"/>
  <c r="AD66945" i="1"/>
  <c r="AD66946" i="1"/>
  <c r="AD66947" i="1"/>
  <c r="AD66948" i="1"/>
  <c r="AD66949" i="1"/>
  <c r="AD66950" i="1"/>
  <c r="AD66951" i="1"/>
  <c r="AD66952" i="1"/>
  <c r="AD66953" i="1"/>
  <c r="AD66954" i="1"/>
  <c r="AD66955" i="1"/>
  <c r="AD66956" i="1"/>
  <c r="AD66957" i="1"/>
  <c r="AD66958" i="1"/>
  <c r="AD66959" i="1"/>
  <c r="AD66960" i="1"/>
  <c r="AD66961" i="1"/>
  <c r="AD66962" i="1"/>
  <c r="AD66963" i="1"/>
  <c r="AD66964" i="1"/>
  <c r="AD66965" i="1"/>
  <c r="AD66966" i="1"/>
  <c r="AD66967" i="1"/>
  <c r="AD66968" i="1"/>
  <c r="AD66969" i="1"/>
  <c r="AD66970" i="1"/>
  <c r="AD66971" i="1"/>
  <c r="AD66972" i="1"/>
  <c r="AD66973" i="1"/>
  <c r="AD66974" i="1"/>
  <c r="AD66975" i="1"/>
  <c r="AD66976" i="1"/>
  <c r="AD66977" i="1"/>
  <c r="AD66978" i="1"/>
  <c r="AD66979" i="1"/>
  <c r="AD66980" i="1"/>
  <c r="AD66981" i="1"/>
  <c r="AD66982" i="1"/>
  <c r="AD66983" i="1"/>
  <c r="AD66984" i="1"/>
  <c r="AD66985" i="1"/>
  <c r="AD66986" i="1"/>
  <c r="AD66987" i="1"/>
  <c r="AD66988" i="1"/>
  <c r="AD66989" i="1"/>
  <c r="AD66990" i="1"/>
  <c r="AD66991" i="1"/>
  <c r="AD66992" i="1"/>
  <c r="AD66993" i="1"/>
  <c r="AD66994" i="1"/>
  <c r="AD66995" i="1"/>
  <c r="AD66996" i="1"/>
  <c r="AD66997" i="1"/>
  <c r="AD66998" i="1"/>
  <c r="AD66999" i="1"/>
  <c r="AD67000" i="1"/>
  <c r="AD67001" i="1"/>
  <c r="AD67002" i="1"/>
  <c r="AD67003" i="1"/>
  <c r="AD67004" i="1"/>
  <c r="AD67005" i="1"/>
  <c r="AD67006" i="1"/>
  <c r="AD67007" i="1"/>
  <c r="AD67008" i="1"/>
  <c r="AD67009" i="1"/>
  <c r="AD67010" i="1"/>
  <c r="AD67011" i="1"/>
  <c r="AD67012" i="1"/>
  <c r="AD67013" i="1"/>
  <c r="AD67014" i="1"/>
  <c r="AD67015" i="1"/>
  <c r="AD67016" i="1"/>
  <c r="AD67017" i="1"/>
  <c r="AD67018" i="1"/>
  <c r="AD67019" i="1"/>
  <c r="AD67020" i="1"/>
  <c r="AD67021" i="1"/>
  <c r="AD67022" i="1"/>
  <c r="AD67023" i="1"/>
  <c r="AD67024" i="1"/>
  <c r="AD67025" i="1"/>
  <c r="AD67026" i="1"/>
  <c r="AD67027" i="1"/>
  <c r="AD67028" i="1"/>
  <c r="AD67029" i="1"/>
  <c r="AD67030" i="1"/>
  <c r="AD67031" i="1"/>
  <c r="AD67032" i="1"/>
  <c r="AD67033" i="1"/>
  <c r="AD67034" i="1"/>
  <c r="AD67035" i="1"/>
  <c r="AD67036" i="1"/>
  <c r="AD67037" i="1"/>
  <c r="AD67038" i="1"/>
  <c r="AD67039" i="1"/>
  <c r="AD67040" i="1"/>
  <c r="AD67041" i="1"/>
  <c r="AD67042" i="1"/>
  <c r="AD67043" i="1"/>
  <c r="AD67044" i="1"/>
  <c r="AD67045" i="1"/>
  <c r="AD67046" i="1"/>
  <c r="AD67047" i="1"/>
  <c r="AD67048" i="1"/>
  <c r="AD67049" i="1"/>
  <c r="AD67050" i="1"/>
  <c r="AD67051" i="1"/>
  <c r="AD67052" i="1"/>
  <c r="AD67053" i="1"/>
  <c r="AD67054" i="1"/>
  <c r="AD67055" i="1"/>
  <c r="AD67056" i="1"/>
  <c r="AD67057" i="1"/>
  <c r="AD67058" i="1"/>
  <c r="AD67059" i="1"/>
  <c r="AD67060" i="1"/>
  <c r="AD67061" i="1"/>
  <c r="AD67062" i="1"/>
  <c r="AD67063" i="1"/>
  <c r="AD67064" i="1"/>
  <c r="AD67065" i="1"/>
  <c r="AD67066" i="1"/>
  <c r="AD67067" i="1"/>
  <c r="AD67068" i="1"/>
  <c r="AD67069" i="1"/>
  <c r="AD67070" i="1"/>
  <c r="AD67071" i="1"/>
  <c r="AD67072" i="1"/>
  <c r="AD67073" i="1"/>
  <c r="AD67074" i="1"/>
  <c r="AD67075" i="1"/>
  <c r="AD67076" i="1"/>
  <c r="AD67077" i="1"/>
  <c r="AD67078" i="1"/>
  <c r="AD67079" i="1"/>
  <c r="AD67080" i="1"/>
  <c r="AD67081" i="1"/>
  <c r="AD67082" i="1"/>
  <c r="AD67083" i="1"/>
  <c r="AD67084" i="1"/>
  <c r="AD67085" i="1"/>
  <c r="AD67086" i="1"/>
  <c r="AD67087" i="1"/>
  <c r="AD67088" i="1"/>
  <c r="AD67089" i="1"/>
  <c r="AD67090" i="1"/>
  <c r="AD67091" i="1"/>
  <c r="AD67092" i="1"/>
  <c r="AD67093" i="1"/>
  <c r="AD67094" i="1"/>
  <c r="AD67095" i="1"/>
  <c r="AD67096" i="1"/>
  <c r="AD67097" i="1"/>
  <c r="AD67098" i="1"/>
  <c r="AD67099" i="1"/>
  <c r="AD67100" i="1"/>
  <c r="AD67101" i="1"/>
  <c r="AD67102" i="1"/>
  <c r="AD67103" i="1"/>
  <c r="AD67104" i="1"/>
  <c r="AD67105" i="1"/>
  <c r="AD67106" i="1"/>
  <c r="AD67107" i="1"/>
  <c r="AD67108" i="1"/>
  <c r="AD67109" i="1"/>
  <c r="AD67110" i="1"/>
  <c r="AD67111" i="1"/>
  <c r="AD67112" i="1"/>
  <c r="AD67113" i="1"/>
  <c r="AD67114" i="1"/>
  <c r="AD67115" i="1"/>
  <c r="AD67116" i="1"/>
  <c r="AD67117" i="1"/>
  <c r="AD67118" i="1"/>
  <c r="AD67119" i="1"/>
  <c r="AD67120" i="1"/>
  <c r="AD67121" i="1"/>
  <c r="AD67122" i="1"/>
  <c r="AD67123" i="1"/>
  <c r="AD67124" i="1"/>
  <c r="AD67125" i="1"/>
  <c r="AD67126" i="1"/>
  <c r="AD67127" i="1"/>
  <c r="AD67128" i="1"/>
  <c r="AD67129" i="1"/>
  <c r="AD67130" i="1"/>
  <c r="AD67131" i="1"/>
  <c r="AD67132" i="1"/>
  <c r="AD67133" i="1"/>
  <c r="AD67134" i="1"/>
  <c r="AD67135" i="1"/>
  <c r="AD67136" i="1"/>
  <c r="AD67137" i="1"/>
  <c r="AD67138" i="1"/>
  <c r="AD67139" i="1"/>
  <c r="AD67140" i="1"/>
  <c r="AD67141" i="1"/>
  <c r="AD67142" i="1"/>
  <c r="AD67143" i="1"/>
  <c r="AD67144" i="1"/>
  <c r="AD67145" i="1"/>
  <c r="AD67146" i="1"/>
  <c r="AD67147" i="1"/>
  <c r="AD67148" i="1"/>
  <c r="AD67149" i="1"/>
  <c r="AD67150" i="1"/>
  <c r="AD67151" i="1"/>
  <c r="AD67152" i="1"/>
  <c r="AD67153" i="1"/>
  <c r="AD67154" i="1"/>
  <c r="AD67155" i="1"/>
  <c r="AD67156" i="1"/>
  <c r="AD67157" i="1"/>
  <c r="AD67158" i="1"/>
  <c r="AD67159" i="1"/>
  <c r="AD67160" i="1"/>
  <c r="AD67161" i="1"/>
  <c r="AD67162" i="1"/>
  <c r="AD67163" i="1"/>
  <c r="AD67164" i="1"/>
  <c r="AD67165" i="1"/>
  <c r="AD67166" i="1"/>
  <c r="AD67167" i="1"/>
  <c r="AD67168" i="1"/>
  <c r="AD67169" i="1"/>
  <c r="AD67170" i="1"/>
  <c r="AD67171" i="1"/>
  <c r="AD67172" i="1"/>
  <c r="AD67173" i="1"/>
  <c r="AD67174" i="1"/>
  <c r="AD67175" i="1"/>
  <c r="AD67176" i="1"/>
  <c r="AD67177" i="1"/>
  <c r="AD67178" i="1"/>
  <c r="AD67179" i="1"/>
  <c r="AD67180" i="1"/>
  <c r="AD67181" i="1"/>
  <c r="AD67182" i="1"/>
  <c r="AD67183" i="1"/>
  <c r="AD67184" i="1"/>
  <c r="AD67185" i="1"/>
  <c r="AD67186" i="1"/>
  <c r="AD67187" i="1"/>
  <c r="AD67188" i="1"/>
  <c r="AD67189" i="1"/>
  <c r="AD67190" i="1"/>
  <c r="AD67191" i="1"/>
  <c r="AD67192" i="1"/>
  <c r="AD67193" i="1"/>
  <c r="AD67194" i="1"/>
  <c r="AD67195" i="1"/>
  <c r="AD67196" i="1"/>
  <c r="AD67197" i="1"/>
  <c r="AD67198" i="1"/>
  <c r="AD67199" i="1"/>
  <c r="AD67200" i="1"/>
  <c r="AD67201" i="1"/>
  <c r="AD67202" i="1"/>
  <c r="AD67203" i="1"/>
  <c r="AD67204" i="1"/>
  <c r="AD67205" i="1"/>
  <c r="AD67206" i="1"/>
  <c r="AD67207" i="1"/>
  <c r="AD67208" i="1"/>
  <c r="AD67209" i="1"/>
  <c r="AD67210" i="1"/>
  <c r="AD67211" i="1"/>
  <c r="AD67212" i="1"/>
  <c r="AD67213" i="1"/>
  <c r="AD67214" i="1"/>
  <c r="AD67215" i="1"/>
  <c r="AD67216" i="1"/>
  <c r="AD67217" i="1"/>
  <c r="AD67218" i="1"/>
  <c r="AD67219" i="1"/>
  <c r="AD67220" i="1"/>
  <c r="AD67221" i="1"/>
  <c r="AD67222" i="1"/>
  <c r="AD67223" i="1"/>
  <c r="AD67224" i="1"/>
  <c r="AD67225" i="1"/>
  <c r="AD67226" i="1"/>
  <c r="AD67227" i="1"/>
  <c r="AD67228" i="1"/>
  <c r="AD67229" i="1"/>
  <c r="AD67230" i="1"/>
  <c r="AD67231" i="1"/>
  <c r="AD67232" i="1"/>
  <c r="AD67233" i="1"/>
  <c r="AD67234" i="1"/>
  <c r="AD67235" i="1"/>
  <c r="AD67236" i="1"/>
  <c r="AD67237" i="1"/>
  <c r="AD67238" i="1"/>
  <c r="AD67239" i="1"/>
  <c r="AD67240" i="1"/>
  <c r="AD67241" i="1"/>
  <c r="AD67242" i="1"/>
  <c r="AD67243" i="1"/>
  <c r="AD67244" i="1"/>
  <c r="AD67245" i="1"/>
  <c r="AD67246" i="1"/>
  <c r="AD67247" i="1"/>
  <c r="AD67248" i="1"/>
  <c r="AD67249" i="1"/>
  <c r="AD67250" i="1"/>
  <c r="AD67251" i="1"/>
  <c r="AD67252" i="1"/>
  <c r="AD67253" i="1"/>
  <c r="AD67254" i="1"/>
  <c r="AD67255" i="1"/>
  <c r="AD67256" i="1"/>
  <c r="AD67257" i="1"/>
  <c r="AD67258" i="1"/>
  <c r="AD67259" i="1"/>
  <c r="AD67260" i="1"/>
  <c r="AD67261" i="1"/>
  <c r="AD67262" i="1"/>
  <c r="AD67263" i="1"/>
  <c r="AD67264" i="1"/>
  <c r="AD67265" i="1"/>
  <c r="AD67266" i="1"/>
  <c r="AD67267" i="1"/>
  <c r="AD67268" i="1"/>
  <c r="AD67269" i="1"/>
  <c r="AD67270" i="1"/>
  <c r="AD67271" i="1"/>
  <c r="AD67272" i="1"/>
  <c r="AD67273" i="1"/>
  <c r="AD67274" i="1"/>
  <c r="AD67275" i="1"/>
  <c r="AD67276" i="1"/>
  <c r="AD67277" i="1"/>
  <c r="AD67278" i="1"/>
  <c r="AD67279" i="1"/>
  <c r="AD67280" i="1"/>
  <c r="AD67281" i="1"/>
  <c r="AD67282" i="1"/>
  <c r="AD67283" i="1"/>
  <c r="AD67284" i="1"/>
  <c r="AD67285" i="1"/>
  <c r="AD67286" i="1"/>
  <c r="AD67287" i="1"/>
  <c r="AD67288" i="1"/>
  <c r="AD67289" i="1"/>
  <c r="AD67290" i="1"/>
  <c r="AD67291" i="1"/>
  <c r="AD67292" i="1"/>
  <c r="AD67293" i="1"/>
  <c r="AD67294" i="1"/>
  <c r="AD67295" i="1"/>
  <c r="AD67296" i="1"/>
  <c r="AD67297" i="1"/>
  <c r="AD67298" i="1"/>
  <c r="AD67299" i="1"/>
  <c r="AD67300" i="1"/>
  <c r="AD67301" i="1"/>
  <c r="AD67302" i="1"/>
  <c r="AD67303" i="1"/>
  <c r="AD67304" i="1"/>
  <c r="AD67305" i="1"/>
  <c r="AD67306" i="1"/>
  <c r="AD67307" i="1"/>
  <c r="AD67308" i="1"/>
  <c r="AD67309" i="1"/>
  <c r="AD67310" i="1"/>
  <c r="AD67311" i="1"/>
  <c r="AD67312" i="1"/>
  <c r="AD67313" i="1"/>
  <c r="AD67314" i="1"/>
  <c r="AD67315" i="1"/>
  <c r="AD67316" i="1"/>
  <c r="AD67317" i="1"/>
  <c r="AD67318" i="1"/>
  <c r="AD67319" i="1"/>
  <c r="AD67320" i="1"/>
  <c r="AD67321" i="1"/>
  <c r="AD67322" i="1"/>
  <c r="AD67323" i="1"/>
  <c r="AD67324" i="1"/>
  <c r="AD67325" i="1"/>
  <c r="AD67326" i="1"/>
  <c r="AD67327" i="1"/>
  <c r="AD67328" i="1"/>
  <c r="AD67329" i="1"/>
  <c r="AD67330" i="1"/>
  <c r="AD67331" i="1"/>
  <c r="AD67332" i="1"/>
  <c r="AD67333" i="1"/>
  <c r="AD67334" i="1"/>
  <c r="AD67335" i="1"/>
  <c r="AD67336" i="1"/>
  <c r="AD67337" i="1"/>
  <c r="AD67338" i="1"/>
  <c r="AD67339" i="1"/>
  <c r="AD67340" i="1"/>
  <c r="AD67341" i="1"/>
  <c r="AD67342" i="1"/>
  <c r="AD67343" i="1"/>
  <c r="AD67344" i="1"/>
  <c r="AD67345" i="1"/>
  <c r="AD67346" i="1"/>
  <c r="AD67347" i="1"/>
  <c r="AD67348" i="1"/>
  <c r="AD67349" i="1"/>
  <c r="AD67350" i="1"/>
  <c r="AD67351" i="1"/>
  <c r="AD67352" i="1"/>
  <c r="AD67353" i="1"/>
  <c r="AD67354" i="1"/>
  <c r="AD67355" i="1"/>
  <c r="AD67356" i="1"/>
  <c r="AD67357" i="1"/>
  <c r="AD67358" i="1"/>
  <c r="AD67359" i="1"/>
  <c r="AD67360" i="1"/>
  <c r="AD67361" i="1"/>
  <c r="AD67362" i="1"/>
  <c r="AD67363" i="1"/>
  <c r="AD67364" i="1"/>
  <c r="AD67365" i="1"/>
  <c r="AD67366" i="1"/>
  <c r="AD67367" i="1"/>
  <c r="AD67368" i="1"/>
  <c r="AD67369" i="1"/>
  <c r="AD67370" i="1"/>
  <c r="AD67371" i="1"/>
  <c r="AD67372" i="1"/>
  <c r="AD67373" i="1"/>
  <c r="AD67374" i="1"/>
  <c r="AD67375" i="1"/>
  <c r="AD67376" i="1"/>
  <c r="AD67377" i="1"/>
  <c r="AD67378" i="1"/>
  <c r="AD67379" i="1"/>
  <c r="AD67380" i="1"/>
  <c r="AD67381" i="1"/>
  <c r="AD67382" i="1"/>
  <c r="AD67383" i="1"/>
  <c r="AD67384" i="1"/>
  <c r="AD67385" i="1"/>
  <c r="AD67386" i="1"/>
  <c r="AD67387" i="1"/>
  <c r="AD67388" i="1"/>
  <c r="AD67389" i="1"/>
  <c r="AD67390" i="1"/>
  <c r="AD67391" i="1"/>
  <c r="AD67392" i="1"/>
  <c r="AD67393" i="1"/>
  <c r="AD67394" i="1"/>
  <c r="AD67395" i="1"/>
  <c r="AD67396" i="1"/>
  <c r="AD67397" i="1"/>
  <c r="AD67398" i="1"/>
  <c r="AD67399" i="1"/>
  <c r="AD67400" i="1"/>
  <c r="AD67401" i="1"/>
  <c r="AD67402" i="1"/>
  <c r="AD67403" i="1"/>
  <c r="AD67404" i="1"/>
  <c r="AD67405" i="1"/>
  <c r="AD67406" i="1"/>
  <c r="AD67407" i="1"/>
  <c r="AD67408" i="1"/>
  <c r="AD67409" i="1"/>
  <c r="AD67410" i="1"/>
  <c r="AD67411" i="1"/>
  <c r="AD67412" i="1"/>
  <c r="AD67413" i="1"/>
  <c r="AD67414" i="1"/>
  <c r="AD67415" i="1"/>
  <c r="AD67416" i="1"/>
  <c r="AD67417" i="1"/>
  <c r="AD67418" i="1"/>
  <c r="AD67419" i="1"/>
  <c r="AD67420" i="1"/>
  <c r="AD67421" i="1"/>
  <c r="AD67422" i="1"/>
  <c r="AD67423" i="1"/>
  <c r="AD67424" i="1"/>
  <c r="AD67425" i="1"/>
  <c r="AD67426" i="1"/>
  <c r="AD67427" i="1"/>
  <c r="AD67428" i="1"/>
  <c r="AD67429" i="1"/>
  <c r="AD67430" i="1"/>
  <c r="AD67431" i="1"/>
  <c r="AD67432" i="1"/>
  <c r="AD67433" i="1"/>
  <c r="AD67434" i="1"/>
  <c r="AD67435" i="1"/>
  <c r="AD67436" i="1"/>
  <c r="AD67437" i="1"/>
  <c r="AD67438" i="1"/>
  <c r="AD67439" i="1"/>
  <c r="AD67440" i="1"/>
  <c r="AD67441" i="1"/>
  <c r="AD67442" i="1"/>
  <c r="AD67443" i="1"/>
  <c r="AD67444" i="1"/>
  <c r="AD67445" i="1"/>
  <c r="AD67446" i="1"/>
  <c r="AD67447" i="1"/>
  <c r="AD67448" i="1"/>
  <c r="AD67449" i="1"/>
  <c r="AD67450" i="1"/>
  <c r="AD67451" i="1"/>
  <c r="AD67452" i="1"/>
  <c r="AD67453" i="1"/>
  <c r="AD67454" i="1"/>
  <c r="AD67455" i="1"/>
  <c r="AD67456" i="1"/>
  <c r="AD67457" i="1"/>
  <c r="AD67458" i="1"/>
  <c r="AD67459" i="1"/>
  <c r="AD67460" i="1"/>
  <c r="AD67461" i="1"/>
  <c r="AD67462" i="1"/>
  <c r="AD67463" i="1"/>
  <c r="AD67464" i="1"/>
  <c r="AD67465" i="1"/>
  <c r="AD67466" i="1"/>
  <c r="AD67467" i="1"/>
  <c r="AD67468" i="1"/>
  <c r="AD67469" i="1"/>
  <c r="AD67470" i="1"/>
  <c r="AD67471" i="1"/>
  <c r="AD67472" i="1"/>
  <c r="AD67473" i="1"/>
  <c r="AD67474" i="1"/>
  <c r="AD67475" i="1"/>
  <c r="AD67476" i="1"/>
  <c r="AD67477" i="1"/>
  <c r="AD67478" i="1"/>
  <c r="AD67479" i="1"/>
  <c r="AD67480" i="1"/>
  <c r="AD67481" i="1"/>
  <c r="AD67482" i="1"/>
  <c r="AD67483" i="1"/>
  <c r="AD67484" i="1"/>
  <c r="AD67485" i="1"/>
  <c r="AD67486" i="1"/>
  <c r="AD67487" i="1"/>
  <c r="AD67488" i="1"/>
  <c r="AD67489" i="1"/>
  <c r="AD67490" i="1"/>
  <c r="AD67491" i="1"/>
  <c r="AD67492" i="1"/>
  <c r="AD67493" i="1"/>
  <c r="AD67494" i="1"/>
  <c r="AD67495" i="1"/>
  <c r="AD67496" i="1"/>
  <c r="AD67497" i="1"/>
  <c r="AD67498" i="1"/>
  <c r="AD67499" i="1"/>
  <c r="AD67500" i="1"/>
  <c r="AD67501" i="1"/>
  <c r="AD67502" i="1"/>
  <c r="AD67503" i="1"/>
  <c r="AD67504" i="1"/>
  <c r="AD67505" i="1"/>
  <c r="AD67506" i="1"/>
  <c r="AD67507" i="1"/>
  <c r="AD67508" i="1"/>
  <c r="AD67509" i="1"/>
  <c r="AD67510" i="1"/>
  <c r="AD67511" i="1"/>
  <c r="AD67512" i="1"/>
  <c r="AD67513" i="1"/>
  <c r="AD67514" i="1"/>
  <c r="AD67515" i="1"/>
  <c r="AD67516" i="1"/>
  <c r="AD67517" i="1"/>
  <c r="AD67518" i="1"/>
  <c r="AD67519" i="1"/>
  <c r="AD67520" i="1"/>
  <c r="AD67521" i="1"/>
  <c r="AD67522" i="1"/>
  <c r="AD67523" i="1"/>
  <c r="AD67524" i="1"/>
  <c r="AD67525" i="1"/>
  <c r="AD67526" i="1"/>
  <c r="AD67527" i="1"/>
  <c r="AD67528" i="1"/>
  <c r="AD67529" i="1"/>
  <c r="AD67530" i="1"/>
  <c r="AD67531" i="1"/>
  <c r="AD67532" i="1"/>
  <c r="AD67533" i="1"/>
  <c r="AD67534" i="1"/>
  <c r="AD67535" i="1"/>
  <c r="AD67536" i="1"/>
  <c r="AD67537" i="1"/>
  <c r="AD67538" i="1"/>
  <c r="AD67539" i="1"/>
  <c r="AD67540" i="1"/>
  <c r="AD67541" i="1"/>
  <c r="AD67542" i="1"/>
  <c r="AD67543" i="1"/>
  <c r="AD67544" i="1"/>
  <c r="AD67545" i="1"/>
  <c r="AD67546" i="1"/>
  <c r="AD67547" i="1"/>
  <c r="AD67548" i="1"/>
  <c r="AD67549" i="1"/>
  <c r="AD67550" i="1"/>
  <c r="AD67551" i="1"/>
  <c r="AD67552" i="1"/>
  <c r="AD67553" i="1"/>
  <c r="AD67554" i="1"/>
  <c r="AD67555" i="1"/>
  <c r="AD67556" i="1"/>
  <c r="AD67557" i="1"/>
  <c r="AD67558" i="1"/>
  <c r="AD67559" i="1"/>
  <c r="AD67560" i="1"/>
  <c r="AD67561" i="1"/>
  <c r="AD67562" i="1"/>
  <c r="AD67563" i="1"/>
  <c r="AD67564" i="1"/>
  <c r="AD67565" i="1"/>
  <c r="AD67566" i="1"/>
  <c r="AD67567" i="1"/>
  <c r="AD67568" i="1"/>
  <c r="AD67569" i="1"/>
  <c r="AD67570" i="1"/>
  <c r="AD67571" i="1"/>
  <c r="AD67572" i="1"/>
  <c r="AD67573" i="1"/>
  <c r="AD67574" i="1"/>
  <c r="AD67575" i="1"/>
  <c r="AD67576" i="1"/>
  <c r="AD67577" i="1"/>
  <c r="AD67578" i="1"/>
  <c r="AD67579" i="1"/>
  <c r="AD67580" i="1"/>
  <c r="AD67581" i="1"/>
  <c r="AD67582" i="1"/>
  <c r="AD67583" i="1"/>
  <c r="AD67584" i="1"/>
  <c r="AD67585" i="1"/>
  <c r="AD67586" i="1"/>
  <c r="AD67587" i="1"/>
  <c r="AD67588" i="1"/>
  <c r="AD67589" i="1"/>
  <c r="AD67590" i="1"/>
  <c r="AD67591" i="1"/>
  <c r="AD67592" i="1"/>
  <c r="AD67593" i="1"/>
  <c r="AD67594" i="1"/>
  <c r="AD67595" i="1"/>
  <c r="AD67596" i="1"/>
  <c r="AD67597" i="1"/>
  <c r="AD67598" i="1"/>
  <c r="AD67599" i="1"/>
  <c r="AD67600" i="1"/>
  <c r="AD67601" i="1"/>
  <c r="AD67602" i="1"/>
  <c r="AD67603" i="1"/>
  <c r="AD67604" i="1"/>
  <c r="AD67605" i="1"/>
  <c r="AD67606" i="1"/>
  <c r="AD67607" i="1"/>
  <c r="AD67608" i="1"/>
  <c r="AD67609" i="1"/>
  <c r="AD67610" i="1"/>
  <c r="AD67611" i="1"/>
  <c r="AD67612" i="1"/>
  <c r="AD67613" i="1"/>
  <c r="AD67614" i="1"/>
  <c r="AD67615" i="1"/>
  <c r="AD67616" i="1"/>
  <c r="AD67617" i="1"/>
  <c r="AD67618" i="1"/>
  <c r="AD67619" i="1"/>
  <c r="AD67620" i="1"/>
  <c r="AD67621" i="1"/>
  <c r="AD67622" i="1"/>
  <c r="AD67623" i="1"/>
  <c r="AD67624" i="1"/>
  <c r="AD67625" i="1"/>
  <c r="AD67626" i="1"/>
  <c r="AD67627" i="1"/>
  <c r="AD67628" i="1"/>
  <c r="AD67629" i="1"/>
  <c r="AD67630" i="1"/>
  <c r="AD67631" i="1"/>
  <c r="AD67632" i="1"/>
  <c r="AD67633" i="1"/>
  <c r="AD67634" i="1"/>
  <c r="AD67635" i="1"/>
  <c r="AD67636" i="1"/>
  <c r="AD67637" i="1"/>
  <c r="AD67638" i="1"/>
  <c r="AD67639" i="1"/>
  <c r="AD67640" i="1"/>
  <c r="AD67641" i="1"/>
  <c r="AD67642" i="1"/>
  <c r="AD67643" i="1"/>
  <c r="AD67644" i="1"/>
  <c r="AD67645" i="1"/>
  <c r="AD67646" i="1"/>
  <c r="AD67647" i="1"/>
  <c r="AD67648" i="1"/>
  <c r="AD67649" i="1"/>
  <c r="AD67650" i="1"/>
  <c r="AD67651" i="1"/>
  <c r="AD67652" i="1"/>
  <c r="AD67653" i="1"/>
  <c r="AD67654" i="1"/>
  <c r="AD67655" i="1"/>
  <c r="AD67656" i="1"/>
  <c r="AD67657" i="1"/>
  <c r="AD67658" i="1"/>
  <c r="AD67659" i="1"/>
  <c r="AD67660" i="1"/>
  <c r="AD67661" i="1"/>
  <c r="AD67662" i="1"/>
  <c r="AD67663" i="1"/>
  <c r="AD67664" i="1"/>
  <c r="AD67665" i="1"/>
  <c r="AD67666" i="1"/>
  <c r="AD67667" i="1"/>
  <c r="AD67668" i="1"/>
  <c r="AD67669" i="1"/>
  <c r="AD67670" i="1"/>
  <c r="AD67671" i="1"/>
  <c r="AD67672" i="1"/>
  <c r="AD67673" i="1"/>
  <c r="AD67674" i="1"/>
  <c r="AD67675" i="1"/>
  <c r="AD67676" i="1"/>
  <c r="AD67677" i="1"/>
  <c r="AD67678" i="1"/>
  <c r="AD67679" i="1"/>
  <c r="AD67680" i="1"/>
  <c r="AD67681" i="1"/>
  <c r="AD67682" i="1"/>
  <c r="AD67683" i="1"/>
  <c r="AD67684" i="1"/>
  <c r="AD67685" i="1"/>
  <c r="AD67686" i="1"/>
  <c r="AD67687" i="1"/>
  <c r="AD67688" i="1"/>
  <c r="AD67689" i="1"/>
  <c r="AD67690" i="1"/>
  <c r="AD67691" i="1"/>
  <c r="AD67692" i="1"/>
  <c r="AD67693" i="1"/>
  <c r="AD67694" i="1"/>
  <c r="AD67695" i="1"/>
  <c r="AD67696" i="1"/>
  <c r="AD67697" i="1"/>
  <c r="AD67698" i="1"/>
  <c r="AD67699" i="1"/>
  <c r="AD67700" i="1"/>
  <c r="AD67701" i="1"/>
  <c r="AD67702" i="1"/>
  <c r="AD67703" i="1"/>
  <c r="AD67704" i="1"/>
  <c r="AD67705" i="1"/>
  <c r="AD67706" i="1"/>
  <c r="AD67707" i="1"/>
  <c r="AD67708" i="1"/>
  <c r="AD67709" i="1"/>
  <c r="AD67710" i="1"/>
  <c r="AD67711" i="1"/>
  <c r="AD67712" i="1"/>
  <c r="AD67713" i="1"/>
  <c r="AD67714" i="1"/>
  <c r="AD67715" i="1"/>
  <c r="AD67716" i="1"/>
  <c r="AD67717" i="1"/>
  <c r="AD67718" i="1"/>
  <c r="AD67719" i="1"/>
  <c r="AD67720" i="1"/>
  <c r="AD67721" i="1"/>
  <c r="AD67722" i="1"/>
  <c r="AD67723" i="1"/>
  <c r="AD67724" i="1"/>
  <c r="AD67725" i="1"/>
  <c r="AD67726" i="1"/>
  <c r="AD67727" i="1"/>
  <c r="AD67728" i="1"/>
  <c r="AD67729" i="1"/>
  <c r="AD67730" i="1"/>
  <c r="AD67731" i="1"/>
  <c r="AD67732" i="1"/>
  <c r="AD67733" i="1"/>
  <c r="AD67734" i="1"/>
  <c r="AD67735" i="1"/>
  <c r="AD67736" i="1"/>
  <c r="AD67737" i="1"/>
  <c r="AD67738" i="1"/>
  <c r="AD67739" i="1"/>
  <c r="AD67740" i="1"/>
  <c r="AD67741" i="1"/>
  <c r="AD67742" i="1"/>
  <c r="AD67743" i="1"/>
  <c r="AD67744" i="1"/>
  <c r="AD67745" i="1"/>
  <c r="AD67746" i="1"/>
  <c r="AD67747" i="1"/>
  <c r="AD67748" i="1"/>
  <c r="AD67749" i="1"/>
  <c r="AD67750" i="1"/>
  <c r="AD67751" i="1"/>
  <c r="AD67752" i="1"/>
  <c r="AD67753" i="1"/>
  <c r="AD67754" i="1"/>
  <c r="AD67755" i="1"/>
  <c r="AD67756" i="1"/>
  <c r="AD67757" i="1"/>
  <c r="AD67758" i="1"/>
  <c r="AD67759" i="1"/>
  <c r="AD67760" i="1"/>
  <c r="AD67761" i="1"/>
  <c r="AD67762" i="1"/>
  <c r="AD67763" i="1"/>
  <c r="AD67764" i="1"/>
  <c r="AD67765" i="1"/>
  <c r="AD67766" i="1"/>
  <c r="AD67767" i="1"/>
  <c r="AD67768" i="1"/>
  <c r="AD67769" i="1"/>
  <c r="AD67770" i="1"/>
  <c r="AD67771" i="1"/>
  <c r="AD67772" i="1"/>
  <c r="AD67773" i="1"/>
  <c r="AD67774" i="1"/>
  <c r="AD67775" i="1"/>
  <c r="AD67776" i="1"/>
  <c r="AD67777" i="1"/>
  <c r="AD67778" i="1"/>
  <c r="AD67779" i="1"/>
  <c r="AD67780" i="1"/>
  <c r="AD67781" i="1"/>
  <c r="AD67782" i="1"/>
  <c r="AD67783" i="1"/>
  <c r="AD67784" i="1"/>
  <c r="AD67785" i="1"/>
  <c r="AD67786" i="1"/>
  <c r="AD67787" i="1"/>
  <c r="AD67788" i="1"/>
  <c r="AD67789" i="1"/>
  <c r="AD67790" i="1"/>
  <c r="AD67791" i="1"/>
  <c r="AD67792" i="1"/>
  <c r="AD67793" i="1"/>
  <c r="AD67794" i="1"/>
  <c r="AD67795" i="1"/>
  <c r="AD67796" i="1"/>
  <c r="AD67797" i="1"/>
  <c r="AD67798" i="1"/>
  <c r="AD67799" i="1"/>
  <c r="AD67800" i="1"/>
  <c r="AD67801" i="1"/>
  <c r="AD67802" i="1"/>
  <c r="AD67803" i="1"/>
  <c r="AD67804" i="1"/>
  <c r="AD67805" i="1"/>
  <c r="AD67806" i="1"/>
  <c r="AD67807" i="1"/>
  <c r="AD67808" i="1"/>
  <c r="AD67809" i="1"/>
  <c r="AD67810" i="1"/>
  <c r="AD67811" i="1"/>
  <c r="AD67812" i="1"/>
  <c r="AD67813" i="1"/>
  <c r="AD67814" i="1"/>
  <c r="AD67815" i="1"/>
  <c r="AD67816" i="1"/>
  <c r="AD67817" i="1"/>
  <c r="AD67818" i="1"/>
  <c r="AD67819" i="1"/>
  <c r="AD67820" i="1"/>
  <c r="AD67821" i="1"/>
  <c r="AD67822" i="1"/>
  <c r="AD67823" i="1"/>
  <c r="AD67824" i="1"/>
  <c r="AD67825" i="1"/>
  <c r="AD67826" i="1"/>
  <c r="AD67827" i="1"/>
  <c r="AD67828" i="1"/>
  <c r="AD67829" i="1"/>
  <c r="AD67830" i="1"/>
  <c r="AD67831" i="1"/>
  <c r="AD67832" i="1"/>
  <c r="AD67833" i="1"/>
  <c r="AD67834" i="1"/>
  <c r="AD67835" i="1"/>
  <c r="AD67836" i="1"/>
  <c r="AD67837" i="1"/>
  <c r="AD67838" i="1"/>
  <c r="AD67839" i="1"/>
  <c r="AD67840" i="1"/>
  <c r="AD67841" i="1"/>
  <c r="AD67842" i="1"/>
  <c r="AD67843" i="1"/>
  <c r="AD67844" i="1"/>
  <c r="AD67845" i="1"/>
  <c r="AD67846" i="1"/>
  <c r="AD67847" i="1"/>
  <c r="AD67848" i="1"/>
  <c r="AD67849" i="1"/>
  <c r="AD67850" i="1"/>
  <c r="AD67851" i="1"/>
  <c r="AD67852" i="1"/>
  <c r="AD67853" i="1"/>
  <c r="AD67854" i="1"/>
  <c r="AD67855" i="1"/>
  <c r="AD67856" i="1"/>
  <c r="AD67857" i="1"/>
  <c r="AD67858" i="1"/>
  <c r="AD67859" i="1"/>
  <c r="AD67860" i="1"/>
  <c r="AD67861" i="1"/>
  <c r="AD67862" i="1"/>
  <c r="AD67863" i="1"/>
  <c r="AD67864" i="1"/>
  <c r="AD67865" i="1"/>
  <c r="AD67866" i="1"/>
  <c r="AD67867" i="1"/>
  <c r="AD67868" i="1"/>
  <c r="AD67869" i="1"/>
  <c r="AD67870" i="1"/>
  <c r="AD67871" i="1"/>
  <c r="AD67872" i="1"/>
  <c r="AD67873" i="1"/>
  <c r="AD67874" i="1"/>
  <c r="AD67875" i="1"/>
  <c r="AD67876" i="1"/>
  <c r="AD67877" i="1"/>
  <c r="AD67878" i="1"/>
  <c r="AD67879" i="1"/>
  <c r="AD67880" i="1"/>
  <c r="AD67881" i="1"/>
  <c r="AD67882" i="1"/>
  <c r="AD67883" i="1"/>
  <c r="AD67884" i="1"/>
  <c r="AD67885" i="1"/>
  <c r="AD67886" i="1"/>
  <c r="AD67887" i="1"/>
  <c r="AD67888" i="1"/>
  <c r="AD67889" i="1"/>
  <c r="AD67890" i="1"/>
  <c r="AD67891" i="1"/>
  <c r="AD67892" i="1"/>
  <c r="AD67893" i="1"/>
  <c r="AD67894" i="1"/>
  <c r="AD67895" i="1"/>
  <c r="AD67896" i="1"/>
  <c r="AD67897" i="1"/>
  <c r="AD67898" i="1"/>
  <c r="AD67899" i="1"/>
  <c r="AD67900" i="1"/>
  <c r="AD67901" i="1"/>
  <c r="AD67902" i="1"/>
  <c r="AD67903" i="1"/>
  <c r="AD67904" i="1"/>
  <c r="AD67905" i="1"/>
  <c r="AD67906" i="1"/>
  <c r="AD67907" i="1"/>
  <c r="AD67908" i="1"/>
  <c r="AD67909" i="1"/>
  <c r="AD67910" i="1"/>
  <c r="AD67911" i="1"/>
  <c r="AD67912" i="1"/>
  <c r="AD67913" i="1"/>
  <c r="AD67914" i="1"/>
  <c r="AD67915" i="1"/>
  <c r="AD67916" i="1"/>
  <c r="AD67917" i="1"/>
  <c r="AD67918" i="1"/>
  <c r="AD67919" i="1"/>
  <c r="AD67920" i="1"/>
  <c r="AD67921" i="1"/>
  <c r="AD67922" i="1"/>
  <c r="AD67923" i="1"/>
  <c r="AD67924" i="1"/>
  <c r="AD67925" i="1"/>
  <c r="AD67926" i="1"/>
  <c r="AD67927" i="1"/>
  <c r="AD67928" i="1"/>
  <c r="AD67929" i="1"/>
  <c r="AD67930" i="1"/>
  <c r="AD67931" i="1"/>
  <c r="AD67932" i="1"/>
  <c r="AD67933" i="1"/>
  <c r="AD67934" i="1"/>
  <c r="AD67935" i="1"/>
  <c r="AD67936" i="1"/>
  <c r="AD67937" i="1"/>
  <c r="AD67938" i="1"/>
  <c r="AD67939" i="1"/>
  <c r="AD67940" i="1"/>
  <c r="AD67941" i="1"/>
  <c r="AD67942" i="1"/>
  <c r="AD67943" i="1"/>
  <c r="AD67944" i="1"/>
  <c r="AD67945" i="1"/>
  <c r="AD67946" i="1"/>
  <c r="AD67947" i="1"/>
  <c r="AD67948" i="1"/>
  <c r="AD67949" i="1"/>
  <c r="AD67950" i="1"/>
  <c r="AD67951" i="1"/>
  <c r="AD67952" i="1"/>
  <c r="AD67953" i="1"/>
  <c r="AD67954" i="1"/>
  <c r="AD67955" i="1"/>
  <c r="AD67956" i="1"/>
  <c r="AD67957" i="1"/>
  <c r="AD67958" i="1"/>
  <c r="AD67959" i="1"/>
  <c r="AD67960" i="1"/>
  <c r="AD67961" i="1"/>
  <c r="AD67962" i="1"/>
  <c r="AD67963" i="1"/>
  <c r="AD67964" i="1"/>
  <c r="AD67965" i="1"/>
  <c r="AD67966" i="1"/>
  <c r="AD67967" i="1"/>
  <c r="AD67968" i="1"/>
  <c r="AD67969" i="1"/>
  <c r="AD67970" i="1"/>
  <c r="AD67971" i="1"/>
  <c r="AD67972" i="1"/>
  <c r="AD67973" i="1"/>
  <c r="AD67974" i="1"/>
  <c r="AD67975" i="1"/>
  <c r="AD67976" i="1"/>
  <c r="AD67977" i="1"/>
  <c r="AD67978" i="1"/>
  <c r="AD67979" i="1"/>
  <c r="AD67980" i="1"/>
  <c r="AD67981" i="1"/>
  <c r="AD67982" i="1"/>
  <c r="AD67983" i="1"/>
  <c r="AD67984" i="1"/>
  <c r="AD67985" i="1"/>
  <c r="AD67986" i="1"/>
  <c r="AD67987" i="1"/>
  <c r="AD67988" i="1"/>
  <c r="AD67989" i="1"/>
  <c r="AD67990" i="1"/>
  <c r="AD67991" i="1"/>
  <c r="AD67992" i="1"/>
  <c r="AD67993" i="1"/>
  <c r="AD67994" i="1"/>
  <c r="AD67995" i="1"/>
  <c r="AD67996" i="1"/>
  <c r="AD67997" i="1"/>
  <c r="AD67998" i="1"/>
  <c r="AD67999" i="1"/>
  <c r="AD68000" i="1"/>
  <c r="AD68001" i="1"/>
  <c r="AD68002" i="1"/>
  <c r="AD68003" i="1"/>
  <c r="AD68004" i="1"/>
  <c r="AD68005" i="1"/>
  <c r="AD68006" i="1"/>
  <c r="AD68007" i="1"/>
  <c r="AD68008" i="1"/>
  <c r="AD68009" i="1"/>
  <c r="AD68010" i="1"/>
  <c r="AD68011" i="1"/>
  <c r="AD68012" i="1"/>
  <c r="AD68013" i="1"/>
  <c r="AD68014" i="1"/>
  <c r="AD68015" i="1"/>
  <c r="AD68016" i="1"/>
  <c r="AD68017" i="1"/>
  <c r="AD68018" i="1"/>
  <c r="AD68019" i="1"/>
  <c r="AD68020" i="1"/>
  <c r="AD68021" i="1"/>
  <c r="AD68022" i="1"/>
  <c r="AD68023" i="1"/>
  <c r="AD68024" i="1"/>
  <c r="AD68025" i="1"/>
  <c r="AD68026" i="1"/>
  <c r="AD68027" i="1"/>
  <c r="AD68028" i="1"/>
  <c r="AD68029" i="1"/>
  <c r="AD68030" i="1"/>
  <c r="AD68031" i="1"/>
  <c r="AD68032" i="1"/>
  <c r="AD68033" i="1"/>
  <c r="AD68034" i="1"/>
  <c r="AD68035" i="1"/>
  <c r="AD68036" i="1"/>
  <c r="AD68037" i="1"/>
  <c r="AD68038" i="1"/>
  <c r="AD68039" i="1"/>
  <c r="AD68040" i="1"/>
  <c r="AD68041" i="1"/>
  <c r="AD68042" i="1"/>
  <c r="AD68043" i="1"/>
  <c r="AD68044" i="1"/>
  <c r="AD68045" i="1"/>
  <c r="AD68046" i="1"/>
  <c r="AD68047" i="1"/>
  <c r="AD68048" i="1"/>
  <c r="AD68049" i="1"/>
  <c r="AD68050" i="1"/>
  <c r="AD68051" i="1"/>
  <c r="AD68052" i="1"/>
  <c r="AD68053" i="1"/>
  <c r="AD68054" i="1"/>
  <c r="AD68055" i="1"/>
  <c r="AD68056" i="1"/>
  <c r="AD68057" i="1"/>
  <c r="AD68058" i="1"/>
  <c r="AD68059" i="1"/>
  <c r="AD68060" i="1"/>
  <c r="AD68061" i="1"/>
  <c r="AD68062" i="1"/>
  <c r="AD68063" i="1"/>
  <c r="AD68064" i="1"/>
  <c r="AD68065" i="1"/>
  <c r="AD68066" i="1"/>
  <c r="AD68067" i="1"/>
  <c r="AD68068" i="1"/>
  <c r="AD68069" i="1"/>
  <c r="AD68070" i="1"/>
  <c r="AD68071" i="1"/>
  <c r="AD68072" i="1"/>
  <c r="AD68073" i="1"/>
  <c r="AD68074" i="1"/>
  <c r="AD68075" i="1"/>
  <c r="AD68076" i="1"/>
  <c r="AD68077" i="1"/>
  <c r="AD68078" i="1"/>
  <c r="AD68079" i="1"/>
  <c r="AD68080" i="1"/>
  <c r="AD68081" i="1"/>
  <c r="AD68082" i="1"/>
  <c r="AD68083" i="1"/>
  <c r="AD68084" i="1"/>
  <c r="AD68085" i="1"/>
  <c r="AD68086" i="1"/>
  <c r="AD68087" i="1"/>
  <c r="AD68088" i="1"/>
  <c r="AD68089" i="1"/>
  <c r="AD68090" i="1"/>
  <c r="AD68091" i="1"/>
  <c r="AD68092" i="1"/>
  <c r="AD68093" i="1"/>
  <c r="AD68094" i="1"/>
  <c r="AD68095" i="1"/>
  <c r="AD68096" i="1"/>
  <c r="AD68097" i="1"/>
  <c r="AD68098" i="1"/>
  <c r="AD68099" i="1"/>
  <c r="AD68100" i="1"/>
  <c r="AD68101" i="1"/>
  <c r="AD68102" i="1"/>
  <c r="AD68103" i="1"/>
  <c r="AD68104" i="1"/>
  <c r="AD68105" i="1"/>
  <c r="AD68106" i="1"/>
  <c r="AD68107" i="1"/>
  <c r="AD68108" i="1"/>
  <c r="AD68109" i="1"/>
  <c r="AD68110" i="1"/>
  <c r="AD68111" i="1"/>
  <c r="AD68112" i="1"/>
  <c r="AD68113" i="1"/>
  <c r="AD68114" i="1"/>
  <c r="AD68115" i="1"/>
  <c r="AD68116" i="1"/>
  <c r="AD68117" i="1"/>
  <c r="AD68118" i="1"/>
  <c r="AD68119" i="1"/>
  <c r="AD68120" i="1"/>
  <c r="AD68121" i="1"/>
  <c r="AD68122" i="1"/>
  <c r="AD68123" i="1"/>
  <c r="AD68124" i="1"/>
  <c r="AD68125" i="1"/>
  <c r="AD68126" i="1"/>
  <c r="AD68127" i="1"/>
  <c r="AD68128" i="1"/>
  <c r="AD68129" i="1"/>
  <c r="AD68130" i="1"/>
  <c r="AD68131" i="1"/>
  <c r="AD68132" i="1"/>
  <c r="AD68133" i="1"/>
  <c r="AD68134" i="1"/>
  <c r="AD68135" i="1"/>
  <c r="AD68136" i="1"/>
  <c r="AD68137" i="1"/>
  <c r="AD68138" i="1"/>
  <c r="AD68139" i="1"/>
  <c r="AD68140" i="1"/>
  <c r="AD68141" i="1"/>
  <c r="AD68142" i="1"/>
  <c r="AD68143" i="1"/>
  <c r="AD68144" i="1"/>
  <c r="AD68145" i="1"/>
  <c r="AD68146" i="1"/>
  <c r="AD68147" i="1"/>
  <c r="AD68148" i="1"/>
  <c r="AD68149" i="1"/>
  <c r="AD68150" i="1"/>
  <c r="AD68151" i="1"/>
  <c r="AD68152" i="1"/>
  <c r="AD68153" i="1"/>
  <c r="AD68154" i="1"/>
  <c r="AD68155" i="1"/>
  <c r="AD68156" i="1"/>
  <c r="AD68157" i="1"/>
  <c r="AD68158" i="1"/>
  <c r="AD68159" i="1"/>
  <c r="AD68160" i="1"/>
  <c r="AD68161" i="1"/>
  <c r="AD68162" i="1"/>
  <c r="AD68163" i="1"/>
  <c r="AD68164" i="1"/>
  <c r="AD68165" i="1"/>
  <c r="AD68166" i="1"/>
  <c r="AD68167" i="1"/>
  <c r="AD68168" i="1"/>
  <c r="AD68169" i="1"/>
  <c r="AD68170" i="1"/>
  <c r="AD68171" i="1"/>
  <c r="AD68172" i="1"/>
  <c r="AD68173" i="1"/>
  <c r="AD68174" i="1"/>
  <c r="AD68175" i="1"/>
  <c r="AD68176" i="1"/>
  <c r="AD68177" i="1"/>
  <c r="AD68178" i="1"/>
  <c r="AD68179" i="1"/>
  <c r="AD68180" i="1"/>
  <c r="AD68181" i="1"/>
  <c r="AD68182" i="1"/>
  <c r="AD68183" i="1"/>
  <c r="AD68184" i="1"/>
  <c r="AD68185" i="1"/>
  <c r="AD68186" i="1"/>
  <c r="AD68187" i="1"/>
  <c r="AD68188" i="1"/>
  <c r="AD68189" i="1"/>
  <c r="AD68190" i="1"/>
  <c r="AD68191" i="1"/>
  <c r="AD68192" i="1"/>
  <c r="AD68193" i="1"/>
  <c r="AD68194" i="1"/>
  <c r="AD68195" i="1"/>
  <c r="AD68196" i="1"/>
  <c r="AD68197" i="1"/>
  <c r="AD68198" i="1"/>
  <c r="AD68199" i="1"/>
  <c r="AD68200" i="1"/>
  <c r="AD68201" i="1"/>
  <c r="AD68202" i="1"/>
  <c r="AD68203" i="1"/>
  <c r="AD68204" i="1"/>
  <c r="AD68205" i="1"/>
  <c r="AD68206" i="1"/>
  <c r="AD68207" i="1"/>
  <c r="AD68208" i="1"/>
  <c r="AD68209" i="1"/>
  <c r="AD68210" i="1"/>
  <c r="AD68211" i="1"/>
  <c r="AD68212" i="1"/>
  <c r="AD68213" i="1"/>
  <c r="AD68214" i="1"/>
  <c r="AD68215" i="1"/>
  <c r="AD68216" i="1"/>
  <c r="AD68217" i="1"/>
  <c r="AD68218" i="1"/>
  <c r="AD68219" i="1"/>
  <c r="AD68220" i="1"/>
  <c r="AD68221" i="1"/>
  <c r="AD68222" i="1"/>
  <c r="AD68223" i="1"/>
  <c r="AD68224" i="1"/>
  <c r="AD68225" i="1"/>
  <c r="AD68226" i="1"/>
  <c r="AD68227" i="1"/>
  <c r="AD68228" i="1"/>
  <c r="AD68229" i="1"/>
  <c r="AD68230" i="1"/>
  <c r="AD68231" i="1"/>
  <c r="AD68232" i="1"/>
  <c r="AD68233" i="1"/>
  <c r="AD68234" i="1"/>
  <c r="AD68235" i="1"/>
  <c r="AD68236" i="1"/>
  <c r="AD68237" i="1"/>
  <c r="AD68238" i="1"/>
  <c r="AD68239" i="1"/>
  <c r="AD68240" i="1"/>
  <c r="AD68241" i="1"/>
  <c r="AD68242" i="1"/>
  <c r="AD68243" i="1"/>
  <c r="AD68244" i="1"/>
  <c r="AD68245" i="1"/>
  <c r="AD68246" i="1"/>
  <c r="AD68247" i="1"/>
  <c r="AD68248" i="1"/>
  <c r="AD68249" i="1"/>
  <c r="AD68250" i="1"/>
  <c r="AD68251" i="1"/>
  <c r="AD68252" i="1"/>
  <c r="AD68253" i="1"/>
  <c r="AD68254" i="1"/>
  <c r="AD68255" i="1"/>
  <c r="AD68256" i="1"/>
  <c r="AD68257" i="1"/>
  <c r="AD68258" i="1"/>
  <c r="AD68259" i="1"/>
  <c r="AD68260" i="1"/>
  <c r="AD68261" i="1"/>
  <c r="AD68262" i="1"/>
  <c r="AD68263" i="1"/>
  <c r="AD68264" i="1"/>
  <c r="AD68265" i="1"/>
  <c r="AD68266" i="1"/>
  <c r="AD68267" i="1"/>
  <c r="AD68268" i="1"/>
  <c r="AD68269" i="1"/>
  <c r="AD68270" i="1"/>
  <c r="AD68271" i="1"/>
  <c r="AD68272" i="1"/>
  <c r="AD68273" i="1"/>
  <c r="AD68274" i="1"/>
  <c r="AD68275" i="1"/>
  <c r="AD68276" i="1"/>
  <c r="AD68277" i="1"/>
  <c r="AD68278" i="1"/>
  <c r="AD68279" i="1"/>
  <c r="AD68280" i="1"/>
  <c r="AD68281" i="1"/>
  <c r="AD68282" i="1"/>
  <c r="AD68283" i="1"/>
  <c r="AD68284" i="1"/>
  <c r="AD68285" i="1"/>
  <c r="AD68286" i="1"/>
  <c r="AD68287" i="1"/>
  <c r="AD68288" i="1"/>
  <c r="AD68289" i="1"/>
  <c r="AD68290" i="1"/>
  <c r="AD68291" i="1"/>
  <c r="AD68292" i="1"/>
  <c r="AD68293" i="1"/>
  <c r="AD68294" i="1"/>
  <c r="AD68295" i="1"/>
  <c r="AD68296" i="1"/>
  <c r="AD68297" i="1"/>
  <c r="AD68298" i="1"/>
  <c r="AD68299" i="1"/>
  <c r="AD68300" i="1"/>
  <c r="AD68301" i="1"/>
  <c r="AD68302" i="1"/>
  <c r="AD68303" i="1"/>
  <c r="AD68304" i="1"/>
  <c r="AD68305" i="1"/>
  <c r="AD68306" i="1"/>
  <c r="AD68307" i="1"/>
  <c r="AD68308" i="1"/>
  <c r="AD68309" i="1"/>
  <c r="AD68310" i="1"/>
  <c r="AD68311" i="1"/>
  <c r="AD68312" i="1"/>
  <c r="AD68313" i="1"/>
  <c r="AD68314" i="1"/>
  <c r="AD68315" i="1"/>
  <c r="AD68316" i="1"/>
  <c r="AD68317" i="1"/>
  <c r="AD68318" i="1"/>
  <c r="AD68319" i="1"/>
  <c r="AD68320" i="1"/>
  <c r="AD68321" i="1"/>
  <c r="AD68322" i="1"/>
  <c r="AD68323" i="1"/>
  <c r="AD68324" i="1"/>
  <c r="AD68325" i="1"/>
  <c r="AD68326" i="1"/>
  <c r="AD68327" i="1"/>
  <c r="AD68328" i="1"/>
  <c r="AD68329" i="1"/>
  <c r="AD68330" i="1"/>
  <c r="AD68331" i="1"/>
  <c r="AD68332" i="1"/>
  <c r="AD68333" i="1"/>
  <c r="AD68334" i="1"/>
  <c r="AD68335" i="1"/>
  <c r="AD68336" i="1"/>
  <c r="AD68337" i="1"/>
  <c r="AD68338" i="1"/>
  <c r="AD68339" i="1"/>
  <c r="AD68340" i="1"/>
  <c r="AD68341" i="1"/>
  <c r="AD68342" i="1"/>
  <c r="AD68343" i="1"/>
  <c r="AD68344" i="1"/>
  <c r="AD68345" i="1"/>
  <c r="AD68346" i="1"/>
  <c r="AD68347" i="1"/>
  <c r="AD68348" i="1"/>
  <c r="AD68349" i="1"/>
  <c r="AD68350" i="1"/>
  <c r="AD68351" i="1"/>
  <c r="AD68352" i="1"/>
  <c r="AD68353" i="1"/>
  <c r="AD68354" i="1"/>
  <c r="AD68355" i="1"/>
  <c r="AD68356" i="1"/>
  <c r="AD68357" i="1"/>
  <c r="AD68358" i="1"/>
  <c r="AD68359" i="1"/>
  <c r="AD68360" i="1"/>
  <c r="AD68361" i="1"/>
  <c r="AD68362" i="1"/>
  <c r="AD68363" i="1"/>
  <c r="AD68364" i="1"/>
  <c r="AD68365" i="1"/>
  <c r="AD68366" i="1"/>
  <c r="AD68367" i="1"/>
  <c r="AD68368" i="1"/>
  <c r="AD68369" i="1"/>
  <c r="AD68370" i="1"/>
  <c r="AD68371" i="1"/>
  <c r="AD68372" i="1"/>
  <c r="AD68373" i="1"/>
  <c r="AD68374" i="1"/>
  <c r="AD68375" i="1"/>
  <c r="AD68376" i="1"/>
  <c r="AD68377" i="1"/>
  <c r="AD68378" i="1"/>
  <c r="AD68379" i="1"/>
  <c r="AD68380" i="1"/>
  <c r="AD68381" i="1"/>
  <c r="AD68382" i="1"/>
  <c r="AD68383" i="1"/>
  <c r="AD68384" i="1"/>
  <c r="AD68385" i="1"/>
  <c r="AD68386" i="1"/>
  <c r="AD68387" i="1"/>
  <c r="AD68388" i="1"/>
  <c r="AD68389" i="1"/>
  <c r="AD68390" i="1"/>
  <c r="AD68391" i="1"/>
  <c r="AD68392" i="1"/>
  <c r="AD68393" i="1"/>
  <c r="AD68394" i="1"/>
  <c r="AD68395" i="1"/>
  <c r="AD68396" i="1"/>
  <c r="AD68397" i="1"/>
  <c r="AD68398" i="1"/>
  <c r="AD68399" i="1"/>
  <c r="AD68400" i="1"/>
  <c r="AD68401" i="1"/>
  <c r="AD68402" i="1"/>
  <c r="AD68403" i="1"/>
  <c r="AD68404" i="1"/>
  <c r="AD68405" i="1"/>
  <c r="AD68406" i="1"/>
  <c r="AD68407" i="1"/>
  <c r="AD68408" i="1"/>
  <c r="AD68409" i="1"/>
  <c r="AD68410" i="1"/>
  <c r="AD68411" i="1"/>
  <c r="AD68412" i="1"/>
  <c r="AD68413" i="1"/>
  <c r="AD68414" i="1"/>
  <c r="AD68415" i="1"/>
  <c r="AD68416" i="1"/>
  <c r="AD68417" i="1"/>
  <c r="AD68418" i="1"/>
  <c r="AD68419" i="1"/>
  <c r="AD68420" i="1"/>
  <c r="AD68421" i="1"/>
  <c r="AD68422" i="1"/>
  <c r="AD68423" i="1"/>
  <c r="AD68424" i="1"/>
  <c r="AD68425" i="1"/>
  <c r="AD68426" i="1"/>
  <c r="AD68427" i="1"/>
  <c r="AD68428" i="1"/>
  <c r="AD68429" i="1"/>
  <c r="AD68430" i="1"/>
  <c r="AD68431" i="1"/>
  <c r="AD68432" i="1"/>
  <c r="AD68433" i="1"/>
  <c r="AD68434" i="1"/>
  <c r="AD68435" i="1"/>
  <c r="AD68436" i="1"/>
  <c r="AD68437" i="1"/>
  <c r="AD68438" i="1"/>
  <c r="AD68439" i="1"/>
  <c r="AD68440" i="1"/>
  <c r="AD68441" i="1"/>
  <c r="AD68442" i="1"/>
  <c r="AD68443" i="1"/>
  <c r="AD68444" i="1"/>
  <c r="AD68445" i="1"/>
  <c r="AD68446" i="1"/>
  <c r="AD68447" i="1"/>
  <c r="AD68448" i="1"/>
  <c r="AD68449" i="1"/>
  <c r="AD68450" i="1"/>
  <c r="AD68451" i="1"/>
  <c r="AD68452" i="1"/>
  <c r="AD68453" i="1"/>
  <c r="AD68454" i="1"/>
  <c r="AD68455" i="1"/>
  <c r="AD68456" i="1"/>
  <c r="AD68457" i="1"/>
  <c r="AD68458" i="1"/>
  <c r="AD68459" i="1"/>
  <c r="AD68460" i="1"/>
  <c r="AD68461" i="1"/>
  <c r="AD68462" i="1"/>
  <c r="AD68463" i="1"/>
  <c r="AD68464" i="1"/>
  <c r="AD68465" i="1"/>
  <c r="AD68466" i="1"/>
  <c r="AD68467" i="1"/>
  <c r="AD68468" i="1"/>
  <c r="AD68469" i="1"/>
  <c r="AD68470" i="1"/>
  <c r="AD68471" i="1"/>
  <c r="AD68472" i="1"/>
  <c r="AD68473" i="1"/>
  <c r="AD68474" i="1"/>
  <c r="AD68475" i="1"/>
  <c r="AD68476" i="1"/>
  <c r="AD68477" i="1"/>
  <c r="AD68478" i="1"/>
  <c r="AD68479" i="1"/>
  <c r="AD68480" i="1"/>
  <c r="AD68481" i="1"/>
  <c r="AD68482" i="1"/>
  <c r="AD68483" i="1"/>
  <c r="AD68484" i="1"/>
  <c r="AD68485" i="1"/>
  <c r="AD68486" i="1"/>
  <c r="AD68487" i="1"/>
  <c r="AD68488" i="1"/>
  <c r="AD68489" i="1"/>
  <c r="AD68490" i="1"/>
  <c r="AD68491" i="1"/>
  <c r="AD68492" i="1"/>
  <c r="AD68493" i="1"/>
  <c r="AD68494" i="1"/>
  <c r="AD68495" i="1"/>
  <c r="AD68496" i="1"/>
  <c r="AD68497" i="1"/>
  <c r="AD68498" i="1"/>
  <c r="AD68499" i="1"/>
  <c r="AD68500" i="1"/>
  <c r="AD68501" i="1"/>
  <c r="AD68502" i="1"/>
  <c r="AD68503" i="1"/>
  <c r="AD68504" i="1"/>
  <c r="AD68505" i="1"/>
  <c r="AD68506" i="1"/>
  <c r="AD68507" i="1"/>
  <c r="AD68508" i="1"/>
  <c r="AD68509" i="1"/>
  <c r="AD68510" i="1"/>
  <c r="AD68511" i="1"/>
  <c r="AD68512" i="1"/>
  <c r="AD68513" i="1"/>
  <c r="AD68514" i="1"/>
  <c r="AD68515" i="1"/>
  <c r="AD68516" i="1"/>
  <c r="AD68517" i="1"/>
  <c r="AD68518" i="1"/>
  <c r="AD68519" i="1"/>
  <c r="AD68520" i="1"/>
  <c r="AD68521" i="1"/>
  <c r="AD68522" i="1"/>
  <c r="AD68523" i="1"/>
  <c r="AD68524" i="1"/>
  <c r="AD68525" i="1"/>
  <c r="AD68526" i="1"/>
  <c r="AD68527" i="1"/>
  <c r="AD68528" i="1"/>
  <c r="AD68529" i="1"/>
  <c r="AD68530" i="1"/>
  <c r="AD68531" i="1"/>
  <c r="AD68532" i="1"/>
  <c r="AD68533" i="1"/>
  <c r="AD68534" i="1"/>
  <c r="AD68535" i="1"/>
  <c r="AD68536" i="1"/>
  <c r="AD68537" i="1"/>
  <c r="AD68538" i="1"/>
  <c r="AD68539" i="1"/>
  <c r="AD68540" i="1"/>
  <c r="AD68541" i="1"/>
  <c r="AD68542" i="1"/>
  <c r="AD68543" i="1"/>
  <c r="AD68544" i="1"/>
  <c r="AD68545" i="1"/>
  <c r="AD68546" i="1"/>
  <c r="AD68547" i="1"/>
  <c r="AD68548" i="1"/>
  <c r="AD68549" i="1"/>
  <c r="AD68550" i="1"/>
  <c r="AD68551" i="1"/>
  <c r="AD68552" i="1"/>
  <c r="AD68553" i="1"/>
  <c r="AD68554" i="1"/>
  <c r="AD68555" i="1"/>
  <c r="AD68556" i="1"/>
  <c r="AD68557" i="1"/>
  <c r="AD68558" i="1"/>
  <c r="AD68559" i="1"/>
  <c r="AD68560" i="1"/>
  <c r="AD68561" i="1"/>
  <c r="AD68562" i="1"/>
  <c r="AD68563" i="1"/>
  <c r="AD68564" i="1"/>
  <c r="AD68565" i="1"/>
  <c r="AD68566" i="1"/>
  <c r="AD68567" i="1"/>
  <c r="AD68568" i="1"/>
  <c r="AD68569" i="1"/>
  <c r="AD68570" i="1"/>
  <c r="AD68571" i="1"/>
  <c r="AD68572" i="1"/>
  <c r="AD68573" i="1"/>
  <c r="AD68574" i="1"/>
  <c r="AD68575" i="1"/>
  <c r="AD68576" i="1"/>
  <c r="AD68577" i="1"/>
  <c r="AD68578" i="1"/>
  <c r="AD68579" i="1"/>
  <c r="AD68580" i="1"/>
  <c r="AD68581" i="1"/>
  <c r="AD68582" i="1"/>
  <c r="AD68583" i="1"/>
  <c r="AD68584" i="1"/>
  <c r="AD68585" i="1"/>
  <c r="AD68586" i="1"/>
  <c r="AD68587" i="1"/>
  <c r="AD68588" i="1"/>
  <c r="AD68589" i="1"/>
  <c r="AD68590" i="1"/>
  <c r="AD68591" i="1"/>
  <c r="AD68592" i="1"/>
  <c r="AD68593" i="1"/>
  <c r="AD68594" i="1"/>
  <c r="AD68595" i="1"/>
  <c r="AD68596" i="1"/>
  <c r="AD68597" i="1"/>
  <c r="AD68598" i="1"/>
  <c r="AD68599" i="1"/>
  <c r="AD68600" i="1"/>
  <c r="AD68601" i="1"/>
  <c r="AD68602" i="1"/>
  <c r="AD68603" i="1"/>
  <c r="AD68604" i="1"/>
  <c r="AD68605" i="1"/>
  <c r="AD68606" i="1"/>
  <c r="AD68607" i="1"/>
  <c r="AD68608" i="1"/>
  <c r="AD68609" i="1"/>
  <c r="AD68610" i="1"/>
  <c r="AD68611" i="1"/>
  <c r="AD68612" i="1"/>
  <c r="AD68613" i="1"/>
  <c r="AD68614" i="1"/>
  <c r="AD68615" i="1"/>
  <c r="AD68616" i="1"/>
  <c r="AD68617" i="1"/>
  <c r="AD68618" i="1"/>
  <c r="AD68619" i="1"/>
  <c r="AD68620" i="1"/>
  <c r="AD68621" i="1"/>
  <c r="AD68622" i="1"/>
  <c r="AD68623" i="1"/>
  <c r="AD68624" i="1"/>
  <c r="AD68625" i="1"/>
  <c r="AD68626" i="1"/>
  <c r="AD68627" i="1"/>
  <c r="AD68628" i="1"/>
  <c r="AD68629" i="1"/>
  <c r="AD68630" i="1"/>
  <c r="AD68631" i="1"/>
  <c r="AD68632" i="1"/>
  <c r="AD68633" i="1"/>
  <c r="AD68634" i="1"/>
  <c r="AD68635" i="1"/>
  <c r="AD68636" i="1"/>
  <c r="AD68637" i="1"/>
  <c r="AD68638" i="1"/>
  <c r="AD68639" i="1"/>
  <c r="AD68640" i="1"/>
  <c r="AD68641" i="1"/>
  <c r="AD68642" i="1"/>
  <c r="AD68643" i="1"/>
  <c r="AD68644" i="1"/>
  <c r="AD68645" i="1"/>
  <c r="AD68646" i="1"/>
  <c r="AD68647" i="1"/>
  <c r="AD68648" i="1"/>
  <c r="AD68649" i="1"/>
  <c r="AD68650" i="1"/>
  <c r="AD68651" i="1"/>
  <c r="AD68652" i="1"/>
  <c r="AD68653" i="1"/>
  <c r="AD68654" i="1"/>
  <c r="AD68655" i="1"/>
  <c r="AD68656" i="1"/>
  <c r="AD68657" i="1"/>
  <c r="AD68658" i="1"/>
  <c r="AD68659" i="1"/>
  <c r="AD68660" i="1"/>
  <c r="AD68661" i="1"/>
  <c r="AD68662" i="1"/>
  <c r="AD68663" i="1"/>
  <c r="AD68664" i="1"/>
  <c r="AD68665" i="1"/>
  <c r="AD68666" i="1"/>
  <c r="AD68667" i="1"/>
  <c r="AD68668" i="1"/>
  <c r="AD68669" i="1"/>
  <c r="AD68670" i="1"/>
  <c r="AD68671" i="1"/>
  <c r="AD68672" i="1"/>
  <c r="AD68673" i="1"/>
  <c r="AD68674" i="1"/>
  <c r="AD68675" i="1"/>
  <c r="AD68676" i="1"/>
  <c r="AD68677" i="1"/>
  <c r="AD68678" i="1"/>
  <c r="AD68679" i="1"/>
  <c r="AD68680" i="1"/>
  <c r="AD68681" i="1"/>
  <c r="AD68682" i="1"/>
  <c r="AD68683" i="1"/>
  <c r="AD68684" i="1"/>
  <c r="AD68685" i="1"/>
  <c r="AD68686" i="1"/>
  <c r="AD68687" i="1"/>
  <c r="AD68688" i="1"/>
  <c r="AD68689" i="1"/>
  <c r="AD68690" i="1"/>
  <c r="AD68691" i="1"/>
  <c r="AD68692" i="1"/>
  <c r="AD68693" i="1"/>
  <c r="AD68694" i="1"/>
  <c r="AD68695" i="1"/>
  <c r="AD68696" i="1"/>
  <c r="AD68697" i="1"/>
  <c r="AD68698" i="1"/>
  <c r="AD68699" i="1"/>
  <c r="AD68700" i="1"/>
  <c r="AD68701" i="1"/>
  <c r="AD68702" i="1"/>
  <c r="AD68703" i="1"/>
  <c r="AD68704" i="1"/>
  <c r="AD68705" i="1"/>
  <c r="AD68706" i="1"/>
  <c r="AD68707" i="1"/>
  <c r="AD68708" i="1"/>
  <c r="AD68709" i="1"/>
  <c r="AD68710" i="1"/>
  <c r="AD68711" i="1"/>
  <c r="AD68712" i="1"/>
  <c r="AD68713" i="1"/>
  <c r="AD68714" i="1"/>
  <c r="AD68715" i="1"/>
  <c r="AD68716" i="1"/>
  <c r="AD68717" i="1"/>
  <c r="AD68718" i="1"/>
  <c r="AD68719" i="1"/>
  <c r="AD68720" i="1"/>
  <c r="AD68721" i="1"/>
  <c r="AD68722" i="1"/>
  <c r="AD68723" i="1"/>
  <c r="AD68724" i="1"/>
  <c r="AD68725" i="1"/>
  <c r="AD68726" i="1"/>
  <c r="AD68727" i="1"/>
  <c r="AD68728" i="1"/>
  <c r="AD68729" i="1"/>
  <c r="AD68730" i="1"/>
  <c r="AD68731" i="1"/>
  <c r="AD68732" i="1"/>
  <c r="AD68733" i="1"/>
  <c r="AD68734" i="1"/>
  <c r="AD68735" i="1"/>
  <c r="AD68736" i="1"/>
  <c r="AD68737" i="1"/>
  <c r="AD68738" i="1"/>
  <c r="AD68739" i="1"/>
  <c r="AD68740" i="1"/>
  <c r="AD68741" i="1"/>
  <c r="AD68742" i="1"/>
  <c r="AD68743" i="1"/>
  <c r="AD68744" i="1"/>
  <c r="AD68745" i="1"/>
  <c r="AD68746" i="1"/>
  <c r="AD68747" i="1"/>
  <c r="AD68748" i="1"/>
  <c r="AD68749" i="1"/>
  <c r="AD68750" i="1"/>
  <c r="AD68751" i="1"/>
  <c r="AD68752" i="1"/>
  <c r="AD68753" i="1"/>
  <c r="AD68754" i="1"/>
  <c r="AD68755" i="1"/>
  <c r="AD68756" i="1"/>
  <c r="AD68757" i="1"/>
  <c r="AD68758" i="1"/>
  <c r="AD68759" i="1"/>
  <c r="AD68760" i="1"/>
  <c r="AD68761" i="1"/>
  <c r="AD68762" i="1"/>
  <c r="AD68763" i="1"/>
  <c r="AD68764" i="1"/>
  <c r="AD68765" i="1"/>
  <c r="AD68766" i="1"/>
  <c r="AD68767" i="1"/>
  <c r="AD68768" i="1"/>
  <c r="AD68769" i="1"/>
  <c r="AD68770" i="1"/>
  <c r="AD68771" i="1"/>
  <c r="AD68772" i="1"/>
  <c r="AD68773" i="1"/>
  <c r="AD68774" i="1"/>
  <c r="AD68775" i="1"/>
  <c r="AD68776" i="1"/>
  <c r="AD68777" i="1"/>
  <c r="AD68778" i="1"/>
  <c r="AD68779" i="1"/>
  <c r="AD68780" i="1"/>
  <c r="AD68781" i="1"/>
  <c r="AD68782" i="1"/>
  <c r="AD68783" i="1"/>
  <c r="AD68784" i="1"/>
  <c r="AD68785" i="1"/>
  <c r="AD68786" i="1"/>
  <c r="AD68787" i="1"/>
  <c r="AD68788" i="1"/>
  <c r="AD68789" i="1"/>
  <c r="AD68790" i="1"/>
  <c r="AD68791" i="1"/>
  <c r="AD68792" i="1"/>
  <c r="AD68793" i="1"/>
  <c r="AD68794" i="1"/>
  <c r="AD68795" i="1"/>
  <c r="AD68796" i="1"/>
  <c r="AD68797" i="1"/>
  <c r="AD68798" i="1"/>
  <c r="AD68799" i="1"/>
  <c r="AD68800" i="1"/>
  <c r="AD68801" i="1"/>
  <c r="AD68802" i="1"/>
  <c r="AD68803" i="1"/>
  <c r="AD68804" i="1"/>
  <c r="AD68805" i="1"/>
  <c r="AD68806" i="1"/>
  <c r="AD68807" i="1"/>
  <c r="AD68808" i="1"/>
  <c r="AD68809" i="1"/>
  <c r="AD68810" i="1"/>
  <c r="AD68811" i="1"/>
  <c r="AD68812" i="1"/>
  <c r="AD68813" i="1"/>
  <c r="AD68814" i="1"/>
  <c r="AD68815" i="1"/>
  <c r="AD68816" i="1"/>
  <c r="AD68817" i="1"/>
  <c r="AD68818" i="1"/>
  <c r="AD68819" i="1"/>
  <c r="AD68820" i="1"/>
  <c r="AD68821" i="1"/>
  <c r="AD68822" i="1"/>
  <c r="AD68823" i="1"/>
  <c r="AD68824" i="1"/>
  <c r="AD68825" i="1"/>
  <c r="AD68826" i="1"/>
  <c r="AD68827" i="1"/>
  <c r="AD68828" i="1"/>
  <c r="AD68829" i="1"/>
  <c r="AD68830" i="1"/>
  <c r="AD68831" i="1"/>
  <c r="AD68832" i="1"/>
  <c r="AD68833" i="1"/>
  <c r="AD68834" i="1"/>
  <c r="AD68835" i="1"/>
  <c r="AD68836" i="1"/>
  <c r="AD68837" i="1"/>
  <c r="AD68838" i="1"/>
  <c r="AD68839" i="1"/>
  <c r="AD68840" i="1"/>
  <c r="AD68841" i="1"/>
  <c r="AD68842" i="1"/>
  <c r="AD68843" i="1"/>
  <c r="AD68844" i="1"/>
  <c r="AD68845" i="1"/>
  <c r="AD68846" i="1"/>
  <c r="AD68847" i="1"/>
  <c r="AD68848" i="1"/>
  <c r="AD68849" i="1"/>
  <c r="AD68850" i="1"/>
  <c r="AD68851" i="1"/>
  <c r="AD68852" i="1"/>
  <c r="AD68853" i="1"/>
  <c r="AD68854" i="1"/>
  <c r="AD68855" i="1"/>
  <c r="AD68856" i="1"/>
  <c r="AD68857" i="1"/>
  <c r="AD68858" i="1"/>
  <c r="AD68859" i="1"/>
  <c r="AD68860" i="1"/>
  <c r="AD68861" i="1"/>
  <c r="AD68862" i="1"/>
  <c r="AD68863" i="1"/>
  <c r="AD68864" i="1"/>
  <c r="AD68865" i="1"/>
  <c r="AD68866" i="1"/>
  <c r="AD68867" i="1"/>
  <c r="AD68868" i="1"/>
  <c r="AD68869" i="1"/>
  <c r="AD68870" i="1"/>
  <c r="AD68871" i="1"/>
  <c r="AD68872" i="1"/>
  <c r="AD68873" i="1"/>
  <c r="AD68874" i="1"/>
  <c r="AD68875" i="1"/>
  <c r="AD68876" i="1"/>
  <c r="AD68877" i="1"/>
  <c r="AD68878" i="1"/>
  <c r="AD68879" i="1"/>
  <c r="AD68880" i="1"/>
  <c r="AD68881" i="1"/>
  <c r="AD68882" i="1"/>
  <c r="AD68883" i="1"/>
  <c r="AD68884" i="1"/>
  <c r="AD68885" i="1"/>
  <c r="AD68886" i="1"/>
  <c r="AD68887" i="1"/>
  <c r="AD68888" i="1"/>
  <c r="AD68889" i="1"/>
  <c r="AD68890" i="1"/>
  <c r="AD68891" i="1"/>
  <c r="AD68892" i="1"/>
  <c r="AD68893" i="1"/>
  <c r="AD68894" i="1"/>
  <c r="AD68895" i="1"/>
  <c r="AD68896" i="1"/>
  <c r="AD68897" i="1"/>
  <c r="AD68898" i="1"/>
  <c r="AD68899" i="1"/>
  <c r="AD68900" i="1"/>
  <c r="AD68901" i="1"/>
  <c r="AD68902" i="1"/>
  <c r="AD68903" i="1"/>
  <c r="AD68904" i="1"/>
  <c r="AD68905" i="1"/>
  <c r="AD68906" i="1"/>
  <c r="AD68907" i="1"/>
  <c r="AD68908" i="1"/>
  <c r="AD68909" i="1"/>
  <c r="AD68910" i="1"/>
  <c r="AD68911" i="1"/>
  <c r="AD68912" i="1"/>
  <c r="AD68913" i="1"/>
  <c r="AD68914" i="1"/>
  <c r="AD68915" i="1"/>
  <c r="AD68916" i="1"/>
  <c r="AD68917" i="1"/>
  <c r="AD68918" i="1"/>
  <c r="AD68919" i="1"/>
  <c r="AD68920" i="1"/>
  <c r="AD68921" i="1"/>
  <c r="AD68922" i="1"/>
  <c r="AD68923" i="1"/>
  <c r="AD68924" i="1"/>
  <c r="AD68925" i="1"/>
  <c r="AD68926" i="1"/>
  <c r="AD68927" i="1"/>
  <c r="AD68928" i="1"/>
  <c r="AD68929" i="1"/>
  <c r="AD68930" i="1"/>
  <c r="AD68931" i="1"/>
  <c r="AD68932" i="1"/>
  <c r="AD68933" i="1"/>
  <c r="AD68934" i="1"/>
  <c r="AD68935" i="1"/>
  <c r="AD68936" i="1"/>
  <c r="AD68937" i="1"/>
  <c r="AD68938" i="1"/>
  <c r="AD68939" i="1"/>
  <c r="AD68940" i="1"/>
  <c r="AD68941" i="1"/>
  <c r="AD68942" i="1"/>
  <c r="AD68943" i="1"/>
  <c r="AD68944" i="1"/>
  <c r="AD68945" i="1"/>
  <c r="AD68946" i="1"/>
  <c r="AD68947" i="1"/>
  <c r="AD68948" i="1"/>
  <c r="AD68949" i="1"/>
  <c r="AD68950" i="1"/>
  <c r="AD68951" i="1"/>
  <c r="AD68952" i="1"/>
  <c r="AD68953" i="1"/>
  <c r="AD68954" i="1"/>
  <c r="AD68955" i="1"/>
  <c r="AD68956" i="1"/>
  <c r="AD68957" i="1"/>
  <c r="AD68958" i="1"/>
  <c r="AD68959" i="1"/>
  <c r="AD68960" i="1"/>
  <c r="AD68961" i="1"/>
  <c r="AD68962" i="1"/>
  <c r="AD68963" i="1"/>
  <c r="AD68964" i="1"/>
  <c r="AD68965" i="1"/>
  <c r="AD68966" i="1"/>
  <c r="AD68967" i="1"/>
  <c r="AD68968" i="1"/>
  <c r="AD68969" i="1"/>
  <c r="AD68970" i="1"/>
  <c r="AD68971" i="1"/>
  <c r="AD68972" i="1"/>
  <c r="AD68973" i="1"/>
  <c r="AD68974" i="1"/>
  <c r="AD68975" i="1"/>
  <c r="AD68976" i="1"/>
  <c r="AD68977" i="1"/>
  <c r="AD68978" i="1"/>
  <c r="AD68979" i="1"/>
  <c r="AD68980" i="1"/>
  <c r="AD68981" i="1"/>
  <c r="AD68982" i="1"/>
  <c r="AD68983" i="1"/>
  <c r="AD68984" i="1"/>
  <c r="AD68985" i="1"/>
  <c r="AD68986" i="1"/>
  <c r="AD68987" i="1"/>
  <c r="AD68988" i="1"/>
  <c r="AD68989" i="1"/>
  <c r="AD68990" i="1"/>
  <c r="AD68991" i="1"/>
  <c r="AD68992" i="1"/>
  <c r="AD68993" i="1"/>
  <c r="AD68994" i="1"/>
  <c r="AD68995" i="1"/>
  <c r="AD68996" i="1"/>
  <c r="AD68997" i="1"/>
  <c r="AD68998" i="1"/>
  <c r="AD68999" i="1"/>
  <c r="AD69000" i="1"/>
  <c r="AD69001" i="1"/>
  <c r="AD69002" i="1"/>
  <c r="AD69003" i="1"/>
  <c r="AD69004" i="1"/>
  <c r="AD69005" i="1"/>
  <c r="AD69006" i="1"/>
  <c r="AD69007" i="1"/>
  <c r="AD69008" i="1"/>
  <c r="AD69009" i="1"/>
  <c r="AD69010" i="1"/>
  <c r="AD69011" i="1"/>
  <c r="AD69012" i="1"/>
  <c r="AD69013" i="1"/>
  <c r="AD69014" i="1"/>
  <c r="AD69015" i="1"/>
  <c r="AD69016" i="1"/>
  <c r="AD69017" i="1"/>
  <c r="AD69018" i="1"/>
  <c r="AD69019" i="1"/>
  <c r="AD69020" i="1"/>
  <c r="AD69021" i="1"/>
  <c r="AD69022" i="1"/>
  <c r="AD69023" i="1"/>
  <c r="AD69024" i="1"/>
  <c r="AD69025" i="1"/>
  <c r="AD69026" i="1"/>
  <c r="AD69027" i="1"/>
  <c r="AD69028" i="1"/>
  <c r="AD69029" i="1"/>
  <c r="AD69030" i="1"/>
  <c r="AD69031" i="1"/>
  <c r="AD69032" i="1"/>
  <c r="AD69033" i="1"/>
  <c r="AD69034" i="1"/>
  <c r="AD69035" i="1"/>
  <c r="AD69036" i="1"/>
  <c r="AD69037" i="1"/>
  <c r="AD69038" i="1"/>
  <c r="AD69039" i="1"/>
  <c r="AD69040" i="1"/>
  <c r="AD69041" i="1"/>
  <c r="AD69042" i="1"/>
  <c r="AD69043" i="1"/>
  <c r="AD69044" i="1"/>
  <c r="AD69045" i="1"/>
  <c r="AD69046" i="1"/>
  <c r="AD69047" i="1"/>
  <c r="AD69048" i="1"/>
  <c r="AD69049" i="1"/>
  <c r="AD69050" i="1"/>
  <c r="AD69051" i="1"/>
  <c r="AD69052" i="1"/>
  <c r="AD69053" i="1"/>
  <c r="AD69054" i="1"/>
  <c r="AD69055" i="1"/>
  <c r="AD69056" i="1"/>
  <c r="AD69057" i="1"/>
  <c r="AD69058" i="1"/>
  <c r="AD69059" i="1"/>
  <c r="AD69060" i="1"/>
  <c r="AD69061" i="1"/>
  <c r="AD69062" i="1"/>
  <c r="AD69063" i="1"/>
  <c r="AD69064" i="1"/>
  <c r="AD69065" i="1"/>
  <c r="AD69066" i="1"/>
  <c r="AD69067" i="1"/>
  <c r="AD69068" i="1"/>
  <c r="AD69069" i="1"/>
  <c r="AD69070" i="1"/>
  <c r="AD69071" i="1"/>
  <c r="AD69072" i="1"/>
  <c r="AD69073" i="1"/>
  <c r="AD69074" i="1"/>
  <c r="AD69075" i="1"/>
  <c r="AD69076" i="1"/>
  <c r="AD69077" i="1"/>
  <c r="AD69078" i="1"/>
  <c r="AD69079" i="1"/>
  <c r="AD69080" i="1"/>
  <c r="AD69081" i="1"/>
  <c r="AD69082" i="1"/>
  <c r="AD69083" i="1"/>
  <c r="AD69084" i="1"/>
  <c r="AD69085" i="1"/>
  <c r="AD69086" i="1"/>
  <c r="AD69087" i="1"/>
  <c r="AD69088" i="1"/>
  <c r="AD69089" i="1"/>
  <c r="AD69090" i="1"/>
  <c r="AD69091" i="1"/>
  <c r="AD69092" i="1"/>
  <c r="AD69093" i="1"/>
  <c r="AD69094" i="1"/>
  <c r="AD69095" i="1"/>
  <c r="AD69096" i="1"/>
  <c r="AD69097" i="1"/>
  <c r="AD69098" i="1"/>
  <c r="AD69099" i="1"/>
  <c r="AD69100" i="1"/>
  <c r="AD69101" i="1"/>
  <c r="AD69102" i="1"/>
  <c r="AD69103" i="1"/>
  <c r="AD69104" i="1"/>
  <c r="AD69105" i="1"/>
  <c r="AD69106" i="1"/>
  <c r="AD69107" i="1"/>
  <c r="AD69108" i="1"/>
  <c r="AD69109" i="1"/>
  <c r="AD69110" i="1"/>
  <c r="AD69111" i="1"/>
  <c r="AD69112" i="1"/>
  <c r="AD69113" i="1"/>
  <c r="AD69114" i="1"/>
  <c r="AD69115" i="1"/>
  <c r="AD69116" i="1"/>
  <c r="AD69117" i="1"/>
  <c r="AD69118" i="1"/>
  <c r="AD69119" i="1"/>
  <c r="AD69120" i="1"/>
  <c r="AD69121" i="1"/>
  <c r="AD69122" i="1"/>
  <c r="AD69123" i="1"/>
  <c r="AD69124" i="1"/>
  <c r="AD69125" i="1"/>
  <c r="AD69126" i="1"/>
  <c r="AD69127" i="1"/>
  <c r="AD69128" i="1"/>
  <c r="AD69129" i="1"/>
  <c r="AD69130" i="1"/>
  <c r="AD69131" i="1"/>
  <c r="AD69132" i="1"/>
  <c r="AD69133" i="1"/>
  <c r="AD69134" i="1"/>
  <c r="AD69135" i="1"/>
  <c r="AD69136" i="1"/>
  <c r="AD69137" i="1"/>
  <c r="AD69138" i="1"/>
  <c r="AD69139" i="1"/>
  <c r="AD69140" i="1"/>
  <c r="AD69141" i="1"/>
  <c r="AD69142" i="1"/>
  <c r="AD69143" i="1"/>
  <c r="AD69144" i="1"/>
  <c r="AD69145" i="1"/>
  <c r="AD69146" i="1"/>
  <c r="AD69147" i="1"/>
  <c r="AD69148" i="1"/>
  <c r="AD69149" i="1"/>
  <c r="AD69150" i="1"/>
  <c r="AD69151" i="1"/>
  <c r="AD69152" i="1"/>
  <c r="AD69153" i="1"/>
  <c r="AD69154" i="1"/>
  <c r="AD69155" i="1"/>
  <c r="AD69156" i="1"/>
  <c r="AD69157" i="1"/>
  <c r="AD69158" i="1"/>
  <c r="AD69159" i="1"/>
  <c r="AD69160" i="1"/>
  <c r="AD69161" i="1"/>
  <c r="AD69162" i="1"/>
  <c r="AD69163" i="1"/>
  <c r="AD69164" i="1"/>
  <c r="AD69165" i="1"/>
  <c r="AD69166" i="1"/>
  <c r="AD69167" i="1"/>
  <c r="AD69168" i="1"/>
  <c r="AD69169" i="1"/>
  <c r="AD69170" i="1"/>
  <c r="AD69171" i="1"/>
  <c r="AD69172" i="1"/>
  <c r="AD69173" i="1"/>
  <c r="AD69174" i="1"/>
  <c r="AD69175" i="1"/>
  <c r="AD69176" i="1"/>
  <c r="AD69177" i="1"/>
  <c r="AD69178" i="1"/>
  <c r="AD69179" i="1"/>
  <c r="AD69180" i="1"/>
  <c r="AD69181" i="1"/>
  <c r="AD69182" i="1"/>
  <c r="AD69183" i="1"/>
  <c r="AD69184" i="1"/>
  <c r="AD69185" i="1"/>
  <c r="AD69186" i="1"/>
  <c r="AD69187" i="1"/>
  <c r="AD69188" i="1"/>
  <c r="AD69189" i="1"/>
  <c r="AD69190" i="1"/>
  <c r="AD69191" i="1"/>
  <c r="AD69192" i="1"/>
  <c r="AD69193" i="1"/>
  <c r="AD69194" i="1"/>
  <c r="AD69195" i="1"/>
  <c r="AD69196" i="1"/>
  <c r="AD69197" i="1"/>
  <c r="AD69198" i="1"/>
  <c r="AD69199" i="1"/>
  <c r="AD69200" i="1"/>
  <c r="AD69201" i="1"/>
  <c r="AD69202" i="1"/>
  <c r="AD69203" i="1"/>
  <c r="AD69204" i="1"/>
  <c r="AD69205" i="1"/>
  <c r="AD69206" i="1"/>
  <c r="AD69207" i="1"/>
  <c r="AD69208" i="1"/>
  <c r="AD69209" i="1"/>
  <c r="AD69210" i="1"/>
  <c r="AD69211" i="1"/>
  <c r="AD69212" i="1"/>
  <c r="AD69213" i="1"/>
  <c r="AD69214" i="1"/>
  <c r="AD69215" i="1"/>
  <c r="AD69216" i="1"/>
  <c r="AD69217" i="1"/>
  <c r="AD69218" i="1"/>
  <c r="AD69219" i="1"/>
  <c r="AD69220" i="1"/>
  <c r="AD69221" i="1"/>
  <c r="AD69222" i="1"/>
  <c r="AD69223" i="1"/>
  <c r="AD69224" i="1"/>
  <c r="AD69225" i="1"/>
  <c r="AD69226" i="1"/>
  <c r="AD69227" i="1"/>
  <c r="AD69228" i="1"/>
  <c r="AD69229" i="1"/>
  <c r="AD69230" i="1"/>
  <c r="AD69231" i="1"/>
  <c r="AD69232" i="1"/>
  <c r="AD69233" i="1"/>
  <c r="AD69234" i="1"/>
  <c r="AD69235" i="1"/>
  <c r="AD69236" i="1"/>
  <c r="AD69237" i="1"/>
  <c r="AD69238" i="1"/>
  <c r="AD69239" i="1"/>
  <c r="AD69240" i="1"/>
  <c r="AD69241" i="1"/>
  <c r="AD69242" i="1"/>
  <c r="AD69243" i="1"/>
  <c r="AD69244" i="1"/>
  <c r="AD69245" i="1"/>
  <c r="AD69246" i="1"/>
  <c r="AD69247" i="1"/>
  <c r="AD69248" i="1"/>
  <c r="AD69249" i="1"/>
  <c r="AD69250" i="1"/>
  <c r="AD69251" i="1"/>
  <c r="AD69252" i="1"/>
  <c r="AD69253" i="1"/>
  <c r="AD69254" i="1"/>
  <c r="AD69255" i="1"/>
  <c r="AD69256" i="1"/>
  <c r="AD69257" i="1"/>
  <c r="AD69258" i="1"/>
  <c r="AD69259" i="1"/>
  <c r="AD69260" i="1"/>
  <c r="AD69261" i="1"/>
  <c r="AD69262" i="1"/>
  <c r="AD69263" i="1"/>
  <c r="AD69264" i="1"/>
  <c r="AD69265" i="1"/>
  <c r="AD69266" i="1"/>
  <c r="AD69267" i="1"/>
  <c r="AD69268" i="1"/>
  <c r="AD69269" i="1"/>
  <c r="AD69270" i="1"/>
  <c r="AD69271" i="1"/>
  <c r="AD69272" i="1"/>
  <c r="AD69273" i="1"/>
  <c r="AD69274" i="1"/>
  <c r="AD69275" i="1"/>
  <c r="AD69276" i="1"/>
  <c r="AD69277" i="1"/>
  <c r="AD69278" i="1"/>
  <c r="AD69279" i="1"/>
  <c r="AD69280" i="1"/>
  <c r="AD69281" i="1"/>
  <c r="AD69282" i="1"/>
  <c r="AD69283" i="1"/>
  <c r="AD69284" i="1"/>
  <c r="AD69285" i="1"/>
  <c r="AD69286" i="1"/>
  <c r="AD69287" i="1"/>
  <c r="AD69288" i="1"/>
  <c r="AD69289" i="1"/>
  <c r="AD69290" i="1"/>
  <c r="AD69291" i="1"/>
  <c r="AD69292" i="1"/>
  <c r="AD69293" i="1"/>
  <c r="AD69294" i="1"/>
  <c r="AD69295" i="1"/>
  <c r="AD69296" i="1"/>
  <c r="AD69297" i="1"/>
  <c r="AD69298" i="1"/>
  <c r="AD69299" i="1"/>
  <c r="AD69300" i="1"/>
  <c r="AD69301" i="1"/>
  <c r="AD69302" i="1"/>
  <c r="AD69303" i="1"/>
  <c r="AD69304" i="1"/>
  <c r="AD69305" i="1"/>
  <c r="AD69306" i="1"/>
  <c r="AD69307" i="1"/>
  <c r="AD69308" i="1"/>
  <c r="AD69309" i="1"/>
  <c r="AD69310" i="1"/>
  <c r="AD69311" i="1"/>
  <c r="AD69312" i="1"/>
  <c r="AD69313" i="1"/>
  <c r="AD69314" i="1"/>
  <c r="AD69315" i="1"/>
  <c r="AD69316" i="1"/>
  <c r="AD69317" i="1"/>
  <c r="AD69318" i="1"/>
  <c r="AD69319" i="1"/>
  <c r="AD69320" i="1"/>
  <c r="AD69321" i="1"/>
  <c r="AD69322" i="1"/>
  <c r="AD69323" i="1"/>
  <c r="AD69324" i="1"/>
  <c r="AD69325" i="1"/>
  <c r="AD69326" i="1"/>
  <c r="AD69327" i="1"/>
  <c r="AD69328" i="1"/>
  <c r="AD69329" i="1"/>
  <c r="AD69330" i="1"/>
  <c r="AD69331" i="1"/>
  <c r="AD69332" i="1"/>
  <c r="AD69333" i="1"/>
  <c r="AD69334" i="1"/>
  <c r="AD69335" i="1"/>
  <c r="AD69336" i="1"/>
  <c r="AD69337" i="1"/>
  <c r="AD69338" i="1"/>
  <c r="AD69339" i="1"/>
  <c r="AD69340" i="1"/>
  <c r="AD69341" i="1"/>
  <c r="AD69342" i="1"/>
  <c r="AD69343" i="1"/>
  <c r="AD69344" i="1"/>
  <c r="AD69345" i="1"/>
  <c r="AD69346" i="1"/>
  <c r="AD69347" i="1"/>
  <c r="AD69348" i="1"/>
  <c r="AD69349" i="1"/>
  <c r="AD69350" i="1"/>
  <c r="AD69351" i="1"/>
  <c r="AD69352" i="1"/>
  <c r="AD69353" i="1"/>
  <c r="AD69354" i="1"/>
  <c r="AD69355" i="1"/>
  <c r="AD69356" i="1"/>
  <c r="AD69357" i="1"/>
  <c r="AD69358" i="1"/>
  <c r="AD69359" i="1"/>
  <c r="AD69360" i="1"/>
  <c r="AD69361" i="1"/>
  <c r="AD69362" i="1"/>
  <c r="AD69363" i="1"/>
  <c r="AD69364" i="1"/>
  <c r="AD69365" i="1"/>
  <c r="AD69366" i="1"/>
  <c r="AD69367" i="1"/>
  <c r="AD69368" i="1"/>
  <c r="AD69369" i="1"/>
  <c r="AD69370" i="1"/>
  <c r="AD69371" i="1"/>
  <c r="AD69372" i="1"/>
  <c r="AD69373" i="1"/>
  <c r="AD69374" i="1"/>
  <c r="AD69375" i="1"/>
  <c r="AD69376" i="1"/>
  <c r="AD69377" i="1"/>
  <c r="AD69378" i="1"/>
  <c r="AD69379" i="1"/>
  <c r="AD69380" i="1"/>
  <c r="AD69381" i="1"/>
  <c r="AD69382" i="1"/>
  <c r="AD69383" i="1"/>
  <c r="AD69384" i="1"/>
  <c r="AD69385" i="1"/>
  <c r="AD69386" i="1"/>
  <c r="AD69387" i="1"/>
  <c r="AD69388" i="1"/>
  <c r="AD69389" i="1"/>
  <c r="AD69390" i="1"/>
  <c r="AD69391" i="1"/>
  <c r="AD69392" i="1"/>
  <c r="AD69393" i="1"/>
  <c r="AD69394" i="1"/>
  <c r="AD69395" i="1"/>
  <c r="AD69396" i="1"/>
  <c r="AD69397" i="1"/>
  <c r="AD69398" i="1"/>
  <c r="AD69399" i="1"/>
  <c r="AD69400" i="1"/>
  <c r="AD69401" i="1"/>
  <c r="AD69402" i="1"/>
  <c r="AD69403" i="1"/>
  <c r="AD69404" i="1"/>
  <c r="AD69405" i="1"/>
  <c r="AD69406" i="1"/>
  <c r="AD69407" i="1"/>
  <c r="AD69408" i="1"/>
  <c r="AD69409" i="1"/>
  <c r="AD69410" i="1"/>
  <c r="AD69411" i="1"/>
  <c r="AD69412" i="1"/>
  <c r="AD69413" i="1"/>
  <c r="AD69414" i="1"/>
  <c r="AD69415" i="1"/>
  <c r="AD69416" i="1"/>
  <c r="AD69417" i="1"/>
  <c r="AD69418" i="1"/>
  <c r="AD69419" i="1"/>
  <c r="AD69420" i="1"/>
  <c r="AD69421" i="1"/>
  <c r="AD69422" i="1"/>
  <c r="AD69423" i="1"/>
  <c r="AD69424" i="1"/>
  <c r="AD69425" i="1"/>
  <c r="AD69426" i="1"/>
  <c r="AD69427" i="1"/>
  <c r="AD69428" i="1"/>
  <c r="AD69429" i="1"/>
  <c r="AD69430" i="1"/>
  <c r="AD69431" i="1"/>
  <c r="AD69432" i="1"/>
  <c r="AD69433" i="1"/>
  <c r="AD69434" i="1"/>
  <c r="AD69435" i="1"/>
  <c r="AD69436" i="1"/>
  <c r="AD69437" i="1"/>
  <c r="AD69438" i="1"/>
  <c r="AD69439" i="1"/>
  <c r="AD69440" i="1"/>
  <c r="AD69441" i="1"/>
  <c r="AD69442" i="1"/>
  <c r="AD69443" i="1"/>
  <c r="AD69444" i="1"/>
  <c r="AD69445" i="1"/>
  <c r="AD69446" i="1"/>
  <c r="AD69447" i="1"/>
  <c r="AD69448" i="1"/>
  <c r="AD69449" i="1"/>
  <c r="AD69450" i="1"/>
  <c r="AD69451" i="1"/>
  <c r="AD69452" i="1"/>
  <c r="AD69453" i="1"/>
  <c r="AD69454" i="1"/>
  <c r="AD69455" i="1"/>
  <c r="AD69456" i="1"/>
  <c r="AD69457" i="1"/>
  <c r="AD69458" i="1"/>
  <c r="AD69459" i="1"/>
  <c r="AD69460" i="1"/>
  <c r="AD69461" i="1"/>
  <c r="AD69462" i="1"/>
  <c r="AD69463" i="1"/>
  <c r="AD69464" i="1"/>
  <c r="AD69465" i="1"/>
  <c r="AD69466" i="1"/>
  <c r="AD69467" i="1"/>
  <c r="AD69468" i="1"/>
  <c r="AD69469" i="1"/>
  <c r="AD69470" i="1"/>
  <c r="AD69471" i="1"/>
  <c r="AD69472" i="1"/>
  <c r="AD69473" i="1"/>
  <c r="AD69474" i="1"/>
  <c r="AD69475" i="1"/>
  <c r="AD69476" i="1"/>
  <c r="AD69477" i="1"/>
  <c r="AD69478" i="1"/>
  <c r="AD69479" i="1"/>
  <c r="AD69480" i="1"/>
  <c r="AD69481" i="1"/>
  <c r="AD69482" i="1"/>
  <c r="AD69483" i="1"/>
  <c r="AD69484" i="1"/>
  <c r="AD69485" i="1"/>
  <c r="AD69486" i="1"/>
  <c r="AD69487" i="1"/>
  <c r="AD69488" i="1"/>
  <c r="AD69489" i="1"/>
  <c r="AD69490" i="1"/>
  <c r="AD69491" i="1"/>
  <c r="AD69492" i="1"/>
  <c r="AD69493" i="1"/>
  <c r="AD69494" i="1"/>
  <c r="AD69495" i="1"/>
  <c r="AD69496" i="1"/>
  <c r="AD69497" i="1"/>
  <c r="AD69498" i="1"/>
  <c r="AD69499" i="1"/>
  <c r="AD69500" i="1"/>
  <c r="AD69501" i="1"/>
  <c r="AD69502" i="1"/>
  <c r="AD69503" i="1"/>
  <c r="AD69504" i="1"/>
  <c r="AD69505" i="1"/>
  <c r="AD69506" i="1"/>
  <c r="AD69507" i="1"/>
  <c r="AD69508" i="1"/>
  <c r="AD69509" i="1"/>
  <c r="AD69510" i="1"/>
  <c r="AD69511" i="1"/>
  <c r="AD69512" i="1"/>
  <c r="AD69513" i="1"/>
  <c r="AD69514" i="1"/>
  <c r="AD69515" i="1"/>
  <c r="AD69516" i="1"/>
  <c r="AD69517" i="1"/>
  <c r="AD69518" i="1"/>
  <c r="AD69519" i="1"/>
  <c r="AD69520" i="1"/>
  <c r="AD69521" i="1"/>
  <c r="AD69522" i="1"/>
  <c r="AD69523" i="1"/>
  <c r="AD69524" i="1"/>
  <c r="AD69525" i="1"/>
  <c r="AD69526" i="1"/>
  <c r="AD69527" i="1"/>
  <c r="AD69528" i="1"/>
  <c r="AD69529" i="1"/>
  <c r="AD69530" i="1"/>
  <c r="AD69531" i="1"/>
  <c r="AD69532" i="1"/>
  <c r="AD69533" i="1"/>
  <c r="AD69534" i="1"/>
  <c r="AD69535" i="1"/>
  <c r="AD69536" i="1"/>
  <c r="AD69537" i="1"/>
  <c r="AD69538" i="1"/>
  <c r="AD69539" i="1"/>
  <c r="AD69540" i="1"/>
  <c r="AD69541" i="1"/>
  <c r="AD69542" i="1"/>
  <c r="AD69543" i="1"/>
  <c r="AD69544" i="1"/>
  <c r="AD69545" i="1"/>
  <c r="AD69546" i="1"/>
  <c r="AD69547" i="1"/>
  <c r="AD69548" i="1"/>
  <c r="AD69549" i="1"/>
  <c r="AD69550" i="1"/>
  <c r="AD69551" i="1"/>
  <c r="AD69552" i="1"/>
  <c r="AD69553" i="1"/>
  <c r="AD69554" i="1"/>
  <c r="AD69555" i="1"/>
  <c r="AD69556" i="1"/>
  <c r="AD69557" i="1"/>
  <c r="AD69558" i="1"/>
  <c r="AD69559" i="1"/>
  <c r="AD69560" i="1"/>
  <c r="AD69561" i="1"/>
  <c r="AD69562" i="1"/>
  <c r="AD69563" i="1"/>
  <c r="AD69564" i="1"/>
  <c r="AD69565" i="1"/>
  <c r="AD69566" i="1"/>
  <c r="AD69567" i="1"/>
  <c r="AD69568" i="1"/>
  <c r="AD69569" i="1"/>
  <c r="AD69570" i="1"/>
  <c r="AD69571" i="1"/>
  <c r="AD69572" i="1"/>
  <c r="AD69573" i="1"/>
  <c r="AD69574" i="1"/>
  <c r="AD69575" i="1"/>
  <c r="AD69576" i="1"/>
  <c r="AD69577" i="1"/>
  <c r="AD69578" i="1"/>
  <c r="AD69579" i="1"/>
  <c r="AD69580" i="1"/>
  <c r="AD69581" i="1"/>
  <c r="AD69582" i="1"/>
  <c r="AD69583" i="1"/>
  <c r="AD69584" i="1"/>
  <c r="AD69585" i="1"/>
  <c r="AD69586" i="1"/>
  <c r="AD69587" i="1"/>
  <c r="AD69588" i="1"/>
  <c r="AD69589" i="1"/>
  <c r="AD69590" i="1"/>
  <c r="AD69591" i="1"/>
  <c r="AD69592" i="1"/>
  <c r="AD69593" i="1"/>
  <c r="AD69594" i="1"/>
  <c r="AD69595" i="1"/>
  <c r="AD69596" i="1"/>
  <c r="AD69597" i="1"/>
  <c r="AD69598" i="1"/>
  <c r="AD69599" i="1"/>
  <c r="AD69600" i="1"/>
  <c r="AD69601" i="1"/>
  <c r="AD69602" i="1"/>
  <c r="AD69603" i="1"/>
  <c r="AD69604" i="1"/>
  <c r="AD69605" i="1"/>
  <c r="AD69606" i="1"/>
  <c r="AD69607" i="1"/>
  <c r="AD69608" i="1"/>
  <c r="AD69609" i="1"/>
  <c r="AD69610" i="1"/>
  <c r="AD69611" i="1"/>
  <c r="AD69612" i="1"/>
  <c r="AD69613" i="1"/>
  <c r="AD69614" i="1"/>
  <c r="AD69615" i="1"/>
  <c r="AD69616" i="1"/>
  <c r="AD69617" i="1"/>
  <c r="AD69618" i="1"/>
  <c r="AD69619" i="1"/>
  <c r="AD69620" i="1"/>
  <c r="AD69621" i="1"/>
  <c r="AD69622" i="1"/>
  <c r="AD69623" i="1"/>
  <c r="AD69624" i="1"/>
  <c r="AD69625" i="1"/>
  <c r="AD69626" i="1"/>
  <c r="AD69627" i="1"/>
  <c r="AD69628" i="1"/>
  <c r="AD69629" i="1"/>
  <c r="AD69630" i="1"/>
  <c r="AD69631" i="1"/>
  <c r="AD69632" i="1"/>
  <c r="AD69633" i="1"/>
  <c r="AD69634" i="1"/>
  <c r="AD69635" i="1"/>
  <c r="AD69636" i="1"/>
  <c r="AD69637" i="1"/>
  <c r="AD69638" i="1"/>
  <c r="AD69639" i="1"/>
  <c r="AD69640" i="1"/>
  <c r="AD69641" i="1"/>
  <c r="AD69642" i="1"/>
  <c r="AD69643" i="1"/>
  <c r="AD69644" i="1"/>
  <c r="AD69645" i="1"/>
  <c r="AD69646" i="1"/>
  <c r="AD69647" i="1"/>
  <c r="AD69648" i="1"/>
  <c r="AD69649" i="1"/>
  <c r="AD69650" i="1"/>
  <c r="AD69651" i="1"/>
  <c r="AD69652" i="1"/>
  <c r="AD69653" i="1"/>
  <c r="AD69654" i="1"/>
  <c r="AD69655" i="1"/>
  <c r="AD69656" i="1"/>
  <c r="AD69657" i="1"/>
  <c r="AD69658" i="1"/>
  <c r="AD69659" i="1"/>
  <c r="AD69660" i="1"/>
  <c r="AD69661" i="1"/>
  <c r="AD69662" i="1"/>
  <c r="AD69663" i="1"/>
  <c r="AD69664" i="1"/>
  <c r="AD69665" i="1"/>
  <c r="AD69666" i="1"/>
  <c r="AD69667" i="1"/>
  <c r="AD69668" i="1"/>
  <c r="AD69669" i="1"/>
  <c r="AD69670" i="1"/>
  <c r="AD69671" i="1"/>
  <c r="AD69672" i="1"/>
  <c r="AD69673" i="1"/>
  <c r="AD69674" i="1"/>
  <c r="AD69675" i="1"/>
  <c r="AD69676" i="1"/>
  <c r="AD69677" i="1"/>
  <c r="AD69678" i="1"/>
  <c r="AD69679" i="1"/>
  <c r="AD69680" i="1"/>
  <c r="AD69681" i="1"/>
  <c r="AD69682" i="1"/>
  <c r="AD69683" i="1"/>
  <c r="AD69684" i="1"/>
  <c r="AD69685" i="1"/>
  <c r="AD69686" i="1"/>
  <c r="AD69687" i="1"/>
  <c r="AD69688" i="1"/>
  <c r="AD69689" i="1"/>
  <c r="AD69690" i="1"/>
  <c r="AD69691" i="1"/>
  <c r="AD69692" i="1"/>
  <c r="AD69693" i="1"/>
  <c r="AD69694" i="1"/>
  <c r="AD69695" i="1"/>
  <c r="AD69696" i="1"/>
  <c r="AD69697" i="1"/>
  <c r="AD69698" i="1"/>
  <c r="AD69699" i="1"/>
  <c r="AD69700" i="1"/>
  <c r="AD69701" i="1"/>
  <c r="AD69702" i="1"/>
  <c r="AD69703" i="1"/>
  <c r="AD69704" i="1"/>
  <c r="AD69705" i="1"/>
  <c r="AD69706" i="1"/>
  <c r="AD69707" i="1"/>
  <c r="AD69708" i="1"/>
  <c r="AD69709" i="1"/>
  <c r="AD69710" i="1"/>
  <c r="AD69711" i="1"/>
  <c r="AD69712" i="1"/>
  <c r="AD69713" i="1"/>
  <c r="AD69714" i="1"/>
  <c r="AD69715" i="1"/>
  <c r="AD69716" i="1"/>
  <c r="AD69717" i="1"/>
  <c r="AD69718" i="1"/>
  <c r="AD69719" i="1"/>
  <c r="AD69720" i="1"/>
  <c r="AD69721" i="1"/>
  <c r="AD69722" i="1"/>
  <c r="AD69723" i="1"/>
  <c r="AD69724" i="1"/>
  <c r="AD69725" i="1"/>
  <c r="AD69726" i="1"/>
  <c r="AD69727" i="1"/>
  <c r="AD69728" i="1"/>
  <c r="AD69729" i="1"/>
  <c r="AD69730" i="1"/>
  <c r="AD69731" i="1"/>
  <c r="AD69732" i="1"/>
  <c r="AD69733" i="1"/>
  <c r="AD69734" i="1"/>
  <c r="AD69735" i="1"/>
  <c r="AD69736" i="1"/>
  <c r="AD69737" i="1"/>
  <c r="AD69738" i="1"/>
  <c r="AD69739" i="1"/>
  <c r="AD69740" i="1"/>
  <c r="AD69741" i="1"/>
  <c r="AD69742" i="1"/>
  <c r="AD69743" i="1"/>
  <c r="AD69744" i="1"/>
  <c r="AD69745" i="1"/>
  <c r="AD69746" i="1"/>
  <c r="AD69747" i="1"/>
  <c r="AD69748" i="1"/>
  <c r="AD69749" i="1"/>
  <c r="AD69750" i="1"/>
  <c r="AD69751" i="1"/>
  <c r="AD69752" i="1"/>
  <c r="AD69753" i="1"/>
  <c r="AD69754" i="1"/>
  <c r="AD69755" i="1"/>
  <c r="AD69756" i="1"/>
  <c r="AD69757" i="1"/>
  <c r="AD69758" i="1"/>
  <c r="AD69759" i="1"/>
  <c r="AD69760" i="1"/>
  <c r="AD69761" i="1"/>
  <c r="AD69762" i="1"/>
  <c r="AD69763" i="1"/>
  <c r="AD69764" i="1"/>
  <c r="AD69765" i="1"/>
  <c r="AD69766" i="1"/>
  <c r="AD69767" i="1"/>
  <c r="AD69768" i="1"/>
  <c r="AD69769" i="1"/>
  <c r="AD69770" i="1"/>
  <c r="AD69771" i="1"/>
  <c r="AD69772" i="1"/>
  <c r="AD69773" i="1"/>
  <c r="AD69774" i="1"/>
  <c r="AD69775" i="1"/>
  <c r="AD69776" i="1"/>
  <c r="AD69777" i="1"/>
  <c r="AD69778" i="1"/>
  <c r="AD69779" i="1"/>
  <c r="AD69780" i="1"/>
  <c r="AD69781" i="1"/>
  <c r="AD69782" i="1"/>
  <c r="AD69783" i="1"/>
  <c r="AD69784" i="1"/>
  <c r="AD69785" i="1"/>
  <c r="AD69786" i="1"/>
  <c r="AD69787" i="1"/>
  <c r="AD69788" i="1"/>
  <c r="AD69789" i="1"/>
  <c r="AD69790" i="1"/>
  <c r="AD69791" i="1"/>
  <c r="AD69792" i="1"/>
  <c r="AD69793" i="1"/>
  <c r="AD69794" i="1"/>
  <c r="AD69795" i="1"/>
  <c r="AD69796" i="1"/>
  <c r="AD69797" i="1"/>
  <c r="AD69798" i="1"/>
  <c r="AD69799" i="1"/>
  <c r="AD69800" i="1"/>
  <c r="AD69801" i="1"/>
  <c r="AD69802" i="1"/>
  <c r="AD69803" i="1"/>
  <c r="AD69804" i="1"/>
  <c r="AD69805" i="1"/>
  <c r="AD69806" i="1"/>
  <c r="AD69807" i="1"/>
  <c r="AD69808" i="1"/>
  <c r="AD69809" i="1"/>
  <c r="AD69810" i="1"/>
  <c r="AD69811" i="1"/>
  <c r="AD69812" i="1"/>
  <c r="AD69813" i="1"/>
  <c r="AD69814" i="1"/>
  <c r="AD69815" i="1"/>
  <c r="AD69816" i="1"/>
  <c r="AD69817" i="1"/>
  <c r="AD69818" i="1"/>
  <c r="AD69819" i="1"/>
  <c r="AD69820" i="1"/>
  <c r="AD69821" i="1"/>
  <c r="AD69822" i="1"/>
  <c r="AD69823" i="1"/>
  <c r="AD69824" i="1"/>
  <c r="AD69825" i="1"/>
  <c r="AD69826" i="1"/>
  <c r="AD69827" i="1"/>
  <c r="AD69828" i="1"/>
  <c r="AD69829" i="1"/>
  <c r="AD69830" i="1"/>
  <c r="AD69831" i="1"/>
  <c r="AD69832" i="1"/>
  <c r="AD69833" i="1"/>
  <c r="AD69834" i="1"/>
  <c r="AD69835" i="1"/>
  <c r="AD69836" i="1"/>
  <c r="AD69837" i="1"/>
  <c r="AD69838" i="1"/>
  <c r="AD69839" i="1"/>
  <c r="AD69840" i="1"/>
  <c r="AD69841" i="1"/>
  <c r="AD69842" i="1"/>
  <c r="AD69843" i="1"/>
  <c r="AD69844" i="1"/>
  <c r="AD69845" i="1"/>
  <c r="AD69846" i="1"/>
  <c r="AD69847" i="1"/>
  <c r="AD69848" i="1"/>
  <c r="AD69849" i="1"/>
  <c r="AD69850" i="1"/>
  <c r="AD69851" i="1"/>
  <c r="AD69852" i="1"/>
  <c r="AD69853" i="1"/>
  <c r="AD69854" i="1"/>
  <c r="AD69855" i="1"/>
  <c r="AD69856" i="1"/>
  <c r="AD69857" i="1"/>
  <c r="AD69858" i="1"/>
  <c r="AD69859" i="1"/>
  <c r="AD69860" i="1"/>
  <c r="AD69861" i="1"/>
  <c r="AD69862" i="1"/>
  <c r="AD69863" i="1"/>
  <c r="AD69864" i="1"/>
  <c r="AD69865" i="1"/>
  <c r="AD69866" i="1"/>
  <c r="AD69867" i="1"/>
  <c r="AD69868" i="1"/>
  <c r="AD69869" i="1"/>
  <c r="AD69870" i="1"/>
  <c r="AD69871" i="1"/>
  <c r="AD69872" i="1"/>
  <c r="AD69873" i="1"/>
  <c r="AD69874" i="1"/>
  <c r="AD69875" i="1"/>
  <c r="AD69876" i="1"/>
  <c r="AD69877" i="1"/>
  <c r="AD69878" i="1"/>
  <c r="AD69879" i="1"/>
  <c r="AD69880" i="1"/>
  <c r="AD69881" i="1"/>
  <c r="AD69882" i="1"/>
  <c r="AD69883" i="1"/>
  <c r="AD69884" i="1"/>
  <c r="AD69885" i="1"/>
  <c r="AD69886" i="1"/>
  <c r="AD69887" i="1"/>
  <c r="AD69888" i="1"/>
  <c r="AD69889" i="1"/>
  <c r="AD69890" i="1"/>
  <c r="AD69891" i="1"/>
  <c r="AD69892" i="1"/>
  <c r="AD69893" i="1"/>
  <c r="AD69894" i="1"/>
  <c r="AD69895" i="1"/>
  <c r="AD69896" i="1"/>
  <c r="AD69897" i="1"/>
  <c r="AD69898" i="1"/>
  <c r="AD69899" i="1"/>
  <c r="AD69900" i="1"/>
  <c r="AD69901" i="1"/>
  <c r="AD69902" i="1"/>
  <c r="AD69903" i="1"/>
  <c r="AD69904" i="1"/>
  <c r="AD69905" i="1"/>
  <c r="AD69906" i="1"/>
  <c r="AD69907" i="1"/>
  <c r="AD69908" i="1"/>
  <c r="AD69909" i="1"/>
  <c r="AD69910" i="1"/>
  <c r="AD69911" i="1"/>
  <c r="AD69912" i="1"/>
  <c r="AD69913" i="1"/>
  <c r="AD69914" i="1"/>
  <c r="AD69915" i="1"/>
  <c r="AD69916" i="1"/>
  <c r="AD69917" i="1"/>
  <c r="AD69918" i="1"/>
  <c r="AD69919" i="1"/>
  <c r="AD69920" i="1"/>
  <c r="AD69921" i="1"/>
  <c r="AD69922" i="1"/>
  <c r="AD69923" i="1"/>
  <c r="AD69924" i="1"/>
  <c r="AD69925" i="1"/>
  <c r="AD69926" i="1"/>
  <c r="AD69927" i="1"/>
  <c r="AD69928" i="1"/>
  <c r="AD69929" i="1"/>
  <c r="AD69930" i="1"/>
  <c r="AD69931" i="1"/>
  <c r="AD69932" i="1"/>
  <c r="AD69933" i="1"/>
  <c r="AD69934" i="1"/>
  <c r="AD69935" i="1"/>
  <c r="AD69936" i="1"/>
  <c r="AD69937" i="1"/>
  <c r="AD69938" i="1"/>
  <c r="AD69939" i="1"/>
  <c r="AD69940" i="1"/>
  <c r="AD69941" i="1"/>
  <c r="AD69942" i="1"/>
  <c r="AD69943" i="1"/>
  <c r="AD69944" i="1"/>
  <c r="AD69945" i="1"/>
  <c r="AD69946" i="1"/>
  <c r="AD69947" i="1"/>
  <c r="AD69948" i="1"/>
  <c r="AD69949" i="1"/>
  <c r="AD69950" i="1"/>
  <c r="AD69951" i="1"/>
  <c r="AD69952" i="1"/>
  <c r="AD69953" i="1"/>
  <c r="AD69954" i="1"/>
  <c r="AD69955" i="1"/>
  <c r="AD69956" i="1"/>
  <c r="AD69957" i="1"/>
  <c r="AD69958" i="1"/>
  <c r="AD69959" i="1"/>
  <c r="AD69960" i="1"/>
  <c r="AD69961" i="1"/>
  <c r="AD69962" i="1"/>
  <c r="AD69963" i="1"/>
  <c r="AD69964" i="1"/>
  <c r="AD69965" i="1"/>
  <c r="AD69966" i="1"/>
  <c r="AD69967" i="1"/>
  <c r="AD69968" i="1"/>
  <c r="AD69969" i="1"/>
  <c r="AD69970" i="1"/>
  <c r="AD69971" i="1"/>
  <c r="AD69972" i="1"/>
  <c r="AD69973" i="1"/>
  <c r="AD69974" i="1"/>
  <c r="AD69975" i="1"/>
  <c r="AD69976" i="1"/>
  <c r="AD69977" i="1"/>
  <c r="AD69978" i="1"/>
  <c r="AD69979" i="1"/>
  <c r="AD69980" i="1"/>
  <c r="AD69981" i="1"/>
  <c r="AD69982" i="1"/>
  <c r="AD69983" i="1"/>
  <c r="AD69984" i="1"/>
  <c r="AD69985" i="1"/>
  <c r="AD69986" i="1"/>
  <c r="AD69987" i="1"/>
  <c r="AD69988" i="1"/>
  <c r="AD69989" i="1"/>
  <c r="AD69990" i="1"/>
  <c r="AD69991" i="1"/>
  <c r="AD69992" i="1"/>
  <c r="AD69993" i="1"/>
  <c r="AD69994" i="1"/>
  <c r="AD69995" i="1"/>
  <c r="AD69996" i="1"/>
  <c r="AD69997" i="1"/>
  <c r="AD69998" i="1"/>
  <c r="AD69999" i="1"/>
  <c r="AD70000" i="1"/>
  <c r="AD70001" i="1"/>
  <c r="AD70002" i="1"/>
  <c r="AD70003" i="1"/>
  <c r="AD70004" i="1"/>
  <c r="AD70005" i="1"/>
  <c r="AD70006" i="1"/>
  <c r="AD70007" i="1"/>
  <c r="AD70008" i="1"/>
  <c r="AD70009" i="1"/>
  <c r="AD70010" i="1"/>
  <c r="AD70011" i="1"/>
  <c r="AD70012" i="1"/>
  <c r="AD70013" i="1"/>
  <c r="AD70014" i="1"/>
  <c r="AD70015" i="1"/>
  <c r="AD70016" i="1"/>
  <c r="AD70017" i="1"/>
  <c r="AD70018" i="1"/>
  <c r="AD70019" i="1"/>
  <c r="AD70020" i="1"/>
  <c r="AD70021" i="1"/>
  <c r="AD70022" i="1"/>
  <c r="AD70023" i="1"/>
  <c r="AD70024" i="1"/>
  <c r="AD70025" i="1"/>
  <c r="AD70026" i="1"/>
  <c r="AD70027" i="1"/>
  <c r="AD70028" i="1"/>
  <c r="AD70029" i="1"/>
  <c r="AD70030" i="1"/>
  <c r="AD70031" i="1"/>
  <c r="AD70032" i="1"/>
  <c r="AD70033" i="1"/>
  <c r="AD70034" i="1"/>
  <c r="AD70035" i="1"/>
  <c r="AD70036" i="1"/>
  <c r="AD70037" i="1"/>
  <c r="AD70038" i="1"/>
  <c r="AD70039" i="1"/>
  <c r="AD70040" i="1"/>
  <c r="AD70041" i="1"/>
  <c r="AD70042" i="1"/>
  <c r="AD70043" i="1"/>
  <c r="AD70044" i="1"/>
  <c r="AD70045" i="1"/>
  <c r="AD70046" i="1"/>
  <c r="AD70047" i="1"/>
  <c r="AD70048" i="1"/>
  <c r="AD70049" i="1"/>
  <c r="AD70050" i="1"/>
  <c r="AD70051" i="1"/>
  <c r="AD70052" i="1"/>
  <c r="AD70053" i="1"/>
  <c r="AD70054" i="1"/>
  <c r="AD70055" i="1"/>
  <c r="AD70056" i="1"/>
  <c r="AD70057" i="1"/>
  <c r="AD70058" i="1"/>
  <c r="AD70059" i="1"/>
  <c r="AD70060" i="1"/>
  <c r="AD70061" i="1"/>
  <c r="AD70062" i="1"/>
  <c r="AD70063" i="1"/>
  <c r="AD70064" i="1"/>
  <c r="AD70065" i="1"/>
  <c r="AD70066" i="1"/>
  <c r="AD70067" i="1"/>
  <c r="AD70068" i="1"/>
  <c r="AD70069" i="1"/>
  <c r="AD70070" i="1"/>
  <c r="AD70071" i="1"/>
  <c r="AD70072" i="1"/>
  <c r="AD70073" i="1"/>
  <c r="AD70074" i="1"/>
  <c r="AD70075" i="1"/>
  <c r="AD70076" i="1"/>
  <c r="AD70077" i="1"/>
  <c r="AD70078" i="1"/>
  <c r="AD70079" i="1"/>
  <c r="AD70080" i="1"/>
  <c r="AD70081" i="1"/>
  <c r="AD70082" i="1"/>
  <c r="AD70083" i="1"/>
  <c r="AD70084" i="1"/>
  <c r="AD70085" i="1"/>
  <c r="AD70086" i="1"/>
  <c r="AD70087" i="1"/>
  <c r="AD70088" i="1"/>
  <c r="AD70089" i="1"/>
  <c r="AD70090" i="1"/>
  <c r="AD70091" i="1"/>
  <c r="AD70092" i="1"/>
  <c r="AD70093" i="1"/>
  <c r="AD70094" i="1"/>
  <c r="AD70095" i="1"/>
  <c r="AD70096" i="1"/>
  <c r="AD70097" i="1"/>
  <c r="AD70098" i="1"/>
  <c r="AD70099" i="1"/>
  <c r="AD70100" i="1"/>
  <c r="AD70101" i="1"/>
  <c r="AD70102" i="1"/>
  <c r="AD70103" i="1"/>
  <c r="AD70104" i="1"/>
  <c r="AD70105" i="1"/>
  <c r="AD70106" i="1"/>
  <c r="AD70107" i="1"/>
  <c r="AD70108" i="1"/>
  <c r="AD70109" i="1"/>
  <c r="AD70110" i="1"/>
  <c r="AD70111" i="1"/>
  <c r="AD70112" i="1"/>
  <c r="AD70113" i="1"/>
  <c r="AD70114" i="1"/>
  <c r="AD70115" i="1"/>
  <c r="AD70116" i="1"/>
  <c r="AD70117" i="1"/>
  <c r="AD70118" i="1"/>
  <c r="AD70119" i="1"/>
  <c r="AD70120" i="1"/>
  <c r="AD70121" i="1"/>
  <c r="AD70122" i="1"/>
  <c r="AD70123" i="1"/>
  <c r="AD70124" i="1"/>
  <c r="AD70125" i="1"/>
  <c r="AD70126" i="1"/>
  <c r="AD70127" i="1"/>
  <c r="AD70128" i="1"/>
  <c r="AD70129" i="1"/>
  <c r="AD70130" i="1"/>
  <c r="AD70131" i="1"/>
  <c r="AD70132" i="1"/>
  <c r="AD70133" i="1"/>
  <c r="AD70134" i="1"/>
  <c r="AD70135" i="1"/>
  <c r="AD70136" i="1"/>
  <c r="AD70137" i="1"/>
  <c r="AD70138" i="1"/>
  <c r="AD70139" i="1"/>
  <c r="AD70140" i="1"/>
  <c r="AD70141" i="1"/>
  <c r="AD70142" i="1"/>
  <c r="AD70143" i="1"/>
  <c r="AD70144" i="1"/>
  <c r="AD70145" i="1"/>
  <c r="AD70146" i="1"/>
  <c r="AD70147" i="1"/>
  <c r="AD70148" i="1"/>
  <c r="AD70149" i="1"/>
  <c r="AD70150" i="1"/>
  <c r="AD70151" i="1"/>
  <c r="AD70152" i="1"/>
  <c r="AD70153" i="1"/>
  <c r="AD70154" i="1"/>
  <c r="AD70155" i="1"/>
  <c r="AD70156" i="1"/>
  <c r="AD70157" i="1"/>
  <c r="AD70158" i="1"/>
  <c r="AD70159" i="1"/>
  <c r="AD70160" i="1"/>
  <c r="AD70161" i="1"/>
  <c r="AD70162" i="1"/>
  <c r="AD70163" i="1"/>
  <c r="AD70164" i="1"/>
  <c r="AD70165" i="1"/>
  <c r="AD70166" i="1"/>
  <c r="AD70167" i="1"/>
  <c r="AD70168" i="1"/>
  <c r="AD70169" i="1"/>
  <c r="AD70170" i="1"/>
  <c r="AD70171" i="1"/>
  <c r="AD70172" i="1"/>
  <c r="AD70173" i="1"/>
  <c r="AD70174" i="1"/>
  <c r="AD70175" i="1"/>
  <c r="AD70176" i="1"/>
  <c r="AD70177" i="1"/>
  <c r="AD70178" i="1"/>
  <c r="AD70179" i="1"/>
  <c r="AD70180" i="1"/>
  <c r="AD70181" i="1"/>
  <c r="AD70182" i="1"/>
  <c r="AD70183" i="1"/>
  <c r="AD70184" i="1"/>
  <c r="AD70185" i="1"/>
  <c r="AD70186" i="1"/>
  <c r="AD70187" i="1"/>
  <c r="AD70188" i="1"/>
  <c r="AD70189" i="1"/>
  <c r="AD70190" i="1"/>
  <c r="AD70191" i="1"/>
  <c r="AD70192" i="1"/>
  <c r="AD70193" i="1"/>
  <c r="AD70194" i="1"/>
  <c r="AD70195" i="1"/>
  <c r="AD70196" i="1"/>
  <c r="AD70197" i="1"/>
  <c r="AD70198" i="1"/>
  <c r="AD70199" i="1"/>
  <c r="AD70200" i="1"/>
  <c r="AD70201" i="1"/>
  <c r="AD70202" i="1"/>
  <c r="AD70203" i="1"/>
  <c r="AD70204" i="1"/>
  <c r="AD70205" i="1"/>
  <c r="AD70206" i="1"/>
  <c r="AD70207" i="1"/>
  <c r="AD70208" i="1"/>
  <c r="AD70209" i="1"/>
  <c r="AD70210" i="1"/>
  <c r="AD70211" i="1"/>
  <c r="AD70212" i="1"/>
  <c r="AD70213" i="1"/>
  <c r="AD70214" i="1"/>
  <c r="AD70215" i="1"/>
  <c r="AD70216" i="1"/>
  <c r="AD70217" i="1"/>
  <c r="AD70218" i="1"/>
  <c r="AD70219" i="1"/>
  <c r="AD70220" i="1"/>
  <c r="AD70221" i="1"/>
  <c r="AD70222" i="1"/>
  <c r="AD70223" i="1"/>
  <c r="AD70224" i="1"/>
  <c r="AD70225" i="1"/>
  <c r="AD70226" i="1"/>
  <c r="AD70227" i="1"/>
  <c r="AD70228" i="1"/>
  <c r="AD70229" i="1"/>
  <c r="AD70230" i="1"/>
  <c r="AD70231" i="1"/>
  <c r="AD70232" i="1"/>
  <c r="AD70233" i="1"/>
  <c r="AD70234" i="1"/>
  <c r="AD70235" i="1"/>
  <c r="AD70236" i="1"/>
  <c r="AD70237" i="1"/>
  <c r="AD70238" i="1"/>
  <c r="AD70239" i="1"/>
  <c r="AD70240" i="1"/>
  <c r="AD70241" i="1"/>
  <c r="AD70242" i="1"/>
  <c r="AD70243" i="1"/>
  <c r="AD70244" i="1"/>
  <c r="AD70245" i="1"/>
  <c r="AD70246" i="1"/>
  <c r="AD70247" i="1"/>
  <c r="AD70248" i="1"/>
  <c r="AD70249" i="1"/>
  <c r="AD70250" i="1"/>
  <c r="AD70251" i="1"/>
  <c r="AD70252" i="1"/>
  <c r="AD70253" i="1"/>
  <c r="AD70254" i="1"/>
  <c r="AD70255" i="1"/>
  <c r="AD70256" i="1"/>
  <c r="AD70257" i="1"/>
  <c r="AD70258" i="1"/>
  <c r="AD70259" i="1"/>
  <c r="AD70260" i="1"/>
  <c r="AD70261" i="1"/>
  <c r="AD70262" i="1"/>
  <c r="AD70263" i="1"/>
  <c r="AD70264" i="1"/>
  <c r="AD70265" i="1"/>
  <c r="AD70266" i="1"/>
  <c r="AD70267" i="1"/>
  <c r="AD70268" i="1"/>
  <c r="AD70269" i="1"/>
  <c r="AD70270" i="1"/>
  <c r="AD70271" i="1"/>
  <c r="AD70272" i="1"/>
  <c r="AD70273" i="1"/>
  <c r="AD70274" i="1"/>
  <c r="AD70275" i="1"/>
  <c r="AD70276" i="1"/>
  <c r="AD70277" i="1"/>
  <c r="AD70278" i="1"/>
  <c r="AD70279" i="1"/>
  <c r="AD70280" i="1"/>
  <c r="AD70281" i="1"/>
  <c r="AD70282" i="1"/>
  <c r="AD70283" i="1"/>
  <c r="AD70284" i="1"/>
  <c r="AD70285" i="1"/>
  <c r="AD70286" i="1"/>
  <c r="AD70287" i="1"/>
  <c r="AD70288" i="1"/>
  <c r="AD70289" i="1"/>
  <c r="AD70290" i="1"/>
  <c r="AD70291" i="1"/>
  <c r="AD70292" i="1"/>
  <c r="AD70293" i="1"/>
  <c r="AD70294" i="1"/>
  <c r="AD70295" i="1"/>
  <c r="AD70296" i="1"/>
  <c r="AD70297" i="1"/>
  <c r="AD70298" i="1"/>
  <c r="AD70299" i="1"/>
  <c r="AD70300" i="1"/>
  <c r="AD70301" i="1"/>
  <c r="AD70302" i="1"/>
  <c r="AD70303" i="1"/>
  <c r="AD70304" i="1"/>
  <c r="AD70305" i="1"/>
  <c r="AD70306" i="1"/>
  <c r="AD70307" i="1"/>
  <c r="AD70308" i="1"/>
  <c r="AD70309" i="1"/>
  <c r="AD70310" i="1"/>
  <c r="AD70311" i="1"/>
  <c r="AD70312" i="1"/>
  <c r="AD70313" i="1"/>
  <c r="AD70314" i="1"/>
  <c r="AD70315" i="1"/>
  <c r="AD70316" i="1"/>
  <c r="AD70317" i="1"/>
  <c r="AD70318" i="1"/>
  <c r="AD70319" i="1"/>
  <c r="AD70320" i="1"/>
  <c r="AD70321" i="1"/>
  <c r="AD70322" i="1"/>
  <c r="AD70323" i="1"/>
  <c r="AD70324" i="1"/>
  <c r="AD70325" i="1"/>
  <c r="AD70326" i="1"/>
  <c r="AD70327" i="1"/>
  <c r="AD70328" i="1"/>
  <c r="AD70329" i="1"/>
  <c r="AD70330" i="1"/>
  <c r="AD70331" i="1"/>
  <c r="AD70332" i="1"/>
  <c r="AD70333" i="1"/>
  <c r="AD70334" i="1"/>
  <c r="AD70335" i="1"/>
  <c r="AD70336" i="1"/>
  <c r="AD70337" i="1"/>
  <c r="AD70338" i="1"/>
  <c r="AD70339" i="1"/>
  <c r="AD70340" i="1"/>
  <c r="AD70341" i="1"/>
  <c r="AD70342" i="1"/>
  <c r="AD70343" i="1"/>
  <c r="AD70344" i="1"/>
  <c r="AD70345" i="1"/>
  <c r="AD70346" i="1"/>
  <c r="AD70347" i="1"/>
  <c r="AD70348" i="1"/>
  <c r="AD70349" i="1"/>
  <c r="AD70350" i="1"/>
  <c r="AD70351" i="1"/>
  <c r="AD70352" i="1"/>
  <c r="AD70353" i="1"/>
  <c r="AD70354" i="1"/>
  <c r="AD70355" i="1"/>
  <c r="AD70356" i="1"/>
  <c r="AD70357" i="1"/>
  <c r="AD70358" i="1"/>
  <c r="AD70359" i="1"/>
  <c r="AD70360" i="1"/>
  <c r="AD70361" i="1"/>
  <c r="AD70362" i="1"/>
  <c r="AD70363" i="1"/>
  <c r="AD70364" i="1"/>
  <c r="AD70365" i="1"/>
  <c r="AD70366" i="1"/>
  <c r="AD70367" i="1"/>
  <c r="AD70368" i="1"/>
  <c r="AD70369" i="1"/>
  <c r="AD70370" i="1"/>
  <c r="AD70371" i="1"/>
  <c r="AD70372" i="1"/>
  <c r="AD70373" i="1"/>
  <c r="AD70374" i="1"/>
  <c r="AD70375" i="1"/>
  <c r="AD70376" i="1"/>
  <c r="AD70377" i="1"/>
  <c r="AD70378" i="1"/>
  <c r="AD70379" i="1"/>
  <c r="AD70380" i="1"/>
  <c r="AD70381" i="1"/>
  <c r="AD70382" i="1"/>
  <c r="AD70383" i="1"/>
  <c r="AD70384" i="1"/>
  <c r="AD70385" i="1"/>
  <c r="AD70386" i="1"/>
  <c r="AD70387" i="1"/>
  <c r="AD70388" i="1"/>
  <c r="AD70389" i="1"/>
  <c r="AD70390" i="1"/>
  <c r="AD70391" i="1"/>
  <c r="AD70392" i="1"/>
  <c r="AD70393" i="1"/>
  <c r="AD70394" i="1"/>
  <c r="AD70395" i="1"/>
  <c r="AD70396" i="1"/>
  <c r="AD70397" i="1"/>
  <c r="AD70398" i="1"/>
  <c r="AD70399" i="1"/>
  <c r="AD70400" i="1"/>
  <c r="AD70401" i="1"/>
  <c r="AD70402" i="1"/>
  <c r="AD70403" i="1"/>
  <c r="AD70404" i="1"/>
  <c r="AD70405" i="1"/>
  <c r="AD70406" i="1"/>
  <c r="AD70407" i="1"/>
  <c r="AD70408" i="1"/>
  <c r="AD70409" i="1"/>
  <c r="AD70410" i="1"/>
  <c r="AD70411" i="1"/>
  <c r="AD70412" i="1"/>
  <c r="AD70413" i="1"/>
  <c r="AD70414" i="1"/>
  <c r="AD70415" i="1"/>
  <c r="AD70416" i="1"/>
  <c r="AD70417" i="1"/>
  <c r="AD70418" i="1"/>
  <c r="AD70419" i="1"/>
  <c r="AD70420" i="1"/>
  <c r="AD70421" i="1"/>
  <c r="AD70422" i="1"/>
  <c r="AD70423" i="1"/>
  <c r="AD70424" i="1"/>
  <c r="AD70425" i="1"/>
  <c r="AD70426" i="1"/>
  <c r="AD70427" i="1"/>
  <c r="AD70428" i="1"/>
  <c r="AD70429" i="1"/>
  <c r="AD70430" i="1"/>
  <c r="AD70431" i="1"/>
  <c r="AD70432" i="1"/>
  <c r="AD70433" i="1"/>
  <c r="AD70434" i="1"/>
  <c r="AD70435" i="1"/>
  <c r="AD70436" i="1"/>
  <c r="AD70437" i="1"/>
  <c r="AD70438" i="1"/>
  <c r="AD70439" i="1"/>
  <c r="AD70440" i="1"/>
  <c r="AD70441" i="1"/>
  <c r="AD70442" i="1"/>
  <c r="AD70443" i="1"/>
  <c r="AD70444" i="1"/>
  <c r="AD70445" i="1"/>
  <c r="AD70446" i="1"/>
  <c r="AD70447" i="1"/>
  <c r="AD70448" i="1"/>
  <c r="AD70449" i="1"/>
  <c r="AD70450" i="1"/>
  <c r="AD70451" i="1"/>
  <c r="AD70452" i="1"/>
  <c r="AD70453" i="1"/>
  <c r="AD70454" i="1"/>
  <c r="AD70455" i="1"/>
  <c r="AD70456" i="1"/>
  <c r="AD70457" i="1"/>
  <c r="AD70458" i="1"/>
  <c r="AD70459" i="1"/>
  <c r="AD70460" i="1"/>
  <c r="AD70461" i="1"/>
  <c r="AD70462" i="1"/>
  <c r="AD70463" i="1"/>
  <c r="AD70464" i="1"/>
  <c r="AD70465" i="1"/>
  <c r="AD70466" i="1"/>
  <c r="AD70467" i="1"/>
  <c r="AD70468" i="1"/>
  <c r="AD70469" i="1"/>
  <c r="AD70470" i="1"/>
  <c r="AD70471" i="1"/>
  <c r="AD70472" i="1"/>
  <c r="AD70473" i="1"/>
  <c r="AD70474" i="1"/>
  <c r="AD70475" i="1"/>
  <c r="AD70476" i="1"/>
  <c r="AD70477" i="1"/>
  <c r="AD70478" i="1"/>
  <c r="AD70479" i="1"/>
  <c r="AD70480" i="1"/>
  <c r="AD70481" i="1"/>
  <c r="AD70482" i="1"/>
  <c r="AD70483" i="1"/>
  <c r="AD70484" i="1"/>
  <c r="AD70485" i="1"/>
  <c r="AD70486" i="1"/>
  <c r="AD70487" i="1"/>
  <c r="AD70488" i="1"/>
  <c r="AD70489" i="1"/>
  <c r="AD70490" i="1"/>
  <c r="AD70491" i="1"/>
  <c r="AD70492" i="1"/>
  <c r="AD70493" i="1"/>
  <c r="AD70494" i="1"/>
  <c r="AD70495" i="1"/>
  <c r="AD70496" i="1"/>
  <c r="AD70497" i="1"/>
  <c r="AD70498" i="1"/>
  <c r="AD70499" i="1"/>
  <c r="AD70500" i="1"/>
  <c r="AD70501" i="1"/>
  <c r="AD70502" i="1"/>
  <c r="AD70503" i="1"/>
  <c r="AD70504" i="1"/>
  <c r="AD70505" i="1"/>
  <c r="AD70506" i="1"/>
  <c r="AD70507" i="1"/>
  <c r="AD70508" i="1"/>
  <c r="AD70509" i="1"/>
  <c r="AD70510" i="1"/>
  <c r="AD70511" i="1"/>
  <c r="AD70512" i="1"/>
  <c r="AD70513" i="1"/>
  <c r="AD70514" i="1"/>
  <c r="AD70515" i="1"/>
  <c r="AD70516" i="1"/>
  <c r="AD70517" i="1"/>
  <c r="AD70518" i="1"/>
  <c r="AD70519" i="1"/>
  <c r="AD70520" i="1"/>
  <c r="AD70521" i="1"/>
  <c r="AD70522" i="1"/>
  <c r="AD70523" i="1"/>
  <c r="AD70524" i="1"/>
  <c r="AD70525" i="1"/>
  <c r="AD70526" i="1"/>
  <c r="AD70527" i="1"/>
  <c r="AD70528" i="1"/>
  <c r="AD70529" i="1"/>
  <c r="AD70530" i="1"/>
  <c r="AD70531" i="1"/>
  <c r="AD70532" i="1"/>
  <c r="AD70533" i="1"/>
  <c r="AD70534" i="1"/>
  <c r="AD70535" i="1"/>
  <c r="AD70536" i="1"/>
  <c r="AD70537" i="1"/>
  <c r="AD70538" i="1"/>
  <c r="AD70539" i="1"/>
  <c r="AD70540" i="1"/>
  <c r="AD70541" i="1"/>
  <c r="AD70542" i="1"/>
  <c r="AD70543" i="1"/>
  <c r="AD70544" i="1"/>
  <c r="AD70545" i="1"/>
  <c r="AD70546" i="1"/>
  <c r="AD70547" i="1"/>
  <c r="AD70548" i="1"/>
  <c r="AD70549" i="1"/>
  <c r="AD70550" i="1"/>
  <c r="AD70551" i="1"/>
  <c r="AD70552" i="1"/>
  <c r="AD70553" i="1"/>
  <c r="AD70554" i="1"/>
  <c r="AD70555" i="1"/>
  <c r="AD70556" i="1"/>
  <c r="AD70557" i="1"/>
  <c r="AD70558" i="1"/>
  <c r="AD70559" i="1"/>
  <c r="AD70560" i="1"/>
  <c r="AD70561" i="1"/>
  <c r="AD70562" i="1"/>
  <c r="AD70563" i="1"/>
  <c r="AD70564" i="1"/>
  <c r="AD70565" i="1"/>
  <c r="AD70566" i="1"/>
  <c r="AD70567" i="1"/>
  <c r="AD70568" i="1"/>
  <c r="AD70569" i="1"/>
  <c r="AD70570" i="1"/>
  <c r="AD70571" i="1"/>
  <c r="AD70572" i="1"/>
  <c r="AD70573" i="1"/>
  <c r="AD70574" i="1"/>
  <c r="AD70575" i="1"/>
  <c r="AD70576" i="1"/>
  <c r="AD70577" i="1"/>
  <c r="AD70578" i="1"/>
  <c r="AD70579" i="1"/>
  <c r="AD70580" i="1"/>
  <c r="AD70581" i="1"/>
  <c r="AD70582" i="1"/>
  <c r="AD70583" i="1"/>
  <c r="AD70584" i="1"/>
  <c r="AD70585" i="1"/>
  <c r="AD70586" i="1"/>
  <c r="AD70587" i="1"/>
  <c r="AD70588" i="1"/>
  <c r="AD70589" i="1"/>
  <c r="AD70590" i="1"/>
  <c r="AD70591" i="1"/>
  <c r="AD70592" i="1"/>
  <c r="AD70593" i="1"/>
  <c r="AD70594" i="1"/>
  <c r="AD70595" i="1"/>
  <c r="AD70596" i="1"/>
  <c r="AD70597" i="1"/>
  <c r="AD70598" i="1"/>
  <c r="AD70599" i="1"/>
  <c r="AD70600" i="1"/>
  <c r="AD70601" i="1"/>
  <c r="AD70602" i="1"/>
  <c r="AD70603" i="1"/>
  <c r="AD70604" i="1"/>
  <c r="AD70605" i="1"/>
  <c r="AD70606" i="1"/>
  <c r="AD70607" i="1"/>
  <c r="AD70608" i="1"/>
  <c r="AD70609" i="1"/>
  <c r="AD70610" i="1"/>
  <c r="AD70611" i="1"/>
  <c r="AD70612" i="1"/>
  <c r="AD70613" i="1"/>
  <c r="AD70614" i="1"/>
  <c r="AD70615" i="1"/>
  <c r="AD70616" i="1"/>
  <c r="AD70617" i="1"/>
  <c r="AD70618" i="1"/>
  <c r="AD70619" i="1"/>
  <c r="AD70620" i="1"/>
  <c r="AD70621" i="1"/>
  <c r="AD70622" i="1"/>
  <c r="AD70623" i="1"/>
  <c r="AD70624" i="1"/>
  <c r="AD70625" i="1"/>
  <c r="AD70626" i="1"/>
  <c r="AD70627" i="1"/>
  <c r="AD70628" i="1"/>
  <c r="AD70629" i="1"/>
  <c r="AD70630" i="1"/>
  <c r="AD70631" i="1"/>
  <c r="AD70632" i="1"/>
  <c r="AD70633" i="1"/>
  <c r="AD70634" i="1"/>
  <c r="AD70635" i="1"/>
  <c r="AD70636" i="1"/>
  <c r="AD70637" i="1"/>
  <c r="AD70638" i="1"/>
  <c r="AD70639" i="1"/>
  <c r="AD70640" i="1"/>
  <c r="AD70641" i="1"/>
  <c r="AD70642" i="1"/>
  <c r="AD70643" i="1"/>
  <c r="AD70644" i="1"/>
  <c r="AD70645" i="1"/>
  <c r="AD70646" i="1"/>
  <c r="AD70647" i="1"/>
  <c r="AD70648" i="1"/>
  <c r="AD70649" i="1"/>
  <c r="AD70650" i="1"/>
  <c r="AD70651" i="1"/>
  <c r="AD70652" i="1"/>
  <c r="AD70653" i="1"/>
  <c r="AD70654" i="1"/>
  <c r="AD70655" i="1"/>
  <c r="AD70656" i="1"/>
  <c r="AD70657" i="1"/>
  <c r="AD70658" i="1"/>
  <c r="AD70659" i="1"/>
  <c r="AD70660" i="1"/>
  <c r="AD70661" i="1"/>
  <c r="AD70662" i="1"/>
  <c r="AD70663" i="1"/>
  <c r="AD70664" i="1"/>
  <c r="AD70665" i="1"/>
  <c r="AD70666" i="1"/>
  <c r="AD70667" i="1"/>
  <c r="AD70668" i="1"/>
  <c r="AD70669" i="1"/>
  <c r="AD70670" i="1"/>
  <c r="AD70671" i="1"/>
  <c r="AD70672" i="1"/>
  <c r="AD70673" i="1"/>
  <c r="AD70674" i="1"/>
  <c r="AD70675" i="1"/>
  <c r="AD70676" i="1"/>
  <c r="AD70677" i="1"/>
  <c r="AD70678" i="1"/>
  <c r="AD70679" i="1"/>
  <c r="AD70680" i="1"/>
  <c r="AD70681" i="1"/>
  <c r="AD70682" i="1"/>
  <c r="AD70683" i="1"/>
  <c r="AD70684" i="1"/>
  <c r="AD70685" i="1"/>
  <c r="AD70686" i="1"/>
  <c r="AD70687" i="1"/>
  <c r="AD70688" i="1"/>
  <c r="AD70689" i="1"/>
  <c r="AD70690" i="1"/>
  <c r="AD70691" i="1"/>
  <c r="AD70692" i="1"/>
  <c r="AD70693" i="1"/>
  <c r="AD70694" i="1"/>
  <c r="AD70695" i="1"/>
  <c r="AD70696" i="1"/>
  <c r="AD70697" i="1"/>
  <c r="AD70698" i="1"/>
  <c r="AD70699" i="1"/>
  <c r="AD70700" i="1"/>
  <c r="AD70701" i="1"/>
  <c r="AD70702" i="1"/>
  <c r="AD70703" i="1"/>
  <c r="AD70704" i="1"/>
  <c r="AD70705" i="1"/>
  <c r="AD70706" i="1"/>
  <c r="AD70707" i="1"/>
  <c r="AD70708" i="1"/>
  <c r="AD70709" i="1"/>
  <c r="AD70710" i="1"/>
  <c r="AD70711" i="1"/>
  <c r="AD70712" i="1"/>
  <c r="AD70713" i="1"/>
  <c r="AD70714" i="1"/>
  <c r="AD70715" i="1"/>
  <c r="AD70716" i="1"/>
  <c r="AD70717" i="1"/>
  <c r="AD70718" i="1"/>
  <c r="AD70719" i="1"/>
  <c r="AD70720" i="1"/>
  <c r="AD70721" i="1"/>
  <c r="AD70722" i="1"/>
  <c r="AD70723" i="1"/>
  <c r="AD70724" i="1"/>
  <c r="AD70725" i="1"/>
  <c r="AD70726" i="1"/>
  <c r="AD70727" i="1"/>
  <c r="AD70728" i="1"/>
  <c r="AD70729" i="1"/>
  <c r="AD70730" i="1"/>
  <c r="AD70731" i="1"/>
  <c r="AD70732" i="1"/>
  <c r="AD70733" i="1"/>
  <c r="AD70734" i="1"/>
  <c r="AD70735" i="1"/>
  <c r="AD70736" i="1"/>
  <c r="AD70737" i="1"/>
  <c r="AD70738" i="1"/>
  <c r="AD70739" i="1"/>
  <c r="AD70740" i="1"/>
  <c r="AD70741" i="1"/>
  <c r="AD70742" i="1"/>
  <c r="AD70743" i="1"/>
  <c r="AD70744" i="1"/>
  <c r="AD70745" i="1"/>
  <c r="AD70746" i="1"/>
  <c r="AD70747" i="1"/>
  <c r="AD70748" i="1"/>
  <c r="AD70749" i="1"/>
  <c r="AD70750" i="1"/>
  <c r="AD70751" i="1"/>
  <c r="AD70752" i="1"/>
  <c r="AD70753" i="1"/>
  <c r="AD70754" i="1"/>
  <c r="AD70755" i="1"/>
  <c r="AD70756" i="1"/>
  <c r="AD70757" i="1"/>
  <c r="AD70758" i="1"/>
  <c r="AD70759" i="1"/>
  <c r="AD70760" i="1"/>
  <c r="AD70761" i="1"/>
  <c r="AD70762" i="1"/>
  <c r="AD70763" i="1"/>
  <c r="AD70764" i="1"/>
  <c r="AD70765" i="1"/>
  <c r="AD70766" i="1"/>
  <c r="AD70767" i="1"/>
  <c r="AD70768" i="1"/>
  <c r="AD70769" i="1"/>
  <c r="AD70770" i="1"/>
  <c r="AD70771" i="1"/>
  <c r="AD70772" i="1"/>
  <c r="AD70773" i="1"/>
  <c r="AD70774" i="1"/>
  <c r="AD70775" i="1"/>
  <c r="AD70776" i="1"/>
  <c r="AD70777" i="1"/>
  <c r="AD70778" i="1"/>
  <c r="AD70779" i="1"/>
  <c r="AD70780" i="1"/>
  <c r="AD70781" i="1"/>
  <c r="AD70782" i="1"/>
  <c r="AD70783" i="1"/>
  <c r="AD70784" i="1"/>
  <c r="AD70785" i="1"/>
  <c r="AD70786" i="1"/>
  <c r="AD70787" i="1"/>
  <c r="AD70788" i="1"/>
  <c r="AD70789" i="1"/>
  <c r="AD70790" i="1"/>
  <c r="AD70791" i="1"/>
  <c r="AD70792" i="1"/>
  <c r="AD70793" i="1"/>
  <c r="AD70794" i="1"/>
  <c r="AD70795" i="1"/>
  <c r="AD70796" i="1"/>
  <c r="AD70797" i="1"/>
  <c r="AD70798" i="1"/>
  <c r="AD70799" i="1"/>
  <c r="AD70800" i="1"/>
  <c r="AD70801" i="1"/>
  <c r="AD70802" i="1"/>
  <c r="AD70803" i="1"/>
  <c r="AD70804" i="1"/>
  <c r="AD70805" i="1"/>
  <c r="AD70806" i="1"/>
  <c r="AD70807" i="1"/>
  <c r="AD70808" i="1"/>
  <c r="AD70809" i="1"/>
  <c r="AD70810" i="1"/>
  <c r="AD70811" i="1"/>
  <c r="AD70812" i="1"/>
  <c r="AD70813" i="1"/>
  <c r="AD70814" i="1"/>
  <c r="AD70815" i="1"/>
  <c r="AD70816" i="1"/>
  <c r="AD70817" i="1"/>
  <c r="AD70818" i="1"/>
  <c r="AD70819" i="1"/>
  <c r="AD70820" i="1"/>
  <c r="AD70821" i="1"/>
  <c r="AD70822" i="1"/>
  <c r="AD70823" i="1"/>
  <c r="AD70824" i="1"/>
  <c r="AD70825" i="1"/>
  <c r="AD70826" i="1"/>
  <c r="AD70827" i="1"/>
  <c r="AD70828" i="1"/>
  <c r="AD70829" i="1"/>
  <c r="AD70830" i="1"/>
  <c r="AD70831" i="1"/>
  <c r="AD70832" i="1"/>
  <c r="AD70833" i="1"/>
  <c r="AD70834" i="1"/>
  <c r="AD70835" i="1"/>
  <c r="AD70836" i="1"/>
  <c r="AD70837" i="1"/>
  <c r="AD70838" i="1"/>
  <c r="AD70839" i="1"/>
  <c r="AD70840" i="1"/>
  <c r="AD70841" i="1"/>
  <c r="AD70842" i="1"/>
  <c r="AD70843" i="1"/>
  <c r="AD70844" i="1"/>
  <c r="AD70845" i="1"/>
  <c r="AD70846" i="1"/>
  <c r="AD70847" i="1"/>
  <c r="AD70848" i="1"/>
  <c r="AD70849" i="1"/>
  <c r="AD70850" i="1"/>
  <c r="AD70851" i="1"/>
  <c r="AD70852" i="1"/>
  <c r="AD70853" i="1"/>
  <c r="AD70854" i="1"/>
  <c r="AD70855" i="1"/>
  <c r="AD70856" i="1"/>
  <c r="AD70857" i="1"/>
  <c r="AD70858" i="1"/>
  <c r="AD70859" i="1"/>
  <c r="AD70860" i="1"/>
  <c r="AD70861" i="1"/>
  <c r="AD70862" i="1"/>
  <c r="AD70863" i="1"/>
  <c r="AD70864" i="1"/>
  <c r="AD70865" i="1"/>
  <c r="AD70866" i="1"/>
  <c r="AD70867" i="1"/>
  <c r="AD70868" i="1"/>
  <c r="AD70869" i="1"/>
  <c r="AD70870" i="1"/>
  <c r="AD70871" i="1"/>
  <c r="AD70872" i="1"/>
  <c r="AD70873" i="1"/>
  <c r="AD70874" i="1"/>
  <c r="AD70875" i="1"/>
  <c r="AD70876" i="1"/>
  <c r="AD70877" i="1"/>
  <c r="AD70878" i="1"/>
  <c r="AD70879" i="1"/>
  <c r="AD70880" i="1"/>
  <c r="AD70881" i="1"/>
  <c r="AD70882" i="1"/>
  <c r="AD70883" i="1"/>
  <c r="AD70884" i="1"/>
  <c r="AD70885" i="1"/>
  <c r="AD70886" i="1"/>
  <c r="AD70887" i="1"/>
  <c r="AD70888" i="1"/>
  <c r="AD70889" i="1"/>
  <c r="AD70890" i="1"/>
  <c r="AD70891" i="1"/>
  <c r="AD70892" i="1"/>
  <c r="AD70893" i="1"/>
  <c r="AD70894" i="1"/>
  <c r="AD70895" i="1"/>
  <c r="AD70896" i="1"/>
  <c r="AD70897" i="1"/>
  <c r="AD70898" i="1"/>
  <c r="AD70899" i="1"/>
  <c r="AD70900" i="1"/>
  <c r="AD70901" i="1"/>
  <c r="AD70902" i="1"/>
  <c r="AD70903" i="1"/>
  <c r="AD70904" i="1"/>
  <c r="AD70905" i="1"/>
  <c r="AD70906" i="1"/>
  <c r="AD70907" i="1"/>
  <c r="AD70908" i="1"/>
  <c r="AD70909" i="1"/>
  <c r="AD70910" i="1"/>
  <c r="AD70911" i="1"/>
  <c r="AD70912" i="1"/>
  <c r="AD70913" i="1"/>
  <c r="AD70914" i="1"/>
  <c r="AD70915" i="1"/>
  <c r="AD70916" i="1"/>
  <c r="AD70917" i="1"/>
  <c r="AD70918" i="1"/>
  <c r="AD70919" i="1"/>
  <c r="AD70920" i="1"/>
  <c r="AD70921" i="1"/>
  <c r="AD70922" i="1"/>
  <c r="AD70923" i="1"/>
  <c r="AD70924" i="1"/>
  <c r="AD70925" i="1"/>
  <c r="AD70926" i="1"/>
  <c r="AD70927" i="1"/>
  <c r="AD70928" i="1"/>
  <c r="AD70929" i="1"/>
  <c r="AD70930" i="1"/>
  <c r="AD70931" i="1"/>
  <c r="AD70932" i="1"/>
  <c r="AD70933" i="1"/>
  <c r="AD70934" i="1"/>
  <c r="AD70935" i="1"/>
  <c r="AD70936" i="1"/>
  <c r="AD70937" i="1"/>
  <c r="AD70938" i="1"/>
  <c r="AD70939" i="1"/>
  <c r="AD70940" i="1"/>
  <c r="AD70941" i="1"/>
  <c r="AD70942" i="1"/>
  <c r="AD70943" i="1"/>
  <c r="AD70944" i="1"/>
  <c r="AD70945" i="1"/>
  <c r="AD70946" i="1"/>
  <c r="AD70947" i="1"/>
  <c r="AD70948" i="1"/>
  <c r="AD70949" i="1"/>
  <c r="AD70950" i="1"/>
  <c r="AD70951" i="1"/>
  <c r="AD70952" i="1"/>
  <c r="AD70953" i="1"/>
  <c r="AD70954" i="1"/>
  <c r="AD70955" i="1"/>
  <c r="AD70956" i="1"/>
  <c r="AD70957" i="1"/>
  <c r="AD70958" i="1"/>
  <c r="AD70959" i="1"/>
  <c r="AD70960" i="1"/>
  <c r="AD70961" i="1"/>
  <c r="AD70962" i="1"/>
  <c r="AD70963" i="1"/>
  <c r="AD70964" i="1"/>
  <c r="AD70965" i="1"/>
  <c r="AD70966" i="1"/>
  <c r="AD70967" i="1"/>
  <c r="AD70968" i="1"/>
  <c r="AD70969" i="1"/>
  <c r="AD70970" i="1"/>
  <c r="AD70971" i="1"/>
  <c r="AD70972" i="1"/>
  <c r="AD70973" i="1"/>
  <c r="AD70974" i="1"/>
  <c r="AD70975" i="1"/>
  <c r="AD70976" i="1"/>
  <c r="AD70977" i="1"/>
  <c r="AD70978" i="1"/>
  <c r="AD70979" i="1"/>
  <c r="AD70980" i="1"/>
  <c r="AD70981" i="1"/>
  <c r="AD70982" i="1"/>
  <c r="AD70983" i="1"/>
  <c r="AD70984" i="1"/>
  <c r="AD70985" i="1"/>
  <c r="AD70986" i="1"/>
  <c r="AD70987" i="1"/>
  <c r="AD70988" i="1"/>
  <c r="AD70989" i="1"/>
  <c r="AD70990" i="1"/>
  <c r="AD70991" i="1"/>
  <c r="AD70992" i="1"/>
  <c r="AD70993" i="1"/>
  <c r="AD70994" i="1"/>
  <c r="AD70995" i="1"/>
  <c r="AD70996" i="1"/>
  <c r="AD70997" i="1"/>
  <c r="AD70998" i="1"/>
  <c r="AD70999" i="1"/>
  <c r="AD71000" i="1"/>
  <c r="AD71001" i="1"/>
  <c r="AD71002" i="1"/>
  <c r="AD71003" i="1"/>
  <c r="AD71004" i="1"/>
  <c r="AD71005" i="1"/>
  <c r="AD71006" i="1"/>
  <c r="AD71007" i="1"/>
  <c r="AD71008" i="1"/>
  <c r="AD71009" i="1"/>
  <c r="AD71010" i="1"/>
  <c r="AD71011" i="1"/>
  <c r="AD71012" i="1"/>
  <c r="AD71013" i="1"/>
  <c r="AD71014" i="1"/>
  <c r="AD71015" i="1"/>
  <c r="AD71016" i="1"/>
  <c r="AD71017" i="1"/>
  <c r="AD71018" i="1"/>
  <c r="AD71019" i="1"/>
  <c r="AD71020" i="1"/>
  <c r="AD71021" i="1"/>
  <c r="AD71022" i="1"/>
  <c r="AD71023" i="1"/>
  <c r="AD71024" i="1"/>
  <c r="AD71025" i="1"/>
  <c r="AD71026" i="1"/>
  <c r="AD71027" i="1"/>
  <c r="AD71028" i="1"/>
  <c r="AD71029" i="1"/>
  <c r="AD71030" i="1"/>
  <c r="AD71031" i="1"/>
  <c r="AD71032" i="1"/>
  <c r="AD71033" i="1"/>
  <c r="AD71034" i="1"/>
  <c r="AD71035" i="1"/>
  <c r="AD71036" i="1"/>
  <c r="AD71037" i="1"/>
  <c r="AD71038" i="1"/>
  <c r="AD71039" i="1"/>
  <c r="AD71040" i="1"/>
  <c r="AD71041" i="1"/>
  <c r="AD71042" i="1"/>
  <c r="AD71043" i="1"/>
  <c r="AD71044" i="1"/>
  <c r="AD71045" i="1"/>
  <c r="AD71046" i="1"/>
  <c r="AD71047" i="1"/>
  <c r="AD71048" i="1"/>
  <c r="AD71049" i="1"/>
  <c r="AD71050" i="1"/>
  <c r="AD71051" i="1"/>
  <c r="AD71052" i="1"/>
  <c r="AD71053" i="1"/>
  <c r="AD71054" i="1"/>
  <c r="AD71055" i="1"/>
  <c r="AD71056" i="1"/>
  <c r="AD71057" i="1"/>
  <c r="AD71058" i="1"/>
  <c r="AD71059" i="1"/>
  <c r="AD71060" i="1"/>
  <c r="AD71061" i="1"/>
  <c r="AD71062" i="1"/>
  <c r="AD71063" i="1"/>
  <c r="AD71064" i="1"/>
  <c r="AD71065" i="1"/>
  <c r="AD71066" i="1"/>
  <c r="AD71067" i="1"/>
  <c r="AD71068" i="1"/>
  <c r="AD71069" i="1"/>
  <c r="AD71070" i="1"/>
  <c r="AD71071" i="1"/>
  <c r="AD71072" i="1"/>
  <c r="AD71073" i="1"/>
  <c r="AD71074" i="1"/>
  <c r="AD71075" i="1"/>
  <c r="AD71076" i="1"/>
  <c r="AD71077" i="1"/>
  <c r="AD71078" i="1"/>
  <c r="AD71079" i="1"/>
  <c r="AD71080" i="1"/>
  <c r="AD71081" i="1"/>
  <c r="AD71082" i="1"/>
  <c r="AD71083" i="1"/>
  <c r="AD71084" i="1"/>
  <c r="AD71085" i="1"/>
  <c r="AD71086" i="1"/>
  <c r="AD71087" i="1"/>
  <c r="AD71088" i="1"/>
  <c r="AD71089" i="1"/>
  <c r="AD71090" i="1"/>
  <c r="AD71091" i="1"/>
  <c r="AD71092" i="1"/>
  <c r="AD71093" i="1"/>
  <c r="AD71094" i="1"/>
  <c r="AD71095" i="1"/>
  <c r="AD71096" i="1"/>
  <c r="AD71097" i="1"/>
  <c r="AD71098" i="1"/>
  <c r="AD71099" i="1"/>
  <c r="AD71100" i="1"/>
  <c r="AD71101" i="1"/>
  <c r="AD71102" i="1"/>
  <c r="AD71103" i="1"/>
  <c r="AD71104" i="1"/>
  <c r="AD71105" i="1"/>
  <c r="AD71106" i="1"/>
  <c r="AD71107" i="1"/>
  <c r="AD71108" i="1"/>
  <c r="AD71109" i="1"/>
  <c r="AD71110" i="1"/>
  <c r="AD71111" i="1"/>
  <c r="AD71112" i="1"/>
  <c r="AD71113" i="1"/>
  <c r="AD71114" i="1"/>
  <c r="AD71115" i="1"/>
  <c r="AD71116" i="1"/>
  <c r="AD71117" i="1"/>
  <c r="AD71118" i="1"/>
  <c r="AD71119" i="1"/>
  <c r="AD71120" i="1"/>
  <c r="AD71121" i="1"/>
  <c r="AD71122" i="1"/>
  <c r="AD71123" i="1"/>
  <c r="AD71124" i="1"/>
  <c r="AD71125" i="1"/>
  <c r="AD71126" i="1"/>
  <c r="AD71127" i="1"/>
  <c r="AD71128" i="1"/>
  <c r="AD71129" i="1"/>
  <c r="AD71130" i="1"/>
  <c r="AD71131" i="1"/>
  <c r="AD71132" i="1"/>
  <c r="AD71133" i="1"/>
  <c r="AD71134" i="1"/>
  <c r="AD71135" i="1"/>
  <c r="AD71136" i="1"/>
  <c r="AD71137" i="1"/>
  <c r="AD71138" i="1"/>
  <c r="AD71139" i="1"/>
  <c r="AD71140" i="1"/>
  <c r="AD71141" i="1"/>
  <c r="AD71142" i="1"/>
  <c r="AD71143" i="1"/>
  <c r="AD71144" i="1"/>
  <c r="AD71145" i="1"/>
  <c r="AD71146" i="1"/>
  <c r="AD71147" i="1"/>
  <c r="AD71148" i="1"/>
  <c r="AD71149" i="1"/>
  <c r="AD71150" i="1"/>
  <c r="AD71151" i="1"/>
  <c r="AD71152" i="1"/>
  <c r="AD71153" i="1"/>
  <c r="AD71154" i="1"/>
  <c r="AD71155" i="1"/>
  <c r="AD71156" i="1"/>
  <c r="AD71157" i="1"/>
  <c r="AD71158" i="1"/>
  <c r="AD71159" i="1"/>
  <c r="AD71160" i="1"/>
  <c r="AD71161" i="1"/>
  <c r="AD71162" i="1"/>
  <c r="AD71163" i="1"/>
  <c r="AD71164" i="1"/>
  <c r="AD71165" i="1"/>
  <c r="AD71166" i="1"/>
  <c r="AD71167" i="1"/>
  <c r="AD71168" i="1"/>
  <c r="AD71169" i="1"/>
  <c r="AD71170" i="1"/>
  <c r="AD71171" i="1"/>
  <c r="AD71172" i="1"/>
  <c r="AD71173" i="1"/>
  <c r="AD71174" i="1"/>
  <c r="AD71175" i="1"/>
  <c r="AD71176" i="1"/>
  <c r="AD71177" i="1"/>
  <c r="AD71178" i="1"/>
  <c r="AD71179" i="1"/>
  <c r="AD71180" i="1"/>
  <c r="AD71181" i="1"/>
  <c r="AD71182" i="1"/>
  <c r="AD71183" i="1"/>
  <c r="AD71184" i="1"/>
  <c r="AD71185" i="1"/>
  <c r="AD71186" i="1"/>
  <c r="AD71187" i="1"/>
  <c r="AD71188" i="1"/>
  <c r="AD71189" i="1"/>
  <c r="AD71190" i="1"/>
  <c r="AD71191" i="1"/>
  <c r="AD71192" i="1"/>
  <c r="AD71193" i="1"/>
  <c r="AD71194" i="1"/>
  <c r="AD71195" i="1"/>
  <c r="AD71196" i="1"/>
  <c r="AD71197" i="1"/>
  <c r="AD71198" i="1"/>
  <c r="AD71199" i="1"/>
  <c r="AD71200" i="1"/>
  <c r="AD71201" i="1"/>
  <c r="AD71202" i="1"/>
  <c r="AD71203" i="1"/>
  <c r="AD71204" i="1"/>
  <c r="AD71205" i="1"/>
  <c r="AD71206" i="1"/>
  <c r="AD71207" i="1"/>
  <c r="AD71208" i="1"/>
  <c r="AD71209" i="1"/>
  <c r="AD71210" i="1"/>
  <c r="AD71211" i="1"/>
  <c r="AD71212" i="1"/>
  <c r="AD71213" i="1"/>
  <c r="AD71214" i="1"/>
  <c r="AD71215" i="1"/>
  <c r="AD71216" i="1"/>
  <c r="AD71217" i="1"/>
  <c r="AD71218" i="1"/>
  <c r="AD71219" i="1"/>
  <c r="AD71220" i="1"/>
  <c r="AD71221" i="1"/>
  <c r="AD71222" i="1"/>
  <c r="AD71223" i="1"/>
  <c r="AD71224" i="1"/>
  <c r="AD71225" i="1"/>
  <c r="AD71226" i="1"/>
  <c r="AD71227" i="1"/>
  <c r="AD71228" i="1"/>
  <c r="AD71229" i="1"/>
  <c r="AD71230" i="1"/>
  <c r="AD71231" i="1"/>
  <c r="AD71232" i="1"/>
  <c r="AD71233" i="1"/>
  <c r="AD71234" i="1"/>
  <c r="AD71235" i="1"/>
  <c r="AD71236" i="1"/>
  <c r="AD71237" i="1"/>
  <c r="AD71238" i="1"/>
  <c r="AD71239" i="1"/>
  <c r="AD71240" i="1"/>
  <c r="AD71241" i="1"/>
  <c r="AD71242" i="1"/>
  <c r="AD71243" i="1"/>
  <c r="AD71244" i="1"/>
  <c r="AD71245" i="1"/>
  <c r="AD71246" i="1"/>
  <c r="AD71247" i="1"/>
  <c r="AD71248" i="1"/>
  <c r="AD71249" i="1"/>
  <c r="AD71250" i="1"/>
  <c r="AD71251" i="1"/>
  <c r="AD71252" i="1"/>
  <c r="AD71253" i="1"/>
  <c r="AD71254" i="1"/>
  <c r="AD71255" i="1"/>
  <c r="AD71256" i="1"/>
  <c r="AD71257" i="1"/>
  <c r="AD71258" i="1"/>
  <c r="AD71259" i="1"/>
  <c r="AD71260" i="1"/>
  <c r="AD71261" i="1"/>
  <c r="AD71262" i="1"/>
  <c r="AD71263" i="1"/>
  <c r="AD71264" i="1"/>
  <c r="AD71265" i="1"/>
  <c r="AD71266" i="1"/>
  <c r="AD71267" i="1"/>
  <c r="AD71268" i="1"/>
  <c r="AD71269" i="1"/>
  <c r="AD71270" i="1"/>
  <c r="AD71271" i="1"/>
  <c r="AD71272" i="1"/>
  <c r="AD71273" i="1"/>
  <c r="AD71274" i="1"/>
  <c r="AD71275" i="1"/>
  <c r="AD71276" i="1"/>
  <c r="AD71277" i="1"/>
  <c r="AD71278" i="1"/>
  <c r="AD71279" i="1"/>
  <c r="AD71280" i="1"/>
  <c r="AD71281" i="1"/>
  <c r="AD71282" i="1"/>
  <c r="AD71283" i="1"/>
  <c r="AD71284" i="1"/>
  <c r="AD71285" i="1"/>
  <c r="AD71286" i="1"/>
  <c r="AD71287" i="1"/>
  <c r="AD71288" i="1"/>
  <c r="AD71289" i="1"/>
  <c r="AD71290" i="1"/>
  <c r="AD71291" i="1"/>
  <c r="AD71292" i="1"/>
  <c r="AD71293" i="1"/>
  <c r="AD71294" i="1"/>
  <c r="AD71295" i="1"/>
  <c r="AD71296" i="1"/>
  <c r="AD71297" i="1"/>
  <c r="AD71298" i="1"/>
  <c r="AD71299" i="1"/>
  <c r="AD71300" i="1"/>
  <c r="AD71301" i="1"/>
  <c r="AD71302" i="1"/>
  <c r="AD71303" i="1"/>
  <c r="AD71304" i="1"/>
  <c r="AD71305" i="1"/>
  <c r="AD71306" i="1"/>
  <c r="AD71307" i="1"/>
  <c r="AD71308" i="1"/>
  <c r="AD71309" i="1"/>
  <c r="AD71310" i="1"/>
  <c r="AD71311" i="1"/>
  <c r="AD71312" i="1"/>
  <c r="AD71313" i="1"/>
  <c r="AD71314" i="1"/>
  <c r="AD71315" i="1"/>
  <c r="AD71316" i="1"/>
  <c r="AD71317" i="1"/>
  <c r="AD71318" i="1"/>
  <c r="AD71319" i="1"/>
  <c r="AD71320" i="1"/>
  <c r="AD71321" i="1"/>
  <c r="AD71322" i="1"/>
  <c r="AD71323" i="1"/>
  <c r="AD71324" i="1"/>
  <c r="AD71325" i="1"/>
  <c r="AD71326" i="1"/>
  <c r="AD71327" i="1"/>
  <c r="AD71328" i="1"/>
  <c r="AD71329" i="1"/>
  <c r="AD71330" i="1"/>
  <c r="AD71331" i="1"/>
  <c r="AD71332" i="1"/>
  <c r="AD71333" i="1"/>
  <c r="AD71334" i="1"/>
  <c r="AD71335" i="1"/>
  <c r="AD71336" i="1"/>
  <c r="AD71337" i="1"/>
  <c r="AD71338" i="1"/>
  <c r="AD71339" i="1"/>
  <c r="AD71340" i="1"/>
  <c r="AD71341" i="1"/>
  <c r="AD71342" i="1"/>
  <c r="AD71343" i="1"/>
  <c r="AD71344" i="1"/>
  <c r="AD71345" i="1"/>
  <c r="AD71346" i="1"/>
  <c r="AD71347" i="1"/>
  <c r="AD71348" i="1"/>
  <c r="AD71349" i="1"/>
  <c r="AD71350" i="1"/>
  <c r="AD71351" i="1"/>
  <c r="AD71352" i="1"/>
  <c r="AD71353" i="1"/>
  <c r="AD71354" i="1"/>
  <c r="AD71355" i="1"/>
  <c r="AD71356" i="1"/>
  <c r="AD71357" i="1"/>
  <c r="AD71358" i="1"/>
  <c r="AD71359" i="1"/>
  <c r="AD71360" i="1"/>
  <c r="AD71361" i="1"/>
  <c r="AD71362" i="1"/>
  <c r="AD71363" i="1"/>
  <c r="AD71364" i="1"/>
  <c r="AD71365" i="1"/>
  <c r="AD71366" i="1"/>
  <c r="AD71367" i="1"/>
  <c r="AD71368" i="1"/>
  <c r="AD71369" i="1"/>
  <c r="AD71370" i="1"/>
  <c r="AD71371" i="1"/>
  <c r="AD71372" i="1"/>
  <c r="AD71373" i="1"/>
  <c r="AD71374" i="1"/>
  <c r="AD71375" i="1"/>
  <c r="AD71376" i="1"/>
  <c r="AD71377" i="1"/>
  <c r="AD71378" i="1"/>
  <c r="AD71379" i="1"/>
  <c r="AD71380" i="1"/>
  <c r="AD71381" i="1"/>
  <c r="AD71382" i="1"/>
  <c r="AD71383" i="1"/>
  <c r="AD71384" i="1"/>
  <c r="AD71385" i="1"/>
  <c r="AD71386" i="1"/>
  <c r="AD71387" i="1"/>
  <c r="AD71388" i="1"/>
  <c r="AD71389" i="1"/>
  <c r="AD71390" i="1"/>
  <c r="AD71391" i="1"/>
  <c r="AD71392" i="1"/>
  <c r="AD71393" i="1"/>
  <c r="AD71394" i="1"/>
  <c r="AD71395" i="1"/>
  <c r="AD71396" i="1"/>
  <c r="AD71397" i="1"/>
  <c r="AD71398" i="1"/>
  <c r="AD71399" i="1"/>
  <c r="AD71400" i="1"/>
  <c r="AD71401" i="1"/>
  <c r="AD71402" i="1"/>
  <c r="AD71403" i="1"/>
  <c r="AD71404" i="1"/>
  <c r="AD71405" i="1"/>
  <c r="AD71406" i="1"/>
  <c r="AD71407" i="1"/>
  <c r="AD71408" i="1"/>
  <c r="AD71409" i="1"/>
  <c r="AD71410" i="1"/>
  <c r="AD71411" i="1"/>
  <c r="AD71412" i="1"/>
  <c r="AD71413" i="1"/>
  <c r="AD71414" i="1"/>
  <c r="AD71415" i="1"/>
  <c r="AD71416" i="1"/>
  <c r="AD71417" i="1"/>
  <c r="AD71418" i="1"/>
  <c r="AD71419" i="1"/>
  <c r="AD71420" i="1"/>
  <c r="AD71421" i="1"/>
  <c r="AD71422" i="1"/>
  <c r="AD71423" i="1"/>
  <c r="AD71424" i="1"/>
  <c r="AD71425" i="1"/>
  <c r="AD71426" i="1"/>
  <c r="AD71427" i="1"/>
  <c r="AD71428" i="1"/>
  <c r="AD71429" i="1"/>
  <c r="AD71430" i="1"/>
  <c r="AD71431" i="1"/>
  <c r="AD71432" i="1"/>
  <c r="AD71433" i="1"/>
  <c r="AD71434" i="1"/>
  <c r="AD71435" i="1"/>
  <c r="AD71436" i="1"/>
  <c r="AD71437" i="1"/>
  <c r="AD71438" i="1"/>
  <c r="AD71439" i="1"/>
  <c r="AD71440" i="1"/>
  <c r="AD71441" i="1"/>
  <c r="AD71442" i="1"/>
  <c r="AD71443" i="1"/>
  <c r="AD71444" i="1"/>
  <c r="AD71445" i="1"/>
  <c r="AD71446" i="1"/>
  <c r="AD71447" i="1"/>
  <c r="AD71448" i="1"/>
  <c r="AD71449" i="1"/>
  <c r="AD71450" i="1"/>
  <c r="AD71451" i="1"/>
  <c r="AD71452" i="1"/>
  <c r="AD71453" i="1"/>
  <c r="AD71454" i="1"/>
  <c r="AD71455" i="1"/>
  <c r="AD71456" i="1"/>
  <c r="AD71457" i="1"/>
  <c r="AD71458" i="1"/>
  <c r="AD71459" i="1"/>
  <c r="AD71460" i="1"/>
  <c r="AD71461" i="1"/>
  <c r="AD71462" i="1"/>
  <c r="AD71463" i="1"/>
  <c r="AD71464" i="1"/>
  <c r="AD71465" i="1"/>
  <c r="AD71466" i="1"/>
  <c r="AD71467" i="1"/>
  <c r="AD71468" i="1"/>
  <c r="AD71469" i="1"/>
  <c r="AD71470" i="1"/>
  <c r="AD71471" i="1"/>
  <c r="AD71472" i="1"/>
  <c r="AD71473" i="1"/>
  <c r="AD71474" i="1"/>
  <c r="AD71475" i="1"/>
  <c r="AD71476" i="1"/>
  <c r="AD71477" i="1"/>
  <c r="AD71478" i="1"/>
  <c r="AD71479" i="1"/>
  <c r="AD71480" i="1"/>
  <c r="AD71481" i="1"/>
  <c r="AD71482" i="1"/>
  <c r="AD71483" i="1"/>
  <c r="AD71484" i="1"/>
  <c r="AD71485" i="1"/>
  <c r="AD71486" i="1"/>
  <c r="AD71487" i="1"/>
  <c r="AD71488" i="1"/>
  <c r="AD71489" i="1"/>
  <c r="AD71490" i="1"/>
  <c r="AD71491" i="1"/>
  <c r="AD71492" i="1"/>
  <c r="AD71493" i="1"/>
  <c r="AD71494" i="1"/>
  <c r="AD71495" i="1"/>
  <c r="AD71496" i="1"/>
  <c r="AD71497" i="1"/>
  <c r="AD71498" i="1"/>
  <c r="AD71499" i="1"/>
  <c r="AD71500" i="1"/>
  <c r="AD71501" i="1"/>
  <c r="AD71502" i="1"/>
  <c r="AD71503" i="1"/>
  <c r="AD71504" i="1"/>
  <c r="AD71505" i="1"/>
  <c r="AD71506" i="1"/>
  <c r="AD71507" i="1"/>
  <c r="AD71508" i="1"/>
  <c r="AD71509" i="1"/>
  <c r="AD71510" i="1"/>
  <c r="AD71511" i="1"/>
  <c r="AD71512" i="1"/>
  <c r="AD71513" i="1"/>
  <c r="AD71514" i="1"/>
  <c r="AD71515" i="1"/>
  <c r="AD71516" i="1"/>
  <c r="AD71517" i="1"/>
  <c r="AD71518" i="1"/>
  <c r="AD71519" i="1"/>
  <c r="AD71520" i="1"/>
  <c r="AD71521" i="1"/>
  <c r="AD71522" i="1"/>
  <c r="AD71523" i="1"/>
  <c r="AD71524" i="1"/>
  <c r="AD71525" i="1"/>
  <c r="AD71526" i="1"/>
  <c r="AD71527" i="1"/>
  <c r="AD71528" i="1"/>
  <c r="AD71529" i="1"/>
  <c r="AD71530" i="1"/>
  <c r="AD71531" i="1"/>
  <c r="AD71532" i="1"/>
  <c r="AD71533" i="1"/>
  <c r="AD71534" i="1"/>
  <c r="AD71535" i="1"/>
  <c r="AD71536" i="1"/>
  <c r="AD71537" i="1"/>
  <c r="AD71538" i="1"/>
  <c r="AD71539" i="1"/>
  <c r="AD71540" i="1"/>
  <c r="AD71541" i="1"/>
  <c r="AD71542" i="1"/>
  <c r="AD71543" i="1"/>
  <c r="AD71544" i="1"/>
  <c r="AD71545" i="1"/>
  <c r="AD71546" i="1"/>
  <c r="AD71547" i="1"/>
  <c r="AD71548" i="1"/>
  <c r="AD71549" i="1"/>
  <c r="AD71550" i="1"/>
  <c r="AD71551" i="1"/>
  <c r="AD71552" i="1"/>
  <c r="AD71553" i="1"/>
  <c r="AD71554" i="1"/>
  <c r="AD71555" i="1"/>
  <c r="AD71556" i="1"/>
  <c r="AD71557" i="1"/>
  <c r="AD71558" i="1"/>
  <c r="AD71559" i="1"/>
  <c r="AD71560" i="1"/>
  <c r="AD71561" i="1"/>
  <c r="AD71562" i="1"/>
  <c r="AD71563" i="1"/>
  <c r="AD71564" i="1"/>
  <c r="AD71565" i="1"/>
  <c r="AD71566" i="1"/>
  <c r="AD71567" i="1"/>
  <c r="AD71568" i="1"/>
  <c r="AD71569" i="1"/>
  <c r="AD71570" i="1"/>
  <c r="AD71571" i="1"/>
  <c r="AD71572" i="1"/>
  <c r="AD71573" i="1"/>
  <c r="AD71574" i="1"/>
  <c r="AD71575" i="1"/>
  <c r="AD71576" i="1"/>
  <c r="AD71577" i="1"/>
  <c r="AD71578" i="1"/>
  <c r="AD71579" i="1"/>
  <c r="AD71580" i="1"/>
  <c r="AD71581" i="1"/>
  <c r="AD71582" i="1"/>
  <c r="AD71583" i="1"/>
  <c r="AD71584" i="1"/>
  <c r="AD71585" i="1"/>
  <c r="AD71586" i="1"/>
  <c r="AD71587" i="1"/>
  <c r="AD71588" i="1"/>
  <c r="AD71589" i="1"/>
  <c r="AD71590" i="1"/>
  <c r="AD71591" i="1"/>
  <c r="AD71592" i="1"/>
  <c r="AD71593" i="1"/>
  <c r="AD71594" i="1"/>
  <c r="AD71595" i="1"/>
  <c r="AD71596" i="1"/>
  <c r="AD71597" i="1"/>
  <c r="AD71598" i="1"/>
  <c r="AD71599" i="1"/>
  <c r="AD71600" i="1"/>
  <c r="AD71601" i="1"/>
  <c r="AD71602" i="1"/>
  <c r="AD71603" i="1"/>
  <c r="AD71604" i="1"/>
  <c r="AD71605" i="1"/>
  <c r="AD71606" i="1"/>
  <c r="AD71607" i="1"/>
  <c r="AD71608" i="1"/>
  <c r="AD71609" i="1"/>
  <c r="AD71610" i="1"/>
  <c r="AD71611" i="1"/>
  <c r="AD71612" i="1"/>
  <c r="AD71613" i="1"/>
  <c r="AD71614" i="1"/>
  <c r="AD71615" i="1"/>
  <c r="AD71616" i="1"/>
  <c r="AD71617" i="1"/>
  <c r="AD71618" i="1"/>
  <c r="AD71619" i="1"/>
  <c r="AD71620" i="1"/>
  <c r="AD71621" i="1"/>
  <c r="AD71622" i="1"/>
  <c r="AD71623" i="1"/>
  <c r="AD71624" i="1"/>
  <c r="AD71625" i="1"/>
  <c r="AD71626" i="1"/>
  <c r="AD71627" i="1"/>
  <c r="AD71628" i="1"/>
  <c r="AD71629" i="1"/>
  <c r="AD71630" i="1"/>
  <c r="AD71631" i="1"/>
  <c r="AD71632" i="1"/>
  <c r="AD71633" i="1"/>
  <c r="AD71634" i="1"/>
  <c r="AD71635" i="1"/>
  <c r="AD71636" i="1"/>
  <c r="AD71637" i="1"/>
  <c r="AD71638" i="1"/>
  <c r="AD71639" i="1"/>
  <c r="AD71640" i="1"/>
  <c r="AD71641" i="1"/>
  <c r="AD71642" i="1"/>
  <c r="AD71643" i="1"/>
  <c r="AD71644" i="1"/>
  <c r="AD71645" i="1"/>
  <c r="AD71646" i="1"/>
  <c r="AD71647" i="1"/>
  <c r="AD71648" i="1"/>
  <c r="AD71649" i="1"/>
  <c r="AD71650" i="1"/>
  <c r="AD71651" i="1"/>
  <c r="AD71652" i="1"/>
  <c r="AD71653" i="1"/>
  <c r="AD71654" i="1"/>
  <c r="AD71655" i="1"/>
  <c r="AD71656" i="1"/>
  <c r="AD71657" i="1"/>
  <c r="AD71658" i="1"/>
  <c r="AD71659" i="1"/>
  <c r="AD71660" i="1"/>
  <c r="AD71661" i="1"/>
  <c r="AD71662" i="1"/>
  <c r="AD71663" i="1"/>
  <c r="AD71664" i="1"/>
  <c r="AD71665" i="1"/>
  <c r="AD71666" i="1"/>
  <c r="AD71667" i="1"/>
  <c r="AD71668" i="1"/>
  <c r="AD71669" i="1"/>
  <c r="AD71670" i="1"/>
  <c r="AD71671" i="1"/>
  <c r="AD71672" i="1"/>
  <c r="AD71673" i="1"/>
  <c r="AD71674" i="1"/>
  <c r="AD71675" i="1"/>
  <c r="AD71676" i="1"/>
  <c r="AD71677" i="1"/>
  <c r="AD71678" i="1"/>
  <c r="AD71679" i="1"/>
  <c r="AD71680" i="1"/>
  <c r="AD71681" i="1"/>
  <c r="AD71682" i="1"/>
  <c r="AD71683" i="1"/>
  <c r="AD71684" i="1"/>
  <c r="AD71685" i="1"/>
  <c r="AD71686" i="1"/>
  <c r="AD71687" i="1"/>
  <c r="AD71688" i="1"/>
  <c r="AD71689" i="1"/>
  <c r="AD71690" i="1"/>
  <c r="AD71691" i="1"/>
  <c r="AD71692" i="1"/>
  <c r="AD71693" i="1"/>
  <c r="AD71694" i="1"/>
  <c r="AD71695" i="1"/>
  <c r="AD71696" i="1"/>
  <c r="AD71697" i="1"/>
  <c r="AD71698" i="1"/>
  <c r="AD71699" i="1"/>
  <c r="AD71700" i="1"/>
  <c r="AD71701" i="1"/>
  <c r="AD71702" i="1"/>
  <c r="AD71703" i="1"/>
  <c r="AD71704" i="1"/>
  <c r="AD71705" i="1"/>
  <c r="AD71706" i="1"/>
  <c r="AD71707" i="1"/>
  <c r="AD71708" i="1"/>
  <c r="AD71709" i="1"/>
  <c r="AD71710" i="1"/>
  <c r="AD71711" i="1"/>
  <c r="AD71712" i="1"/>
  <c r="AD71713" i="1"/>
  <c r="AD71714" i="1"/>
  <c r="AD71715" i="1"/>
  <c r="AD71716" i="1"/>
  <c r="AD71717" i="1"/>
  <c r="AD71718" i="1"/>
  <c r="AD71719" i="1"/>
  <c r="AD71720" i="1"/>
  <c r="AD71721" i="1"/>
  <c r="AD71722" i="1"/>
  <c r="AD71723" i="1"/>
  <c r="AD71724" i="1"/>
  <c r="AD71725" i="1"/>
  <c r="AD71726" i="1"/>
  <c r="AD71727" i="1"/>
  <c r="AD71728" i="1"/>
  <c r="AD71729" i="1"/>
  <c r="AD71730" i="1"/>
  <c r="AD71731" i="1"/>
  <c r="AD71732" i="1"/>
  <c r="AD71733" i="1"/>
  <c r="AD71734" i="1"/>
  <c r="AD71735" i="1"/>
  <c r="AD71736" i="1"/>
  <c r="AD71737" i="1"/>
  <c r="AD71738" i="1"/>
  <c r="AD71739" i="1"/>
  <c r="AD71740" i="1"/>
  <c r="AD71741" i="1"/>
  <c r="AD71742" i="1"/>
  <c r="AD71743" i="1"/>
  <c r="AD71744" i="1"/>
  <c r="AD71745" i="1"/>
  <c r="AD71746" i="1"/>
  <c r="AD71747" i="1"/>
  <c r="AD71748" i="1"/>
  <c r="AD71749" i="1"/>
  <c r="AD71750" i="1"/>
  <c r="AD71751" i="1"/>
  <c r="AD71752" i="1"/>
  <c r="AD71753" i="1"/>
  <c r="AD71754" i="1"/>
  <c r="AD71755" i="1"/>
  <c r="AD71756" i="1"/>
  <c r="AD71757" i="1"/>
  <c r="AD71758" i="1"/>
  <c r="AD71759" i="1"/>
  <c r="AD71760" i="1"/>
  <c r="AD71761" i="1"/>
  <c r="AD71762" i="1"/>
  <c r="AD71763" i="1"/>
  <c r="AD71764" i="1"/>
  <c r="AD71765" i="1"/>
  <c r="AD71766" i="1"/>
  <c r="AD71767" i="1"/>
  <c r="AD71768" i="1"/>
  <c r="AD71769" i="1"/>
  <c r="AD71770" i="1"/>
  <c r="AD71771" i="1"/>
  <c r="AD71772" i="1"/>
  <c r="AD71773" i="1"/>
  <c r="AD71774" i="1"/>
  <c r="AD71775" i="1"/>
  <c r="AD71776" i="1"/>
  <c r="AD71777" i="1"/>
  <c r="AD71778" i="1"/>
  <c r="AD71779" i="1"/>
  <c r="AD71780" i="1"/>
  <c r="AD71781" i="1"/>
  <c r="AD71782" i="1"/>
  <c r="AD71783" i="1"/>
  <c r="AD71784" i="1"/>
  <c r="AD71785" i="1"/>
  <c r="AD71786" i="1"/>
  <c r="AD71787" i="1"/>
  <c r="AD71788" i="1"/>
  <c r="AD71789" i="1"/>
  <c r="AD71790" i="1"/>
  <c r="AD71791" i="1"/>
  <c r="AD71792" i="1"/>
  <c r="AD71793" i="1"/>
  <c r="AD71794" i="1"/>
  <c r="AD71795" i="1"/>
  <c r="AD71796" i="1"/>
  <c r="AD71797" i="1"/>
  <c r="AD71798" i="1"/>
  <c r="AD71799" i="1"/>
  <c r="AD71800" i="1"/>
  <c r="AD71801" i="1"/>
  <c r="AD71802" i="1"/>
  <c r="AD71803" i="1"/>
  <c r="AD71804" i="1"/>
  <c r="AD71805" i="1"/>
  <c r="AD71806" i="1"/>
  <c r="AD71807" i="1"/>
  <c r="AD71808" i="1"/>
  <c r="AD71809" i="1"/>
  <c r="AD71810" i="1"/>
  <c r="AD71811" i="1"/>
  <c r="AD71812" i="1"/>
  <c r="AD71813" i="1"/>
  <c r="AD71814" i="1"/>
  <c r="AD71815" i="1"/>
  <c r="AD71816" i="1"/>
  <c r="AD71817" i="1"/>
  <c r="AD71818" i="1"/>
  <c r="AD71819" i="1"/>
  <c r="AD71820" i="1"/>
  <c r="AD71821" i="1"/>
  <c r="AD71822" i="1"/>
  <c r="AD71823" i="1"/>
  <c r="AD71824" i="1"/>
  <c r="AD71825" i="1"/>
  <c r="AD71826" i="1"/>
  <c r="AD71827" i="1"/>
  <c r="AD71828" i="1"/>
  <c r="AD71829" i="1"/>
  <c r="AD71830" i="1"/>
  <c r="AD71831" i="1"/>
  <c r="AD71832" i="1"/>
  <c r="AD71833" i="1"/>
  <c r="AD71834" i="1"/>
  <c r="AD71835" i="1"/>
  <c r="AD71836" i="1"/>
  <c r="AD71837" i="1"/>
  <c r="AD71838" i="1"/>
  <c r="AD71839" i="1"/>
  <c r="AD71840" i="1"/>
  <c r="AD71841" i="1"/>
  <c r="AD71842" i="1"/>
  <c r="AD71843" i="1"/>
  <c r="AD71844" i="1"/>
  <c r="AD71845" i="1"/>
  <c r="AD71846" i="1"/>
  <c r="AD71847" i="1"/>
  <c r="AD71848" i="1"/>
  <c r="AD71849" i="1"/>
  <c r="AD71850" i="1"/>
  <c r="AD71851" i="1"/>
  <c r="AD71852" i="1"/>
  <c r="AD71853" i="1"/>
  <c r="AD71854" i="1"/>
  <c r="AD71855" i="1"/>
  <c r="AD71856" i="1"/>
  <c r="AD71857" i="1"/>
  <c r="AD71858" i="1"/>
  <c r="AD71859" i="1"/>
  <c r="AD71860" i="1"/>
  <c r="AD71861" i="1"/>
  <c r="AD71862" i="1"/>
  <c r="AD71863" i="1"/>
  <c r="AD71864" i="1"/>
  <c r="AD71865" i="1"/>
  <c r="AD71866" i="1"/>
  <c r="AD71867" i="1"/>
  <c r="AD71868" i="1"/>
  <c r="AD71869" i="1"/>
  <c r="AD71870" i="1"/>
  <c r="AD71871" i="1"/>
  <c r="AD71872" i="1"/>
  <c r="AD71873" i="1"/>
  <c r="AD71874" i="1"/>
  <c r="AD71875" i="1"/>
  <c r="AD71876" i="1"/>
  <c r="AD71877" i="1"/>
  <c r="AD71878" i="1"/>
  <c r="AD71879" i="1"/>
  <c r="AD71880" i="1"/>
  <c r="AD71881" i="1"/>
  <c r="AD71882" i="1"/>
  <c r="AD71883" i="1"/>
  <c r="AD71884" i="1"/>
  <c r="AD71885" i="1"/>
  <c r="AD71886" i="1"/>
  <c r="AD71887" i="1"/>
  <c r="AD71888" i="1"/>
  <c r="AD71889" i="1"/>
  <c r="AD71890" i="1"/>
  <c r="AD71891" i="1"/>
  <c r="AD71892" i="1"/>
  <c r="AD71893" i="1"/>
  <c r="AD71894" i="1"/>
  <c r="AD71895" i="1"/>
  <c r="AD71896" i="1"/>
  <c r="AD71897" i="1"/>
  <c r="AD71898" i="1"/>
  <c r="AD71899" i="1"/>
  <c r="AD71900" i="1"/>
  <c r="AD71901" i="1"/>
  <c r="AD71902" i="1"/>
  <c r="AD71903" i="1"/>
  <c r="AD71904" i="1"/>
  <c r="AD71905" i="1"/>
  <c r="AD71906" i="1"/>
  <c r="AD71907" i="1"/>
  <c r="AD71908" i="1"/>
  <c r="AD71909" i="1"/>
  <c r="AD71910" i="1"/>
  <c r="AD71911" i="1"/>
  <c r="AD71912" i="1"/>
  <c r="AD71913" i="1"/>
  <c r="AD71914" i="1"/>
  <c r="AD71915" i="1"/>
  <c r="AD71916" i="1"/>
  <c r="AD71917" i="1"/>
  <c r="AD71918" i="1"/>
  <c r="AD71919" i="1"/>
  <c r="AD71920" i="1"/>
  <c r="AD71921" i="1"/>
  <c r="AD71922" i="1"/>
  <c r="AD71923" i="1"/>
  <c r="AD71924" i="1"/>
  <c r="AD71925" i="1"/>
  <c r="AD71926" i="1"/>
  <c r="AD71927" i="1"/>
  <c r="AD71928" i="1"/>
  <c r="AD71929" i="1"/>
  <c r="AD71930" i="1"/>
  <c r="AD71931" i="1"/>
  <c r="AD71932" i="1"/>
  <c r="AD71933" i="1"/>
  <c r="AD71934" i="1"/>
  <c r="AD71935" i="1"/>
  <c r="AD71936" i="1"/>
  <c r="AD71937" i="1"/>
  <c r="AD71938" i="1"/>
  <c r="AD71939" i="1"/>
  <c r="AD71940" i="1"/>
  <c r="AD71941" i="1"/>
  <c r="AD71942" i="1"/>
  <c r="AD71943" i="1"/>
  <c r="AD71944" i="1"/>
  <c r="AD71945" i="1"/>
  <c r="AD71946" i="1"/>
  <c r="AD71947" i="1"/>
  <c r="AD71948" i="1"/>
  <c r="AD71949" i="1"/>
  <c r="AD71950" i="1"/>
  <c r="AD71951" i="1"/>
  <c r="AD71952" i="1"/>
  <c r="AD71953" i="1"/>
  <c r="AD71954" i="1"/>
  <c r="AD71955" i="1"/>
  <c r="AD71956" i="1"/>
  <c r="AD71957" i="1"/>
  <c r="AD71958" i="1"/>
  <c r="AD71959" i="1"/>
  <c r="AD71960" i="1"/>
  <c r="AD71961" i="1"/>
  <c r="AD71962" i="1"/>
  <c r="AD71963" i="1"/>
  <c r="AD71964" i="1"/>
  <c r="AD71965" i="1"/>
  <c r="AD71966" i="1"/>
  <c r="AD71967" i="1"/>
  <c r="AD71968" i="1"/>
  <c r="AD71969" i="1"/>
  <c r="AD71970" i="1"/>
  <c r="AD71971" i="1"/>
  <c r="AD71972" i="1"/>
  <c r="AD71973" i="1"/>
  <c r="AD71974" i="1"/>
  <c r="AD71975" i="1"/>
  <c r="AD71976" i="1"/>
  <c r="AD71977" i="1"/>
  <c r="AD71978" i="1"/>
  <c r="AD71979" i="1"/>
  <c r="AD71980" i="1"/>
  <c r="AD71981" i="1"/>
  <c r="AD71982" i="1"/>
  <c r="AD71983" i="1"/>
  <c r="AD71984" i="1"/>
  <c r="AD71985" i="1"/>
  <c r="AD71986" i="1"/>
  <c r="AD71987" i="1"/>
  <c r="AD71988" i="1"/>
  <c r="AD71989" i="1"/>
  <c r="AD71990" i="1"/>
  <c r="AD71991" i="1"/>
  <c r="AD71992" i="1"/>
  <c r="AD71993" i="1"/>
  <c r="AD71994" i="1"/>
  <c r="AD71995" i="1"/>
  <c r="AD71996" i="1"/>
  <c r="AD71997" i="1"/>
  <c r="AD71998" i="1"/>
  <c r="AD71999" i="1"/>
  <c r="AD72000" i="1"/>
  <c r="AD72001" i="1"/>
  <c r="AD72002" i="1"/>
  <c r="AD72003" i="1"/>
  <c r="AD72004" i="1"/>
  <c r="AD72005" i="1"/>
  <c r="AD72006" i="1"/>
  <c r="AD72007" i="1"/>
  <c r="AD72008" i="1"/>
  <c r="AD72009" i="1"/>
  <c r="AD72010" i="1"/>
  <c r="AD72011" i="1"/>
  <c r="AD72012" i="1"/>
  <c r="AD72013" i="1"/>
  <c r="AD72014" i="1"/>
  <c r="AD72015" i="1"/>
  <c r="AD72016" i="1"/>
  <c r="AD72017" i="1"/>
  <c r="AD72018" i="1"/>
  <c r="AD72019" i="1"/>
  <c r="AD72020" i="1"/>
  <c r="AD72021" i="1"/>
  <c r="AD72022" i="1"/>
  <c r="AD72023" i="1"/>
  <c r="AD72024" i="1"/>
  <c r="AD72025" i="1"/>
  <c r="AD72026" i="1"/>
  <c r="AD72027" i="1"/>
  <c r="AD72028" i="1"/>
  <c r="AD72029" i="1"/>
  <c r="AD72030" i="1"/>
  <c r="AD72031" i="1"/>
  <c r="AD72032" i="1"/>
  <c r="AD72033" i="1"/>
  <c r="AD72034" i="1"/>
  <c r="AD72035" i="1"/>
  <c r="AD72036" i="1"/>
  <c r="AD72037" i="1"/>
  <c r="AD72038" i="1"/>
  <c r="AD72039" i="1"/>
  <c r="AD72040" i="1"/>
  <c r="AD72041" i="1"/>
  <c r="AD72042" i="1"/>
  <c r="AD72043" i="1"/>
  <c r="AD72044" i="1"/>
  <c r="AD72045" i="1"/>
  <c r="AD72046" i="1"/>
  <c r="AD72047" i="1"/>
  <c r="AD72048" i="1"/>
  <c r="AD72049" i="1"/>
  <c r="AD72050" i="1"/>
  <c r="AD72051" i="1"/>
  <c r="AD72052" i="1"/>
  <c r="AD72053" i="1"/>
  <c r="AD72054" i="1"/>
  <c r="AD72055" i="1"/>
  <c r="AD72056" i="1"/>
  <c r="AD72057" i="1"/>
  <c r="AD72058" i="1"/>
  <c r="AD72059" i="1"/>
  <c r="AD72060" i="1"/>
  <c r="AD72061" i="1"/>
  <c r="AD72062" i="1"/>
  <c r="AD72063" i="1"/>
  <c r="AD72064" i="1"/>
  <c r="AD72065" i="1"/>
  <c r="AD72066" i="1"/>
  <c r="AD72067" i="1"/>
  <c r="AD72068" i="1"/>
  <c r="AD72069" i="1"/>
  <c r="AD72070" i="1"/>
  <c r="AD72071" i="1"/>
  <c r="AD72072" i="1"/>
  <c r="AD72073" i="1"/>
  <c r="AD72074" i="1"/>
  <c r="AD72075" i="1"/>
  <c r="AD72076" i="1"/>
  <c r="AD72077" i="1"/>
  <c r="AD72078" i="1"/>
  <c r="AD72079" i="1"/>
  <c r="AD72080" i="1"/>
  <c r="AD72081" i="1"/>
  <c r="AD72082" i="1"/>
  <c r="AD72083" i="1"/>
  <c r="AD72084" i="1"/>
  <c r="AD72085" i="1"/>
  <c r="AD72086" i="1"/>
  <c r="AD72087" i="1"/>
  <c r="AD72088" i="1"/>
  <c r="AD72089" i="1"/>
  <c r="AD72090" i="1"/>
  <c r="AD72091" i="1"/>
  <c r="AD72092" i="1"/>
  <c r="AD72093" i="1"/>
  <c r="AD72094" i="1"/>
  <c r="AD72095" i="1"/>
  <c r="AD72096" i="1"/>
  <c r="AD72097" i="1"/>
  <c r="AD72098" i="1"/>
  <c r="AD72099" i="1"/>
  <c r="AD72100" i="1"/>
  <c r="AD72101" i="1"/>
  <c r="AD72102" i="1"/>
  <c r="AD72103" i="1"/>
  <c r="AD72104" i="1"/>
  <c r="AD72105" i="1"/>
  <c r="AD72106" i="1"/>
  <c r="AD72107" i="1"/>
  <c r="AD72108" i="1"/>
  <c r="AD72109" i="1"/>
  <c r="AD72110" i="1"/>
  <c r="AD72111" i="1"/>
  <c r="AD72112" i="1"/>
  <c r="AD72113" i="1"/>
  <c r="AD72114" i="1"/>
  <c r="AD72115" i="1"/>
  <c r="AD72116" i="1"/>
  <c r="AD72117" i="1"/>
  <c r="AD72118" i="1"/>
  <c r="AD72119" i="1"/>
  <c r="AD72120" i="1"/>
  <c r="AD72121" i="1"/>
  <c r="AD72122" i="1"/>
  <c r="AD72123" i="1"/>
  <c r="AD72124" i="1"/>
  <c r="AD72125" i="1"/>
  <c r="AD72126" i="1"/>
  <c r="AD72127" i="1"/>
  <c r="AD72128" i="1"/>
  <c r="AD72129" i="1"/>
  <c r="AD72130" i="1"/>
  <c r="AD72131" i="1"/>
  <c r="AD72132" i="1"/>
  <c r="AD72133" i="1"/>
  <c r="AD72134" i="1"/>
  <c r="AD72135" i="1"/>
  <c r="AD72136" i="1"/>
  <c r="AD72137" i="1"/>
  <c r="AD72138" i="1"/>
  <c r="AD72139" i="1"/>
  <c r="AD72140" i="1"/>
  <c r="AD72141" i="1"/>
  <c r="AD72142" i="1"/>
  <c r="AD72143" i="1"/>
  <c r="AD72144" i="1"/>
  <c r="AD72145" i="1"/>
  <c r="AD72146" i="1"/>
  <c r="AD72147" i="1"/>
  <c r="AD72148" i="1"/>
  <c r="AD72149" i="1"/>
  <c r="AD72150" i="1"/>
  <c r="AD72151" i="1"/>
  <c r="AD72152" i="1"/>
  <c r="AD72153" i="1"/>
  <c r="AD72154" i="1"/>
  <c r="AD72155" i="1"/>
  <c r="AD72156" i="1"/>
  <c r="AD72157" i="1"/>
  <c r="AD72158" i="1"/>
  <c r="AD72159" i="1"/>
  <c r="AD72160" i="1"/>
  <c r="AD72161" i="1"/>
  <c r="AD72162" i="1"/>
  <c r="AD72163" i="1"/>
  <c r="AD72164" i="1"/>
  <c r="AD72165" i="1"/>
  <c r="AD72166" i="1"/>
  <c r="AD72167" i="1"/>
  <c r="AD72168" i="1"/>
  <c r="AD72169" i="1"/>
  <c r="AD72170" i="1"/>
  <c r="AD72171" i="1"/>
  <c r="AD72172" i="1"/>
  <c r="AD72173" i="1"/>
  <c r="AD72174" i="1"/>
  <c r="AD72175" i="1"/>
  <c r="AD72176" i="1"/>
  <c r="AD72177" i="1"/>
  <c r="AD72178" i="1"/>
  <c r="AD72179" i="1"/>
  <c r="AD72180" i="1"/>
  <c r="AD72181" i="1"/>
  <c r="AD72182" i="1"/>
  <c r="AD72183" i="1"/>
  <c r="AD72184" i="1"/>
  <c r="AD72185" i="1"/>
  <c r="AD72186" i="1"/>
  <c r="AD72187" i="1"/>
  <c r="AD72188" i="1"/>
  <c r="AD72189" i="1"/>
  <c r="AD72190" i="1"/>
  <c r="AD72191" i="1"/>
  <c r="AD72192" i="1"/>
  <c r="AD72193" i="1"/>
  <c r="AD72194" i="1"/>
  <c r="AD72195" i="1"/>
  <c r="AD72196" i="1"/>
  <c r="AD72197" i="1"/>
  <c r="AD72198" i="1"/>
  <c r="AD72199" i="1"/>
  <c r="AD72200" i="1"/>
  <c r="AD72201" i="1"/>
  <c r="AD72202" i="1"/>
  <c r="AD72203" i="1"/>
  <c r="AD72204" i="1"/>
  <c r="AD72205" i="1"/>
  <c r="AD72206" i="1"/>
  <c r="AD72207" i="1"/>
  <c r="AD72208" i="1"/>
  <c r="AD72209" i="1"/>
  <c r="AD72210" i="1"/>
  <c r="AD72211" i="1"/>
  <c r="AD72212" i="1"/>
  <c r="AD72213" i="1"/>
  <c r="AD72214" i="1"/>
  <c r="AD72215" i="1"/>
  <c r="AD72216" i="1"/>
  <c r="AD72217" i="1"/>
  <c r="AD72218" i="1"/>
  <c r="AD72219" i="1"/>
  <c r="AD72220" i="1"/>
  <c r="AD72221" i="1"/>
  <c r="AD72222" i="1"/>
  <c r="AD72223" i="1"/>
  <c r="AD72224" i="1"/>
  <c r="AD72225" i="1"/>
  <c r="AD72226" i="1"/>
  <c r="AD72227" i="1"/>
  <c r="AD72228" i="1"/>
  <c r="AD72229" i="1"/>
  <c r="AD72230" i="1"/>
  <c r="AD72231" i="1"/>
  <c r="AD72232" i="1"/>
  <c r="AD72233" i="1"/>
  <c r="AD72234" i="1"/>
  <c r="AD72235" i="1"/>
  <c r="AD72236" i="1"/>
  <c r="AD72237" i="1"/>
  <c r="AD72238" i="1"/>
  <c r="AD72239" i="1"/>
  <c r="AD72240" i="1"/>
  <c r="AD72241" i="1"/>
  <c r="AD72242" i="1"/>
  <c r="AD72243" i="1"/>
  <c r="AD72244" i="1"/>
  <c r="AD72245" i="1"/>
  <c r="AD72246" i="1"/>
  <c r="AD72247" i="1"/>
  <c r="AD72248" i="1"/>
  <c r="AD72249" i="1"/>
  <c r="AD72250" i="1"/>
  <c r="AD72251" i="1"/>
  <c r="AD72252" i="1"/>
  <c r="AD72253" i="1"/>
  <c r="AD72254" i="1"/>
  <c r="AD72255" i="1"/>
  <c r="AD72256" i="1"/>
  <c r="AD72257" i="1"/>
  <c r="AD72258" i="1"/>
  <c r="AD72259" i="1"/>
  <c r="AD72260" i="1"/>
  <c r="AD72261" i="1"/>
  <c r="AD72262" i="1"/>
  <c r="AD72263" i="1"/>
  <c r="AD72264" i="1"/>
  <c r="AD72265" i="1"/>
  <c r="AD72266" i="1"/>
  <c r="AD72267" i="1"/>
  <c r="AD72268" i="1"/>
  <c r="AD72269" i="1"/>
  <c r="AD72270" i="1"/>
  <c r="AD72271" i="1"/>
  <c r="AD72272" i="1"/>
  <c r="AD72273" i="1"/>
  <c r="AD72274" i="1"/>
  <c r="AD72275" i="1"/>
  <c r="AD72276" i="1"/>
  <c r="AD72277" i="1"/>
  <c r="AD72278" i="1"/>
  <c r="AD72279" i="1"/>
  <c r="AD72280" i="1"/>
  <c r="AD72281" i="1"/>
  <c r="AD72282" i="1"/>
  <c r="AD72283" i="1"/>
  <c r="AD72284" i="1"/>
  <c r="AD72285" i="1"/>
  <c r="AD72286" i="1"/>
  <c r="AD72287" i="1"/>
  <c r="AD72288" i="1"/>
  <c r="AD72289" i="1"/>
  <c r="AD72290" i="1"/>
  <c r="AD72291" i="1"/>
  <c r="AD72292" i="1"/>
  <c r="AD72293" i="1"/>
  <c r="AD72294" i="1"/>
  <c r="AD72295" i="1"/>
  <c r="AD72296" i="1"/>
  <c r="AD72297" i="1"/>
  <c r="AD72298" i="1"/>
  <c r="AD72299" i="1"/>
  <c r="AD72300" i="1"/>
  <c r="AD72301" i="1"/>
  <c r="AD72302" i="1"/>
  <c r="AD72303" i="1"/>
  <c r="AD72304" i="1"/>
  <c r="AD72305" i="1"/>
  <c r="AD72306" i="1"/>
  <c r="AD72307" i="1"/>
  <c r="AD72308" i="1"/>
  <c r="AD72309" i="1"/>
  <c r="AD72310" i="1"/>
  <c r="AD72311" i="1"/>
  <c r="AD72312" i="1"/>
  <c r="AD72313" i="1"/>
  <c r="AD72314" i="1"/>
  <c r="AD72315" i="1"/>
  <c r="AD72316" i="1"/>
  <c r="AD72317" i="1"/>
  <c r="AD72318" i="1"/>
  <c r="AD72319" i="1"/>
  <c r="AD72320" i="1"/>
  <c r="AD72321" i="1"/>
  <c r="AD72322" i="1"/>
  <c r="AD72323" i="1"/>
  <c r="AD72324" i="1"/>
  <c r="AD72325" i="1"/>
  <c r="AD72326" i="1"/>
  <c r="AD72327" i="1"/>
  <c r="AD72328" i="1"/>
  <c r="AD72329" i="1"/>
  <c r="AD72330" i="1"/>
  <c r="AD72331" i="1"/>
  <c r="AD72332" i="1"/>
  <c r="AD72333" i="1"/>
  <c r="AD72334" i="1"/>
  <c r="AD72335" i="1"/>
  <c r="AD72336" i="1"/>
  <c r="AD72337" i="1"/>
  <c r="AD72338" i="1"/>
  <c r="AD72339" i="1"/>
  <c r="AD72340" i="1"/>
  <c r="AD72341" i="1"/>
  <c r="AD72342" i="1"/>
  <c r="AD72343" i="1"/>
  <c r="AD72344" i="1"/>
  <c r="AD72345" i="1"/>
  <c r="AD72346" i="1"/>
  <c r="AD72347" i="1"/>
  <c r="AD72348" i="1"/>
  <c r="AD72349" i="1"/>
  <c r="AD72350" i="1"/>
  <c r="AD72351" i="1"/>
  <c r="AD72352" i="1"/>
  <c r="AD72353" i="1"/>
  <c r="AD72354" i="1"/>
  <c r="AD72355" i="1"/>
  <c r="AD72356" i="1"/>
  <c r="AD72357" i="1"/>
  <c r="AD72358" i="1"/>
  <c r="AD72359" i="1"/>
  <c r="AD72360" i="1"/>
  <c r="AD72361" i="1"/>
  <c r="AD72362" i="1"/>
  <c r="AD72363" i="1"/>
  <c r="AD72364" i="1"/>
  <c r="AD72365" i="1"/>
  <c r="AD72366" i="1"/>
  <c r="AD72367" i="1"/>
  <c r="AD72368" i="1"/>
  <c r="AD72369" i="1"/>
  <c r="AD72370" i="1"/>
  <c r="AD72371" i="1"/>
  <c r="AD72372" i="1"/>
  <c r="AD72373" i="1"/>
  <c r="AD72374" i="1"/>
  <c r="AD72375" i="1"/>
  <c r="AD72376" i="1"/>
  <c r="AD72377" i="1"/>
  <c r="AD72378" i="1"/>
  <c r="AD72379" i="1"/>
  <c r="AD72380" i="1"/>
  <c r="AD72381" i="1"/>
  <c r="AD72382" i="1"/>
  <c r="AD72383" i="1"/>
  <c r="AD72384" i="1"/>
  <c r="AD72385" i="1"/>
  <c r="AD72386" i="1"/>
  <c r="AD72387" i="1"/>
  <c r="AD72388" i="1"/>
  <c r="AD72389" i="1"/>
  <c r="AD72390" i="1"/>
  <c r="AD72391" i="1"/>
  <c r="AD72392" i="1"/>
  <c r="AD72393" i="1"/>
  <c r="AD72394" i="1"/>
  <c r="AD72395" i="1"/>
  <c r="AD72396" i="1"/>
  <c r="AD72397" i="1"/>
  <c r="AD72398" i="1"/>
  <c r="AD72399" i="1"/>
  <c r="AD72400" i="1"/>
  <c r="AD72401" i="1"/>
  <c r="AD72402" i="1"/>
  <c r="AD72403" i="1"/>
  <c r="AD72404" i="1"/>
  <c r="AD72405" i="1"/>
  <c r="AD72406" i="1"/>
  <c r="AD72407" i="1"/>
  <c r="AD72408" i="1"/>
  <c r="AD72409" i="1"/>
  <c r="AD72410" i="1"/>
  <c r="AD72411" i="1"/>
  <c r="AD72412" i="1"/>
  <c r="AD72413" i="1"/>
  <c r="AD72414" i="1"/>
  <c r="AD72415" i="1"/>
  <c r="AD72416" i="1"/>
  <c r="AD72417" i="1"/>
  <c r="AD72418" i="1"/>
  <c r="AD72419" i="1"/>
  <c r="AD72420" i="1"/>
  <c r="AD72421" i="1"/>
  <c r="AD72422" i="1"/>
  <c r="AD72423" i="1"/>
  <c r="AD72424" i="1"/>
  <c r="AD72425" i="1"/>
  <c r="AD72426" i="1"/>
  <c r="AD72427" i="1"/>
  <c r="AD72428" i="1"/>
  <c r="AD72429" i="1"/>
  <c r="AD72430" i="1"/>
  <c r="AD72431" i="1"/>
  <c r="AD72432" i="1"/>
  <c r="AD72433" i="1"/>
  <c r="AD72434" i="1"/>
  <c r="AD72435" i="1"/>
  <c r="AD72436" i="1"/>
  <c r="AD72437" i="1"/>
  <c r="AD72438" i="1"/>
  <c r="AD72439" i="1"/>
  <c r="AD72440" i="1"/>
  <c r="AD72441" i="1"/>
  <c r="AD72442" i="1"/>
  <c r="AD72443" i="1"/>
  <c r="AD72444" i="1"/>
  <c r="AD72445" i="1"/>
  <c r="AD72446" i="1"/>
  <c r="AD72447" i="1"/>
  <c r="AD72448" i="1"/>
  <c r="AD72449" i="1"/>
  <c r="AD72450" i="1"/>
  <c r="AD72451" i="1"/>
  <c r="AD72452" i="1"/>
  <c r="AD72453" i="1"/>
  <c r="AD72454" i="1"/>
  <c r="AD72455" i="1"/>
  <c r="AD72456" i="1"/>
  <c r="AD72457" i="1"/>
  <c r="AD72458" i="1"/>
  <c r="AD72459" i="1"/>
  <c r="AD72460" i="1"/>
  <c r="AD72461" i="1"/>
  <c r="AD72462" i="1"/>
  <c r="AD72463" i="1"/>
  <c r="AD72464" i="1"/>
  <c r="AD72465" i="1"/>
  <c r="AD72466" i="1"/>
  <c r="AD72467" i="1"/>
  <c r="AD72468" i="1"/>
  <c r="AD72469" i="1"/>
  <c r="AD72470" i="1"/>
  <c r="AD72471" i="1"/>
  <c r="AD72472" i="1"/>
  <c r="AD72473" i="1"/>
  <c r="AD72474" i="1"/>
  <c r="AD72475" i="1"/>
  <c r="AD72476" i="1"/>
  <c r="AD72477" i="1"/>
  <c r="AD72478" i="1"/>
  <c r="AD72479" i="1"/>
  <c r="AD72480" i="1"/>
  <c r="AD72481" i="1"/>
  <c r="AD72482" i="1"/>
  <c r="AD72483" i="1"/>
  <c r="AD72484" i="1"/>
  <c r="AD72485" i="1"/>
  <c r="AD72486" i="1"/>
  <c r="AD72487" i="1"/>
  <c r="AD72488" i="1"/>
  <c r="AD72489" i="1"/>
  <c r="AD72490" i="1"/>
  <c r="AD72491" i="1"/>
  <c r="AD72492" i="1"/>
  <c r="AD72493" i="1"/>
  <c r="AD72494" i="1"/>
  <c r="AD72495" i="1"/>
  <c r="AD72496" i="1"/>
  <c r="AD72497" i="1"/>
  <c r="AD72498" i="1"/>
  <c r="AD72499" i="1"/>
  <c r="AD72500" i="1"/>
  <c r="AD72501" i="1"/>
  <c r="AD72502" i="1"/>
  <c r="AD72503" i="1"/>
  <c r="AD72504" i="1"/>
  <c r="AD72505" i="1"/>
  <c r="AD72506" i="1"/>
  <c r="AD72507" i="1"/>
  <c r="AD72508" i="1"/>
  <c r="AD72509" i="1"/>
  <c r="AD72510" i="1"/>
  <c r="AD72511" i="1"/>
  <c r="AD72512" i="1"/>
  <c r="AD72513" i="1"/>
  <c r="AD72514" i="1"/>
  <c r="AD72515" i="1"/>
  <c r="AD72516" i="1"/>
  <c r="AD72517" i="1"/>
  <c r="AD72518" i="1"/>
  <c r="AD72519" i="1"/>
  <c r="AD72520" i="1"/>
  <c r="AD72521" i="1"/>
  <c r="AD72522" i="1"/>
  <c r="AD72523" i="1"/>
  <c r="AD72524" i="1"/>
  <c r="AD72525" i="1"/>
  <c r="AD72526" i="1"/>
  <c r="AD72527" i="1"/>
  <c r="AD72528" i="1"/>
  <c r="AD72529" i="1"/>
  <c r="AD72530" i="1"/>
  <c r="AD72531" i="1"/>
  <c r="AD72532" i="1"/>
  <c r="AD72533" i="1"/>
  <c r="AD72534" i="1"/>
  <c r="AD72535" i="1"/>
  <c r="AD72536" i="1"/>
  <c r="AD72537" i="1"/>
  <c r="AD72538" i="1"/>
  <c r="AD72539" i="1"/>
  <c r="AD72540" i="1"/>
  <c r="AD72541" i="1"/>
  <c r="AD72542" i="1"/>
  <c r="AD72543" i="1"/>
  <c r="AD72544" i="1"/>
  <c r="AD72545" i="1"/>
  <c r="AD72546" i="1"/>
  <c r="AD72547" i="1"/>
  <c r="AD72548" i="1"/>
  <c r="AD72549" i="1"/>
  <c r="AD72550" i="1"/>
  <c r="AD72551" i="1"/>
  <c r="AD72552" i="1"/>
  <c r="AD72553" i="1"/>
  <c r="AD72554" i="1"/>
  <c r="AD72555" i="1"/>
  <c r="AD72556" i="1"/>
  <c r="AD72557" i="1"/>
  <c r="AD72558" i="1"/>
  <c r="AD72559" i="1"/>
  <c r="AD72560" i="1"/>
  <c r="AD72561" i="1"/>
  <c r="AD72562" i="1"/>
  <c r="AD72563" i="1"/>
  <c r="AD72564" i="1"/>
  <c r="AD72565" i="1"/>
  <c r="AD72566" i="1"/>
  <c r="AD72567" i="1"/>
  <c r="AD72568" i="1"/>
  <c r="AD72569" i="1"/>
  <c r="AD72570" i="1"/>
  <c r="AD72571" i="1"/>
  <c r="AD72572" i="1"/>
  <c r="AD72573" i="1"/>
  <c r="AD72574" i="1"/>
  <c r="AD72575" i="1"/>
  <c r="AD72576" i="1"/>
  <c r="AD72577" i="1"/>
  <c r="AD72578" i="1"/>
  <c r="AD72579" i="1"/>
  <c r="AD72580" i="1"/>
  <c r="AD72581" i="1"/>
  <c r="AD72582" i="1"/>
  <c r="AD72583" i="1"/>
  <c r="AD72584" i="1"/>
  <c r="AD72585" i="1"/>
  <c r="AD72586" i="1"/>
  <c r="AD72587" i="1"/>
  <c r="AD72588" i="1"/>
  <c r="AD72589" i="1"/>
  <c r="AD72590" i="1"/>
  <c r="AD72591" i="1"/>
  <c r="AD72592" i="1"/>
  <c r="AD72593" i="1"/>
  <c r="AD72594" i="1"/>
  <c r="AD72595" i="1"/>
  <c r="AD72596" i="1"/>
  <c r="AD72597" i="1"/>
  <c r="AD72598" i="1"/>
  <c r="AD72599" i="1"/>
  <c r="AD72600" i="1"/>
  <c r="AD72601" i="1"/>
  <c r="AD72602" i="1"/>
  <c r="AD72603" i="1"/>
  <c r="AD72604" i="1"/>
  <c r="AD72605" i="1"/>
  <c r="AD72606" i="1"/>
  <c r="AD72607" i="1"/>
  <c r="AD72608" i="1"/>
  <c r="AD72609" i="1"/>
  <c r="AD72610" i="1"/>
  <c r="AD72611" i="1"/>
  <c r="AD72612" i="1"/>
  <c r="AD72613" i="1"/>
  <c r="AD72614" i="1"/>
  <c r="AD72615" i="1"/>
  <c r="AD72616" i="1"/>
  <c r="AD72617" i="1"/>
  <c r="AD72618" i="1"/>
  <c r="AD72619" i="1"/>
  <c r="AD72620" i="1"/>
  <c r="AD72621" i="1"/>
  <c r="AD72622" i="1"/>
  <c r="AD72623" i="1"/>
  <c r="AD72624" i="1"/>
  <c r="AD72625" i="1"/>
  <c r="AD72626" i="1"/>
  <c r="AD72627" i="1"/>
  <c r="AD72628" i="1"/>
  <c r="AD72629" i="1"/>
  <c r="AD72630" i="1"/>
  <c r="AD72631" i="1"/>
  <c r="AD72632" i="1"/>
  <c r="AD72633" i="1"/>
  <c r="AD72634" i="1"/>
  <c r="AD72635" i="1"/>
  <c r="AD72636" i="1"/>
  <c r="AD72637" i="1"/>
  <c r="AD72638" i="1"/>
  <c r="AD72639" i="1"/>
  <c r="AD72640" i="1"/>
  <c r="AD72641" i="1"/>
  <c r="AD72642" i="1"/>
  <c r="AD72643" i="1"/>
  <c r="AD72644" i="1"/>
  <c r="AD72645" i="1"/>
  <c r="AD72646" i="1"/>
  <c r="AD72647" i="1"/>
  <c r="AD72648" i="1"/>
  <c r="AD72649" i="1"/>
  <c r="AD72650" i="1"/>
  <c r="AD72651" i="1"/>
  <c r="AD72652" i="1"/>
  <c r="AD72653" i="1"/>
  <c r="AD72654" i="1"/>
  <c r="AD72655" i="1"/>
  <c r="AD72656" i="1"/>
  <c r="AD72657" i="1"/>
  <c r="AD72658" i="1"/>
  <c r="AD72659" i="1"/>
  <c r="AD72660" i="1"/>
  <c r="AD72661" i="1"/>
  <c r="AD72662" i="1"/>
  <c r="AD72663" i="1"/>
  <c r="AD72664" i="1"/>
  <c r="AD72665" i="1"/>
  <c r="AD72666" i="1"/>
  <c r="AD72667" i="1"/>
  <c r="AD72668" i="1"/>
  <c r="AD72669" i="1"/>
  <c r="AD72670" i="1"/>
  <c r="AD72671" i="1"/>
  <c r="AD72672" i="1"/>
  <c r="AD72673" i="1"/>
  <c r="AD72674" i="1"/>
  <c r="AD72675" i="1"/>
  <c r="AD72676" i="1"/>
  <c r="AD72677" i="1"/>
  <c r="AD72678" i="1"/>
  <c r="AD72679" i="1"/>
  <c r="AD72680" i="1"/>
  <c r="AD72681" i="1"/>
  <c r="AD72682" i="1"/>
  <c r="AD72683" i="1"/>
  <c r="AD72684" i="1"/>
  <c r="AD72685" i="1"/>
  <c r="AD72686" i="1"/>
  <c r="AD72687" i="1"/>
  <c r="AD72688" i="1"/>
  <c r="AD72689" i="1"/>
  <c r="AD72690" i="1"/>
  <c r="AD72691" i="1"/>
  <c r="AD72692" i="1"/>
  <c r="AD72693" i="1"/>
  <c r="AD72694" i="1"/>
  <c r="AD72695" i="1"/>
  <c r="AD72696" i="1"/>
  <c r="AD72697" i="1"/>
  <c r="AD72698" i="1"/>
  <c r="AD72699" i="1"/>
  <c r="AD72700" i="1"/>
  <c r="AD72701" i="1"/>
  <c r="AD72702" i="1"/>
  <c r="AD72703" i="1"/>
  <c r="AD72704" i="1"/>
  <c r="AD72705" i="1"/>
  <c r="AD72706" i="1"/>
  <c r="AD72707" i="1"/>
  <c r="AD72708" i="1"/>
  <c r="AD72709" i="1"/>
  <c r="AD72710" i="1"/>
  <c r="AD72711" i="1"/>
  <c r="AD72712" i="1"/>
  <c r="AD72713" i="1"/>
  <c r="AD72714" i="1"/>
  <c r="AD72715" i="1"/>
  <c r="AD72716" i="1"/>
  <c r="AD72717" i="1"/>
  <c r="AD72718" i="1"/>
  <c r="AD72719" i="1"/>
  <c r="AD72720" i="1"/>
  <c r="AD72721" i="1"/>
  <c r="AD72722" i="1"/>
  <c r="AD72723" i="1"/>
  <c r="AD72724" i="1"/>
  <c r="AD72725" i="1"/>
  <c r="AD72726" i="1"/>
  <c r="AD72727" i="1"/>
  <c r="AD72728" i="1"/>
  <c r="AD72729" i="1"/>
  <c r="AD72730" i="1"/>
  <c r="AD72731" i="1"/>
  <c r="AD72732" i="1"/>
  <c r="AD72733" i="1"/>
  <c r="AD72734" i="1"/>
  <c r="AD72735" i="1"/>
  <c r="AD72736" i="1"/>
  <c r="AD72737" i="1"/>
  <c r="AD72738" i="1"/>
  <c r="AD72739" i="1"/>
  <c r="AD72740" i="1"/>
  <c r="AD72741" i="1"/>
  <c r="AD72742" i="1"/>
  <c r="AD72743" i="1"/>
  <c r="AD72744" i="1"/>
  <c r="AD72745" i="1"/>
  <c r="AD72746" i="1"/>
  <c r="AD72747" i="1"/>
  <c r="AD72748" i="1"/>
  <c r="AD72749" i="1"/>
  <c r="AD72750" i="1"/>
  <c r="AD72751" i="1"/>
  <c r="AD72752" i="1"/>
  <c r="AD72753" i="1"/>
  <c r="AD72754" i="1"/>
  <c r="AD72755" i="1"/>
  <c r="AD72756" i="1"/>
  <c r="AD72757" i="1"/>
  <c r="AD72758" i="1"/>
  <c r="AD72759" i="1"/>
  <c r="AD72760" i="1"/>
  <c r="AD72761" i="1"/>
  <c r="AD72762" i="1"/>
  <c r="AD72763" i="1"/>
  <c r="AD72764" i="1"/>
  <c r="AD72765" i="1"/>
  <c r="AD72766" i="1"/>
  <c r="AD72767" i="1"/>
  <c r="AD72768" i="1"/>
  <c r="AD72769" i="1"/>
  <c r="AD72770" i="1"/>
  <c r="AD72771" i="1"/>
  <c r="AD72772" i="1"/>
  <c r="AD72773" i="1"/>
  <c r="AD72774" i="1"/>
  <c r="AD72775" i="1"/>
  <c r="AD72776" i="1"/>
  <c r="AD72777" i="1"/>
  <c r="AD72778" i="1"/>
  <c r="AD72779" i="1"/>
  <c r="AD72780" i="1"/>
  <c r="AD72781" i="1"/>
  <c r="AD72782" i="1"/>
  <c r="AD72783" i="1"/>
  <c r="AD72784" i="1"/>
  <c r="AD72785" i="1"/>
  <c r="AD72786" i="1"/>
  <c r="AD72787" i="1"/>
  <c r="AD72788" i="1"/>
  <c r="AD72789" i="1"/>
  <c r="AD72790" i="1"/>
  <c r="AD72791" i="1"/>
  <c r="AD72792" i="1"/>
  <c r="AD72793" i="1"/>
  <c r="AD72794" i="1"/>
  <c r="AD72795" i="1"/>
  <c r="AD72796" i="1"/>
  <c r="AD72797" i="1"/>
  <c r="AD72798" i="1"/>
  <c r="AD72799" i="1"/>
  <c r="AD72800" i="1"/>
  <c r="AD72801" i="1"/>
  <c r="AD72802" i="1"/>
  <c r="AD72803" i="1"/>
  <c r="AD72804" i="1"/>
  <c r="AD72805" i="1"/>
  <c r="AD72806" i="1"/>
  <c r="AD72807" i="1"/>
  <c r="AD72808" i="1"/>
  <c r="AD72809" i="1"/>
  <c r="AD72810" i="1"/>
  <c r="AD72811" i="1"/>
  <c r="AD72812" i="1"/>
  <c r="AD72813" i="1"/>
  <c r="AD72814" i="1"/>
  <c r="AD72815" i="1"/>
  <c r="AD72816" i="1"/>
  <c r="AD72817" i="1"/>
  <c r="AD72818" i="1"/>
  <c r="AD72819" i="1"/>
  <c r="AD72820" i="1"/>
  <c r="AD72821" i="1"/>
  <c r="AD72822" i="1"/>
  <c r="AD72823" i="1"/>
  <c r="AD72824" i="1"/>
  <c r="AD72825" i="1"/>
  <c r="AD72826" i="1"/>
  <c r="AD72827" i="1"/>
  <c r="AD72828" i="1"/>
  <c r="AD72829" i="1"/>
  <c r="AD72830" i="1"/>
  <c r="AD72831" i="1"/>
  <c r="AD72832" i="1"/>
  <c r="AD72833" i="1"/>
  <c r="AD72834" i="1"/>
  <c r="AD72835" i="1"/>
  <c r="AD72836" i="1"/>
  <c r="AD72837" i="1"/>
  <c r="AD72838" i="1"/>
  <c r="AD72839" i="1"/>
  <c r="AD72840" i="1"/>
  <c r="AD72841" i="1"/>
  <c r="AD72842" i="1"/>
  <c r="AD72843" i="1"/>
  <c r="AD72844" i="1"/>
  <c r="AD72845" i="1"/>
  <c r="AD72846" i="1"/>
  <c r="AD72847" i="1"/>
  <c r="AD72848" i="1"/>
  <c r="AD72849" i="1"/>
  <c r="AD72850" i="1"/>
  <c r="AD72851" i="1"/>
  <c r="AD72852" i="1"/>
  <c r="AD72853" i="1"/>
  <c r="AD72854" i="1"/>
  <c r="AD72855" i="1"/>
  <c r="AD72856" i="1"/>
  <c r="AD72857" i="1"/>
  <c r="AD72858" i="1"/>
  <c r="AD72859" i="1"/>
  <c r="AD72860" i="1"/>
  <c r="AD72861" i="1"/>
  <c r="AD72862" i="1"/>
  <c r="AD72863" i="1"/>
  <c r="AD72864" i="1"/>
  <c r="AD72865" i="1"/>
  <c r="AD72866" i="1"/>
  <c r="AD72867" i="1"/>
  <c r="AD72868" i="1"/>
  <c r="AD72869" i="1"/>
  <c r="AD72870" i="1"/>
  <c r="AD72871" i="1"/>
  <c r="AD72872" i="1"/>
  <c r="AD72873" i="1"/>
  <c r="AD72874" i="1"/>
  <c r="AD72875" i="1"/>
  <c r="AD72876" i="1"/>
  <c r="AD72877" i="1"/>
  <c r="AD72878" i="1"/>
  <c r="AD72879" i="1"/>
  <c r="AD72880" i="1"/>
  <c r="AD72881" i="1"/>
  <c r="AD72882" i="1"/>
  <c r="AD72883" i="1"/>
  <c r="AD72884" i="1"/>
  <c r="AD72885" i="1"/>
  <c r="AD72886" i="1"/>
  <c r="AD72887" i="1"/>
  <c r="AD72888" i="1"/>
  <c r="AD72889" i="1"/>
  <c r="AD72890" i="1"/>
  <c r="AD72891" i="1"/>
  <c r="AD72892" i="1"/>
  <c r="AD72893" i="1"/>
  <c r="AD72894" i="1"/>
  <c r="AD72895" i="1"/>
  <c r="AD72896" i="1"/>
  <c r="AD72897" i="1"/>
  <c r="AD72898" i="1"/>
  <c r="AD72899" i="1"/>
  <c r="AD72900" i="1"/>
  <c r="AD72901" i="1"/>
  <c r="AD72902" i="1"/>
  <c r="AD72903" i="1"/>
  <c r="AD72904" i="1"/>
  <c r="AD72905" i="1"/>
  <c r="AD72906" i="1"/>
  <c r="AD72907" i="1"/>
  <c r="AD72908" i="1"/>
  <c r="AD72909" i="1"/>
  <c r="AD72910" i="1"/>
  <c r="AD72911" i="1"/>
  <c r="AD72912" i="1"/>
  <c r="AD72913" i="1"/>
  <c r="AD72914" i="1"/>
  <c r="AD72915" i="1"/>
  <c r="AD72916" i="1"/>
  <c r="AD72917" i="1"/>
  <c r="AD72918" i="1"/>
  <c r="AD72919" i="1"/>
  <c r="AD72920" i="1"/>
  <c r="AD72921" i="1"/>
  <c r="AD72922" i="1"/>
  <c r="AD72923" i="1"/>
  <c r="AD72924" i="1"/>
  <c r="AD72925" i="1"/>
  <c r="AD72926" i="1"/>
  <c r="AD72927" i="1"/>
  <c r="AD72928" i="1"/>
  <c r="AD72929" i="1"/>
  <c r="AD72930" i="1"/>
  <c r="AD72931" i="1"/>
  <c r="AD72932" i="1"/>
  <c r="AD72933" i="1"/>
  <c r="AD72934" i="1"/>
  <c r="AD72935" i="1"/>
  <c r="AD72936" i="1"/>
  <c r="AD72937" i="1"/>
  <c r="AD72938" i="1"/>
  <c r="AD72939" i="1"/>
  <c r="AD72940" i="1"/>
  <c r="AD72941" i="1"/>
  <c r="AD72942" i="1"/>
  <c r="AD72943" i="1"/>
  <c r="AD72944" i="1"/>
  <c r="AD72945" i="1"/>
  <c r="AD72946" i="1"/>
  <c r="AD72947" i="1"/>
  <c r="AD72948" i="1"/>
  <c r="AD72949" i="1"/>
  <c r="AD72950" i="1"/>
  <c r="AD72951" i="1"/>
  <c r="AD72952" i="1"/>
  <c r="AD72953" i="1"/>
  <c r="AD72954" i="1"/>
  <c r="AD72955" i="1"/>
  <c r="AD72956" i="1"/>
  <c r="AD72957" i="1"/>
  <c r="AD72958" i="1"/>
  <c r="AD72959" i="1"/>
  <c r="AD72960" i="1"/>
  <c r="AD72961" i="1"/>
  <c r="AD72962" i="1"/>
  <c r="AD72963" i="1"/>
  <c r="AD72964" i="1"/>
  <c r="AD72965" i="1"/>
  <c r="AD72966" i="1"/>
  <c r="AD72967" i="1"/>
  <c r="AD72968" i="1"/>
  <c r="AD72969" i="1"/>
  <c r="AD72970" i="1"/>
  <c r="AD72971" i="1"/>
  <c r="AD72972" i="1"/>
  <c r="AD72973" i="1"/>
  <c r="AD72974" i="1"/>
  <c r="AD72975" i="1"/>
  <c r="AD72976" i="1"/>
  <c r="AD72977" i="1"/>
  <c r="AD72978" i="1"/>
  <c r="AD72979" i="1"/>
  <c r="AD72980" i="1"/>
  <c r="AD72981" i="1"/>
  <c r="AD72982" i="1"/>
  <c r="AD72983" i="1"/>
  <c r="AD72984" i="1"/>
  <c r="AD72985" i="1"/>
  <c r="AD72986" i="1"/>
  <c r="AD72987" i="1"/>
  <c r="AD72988" i="1"/>
  <c r="AD72989" i="1"/>
  <c r="AD72990" i="1"/>
  <c r="AD72991" i="1"/>
  <c r="AD72992" i="1"/>
  <c r="AD72993" i="1"/>
  <c r="AD72994" i="1"/>
  <c r="AD72995" i="1"/>
  <c r="AD72996" i="1"/>
  <c r="AD72997" i="1"/>
  <c r="AD72998" i="1"/>
  <c r="AD72999" i="1"/>
  <c r="AD73000" i="1"/>
  <c r="AD73001" i="1"/>
  <c r="AD73002" i="1"/>
  <c r="AD73003" i="1"/>
  <c r="AD73004" i="1"/>
  <c r="AD73005" i="1"/>
  <c r="AD73006" i="1"/>
  <c r="AD73007" i="1"/>
  <c r="AD73008" i="1"/>
  <c r="AD73009" i="1"/>
  <c r="AD73010" i="1"/>
  <c r="AD73011" i="1"/>
  <c r="AD73012" i="1"/>
  <c r="AD73013" i="1"/>
  <c r="AD73014" i="1"/>
  <c r="AD73015" i="1"/>
  <c r="AD73016" i="1"/>
  <c r="AD73017" i="1"/>
  <c r="AD73018" i="1"/>
  <c r="AD73019" i="1"/>
  <c r="AD73020" i="1"/>
  <c r="AD73021" i="1"/>
  <c r="AD73022" i="1"/>
  <c r="AD73023" i="1"/>
  <c r="AD73024" i="1"/>
  <c r="AD73025" i="1"/>
  <c r="AD73026" i="1"/>
  <c r="AD73027" i="1"/>
  <c r="AD73028" i="1"/>
  <c r="AD73029" i="1"/>
  <c r="AD73030" i="1"/>
  <c r="AD73031" i="1"/>
  <c r="AD73032" i="1"/>
  <c r="AD73033" i="1"/>
  <c r="AD73034" i="1"/>
  <c r="AD73035" i="1"/>
  <c r="AD73036" i="1"/>
  <c r="AD73037" i="1"/>
  <c r="AD73038" i="1"/>
  <c r="AD73039" i="1"/>
  <c r="AD73040" i="1"/>
  <c r="AD73041" i="1"/>
  <c r="AD73042" i="1"/>
  <c r="AD73043" i="1"/>
  <c r="AD73044" i="1"/>
  <c r="AD73045" i="1"/>
  <c r="AD73046" i="1"/>
  <c r="AD73047" i="1"/>
  <c r="AD73048" i="1"/>
  <c r="AD73049" i="1"/>
  <c r="AD73050" i="1"/>
  <c r="AD73051" i="1"/>
  <c r="AD73052" i="1"/>
  <c r="AD73053" i="1"/>
  <c r="AD73054" i="1"/>
  <c r="AD73055" i="1"/>
  <c r="AD73056" i="1"/>
  <c r="AD73057" i="1"/>
  <c r="AD73058" i="1"/>
  <c r="AD73059" i="1"/>
  <c r="AD73060" i="1"/>
  <c r="AD73061" i="1"/>
  <c r="AD73062" i="1"/>
  <c r="AD73063" i="1"/>
  <c r="AD73064" i="1"/>
  <c r="AD73065" i="1"/>
  <c r="AD73066" i="1"/>
  <c r="AD73067" i="1"/>
  <c r="AD73068" i="1"/>
  <c r="AD73069" i="1"/>
  <c r="AD73070" i="1"/>
  <c r="AD73071" i="1"/>
  <c r="AD73072" i="1"/>
  <c r="AD73073" i="1"/>
  <c r="AD73074" i="1"/>
  <c r="AD73075" i="1"/>
  <c r="AD73076" i="1"/>
  <c r="AD73077" i="1"/>
  <c r="AD73078" i="1"/>
  <c r="AD73079" i="1"/>
  <c r="AD73080" i="1"/>
  <c r="AD73081" i="1"/>
  <c r="AD73082" i="1"/>
  <c r="AD73083" i="1"/>
  <c r="AD73084" i="1"/>
  <c r="AD73085" i="1"/>
  <c r="AD73086" i="1"/>
  <c r="AD73087" i="1"/>
  <c r="AD73088" i="1"/>
  <c r="AD73089" i="1"/>
  <c r="AD73090" i="1"/>
  <c r="AD73091" i="1"/>
  <c r="AD73092" i="1"/>
  <c r="AD73093" i="1"/>
  <c r="AD73094" i="1"/>
  <c r="AD73095" i="1"/>
  <c r="AD73096" i="1"/>
  <c r="AD73097" i="1"/>
  <c r="AD73098" i="1"/>
  <c r="AD73099" i="1"/>
  <c r="AD73100" i="1"/>
  <c r="AD73101" i="1"/>
  <c r="AD73102" i="1"/>
  <c r="AD73103" i="1"/>
  <c r="AD73104" i="1"/>
  <c r="AD73105" i="1"/>
  <c r="AD73106" i="1"/>
  <c r="AD73107" i="1"/>
  <c r="AD73108" i="1"/>
  <c r="AD73109" i="1"/>
  <c r="AD73110" i="1"/>
  <c r="AD73111" i="1"/>
  <c r="AD73112" i="1"/>
  <c r="AD73113" i="1"/>
  <c r="AD73114" i="1"/>
  <c r="AD73115" i="1"/>
  <c r="AD73116" i="1"/>
  <c r="AD73117" i="1"/>
  <c r="AD73118" i="1"/>
  <c r="AD73119" i="1"/>
  <c r="AD73120" i="1"/>
  <c r="AD73121" i="1"/>
  <c r="AD73122" i="1"/>
  <c r="AD73123" i="1"/>
  <c r="AD73124" i="1"/>
  <c r="AD73125" i="1"/>
  <c r="AD73126" i="1"/>
  <c r="AD73127" i="1"/>
  <c r="AD73128" i="1"/>
  <c r="AD73129" i="1"/>
  <c r="AD73130" i="1"/>
  <c r="AD73131" i="1"/>
  <c r="AD73132" i="1"/>
  <c r="AD73133" i="1"/>
  <c r="AD73134" i="1"/>
  <c r="AD73135" i="1"/>
  <c r="AD73136" i="1"/>
  <c r="AD73137" i="1"/>
  <c r="AD73138" i="1"/>
  <c r="AD73139" i="1"/>
  <c r="AD73140" i="1"/>
  <c r="AD73141" i="1"/>
  <c r="AD73142" i="1"/>
  <c r="AD73143" i="1"/>
  <c r="AD73144" i="1"/>
  <c r="AD73145" i="1"/>
  <c r="AD73146" i="1"/>
  <c r="AD73147" i="1"/>
  <c r="AD73148" i="1"/>
  <c r="AD73149" i="1"/>
  <c r="AD73150" i="1"/>
  <c r="AD73151" i="1"/>
  <c r="AD73152" i="1"/>
  <c r="AD73153" i="1"/>
  <c r="AD73154" i="1"/>
  <c r="AD73155" i="1"/>
  <c r="AD73156" i="1"/>
  <c r="AD73157" i="1"/>
  <c r="AD73158" i="1"/>
  <c r="AD73159" i="1"/>
  <c r="AD73160" i="1"/>
  <c r="AD73161" i="1"/>
  <c r="AD73162" i="1"/>
  <c r="AD73163" i="1"/>
  <c r="AD73164" i="1"/>
  <c r="AD73165" i="1"/>
  <c r="AD73166" i="1"/>
  <c r="AD73167" i="1"/>
  <c r="AD73168" i="1"/>
  <c r="AD73169" i="1"/>
  <c r="AD73170" i="1"/>
  <c r="AD73171" i="1"/>
  <c r="AD73172" i="1"/>
  <c r="AD73173" i="1"/>
  <c r="AD73174" i="1"/>
  <c r="AD73175" i="1"/>
  <c r="AD73176" i="1"/>
  <c r="AD73177" i="1"/>
  <c r="AD73178" i="1"/>
  <c r="AD73179" i="1"/>
  <c r="AD73180" i="1"/>
  <c r="AD73181" i="1"/>
  <c r="AD73182" i="1"/>
  <c r="AD73183" i="1"/>
  <c r="AD73184" i="1"/>
  <c r="AD73185" i="1"/>
  <c r="AD73186" i="1"/>
  <c r="AD73187" i="1"/>
  <c r="AD73188" i="1"/>
  <c r="AD73189" i="1"/>
  <c r="AD73190" i="1"/>
  <c r="AD73191" i="1"/>
  <c r="AD73192" i="1"/>
  <c r="AD73193" i="1"/>
  <c r="AD73194" i="1"/>
  <c r="AD73195" i="1"/>
  <c r="AD73196" i="1"/>
  <c r="AD73197" i="1"/>
  <c r="AD73198" i="1"/>
  <c r="AD73199" i="1"/>
  <c r="AD73200" i="1"/>
  <c r="AD73201" i="1"/>
  <c r="AD73202" i="1"/>
  <c r="AD73203" i="1"/>
  <c r="AD73204" i="1"/>
  <c r="AD73205" i="1"/>
  <c r="AD73206" i="1"/>
  <c r="AD73207" i="1"/>
  <c r="AD73208" i="1"/>
  <c r="AD73209" i="1"/>
  <c r="AD73210" i="1"/>
  <c r="AD73211" i="1"/>
  <c r="AD73212" i="1"/>
  <c r="AD73213" i="1"/>
  <c r="AD73214" i="1"/>
  <c r="AD73215" i="1"/>
  <c r="AD73216" i="1"/>
  <c r="AD73217" i="1"/>
  <c r="AD73218" i="1"/>
  <c r="AD73219" i="1"/>
  <c r="AD73220" i="1"/>
  <c r="AD73221" i="1"/>
  <c r="AD73222" i="1"/>
  <c r="AD73223" i="1"/>
  <c r="AD73224" i="1"/>
  <c r="AD73225" i="1"/>
  <c r="AD73226" i="1"/>
  <c r="AD73227" i="1"/>
  <c r="AD73228" i="1"/>
  <c r="AD73229" i="1"/>
  <c r="AD73230" i="1"/>
  <c r="AD73231" i="1"/>
  <c r="AD73232" i="1"/>
  <c r="AD73233" i="1"/>
  <c r="AD73234" i="1"/>
  <c r="AD73235" i="1"/>
  <c r="AD73236" i="1"/>
  <c r="AD73237" i="1"/>
  <c r="AD73238" i="1"/>
  <c r="AD73239" i="1"/>
  <c r="AD73240" i="1"/>
  <c r="AD73241" i="1"/>
  <c r="AD73242" i="1"/>
  <c r="AD73243" i="1"/>
  <c r="AD73244" i="1"/>
  <c r="AD73245" i="1"/>
  <c r="AD73246" i="1"/>
  <c r="AD73247" i="1"/>
  <c r="AD73248" i="1"/>
  <c r="AD73249" i="1"/>
  <c r="AD73250" i="1"/>
  <c r="AD73251" i="1"/>
  <c r="AD73252" i="1"/>
  <c r="AD73253" i="1"/>
  <c r="AD73254" i="1"/>
  <c r="AD73255" i="1"/>
  <c r="AD73256" i="1"/>
  <c r="AD73257" i="1"/>
  <c r="AD73258" i="1"/>
  <c r="AD73259" i="1"/>
  <c r="AD73260" i="1"/>
  <c r="AD73261" i="1"/>
  <c r="AD73262" i="1"/>
  <c r="AD73263" i="1"/>
  <c r="AD73264" i="1"/>
  <c r="AD73265" i="1"/>
  <c r="AD73266" i="1"/>
  <c r="AD73267" i="1"/>
  <c r="AD73268" i="1"/>
  <c r="AD73269" i="1"/>
  <c r="AD73270" i="1"/>
  <c r="AD73271" i="1"/>
  <c r="AD73272" i="1"/>
  <c r="AD73273" i="1"/>
  <c r="AD73274" i="1"/>
  <c r="AD73275" i="1"/>
  <c r="AD73276" i="1"/>
  <c r="AD73277" i="1"/>
  <c r="AD73278" i="1"/>
  <c r="AD73279" i="1"/>
  <c r="AD73280" i="1"/>
  <c r="AD73281" i="1"/>
  <c r="AD73282" i="1"/>
  <c r="AD73283" i="1"/>
  <c r="AD73284" i="1"/>
  <c r="AD73285" i="1"/>
  <c r="AD73286" i="1"/>
  <c r="AD73287" i="1"/>
  <c r="AD73288" i="1"/>
  <c r="AD73289" i="1"/>
  <c r="AD73290" i="1"/>
  <c r="AD73291" i="1"/>
  <c r="AD73292" i="1"/>
  <c r="AD73293" i="1"/>
  <c r="AD73294" i="1"/>
  <c r="AD73295" i="1"/>
  <c r="AD73296" i="1"/>
  <c r="AD73297" i="1"/>
  <c r="AD73298" i="1"/>
  <c r="AD73299" i="1"/>
  <c r="AD73300" i="1"/>
  <c r="AD73301" i="1"/>
  <c r="AD73302" i="1"/>
  <c r="AD73303" i="1"/>
  <c r="AD73304" i="1"/>
  <c r="AD73305" i="1"/>
  <c r="AD73306" i="1"/>
  <c r="AD73307" i="1"/>
  <c r="AD73308" i="1"/>
  <c r="AD73309" i="1"/>
  <c r="AD73310" i="1"/>
  <c r="AD73311" i="1"/>
  <c r="AD73312" i="1"/>
  <c r="AD73313" i="1"/>
  <c r="AD73314" i="1"/>
  <c r="AD73315" i="1"/>
  <c r="AD73316" i="1"/>
  <c r="AD73317" i="1"/>
  <c r="AD73318" i="1"/>
  <c r="AD73319" i="1"/>
  <c r="AD73320" i="1"/>
  <c r="AD73321" i="1"/>
  <c r="AD73322" i="1"/>
  <c r="AD73323" i="1"/>
  <c r="AD73324" i="1"/>
  <c r="AD73325" i="1"/>
  <c r="AD73326" i="1"/>
  <c r="AD73327" i="1"/>
  <c r="AD73328" i="1"/>
  <c r="AD73329" i="1"/>
  <c r="AD73330" i="1"/>
  <c r="AD73331" i="1"/>
  <c r="AD73332" i="1"/>
  <c r="AD73333" i="1"/>
  <c r="AD73334" i="1"/>
  <c r="AD73335" i="1"/>
  <c r="AD73336" i="1"/>
  <c r="AD73337" i="1"/>
  <c r="AD73338" i="1"/>
  <c r="AD73339" i="1"/>
  <c r="AD73340" i="1"/>
  <c r="AD73341" i="1"/>
  <c r="AD73342" i="1"/>
  <c r="AD73343" i="1"/>
  <c r="AD73344" i="1"/>
  <c r="AD73345" i="1"/>
  <c r="AD73346" i="1"/>
  <c r="AD73347" i="1"/>
  <c r="AD73348" i="1"/>
  <c r="AD73349" i="1"/>
  <c r="AD73350" i="1"/>
  <c r="AD73351" i="1"/>
  <c r="AD73352" i="1"/>
  <c r="AD73353" i="1"/>
  <c r="AD73354" i="1"/>
  <c r="AD73355" i="1"/>
  <c r="AD73356" i="1"/>
  <c r="AD73357" i="1"/>
  <c r="AD73358" i="1"/>
  <c r="AD73359" i="1"/>
  <c r="AD73360" i="1"/>
  <c r="AD73361" i="1"/>
  <c r="AD73362" i="1"/>
  <c r="AD73363" i="1"/>
  <c r="AD73364" i="1"/>
  <c r="AD73365" i="1"/>
  <c r="AD73366" i="1"/>
  <c r="AD73367" i="1"/>
  <c r="AD73368" i="1"/>
  <c r="AD73369" i="1"/>
  <c r="AD73370" i="1"/>
  <c r="AD73371" i="1"/>
  <c r="AD73372" i="1"/>
  <c r="AD73373" i="1"/>
  <c r="AD73374" i="1"/>
  <c r="AD73375" i="1"/>
  <c r="AD73376" i="1"/>
  <c r="AD73377" i="1"/>
  <c r="AD73378" i="1"/>
  <c r="AD73379" i="1"/>
  <c r="AD73380" i="1"/>
  <c r="AD73381" i="1"/>
  <c r="AD73382" i="1"/>
  <c r="AD73383" i="1"/>
  <c r="AD73384" i="1"/>
  <c r="AD73385" i="1"/>
  <c r="AD73386" i="1"/>
  <c r="AD73387" i="1"/>
  <c r="AD73388" i="1"/>
  <c r="AD73389" i="1"/>
  <c r="AD73390" i="1"/>
  <c r="AD73391" i="1"/>
  <c r="AD73392" i="1"/>
  <c r="AD73393" i="1"/>
  <c r="AD73394" i="1"/>
  <c r="AD73395" i="1"/>
  <c r="AD73396" i="1"/>
  <c r="AD73397" i="1"/>
  <c r="AD73398" i="1"/>
  <c r="AD73399" i="1"/>
  <c r="AD73400" i="1"/>
  <c r="AD73401" i="1"/>
  <c r="AD73402" i="1"/>
  <c r="AD73403" i="1"/>
  <c r="AD73404" i="1"/>
  <c r="AD73405" i="1"/>
  <c r="AD73406" i="1"/>
  <c r="AD73407" i="1"/>
  <c r="AD73408" i="1"/>
  <c r="AD73409" i="1"/>
  <c r="AD73410" i="1"/>
  <c r="AD73411" i="1"/>
  <c r="AD73412" i="1"/>
  <c r="AD73413" i="1"/>
  <c r="AD73414" i="1"/>
  <c r="AD73415" i="1"/>
  <c r="AD73416" i="1"/>
  <c r="AD73417" i="1"/>
  <c r="AD73418" i="1"/>
  <c r="AD73419" i="1"/>
  <c r="AD73420" i="1"/>
  <c r="AD73421" i="1"/>
  <c r="AD73422" i="1"/>
  <c r="AD73423" i="1"/>
  <c r="AD73424" i="1"/>
  <c r="AD73425" i="1"/>
  <c r="AD73426" i="1"/>
  <c r="AD73427" i="1"/>
  <c r="AD73428" i="1"/>
  <c r="AD73429" i="1"/>
  <c r="AD73430" i="1"/>
  <c r="AD73431" i="1"/>
  <c r="AD73432" i="1"/>
  <c r="AD73433" i="1"/>
  <c r="AD73434" i="1"/>
  <c r="AD73435" i="1"/>
  <c r="AD73436" i="1"/>
  <c r="AD73437" i="1"/>
  <c r="AD73438" i="1"/>
  <c r="AD73439" i="1"/>
  <c r="AD73440" i="1"/>
  <c r="AD73441" i="1"/>
  <c r="AD73442" i="1"/>
  <c r="AD73443" i="1"/>
  <c r="AD73444" i="1"/>
  <c r="AD73445" i="1"/>
  <c r="AD73446" i="1"/>
  <c r="AD73447" i="1"/>
  <c r="AD73448" i="1"/>
  <c r="AD73449" i="1"/>
  <c r="AD73450" i="1"/>
  <c r="AD73451" i="1"/>
  <c r="AD73452" i="1"/>
  <c r="AD73453" i="1"/>
  <c r="AD73454" i="1"/>
  <c r="AD73455" i="1"/>
  <c r="AD73456" i="1"/>
  <c r="AD73457" i="1"/>
  <c r="AD73458" i="1"/>
  <c r="AD73459" i="1"/>
  <c r="AD73460" i="1"/>
  <c r="AD73461" i="1"/>
  <c r="AD73462" i="1"/>
  <c r="AD73463" i="1"/>
  <c r="AD73464" i="1"/>
  <c r="AD73465" i="1"/>
  <c r="AD73466" i="1"/>
  <c r="AD73467" i="1"/>
  <c r="AD73468" i="1"/>
  <c r="AD73469" i="1"/>
  <c r="AD73470" i="1"/>
  <c r="AD73471" i="1"/>
  <c r="AD73472" i="1"/>
  <c r="AD73473" i="1"/>
  <c r="AD73474" i="1"/>
  <c r="AD73475" i="1"/>
  <c r="AD73476" i="1"/>
  <c r="AD73477" i="1"/>
  <c r="AD73478" i="1"/>
  <c r="AD73479" i="1"/>
  <c r="AD73480" i="1"/>
  <c r="AD73481" i="1"/>
  <c r="AD73482" i="1"/>
  <c r="AD73483" i="1"/>
  <c r="AD73484" i="1"/>
  <c r="AD73485" i="1"/>
  <c r="AD73486" i="1"/>
  <c r="AD73487" i="1"/>
  <c r="AD73488" i="1"/>
  <c r="AD73489" i="1"/>
  <c r="AD73490" i="1"/>
  <c r="AD73491" i="1"/>
  <c r="AD73492" i="1"/>
  <c r="AD73493" i="1"/>
  <c r="AD73494" i="1"/>
  <c r="AD73495" i="1"/>
  <c r="AD73496" i="1"/>
  <c r="AD73497" i="1"/>
  <c r="AD73498" i="1"/>
  <c r="AD73499" i="1"/>
  <c r="AD73500" i="1"/>
  <c r="AD73501" i="1"/>
  <c r="AD73502" i="1"/>
  <c r="AD73503" i="1"/>
  <c r="AD73504" i="1"/>
  <c r="AD73505" i="1"/>
  <c r="AD73506" i="1"/>
  <c r="AD73507" i="1"/>
  <c r="AD73508" i="1"/>
  <c r="AD73509" i="1"/>
  <c r="AD73510" i="1"/>
  <c r="AD73511" i="1"/>
  <c r="AD73512" i="1"/>
  <c r="AD73513" i="1"/>
  <c r="AD73514" i="1"/>
  <c r="AD73515" i="1"/>
  <c r="AD73516" i="1"/>
  <c r="AD73517" i="1"/>
  <c r="AD73518" i="1"/>
  <c r="AD73519" i="1"/>
  <c r="AD73520" i="1"/>
  <c r="AD73521" i="1"/>
  <c r="AD73522" i="1"/>
  <c r="AD73523" i="1"/>
  <c r="AD73524" i="1"/>
  <c r="AD73525" i="1"/>
  <c r="AD73526" i="1"/>
  <c r="AD73527" i="1"/>
  <c r="AD73528" i="1"/>
  <c r="AD73529" i="1"/>
  <c r="AD73530" i="1"/>
  <c r="AD73531" i="1"/>
  <c r="AD73532" i="1"/>
  <c r="AD73533" i="1"/>
  <c r="AD73534" i="1"/>
  <c r="AD73535" i="1"/>
  <c r="AD73536" i="1"/>
  <c r="AD73537" i="1"/>
  <c r="AD73538" i="1"/>
  <c r="AD73539" i="1"/>
  <c r="AD73540" i="1"/>
  <c r="AD73541" i="1"/>
  <c r="AD73542" i="1"/>
  <c r="AD73543" i="1"/>
  <c r="AD73544" i="1"/>
  <c r="AD73545" i="1"/>
  <c r="AD73546" i="1"/>
  <c r="AD73547" i="1"/>
  <c r="AD73548" i="1"/>
  <c r="AD73549" i="1"/>
  <c r="AD73550" i="1"/>
  <c r="AD73551" i="1"/>
  <c r="AD73552" i="1"/>
  <c r="AD73553" i="1"/>
  <c r="AD73554" i="1"/>
  <c r="AD73555" i="1"/>
  <c r="AD73556" i="1"/>
  <c r="AD73557" i="1"/>
  <c r="AD73558" i="1"/>
  <c r="AD73559" i="1"/>
  <c r="AD73560" i="1"/>
  <c r="AD73561" i="1"/>
  <c r="AD73562" i="1"/>
  <c r="AD73563" i="1"/>
  <c r="AD73564" i="1"/>
  <c r="AD73565" i="1"/>
  <c r="AD73566" i="1"/>
  <c r="AD73567" i="1"/>
  <c r="AD73568" i="1"/>
  <c r="AD73569" i="1"/>
  <c r="AD73570" i="1"/>
  <c r="AD73571" i="1"/>
  <c r="AD73572" i="1"/>
  <c r="AD73573" i="1"/>
  <c r="AD73574" i="1"/>
  <c r="AD73575" i="1"/>
  <c r="AD73576" i="1"/>
  <c r="AD73577" i="1"/>
  <c r="AD73578" i="1"/>
  <c r="AD73579" i="1"/>
  <c r="AD73580" i="1"/>
  <c r="AD73581" i="1"/>
  <c r="AD73582" i="1"/>
  <c r="AD73583" i="1"/>
  <c r="AD73584" i="1"/>
  <c r="AD73585" i="1"/>
  <c r="AD73586" i="1"/>
  <c r="AD73587" i="1"/>
  <c r="AD73588" i="1"/>
  <c r="AD73589" i="1"/>
  <c r="AD73590" i="1"/>
  <c r="AD73591" i="1"/>
  <c r="AD73592" i="1"/>
  <c r="AD73593" i="1"/>
  <c r="AD73594" i="1"/>
  <c r="AD73595" i="1"/>
  <c r="AD73596" i="1"/>
  <c r="AD73597" i="1"/>
  <c r="AD73598" i="1"/>
  <c r="AD73599" i="1"/>
  <c r="AD73600" i="1"/>
  <c r="AD73601" i="1"/>
  <c r="AD73602" i="1"/>
  <c r="AD73603" i="1"/>
  <c r="AD73604" i="1"/>
  <c r="AD73605" i="1"/>
  <c r="AD73606" i="1"/>
  <c r="AD73607" i="1"/>
  <c r="AD73608" i="1"/>
  <c r="AD73609" i="1"/>
  <c r="AD73610" i="1"/>
  <c r="AD73611" i="1"/>
  <c r="AD73612" i="1"/>
  <c r="AD73613" i="1"/>
  <c r="AD73614" i="1"/>
  <c r="AD73615" i="1"/>
  <c r="AD73616" i="1"/>
  <c r="AD73617" i="1"/>
  <c r="AD73618" i="1"/>
  <c r="AD73619" i="1"/>
  <c r="AD73620" i="1"/>
  <c r="AD73621" i="1"/>
  <c r="AD73622" i="1"/>
  <c r="AD73623" i="1"/>
  <c r="AD73624" i="1"/>
  <c r="AD73625" i="1"/>
  <c r="AD73626" i="1"/>
  <c r="AD73627" i="1"/>
  <c r="AD73628" i="1"/>
  <c r="AD73629" i="1"/>
  <c r="AD73630" i="1"/>
  <c r="AD73631" i="1"/>
  <c r="AD73632" i="1"/>
  <c r="AD73633" i="1"/>
  <c r="AD73634" i="1"/>
  <c r="AD73635" i="1"/>
  <c r="AD73636" i="1"/>
  <c r="AD73637" i="1"/>
  <c r="AD73638" i="1"/>
  <c r="AD73639" i="1"/>
  <c r="AD73640" i="1"/>
  <c r="AD73641" i="1"/>
  <c r="AD73642" i="1"/>
  <c r="AD73643" i="1"/>
  <c r="AD73644" i="1"/>
  <c r="AD73645" i="1"/>
  <c r="AD73646" i="1"/>
  <c r="AD73647" i="1"/>
  <c r="AD73648" i="1"/>
  <c r="AD73649" i="1"/>
  <c r="AD73650" i="1"/>
  <c r="AD73651" i="1"/>
  <c r="AD73652" i="1"/>
  <c r="AD73653" i="1"/>
  <c r="AD73654" i="1"/>
  <c r="AD73655" i="1"/>
  <c r="AD73656" i="1"/>
  <c r="AD73657" i="1"/>
  <c r="AD73658" i="1"/>
  <c r="AD73659" i="1"/>
  <c r="AD73660" i="1"/>
  <c r="AD73661" i="1"/>
  <c r="AD73662" i="1"/>
  <c r="AD73663" i="1"/>
  <c r="AD73664" i="1"/>
  <c r="AD73665" i="1"/>
  <c r="AD73666" i="1"/>
  <c r="AD73667" i="1"/>
  <c r="AD73668" i="1"/>
  <c r="AD73669" i="1"/>
  <c r="AD73670" i="1"/>
  <c r="AD73671" i="1"/>
  <c r="AD73672" i="1"/>
  <c r="AD73673" i="1"/>
  <c r="AD73674" i="1"/>
  <c r="AD73675" i="1"/>
  <c r="AD73676" i="1"/>
  <c r="AD73677" i="1"/>
  <c r="AD73678" i="1"/>
  <c r="AD73679" i="1"/>
  <c r="AD73680" i="1"/>
  <c r="AD73681" i="1"/>
  <c r="AD73682" i="1"/>
  <c r="AD73683" i="1"/>
  <c r="AD73684" i="1"/>
  <c r="AD73685" i="1"/>
  <c r="AD73686" i="1"/>
  <c r="AD73687" i="1"/>
  <c r="AD73688" i="1"/>
  <c r="AD73689" i="1"/>
  <c r="AD73690" i="1"/>
  <c r="AD73691" i="1"/>
  <c r="AD73692" i="1"/>
  <c r="AD73693" i="1"/>
  <c r="AD73694" i="1"/>
  <c r="AD73695" i="1"/>
  <c r="AD73696" i="1"/>
  <c r="AD73697" i="1"/>
  <c r="AD73698" i="1"/>
  <c r="AD73699" i="1"/>
  <c r="AD73700" i="1"/>
  <c r="AD73701" i="1"/>
  <c r="AD73702" i="1"/>
  <c r="AD73703" i="1"/>
  <c r="AD73704" i="1"/>
  <c r="AD73705" i="1"/>
  <c r="AD73706" i="1"/>
  <c r="AD73707" i="1"/>
  <c r="AD73708" i="1"/>
  <c r="AD73709" i="1"/>
  <c r="AD73710" i="1"/>
  <c r="AD73711" i="1"/>
  <c r="AD73712" i="1"/>
  <c r="AD73713" i="1"/>
  <c r="AD73714" i="1"/>
  <c r="AD73715" i="1"/>
  <c r="AD73716" i="1"/>
  <c r="AD73717" i="1"/>
  <c r="AD73718" i="1"/>
  <c r="AD73719" i="1"/>
  <c r="AD73720" i="1"/>
  <c r="AD73721" i="1"/>
  <c r="AD73722" i="1"/>
  <c r="AD73723" i="1"/>
  <c r="AD73724" i="1"/>
  <c r="AD73725" i="1"/>
  <c r="AD73726" i="1"/>
  <c r="AD73727" i="1"/>
  <c r="AD73728" i="1"/>
  <c r="AD73729" i="1"/>
  <c r="AD73730" i="1"/>
  <c r="AD73731" i="1"/>
  <c r="AD73732" i="1"/>
  <c r="AD73733" i="1"/>
  <c r="AD73734" i="1"/>
  <c r="AD73735" i="1"/>
  <c r="AD73736" i="1"/>
  <c r="AD73737" i="1"/>
  <c r="AD73738" i="1"/>
  <c r="AD73739" i="1"/>
  <c r="AD73740" i="1"/>
  <c r="AD73741" i="1"/>
  <c r="AD73742" i="1"/>
  <c r="AD73743" i="1"/>
  <c r="AD73744" i="1"/>
  <c r="AD73745" i="1"/>
  <c r="AD73746" i="1"/>
  <c r="AD73747" i="1"/>
  <c r="AD73748" i="1"/>
  <c r="AD73749" i="1"/>
  <c r="AD73750" i="1"/>
  <c r="AD73751" i="1"/>
  <c r="AD73752" i="1"/>
  <c r="AD73753" i="1"/>
  <c r="AD73754" i="1"/>
  <c r="AD73755" i="1"/>
  <c r="AD73756" i="1"/>
  <c r="AD73757" i="1"/>
  <c r="AD73758" i="1"/>
  <c r="AD73759" i="1"/>
  <c r="AD73760" i="1"/>
  <c r="AD73761" i="1"/>
  <c r="AD73762" i="1"/>
  <c r="AD73763" i="1"/>
  <c r="AD73764" i="1"/>
  <c r="AD73765" i="1"/>
  <c r="AD73766" i="1"/>
  <c r="AD73767" i="1"/>
  <c r="AD73768" i="1"/>
  <c r="AD73769" i="1"/>
  <c r="AD73770" i="1"/>
  <c r="AD73771" i="1"/>
  <c r="AD73772" i="1"/>
  <c r="AD73773" i="1"/>
  <c r="AD73774" i="1"/>
  <c r="AD73775" i="1"/>
  <c r="AD73776" i="1"/>
  <c r="AD73777" i="1"/>
  <c r="AD73778" i="1"/>
  <c r="AD73779" i="1"/>
  <c r="AD73780" i="1"/>
  <c r="AD73781" i="1"/>
  <c r="AD73782" i="1"/>
  <c r="AD73783" i="1"/>
  <c r="AD73784" i="1"/>
  <c r="AD73785" i="1"/>
  <c r="AD73786" i="1"/>
  <c r="AD73787" i="1"/>
  <c r="AD73788" i="1"/>
  <c r="AD73789" i="1"/>
  <c r="AD73790" i="1"/>
  <c r="AD73791" i="1"/>
  <c r="AD73792" i="1"/>
  <c r="AD73793" i="1"/>
  <c r="AD73794" i="1"/>
  <c r="AD73795" i="1"/>
  <c r="AD73796" i="1"/>
  <c r="AD73797" i="1"/>
  <c r="AD73798" i="1"/>
  <c r="AD73799" i="1"/>
  <c r="AD73800" i="1"/>
  <c r="AD73801" i="1"/>
  <c r="AD73802" i="1"/>
  <c r="AD73803" i="1"/>
  <c r="AD73804" i="1"/>
  <c r="AD73805" i="1"/>
  <c r="AD73806" i="1"/>
  <c r="AD73807" i="1"/>
  <c r="AD73808" i="1"/>
  <c r="AD73809" i="1"/>
  <c r="AD73810" i="1"/>
  <c r="AD73811" i="1"/>
  <c r="AD73812" i="1"/>
  <c r="AD73813" i="1"/>
  <c r="AD73814" i="1"/>
  <c r="AD73815" i="1"/>
  <c r="AD73816" i="1"/>
  <c r="AD73817" i="1"/>
  <c r="AD73818" i="1"/>
  <c r="AD73819" i="1"/>
  <c r="AD73820" i="1"/>
  <c r="AD73821" i="1"/>
  <c r="AD73822" i="1"/>
  <c r="AD73823" i="1"/>
  <c r="AD73824" i="1"/>
  <c r="AD73825" i="1"/>
  <c r="AD73826" i="1"/>
  <c r="AD73827" i="1"/>
  <c r="AD73828" i="1"/>
  <c r="AD73829" i="1"/>
  <c r="AD73830" i="1"/>
  <c r="AD73831" i="1"/>
  <c r="AD73832" i="1"/>
  <c r="AD73833" i="1"/>
  <c r="AD73834" i="1"/>
  <c r="AD73835" i="1"/>
  <c r="AD73836" i="1"/>
  <c r="AD73837" i="1"/>
  <c r="AD73838" i="1"/>
  <c r="AD73839" i="1"/>
  <c r="AD73840" i="1"/>
  <c r="AD73841" i="1"/>
  <c r="AD73842" i="1"/>
  <c r="AD73843" i="1"/>
  <c r="AD73844" i="1"/>
  <c r="AD73845" i="1"/>
  <c r="AD73846" i="1"/>
  <c r="AD73847" i="1"/>
  <c r="AD73848" i="1"/>
  <c r="AD73849" i="1"/>
  <c r="AD73850" i="1"/>
  <c r="AD73851" i="1"/>
  <c r="AD73852" i="1"/>
  <c r="AD73853" i="1"/>
  <c r="AD73854" i="1"/>
  <c r="AD73855" i="1"/>
  <c r="AD73856" i="1"/>
  <c r="AD73857" i="1"/>
  <c r="AD73858" i="1"/>
  <c r="AD73859" i="1"/>
  <c r="AD73860" i="1"/>
  <c r="AD73861" i="1"/>
  <c r="AD73862" i="1"/>
  <c r="AD73863" i="1"/>
  <c r="AD73864" i="1"/>
  <c r="AD73865" i="1"/>
  <c r="AD73866" i="1"/>
  <c r="AD73867" i="1"/>
  <c r="AD73868" i="1"/>
  <c r="AD73869" i="1"/>
  <c r="AD73870" i="1"/>
  <c r="AD73871" i="1"/>
  <c r="AD73872" i="1"/>
  <c r="AD73873" i="1"/>
  <c r="AD73874" i="1"/>
  <c r="AD73875" i="1"/>
  <c r="AD73876" i="1"/>
  <c r="AD73877" i="1"/>
  <c r="AD73878" i="1"/>
  <c r="AD73879" i="1"/>
  <c r="AD73880" i="1"/>
  <c r="AD73881" i="1"/>
  <c r="AD73882" i="1"/>
  <c r="AD73883" i="1"/>
  <c r="AD73884" i="1"/>
  <c r="AD73885" i="1"/>
  <c r="AD73886" i="1"/>
  <c r="AD73887" i="1"/>
  <c r="AD73888" i="1"/>
  <c r="AD73889" i="1"/>
  <c r="AD73890" i="1"/>
  <c r="AD73891" i="1"/>
  <c r="AD73892" i="1"/>
  <c r="AD73893" i="1"/>
  <c r="AD73894" i="1"/>
  <c r="AD73895" i="1"/>
  <c r="AD73896" i="1"/>
  <c r="AD73897" i="1"/>
  <c r="AD73898" i="1"/>
  <c r="AD73899" i="1"/>
  <c r="AD73900" i="1"/>
  <c r="AD73901" i="1"/>
  <c r="AD73902" i="1"/>
  <c r="AD73903" i="1"/>
  <c r="AD73904" i="1"/>
  <c r="AD73905" i="1"/>
  <c r="AD73906" i="1"/>
  <c r="AD73907" i="1"/>
  <c r="AD73908" i="1"/>
  <c r="AD73909" i="1"/>
  <c r="AD73910" i="1"/>
  <c r="AD73911" i="1"/>
  <c r="AD73912" i="1"/>
  <c r="AD73913" i="1"/>
  <c r="AD73914" i="1"/>
  <c r="AD73915" i="1"/>
  <c r="AD73916" i="1"/>
  <c r="AD73917" i="1"/>
  <c r="AD73918" i="1"/>
  <c r="AD73919" i="1"/>
  <c r="AD73920" i="1"/>
  <c r="AD73921" i="1"/>
  <c r="AD73922" i="1"/>
  <c r="AD73923" i="1"/>
  <c r="AD73924" i="1"/>
  <c r="AD73925" i="1"/>
  <c r="AD73926" i="1"/>
  <c r="AD73927" i="1"/>
  <c r="AD73928" i="1"/>
  <c r="AD73929" i="1"/>
  <c r="AD73930" i="1"/>
  <c r="AD73931" i="1"/>
  <c r="AD73932" i="1"/>
  <c r="AD73933" i="1"/>
  <c r="AD73934" i="1"/>
  <c r="AD73935" i="1"/>
  <c r="AD73936" i="1"/>
  <c r="AD73937" i="1"/>
  <c r="AD73938" i="1"/>
  <c r="AD73939" i="1"/>
  <c r="AD73940" i="1"/>
  <c r="AD73941" i="1"/>
  <c r="AD73942" i="1"/>
  <c r="AD73943" i="1"/>
  <c r="AD73944" i="1"/>
  <c r="AD73945" i="1"/>
  <c r="AD73946" i="1"/>
  <c r="AD73947" i="1"/>
  <c r="AD73948" i="1"/>
  <c r="AD73949" i="1"/>
  <c r="AD73950" i="1"/>
  <c r="AD73951" i="1"/>
  <c r="AD73952" i="1"/>
  <c r="AD73953" i="1"/>
  <c r="AD73954" i="1"/>
  <c r="AD73955" i="1"/>
  <c r="AD73956" i="1"/>
  <c r="AD73957" i="1"/>
  <c r="AD73958" i="1"/>
  <c r="AD73959" i="1"/>
  <c r="AD73960" i="1"/>
  <c r="AD73961" i="1"/>
  <c r="AD73962" i="1"/>
  <c r="AD73963" i="1"/>
  <c r="AD73964" i="1"/>
  <c r="AD73965" i="1"/>
  <c r="AD73966" i="1"/>
  <c r="AD73967" i="1"/>
  <c r="AD73968" i="1"/>
  <c r="AD73969" i="1"/>
  <c r="AD73970" i="1"/>
  <c r="AD73971" i="1"/>
  <c r="AD73972" i="1"/>
  <c r="AD73973" i="1"/>
  <c r="AD73974" i="1"/>
  <c r="AD73975" i="1"/>
  <c r="AD73976" i="1"/>
  <c r="AD73977" i="1"/>
  <c r="AD73978" i="1"/>
  <c r="AD73979" i="1"/>
  <c r="AD73980" i="1"/>
  <c r="AD73981" i="1"/>
  <c r="AD73982" i="1"/>
  <c r="AD73983" i="1"/>
  <c r="AD73984" i="1"/>
  <c r="AD73985" i="1"/>
  <c r="AD73986" i="1"/>
  <c r="AD73987" i="1"/>
  <c r="AD73988" i="1"/>
  <c r="AD73989" i="1"/>
  <c r="AD73990" i="1"/>
  <c r="AD73991" i="1"/>
  <c r="AD73992" i="1"/>
  <c r="AD73993" i="1"/>
  <c r="AD73994" i="1"/>
  <c r="AD73995" i="1"/>
  <c r="AD73996" i="1"/>
  <c r="AD73997" i="1"/>
  <c r="AD73998" i="1"/>
  <c r="AD73999" i="1"/>
  <c r="AD74000" i="1"/>
  <c r="AD74001" i="1"/>
  <c r="AD74002" i="1"/>
  <c r="AD74003" i="1"/>
  <c r="AD74004" i="1"/>
  <c r="AD74005" i="1"/>
  <c r="AD74006" i="1"/>
  <c r="AD74007" i="1"/>
  <c r="AD74008" i="1"/>
  <c r="AD74009" i="1"/>
  <c r="AD74010" i="1"/>
  <c r="AD74011" i="1"/>
  <c r="AD74012" i="1"/>
  <c r="AD74013" i="1"/>
  <c r="AD74014" i="1"/>
  <c r="AD74015" i="1"/>
  <c r="AD74016" i="1"/>
  <c r="AD74017" i="1"/>
  <c r="AD74018" i="1"/>
  <c r="AD74019" i="1"/>
  <c r="AD74020" i="1"/>
  <c r="AD74021" i="1"/>
  <c r="AD74022" i="1"/>
  <c r="AD74023" i="1"/>
  <c r="AD74024" i="1"/>
  <c r="AD74025" i="1"/>
  <c r="AD74026" i="1"/>
  <c r="AD74027" i="1"/>
  <c r="AD74028" i="1"/>
  <c r="AD74029" i="1"/>
  <c r="AD74030" i="1"/>
  <c r="AD74031" i="1"/>
  <c r="AD74032" i="1"/>
  <c r="AD74033" i="1"/>
  <c r="AD74034" i="1"/>
  <c r="AD74035" i="1"/>
  <c r="AD74036" i="1"/>
  <c r="AD74037" i="1"/>
  <c r="AD74038" i="1"/>
  <c r="AD74039" i="1"/>
  <c r="AD74040" i="1"/>
  <c r="AD74041" i="1"/>
  <c r="AD74042" i="1"/>
  <c r="AD74043" i="1"/>
  <c r="AD74044" i="1"/>
  <c r="AD74045" i="1"/>
  <c r="AD74046" i="1"/>
  <c r="AD74047" i="1"/>
  <c r="AD74048" i="1"/>
  <c r="AD74049" i="1"/>
  <c r="AD74050" i="1"/>
  <c r="AD74051" i="1"/>
  <c r="AD74052" i="1"/>
  <c r="AD74053" i="1"/>
  <c r="AD74054" i="1"/>
  <c r="AD74055" i="1"/>
  <c r="AD74056" i="1"/>
  <c r="AD74057" i="1"/>
  <c r="AD74058" i="1"/>
  <c r="AD74059" i="1"/>
  <c r="AD74060" i="1"/>
  <c r="AD74061" i="1"/>
  <c r="AD74062" i="1"/>
  <c r="AD74063" i="1"/>
  <c r="AD74064" i="1"/>
  <c r="AD74065" i="1"/>
  <c r="AD74066" i="1"/>
  <c r="AD74067" i="1"/>
  <c r="AD74068" i="1"/>
  <c r="AD74069" i="1"/>
  <c r="AD74070" i="1"/>
  <c r="AD74071" i="1"/>
  <c r="AD74072" i="1"/>
  <c r="AD74073" i="1"/>
  <c r="AD74074" i="1"/>
  <c r="AD74075" i="1"/>
  <c r="AD74076" i="1"/>
  <c r="AD74077" i="1"/>
  <c r="AD74078" i="1"/>
  <c r="AD74079" i="1"/>
  <c r="AD74080" i="1"/>
  <c r="AD74081" i="1"/>
  <c r="AD74082" i="1"/>
  <c r="AD74083" i="1"/>
  <c r="AD74084" i="1"/>
  <c r="AD74085" i="1"/>
  <c r="AD74086" i="1"/>
  <c r="AD74087" i="1"/>
  <c r="AD74088" i="1"/>
  <c r="AD74089" i="1"/>
  <c r="AD74090" i="1"/>
  <c r="AD74091" i="1"/>
  <c r="AD74092" i="1"/>
  <c r="AD74093" i="1"/>
  <c r="AD74094" i="1"/>
  <c r="AD74095" i="1"/>
  <c r="AD74096" i="1"/>
  <c r="AD74097" i="1"/>
  <c r="AD74098" i="1"/>
  <c r="AD74099" i="1"/>
  <c r="AD74100" i="1"/>
  <c r="AD74101" i="1"/>
  <c r="AD74102" i="1"/>
  <c r="AD74103" i="1"/>
  <c r="AD74104" i="1"/>
  <c r="AD74105" i="1"/>
  <c r="AD74106" i="1"/>
  <c r="AD74107" i="1"/>
  <c r="AD74108" i="1"/>
  <c r="AD74109" i="1"/>
  <c r="AD74110" i="1"/>
  <c r="AD74111" i="1"/>
  <c r="AD74112" i="1"/>
  <c r="AD74113" i="1"/>
  <c r="AD74114" i="1"/>
  <c r="AD74115" i="1"/>
  <c r="AD74116" i="1"/>
  <c r="AD74117" i="1"/>
  <c r="AD74118" i="1"/>
  <c r="AD74119" i="1"/>
  <c r="AD74120" i="1"/>
  <c r="AD74121" i="1"/>
  <c r="AD74122" i="1"/>
  <c r="AD74123" i="1"/>
  <c r="AD74124" i="1"/>
  <c r="AD74125" i="1"/>
  <c r="AD74126" i="1"/>
  <c r="AD74127" i="1"/>
  <c r="AD74128" i="1"/>
  <c r="AD74129" i="1"/>
  <c r="AD74130" i="1"/>
  <c r="AD74131" i="1"/>
  <c r="AD74132" i="1"/>
  <c r="AD74133" i="1"/>
  <c r="AD74134" i="1"/>
  <c r="AD74135" i="1"/>
  <c r="AD74136" i="1"/>
  <c r="AD74137" i="1"/>
  <c r="AD74138" i="1"/>
  <c r="AD74139" i="1"/>
  <c r="AD74140" i="1"/>
  <c r="AD74141" i="1"/>
  <c r="AD74142" i="1"/>
  <c r="AD74143" i="1"/>
  <c r="AD74144" i="1"/>
  <c r="AD74145" i="1"/>
  <c r="AD74146" i="1"/>
  <c r="AD74147" i="1"/>
  <c r="AD74148" i="1"/>
  <c r="AD74149" i="1"/>
  <c r="AD74150" i="1"/>
  <c r="AD74151" i="1"/>
  <c r="AD74152" i="1"/>
  <c r="AD74153" i="1"/>
  <c r="AD74154" i="1"/>
  <c r="AD74155" i="1"/>
  <c r="AD74156" i="1"/>
  <c r="AD74157" i="1"/>
  <c r="AD74158" i="1"/>
  <c r="AD74159" i="1"/>
  <c r="AD74160" i="1"/>
  <c r="AD74161" i="1"/>
  <c r="AD74162" i="1"/>
  <c r="AD74163" i="1"/>
  <c r="AD74164" i="1"/>
  <c r="AD74165" i="1"/>
  <c r="AD74166" i="1"/>
  <c r="AD74167" i="1"/>
  <c r="AD74168" i="1"/>
  <c r="AD74169" i="1"/>
  <c r="AD74170" i="1"/>
  <c r="AD74171" i="1"/>
  <c r="AD74172" i="1"/>
  <c r="AD74173" i="1"/>
  <c r="AD74174" i="1"/>
  <c r="AD74175" i="1"/>
  <c r="AD74176" i="1"/>
  <c r="AD74177" i="1"/>
  <c r="AD74178" i="1"/>
  <c r="AD74179" i="1"/>
  <c r="AD74180" i="1"/>
  <c r="AD74181" i="1"/>
  <c r="AD74182" i="1"/>
  <c r="AD74183" i="1"/>
  <c r="AD74184" i="1"/>
  <c r="AD74185" i="1"/>
  <c r="AD74186" i="1"/>
  <c r="AD74187" i="1"/>
  <c r="AD74188" i="1"/>
  <c r="AD74189" i="1"/>
  <c r="AD74190" i="1"/>
  <c r="AD74191" i="1"/>
  <c r="AD74192" i="1"/>
  <c r="AD74193" i="1"/>
  <c r="AD74194" i="1"/>
  <c r="AD74195" i="1"/>
  <c r="AD74196" i="1"/>
  <c r="AD74197" i="1"/>
  <c r="AD74198" i="1"/>
  <c r="AD74199" i="1"/>
  <c r="AD74200" i="1"/>
  <c r="AD74201" i="1"/>
  <c r="AD74202" i="1"/>
  <c r="AD74203" i="1"/>
  <c r="AD74204" i="1"/>
  <c r="AD74205" i="1"/>
  <c r="AD74206" i="1"/>
  <c r="AD74207" i="1"/>
  <c r="AD74208" i="1"/>
  <c r="AD74209" i="1"/>
  <c r="AD74210" i="1"/>
  <c r="AD74211" i="1"/>
  <c r="AD74212" i="1"/>
  <c r="AD74213" i="1"/>
  <c r="AD74214" i="1"/>
  <c r="AD74215" i="1"/>
  <c r="AD74216" i="1"/>
  <c r="AD74217" i="1"/>
  <c r="AD74218" i="1"/>
  <c r="AD74219" i="1"/>
  <c r="AD74220" i="1"/>
  <c r="AD74221" i="1"/>
  <c r="AD74222" i="1"/>
  <c r="AD74223" i="1"/>
  <c r="AD74224" i="1"/>
  <c r="AD74225" i="1"/>
  <c r="AD74226" i="1"/>
  <c r="AD74227" i="1"/>
  <c r="AD74228" i="1"/>
  <c r="AD74229" i="1"/>
  <c r="AD74230" i="1"/>
  <c r="AD74231" i="1"/>
  <c r="AD74232" i="1"/>
  <c r="AD74233" i="1"/>
  <c r="AD74234" i="1"/>
  <c r="AD74235" i="1"/>
  <c r="AD74236" i="1"/>
  <c r="AD74237" i="1"/>
  <c r="AD74238" i="1"/>
  <c r="AD74239" i="1"/>
  <c r="AD74240" i="1"/>
  <c r="AD74241" i="1"/>
  <c r="AD74242" i="1"/>
  <c r="AD74243" i="1"/>
  <c r="AD74244" i="1"/>
  <c r="AD74245" i="1"/>
  <c r="AD74246" i="1"/>
  <c r="AD74247" i="1"/>
  <c r="AD74248" i="1"/>
  <c r="AD74249" i="1"/>
  <c r="AD74250" i="1"/>
  <c r="AD74251" i="1"/>
  <c r="AD74252" i="1"/>
  <c r="AD74253" i="1"/>
  <c r="AD74254" i="1"/>
  <c r="AD74255" i="1"/>
  <c r="AD74256" i="1"/>
  <c r="AD74257" i="1"/>
  <c r="AD74258" i="1"/>
  <c r="AD74259" i="1"/>
  <c r="AD74260" i="1"/>
  <c r="AD74261" i="1"/>
  <c r="AD74262" i="1"/>
  <c r="AD74263" i="1"/>
  <c r="AD74264" i="1"/>
  <c r="AD74265" i="1"/>
  <c r="AD74266" i="1"/>
  <c r="AD74267" i="1"/>
  <c r="AD74268" i="1"/>
  <c r="AD74269" i="1"/>
  <c r="AD74270" i="1"/>
  <c r="AD74271" i="1"/>
  <c r="AD74272" i="1"/>
  <c r="AD74273" i="1"/>
  <c r="AD74274" i="1"/>
  <c r="AD74275" i="1"/>
  <c r="AD74276" i="1"/>
  <c r="AD74277" i="1"/>
  <c r="AD74278" i="1"/>
  <c r="AD74279" i="1"/>
  <c r="AD74280" i="1"/>
  <c r="AD74281" i="1"/>
  <c r="AD74282" i="1"/>
  <c r="AD74283" i="1"/>
  <c r="AD74284" i="1"/>
  <c r="AD74285" i="1"/>
  <c r="AD74286" i="1"/>
  <c r="AD74287" i="1"/>
  <c r="AD74288" i="1"/>
  <c r="AD74289" i="1"/>
  <c r="AD74290" i="1"/>
  <c r="AD74291" i="1"/>
  <c r="AD74292" i="1"/>
  <c r="AD74293" i="1"/>
  <c r="AD74294" i="1"/>
  <c r="AD74295" i="1"/>
  <c r="AD74296" i="1"/>
  <c r="AD74297" i="1"/>
  <c r="AD74298" i="1"/>
  <c r="AD74299" i="1"/>
  <c r="AD74300" i="1"/>
  <c r="AD74301" i="1"/>
  <c r="AD74302" i="1"/>
  <c r="AD74303" i="1"/>
  <c r="AD74304" i="1"/>
  <c r="AD74305" i="1"/>
  <c r="AD74306" i="1"/>
  <c r="AD74307" i="1"/>
  <c r="AD74308" i="1"/>
  <c r="AD74309" i="1"/>
  <c r="AD74310" i="1"/>
  <c r="AD74311" i="1"/>
  <c r="AD74312" i="1"/>
  <c r="AD74313" i="1"/>
  <c r="AD74314" i="1"/>
  <c r="AD74315" i="1"/>
  <c r="AD74316" i="1"/>
  <c r="AD74317" i="1"/>
  <c r="AD74318" i="1"/>
  <c r="AD74319" i="1"/>
  <c r="AD74320" i="1"/>
  <c r="AD74321" i="1"/>
  <c r="AD74322" i="1"/>
  <c r="AD74323" i="1"/>
  <c r="AD74324" i="1"/>
  <c r="AD74325" i="1"/>
  <c r="AD74326" i="1"/>
  <c r="AD74327" i="1"/>
  <c r="AD74328" i="1"/>
  <c r="AD74329" i="1"/>
  <c r="AD74330" i="1"/>
  <c r="AD74331" i="1"/>
  <c r="AD74332" i="1"/>
  <c r="AD74333" i="1"/>
  <c r="AD74334" i="1"/>
  <c r="AD74335" i="1"/>
  <c r="AD74336" i="1"/>
  <c r="AD74337" i="1"/>
  <c r="AD74338" i="1"/>
  <c r="AD74339" i="1"/>
  <c r="AD74340" i="1"/>
  <c r="AD74341" i="1"/>
  <c r="AD74342" i="1"/>
  <c r="AD74343" i="1"/>
  <c r="AD74344" i="1"/>
  <c r="AD74345" i="1"/>
  <c r="AD74346" i="1"/>
  <c r="AD74347" i="1"/>
  <c r="AD74348" i="1"/>
  <c r="AD74349" i="1"/>
  <c r="AD74350" i="1"/>
  <c r="AD74351" i="1"/>
  <c r="AD74352" i="1"/>
  <c r="AD74353" i="1"/>
  <c r="AD74354" i="1"/>
  <c r="AD74355" i="1"/>
  <c r="AD74356" i="1"/>
  <c r="AD74357" i="1"/>
  <c r="AD74358" i="1"/>
  <c r="AD74359" i="1"/>
  <c r="AD74360" i="1"/>
  <c r="AD74361" i="1"/>
  <c r="AD74362" i="1"/>
  <c r="AD74363" i="1"/>
  <c r="AD74364" i="1"/>
  <c r="AD74365" i="1"/>
  <c r="AD74366" i="1"/>
  <c r="AD74367" i="1"/>
  <c r="AD74368" i="1"/>
  <c r="AD74369" i="1"/>
  <c r="AD74370" i="1"/>
  <c r="AD74371" i="1"/>
  <c r="AD74372" i="1"/>
  <c r="AD74373" i="1"/>
  <c r="AD74374" i="1"/>
  <c r="AD74375" i="1"/>
  <c r="AD74376" i="1"/>
  <c r="AD74377" i="1"/>
  <c r="AD74378" i="1"/>
  <c r="AD74379" i="1"/>
  <c r="AD74380" i="1"/>
  <c r="AD74381" i="1"/>
  <c r="AD74382" i="1"/>
  <c r="AD74383" i="1"/>
  <c r="AD74384" i="1"/>
  <c r="AD74385" i="1"/>
  <c r="AD74386" i="1"/>
  <c r="AD74387" i="1"/>
  <c r="AD74388" i="1"/>
  <c r="AD74389" i="1"/>
  <c r="AD74390" i="1"/>
  <c r="AD74391" i="1"/>
  <c r="AD74392" i="1"/>
  <c r="AD74393" i="1"/>
  <c r="AD74394" i="1"/>
  <c r="AD74395" i="1"/>
  <c r="AD74396" i="1"/>
  <c r="AD74397" i="1"/>
  <c r="AD74398" i="1"/>
  <c r="AD74399" i="1"/>
  <c r="AD74400" i="1"/>
  <c r="AD74401" i="1"/>
  <c r="AD74402" i="1"/>
  <c r="AD74403" i="1"/>
  <c r="AD74404" i="1"/>
  <c r="AD74405" i="1"/>
  <c r="AD74406" i="1"/>
  <c r="AD74407" i="1"/>
  <c r="AD74408" i="1"/>
  <c r="AD74409" i="1"/>
  <c r="AD74410" i="1"/>
  <c r="AD74411" i="1"/>
  <c r="AD74412" i="1"/>
  <c r="AD74413" i="1"/>
  <c r="AD74414" i="1"/>
  <c r="AD74415" i="1"/>
  <c r="AD74416" i="1"/>
  <c r="AD74417" i="1"/>
  <c r="AD74418" i="1"/>
  <c r="AD74419" i="1"/>
  <c r="AD74420" i="1"/>
  <c r="AD74421" i="1"/>
  <c r="AD74422" i="1"/>
  <c r="AD74423" i="1"/>
  <c r="AD74424" i="1"/>
  <c r="AD74425" i="1"/>
  <c r="AD74426" i="1"/>
  <c r="AD74427" i="1"/>
  <c r="AD74428" i="1"/>
  <c r="AD74429" i="1"/>
  <c r="AD74430" i="1"/>
  <c r="AD74431" i="1"/>
  <c r="AD74432" i="1"/>
  <c r="AD74433" i="1"/>
  <c r="AD74434" i="1"/>
  <c r="AD74435" i="1"/>
  <c r="AD74436" i="1"/>
  <c r="AD74437" i="1"/>
  <c r="AD74438" i="1"/>
  <c r="AD74439" i="1"/>
  <c r="AD74440" i="1"/>
  <c r="AD74441" i="1"/>
  <c r="AD74442" i="1"/>
  <c r="AD74443" i="1"/>
  <c r="AD74444" i="1"/>
  <c r="AD74445" i="1"/>
  <c r="AD74446" i="1"/>
  <c r="AD74447" i="1"/>
  <c r="AD74448" i="1"/>
  <c r="AD74449" i="1"/>
  <c r="AD74450" i="1"/>
  <c r="AD74451" i="1"/>
  <c r="AD74452" i="1"/>
  <c r="AD74453" i="1"/>
  <c r="AD74454" i="1"/>
  <c r="AD74455" i="1"/>
  <c r="AD74456" i="1"/>
  <c r="AD74457" i="1"/>
  <c r="AD74458" i="1"/>
  <c r="AD74459" i="1"/>
  <c r="AD74460" i="1"/>
  <c r="AD74461" i="1"/>
  <c r="AD74462" i="1"/>
  <c r="AD74463" i="1"/>
  <c r="AD74464" i="1"/>
  <c r="AD74465" i="1"/>
  <c r="AD74466" i="1"/>
  <c r="AD74467" i="1"/>
  <c r="AD74468" i="1"/>
  <c r="AD74469" i="1"/>
  <c r="AD74470" i="1"/>
  <c r="AD74471" i="1"/>
  <c r="AD74472" i="1"/>
  <c r="AD74473" i="1"/>
  <c r="AD74474" i="1"/>
  <c r="AD74475" i="1"/>
  <c r="AD74476" i="1"/>
  <c r="AD74477" i="1"/>
  <c r="AD74478" i="1"/>
  <c r="AD74479" i="1"/>
  <c r="AD74480" i="1"/>
  <c r="AD74481" i="1"/>
  <c r="AD74482" i="1"/>
  <c r="AD74483" i="1"/>
  <c r="AD74484" i="1"/>
  <c r="AD74485" i="1"/>
  <c r="AD74486" i="1"/>
  <c r="AD74487" i="1"/>
  <c r="AD74488" i="1"/>
  <c r="AD74489" i="1"/>
  <c r="AD74490" i="1"/>
  <c r="AD74491" i="1"/>
  <c r="AD74492" i="1"/>
  <c r="AD74493" i="1"/>
  <c r="AD74494" i="1"/>
  <c r="AD74495" i="1"/>
  <c r="AD74496" i="1"/>
  <c r="AD74497" i="1"/>
  <c r="AD74498" i="1"/>
  <c r="AD74499" i="1"/>
  <c r="AD74500" i="1"/>
  <c r="AD74501" i="1"/>
  <c r="AD74502" i="1"/>
  <c r="AD74503" i="1"/>
  <c r="AD74504" i="1"/>
  <c r="AD74505" i="1"/>
  <c r="AD74506" i="1"/>
  <c r="AD74507" i="1"/>
  <c r="AD74508" i="1"/>
  <c r="AD74509" i="1"/>
  <c r="AD74510" i="1"/>
  <c r="AD74511" i="1"/>
  <c r="AD74512" i="1"/>
  <c r="AD74513" i="1"/>
  <c r="AD74514" i="1"/>
  <c r="AD74515" i="1"/>
  <c r="AD74516" i="1"/>
  <c r="AD74517" i="1"/>
  <c r="AD74518" i="1"/>
  <c r="AD74519" i="1"/>
  <c r="AD74520" i="1"/>
  <c r="AD74521" i="1"/>
  <c r="AD74522" i="1"/>
  <c r="AD74523" i="1"/>
  <c r="AD74524" i="1"/>
  <c r="AD74525" i="1"/>
  <c r="AD74526" i="1"/>
  <c r="AD74527" i="1"/>
  <c r="AD74528" i="1"/>
  <c r="AD74529" i="1"/>
  <c r="AD74530" i="1"/>
  <c r="AD74531" i="1"/>
  <c r="AD74532" i="1"/>
  <c r="AD74533" i="1"/>
  <c r="AD74534" i="1"/>
  <c r="AD74535" i="1"/>
  <c r="AD74536" i="1"/>
  <c r="AD74537" i="1"/>
  <c r="AD74538" i="1"/>
  <c r="AD74539" i="1"/>
  <c r="AD74540" i="1"/>
  <c r="AD74541" i="1"/>
  <c r="AD74542" i="1"/>
  <c r="AD74543" i="1"/>
  <c r="AD74544" i="1"/>
  <c r="AD74545" i="1"/>
  <c r="AD74546" i="1"/>
  <c r="AD74547" i="1"/>
  <c r="AD74548" i="1"/>
  <c r="AD74549" i="1"/>
  <c r="AD74550" i="1"/>
  <c r="AD74551" i="1"/>
  <c r="AD74552" i="1"/>
  <c r="AD74553" i="1"/>
  <c r="AD74554" i="1"/>
  <c r="AD74555" i="1"/>
  <c r="AD74556" i="1"/>
  <c r="AD74557" i="1"/>
  <c r="AD74558" i="1"/>
  <c r="AD74559" i="1"/>
  <c r="AD74560" i="1"/>
  <c r="AD74561" i="1"/>
  <c r="AD74562" i="1"/>
  <c r="AD74563" i="1"/>
  <c r="AD74564" i="1"/>
  <c r="AD74565" i="1"/>
  <c r="AD74566" i="1"/>
  <c r="AD74567" i="1"/>
  <c r="AD74568" i="1"/>
  <c r="AD74569" i="1"/>
  <c r="AD74570" i="1"/>
  <c r="AD74571" i="1"/>
  <c r="AD74572" i="1"/>
  <c r="AD74573" i="1"/>
  <c r="AD74574" i="1"/>
  <c r="AD74575" i="1"/>
  <c r="AD74576" i="1"/>
  <c r="AD74577" i="1"/>
  <c r="AD74578" i="1"/>
  <c r="AD74579" i="1"/>
  <c r="AD74580" i="1"/>
  <c r="AD74581" i="1"/>
  <c r="AD74582" i="1"/>
  <c r="AD74583" i="1"/>
  <c r="AD74584" i="1"/>
  <c r="AD74585" i="1"/>
  <c r="AD74586" i="1"/>
  <c r="AD74587" i="1"/>
  <c r="AD74588" i="1"/>
  <c r="AD74589" i="1"/>
  <c r="AD74590" i="1"/>
  <c r="AD74591" i="1"/>
  <c r="AD74592" i="1"/>
  <c r="AD74593" i="1"/>
  <c r="AD74594" i="1"/>
  <c r="AD74595" i="1"/>
  <c r="AD74596" i="1"/>
  <c r="AD74597" i="1"/>
  <c r="AD74598" i="1"/>
  <c r="AD74599" i="1"/>
  <c r="AD74600" i="1"/>
  <c r="AD74601" i="1"/>
  <c r="AD74602" i="1"/>
  <c r="AD74603" i="1"/>
  <c r="AD74604" i="1"/>
  <c r="AD74605" i="1"/>
  <c r="AD74606" i="1"/>
  <c r="AD74607" i="1"/>
  <c r="AD74608" i="1"/>
  <c r="AD74609" i="1"/>
  <c r="AD74610" i="1"/>
  <c r="AD74611" i="1"/>
  <c r="AD74612" i="1"/>
  <c r="AD74613" i="1"/>
  <c r="AD74614" i="1"/>
  <c r="AD74615" i="1"/>
  <c r="AD74616" i="1"/>
  <c r="AD74617" i="1"/>
  <c r="AD74618" i="1"/>
  <c r="AD74619" i="1"/>
  <c r="AD74620" i="1"/>
  <c r="AD74621" i="1"/>
  <c r="AD74622" i="1"/>
  <c r="AD74623" i="1"/>
  <c r="AD74624" i="1"/>
  <c r="AD74625" i="1"/>
  <c r="AD74626" i="1"/>
  <c r="AD74627" i="1"/>
  <c r="AD74628" i="1"/>
  <c r="AD74629" i="1"/>
  <c r="AD74630" i="1"/>
  <c r="AD74631" i="1"/>
  <c r="AD74632" i="1"/>
  <c r="AD74633" i="1"/>
  <c r="AD74634" i="1"/>
  <c r="AD74635" i="1"/>
  <c r="AD74636" i="1"/>
  <c r="AD74637" i="1"/>
  <c r="AD74638" i="1"/>
  <c r="AD74639" i="1"/>
  <c r="AD74640" i="1"/>
  <c r="AD74641" i="1"/>
  <c r="AD74642" i="1"/>
  <c r="AD74643" i="1"/>
  <c r="AD74644" i="1"/>
  <c r="AD74645" i="1"/>
  <c r="AD74646" i="1"/>
  <c r="AD74647" i="1"/>
  <c r="AD74648" i="1"/>
  <c r="AD74649" i="1"/>
  <c r="AD74650" i="1"/>
  <c r="AD74651" i="1"/>
  <c r="AD74652" i="1"/>
  <c r="AD74653" i="1"/>
  <c r="AD74654" i="1"/>
  <c r="AD74655" i="1"/>
  <c r="AD74656" i="1"/>
  <c r="AD74657" i="1"/>
  <c r="AD74658" i="1"/>
  <c r="AD74659" i="1"/>
  <c r="AD74660" i="1"/>
  <c r="AD74661" i="1"/>
  <c r="AD74662" i="1"/>
  <c r="AD74663" i="1"/>
  <c r="AD74664" i="1"/>
  <c r="AD74665" i="1"/>
  <c r="AD74666" i="1"/>
  <c r="AD74667" i="1"/>
  <c r="AD74668" i="1"/>
  <c r="AD74669" i="1"/>
  <c r="AD74670" i="1"/>
  <c r="AD74671" i="1"/>
  <c r="AD74672" i="1"/>
  <c r="AD74673" i="1"/>
  <c r="AD74674" i="1"/>
  <c r="AD74675" i="1"/>
  <c r="AD74676" i="1"/>
  <c r="AD74677" i="1"/>
  <c r="AD74678" i="1"/>
  <c r="AD74679" i="1"/>
  <c r="AD74680" i="1"/>
  <c r="AD74681" i="1"/>
  <c r="AD74682" i="1"/>
  <c r="AD74683" i="1"/>
  <c r="AD74684" i="1"/>
  <c r="AD74685" i="1"/>
  <c r="AD74686" i="1"/>
  <c r="AD74687" i="1"/>
  <c r="AD74688" i="1"/>
  <c r="AD74689" i="1"/>
  <c r="AD74690" i="1"/>
  <c r="AD74691" i="1"/>
  <c r="AD74692" i="1"/>
  <c r="AD74693" i="1"/>
  <c r="AD74694" i="1"/>
  <c r="AD74695" i="1"/>
  <c r="AD74696" i="1"/>
  <c r="AD74697" i="1"/>
  <c r="AD74698" i="1"/>
  <c r="AD74699" i="1"/>
  <c r="AD74700" i="1"/>
  <c r="AD74701" i="1"/>
  <c r="AD74702" i="1"/>
  <c r="AD74703" i="1"/>
  <c r="AD74704" i="1"/>
  <c r="AD74705" i="1"/>
  <c r="AD74706" i="1"/>
  <c r="AD74707" i="1"/>
  <c r="AD74708" i="1"/>
  <c r="AD74709" i="1"/>
  <c r="AD74710" i="1"/>
  <c r="AD74711" i="1"/>
  <c r="AD74712" i="1"/>
  <c r="AD74713" i="1"/>
  <c r="AD74714" i="1"/>
  <c r="AD74715" i="1"/>
  <c r="AD74716" i="1"/>
  <c r="AD74717" i="1"/>
  <c r="AD74718" i="1"/>
  <c r="AD74719" i="1"/>
  <c r="AD74720" i="1"/>
  <c r="AD74721" i="1"/>
  <c r="AD74722" i="1"/>
  <c r="AD74723" i="1"/>
  <c r="AD74724" i="1"/>
  <c r="AD74725" i="1"/>
  <c r="AD74726" i="1"/>
  <c r="AD74727" i="1"/>
  <c r="AD74728" i="1"/>
  <c r="AD74729" i="1"/>
  <c r="AD74730" i="1"/>
  <c r="AD74731" i="1"/>
  <c r="AD74732" i="1"/>
  <c r="AD74733" i="1"/>
  <c r="AD74734" i="1"/>
  <c r="AD74735" i="1"/>
  <c r="AD74736" i="1"/>
  <c r="AD74737" i="1"/>
  <c r="AD74738" i="1"/>
  <c r="AD74739" i="1"/>
  <c r="AD74740" i="1"/>
  <c r="AD74741" i="1"/>
  <c r="AD74742" i="1"/>
  <c r="AD74743" i="1"/>
  <c r="AD74744" i="1"/>
  <c r="AD74745" i="1"/>
  <c r="AD74746" i="1"/>
  <c r="AD74747" i="1"/>
  <c r="AD74748" i="1"/>
  <c r="AD74749" i="1"/>
  <c r="AD74750" i="1"/>
  <c r="AD74751" i="1"/>
  <c r="AD74752" i="1"/>
  <c r="AD74753" i="1"/>
  <c r="AD74754" i="1"/>
  <c r="AD74755" i="1"/>
  <c r="AD74756" i="1"/>
  <c r="AD74757" i="1"/>
  <c r="AD74758" i="1"/>
  <c r="AD74759" i="1"/>
  <c r="AD74760" i="1"/>
  <c r="AD74761" i="1"/>
  <c r="AD74762" i="1"/>
  <c r="AD74763" i="1"/>
  <c r="AD74764" i="1"/>
  <c r="AD74765" i="1"/>
  <c r="AD74766" i="1"/>
  <c r="AD74767" i="1"/>
  <c r="AD74768" i="1"/>
  <c r="AD74769" i="1"/>
  <c r="AD74770" i="1"/>
  <c r="AD74771" i="1"/>
  <c r="AD74772" i="1"/>
  <c r="AD74773" i="1"/>
  <c r="AD74774" i="1"/>
  <c r="AD74775" i="1"/>
  <c r="AD74776" i="1"/>
  <c r="AD74777" i="1"/>
  <c r="AD74778" i="1"/>
  <c r="AD74779" i="1"/>
  <c r="AD74780" i="1"/>
  <c r="AD74781" i="1"/>
  <c r="AD74782" i="1"/>
  <c r="AD74783" i="1"/>
  <c r="AD74784" i="1"/>
  <c r="AD74785" i="1"/>
  <c r="AD74786" i="1"/>
  <c r="AD74787" i="1"/>
  <c r="AD74788" i="1"/>
  <c r="AD74789" i="1"/>
  <c r="AD74790" i="1"/>
  <c r="AD74791" i="1"/>
  <c r="AD74792" i="1"/>
  <c r="AD74793" i="1"/>
  <c r="AD74794" i="1"/>
  <c r="AD74795" i="1"/>
  <c r="AD74796" i="1"/>
  <c r="AD74797" i="1"/>
  <c r="AD74798" i="1"/>
  <c r="AD74799" i="1"/>
  <c r="AD74800" i="1"/>
  <c r="AD74801" i="1"/>
  <c r="AD74802" i="1"/>
  <c r="AD74803" i="1"/>
  <c r="AD74804" i="1"/>
  <c r="AD74805" i="1"/>
  <c r="AD74806" i="1"/>
  <c r="AD74807" i="1"/>
  <c r="AD74808" i="1"/>
  <c r="AD74809" i="1"/>
  <c r="AD74810" i="1"/>
  <c r="AD74811" i="1"/>
  <c r="AD74812" i="1"/>
  <c r="AD74813" i="1"/>
  <c r="AD74814" i="1"/>
  <c r="AD74815" i="1"/>
  <c r="AD74816" i="1"/>
  <c r="AD74817" i="1"/>
  <c r="AD74818" i="1"/>
  <c r="AD74819" i="1"/>
  <c r="AD74820" i="1"/>
  <c r="AD74821" i="1"/>
  <c r="AD74822" i="1"/>
  <c r="AD74823" i="1"/>
  <c r="AD74824" i="1"/>
  <c r="AD74825" i="1"/>
  <c r="AD74826" i="1"/>
  <c r="AD74827" i="1"/>
  <c r="AD74828" i="1"/>
  <c r="AD74829" i="1"/>
  <c r="AD74830" i="1"/>
  <c r="AD74831" i="1"/>
  <c r="AD74832" i="1"/>
  <c r="AD74833" i="1"/>
  <c r="AD74834" i="1"/>
  <c r="AD74835" i="1"/>
  <c r="AD74836" i="1"/>
  <c r="AD74837" i="1"/>
  <c r="AD74838" i="1"/>
  <c r="AD74839" i="1"/>
  <c r="AD74840" i="1"/>
  <c r="AD74841" i="1"/>
  <c r="AD74842" i="1"/>
  <c r="AD74843" i="1"/>
  <c r="AD74844" i="1"/>
  <c r="AD74845" i="1"/>
  <c r="AD74846" i="1"/>
  <c r="AD74847" i="1"/>
  <c r="AD74848" i="1"/>
  <c r="AD74849" i="1"/>
  <c r="AD74850" i="1"/>
  <c r="AD74851" i="1"/>
  <c r="AD74852" i="1"/>
  <c r="AD74853" i="1"/>
  <c r="AD74854" i="1"/>
  <c r="AD74855" i="1"/>
  <c r="AD74856" i="1"/>
  <c r="AD74857" i="1"/>
  <c r="AD74858" i="1"/>
  <c r="AD74859" i="1"/>
  <c r="AD74860" i="1"/>
  <c r="AD74861" i="1"/>
  <c r="AD74862" i="1"/>
  <c r="AD74863" i="1"/>
  <c r="AD74864" i="1"/>
  <c r="AD74865" i="1"/>
  <c r="AD74866" i="1"/>
  <c r="AD74867" i="1"/>
  <c r="AD74868" i="1"/>
  <c r="AD74869" i="1"/>
  <c r="AD74870" i="1"/>
  <c r="AD74871" i="1"/>
  <c r="AD74872" i="1"/>
  <c r="AD74873" i="1"/>
  <c r="AD74874" i="1"/>
  <c r="AD74875" i="1"/>
  <c r="AD74876" i="1"/>
  <c r="AD74877" i="1"/>
  <c r="AD74878" i="1"/>
  <c r="AD74879" i="1"/>
  <c r="AD74880" i="1"/>
  <c r="AD74881" i="1"/>
  <c r="AD74882" i="1"/>
  <c r="AD74883" i="1"/>
  <c r="AD74884" i="1"/>
  <c r="AD74885" i="1"/>
  <c r="AD74886" i="1"/>
  <c r="AD74887" i="1"/>
  <c r="AD74888" i="1"/>
  <c r="AD74889" i="1"/>
  <c r="AD74890" i="1"/>
  <c r="AD74891" i="1"/>
  <c r="AD74892" i="1"/>
  <c r="AD74893" i="1"/>
  <c r="AD74894" i="1"/>
  <c r="AD74895" i="1"/>
  <c r="AD74896" i="1"/>
  <c r="AD74897" i="1"/>
  <c r="AD74898" i="1"/>
  <c r="AD74899" i="1"/>
  <c r="AD74900" i="1"/>
  <c r="AD74901" i="1"/>
  <c r="AD74902" i="1"/>
  <c r="AD74903" i="1"/>
  <c r="AD74904" i="1"/>
  <c r="AD74905" i="1"/>
  <c r="AD74906" i="1"/>
  <c r="AD74907" i="1"/>
  <c r="AD74908" i="1"/>
  <c r="AD74909" i="1"/>
  <c r="AD74910" i="1"/>
  <c r="AD74911" i="1"/>
  <c r="AD74912" i="1"/>
  <c r="AD74913" i="1"/>
  <c r="AD74914" i="1"/>
  <c r="AD74915" i="1"/>
  <c r="AD74916" i="1"/>
  <c r="AD74917" i="1"/>
  <c r="AD74918" i="1"/>
  <c r="AD74919" i="1"/>
  <c r="AD74920" i="1"/>
  <c r="AD74921" i="1"/>
  <c r="AD74922" i="1"/>
  <c r="AD74923" i="1"/>
  <c r="AD74924" i="1"/>
  <c r="AD74925" i="1"/>
  <c r="AD74926" i="1"/>
  <c r="AD74927" i="1"/>
  <c r="AD74928" i="1"/>
  <c r="AD74929" i="1"/>
  <c r="AD74930" i="1"/>
  <c r="AD74931" i="1"/>
  <c r="AD74932" i="1"/>
  <c r="AD74933" i="1"/>
  <c r="AD74934" i="1"/>
  <c r="AD74935" i="1"/>
  <c r="AD74936" i="1"/>
  <c r="AD74937" i="1"/>
  <c r="AD74938" i="1"/>
  <c r="AD74939" i="1"/>
  <c r="AD74940" i="1"/>
  <c r="AD74941" i="1"/>
  <c r="AD74942" i="1"/>
  <c r="AD74943" i="1"/>
  <c r="AD74944" i="1"/>
  <c r="AD74945" i="1"/>
  <c r="AD74946" i="1"/>
  <c r="AD74947" i="1"/>
  <c r="AD74948" i="1"/>
  <c r="AD74949" i="1"/>
  <c r="AD74950" i="1"/>
  <c r="AD74951" i="1"/>
  <c r="AD74952" i="1"/>
  <c r="AD74953" i="1"/>
  <c r="AD74954" i="1"/>
  <c r="AD74955" i="1"/>
  <c r="AD74956" i="1"/>
  <c r="AD74957" i="1"/>
  <c r="AD74958" i="1"/>
  <c r="AD74959" i="1"/>
  <c r="AD74960" i="1"/>
  <c r="AD74961" i="1"/>
  <c r="AD74962" i="1"/>
  <c r="AD74963" i="1"/>
  <c r="AD74964" i="1"/>
  <c r="AD74965" i="1"/>
  <c r="AD74966" i="1"/>
  <c r="AD74967" i="1"/>
  <c r="AD74968" i="1"/>
  <c r="AD74969" i="1"/>
  <c r="AD74970" i="1"/>
  <c r="AD74971" i="1"/>
  <c r="AD74972" i="1"/>
  <c r="AD74973" i="1"/>
  <c r="AD74974" i="1"/>
  <c r="AD74975" i="1"/>
  <c r="AD74976" i="1"/>
  <c r="AD74977" i="1"/>
  <c r="AD74978" i="1"/>
  <c r="AD74979" i="1"/>
  <c r="AD74980" i="1"/>
  <c r="AD74981" i="1"/>
  <c r="AD74982" i="1"/>
  <c r="AD74983" i="1"/>
  <c r="AD74984" i="1"/>
  <c r="AD74985" i="1"/>
  <c r="AD74986" i="1"/>
  <c r="AD74987" i="1"/>
  <c r="AD74988" i="1"/>
  <c r="AD74989" i="1"/>
  <c r="AD74990" i="1"/>
  <c r="AD74991" i="1"/>
  <c r="AD74992" i="1"/>
  <c r="AD74993" i="1"/>
  <c r="AD74994" i="1"/>
  <c r="AD74995" i="1"/>
  <c r="AD74996" i="1"/>
  <c r="AD74997" i="1"/>
  <c r="AD74998" i="1"/>
  <c r="AD74999" i="1"/>
  <c r="AD75000" i="1"/>
  <c r="AD75001" i="1"/>
  <c r="AD75002" i="1"/>
  <c r="AD75003" i="1"/>
  <c r="AD75004" i="1"/>
  <c r="AD75005" i="1"/>
  <c r="AD75006" i="1"/>
  <c r="AD75007" i="1"/>
  <c r="AD75008" i="1"/>
  <c r="AD75009" i="1"/>
  <c r="AD75010" i="1"/>
  <c r="AD75011" i="1"/>
  <c r="AD75012" i="1"/>
  <c r="AD75013" i="1"/>
  <c r="AD75014" i="1"/>
  <c r="AD75015" i="1"/>
  <c r="AD75016" i="1"/>
  <c r="AD75017" i="1"/>
  <c r="AD75018" i="1"/>
  <c r="AD75019" i="1"/>
  <c r="AD75020" i="1"/>
  <c r="AD75021" i="1"/>
  <c r="AD75022" i="1"/>
  <c r="AD75023" i="1"/>
  <c r="AD75024" i="1"/>
  <c r="AD75025" i="1"/>
  <c r="AD75026" i="1"/>
  <c r="AD75027" i="1"/>
  <c r="AD75028" i="1"/>
  <c r="AD75029" i="1"/>
  <c r="AD75030" i="1"/>
  <c r="AD75031" i="1"/>
  <c r="AD75032" i="1"/>
  <c r="AD75033" i="1"/>
  <c r="AD75034" i="1"/>
  <c r="AD75035" i="1"/>
  <c r="AD75036" i="1"/>
  <c r="AD75037" i="1"/>
  <c r="AD75038" i="1"/>
  <c r="AD75039" i="1"/>
  <c r="AD75040" i="1"/>
  <c r="AD75041" i="1"/>
  <c r="AD75042" i="1"/>
  <c r="AD75043" i="1"/>
  <c r="AD75044" i="1"/>
  <c r="AD75045" i="1"/>
  <c r="AD75046" i="1"/>
  <c r="AD75047" i="1"/>
  <c r="AD75048" i="1"/>
  <c r="AD75049" i="1"/>
  <c r="AD75050" i="1"/>
  <c r="AD75051" i="1"/>
  <c r="AD75052" i="1"/>
  <c r="AD75053" i="1"/>
  <c r="AD75054" i="1"/>
  <c r="AD75055" i="1"/>
  <c r="AD75056" i="1"/>
  <c r="AD75057" i="1"/>
  <c r="AD75058" i="1"/>
  <c r="AD75059" i="1"/>
  <c r="AD75060" i="1"/>
  <c r="AD75061" i="1"/>
  <c r="AD75062" i="1"/>
  <c r="AD75063" i="1"/>
  <c r="AD75064" i="1"/>
  <c r="AD75065" i="1"/>
  <c r="AD75066" i="1"/>
  <c r="AD75067" i="1"/>
  <c r="AD75068" i="1"/>
  <c r="AD75069" i="1"/>
  <c r="AD75070" i="1"/>
  <c r="AD75071" i="1"/>
  <c r="AD75072" i="1"/>
  <c r="AD75073" i="1"/>
  <c r="AD75074" i="1"/>
  <c r="AD75075" i="1"/>
  <c r="AD75076" i="1"/>
  <c r="AD75077" i="1"/>
  <c r="AD75078" i="1"/>
  <c r="AD75079" i="1"/>
  <c r="AD75080" i="1"/>
  <c r="AD75081" i="1"/>
  <c r="AD75082" i="1"/>
  <c r="AD75083" i="1"/>
  <c r="AD75084" i="1"/>
  <c r="AD75085" i="1"/>
  <c r="AD75086" i="1"/>
  <c r="AD75087" i="1"/>
  <c r="AD75088" i="1"/>
  <c r="AD75089" i="1"/>
  <c r="AD75090" i="1"/>
  <c r="AD75091" i="1"/>
  <c r="AD75092" i="1"/>
  <c r="AD75093" i="1"/>
  <c r="AD75094" i="1"/>
  <c r="AD75095" i="1"/>
  <c r="AD75096" i="1"/>
  <c r="AD75097" i="1"/>
  <c r="AD75098" i="1"/>
  <c r="AD75099" i="1"/>
  <c r="AD75100" i="1"/>
  <c r="AD75101" i="1"/>
  <c r="AD75102" i="1"/>
  <c r="AD75103" i="1"/>
  <c r="AD75104" i="1"/>
  <c r="AD75105" i="1"/>
  <c r="AD75106" i="1"/>
  <c r="AD75107" i="1"/>
  <c r="AD75108" i="1"/>
  <c r="AD75109" i="1"/>
  <c r="AD75110" i="1"/>
  <c r="AD75111" i="1"/>
  <c r="AD75112" i="1"/>
  <c r="AD75113" i="1"/>
  <c r="AD75114" i="1"/>
  <c r="AD75115" i="1"/>
  <c r="AD75116" i="1"/>
  <c r="AD75117" i="1"/>
  <c r="AD75118" i="1"/>
  <c r="AD75119" i="1"/>
  <c r="AD75120" i="1"/>
  <c r="AD75121" i="1"/>
  <c r="AD75122" i="1"/>
  <c r="AD75123" i="1"/>
  <c r="AD75124" i="1"/>
  <c r="AD75125" i="1"/>
  <c r="AD75126" i="1"/>
  <c r="AD75127" i="1"/>
  <c r="AD75128" i="1"/>
  <c r="AD75129" i="1"/>
  <c r="AD75130" i="1"/>
  <c r="AD75131" i="1"/>
  <c r="AD75132" i="1"/>
  <c r="AD75133" i="1"/>
  <c r="AD75134" i="1"/>
  <c r="AD75135" i="1"/>
  <c r="AD75136" i="1"/>
  <c r="AD75137" i="1"/>
  <c r="AD75138" i="1"/>
  <c r="AD75139" i="1"/>
  <c r="AD75140" i="1"/>
  <c r="AD75141" i="1"/>
  <c r="AD75142" i="1"/>
  <c r="AD75143" i="1"/>
  <c r="AD75144" i="1"/>
  <c r="AD75145" i="1"/>
  <c r="AD75146" i="1"/>
  <c r="AD75147" i="1"/>
  <c r="AD75148" i="1"/>
  <c r="AD75149" i="1"/>
  <c r="AD75150" i="1"/>
  <c r="AD75151" i="1"/>
  <c r="AD75152" i="1"/>
  <c r="AD75153" i="1"/>
  <c r="AD75154" i="1"/>
  <c r="AD75155" i="1"/>
  <c r="AD75156" i="1"/>
  <c r="AD75157" i="1"/>
  <c r="AD75158" i="1"/>
  <c r="AD75159" i="1"/>
  <c r="AD75160" i="1"/>
  <c r="AD75161" i="1"/>
  <c r="AD75162" i="1"/>
  <c r="AD75163" i="1"/>
  <c r="AD75164" i="1"/>
  <c r="AD75165" i="1"/>
  <c r="AD75166" i="1"/>
  <c r="AD75167" i="1"/>
  <c r="AD75168" i="1"/>
  <c r="AD75169" i="1"/>
  <c r="AD75170" i="1"/>
  <c r="AD75171" i="1"/>
  <c r="AD75172" i="1"/>
  <c r="AD75173" i="1"/>
  <c r="AD75174" i="1"/>
  <c r="AD75175" i="1"/>
  <c r="AD75176" i="1"/>
  <c r="AD75177" i="1"/>
  <c r="AD75178" i="1"/>
  <c r="AD75179" i="1"/>
  <c r="AD75180" i="1"/>
  <c r="AD75181" i="1"/>
  <c r="AD75182" i="1"/>
  <c r="AD75183" i="1"/>
  <c r="AD75184" i="1"/>
  <c r="AD75185" i="1"/>
  <c r="AD75186" i="1"/>
  <c r="AD75187" i="1"/>
  <c r="AD75188" i="1"/>
  <c r="AD75189" i="1"/>
  <c r="AD75190" i="1"/>
  <c r="AD75191" i="1"/>
  <c r="AD75192" i="1"/>
  <c r="AD75193" i="1"/>
  <c r="AD75194" i="1"/>
  <c r="AD75195" i="1"/>
  <c r="AD75196" i="1"/>
  <c r="AD75197" i="1"/>
  <c r="AD75198" i="1"/>
  <c r="AD75199" i="1"/>
  <c r="AD75200" i="1"/>
  <c r="AD75201" i="1"/>
  <c r="AD75202" i="1"/>
  <c r="AD75203" i="1"/>
  <c r="AD75204" i="1"/>
  <c r="AD75205" i="1"/>
  <c r="AD75206" i="1"/>
  <c r="AD75207" i="1"/>
  <c r="AD75208" i="1"/>
  <c r="AD75209" i="1"/>
  <c r="AD75210" i="1"/>
  <c r="AD75211" i="1"/>
  <c r="AD75212" i="1"/>
  <c r="AD75213" i="1"/>
  <c r="AD75214" i="1"/>
  <c r="AD75215" i="1"/>
  <c r="AD75216" i="1"/>
  <c r="AD75217" i="1"/>
  <c r="AD75218" i="1"/>
  <c r="AD75219" i="1"/>
  <c r="AD75220" i="1"/>
  <c r="AD75221" i="1"/>
  <c r="AD75222" i="1"/>
  <c r="AD75223" i="1"/>
  <c r="AD75224" i="1"/>
  <c r="AD75225" i="1"/>
  <c r="AD75226" i="1"/>
  <c r="AD75227" i="1"/>
  <c r="AD75228" i="1"/>
  <c r="AD75229" i="1"/>
  <c r="AD75230" i="1"/>
  <c r="AD75231" i="1"/>
  <c r="AD75232" i="1"/>
  <c r="AD75233" i="1"/>
  <c r="AD75234" i="1"/>
  <c r="AD75235" i="1"/>
  <c r="AD75236" i="1"/>
  <c r="AD75237" i="1"/>
  <c r="AD75238" i="1"/>
  <c r="AD75239" i="1"/>
  <c r="AD75240" i="1"/>
  <c r="AD75241" i="1"/>
  <c r="AD75242" i="1"/>
  <c r="AD75243" i="1"/>
  <c r="AD75244" i="1"/>
  <c r="AD75245" i="1"/>
  <c r="AD75246" i="1"/>
  <c r="AD75247" i="1"/>
  <c r="AD75248" i="1"/>
  <c r="AD75249" i="1"/>
  <c r="AD75250" i="1"/>
  <c r="AD75251" i="1"/>
  <c r="AD75252" i="1"/>
  <c r="AD75253" i="1"/>
  <c r="AD75254" i="1"/>
  <c r="AD75255" i="1"/>
  <c r="AD75256" i="1"/>
  <c r="AD75257" i="1"/>
  <c r="AD75258" i="1"/>
  <c r="AD75259" i="1"/>
  <c r="AD75260" i="1"/>
  <c r="AD75261" i="1"/>
  <c r="AD75262" i="1"/>
  <c r="AD75263" i="1"/>
  <c r="AD75264" i="1"/>
  <c r="AD75265" i="1"/>
  <c r="AD75266" i="1"/>
  <c r="AD75267" i="1"/>
  <c r="AD75268" i="1"/>
  <c r="AD75269" i="1"/>
  <c r="AD75270" i="1"/>
  <c r="AD75271" i="1"/>
  <c r="AD75272" i="1"/>
  <c r="AD75273" i="1"/>
  <c r="AD75274" i="1"/>
  <c r="AD75275" i="1"/>
  <c r="AD75276" i="1"/>
  <c r="AD75277" i="1"/>
  <c r="AD75278" i="1"/>
  <c r="AD75279" i="1"/>
  <c r="AD75280" i="1"/>
  <c r="AD75281" i="1"/>
  <c r="AD75282" i="1"/>
  <c r="AD75283" i="1"/>
  <c r="AD75284" i="1"/>
  <c r="AD75285" i="1"/>
  <c r="AD75286" i="1"/>
  <c r="AD75287" i="1"/>
  <c r="AD75288" i="1"/>
  <c r="AD75289" i="1"/>
  <c r="AD75290" i="1"/>
  <c r="AD75291" i="1"/>
  <c r="AD75292" i="1"/>
  <c r="AD75293" i="1"/>
  <c r="AD75294" i="1"/>
  <c r="AD75295" i="1"/>
  <c r="AD75296" i="1"/>
  <c r="AD75297" i="1"/>
  <c r="AD75298" i="1"/>
  <c r="AD75299" i="1"/>
  <c r="AD75300" i="1"/>
  <c r="AD75301" i="1"/>
  <c r="AD75302" i="1"/>
  <c r="AD75303" i="1"/>
  <c r="AD75304" i="1"/>
  <c r="AD75305" i="1"/>
  <c r="AD75306" i="1"/>
  <c r="AD75307" i="1"/>
  <c r="AD75308" i="1"/>
  <c r="AD75309" i="1"/>
  <c r="AD75310" i="1"/>
  <c r="AD75311" i="1"/>
  <c r="AD75312" i="1"/>
  <c r="AD75313" i="1"/>
  <c r="AD75314" i="1"/>
  <c r="AD75315" i="1"/>
  <c r="AD75316" i="1"/>
  <c r="AD75317" i="1"/>
  <c r="AD75318" i="1"/>
  <c r="AD75319" i="1"/>
  <c r="AD75320" i="1"/>
  <c r="AD75321" i="1"/>
  <c r="AD75322" i="1"/>
  <c r="AD75323" i="1"/>
  <c r="AD75324" i="1"/>
  <c r="AD75325" i="1"/>
  <c r="AD75326" i="1"/>
  <c r="AD75327" i="1"/>
  <c r="AD75328" i="1"/>
  <c r="AD75329" i="1"/>
  <c r="AD75330" i="1"/>
  <c r="AD75331" i="1"/>
  <c r="AD75332" i="1"/>
  <c r="AD75333" i="1"/>
  <c r="AD75334" i="1"/>
  <c r="AD75335" i="1"/>
  <c r="AD75336" i="1"/>
  <c r="AD75337" i="1"/>
  <c r="AD75338" i="1"/>
  <c r="AD75339" i="1"/>
  <c r="AD75340" i="1"/>
  <c r="AD75341" i="1"/>
  <c r="AD75342" i="1"/>
  <c r="AD75343" i="1"/>
  <c r="AD75344" i="1"/>
  <c r="AD75345" i="1"/>
  <c r="AD75346" i="1"/>
  <c r="AD75347" i="1"/>
  <c r="AD75348" i="1"/>
  <c r="AD75349" i="1"/>
  <c r="AD75350" i="1"/>
  <c r="AD75351" i="1"/>
  <c r="AD75352" i="1"/>
  <c r="AD75353" i="1"/>
  <c r="AD75354" i="1"/>
  <c r="AD75355" i="1"/>
  <c r="AD75356" i="1"/>
  <c r="AD75357" i="1"/>
  <c r="AD75358" i="1"/>
  <c r="AD75359" i="1"/>
  <c r="AD75360" i="1"/>
  <c r="AD75361" i="1"/>
  <c r="AD75362" i="1"/>
  <c r="AD75363" i="1"/>
  <c r="AD75364" i="1"/>
  <c r="AD75365" i="1"/>
  <c r="AD75366" i="1"/>
  <c r="AD75367" i="1"/>
  <c r="AD75368" i="1"/>
  <c r="AD75369" i="1"/>
  <c r="AD75370" i="1"/>
  <c r="AD75371" i="1"/>
  <c r="AD75372" i="1"/>
  <c r="AD75373" i="1"/>
  <c r="AD75374" i="1"/>
  <c r="AD75375" i="1"/>
  <c r="AD75376" i="1"/>
  <c r="AD75377" i="1"/>
  <c r="AD75378" i="1"/>
  <c r="AD75379" i="1"/>
  <c r="AD75380" i="1"/>
  <c r="AD75381" i="1"/>
  <c r="AD75382" i="1"/>
  <c r="AD75383" i="1"/>
  <c r="AD75384" i="1"/>
  <c r="AD75385" i="1"/>
  <c r="AD75386" i="1"/>
  <c r="AD75387" i="1"/>
  <c r="AD75388" i="1"/>
  <c r="AD75389" i="1"/>
  <c r="AD75390" i="1"/>
  <c r="AD75391" i="1"/>
  <c r="AD75392" i="1"/>
  <c r="AD75393" i="1"/>
  <c r="AD75394" i="1"/>
  <c r="AD75395" i="1"/>
  <c r="AD75396" i="1"/>
  <c r="AD75397" i="1"/>
  <c r="AD75398" i="1"/>
  <c r="AD75399" i="1"/>
  <c r="AD75400" i="1"/>
  <c r="AD75401" i="1"/>
  <c r="AD75402" i="1"/>
  <c r="AD75403" i="1"/>
  <c r="AD75404" i="1"/>
  <c r="AD75405" i="1"/>
  <c r="AD75406" i="1"/>
  <c r="AD75407" i="1"/>
  <c r="AD75408" i="1"/>
  <c r="AD75409" i="1"/>
  <c r="AD75410" i="1"/>
  <c r="AD75411" i="1"/>
  <c r="AD75412" i="1"/>
  <c r="AD75413" i="1"/>
  <c r="AD75414" i="1"/>
  <c r="AD75415" i="1"/>
  <c r="AD75416" i="1"/>
  <c r="AD75417" i="1"/>
  <c r="AD75418" i="1"/>
  <c r="AD75419" i="1"/>
  <c r="AD75420" i="1"/>
  <c r="AD75421" i="1"/>
  <c r="AD75422" i="1"/>
  <c r="AD75423" i="1"/>
  <c r="AD75424" i="1"/>
  <c r="AD75425" i="1"/>
  <c r="AD75426" i="1"/>
  <c r="AD75427" i="1"/>
  <c r="AD75428" i="1"/>
  <c r="AD75429" i="1"/>
  <c r="AD75430" i="1"/>
  <c r="AD75431" i="1"/>
  <c r="AD75432" i="1"/>
  <c r="AD75433" i="1"/>
  <c r="AD75434" i="1"/>
  <c r="AD75435" i="1"/>
  <c r="AD75436" i="1"/>
  <c r="AD75437" i="1"/>
  <c r="AD75438" i="1"/>
  <c r="AD75439" i="1"/>
  <c r="AD75440" i="1"/>
  <c r="AD75441" i="1"/>
  <c r="AD75442" i="1"/>
  <c r="AD75443" i="1"/>
  <c r="AD75444" i="1"/>
  <c r="AD75445" i="1"/>
  <c r="AD75446" i="1"/>
  <c r="AD75447" i="1"/>
  <c r="AD75448" i="1"/>
  <c r="AD75449" i="1"/>
  <c r="AD75450" i="1"/>
  <c r="AD75451" i="1"/>
  <c r="AD75452" i="1"/>
  <c r="AD75453" i="1"/>
  <c r="AD75454" i="1"/>
  <c r="AD75455" i="1"/>
  <c r="AD75456" i="1"/>
  <c r="AD75457" i="1"/>
  <c r="AD75458" i="1"/>
  <c r="AD75459" i="1"/>
  <c r="AD75460" i="1"/>
  <c r="AD75461" i="1"/>
  <c r="AD75462" i="1"/>
  <c r="AD75463" i="1"/>
  <c r="AD75464" i="1"/>
  <c r="AD75465" i="1"/>
  <c r="AD75466" i="1"/>
  <c r="AD75467" i="1"/>
  <c r="AD75468" i="1"/>
  <c r="AD75469" i="1"/>
  <c r="AD75470" i="1"/>
  <c r="AD75471" i="1"/>
  <c r="AD75472" i="1"/>
  <c r="AD75473" i="1"/>
  <c r="AD75474" i="1"/>
  <c r="AD75475" i="1"/>
  <c r="AD75476" i="1"/>
  <c r="AD75477" i="1"/>
  <c r="AD75478" i="1"/>
  <c r="AD75479" i="1"/>
  <c r="AD75480" i="1"/>
  <c r="AD75481" i="1"/>
  <c r="AD75482" i="1"/>
  <c r="AD75483" i="1"/>
  <c r="AD75484" i="1"/>
  <c r="AD75485" i="1"/>
  <c r="AD75486" i="1"/>
  <c r="AD75487" i="1"/>
  <c r="AD75488" i="1"/>
  <c r="AD75489" i="1"/>
  <c r="AD75490" i="1"/>
  <c r="AD75491" i="1"/>
  <c r="AD75492" i="1"/>
  <c r="AD75493" i="1"/>
  <c r="AD75494" i="1"/>
  <c r="AD75495" i="1"/>
  <c r="AD75496" i="1"/>
  <c r="AD75497" i="1"/>
  <c r="AD75498" i="1"/>
  <c r="AD75499" i="1"/>
  <c r="AD75500" i="1"/>
  <c r="AD75501" i="1"/>
  <c r="AD75502" i="1"/>
  <c r="AD75503" i="1"/>
  <c r="AD75504" i="1"/>
  <c r="AD75505" i="1"/>
  <c r="AD75506" i="1"/>
  <c r="AD75507" i="1"/>
  <c r="AD75508" i="1"/>
  <c r="AD75509" i="1"/>
  <c r="AD75510" i="1"/>
  <c r="AD75511" i="1"/>
  <c r="AD75512" i="1"/>
  <c r="AD75513" i="1"/>
  <c r="AD75514" i="1"/>
  <c r="AD75515" i="1"/>
  <c r="AD75516" i="1"/>
  <c r="AD75517" i="1"/>
  <c r="AD75518" i="1"/>
  <c r="AD75519" i="1"/>
  <c r="AD75520" i="1"/>
  <c r="AD75521" i="1"/>
  <c r="AD75522" i="1"/>
  <c r="AD75523" i="1"/>
  <c r="AD75524" i="1"/>
  <c r="AD75525" i="1"/>
  <c r="AD75526" i="1"/>
  <c r="AD75527" i="1"/>
  <c r="AD75528" i="1"/>
  <c r="AD75529" i="1"/>
  <c r="AD75530" i="1"/>
  <c r="AD75531" i="1"/>
  <c r="AD75532" i="1"/>
  <c r="AD75533" i="1"/>
  <c r="AD75534" i="1"/>
  <c r="AD75535" i="1"/>
  <c r="AD75536" i="1"/>
  <c r="AD75537" i="1"/>
  <c r="AD75538" i="1"/>
  <c r="AD75539" i="1"/>
  <c r="AD75540" i="1"/>
  <c r="AD75541" i="1"/>
  <c r="AD75542" i="1"/>
  <c r="AD75543" i="1"/>
  <c r="AD75544" i="1"/>
  <c r="AD75545" i="1"/>
  <c r="AD75546" i="1"/>
  <c r="AD75547" i="1"/>
  <c r="AD75548" i="1"/>
  <c r="AD75549" i="1"/>
  <c r="AD75550" i="1"/>
  <c r="AD75551" i="1"/>
  <c r="AD75552" i="1"/>
  <c r="AD75553" i="1"/>
  <c r="AD75554" i="1"/>
  <c r="AD75555" i="1"/>
  <c r="AD75556" i="1"/>
  <c r="AD75557" i="1"/>
  <c r="AD75558" i="1"/>
  <c r="AD75559" i="1"/>
  <c r="AD75560" i="1"/>
  <c r="AD75561" i="1"/>
  <c r="AD75562" i="1"/>
  <c r="AD75563" i="1"/>
  <c r="AD75564" i="1"/>
  <c r="AD75565" i="1"/>
  <c r="AD75566" i="1"/>
  <c r="AD75567" i="1"/>
  <c r="AD75568" i="1"/>
  <c r="AD75569" i="1"/>
  <c r="AD75570" i="1"/>
  <c r="AD75571" i="1"/>
  <c r="AD75572" i="1"/>
  <c r="AD75573" i="1"/>
  <c r="AD75574" i="1"/>
  <c r="AD75575" i="1"/>
  <c r="AD75576" i="1"/>
  <c r="AD75577" i="1"/>
  <c r="AD75578" i="1"/>
  <c r="AD75579" i="1"/>
  <c r="AD75580" i="1"/>
  <c r="AD75581" i="1"/>
  <c r="AD75582" i="1"/>
  <c r="AD75583" i="1"/>
  <c r="AD75584" i="1"/>
  <c r="AD75585" i="1"/>
  <c r="AD75586" i="1"/>
  <c r="AD75587" i="1"/>
  <c r="AD75588" i="1"/>
  <c r="AD75589" i="1"/>
  <c r="AD75590" i="1"/>
  <c r="AD75591" i="1"/>
  <c r="AD75592" i="1"/>
  <c r="AD75593" i="1"/>
  <c r="AD75594" i="1"/>
  <c r="AD75595" i="1"/>
  <c r="AD75596" i="1"/>
  <c r="AD75597" i="1"/>
  <c r="AD75598" i="1"/>
  <c r="AD75599" i="1"/>
  <c r="AD75600" i="1"/>
  <c r="AD75601" i="1"/>
  <c r="AD75602" i="1"/>
  <c r="AD75603" i="1"/>
  <c r="AD75604" i="1"/>
  <c r="AD75605" i="1"/>
  <c r="AD75606" i="1"/>
  <c r="AD75607" i="1"/>
  <c r="AD75608" i="1"/>
  <c r="AD75609" i="1"/>
  <c r="AD75610" i="1"/>
  <c r="AD75611" i="1"/>
  <c r="AD75612" i="1"/>
  <c r="AD75613" i="1"/>
  <c r="AD75614" i="1"/>
  <c r="AD75615" i="1"/>
  <c r="AD75616" i="1"/>
  <c r="AD75617" i="1"/>
  <c r="AD75618" i="1"/>
  <c r="AD75619" i="1"/>
  <c r="AD75620" i="1"/>
  <c r="AD75621" i="1"/>
  <c r="AD75622" i="1"/>
  <c r="AD75623" i="1"/>
  <c r="AD75624" i="1"/>
  <c r="AD75625" i="1"/>
  <c r="AD75626" i="1"/>
  <c r="AD75627" i="1"/>
  <c r="AD75628" i="1"/>
  <c r="AD75629" i="1"/>
  <c r="AD75630" i="1"/>
  <c r="AD75631" i="1"/>
  <c r="AD75632" i="1"/>
  <c r="AD75633" i="1"/>
  <c r="AD75634" i="1"/>
  <c r="AD75635" i="1"/>
  <c r="AD75636" i="1"/>
  <c r="AD75637" i="1"/>
  <c r="AD75638" i="1"/>
  <c r="AD75639" i="1"/>
  <c r="AD75640" i="1"/>
  <c r="AD75641" i="1"/>
  <c r="AD75642" i="1"/>
  <c r="AD75643" i="1"/>
  <c r="AD75644" i="1"/>
  <c r="AD75645" i="1"/>
  <c r="AD75646" i="1"/>
  <c r="AD75647" i="1"/>
  <c r="AD75648" i="1"/>
  <c r="AD75649" i="1"/>
  <c r="AD75650" i="1"/>
  <c r="AD75651" i="1"/>
  <c r="AD75652" i="1"/>
  <c r="AD75653" i="1"/>
  <c r="AD75654" i="1"/>
  <c r="AD75655" i="1"/>
  <c r="AD75656" i="1"/>
  <c r="AD75657" i="1"/>
  <c r="AD75658" i="1"/>
  <c r="AD75659" i="1"/>
  <c r="AD75660" i="1"/>
  <c r="AD75661" i="1"/>
  <c r="AD75662" i="1"/>
  <c r="AD75663" i="1"/>
  <c r="AD75664" i="1"/>
  <c r="AD75665" i="1"/>
  <c r="AD75666" i="1"/>
  <c r="AD75667" i="1"/>
  <c r="AD75668" i="1"/>
  <c r="AD75669" i="1"/>
  <c r="AD75670" i="1"/>
  <c r="AD75671" i="1"/>
  <c r="AD75672" i="1"/>
  <c r="AD75673" i="1"/>
  <c r="AD75674" i="1"/>
  <c r="AD75675" i="1"/>
  <c r="AD75676" i="1"/>
  <c r="AD75677" i="1"/>
  <c r="AD75678" i="1"/>
  <c r="AD75679" i="1"/>
  <c r="AD75680" i="1"/>
  <c r="AD75681" i="1"/>
  <c r="AD75682" i="1"/>
  <c r="AD75683" i="1"/>
  <c r="AD75684" i="1"/>
  <c r="AD75685" i="1"/>
  <c r="AD75686" i="1"/>
  <c r="AD75687" i="1"/>
  <c r="AD75688" i="1"/>
  <c r="AD75689" i="1"/>
  <c r="AD75690" i="1"/>
  <c r="AD75691" i="1"/>
  <c r="AD75692" i="1"/>
  <c r="AD75693" i="1"/>
  <c r="AD75694" i="1"/>
  <c r="AD75695" i="1"/>
  <c r="AD75696" i="1"/>
  <c r="AD75697" i="1"/>
  <c r="AD75698" i="1"/>
  <c r="AD75699" i="1"/>
  <c r="AD75700" i="1"/>
  <c r="AD75701" i="1"/>
  <c r="AD75702" i="1"/>
  <c r="AD75703" i="1"/>
  <c r="AD75704" i="1"/>
  <c r="AD75705" i="1"/>
  <c r="AD75706" i="1"/>
  <c r="AD75707" i="1"/>
  <c r="AD75708" i="1"/>
  <c r="AD75709" i="1"/>
  <c r="AD75710" i="1"/>
  <c r="AD75711" i="1"/>
  <c r="AD75712" i="1"/>
  <c r="AD75713" i="1"/>
  <c r="AD75714" i="1"/>
  <c r="AD75715" i="1"/>
  <c r="AD75716" i="1"/>
  <c r="AD75717" i="1"/>
  <c r="AD75718" i="1"/>
  <c r="AD75719" i="1"/>
  <c r="AD75720" i="1"/>
  <c r="AD75721" i="1"/>
  <c r="AD75722" i="1"/>
  <c r="AD75723" i="1"/>
  <c r="AD75724" i="1"/>
  <c r="AD75725" i="1"/>
  <c r="AD75726" i="1"/>
  <c r="AD75727" i="1"/>
  <c r="AD75728" i="1"/>
  <c r="AD75729" i="1"/>
  <c r="AD75730" i="1"/>
  <c r="AD75731" i="1"/>
  <c r="AD75732" i="1"/>
  <c r="AD75733" i="1"/>
  <c r="AD75734" i="1"/>
  <c r="AD75735" i="1"/>
  <c r="AD75736" i="1"/>
  <c r="AD75737" i="1"/>
  <c r="AD75738" i="1"/>
  <c r="AD75739" i="1"/>
  <c r="AD75740" i="1"/>
  <c r="AD75741" i="1"/>
  <c r="AD75742" i="1"/>
  <c r="AD75743" i="1"/>
  <c r="AD75744" i="1"/>
  <c r="AD75745" i="1"/>
  <c r="AD75746" i="1"/>
  <c r="AD75747" i="1"/>
  <c r="AD75748" i="1"/>
  <c r="AD75749" i="1"/>
  <c r="AD75750" i="1"/>
  <c r="AD75751" i="1"/>
  <c r="AD75752" i="1"/>
  <c r="AD75753" i="1"/>
  <c r="AD75754" i="1"/>
  <c r="AD75755" i="1"/>
  <c r="AD75756" i="1"/>
  <c r="AD75757" i="1"/>
  <c r="AD75758" i="1"/>
  <c r="AD75759" i="1"/>
  <c r="AD75760" i="1"/>
  <c r="AD75761" i="1"/>
  <c r="AD75762" i="1"/>
  <c r="AD75763" i="1"/>
  <c r="AD75764" i="1"/>
  <c r="AD75765" i="1"/>
  <c r="AD75766" i="1"/>
  <c r="AD75767" i="1"/>
  <c r="AD75768" i="1"/>
  <c r="AD75769" i="1"/>
  <c r="AD75770" i="1"/>
  <c r="AD75771" i="1"/>
  <c r="AD75772" i="1"/>
  <c r="AD75773" i="1"/>
  <c r="AD75774" i="1"/>
  <c r="AD75775" i="1"/>
  <c r="AD75776" i="1"/>
  <c r="AD75777" i="1"/>
  <c r="AD75778" i="1"/>
  <c r="AD75779" i="1"/>
  <c r="AD75780" i="1"/>
  <c r="AD75781" i="1"/>
  <c r="AD75782" i="1"/>
  <c r="AD75783" i="1"/>
  <c r="AD75784" i="1"/>
  <c r="AD75785" i="1"/>
  <c r="AD75786" i="1"/>
  <c r="AD75787" i="1"/>
  <c r="AD75788" i="1"/>
  <c r="AD75789" i="1"/>
  <c r="AD75790" i="1"/>
  <c r="AD75791" i="1"/>
  <c r="AD75792" i="1"/>
  <c r="AD75793" i="1"/>
  <c r="AD75794" i="1"/>
  <c r="AD75795" i="1"/>
  <c r="AD75796" i="1"/>
  <c r="AD75797" i="1"/>
  <c r="AD75798" i="1"/>
  <c r="AD75799" i="1"/>
  <c r="AD75800" i="1"/>
  <c r="AD75801" i="1"/>
  <c r="AD75802" i="1"/>
  <c r="AD75803" i="1"/>
  <c r="AD75804" i="1"/>
  <c r="AD75805" i="1"/>
  <c r="AD75806" i="1"/>
  <c r="AD75807" i="1"/>
  <c r="AD75808" i="1"/>
  <c r="AD75809" i="1"/>
  <c r="AD75810" i="1"/>
  <c r="AD75811" i="1"/>
  <c r="AD75812" i="1"/>
  <c r="AD75813" i="1"/>
  <c r="AD75814" i="1"/>
  <c r="AD75815" i="1"/>
  <c r="AD75816" i="1"/>
  <c r="AD75817" i="1"/>
  <c r="AD75818" i="1"/>
  <c r="AD75819" i="1"/>
  <c r="AD75820" i="1"/>
  <c r="AD75821" i="1"/>
  <c r="AD75822" i="1"/>
  <c r="AD75823" i="1"/>
  <c r="AD75824" i="1"/>
  <c r="AD75825" i="1"/>
  <c r="AD75826" i="1"/>
  <c r="AD75827" i="1"/>
  <c r="AD75828" i="1"/>
  <c r="AD75829" i="1"/>
  <c r="AD75830" i="1"/>
  <c r="AD75831" i="1"/>
  <c r="AD75832" i="1"/>
  <c r="AD75833" i="1"/>
  <c r="AD75834" i="1"/>
  <c r="AD75835" i="1"/>
  <c r="AD75836" i="1"/>
  <c r="AD75837" i="1"/>
  <c r="AD75838" i="1"/>
  <c r="AD75839" i="1"/>
  <c r="AD75840" i="1"/>
  <c r="AD75841" i="1"/>
  <c r="AD75842" i="1"/>
  <c r="AD75843" i="1"/>
  <c r="AD75844" i="1"/>
  <c r="AD75845" i="1"/>
  <c r="AD75846" i="1"/>
  <c r="AD75847" i="1"/>
  <c r="AD75848" i="1"/>
  <c r="AD75849" i="1"/>
  <c r="AD75850" i="1"/>
  <c r="AD75851" i="1"/>
  <c r="AD75852" i="1"/>
  <c r="AD75853" i="1"/>
  <c r="AD75854" i="1"/>
  <c r="AD75855" i="1"/>
  <c r="AD75856" i="1"/>
  <c r="AD75857" i="1"/>
  <c r="AD75858" i="1"/>
  <c r="AD75859" i="1"/>
  <c r="AD75860" i="1"/>
  <c r="AD75861" i="1"/>
  <c r="AD75862" i="1"/>
  <c r="AD75863" i="1"/>
  <c r="AD75864" i="1"/>
  <c r="AD75865" i="1"/>
  <c r="AD75866" i="1"/>
  <c r="AD75867" i="1"/>
  <c r="AD75868" i="1"/>
  <c r="AD75869" i="1"/>
  <c r="AD75870" i="1"/>
  <c r="AD75871" i="1"/>
  <c r="AD75872" i="1"/>
  <c r="AD75873" i="1"/>
  <c r="AD75874" i="1"/>
  <c r="AD75875" i="1"/>
  <c r="AD75876" i="1"/>
  <c r="AD75877" i="1"/>
  <c r="AD75878" i="1"/>
  <c r="AD75879" i="1"/>
  <c r="AD75880" i="1"/>
  <c r="AD75881" i="1"/>
  <c r="AD75882" i="1"/>
  <c r="AD75883" i="1"/>
  <c r="AD75884" i="1"/>
  <c r="AD75885" i="1"/>
  <c r="AD75886" i="1"/>
  <c r="AD75887" i="1"/>
  <c r="AD75888" i="1"/>
  <c r="AD75889" i="1"/>
  <c r="AD75890" i="1"/>
  <c r="AD75891" i="1"/>
  <c r="AD75892" i="1"/>
  <c r="AD75893" i="1"/>
  <c r="AD75894" i="1"/>
  <c r="AD75895" i="1"/>
  <c r="AD75896" i="1"/>
  <c r="AD75897" i="1"/>
  <c r="AD75898" i="1"/>
  <c r="AD75899" i="1"/>
  <c r="AD75900" i="1"/>
  <c r="AD75901" i="1"/>
  <c r="AD75902" i="1"/>
  <c r="AD75903" i="1"/>
  <c r="AD75904" i="1"/>
  <c r="AD75905" i="1"/>
  <c r="AD75906" i="1"/>
  <c r="AD75907" i="1"/>
  <c r="AD75908" i="1"/>
  <c r="AD75909" i="1"/>
  <c r="AD75910" i="1"/>
  <c r="AD75911" i="1"/>
  <c r="AD75912" i="1"/>
  <c r="AD75913" i="1"/>
  <c r="AD75914" i="1"/>
  <c r="AD75915" i="1"/>
  <c r="AD75916" i="1"/>
  <c r="AD75917" i="1"/>
  <c r="AD75918" i="1"/>
  <c r="AD75919" i="1"/>
  <c r="AD75920" i="1"/>
  <c r="AD75921" i="1"/>
  <c r="AD75922" i="1"/>
  <c r="AD75923" i="1"/>
  <c r="AD75924" i="1"/>
  <c r="AD75925" i="1"/>
  <c r="AD75926" i="1"/>
  <c r="AD75927" i="1"/>
  <c r="AD75928" i="1"/>
  <c r="AD75929" i="1"/>
  <c r="AD75930" i="1"/>
  <c r="AD75931" i="1"/>
  <c r="AD75932" i="1"/>
  <c r="AD75933" i="1"/>
  <c r="AD75934" i="1"/>
  <c r="AD75935" i="1"/>
  <c r="AD75936" i="1"/>
  <c r="AD75937" i="1"/>
  <c r="AD75938" i="1"/>
  <c r="AD75939" i="1"/>
  <c r="AD75940" i="1"/>
  <c r="AD75941" i="1"/>
  <c r="AD75942" i="1"/>
  <c r="AD75943" i="1"/>
  <c r="AD75944" i="1"/>
  <c r="AD75945" i="1"/>
  <c r="AD75946" i="1"/>
  <c r="AD75947" i="1"/>
  <c r="AD75948" i="1"/>
  <c r="AD75949" i="1"/>
  <c r="AD75950" i="1"/>
  <c r="AD75951" i="1"/>
  <c r="AD75952" i="1"/>
  <c r="AD75953" i="1"/>
  <c r="AD75954" i="1"/>
  <c r="AD75955" i="1"/>
  <c r="AD75956" i="1"/>
  <c r="AD75957" i="1"/>
  <c r="AD75958" i="1"/>
  <c r="AD75959" i="1"/>
  <c r="AD75960" i="1"/>
  <c r="AD75961" i="1"/>
  <c r="AD75962" i="1"/>
  <c r="AD75963" i="1"/>
  <c r="AD75964" i="1"/>
  <c r="AD75965" i="1"/>
  <c r="AD75966" i="1"/>
  <c r="AD75967" i="1"/>
  <c r="AD75968" i="1"/>
  <c r="AD75969" i="1"/>
  <c r="AD75970" i="1"/>
  <c r="AD75971" i="1"/>
  <c r="AD75972" i="1"/>
  <c r="AD75973" i="1"/>
  <c r="AD75974" i="1"/>
  <c r="AD75975" i="1"/>
  <c r="AD75976" i="1"/>
  <c r="AD75977" i="1"/>
  <c r="AD75978" i="1"/>
  <c r="AD75979" i="1"/>
  <c r="AD75980" i="1"/>
  <c r="AD75981" i="1"/>
  <c r="AD75982" i="1"/>
  <c r="AD75983" i="1"/>
  <c r="AD75984" i="1"/>
  <c r="AD75985" i="1"/>
  <c r="AD75986" i="1"/>
  <c r="AD75987" i="1"/>
  <c r="AD75988" i="1"/>
  <c r="AD75989" i="1"/>
  <c r="AD75990" i="1"/>
  <c r="AD75991" i="1"/>
  <c r="AD75992" i="1"/>
  <c r="AD75993" i="1"/>
  <c r="AD75994" i="1"/>
  <c r="AD75995" i="1"/>
  <c r="AD75996" i="1"/>
  <c r="AD75997" i="1"/>
  <c r="AD75998" i="1"/>
  <c r="AD75999" i="1"/>
  <c r="AD76000" i="1"/>
  <c r="AD76001" i="1"/>
  <c r="AD76002" i="1"/>
  <c r="AD76003" i="1"/>
  <c r="AD76004" i="1"/>
  <c r="AD76005" i="1"/>
  <c r="AD76006" i="1"/>
  <c r="AD76007" i="1"/>
  <c r="AD76008" i="1"/>
  <c r="AD76009" i="1"/>
  <c r="AD76010" i="1"/>
  <c r="AD76011" i="1"/>
  <c r="AD76012" i="1"/>
  <c r="AD76013" i="1"/>
  <c r="AD76014" i="1"/>
  <c r="AD76015" i="1"/>
  <c r="AD76016" i="1"/>
  <c r="AD76017" i="1"/>
  <c r="AD76018" i="1"/>
  <c r="AD76019" i="1"/>
  <c r="AD76020" i="1"/>
  <c r="AD76021" i="1"/>
  <c r="AD76022" i="1"/>
  <c r="AD76023" i="1"/>
  <c r="AD76024" i="1"/>
  <c r="AD76025" i="1"/>
  <c r="AD76026" i="1"/>
  <c r="AD76027" i="1"/>
  <c r="AD76028" i="1"/>
  <c r="AD76029" i="1"/>
  <c r="AD76030" i="1"/>
  <c r="AD76031" i="1"/>
  <c r="AD76032" i="1"/>
  <c r="AD76033" i="1"/>
  <c r="AD76034" i="1"/>
  <c r="AD76035" i="1"/>
  <c r="AD76036" i="1"/>
  <c r="AD76037" i="1"/>
  <c r="AD76038" i="1"/>
  <c r="AD76039" i="1"/>
  <c r="AD76040" i="1"/>
  <c r="AD76041" i="1"/>
  <c r="AD76042" i="1"/>
  <c r="AD76043" i="1"/>
  <c r="AD76044" i="1"/>
  <c r="AD76045" i="1"/>
  <c r="AD76046" i="1"/>
  <c r="AD76047" i="1"/>
  <c r="AD76048" i="1"/>
  <c r="AD76049" i="1"/>
  <c r="AD76050" i="1"/>
  <c r="AD76051" i="1"/>
  <c r="AD76052" i="1"/>
  <c r="AD76053" i="1"/>
  <c r="AD76054" i="1"/>
  <c r="AD76055" i="1"/>
  <c r="AD76056" i="1"/>
  <c r="AD76057" i="1"/>
  <c r="AD76058" i="1"/>
  <c r="AD76059" i="1"/>
  <c r="AD76060" i="1"/>
  <c r="AD76061" i="1"/>
  <c r="AD76062" i="1"/>
  <c r="AD76063" i="1"/>
  <c r="AD76064" i="1"/>
  <c r="AD76065" i="1"/>
  <c r="AD76066" i="1"/>
  <c r="AD76067" i="1"/>
  <c r="AD76068" i="1"/>
  <c r="AD76069" i="1"/>
  <c r="AD76070" i="1"/>
  <c r="AD76071" i="1"/>
  <c r="AD76072" i="1"/>
  <c r="AD76073" i="1"/>
  <c r="AD76074" i="1"/>
  <c r="AD76075" i="1"/>
  <c r="AD76076" i="1"/>
  <c r="AD76077" i="1"/>
  <c r="AD76078" i="1"/>
  <c r="AD76079" i="1"/>
  <c r="AD76080" i="1"/>
  <c r="AD76081" i="1"/>
  <c r="AD76082" i="1"/>
  <c r="AD76083" i="1"/>
  <c r="AD76084" i="1"/>
  <c r="AD76085" i="1"/>
  <c r="AD76086" i="1"/>
  <c r="AD76087" i="1"/>
  <c r="AD76088" i="1"/>
  <c r="AD76089" i="1"/>
  <c r="AD76090" i="1"/>
  <c r="AD76091" i="1"/>
  <c r="AD76092" i="1"/>
  <c r="AD76093" i="1"/>
  <c r="AD76094" i="1"/>
  <c r="AD76095" i="1"/>
  <c r="AD76096" i="1"/>
  <c r="AD76097" i="1"/>
  <c r="AD76098" i="1"/>
  <c r="AD76099" i="1"/>
  <c r="AD76100" i="1"/>
  <c r="AD76101" i="1"/>
  <c r="AD76102" i="1"/>
  <c r="AD76103" i="1"/>
  <c r="AD76104" i="1"/>
  <c r="AD76105" i="1"/>
  <c r="AD76106" i="1"/>
  <c r="AD76107" i="1"/>
  <c r="AD76108" i="1"/>
  <c r="AD76109" i="1"/>
  <c r="AD76110" i="1"/>
  <c r="AD76111" i="1"/>
  <c r="AD76112" i="1"/>
  <c r="AD76113" i="1"/>
  <c r="AD76114" i="1"/>
  <c r="AD76115" i="1"/>
  <c r="AD76116" i="1"/>
  <c r="AD76117" i="1"/>
  <c r="AD76118" i="1"/>
  <c r="AD76119" i="1"/>
  <c r="AD76120" i="1"/>
  <c r="AD76121" i="1"/>
  <c r="AD76122" i="1"/>
  <c r="AD76123" i="1"/>
  <c r="AD76124" i="1"/>
  <c r="AD76125" i="1"/>
  <c r="AD76126" i="1"/>
  <c r="AD76127" i="1"/>
  <c r="AD76128" i="1"/>
  <c r="AD76129" i="1"/>
  <c r="AD76130" i="1"/>
  <c r="AD76131" i="1"/>
  <c r="AD76132" i="1"/>
  <c r="AD76133" i="1"/>
  <c r="AD76134" i="1"/>
  <c r="AD76135" i="1"/>
  <c r="AD76136" i="1"/>
  <c r="AD76137" i="1"/>
  <c r="AD76138" i="1"/>
  <c r="AD76139" i="1"/>
  <c r="AD76140" i="1"/>
  <c r="AD76141" i="1"/>
  <c r="AD76142" i="1"/>
  <c r="AD76143" i="1"/>
  <c r="AD76144" i="1"/>
  <c r="AD76145" i="1"/>
  <c r="AD76146" i="1"/>
  <c r="AD76147" i="1"/>
  <c r="AD76148" i="1"/>
  <c r="AD76149" i="1"/>
  <c r="AD76150" i="1"/>
  <c r="AD76151" i="1"/>
  <c r="AD76152" i="1"/>
  <c r="AD76153" i="1"/>
  <c r="AD76154" i="1"/>
  <c r="AD76155" i="1"/>
  <c r="AD76156" i="1"/>
  <c r="AD76157" i="1"/>
  <c r="AD76158" i="1"/>
  <c r="AD76159" i="1"/>
  <c r="AD76160" i="1"/>
  <c r="AD76161" i="1"/>
  <c r="AD76162" i="1"/>
  <c r="AD76163" i="1"/>
  <c r="AD76164" i="1"/>
  <c r="AD76165" i="1"/>
  <c r="AD76166" i="1"/>
  <c r="AD76167" i="1"/>
  <c r="AD76168" i="1"/>
  <c r="AD76169" i="1"/>
  <c r="AD76170" i="1"/>
  <c r="AD76171" i="1"/>
  <c r="AD76172" i="1"/>
  <c r="AD76173" i="1"/>
  <c r="AD76174" i="1"/>
  <c r="AD76175" i="1"/>
  <c r="AD76176" i="1"/>
  <c r="AD76177" i="1"/>
  <c r="AD76178" i="1"/>
  <c r="AD76179" i="1"/>
  <c r="AD76180" i="1"/>
  <c r="AD76181" i="1"/>
  <c r="AD76182" i="1"/>
  <c r="AD76183" i="1"/>
  <c r="AD76184" i="1"/>
  <c r="AD76185" i="1"/>
  <c r="AD76186" i="1"/>
  <c r="AD76187" i="1"/>
  <c r="AD76188" i="1"/>
  <c r="AD76189" i="1"/>
  <c r="AD76190" i="1"/>
  <c r="AD76191" i="1"/>
  <c r="AD76192" i="1"/>
  <c r="AD76193" i="1"/>
  <c r="AD76194" i="1"/>
  <c r="AD76195" i="1"/>
  <c r="AD76196" i="1"/>
  <c r="AD76197" i="1"/>
  <c r="AD76198" i="1"/>
  <c r="AD76199" i="1"/>
  <c r="AD76200" i="1"/>
  <c r="AD76201" i="1"/>
  <c r="AD76202" i="1"/>
  <c r="AD76203" i="1"/>
  <c r="AD76204" i="1"/>
  <c r="AD76205" i="1"/>
  <c r="AD76206" i="1"/>
  <c r="AD76207" i="1"/>
  <c r="AD76208" i="1"/>
  <c r="AD76209" i="1"/>
  <c r="AD76210" i="1"/>
  <c r="AD76211" i="1"/>
  <c r="AD76212" i="1"/>
  <c r="AD76213" i="1"/>
  <c r="AD76214" i="1"/>
  <c r="AD76215" i="1"/>
  <c r="AD76216" i="1"/>
  <c r="AD76217" i="1"/>
  <c r="AD76218" i="1"/>
  <c r="AD76219" i="1"/>
  <c r="AD76220" i="1"/>
  <c r="AD76221" i="1"/>
  <c r="AD76222" i="1"/>
  <c r="AD76223" i="1"/>
  <c r="AD76224" i="1"/>
  <c r="AD76225" i="1"/>
  <c r="AD76226" i="1"/>
  <c r="AD76227" i="1"/>
  <c r="AD76228" i="1"/>
  <c r="AD76229" i="1"/>
  <c r="AD76230" i="1"/>
  <c r="AD76231" i="1"/>
  <c r="AD76232" i="1"/>
  <c r="AD76233" i="1"/>
  <c r="AD76234" i="1"/>
  <c r="AD76235" i="1"/>
  <c r="AD76236" i="1"/>
  <c r="AD76237" i="1"/>
  <c r="AD76238" i="1"/>
  <c r="AD76239" i="1"/>
  <c r="AD76240" i="1"/>
  <c r="AD76241" i="1"/>
  <c r="AD76242" i="1"/>
  <c r="AD76243" i="1"/>
  <c r="AD76244" i="1"/>
  <c r="AD76245" i="1"/>
  <c r="AD76246" i="1"/>
  <c r="AD76247" i="1"/>
  <c r="AD76248" i="1"/>
  <c r="AD76249" i="1"/>
  <c r="AD76250" i="1"/>
  <c r="AD76251" i="1"/>
  <c r="AD76252" i="1"/>
  <c r="AD76253" i="1"/>
  <c r="AD76254" i="1"/>
  <c r="AD76255" i="1"/>
  <c r="AD76256" i="1"/>
  <c r="AD76257" i="1"/>
  <c r="AD76258" i="1"/>
  <c r="AD76259" i="1"/>
  <c r="AD76260" i="1"/>
  <c r="AD76261" i="1"/>
  <c r="AD76262" i="1"/>
  <c r="AD76263" i="1"/>
  <c r="AD76264" i="1"/>
  <c r="AD76265" i="1"/>
  <c r="AD76266" i="1"/>
  <c r="AD76267" i="1"/>
  <c r="AD76268" i="1"/>
  <c r="AD76269" i="1"/>
  <c r="AD76270" i="1"/>
  <c r="AD76271" i="1"/>
  <c r="AD76272" i="1"/>
  <c r="AD76273" i="1"/>
  <c r="AD76274" i="1"/>
  <c r="AD76275" i="1"/>
  <c r="AD76276" i="1"/>
  <c r="AD76277" i="1"/>
  <c r="AD76278" i="1"/>
  <c r="AD76279" i="1"/>
  <c r="AD76280" i="1"/>
  <c r="AD76281" i="1"/>
  <c r="AD76282" i="1"/>
  <c r="AD76283" i="1"/>
  <c r="AD76284" i="1"/>
  <c r="AD76285" i="1"/>
  <c r="AD76286" i="1"/>
  <c r="AD76287" i="1"/>
  <c r="AD76288" i="1"/>
  <c r="AD76289" i="1"/>
  <c r="AD76290" i="1"/>
  <c r="AD76291" i="1"/>
  <c r="AD76292" i="1"/>
  <c r="AD76293" i="1"/>
  <c r="AD76294" i="1"/>
  <c r="AD76295" i="1"/>
  <c r="AD76296" i="1"/>
  <c r="AD76297" i="1"/>
  <c r="AD76298" i="1"/>
  <c r="AD76299" i="1"/>
  <c r="AD76300" i="1"/>
  <c r="AD76301" i="1"/>
  <c r="AD76302" i="1"/>
  <c r="AD76303" i="1"/>
  <c r="AD76304" i="1"/>
  <c r="AD76305" i="1"/>
  <c r="AD76306" i="1"/>
  <c r="AD76307" i="1"/>
  <c r="AD76308" i="1"/>
  <c r="AD76309" i="1"/>
  <c r="AD76310" i="1"/>
  <c r="AD76311" i="1"/>
  <c r="AD76312" i="1"/>
  <c r="AD76313" i="1"/>
  <c r="AD76314" i="1"/>
  <c r="AD76315" i="1"/>
  <c r="AD76316" i="1"/>
  <c r="AD76317" i="1"/>
  <c r="AD76318" i="1"/>
  <c r="AD76319" i="1"/>
  <c r="AD76320" i="1"/>
  <c r="AD76321" i="1"/>
  <c r="AD76322" i="1"/>
  <c r="AD76323" i="1"/>
  <c r="AD76324" i="1"/>
  <c r="AD76325" i="1"/>
  <c r="AD76326" i="1"/>
  <c r="AD76327" i="1"/>
  <c r="AD76328" i="1"/>
  <c r="AD76329" i="1"/>
  <c r="AD76330" i="1"/>
  <c r="AD76331" i="1"/>
  <c r="AD76332" i="1"/>
  <c r="AD76333" i="1"/>
  <c r="AD76334" i="1"/>
  <c r="AD76335" i="1"/>
  <c r="AD76336" i="1"/>
  <c r="AD76337" i="1"/>
  <c r="AD76338" i="1"/>
  <c r="AD76339" i="1"/>
  <c r="AD76340" i="1"/>
  <c r="AD76341" i="1"/>
  <c r="AD76342" i="1"/>
  <c r="AD76343" i="1"/>
  <c r="AD76344" i="1"/>
  <c r="AD76345" i="1"/>
  <c r="AD76346" i="1"/>
  <c r="AD76347" i="1"/>
  <c r="AD76348" i="1"/>
  <c r="AD76349" i="1"/>
  <c r="AD76350" i="1"/>
  <c r="AD76351" i="1"/>
  <c r="AD76352" i="1"/>
  <c r="AD76353" i="1"/>
  <c r="AD76354" i="1"/>
  <c r="AD76355" i="1"/>
  <c r="AD76356" i="1"/>
  <c r="AD76357" i="1"/>
  <c r="AD76358" i="1"/>
  <c r="AD76359" i="1"/>
  <c r="AD76360" i="1"/>
  <c r="AD76361" i="1"/>
  <c r="AD76362" i="1"/>
  <c r="AD76363" i="1"/>
  <c r="AD76364" i="1"/>
  <c r="AD76365" i="1"/>
  <c r="AD76366" i="1"/>
  <c r="AD76367" i="1"/>
  <c r="AD76368" i="1"/>
  <c r="AD76369" i="1"/>
  <c r="AD76370" i="1"/>
  <c r="AD76371" i="1"/>
  <c r="AD76372" i="1"/>
  <c r="AD76373" i="1"/>
  <c r="AD76374" i="1"/>
  <c r="AD76375" i="1"/>
  <c r="AD76376" i="1"/>
  <c r="AD76377" i="1"/>
  <c r="AD76378" i="1"/>
  <c r="AD76379" i="1"/>
  <c r="AD76380" i="1"/>
  <c r="AD76381" i="1"/>
  <c r="AD76382" i="1"/>
  <c r="AD76383" i="1"/>
  <c r="AD76384" i="1"/>
  <c r="AD76385" i="1"/>
  <c r="AD76386" i="1"/>
  <c r="AD76387" i="1"/>
  <c r="AD76388" i="1"/>
  <c r="AD76389" i="1"/>
  <c r="AD76390" i="1"/>
  <c r="AD76391" i="1"/>
  <c r="AD76392" i="1"/>
  <c r="AD76393" i="1"/>
  <c r="AD76394" i="1"/>
  <c r="AD76395" i="1"/>
  <c r="AD76396" i="1"/>
  <c r="AD76397" i="1"/>
  <c r="AD76398" i="1"/>
  <c r="AD76399" i="1"/>
  <c r="AD76400" i="1"/>
  <c r="AD76401" i="1"/>
  <c r="AD76402" i="1"/>
  <c r="AD76403" i="1"/>
  <c r="AD76404" i="1"/>
  <c r="AD76405" i="1"/>
  <c r="AD76406" i="1"/>
  <c r="AD76407" i="1"/>
  <c r="AD76408" i="1"/>
  <c r="AD76409" i="1"/>
  <c r="AD76410" i="1"/>
  <c r="AD76411" i="1"/>
  <c r="AD76412" i="1"/>
  <c r="AD76413" i="1"/>
  <c r="AD76414" i="1"/>
  <c r="AD76415" i="1"/>
  <c r="AD76416" i="1"/>
  <c r="AD76417" i="1"/>
  <c r="AD76418" i="1"/>
  <c r="AD76419" i="1"/>
  <c r="AD76420" i="1"/>
  <c r="AD76421" i="1"/>
  <c r="AD76422" i="1"/>
  <c r="AD76423" i="1"/>
  <c r="AD76424" i="1"/>
  <c r="AD76425" i="1"/>
  <c r="AD76426" i="1"/>
  <c r="AD76427" i="1"/>
  <c r="AD76428" i="1"/>
  <c r="AD76429" i="1"/>
  <c r="AD76430" i="1"/>
  <c r="AD76431" i="1"/>
  <c r="AD76432" i="1"/>
  <c r="AD76433" i="1"/>
  <c r="AD76434" i="1"/>
  <c r="AD76435" i="1"/>
  <c r="AD76436" i="1"/>
  <c r="AD76437" i="1"/>
  <c r="AD76438" i="1"/>
  <c r="AD76439" i="1"/>
  <c r="AD76440" i="1"/>
  <c r="AD76441" i="1"/>
  <c r="AD76442" i="1"/>
  <c r="AD76443" i="1"/>
  <c r="AD76444" i="1"/>
  <c r="AD76445" i="1"/>
  <c r="AD76446" i="1"/>
  <c r="AD76447" i="1"/>
  <c r="AD76448" i="1"/>
  <c r="AD76449" i="1"/>
  <c r="AD76450" i="1"/>
  <c r="AD76451" i="1"/>
  <c r="AD76452" i="1"/>
  <c r="AD76453" i="1"/>
  <c r="AD76454" i="1"/>
  <c r="AD76455" i="1"/>
  <c r="AD76456" i="1"/>
  <c r="AD76457" i="1"/>
  <c r="AD76458" i="1"/>
  <c r="AD76459" i="1"/>
  <c r="AD76460" i="1"/>
  <c r="AD76461" i="1"/>
  <c r="AD76462" i="1"/>
  <c r="AD76463" i="1"/>
  <c r="AD76464" i="1"/>
  <c r="AD76465" i="1"/>
  <c r="AD76466" i="1"/>
  <c r="AD76467" i="1"/>
  <c r="AD76468" i="1"/>
  <c r="AD76469" i="1"/>
  <c r="AD76470" i="1"/>
  <c r="AD76471" i="1"/>
  <c r="AD76472" i="1"/>
  <c r="AD76473" i="1"/>
  <c r="AD76474" i="1"/>
  <c r="AD76475" i="1"/>
  <c r="AD76476" i="1"/>
  <c r="AD76477" i="1"/>
  <c r="AD76478" i="1"/>
  <c r="AD76479" i="1"/>
  <c r="AD76480" i="1"/>
  <c r="AD76481" i="1"/>
  <c r="AD76482" i="1"/>
  <c r="AD76483" i="1"/>
  <c r="AD76484" i="1"/>
  <c r="AD76485" i="1"/>
  <c r="AD76486" i="1"/>
  <c r="AD76487" i="1"/>
  <c r="AD76488" i="1"/>
  <c r="AD76489" i="1"/>
  <c r="AD76490" i="1"/>
  <c r="AD76491" i="1"/>
  <c r="AD76492" i="1"/>
  <c r="AD76493" i="1"/>
  <c r="AD76494" i="1"/>
  <c r="AD76495" i="1"/>
  <c r="AD76496" i="1"/>
  <c r="AD76497" i="1"/>
  <c r="AD76498" i="1"/>
  <c r="AD76499" i="1"/>
  <c r="AD76500" i="1"/>
  <c r="AD76501" i="1"/>
  <c r="AD76502" i="1"/>
  <c r="AD76503" i="1"/>
  <c r="AD76504" i="1"/>
  <c r="AD76505" i="1"/>
  <c r="AD76506" i="1"/>
  <c r="AD76507" i="1"/>
  <c r="AD76508" i="1"/>
  <c r="AD76509" i="1"/>
  <c r="AD76510" i="1"/>
  <c r="AD76511" i="1"/>
  <c r="AD76512" i="1"/>
  <c r="AD76513" i="1"/>
  <c r="AD76514" i="1"/>
  <c r="AD76515" i="1"/>
  <c r="AD76516" i="1"/>
  <c r="AD76517" i="1"/>
  <c r="AD76518" i="1"/>
  <c r="AD76519" i="1"/>
  <c r="AD76520" i="1"/>
  <c r="AD76521" i="1"/>
  <c r="AD76522" i="1"/>
  <c r="AD76523" i="1"/>
  <c r="AD76524" i="1"/>
  <c r="AD76525" i="1"/>
  <c r="AD76526" i="1"/>
  <c r="AD76527" i="1"/>
  <c r="AD76528" i="1"/>
  <c r="AD76529" i="1"/>
  <c r="AD76530" i="1"/>
  <c r="AD76531" i="1"/>
  <c r="AD76532" i="1"/>
  <c r="AD76533" i="1"/>
  <c r="AD76534" i="1"/>
  <c r="AD76535" i="1"/>
  <c r="AD76536" i="1"/>
  <c r="AD76537" i="1"/>
  <c r="AD76538" i="1"/>
  <c r="AD76539" i="1"/>
  <c r="AD76540" i="1"/>
  <c r="AD76541" i="1"/>
  <c r="AD76542" i="1"/>
  <c r="AD76543" i="1"/>
  <c r="AD76544" i="1"/>
  <c r="AD76545" i="1"/>
  <c r="AD76546" i="1"/>
  <c r="AD76547" i="1"/>
  <c r="AD76548" i="1"/>
  <c r="AD76549" i="1"/>
  <c r="AD76550" i="1"/>
  <c r="AD76551" i="1"/>
  <c r="AD76552" i="1"/>
  <c r="AD76553" i="1"/>
  <c r="AD76554" i="1"/>
  <c r="AD76555" i="1"/>
  <c r="AD76556" i="1"/>
  <c r="AD76557" i="1"/>
  <c r="AD76558" i="1"/>
  <c r="AD76559" i="1"/>
  <c r="AD76560" i="1"/>
  <c r="AD76561" i="1"/>
  <c r="AD76562" i="1"/>
  <c r="AD76563" i="1"/>
  <c r="AD76564" i="1"/>
  <c r="AD76565" i="1"/>
  <c r="AD76566" i="1"/>
  <c r="AD76567" i="1"/>
  <c r="AD76568" i="1"/>
  <c r="AD76569" i="1"/>
  <c r="AD76570" i="1"/>
  <c r="AD76571" i="1"/>
  <c r="AD76572" i="1"/>
  <c r="AD76573" i="1"/>
  <c r="AD76574" i="1"/>
  <c r="AD76575" i="1"/>
  <c r="AD76576" i="1"/>
  <c r="AD76577" i="1"/>
  <c r="AD76578" i="1"/>
  <c r="AD76579" i="1"/>
  <c r="AD76580" i="1"/>
  <c r="AD76581" i="1"/>
  <c r="AD76582" i="1"/>
  <c r="AD76583" i="1"/>
  <c r="AD76584" i="1"/>
  <c r="AD76585" i="1"/>
  <c r="AD76586" i="1"/>
  <c r="AD76587" i="1"/>
  <c r="AD76588" i="1"/>
  <c r="AD76589" i="1"/>
  <c r="AD76590" i="1"/>
  <c r="AD76591" i="1"/>
  <c r="AD76592" i="1"/>
  <c r="AD76593" i="1"/>
  <c r="AD76594" i="1"/>
  <c r="AD76595" i="1"/>
  <c r="AD76596" i="1"/>
  <c r="AD76597" i="1"/>
  <c r="AD76598" i="1"/>
  <c r="AD76599" i="1"/>
  <c r="AD76600" i="1"/>
  <c r="AD76601" i="1"/>
  <c r="AD76602" i="1"/>
  <c r="AD76603" i="1"/>
  <c r="AD76604" i="1"/>
  <c r="AD76605" i="1"/>
  <c r="AD76606" i="1"/>
  <c r="AD76607" i="1"/>
  <c r="AD76608" i="1"/>
  <c r="AD76609" i="1"/>
  <c r="AD76610" i="1"/>
  <c r="AD76611" i="1"/>
  <c r="AD76612" i="1"/>
  <c r="AD76613" i="1"/>
  <c r="AD76614" i="1"/>
  <c r="AD76615" i="1"/>
  <c r="AD76616" i="1"/>
  <c r="AD76617" i="1"/>
  <c r="AD76618" i="1"/>
  <c r="AD76619" i="1"/>
  <c r="AD76620" i="1"/>
  <c r="AD76621" i="1"/>
  <c r="AD76622" i="1"/>
  <c r="AD76623" i="1"/>
  <c r="AD76624" i="1"/>
  <c r="AD76625" i="1"/>
  <c r="AD76626" i="1"/>
  <c r="AD76627" i="1"/>
  <c r="AD76628" i="1"/>
  <c r="AD76629" i="1"/>
  <c r="AD76630" i="1"/>
  <c r="AD76631" i="1"/>
  <c r="AD76632" i="1"/>
  <c r="AD76633" i="1"/>
  <c r="AD76634" i="1"/>
  <c r="AD76635" i="1"/>
  <c r="AD76636" i="1"/>
  <c r="AD76637" i="1"/>
  <c r="AD76638" i="1"/>
  <c r="AD76639" i="1"/>
  <c r="AD76640" i="1"/>
  <c r="AD76641" i="1"/>
  <c r="AD76642" i="1"/>
  <c r="AD76643" i="1"/>
  <c r="AD76644" i="1"/>
  <c r="AD76645" i="1"/>
  <c r="AD76646" i="1"/>
  <c r="AD76647" i="1"/>
  <c r="AD76648" i="1"/>
  <c r="AD76649" i="1"/>
  <c r="AD76650" i="1"/>
  <c r="AD76651" i="1"/>
  <c r="AD76652" i="1"/>
  <c r="AD76653" i="1"/>
  <c r="AD76654" i="1"/>
  <c r="AD76655" i="1"/>
  <c r="AD76656" i="1"/>
  <c r="AD76657" i="1"/>
  <c r="AD76658" i="1"/>
  <c r="AD76659" i="1"/>
  <c r="AD76660" i="1"/>
  <c r="AD76661" i="1"/>
  <c r="AD76662" i="1"/>
  <c r="AD76663" i="1"/>
  <c r="AD76664" i="1"/>
  <c r="AD76665" i="1"/>
  <c r="AD76666" i="1"/>
  <c r="AD76667" i="1"/>
  <c r="AD76668" i="1"/>
  <c r="AD76669" i="1"/>
  <c r="AD76670" i="1"/>
  <c r="AD76671" i="1"/>
  <c r="AD76672" i="1"/>
  <c r="AD76673" i="1"/>
  <c r="AD76674" i="1"/>
  <c r="AD76675" i="1"/>
  <c r="AD76676" i="1"/>
  <c r="AD76677" i="1"/>
  <c r="AD76678" i="1"/>
  <c r="AD76679" i="1"/>
  <c r="AD76680" i="1"/>
  <c r="AD76681" i="1"/>
  <c r="AD76682" i="1"/>
  <c r="AD76683" i="1"/>
  <c r="AD76684" i="1"/>
  <c r="AD76685" i="1"/>
  <c r="AD76686" i="1"/>
  <c r="AD76687" i="1"/>
  <c r="AD76688" i="1"/>
  <c r="AD76689" i="1"/>
  <c r="AD76690" i="1"/>
  <c r="AD76691" i="1"/>
  <c r="AD76692" i="1"/>
  <c r="AD76693" i="1"/>
  <c r="AD76694" i="1"/>
  <c r="AD76695" i="1"/>
  <c r="AD76696" i="1"/>
  <c r="AD76697" i="1"/>
  <c r="AD76698" i="1"/>
  <c r="AD76699" i="1"/>
  <c r="AD76700" i="1"/>
  <c r="AD76701" i="1"/>
  <c r="AD76702" i="1"/>
  <c r="AD76703" i="1"/>
  <c r="AD76704" i="1"/>
  <c r="AD76705" i="1"/>
  <c r="AD76706" i="1"/>
  <c r="AD76707" i="1"/>
  <c r="AD76708" i="1"/>
  <c r="AD76709" i="1"/>
  <c r="AD76710" i="1"/>
  <c r="AD76711" i="1"/>
  <c r="AD76712" i="1"/>
  <c r="AD76713" i="1"/>
  <c r="AD76714" i="1"/>
  <c r="AD76715" i="1"/>
  <c r="AD76716" i="1"/>
  <c r="AD76717" i="1"/>
  <c r="AD76718" i="1"/>
  <c r="AD76719" i="1"/>
  <c r="AD76720" i="1"/>
  <c r="AD76721" i="1"/>
  <c r="AD76722" i="1"/>
  <c r="AD76723" i="1"/>
  <c r="AD76724" i="1"/>
  <c r="AD76725" i="1"/>
  <c r="AD76726" i="1"/>
  <c r="AD76727" i="1"/>
  <c r="AD76728" i="1"/>
  <c r="AD76729" i="1"/>
  <c r="AD76730" i="1"/>
  <c r="AD76731" i="1"/>
  <c r="AD76732" i="1"/>
  <c r="AD76733" i="1"/>
  <c r="AD76734" i="1"/>
  <c r="AD76735" i="1"/>
  <c r="AD76736" i="1"/>
  <c r="AD76737" i="1"/>
  <c r="AD76738" i="1"/>
  <c r="AD76739" i="1"/>
  <c r="AD76740" i="1"/>
  <c r="AD76741" i="1"/>
  <c r="AD76742" i="1"/>
  <c r="AD76743" i="1"/>
  <c r="AD76744" i="1"/>
  <c r="AD76745" i="1"/>
  <c r="AD76746" i="1"/>
  <c r="AD76747" i="1"/>
  <c r="AD76748" i="1"/>
  <c r="AD76749" i="1"/>
  <c r="AD76750" i="1"/>
  <c r="AD76751" i="1"/>
  <c r="AD76752" i="1"/>
  <c r="AD76753" i="1"/>
  <c r="AD76754" i="1"/>
  <c r="AD76755" i="1"/>
  <c r="AD76756" i="1"/>
  <c r="AD76757" i="1"/>
  <c r="AD76758" i="1"/>
  <c r="AD76759" i="1"/>
  <c r="AD76760" i="1"/>
  <c r="AD76761" i="1"/>
  <c r="AD76762" i="1"/>
  <c r="AD76763" i="1"/>
  <c r="AD76764" i="1"/>
  <c r="AD76765" i="1"/>
  <c r="AD76766" i="1"/>
  <c r="AD76767" i="1"/>
  <c r="AD76768" i="1"/>
  <c r="AD76769" i="1"/>
  <c r="AD76770" i="1"/>
  <c r="AD76771" i="1"/>
  <c r="AD76772" i="1"/>
  <c r="AD76773" i="1"/>
  <c r="AD76774" i="1"/>
  <c r="AD76775" i="1"/>
  <c r="AD76776" i="1"/>
  <c r="AD76777" i="1"/>
  <c r="AD76778" i="1"/>
  <c r="AD76779" i="1"/>
  <c r="AD76780" i="1"/>
  <c r="AD76781" i="1"/>
  <c r="AD76782" i="1"/>
  <c r="AD76783" i="1"/>
  <c r="AD76784" i="1"/>
  <c r="AD76785" i="1"/>
  <c r="AD76786" i="1"/>
  <c r="AD76787" i="1"/>
  <c r="AD76788" i="1"/>
  <c r="AD76789" i="1"/>
  <c r="AD76790" i="1"/>
  <c r="AD76791" i="1"/>
  <c r="AD76792" i="1"/>
  <c r="AD76793" i="1"/>
  <c r="AD76794" i="1"/>
  <c r="AD76795" i="1"/>
  <c r="AD76796" i="1"/>
  <c r="AD76797" i="1"/>
  <c r="AD76798" i="1"/>
  <c r="AD76799" i="1"/>
  <c r="AD76800" i="1"/>
  <c r="AD76801" i="1"/>
  <c r="AD76802" i="1"/>
  <c r="AD76803" i="1"/>
  <c r="AD76804" i="1"/>
  <c r="AD76805" i="1"/>
  <c r="AD76806" i="1"/>
  <c r="AD76807" i="1"/>
  <c r="AD76808" i="1"/>
  <c r="AD76809" i="1"/>
  <c r="AD76810" i="1"/>
  <c r="AD76811" i="1"/>
  <c r="AD76812" i="1"/>
  <c r="AD76813" i="1"/>
  <c r="AD76814" i="1"/>
  <c r="AD76815" i="1"/>
  <c r="AD76816" i="1"/>
  <c r="AD76817" i="1"/>
  <c r="AD76818" i="1"/>
  <c r="AD76819" i="1"/>
  <c r="AD76820" i="1"/>
  <c r="AD76821" i="1"/>
  <c r="AD76822" i="1"/>
  <c r="AD76823" i="1"/>
  <c r="AD76824" i="1"/>
  <c r="AD76825" i="1"/>
  <c r="AD76826" i="1"/>
  <c r="AD76827" i="1"/>
  <c r="AD76828" i="1"/>
  <c r="AD76829" i="1"/>
  <c r="AD76830" i="1"/>
  <c r="AD76831" i="1"/>
  <c r="AD76832" i="1"/>
  <c r="AD76833" i="1"/>
  <c r="AD76834" i="1"/>
  <c r="AD76835" i="1"/>
  <c r="AD76836" i="1"/>
  <c r="AD76837" i="1"/>
  <c r="AD76838" i="1"/>
  <c r="AD76839" i="1"/>
  <c r="AD76840" i="1"/>
  <c r="AD76841" i="1"/>
  <c r="AD76842" i="1"/>
  <c r="AD76843" i="1"/>
  <c r="AD76844" i="1"/>
  <c r="AD76845" i="1"/>
  <c r="AD76846" i="1"/>
  <c r="AD76847" i="1"/>
  <c r="AD76848" i="1"/>
  <c r="AD76849" i="1"/>
  <c r="AD76850" i="1"/>
  <c r="AD76851" i="1"/>
  <c r="AD76852" i="1"/>
  <c r="AD76853" i="1"/>
  <c r="AD76854" i="1"/>
  <c r="AD76855" i="1"/>
  <c r="AD76856" i="1"/>
  <c r="AD76857" i="1"/>
  <c r="AD76858" i="1"/>
  <c r="AD76859" i="1"/>
  <c r="AD76860" i="1"/>
  <c r="AD76861" i="1"/>
  <c r="AD76862" i="1"/>
  <c r="AD76863" i="1"/>
  <c r="AD76864" i="1"/>
  <c r="AD76865" i="1"/>
  <c r="AD76866" i="1"/>
  <c r="AD76867" i="1"/>
  <c r="AD76868" i="1"/>
  <c r="AD76869" i="1"/>
  <c r="AD76870" i="1"/>
  <c r="AD76871" i="1"/>
  <c r="AD76872" i="1"/>
  <c r="AD76873" i="1"/>
  <c r="AD76874" i="1"/>
  <c r="AD76875" i="1"/>
  <c r="AD76876" i="1"/>
  <c r="AD76877" i="1"/>
  <c r="AD76878" i="1"/>
  <c r="AD76879" i="1"/>
  <c r="AD76880" i="1"/>
  <c r="AD76881" i="1"/>
  <c r="AD76882" i="1"/>
  <c r="AD76883" i="1"/>
  <c r="AD76884" i="1"/>
  <c r="AD76885" i="1"/>
  <c r="AD76886" i="1"/>
  <c r="AD76887" i="1"/>
  <c r="AD76888" i="1"/>
  <c r="AD76889" i="1"/>
  <c r="AD76890" i="1"/>
  <c r="AD76891" i="1"/>
  <c r="AD76892" i="1"/>
  <c r="AD76893" i="1"/>
  <c r="AD76894" i="1"/>
  <c r="AD76895" i="1"/>
  <c r="AD76896" i="1"/>
  <c r="AD76897" i="1"/>
  <c r="AD76898" i="1"/>
  <c r="AD76899" i="1"/>
  <c r="AD76900" i="1"/>
  <c r="AD76901" i="1"/>
  <c r="AD76902" i="1"/>
  <c r="AD76903" i="1"/>
  <c r="AD76904" i="1"/>
  <c r="AD76905" i="1"/>
  <c r="AD76906" i="1"/>
  <c r="AD76907" i="1"/>
  <c r="AD76908" i="1"/>
  <c r="AD76909" i="1"/>
  <c r="AD76910" i="1"/>
  <c r="AD76911" i="1"/>
  <c r="AD76912" i="1"/>
  <c r="AD76913" i="1"/>
  <c r="AD76914" i="1"/>
  <c r="AD76915" i="1"/>
  <c r="AD76916" i="1"/>
  <c r="AD76917" i="1"/>
  <c r="AD76918" i="1"/>
  <c r="AD76919" i="1"/>
  <c r="AD76920" i="1"/>
  <c r="AD76921" i="1"/>
  <c r="AD76922" i="1"/>
  <c r="AD76923" i="1"/>
  <c r="AD76924" i="1"/>
  <c r="AD76925" i="1"/>
  <c r="AD76926" i="1"/>
  <c r="AD76927" i="1"/>
  <c r="AD76928" i="1"/>
  <c r="AD76929" i="1"/>
  <c r="AD76930" i="1"/>
  <c r="AD76931" i="1"/>
  <c r="AD76932" i="1"/>
  <c r="AD76933" i="1"/>
  <c r="AD76934" i="1"/>
  <c r="AD76935" i="1"/>
  <c r="AD76936" i="1"/>
  <c r="AD76937" i="1"/>
  <c r="AD76938" i="1"/>
  <c r="AD76939" i="1"/>
  <c r="AD76940" i="1"/>
  <c r="AD76941" i="1"/>
  <c r="AD76942" i="1"/>
  <c r="AD76943" i="1"/>
  <c r="AD76944" i="1"/>
  <c r="AD76945" i="1"/>
  <c r="AD76946" i="1"/>
  <c r="AD76947" i="1"/>
  <c r="AD76948" i="1"/>
  <c r="AD76949" i="1"/>
  <c r="AD76950" i="1"/>
  <c r="AD76951" i="1"/>
  <c r="AD76952" i="1"/>
  <c r="AD76953" i="1"/>
  <c r="AD76954" i="1"/>
  <c r="AD76955" i="1"/>
  <c r="AD76956" i="1"/>
  <c r="AD76957" i="1"/>
  <c r="AD76958" i="1"/>
  <c r="AD76959" i="1"/>
  <c r="AD76960" i="1"/>
  <c r="AD76961" i="1"/>
  <c r="AD76962" i="1"/>
  <c r="AD76963" i="1"/>
  <c r="AD76964" i="1"/>
  <c r="AD76965" i="1"/>
  <c r="AD76966" i="1"/>
  <c r="AD76967" i="1"/>
  <c r="AD76968" i="1"/>
  <c r="AD76969" i="1"/>
  <c r="AD76970" i="1"/>
  <c r="AD76971" i="1"/>
  <c r="AD76972" i="1"/>
  <c r="AD76973" i="1"/>
  <c r="AD76974" i="1"/>
  <c r="AD76975" i="1"/>
  <c r="AD76976" i="1"/>
  <c r="AD76977" i="1"/>
  <c r="AD76978" i="1"/>
  <c r="AD76979" i="1"/>
  <c r="AD76980" i="1"/>
  <c r="AD76981" i="1"/>
  <c r="AD76982" i="1"/>
  <c r="AD76983" i="1"/>
  <c r="AD76984" i="1"/>
  <c r="AD76985" i="1"/>
  <c r="AD76986" i="1"/>
  <c r="AD76987" i="1"/>
  <c r="AD76988" i="1"/>
  <c r="AD76989" i="1"/>
  <c r="AD76990" i="1"/>
  <c r="AD76991" i="1"/>
  <c r="AD76992" i="1"/>
  <c r="AD76993" i="1"/>
  <c r="AD76994" i="1"/>
  <c r="AD76995" i="1"/>
  <c r="AD76996" i="1"/>
  <c r="AD76997" i="1"/>
  <c r="AD76998" i="1"/>
  <c r="AD76999" i="1"/>
  <c r="AD77000" i="1"/>
  <c r="AD77001" i="1"/>
  <c r="AD77002" i="1"/>
  <c r="AD77003" i="1"/>
  <c r="AD77004" i="1"/>
  <c r="AD77005" i="1"/>
  <c r="AD77006" i="1"/>
  <c r="AD77007" i="1"/>
  <c r="AD77008" i="1"/>
  <c r="AD77009" i="1"/>
  <c r="AD77010" i="1"/>
  <c r="AD77011" i="1"/>
  <c r="AD77012" i="1"/>
  <c r="AD77013" i="1"/>
  <c r="AD77014" i="1"/>
  <c r="AD77015" i="1"/>
  <c r="AD77016" i="1"/>
  <c r="AD77017" i="1"/>
  <c r="AD77018" i="1"/>
  <c r="AD77019" i="1"/>
  <c r="AD77020" i="1"/>
  <c r="AD77021" i="1"/>
  <c r="AD77022" i="1"/>
  <c r="AD77023" i="1"/>
  <c r="AD77024" i="1"/>
  <c r="AD77025" i="1"/>
  <c r="AD77026" i="1"/>
  <c r="AD77027" i="1"/>
  <c r="AD77028" i="1"/>
  <c r="AD77029" i="1"/>
  <c r="AD77030" i="1"/>
  <c r="AD77031" i="1"/>
  <c r="AD77032" i="1"/>
  <c r="AD77033" i="1"/>
  <c r="AD77034" i="1"/>
  <c r="AD77035" i="1"/>
  <c r="AD77036" i="1"/>
  <c r="AD77037" i="1"/>
  <c r="AD77038" i="1"/>
  <c r="AD77039" i="1"/>
  <c r="AD77040" i="1"/>
  <c r="AD77041" i="1"/>
  <c r="AD77042" i="1"/>
  <c r="AD77043" i="1"/>
  <c r="AD77044" i="1"/>
  <c r="AD77045" i="1"/>
  <c r="AD77046" i="1"/>
  <c r="AD77047" i="1"/>
  <c r="AD77048" i="1"/>
  <c r="AD77049" i="1"/>
  <c r="AD77050" i="1"/>
  <c r="AD77051" i="1"/>
  <c r="AD77052" i="1"/>
  <c r="AD77053" i="1"/>
  <c r="AD77054" i="1"/>
  <c r="AD77055" i="1"/>
  <c r="AD77056" i="1"/>
  <c r="AD77057" i="1"/>
  <c r="AD77058" i="1"/>
  <c r="AD77059" i="1"/>
  <c r="AD77060" i="1"/>
  <c r="AD77061" i="1"/>
  <c r="AD77062" i="1"/>
  <c r="AD77063" i="1"/>
  <c r="AD77064" i="1"/>
  <c r="AD77065" i="1"/>
  <c r="AD77066" i="1"/>
  <c r="AD77067" i="1"/>
  <c r="AD77068" i="1"/>
  <c r="AD77069" i="1"/>
  <c r="AD77070" i="1"/>
  <c r="AD77071" i="1"/>
  <c r="AD77072" i="1"/>
  <c r="AD77073" i="1"/>
  <c r="AD77074" i="1"/>
  <c r="AD77075" i="1"/>
  <c r="AD77076" i="1"/>
  <c r="AD77077" i="1"/>
  <c r="AD77078" i="1"/>
  <c r="AD77079" i="1"/>
  <c r="AD77080" i="1"/>
  <c r="AD77081" i="1"/>
  <c r="AD77082" i="1"/>
  <c r="AD77083" i="1"/>
  <c r="AD77084" i="1"/>
  <c r="AD77085" i="1"/>
  <c r="AD77086" i="1"/>
  <c r="AD77087" i="1"/>
  <c r="AD77088" i="1"/>
  <c r="AD77089" i="1"/>
  <c r="AD77090" i="1"/>
  <c r="AD77091" i="1"/>
  <c r="AD77092" i="1"/>
  <c r="AD77093" i="1"/>
  <c r="AD77094" i="1"/>
  <c r="AD77095" i="1"/>
  <c r="AD77096" i="1"/>
  <c r="AD77097" i="1"/>
  <c r="AD77098" i="1"/>
  <c r="AD77099" i="1"/>
  <c r="AD77100" i="1"/>
  <c r="AD77101" i="1"/>
  <c r="AD77102" i="1"/>
  <c r="AD77103" i="1"/>
  <c r="AD77104" i="1"/>
  <c r="AD77105" i="1"/>
  <c r="AD77106" i="1"/>
  <c r="AD77107" i="1"/>
  <c r="AD77108" i="1"/>
  <c r="AD77109" i="1"/>
  <c r="AD77110" i="1"/>
  <c r="AD77111" i="1"/>
  <c r="AD77112" i="1"/>
  <c r="AD77113" i="1"/>
  <c r="AD77114" i="1"/>
  <c r="AD77115" i="1"/>
  <c r="AD77116" i="1"/>
  <c r="AD77117" i="1"/>
  <c r="AD77118" i="1"/>
  <c r="AD77119" i="1"/>
  <c r="AD77120" i="1"/>
  <c r="AD77121" i="1"/>
  <c r="AD77122" i="1"/>
  <c r="AD77123" i="1"/>
  <c r="AD77124" i="1"/>
  <c r="AD77125" i="1"/>
  <c r="AD77126" i="1"/>
  <c r="AD77127" i="1"/>
  <c r="AD77128" i="1"/>
  <c r="AD77129" i="1"/>
  <c r="AD77130" i="1"/>
  <c r="AD77131" i="1"/>
  <c r="AD77132" i="1"/>
  <c r="AD77133" i="1"/>
  <c r="AD77134" i="1"/>
  <c r="AD77135" i="1"/>
  <c r="AD77136" i="1"/>
  <c r="AD77137" i="1"/>
  <c r="AD77138" i="1"/>
  <c r="AD77139" i="1"/>
  <c r="AD77140" i="1"/>
  <c r="AD77141" i="1"/>
  <c r="AD77142" i="1"/>
  <c r="AD77143" i="1"/>
  <c r="AD77144" i="1"/>
  <c r="AD77145" i="1"/>
  <c r="AD77146" i="1"/>
  <c r="AD77147" i="1"/>
  <c r="AD77148" i="1"/>
  <c r="AD77149" i="1"/>
  <c r="AD77150" i="1"/>
  <c r="AD77151" i="1"/>
  <c r="AD77152" i="1"/>
  <c r="AD77153" i="1"/>
  <c r="AD77154" i="1"/>
  <c r="AD77155" i="1"/>
  <c r="AD77156" i="1"/>
  <c r="AD77157" i="1"/>
  <c r="AD77158" i="1"/>
  <c r="AD77159" i="1"/>
  <c r="AD77160" i="1"/>
  <c r="AD77161" i="1"/>
  <c r="AD77162" i="1"/>
  <c r="AD77163" i="1"/>
  <c r="AD77164" i="1"/>
  <c r="AD77165" i="1"/>
  <c r="AD77166" i="1"/>
  <c r="AD77167" i="1"/>
  <c r="AD77168" i="1"/>
  <c r="AD77169" i="1"/>
  <c r="AD77170" i="1"/>
  <c r="AD77171" i="1"/>
  <c r="AD77172" i="1"/>
  <c r="AD77173" i="1"/>
  <c r="AD77174" i="1"/>
  <c r="AD77175" i="1"/>
  <c r="AD77176" i="1"/>
  <c r="AD77177" i="1"/>
  <c r="AD77178" i="1"/>
  <c r="AD77179" i="1"/>
  <c r="AD77180" i="1"/>
  <c r="AD77181" i="1"/>
  <c r="AD77182" i="1"/>
  <c r="AD77183" i="1"/>
  <c r="AD77184" i="1"/>
  <c r="AD77185" i="1"/>
  <c r="AD77186" i="1"/>
  <c r="AD77187" i="1"/>
  <c r="AD77188" i="1"/>
  <c r="AD77189" i="1"/>
  <c r="AD77190" i="1"/>
  <c r="AD77191" i="1"/>
  <c r="AD77192" i="1"/>
  <c r="AD77193" i="1"/>
  <c r="AD77194" i="1"/>
  <c r="AD77195" i="1"/>
  <c r="AD77196" i="1"/>
  <c r="AD77197" i="1"/>
  <c r="AD77198" i="1"/>
  <c r="AD77199" i="1"/>
  <c r="AD77200" i="1"/>
  <c r="AD77201" i="1"/>
  <c r="AD77202" i="1"/>
  <c r="AD77203" i="1"/>
  <c r="AD77204" i="1"/>
  <c r="AD77205" i="1"/>
  <c r="AD77206" i="1"/>
  <c r="AD77207" i="1"/>
  <c r="AD77208" i="1"/>
  <c r="AD77209" i="1"/>
  <c r="AD77210" i="1"/>
  <c r="AD77211" i="1"/>
  <c r="AD77212" i="1"/>
  <c r="AD77213" i="1"/>
  <c r="AD77214" i="1"/>
  <c r="AD77215" i="1"/>
  <c r="AD77216" i="1"/>
  <c r="AD77217" i="1"/>
  <c r="AD77218" i="1"/>
  <c r="AD77219" i="1"/>
  <c r="AD77220" i="1"/>
  <c r="AD77221" i="1"/>
  <c r="AD77222" i="1"/>
  <c r="AD77223" i="1"/>
  <c r="AD77224" i="1"/>
  <c r="AD77225" i="1"/>
  <c r="AD77226" i="1"/>
  <c r="AD77227" i="1"/>
  <c r="AD77228" i="1"/>
  <c r="AD77229" i="1"/>
  <c r="AD77230" i="1"/>
  <c r="AD77231" i="1"/>
  <c r="AD77232" i="1"/>
  <c r="AD77233" i="1"/>
  <c r="AD77234" i="1"/>
  <c r="AD77235" i="1"/>
  <c r="AD77236" i="1"/>
  <c r="AD77237" i="1"/>
  <c r="AD77238" i="1"/>
  <c r="AD77239" i="1"/>
  <c r="AD77240" i="1"/>
  <c r="AD77241" i="1"/>
  <c r="AD77242" i="1"/>
  <c r="AD77243" i="1"/>
  <c r="AD77244" i="1"/>
  <c r="AD77245" i="1"/>
  <c r="AD77246" i="1"/>
  <c r="AD77247" i="1"/>
  <c r="AD77248" i="1"/>
  <c r="AD77249" i="1"/>
  <c r="AD77250" i="1"/>
  <c r="AD77251" i="1"/>
  <c r="AD77252" i="1"/>
  <c r="AD77253" i="1"/>
  <c r="AD77254" i="1"/>
  <c r="AD77255" i="1"/>
  <c r="AD77256" i="1"/>
  <c r="AD77257" i="1"/>
  <c r="AD77258" i="1"/>
  <c r="AD77259" i="1"/>
  <c r="AD77260" i="1"/>
  <c r="AD77261" i="1"/>
  <c r="AD77262" i="1"/>
  <c r="AD77263" i="1"/>
  <c r="AD77264" i="1"/>
  <c r="AD77265" i="1"/>
  <c r="AD77266" i="1"/>
  <c r="AD77267" i="1"/>
  <c r="AD77268" i="1"/>
  <c r="AD77269" i="1"/>
  <c r="AD77270" i="1"/>
  <c r="AD77271" i="1"/>
  <c r="AD77272" i="1"/>
  <c r="AD77273" i="1"/>
  <c r="AD77274" i="1"/>
  <c r="AD77275" i="1"/>
  <c r="AD77276" i="1"/>
  <c r="AD77277" i="1"/>
  <c r="AD77278" i="1"/>
  <c r="AD77279" i="1"/>
  <c r="AD77280" i="1"/>
  <c r="AD77281" i="1"/>
  <c r="AD77282" i="1"/>
  <c r="AD77283" i="1"/>
  <c r="AD77284" i="1"/>
  <c r="AD77285" i="1"/>
  <c r="AD77286" i="1"/>
  <c r="AD77287" i="1"/>
  <c r="AD77288" i="1"/>
  <c r="AD77289" i="1"/>
  <c r="AD77290" i="1"/>
  <c r="AD77291" i="1"/>
  <c r="AD77292" i="1"/>
  <c r="AD77293" i="1"/>
  <c r="AD77294" i="1"/>
  <c r="AD77295" i="1"/>
  <c r="AD77296" i="1"/>
  <c r="AD77297" i="1"/>
  <c r="AD77298" i="1"/>
  <c r="AD77299" i="1"/>
  <c r="AD77300" i="1"/>
  <c r="AD77301" i="1"/>
  <c r="AD77302" i="1"/>
  <c r="AD77303" i="1"/>
  <c r="AD77304" i="1"/>
  <c r="AD77305" i="1"/>
  <c r="AD77306" i="1"/>
  <c r="AD77307" i="1"/>
  <c r="AD77308" i="1"/>
  <c r="AD77309" i="1"/>
  <c r="AD77310" i="1"/>
  <c r="AD77311" i="1"/>
  <c r="AD77312" i="1"/>
  <c r="AD77313" i="1"/>
  <c r="AD77314" i="1"/>
  <c r="AD77315" i="1"/>
  <c r="AD77316" i="1"/>
  <c r="AD77317" i="1"/>
  <c r="AD77318" i="1"/>
  <c r="AD77319" i="1"/>
  <c r="AD77320" i="1"/>
  <c r="AD77321" i="1"/>
  <c r="AD77322" i="1"/>
  <c r="AD77323" i="1"/>
  <c r="AD77324" i="1"/>
  <c r="AD77325" i="1"/>
  <c r="AD77326" i="1"/>
  <c r="AD77327" i="1"/>
  <c r="AD77328" i="1"/>
  <c r="AD77329" i="1"/>
  <c r="AD77330" i="1"/>
  <c r="AD77331" i="1"/>
  <c r="AD77332" i="1"/>
  <c r="AD77333" i="1"/>
  <c r="AD77334" i="1"/>
  <c r="AD77335" i="1"/>
  <c r="AD77336" i="1"/>
  <c r="AD77337" i="1"/>
  <c r="AD77338" i="1"/>
  <c r="AD77339" i="1"/>
  <c r="AD77340" i="1"/>
  <c r="AD77341" i="1"/>
  <c r="AD77342" i="1"/>
  <c r="AD77343" i="1"/>
  <c r="AD77344" i="1"/>
  <c r="AD77345" i="1"/>
  <c r="AD77346" i="1"/>
  <c r="AD77347" i="1"/>
  <c r="AD77348" i="1"/>
  <c r="AD77349" i="1"/>
  <c r="AD77350" i="1"/>
  <c r="AD77351" i="1"/>
  <c r="AD77352" i="1"/>
  <c r="AD77353" i="1"/>
  <c r="AD77354" i="1"/>
  <c r="AD77355" i="1"/>
  <c r="AD77356" i="1"/>
  <c r="AD77357" i="1"/>
  <c r="AD77358" i="1"/>
  <c r="AD77359" i="1"/>
  <c r="AD77360" i="1"/>
  <c r="AD77361" i="1"/>
  <c r="AD77362" i="1"/>
  <c r="AD77363" i="1"/>
  <c r="AD77364" i="1"/>
  <c r="AD77365" i="1"/>
  <c r="AD77366" i="1"/>
  <c r="AD77367" i="1"/>
  <c r="AD77368" i="1"/>
  <c r="AD77369" i="1"/>
  <c r="AD77370" i="1"/>
  <c r="AD77371" i="1"/>
  <c r="AD77372" i="1"/>
  <c r="AD77373" i="1"/>
  <c r="AD77374" i="1"/>
  <c r="AD77375" i="1"/>
  <c r="AD77376" i="1"/>
  <c r="AD77377" i="1"/>
  <c r="AD77378" i="1"/>
  <c r="AD77379" i="1"/>
  <c r="AD77380" i="1"/>
  <c r="AD77381" i="1"/>
  <c r="AD77382" i="1"/>
  <c r="AD77383" i="1"/>
  <c r="AD77384" i="1"/>
  <c r="AD77385" i="1"/>
  <c r="AD77386" i="1"/>
  <c r="AD77387" i="1"/>
  <c r="AD77388" i="1"/>
  <c r="AD77389" i="1"/>
  <c r="AD77390" i="1"/>
  <c r="AD77391" i="1"/>
  <c r="AD77392" i="1"/>
  <c r="AD77393" i="1"/>
  <c r="AD77394" i="1"/>
  <c r="AD77395" i="1"/>
  <c r="AD77396" i="1"/>
  <c r="AD77397" i="1"/>
  <c r="AD77398" i="1"/>
  <c r="AD77399" i="1"/>
  <c r="AD77400" i="1"/>
  <c r="AD77401" i="1"/>
  <c r="AD77402" i="1"/>
  <c r="AD77403" i="1"/>
  <c r="AD77404" i="1"/>
  <c r="AD77405" i="1"/>
  <c r="AD77406" i="1"/>
  <c r="AD77407" i="1"/>
  <c r="AD77408" i="1"/>
  <c r="AD77409" i="1"/>
  <c r="AD77410" i="1"/>
  <c r="AD77411" i="1"/>
  <c r="AD77412" i="1"/>
  <c r="AD77413" i="1"/>
  <c r="AD77414" i="1"/>
  <c r="AD77415" i="1"/>
  <c r="AD77416" i="1"/>
  <c r="AD77417" i="1"/>
  <c r="AD77418" i="1"/>
  <c r="AD77419" i="1"/>
  <c r="AD77420" i="1"/>
  <c r="AD77421" i="1"/>
  <c r="AD77422" i="1"/>
  <c r="AD77423" i="1"/>
  <c r="AD77424" i="1"/>
  <c r="AD77425" i="1"/>
  <c r="AD77426" i="1"/>
  <c r="AD77427" i="1"/>
  <c r="AD77428" i="1"/>
  <c r="AD77429" i="1"/>
  <c r="AD77430" i="1"/>
  <c r="AD77431" i="1"/>
  <c r="AD77432" i="1"/>
  <c r="AD77433" i="1"/>
  <c r="AD77434" i="1"/>
  <c r="AD77435" i="1"/>
  <c r="AD77436" i="1"/>
  <c r="AD77437" i="1"/>
  <c r="AD77438" i="1"/>
  <c r="AD77439" i="1"/>
  <c r="AD77440" i="1"/>
  <c r="AD77441" i="1"/>
  <c r="AD77442" i="1"/>
  <c r="AD77443" i="1"/>
  <c r="AD77444" i="1"/>
  <c r="AD77445" i="1"/>
  <c r="AD77446" i="1"/>
  <c r="AD77447" i="1"/>
  <c r="AD77448" i="1"/>
  <c r="AD77449" i="1"/>
  <c r="AD77450" i="1"/>
  <c r="AD77451" i="1"/>
  <c r="AD77452" i="1"/>
  <c r="AD77453" i="1"/>
  <c r="AD77454" i="1"/>
  <c r="AD77455" i="1"/>
  <c r="AD77456" i="1"/>
  <c r="AD77457" i="1"/>
  <c r="AD77458" i="1"/>
  <c r="AD77459" i="1"/>
  <c r="AD77460" i="1"/>
  <c r="AD77461" i="1"/>
  <c r="AD77462" i="1"/>
  <c r="AD77463" i="1"/>
  <c r="AD77464" i="1"/>
  <c r="AD77465" i="1"/>
  <c r="AD77466" i="1"/>
  <c r="AD77467" i="1"/>
  <c r="AD77468" i="1"/>
  <c r="AD77469" i="1"/>
  <c r="AD77470" i="1"/>
  <c r="AD77471" i="1"/>
  <c r="AD77472" i="1"/>
  <c r="AD77473" i="1"/>
  <c r="AD77474" i="1"/>
  <c r="AD77475" i="1"/>
  <c r="AD77476" i="1"/>
  <c r="AD77477" i="1"/>
  <c r="AD77478" i="1"/>
  <c r="AD77479" i="1"/>
  <c r="AD77480" i="1"/>
  <c r="AD77481" i="1"/>
  <c r="AD77482" i="1"/>
  <c r="AD77483" i="1"/>
  <c r="AD77484" i="1"/>
  <c r="AD77485" i="1"/>
  <c r="AD77486" i="1"/>
  <c r="AD77487" i="1"/>
  <c r="AD77488" i="1"/>
  <c r="AD77489" i="1"/>
  <c r="AD77490" i="1"/>
  <c r="AD77491" i="1"/>
  <c r="AD77492" i="1"/>
  <c r="AD77493" i="1"/>
  <c r="AD77494" i="1"/>
  <c r="AD77495" i="1"/>
  <c r="AD77496" i="1"/>
  <c r="AD77497" i="1"/>
  <c r="AD77498" i="1"/>
  <c r="AD77499" i="1"/>
  <c r="AD77500" i="1"/>
  <c r="AD77501" i="1"/>
  <c r="AD77502" i="1"/>
  <c r="AD77503" i="1"/>
  <c r="AD77504" i="1"/>
  <c r="AD77505" i="1"/>
  <c r="AD77506" i="1"/>
  <c r="AD77507" i="1"/>
  <c r="AD77508" i="1"/>
  <c r="AD77509" i="1"/>
  <c r="AD77510" i="1"/>
  <c r="AD77511" i="1"/>
  <c r="AD77512" i="1"/>
  <c r="AD77513" i="1"/>
  <c r="AD77514" i="1"/>
  <c r="AD77515" i="1"/>
  <c r="AD77516" i="1"/>
  <c r="AD77517" i="1"/>
  <c r="AD77518" i="1"/>
  <c r="AD77519" i="1"/>
  <c r="AD77520" i="1"/>
  <c r="AD77521" i="1"/>
  <c r="AD77522" i="1"/>
  <c r="AD77523" i="1"/>
  <c r="AD77524" i="1"/>
  <c r="AD77525" i="1"/>
  <c r="AD77526" i="1"/>
  <c r="AD77527" i="1"/>
  <c r="AD77528" i="1"/>
  <c r="AD77529" i="1"/>
  <c r="AD77530" i="1"/>
  <c r="AD77531" i="1"/>
  <c r="AD77532" i="1"/>
  <c r="AD77533" i="1"/>
  <c r="AD77534" i="1"/>
  <c r="AD77535" i="1"/>
  <c r="AD77536" i="1"/>
  <c r="AD77537" i="1"/>
  <c r="AD77538" i="1"/>
  <c r="AD77539" i="1"/>
  <c r="AD77540" i="1"/>
  <c r="AD77541" i="1"/>
  <c r="AD77542" i="1"/>
  <c r="AD77543" i="1"/>
  <c r="AD77544" i="1"/>
  <c r="AD77545" i="1"/>
  <c r="AD77546" i="1"/>
  <c r="AD77547" i="1"/>
  <c r="AD77548" i="1"/>
  <c r="AD77549" i="1"/>
  <c r="AD77550" i="1"/>
  <c r="AD77551" i="1"/>
  <c r="AD77552" i="1"/>
  <c r="AD77553" i="1"/>
  <c r="AD77554" i="1"/>
  <c r="AD77555" i="1"/>
  <c r="AD77556" i="1"/>
  <c r="AD77557" i="1"/>
  <c r="AD77558" i="1"/>
  <c r="AD77559" i="1"/>
  <c r="AD77560" i="1"/>
  <c r="AD77561" i="1"/>
  <c r="AD77562" i="1"/>
  <c r="AD77563" i="1"/>
  <c r="AD77564" i="1"/>
  <c r="AD77565" i="1"/>
  <c r="AD77566" i="1"/>
  <c r="AD77567" i="1"/>
  <c r="AD77568" i="1"/>
  <c r="AD77569" i="1"/>
  <c r="AD77570" i="1"/>
  <c r="AD77571" i="1"/>
  <c r="AD77572" i="1"/>
  <c r="AD77573" i="1"/>
  <c r="AD77574" i="1"/>
  <c r="AD77575" i="1"/>
  <c r="AD77576" i="1"/>
  <c r="AD77577" i="1"/>
  <c r="AD77578" i="1"/>
  <c r="AD77579" i="1"/>
  <c r="AD77580" i="1"/>
  <c r="AD77581" i="1"/>
  <c r="AD77582" i="1"/>
  <c r="AD77583" i="1"/>
  <c r="AD77584" i="1"/>
  <c r="AD77585" i="1"/>
  <c r="AD77586" i="1"/>
  <c r="AD77587" i="1"/>
  <c r="AD77588" i="1"/>
  <c r="AD77589" i="1"/>
  <c r="AD77590" i="1"/>
  <c r="AD77591" i="1"/>
  <c r="AD77592" i="1"/>
  <c r="AD77593" i="1"/>
  <c r="AD77594" i="1"/>
  <c r="AD77595" i="1"/>
  <c r="AD77596" i="1"/>
  <c r="AD77597" i="1"/>
  <c r="AD77598" i="1"/>
  <c r="AD77599" i="1"/>
  <c r="AD77600" i="1"/>
  <c r="AD77601" i="1"/>
  <c r="AD77602" i="1"/>
  <c r="AD77603" i="1"/>
  <c r="AD77604" i="1"/>
  <c r="AD77605" i="1"/>
  <c r="AD77606" i="1"/>
  <c r="AD77607" i="1"/>
  <c r="AD77608" i="1"/>
  <c r="AD77609" i="1"/>
  <c r="AD77610" i="1"/>
  <c r="AD77611" i="1"/>
  <c r="AD77612" i="1"/>
  <c r="AD77613" i="1"/>
  <c r="AD77614" i="1"/>
  <c r="AD77615" i="1"/>
  <c r="AD77616" i="1"/>
  <c r="AD77617" i="1"/>
  <c r="AD77618" i="1"/>
  <c r="AD77619" i="1"/>
  <c r="AD77620" i="1"/>
  <c r="AD77621" i="1"/>
  <c r="AD77622" i="1"/>
  <c r="AD77623" i="1"/>
  <c r="AD77624" i="1"/>
  <c r="AD77625" i="1"/>
  <c r="AD77626" i="1"/>
  <c r="AD77627" i="1"/>
  <c r="AD77628" i="1"/>
  <c r="AD77629" i="1"/>
  <c r="AD77630" i="1"/>
  <c r="AD77631" i="1"/>
  <c r="AD77632" i="1"/>
  <c r="AD77633" i="1"/>
  <c r="AD77634" i="1"/>
  <c r="AD77635" i="1"/>
  <c r="AD77636" i="1"/>
  <c r="AD77637" i="1"/>
  <c r="AD77638" i="1"/>
  <c r="AD77639" i="1"/>
  <c r="AD77640" i="1"/>
  <c r="AD77641" i="1"/>
  <c r="AD77642" i="1"/>
  <c r="AD77643" i="1"/>
  <c r="AD77644" i="1"/>
  <c r="AD77645" i="1"/>
  <c r="AD77646" i="1"/>
  <c r="AD77647" i="1"/>
  <c r="AD77648" i="1"/>
  <c r="AD77649" i="1"/>
  <c r="AD77650" i="1"/>
  <c r="AD77651" i="1"/>
  <c r="AD77652" i="1"/>
  <c r="AD77653" i="1"/>
  <c r="AD77654" i="1"/>
  <c r="AD77655" i="1"/>
  <c r="AD77656" i="1"/>
  <c r="AD77657" i="1"/>
  <c r="AD77658" i="1"/>
  <c r="AD77659" i="1"/>
  <c r="AD77660" i="1"/>
  <c r="AD77661" i="1"/>
  <c r="AD77662" i="1"/>
  <c r="AD77663" i="1"/>
  <c r="AD77664" i="1"/>
  <c r="AD77665" i="1"/>
  <c r="AD77666" i="1"/>
  <c r="AD77667" i="1"/>
  <c r="AD77668" i="1"/>
  <c r="AD77669" i="1"/>
  <c r="AD77670" i="1"/>
  <c r="AD77671" i="1"/>
  <c r="AD77672" i="1"/>
  <c r="AD77673" i="1"/>
  <c r="AD77674" i="1"/>
  <c r="AD77675" i="1"/>
  <c r="AD77676" i="1"/>
  <c r="AD77677" i="1"/>
  <c r="AD77678" i="1"/>
  <c r="AD77679" i="1"/>
  <c r="AD77680" i="1"/>
  <c r="AD77681" i="1"/>
  <c r="AD77682" i="1"/>
  <c r="AD77683" i="1"/>
  <c r="AD77684" i="1"/>
  <c r="AD77685" i="1"/>
  <c r="AD77686" i="1"/>
  <c r="AD77687" i="1"/>
  <c r="AD77688" i="1"/>
  <c r="AD77689" i="1"/>
  <c r="AD77690" i="1"/>
  <c r="AD77691" i="1"/>
  <c r="AD77692" i="1"/>
  <c r="AD77693" i="1"/>
  <c r="AD77694" i="1"/>
  <c r="AD77695" i="1"/>
  <c r="AD77696" i="1"/>
  <c r="AD77697" i="1"/>
  <c r="AD77698" i="1"/>
  <c r="AD77699" i="1"/>
  <c r="AD77700" i="1"/>
  <c r="AD77701" i="1"/>
  <c r="AD77702" i="1"/>
  <c r="AD77703" i="1"/>
  <c r="AD77704" i="1"/>
  <c r="AD77705" i="1"/>
  <c r="AD77706" i="1"/>
  <c r="AD77707" i="1"/>
  <c r="AD77708" i="1"/>
  <c r="AD77709" i="1"/>
  <c r="AD77710" i="1"/>
  <c r="AD77711" i="1"/>
  <c r="AD77712" i="1"/>
  <c r="AD77713" i="1"/>
  <c r="AD77714" i="1"/>
  <c r="AD77715" i="1"/>
  <c r="AD77716" i="1"/>
  <c r="AD77717" i="1"/>
  <c r="AD77718" i="1"/>
  <c r="AD77719" i="1"/>
  <c r="AD77720" i="1"/>
  <c r="AD77721" i="1"/>
  <c r="AD77722" i="1"/>
  <c r="AD77723" i="1"/>
  <c r="AD77724" i="1"/>
  <c r="AD77725" i="1"/>
  <c r="AD77726" i="1"/>
  <c r="AD77727" i="1"/>
  <c r="AD77728" i="1"/>
  <c r="AD77729" i="1"/>
  <c r="AD77730" i="1"/>
  <c r="AD77731" i="1"/>
  <c r="AD77732" i="1"/>
  <c r="AD77733" i="1"/>
  <c r="AD77734" i="1"/>
  <c r="AD77735" i="1"/>
  <c r="AD77736" i="1"/>
  <c r="AD77737" i="1"/>
  <c r="AD77738" i="1"/>
  <c r="AD77739" i="1"/>
  <c r="AD77740" i="1"/>
  <c r="AD77741" i="1"/>
  <c r="AD77742" i="1"/>
  <c r="AD77743" i="1"/>
  <c r="AD77744" i="1"/>
  <c r="AD77745" i="1"/>
  <c r="AD77746" i="1"/>
  <c r="AD77747" i="1"/>
  <c r="AD77748" i="1"/>
  <c r="AD77749" i="1"/>
  <c r="AD77750" i="1"/>
  <c r="AD77751" i="1"/>
  <c r="AD77752" i="1"/>
  <c r="AD77753" i="1"/>
  <c r="AD77754" i="1"/>
  <c r="AD77755" i="1"/>
  <c r="AD77756" i="1"/>
  <c r="AD77757" i="1"/>
  <c r="AD77758" i="1"/>
  <c r="AD77759" i="1"/>
  <c r="AD77760" i="1"/>
  <c r="AD77761" i="1"/>
  <c r="AD77762" i="1"/>
  <c r="AD77763" i="1"/>
  <c r="AD77764" i="1"/>
  <c r="AD77765" i="1"/>
  <c r="AD77766" i="1"/>
  <c r="AD77767" i="1"/>
  <c r="AD77768" i="1"/>
  <c r="AD77769" i="1"/>
  <c r="AD77770" i="1"/>
  <c r="AD77771" i="1"/>
  <c r="AD77772" i="1"/>
  <c r="AD77773" i="1"/>
  <c r="AD77774" i="1"/>
  <c r="AD77775" i="1"/>
  <c r="AD77776" i="1"/>
  <c r="AD77777" i="1"/>
  <c r="AD77778" i="1"/>
  <c r="AD77779" i="1"/>
  <c r="AD77780" i="1"/>
  <c r="AD77781" i="1"/>
  <c r="AD77782" i="1"/>
  <c r="AD77783" i="1"/>
  <c r="AD77784" i="1"/>
  <c r="AD77785" i="1"/>
  <c r="AD77786" i="1"/>
  <c r="AD77787" i="1"/>
  <c r="AD77788" i="1"/>
  <c r="AD77789" i="1"/>
  <c r="AD77790" i="1"/>
  <c r="AD77791" i="1"/>
  <c r="AD77792" i="1"/>
  <c r="AD77793" i="1"/>
  <c r="AD77794" i="1"/>
  <c r="AD77795" i="1"/>
  <c r="AD77796" i="1"/>
  <c r="AD77797" i="1"/>
  <c r="AD77798" i="1"/>
  <c r="AD77799" i="1"/>
  <c r="AD77800" i="1"/>
  <c r="AD77801" i="1"/>
  <c r="AD77802" i="1"/>
  <c r="AD77803" i="1"/>
  <c r="AD77804" i="1"/>
  <c r="AD77805" i="1"/>
  <c r="AD77806" i="1"/>
  <c r="AD77807" i="1"/>
  <c r="AD77808" i="1"/>
  <c r="AD77809" i="1"/>
  <c r="AD77810" i="1"/>
  <c r="AD77811" i="1"/>
  <c r="AD77812" i="1"/>
  <c r="AD77813" i="1"/>
  <c r="AD77814" i="1"/>
  <c r="AD77815" i="1"/>
  <c r="AD77816" i="1"/>
  <c r="AD77817" i="1"/>
  <c r="AD77818" i="1"/>
  <c r="AD77819" i="1"/>
  <c r="AD77820" i="1"/>
  <c r="AD77821" i="1"/>
  <c r="AD77822" i="1"/>
  <c r="AD77823" i="1"/>
  <c r="AD77824" i="1"/>
  <c r="AD77825" i="1"/>
  <c r="AD77826" i="1"/>
  <c r="AD77827" i="1"/>
  <c r="AD77828" i="1"/>
  <c r="AD77829" i="1"/>
  <c r="AD77830" i="1"/>
  <c r="AD77831" i="1"/>
  <c r="AD77832" i="1"/>
  <c r="AD77833" i="1"/>
  <c r="AD77834" i="1"/>
  <c r="AD77835" i="1"/>
  <c r="AD77836" i="1"/>
  <c r="AD77837" i="1"/>
  <c r="AD77838" i="1"/>
  <c r="AD77839" i="1"/>
  <c r="AD77840" i="1"/>
  <c r="AD77841" i="1"/>
  <c r="AD77842" i="1"/>
  <c r="AD77843" i="1"/>
  <c r="AD77844" i="1"/>
  <c r="AD77845" i="1"/>
  <c r="AD77846" i="1"/>
  <c r="AD77847" i="1"/>
  <c r="AD77848" i="1"/>
  <c r="AD77849" i="1"/>
  <c r="AD77850" i="1"/>
  <c r="AD77851" i="1"/>
  <c r="AD77852" i="1"/>
  <c r="AD77853" i="1"/>
  <c r="AD77854" i="1"/>
  <c r="AD77855" i="1"/>
  <c r="AD77856" i="1"/>
  <c r="AD77857" i="1"/>
  <c r="AD77858" i="1"/>
  <c r="AD77859" i="1"/>
  <c r="AD77860" i="1"/>
  <c r="AD77861" i="1"/>
  <c r="AD77862" i="1"/>
  <c r="AD77863" i="1"/>
  <c r="AD77864" i="1"/>
  <c r="AD77865" i="1"/>
  <c r="AD77866" i="1"/>
  <c r="AD77867" i="1"/>
  <c r="AD77868" i="1"/>
  <c r="AD77869" i="1"/>
  <c r="AD77870" i="1"/>
  <c r="AD77871" i="1"/>
  <c r="AD77872" i="1"/>
  <c r="AD77873" i="1"/>
  <c r="AD77874" i="1"/>
  <c r="AD77875" i="1"/>
  <c r="AD77876" i="1"/>
  <c r="AD77877" i="1"/>
  <c r="AD77878" i="1"/>
  <c r="AD77879" i="1"/>
  <c r="AD77880" i="1"/>
  <c r="AD77881" i="1"/>
  <c r="AD77882" i="1"/>
  <c r="AD77883" i="1"/>
  <c r="AD77884" i="1"/>
  <c r="AD77885" i="1"/>
  <c r="AD77886" i="1"/>
  <c r="AD77887" i="1"/>
  <c r="AD77888" i="1"/>
  <c r="AD77889" i="1"/>
  <c r="AD77890" i="1"/>
  <c r="AD77891" i="1"/>
  <c r="AD77892" i="1"/>
  <c r="AD77893" i="1"/>
  <c r="AD77894" i="1"/>
  <c r="AD77895" i="1"/>
  <c r="AD77896" i="1"/>
  <c r="AD77897" i="1"/>
  <c r="AD77898" i="1"/>
  <c r="AD77899" i="1"/>
  <c r="AD77900" i="1"/>
  <c r="AD77901" i="1"/>
  <c r="AD77902" i="1"/>
  <c r="AD77903" i="1"/>
  <c r="AD77904" i="1"/>
  <c r="AD77905" i="1"/>
  <c r="AD77906" i="1"/>
  <c r="AD77907" i="1"/>
  <c r="AD77908" i="1"/>
  <c r="AD77909" i="1"/>
  <c r="AD77910" i="1"/>
  <c r="AD77911" i="1"/>
  <c r="AD77912" i="1"/>
  <c r="AD77913" i="1"/>
  <c r="AD77914" i="1"/>
  <c r="AD77915" i="1"/>
  <c r="AD77916" i="1"/>
  <c r="AD77917" i="1"/>
  <c r="AD77918" i="1"/>
  <c r="AD77919" i="1"/>
  <c r="AD77920" i="1"/>
  <c r="AD77921" i="1"/>
  <c r="AD77922" i="1"/>
  <c r="AD77923" i="1"/>
  <c r="AD77924" i="1"/>
  <c r="AD77925" i="1"/>
  <c r="AD77926" i="1"/>
  <c r="AD77927" i="1"/>
  <c r="AD77928" i="1"/>
  <c r="AD77929" i="1"/>
  <c r="AD77930" i="1"/>
  <c r="AD77931" i="1"/>
  <c r="AD77932" i="1"/>
  <c r="AD77933" i="1"/>
  <c r="AD77934" i="1"/>
  <c r="AD77935" i="1"/>
  <c r="AD77936" i="1"/>
  <c r="AD77937" i="1"/>
  <c r="AD77938" i="1"/>
  <c r="AD77939" i="1"/>
  <c r="AD77940" i="1"/>
  <c r="AD77941" i="1"/>
  <c r="AD77942" i="1"/>
  <c r="AD77943" i="1"/>
  <c r="AD77944" i="1"/>
  <c r="AD77945" i="1"/>
  <c r="AD77946" i="1"/>
  <c r="AD77947" i="1"/>
  <c r="AD77948" i="1"/>
  <c r="AD77949" i="1"/>
  <c r="AD77950" i="1"/>
  <c r="AD77951" i="1"/>
  <c r="AD77952" i="1"/>
  <c r="AD77953" i="1"/>
  <c r="AD77954" i="1"/>
  <c r="AD77955" i="1"/>
  <c r="AD77956" i="1"/>
  <c r="AD77957" i="1"/>
  <c r="AD77958" i="1"/>
  <c r="AD77959" i="1"/>
  <c r="AD77960" i="1"/>
  <c r="AD77961" i="1"/>
  <c r="AD77962" i="1"/>
  <c r="AD77963" i="1"/>
  <c r="AD77964" i="1"/>
  <c r="AD77965" i="1"/>
  <c r="AD77966" i="1"/>
  <c r="AD77967" i="1"/>
  <c r="AD77968" i="1"/>
  <c r="AD77969" i="1"/>
  <c r="AD77970" i="1"/>
  <c r="AD77971" i="1"/>
  <c r="AD77972" i="1"/>
  <c r="AD77973" i="1"/>
  <c r="AD77974" i="1"/>
  <c r="AD77975" i="1"/>
  <c r="AD77976" i="1"/>
  <c r="AD77977" i="1"/>
  <c r="AD77978" i="1"/>
  <c r="AD77979" i="1"/>
  <c r="AD77980" i="1"/>
  <c r="AD77981" i="1"/>
  <c r="AD77982" i="1"/>
  <c r="AD77983" i="1"/>
  <c r="AD77984" i="1"/>
  <c r="AD77985" i="1"/>
  <c r="AD77986" i="1"/>
  <c r="AD77987" i="1"/>
  <c r="AD77988" i="1"/>
  <c r="AD77989" i="1"/>
  <c r="AD77990" i="1"/>
  <c r="AD77991" i="1"/>
  <c r="AD77992" i="1"/>
  <c r="AD77993" i="1"/>
  <c r="AD77994" i="1"/>
  <c r="AD77995" i="1"/>
  <c r="AD77996" i="1"/>
  <c r="AD77997" i="1"/>
  <c r="AD77998" i="1"/>
  <c r="AD77999" i="1"/>
  <c r="AD78000" i="1"/>
  <c r="AD78001" i="1"/>
  <c r="AD78002" i="1"/>
  <c r="AD78003" i="1"/>
  <c r="AD78004" i="1"/>
  <c r="AD78005" i="1"/>
  <c r="AD78006" i="1"/>
  <c r="AD78007" i="1"/>
  <c r="AD78008" i="1"/>
  <c r="AD78009" i="1"/>
  <c r="AD78010" i="1"/>
  <c r="AD78011" i="1"/>
  <c r="AD78012" i="1"/>
  <c r="AD78013" i="1"/>
  <c r="AD78014" i="1"/>
  <c r="AD78015" i="1"/>
  <c r="AD78016" i="1"/>
  <c r="AD78017" i="1"/>
  <c r="AD78018" i="1"/>
  <c r="AD78019" i="1"/>
  <c r="AD78020" i="1"/>
  <c r="AD78021" i="1"/>
  <c r="AD78022" i="1"/>
  <c r="AD78023" i="1"/>
  <c r="AD78024" i="1"/>
  <c r="AD78025" i="1"/>
  <c r="AD78026" i="1"/>
  <c r="AD78027" i="1"/>
  <c r="AD78028" i="1"/>
  <c r="AD78029" i="1"/>
  <c r="AD78030" i="1"/>
  <c r="AD78031" i="1"/>
  <c r="AD78032" i="1"/>
  <c r="AD78033" i="1"/>
  <c r="AD78034" i="1"/>
  <c r="AD78035" i="1"/>
  <c r="AD78036" i="1"/>
  <c r="AD78037" i="1"/>
  <c r="AD78038" i="1"/>
  <c r="AD78039" i="1"/>
  <c r="AD78040" i="1"/>
  <c r="AD78041" i="1"/>
  <c r="AD78042" i="1"/>
  <c r="AD78043" i="1"/>
  <c r="AD78044" i="1"/>
  <c r="AD78045" i="1"/>
  <c r="AD78046" i="1"/>
  <c r="AD78047" i="1"/>
  <c r="AD78048" i="1"/>
  <c r="AD78049" i="1"/>
  <c r="AD78050" i="1"/>
  <c r="AD78051" i="1"/>
  <c r="AD78052" i="1"/>
  <c r="AD78053" i="1"/>
  <c r="AD78054" i="1"/>
  <c r="AD78055" i="1"/>
  <c r="AD78056" i="1"/>
  <c r="AD78057" i="1"/>
  <c r="AD78058" i="1"/>
  <c r="AD78059" i="1"/>
  <c r="AD78060" i="1"/>
  <c r="AD78061" i="1"/>
  <c r="AD78062" i="1"/>
  <c r="AD78063" i="1"/>
  <c r="AD78064" i="1"/>
  <c r="AD78065" i="1"/>
  <c r="AD78066" i="1"/>
  <c r="AD78067" i="1"/>
  <c r="AD78068" i="1"/>
  <c r="AD78069" i="1"/>
  <c r="AD78070" i="1"/>
  <c r="AD78071" i="1"/>
  <c r="AD78072" i="1"/>
  <c r="AD78073" i="1"/>
  <c r="AD78074" i="1"/>
  <c r="AD78075" i="1"/>
  <c r="AD78076" i="1"/>
  <c r="AD78077" i="1"/>
  <c r="AD78078" i="1"/>
  <c r="AD78079" i="1"/>
  <c r="AD78080" i="1"/>
  <c r="AD78081" i="1"/>
  <c r="AD78082" i="1"/>
  <c r="AD78083" i="1"/>
  <c r="AD78084" i="1"/>
  <c r="AD78085" i="1"/>
  <c r="AD78086" i="1"/>
  <c r="AD78087" i="1"/>
  <c r="AD78088" i="1"/>
  <c r="AD78089" i="1"/>
  <c r="AD78090" i="1"/>
  <c r="AD78091" i="1"/>
  <c r="AD78092" i="1"/>
  <c r="AD78093" i="1"/>
  <c r="AD78094" i="1"/>
  <c r="AD78095" i="1"/>
  <c r="AD78096" i="1"/>
  <c r="AD78097" i="1"/>
  <c r="AD78098" i="1"/>
  <c r="AD78099" i="1"/>
  <c r="AD78100" i="1"/>
  <c r="AD78101" i="1"/>
  <c r="AD78102" i="1"/>
  <c r="AD78103" i="1"/>
  <c r="AD78104" i="1"/>
  <c r="AD78105" i="1"/>
  <c r="AD78106" i="1"/>
  <c r="AD78107" i="1"/>
  <c r="AD78108" i="1"/>
  <c r="AD78109" i="1"/>
  <c r="AD78110" i="1"/>
  <c r="AD78111" i="1"/>
  <c r="AD78112" i="1"/>
  <c r="AD78113" i="1"/>
  <c r="AD78114" i="1"/>
  <c r="AD78115" i="1"/>
  <c r="AD78116" i="1"/>
  <c r="AD78117" i="1"/>
  <c r="AD78118" i="1"/>
  <c r="AD78119" i="1"/>
  <c r="AD78120" i="1"/>
  <c r="AD78121" i="1"/>
  <c r="AD78122" i="1"/>
  <c r="AD78123" i="1"/>
  <c r="AD78124" i="1"/>
  <c r="AD78125" i="1"/>
  <c r="AD78126" i="1"/>
  <c r="AD78127" i="1"/>
  <c r="AD78128" i="1"/>
  <c r="AD78129" i="1"/>
  <c r="AD78130" i="1"/>
  <c r="AD78131" i="1"/>
  <c r="AD78132" i="1"/>
  <c r="AD78133" i="1"/>
  <c r="AD78134" i="1"/>
  <c r="AD78135" i="1"/>
  <c r="AD78136" i="1"/>
  <c r="AD78137" i="1"/>
  <c r="AD78138" i="1"/>
  <c r="AD78139" i="1"/>
  <c r="AD78140" i="1"/>
  <c r="AD78141" i="1"/>
  <c r="AD78142" i="1"/>
  <c r="AD78143" i="1"/>
  <c r="AD78144" i="1"/>
  <c r="AD78145" i="1"/>
  <c r="AD78146" i="1"/>
  <c r="AD78147" i="1"/>
  <c r="AD78148" i="1"/>
  <c r="AD78149" i="1"/>
  <c r="AD78150" i="1"/>
  <c r="AD78151" i="1"/>
  <c r="AD78152" i="1"/>
  <c r="AD78153" i="1"/>
  <c r="AD78154" i="1"/>
  <c r="AD78155" i="1"/>
  <c r="AD78156" i="1"/>
  <c r="AD78157" i="1"/>
  <c r="AD78158" i="1"/>
  <c r="AD78159" i="1"/>
  <c r="AD78160" i="1"/>
  <c r="AD78161" i="1"/>
  <c r="AD78162" i="1"/>
  <c r="AD78163" i="1"/>
  <c r="AD78164" i="1"/>
  <c r="AD78165" i="1"/>
  <c r="AD78166" i="1"/>
  <c r="AD78167" i="1"/>
  <c r="AD78168" i="1"/>
  <c r="AD78169" i="1"/>
  <c r="AD78170" i="1"/>
  <c r="AD78171" i="1"/>
  <c r="AD78172" i="1"/>
  <c r="AD78173" i="1"/>
  <c r="AD78174" i="1"/>
  <c r="AD78175" i="1"/>
  <c r="AD78176" i="1"/>
  <c r="AD78177" i="1"/>
  <c r="AD78178" i="1"/>
  <c r="AD78179" i="1"/>
  <c r="AD78180" i="1"/>
  <c r="AD78181" i="1"/>
  <c r="AD78182" i="1"/>
  <c r="AD78183" i="1"/>
  <c r="AD78184" i="1"/>
  <c r="AD78185" i="1"/>
  <c r="AD78186" i="1"/>
  <c r="AD78187" i="1"/>
  <c r="AD78188" i="1"/>
  <c r="AD78189" i="1"/>
  <c r="AD78190" i="1"/>
  <c r="AD78191" i="1"/>
  <c r="AD78192" i="1"/>
  <c r="AD78193" i="1"/>
  <c r="AD78194" i="1"/>
  <c r="AD78195" i="1"/>
  <c r="AD78196" i="1"/>
  <c r="AD78197" i="1"/>
  <c r="AD78198" i="1"/>
  <c r="AD78199" i="1"/>
  <c r="AD78200" i="1"/>
  <c r="AD78201" i="1"/>
  <c r="AD78202" i="1"/>
  <c r="AD78203" i="1"/>
  <c r="AD78204" i="1"/>
  <c r="AD78205" i="1"/>
  <c r="AD78206" i="1"/>
  <c r="AD78207" i="1"/>
  <c r="AD78208" i="1"/>
  <c r="AD78209" i="1"/>
  <c r="AD78210" i="1"/>
  <c r="AD78211" i="1"/>
  <c r="AD78212" i="1"/>
  <c r="AD78213" i="1"/>
  <c r="AD78214" i="1"/>
  <c r="AD78215" i="1"/>
  <c r="AD78216" i="1"/>
  <c r="AD78217" i="1"/>
  <c r="AD78218" i="1"/>
  <c r="AD78219" i="1"/>
  <c r="AD78220" i="1"/>
  <c r="AD78221" i="1"/>
  <c r="AD78222" i="1"/>
  <c r="AD78223" i="1"/>
  <c r="AD78224" i="1"/>
  <c r="AD78225" i="1"/>
  <c r="AD78226" i="1"/>
  <c r="AD78227" i="1"/>
  <c r="AD78228" i="1"/>
  <c r="AD78229" i="1"/>
  <c r="AD78230" i="1"/>
  <c r="AD78231" i="1"/>
  <c r="AD78232" i="1"/>
  <c r="AD78233" i="1"/>
  <c r="AD78234" i="1"/>
  <c r="AD78235" i="1"/>
  <c r="AD78236" i="1"/>
  <c r="AD78237" i="1"/>
  <c r="AD78238" i="1"/>
  <c r="AD78239" i="1"/>
  <c r="AD78240" i="1"/>
  <c r="AD78241" i="1"/>
  <c r="AD78242" i="1"/>
  <c r="AD78243" i="1"/>
  <c r="AD78244" i="1"/>
  <c r="AD78245" i="1"/>
  <c r="AD78246" i="1"/>
  <c r="AD78247" i="1"/>
  <c r="AD78248" i="1"/>
  <c r="AD78249" i="1"/>
  <c r="AD78250" i="1"/>
  <c r="AD78251" i="1"/>
  <c r="AD78252" i="1"/>
  <c r="AD78253" i="1"/>
  <c r="AD78254" i="1"/>
  <c r="AD78255" i="1"/>
  <c r="AD78256" i="1"/>
  <c r="AD78257" i="1"/>
  <c r="AD78258" i="1"/>
  <c r="AD78259" i="1"/>
  <c r="AD78260" i="1"/>
  <c r="AD78261" i="1"/>
  <c r="AD78262" i="1"/>
  <c r="AD78263" i="1"/>
  <c r="AD78264" i="1"/>
  <c r="AD78265" i="1"/>
  <c r="AD78266" i="1"/>
  <c r="AD78267" i="1"/>
  <c r="AD78268" i="1"/>
  <c r="AD78269" i="1"/>
  <c r="AD78270" i="1"/>
  <c r="AD78271" i="1"/>
  <c r="AD78272" i="1"/>
  <c r="AD78273" i="1"/>
  <c r="AD78274" i="1"/>
  <c r="AD78275" i="1"/>
  <c r="AD78276" i="1"/>
  <c r="AD78277" i="1"/>
  <c r="AD78278" i="1"/>
  <c r="AD78279" i="1"/>
  <c r="AD78280" i="1"/>
  <c r="AD78281" i="1"/>
  <c r="AD78282" i="1"/>
  <c r="AD78283" i="1"/>
  <c r="AD78284" i="1"/>
  <c r="AD78285" i="1"/>
  <c r="AD78286" i="1"/>
  <c r="AD78287" i="1"/>
  <c r="AD78288" i="1"/>
  <c r="AD78289" i="1"/>
  <c r="AD78290" i="1"/>
  <c r="AD78291" i="1"/>
  <c r="AD78292" i="1"/>
  <c r="AD78293" i="1"/>
  <c r="AD78294" i="1"/>
  <c r="AD78295" i="1"/>
  <c r="AD78296" i="1"/>
  <c r="AD78297" i="1"/>
  <c r="AD78298" i="1"/>
  <c r="AD78299" i="1"/>
  <c r="AD78300" i="1"/>
  <c r="AD78301" i="1"/>
  <c r="AD78302" i="1"/>
  <c r="AD78303" i="1"/>
  <c r="AD78304" i="1"/>
  <c r="AD78305" i="1"/>
  <c r="AD78306" i="1"/>
  <c r="AD78307" i="1"/>
  <c r="AD78308" i="1"/>
  <c r="AD78309" i="1"/>
  <c r="AD78310" i="1"/>
  <c r="AD78311" i="1"/>
  <c r="AD78312" i="1"/>
  <c r="AD78313" i="1"/>
  <c r="AD78314" i="1"/>
  <c r="AD78315" i="1"/>
  <c r="AD78316" i="1"/>
  <c r="AD78317" i="1"/>
  <c r="AD78318" i="1"/>
  <c r="AD78319" i="1"/>
  <c r="AD78320" i="1"/>
  <c r="AD78321" i="1"/>
  <c r="AD78322" i="1"/>
  <c r="AD78323" i="1"/>
  <c r="AD78324" i="1"/>
  <c r="AD78325" i="1"/>
  <c r="AD78326" i="1"/>
  <c r="AD78327" i="1"/>
  <c r="AD78328" i="1"/>
  <c r="AD78329" i="1"/>
  <c r="AD78330" i="1"/>
  <c r="AD78331" i="1"/>
  <c r="AD78332" i="1"/>
  <c r="AD78333" i="1"/>
  <c r="AD78334" i="1"/>
  <c r="AD78335" i="1"/>
  <c r="AD78336" i="1"/>
  <c r="AD78337" i="1"/>
  <c r="AD78338" i="1"/>
  <c r="AD78339" i="1"/>
  <c r="AD78340" i="1"/>
  <c r="AD78341" i="1"/>
  <c r="AD78342" i="1"/>
  <c r="AD78343" i="1"/>
  <c r="AD78344" i="1"/>
  <c r="AD78345" i="1"/>
  <c r="AD78346" i="1"/>
  <c r="AD78347" i="1"/>
  <c r="AD78348" i="1"/>
  <c r="AD78349" i="1"/>
  <c r="AD78350" i="1"/>
  <c r="AD78351" i="1"/>
  <c r="AD78352" i="1"/>
  <c r="AD78353" i="1"/>
  <c r="AD78354" i="1"/>
  <c r="AD78355" i="1"/>
  <c r="AD78356" i="1"/>
  <c r="AD78357" i="1"/>
  <c r="AD78358" i="1"/>
  <c r="AD78359" i="1"/>
  <c r="AD78360" i="1"/>
  <c r="AD78361" i="1"/>
  <c r="AD78362" i="1"/>
  <c r="AD78363" i="1"/>
  <c r="AD78364" i="1"/>
  <c r="AD78365" i="1"/>
  <c r="AD78366" i="1"/>
  <c r="AD78367" i="1"/>
  <c r="AD78368" i="1"/>
  <c r="AD78369" i="1"/>
  <c r="AD78370" i="1"/>
  <c r="AD78371" i="1"/>
  <c r="AD78372" i="1"/>
  <c r="AD78373" i="1"/>
  <c r="AD78374" i="1"/>
  <c r="AD78375" i="1"/>
  <c r="AD78376" i="1"/>
  <c r="AD78377" i="1"/>
  <c r="AD78378" i="1"/>
  <c r="AD78379" i="1"/>
  <c r="AD78380" i="1"/>
  <c r="AD78381" i="1"/>
  <c r="AD78382" i="1"/>
  <c r="AD78383" i="1"/>
  <c r="AD78384" i="1"/>
  <c r="AD78385" i="1"/>
  <c r="AD78386" i="1"/>
  <c r="AD78387" i="1"/>
  <c r="AD78388" i="1"/>
  <c r="AD78389" i="1"/>
  <c r="AD78390" i="1"/>
  <c r="AD78391" i="1"/>
  <c r="AD78392" i="1"/>
  <c r="AD78393" i="1"/>
  <c r="AD78394" i="1"/>
  <c r="AD78395" i="1"/>
  <c r="AD78396" i="1"/>
  <c r="AD78397" i="1"/>
  <c r="AD78398" i="1"/>
  <c r="AD78399" i="1"/>
  <c r="AD78400" i="1"/>
  <c r="AD78401" i="1"/>
  <c r="AD78402" i="1"/>
  <c r="AD78403" i="1"/>
  <c r="AD78404" i="1"/>
  <c r="AD78405" i="1"/>
  <c r="AD78406" i="1"/>
  <c r="AD78407" i="1"/>
  <c r="AD78408" i="1"/>
  <c r="AD78409" i="1"/>
  <c r="AD78410" i="1"/>
  <c r="AD78411" i="1"/>
  <c r="AD78412" i="1"/>
  <c r="AD78413" i="1"/>
  <c r="AD78414" i="1"/>
  <c r="AD78415" i="1"/>
  <c r="AD78416" i="1"/>
  <c r="AD78417" i="1"/>
  <c r="AD78418" i="1"/>
  <c r="AD78419" i="1"/>
  <c r="AD78420" i="1"/>
  <c r="AD78421" i="1"/>
  <c r="AD78422" i="1"/>
  <c r="AD78423" i="1"/>
  <c r="AD78424" i="1"/>
  <c r="AD78425" i="1"/>
  <c r="AD78426" i="1"/>
  <c r="AD78427" i="1"/>
  <c r="AD78428" i="1"/>
  <c r="AD78429" i="1"/>
  <c r="AD78430" i="1"/>
  <c r="AD78431" i="1"/>
  <c r="AD78432" i="1"/>
  <c r="AD78433" i="1"/>
  <c r="AD78434" i="1"/>
  <c r="AD78435" i="1"/>
  <c r="AD78436" i="1"/>
  <c r="AD78437" i="1"/>
  <c r="AD78438" i="1"/>
  <c r="AD78439" i="1"/>
  <c r="AD78440" i="1"/>
  <c r="AD78441" i="1"/>
  <c r="AD78442" i="1"/>
  <c r="AD78443" i="1"/>
  <c r="AD78444" i="1"/>
  <c r="AD78445" i="1"/>
  <c r="AD78446" i="1"/>
  <c r="AD78447" i="1"/>
  <c r="AD78448" i="1"/>
  <c r="AD78449" i="1"/>
  <c r="AD78450" i="1"/>
  <c r="AD78451" i="1"/>
  <c r="AD78452" i="1"/>
  <c r="AD78453" i="1"/>
  <c r="AD78454" i="1"/>
  <c r="AD78455" i="1"/>
  <c r="AD78456" i="1"/>
  <c r="AD78457" i="1"/>
  <c r="AD78458" i="1"/>
  <c r="AD78459" i="1"/>
  <c r="AD78460" i="1"/>
  <c r="AD78461" i="1"/>
  <c r="AD78462" i="1"/>
  <c r="AD78463" i="1"/>
  <c r="AD78464" i="1"/>
  <c r="AD78465" i="1"/>
  <c r="AD78466" i="1"/>
  <c r="AD78467" i="1"/>
  <c r="AD78468" i="1"/>
  <c r="AD78469" i="1"/>
  <c r="AD78470" i="1"/>
  <c r="AD78471" i="1"/>
  <c r="AD78472" i="1"/>
  <c r="AD78473" i="1"/>
  <c r="AD78474" i="1"/>
  <c r="AD78475" i="1"/>
  <c r="AD78476" i="1"/>
  <c r="AD78477" i="1"/>
  <c r="AD78478" i="1"/>
  <c r="AD78479" i="1"/>
  <c r="AD78480" i="1"/>
  <c r="AD78481" i="1"/>
  <c r="AD78482" i="1"/>
  <c r="AD78483" i="1"/>
  <c r="AD78484" i="1"/>
  <c r="AD78485" i="1"/>
  <c r="AD78486" i="1"/>
  <c r="AD78487" i="1"/>
  <c r="AD78488" i="1"/>
  <c r="AD78489" i="1"/>
  <c r="AD78490" i="1"/>
  <c r="AD78491" i="1"/>
  <c r="AD78492" i="1"/>
  <c r="AD78493" i="1"/>
  <c r="AD78494" i="1"/>
  <c r="AD78495" i="1"/>
  <c r="AD78496" i="1"/>
  <c r="AD78497" i="1"/>
  <c r="AD78498" i="1"/>
  <c r="AD78499" i="1"/>
  <c r="AD78500" i="1"/>
  <c r="AD78501" i="1"/>
  <c r="AD78502" i="1"/>
  <c r="AD78503" i="1"/>
  <c r="AD78504" i="1"/>
  <c r="AD78505" i="1"/>
  <c r="AD78506" i="1"/>
  <c r="AD78507" i="1"/>
  <c r="AD78508" i="1"/>
  <c r="AD78509" i="1"/>
  <c r="AD78510" i="1"/>
  <c r="AD78511" i="1"/>
  <c r="AD78512" i="1"/>
  <c r="AD78513" i="1"/>
  <c r="AD78514" i="1"/>
  <c r="AD78515" i="1"/>
  <c r="AD78516" i="1"/>
  <c r="AD78517" i="1"/>
  <c r="AD78518" i="1"/>
  <c r="AD78519" i="1"/>
  <c r="AD78520" i="1"/>
  <c r="AD78521" i="1"/>
  <c r="AD78522" i="1"/>
  <c r="AD78523" i="1"/>
  <c r="AD78524" i="1"/>
  <c r="AD78525" i="1"/>
  <c r="AD78526" i="1"/>
  <c r="AD78527" i="1"/>
  <c r="AD78528" i="1"/>
  <c r="AD78529" i="1"/>
  <c r="AD78530" i="1"/>
  <c r="AD78531" i="1"/>
  <c r="AD78532" i="1"/>
  <c r="AD78533" i="1"/>
  <c r="AD78534" i="1"/>
  <c r="AD78535" i="1"/>
  <c r="AD78536" i="1"/>
  <c r="AD78537" i="1"/>
  <c r="AD78538" i="1"/>
  <c r="AD78539" i="1"/>
  <c r="AD78540" i="1"/>
  <c r="AD78541" i="1"/>
  <c r="AD78542" i="1"/>
  <c r="AD78543" i="1"/>
  <c r="AD78544" i="1"/>
  <c r="AD78545" i="1"/>
  <c r="AD78546" i="1"/>
  <c r="AD78547" i="1"/>
  <c r="AD78548" i="1"/>
  <c r="AD78549" i="1"/>
  <c r="AD78550" i="1"/>
  <c r="AD78551" i="1"/>
  <c r="AD78552" i="1"/>
  <c r="AD78553" i="1"/>
  <c r="AD78554" i="1"/>
  <c r="AD78555" i="1"/>
  <c r="AD78556" i="1"/>
  <c r="AD78557" i="1"/>
  <c r="AD78558" i="1"/>
  <c r="AD78559" i="1"/>
  <c r="AD78560" i="1"/>
  <c r="AD78561" i="1"/>
  <c r="AD78562" i="1"/>
  <c r="AD78563" i="1"/>
  <c r="AD78564" i="1"/>
  <c r="AD78565" i="1"/>
  <c r="AD78566" i="1"/>
  <c r="AD78567" i="1"/>
  <c r="AD78568" i="1"/>
  <c r="AD78569" i="1"/>
  <c r="AD78570" i="1"/>
  <c r="AD78571" i="1"/>
  <c r="AD78572" i="1"/>
  <c r="AD78573" i="1"/>
  <c r="AD78574" i="1"/>
  <c r="AD78575" i="1"/>
  <c r="AD78576" i="1"/>
  <c r="AD78577" i="1"/>
  <c r="AD78578" i="1"/>
  <c r="AD78579" i="1"/>
  <c r="AD78580" i="1"/>
  <c r="AD78581" i="1"/>
  <c r="AD78582" i="1"/>
  <c r="AD78583" i="1"/>
  <c r="AD78584" i="1"/>
  <c r="AD78585" i="1"/>
  <c r="AD78586" i="1"/>
  <c r="AD78587" i="1"/>
  <c r="AD78588" i="1"/>
  <c r="AD78589" i="1"/>
  <c r="AD78590" i="1"/>
  <c r="AD78591" i="1"/>
  <c r="AD78592" i="1"/>
  <c r="AD78593" i="1"/>
  <c r="AD78594" i="1"/>
  <c r="AD78595" i="1"/>
  <c r="AD78596" i="1"/>
  <c r="AD78597" i="1"/>
  <c r="AD78598" i="1"/>
  <c r="AD78599" i="1"/>
  <c r="AD78600" i="1"/>
  <c r="AD78601" i="1"/>
  <c r="AD78602" i="1"/>
  <c r="AD78603" i="1"/>
  <c r="AD78604" i="1"/>
  <c r="AD78605" i="1"/>
  <c r="AD78606" i="1"/>
  <c r="AD78607" i="1"/>
  <c r="AD78608" i="1"/>
  <c r="AD78609" i="1"/>
  <c r="AD78610" i="1"/>
  <c r="AD78611" i="1"/>
  <c r="AD78612" i="1"/>
  <c r="AD78613" i="1"/>
  <c r="AD78614" i="1"/>
  <c r="AD78615" i="1"/>
  <c r="AD78616" i="1"/>
  <c r="AD78617" i="1"/>
  <c r="AD78618" i="1"/>
  <c r="AD78619" i="1"/>
  <c r="AD78620" i="1"/>
  <c r="AD78621" i="1"/>
  <c r="AD78622" i="1"/>
  <c r="AD78623" i="1"/>
  <c r="AD78624" i="1"/>
  <c r="AD78625" i="1"/>
  <c r="AD78626" i="1"/>
  <c r="AD78627" i="1"/>
  <c r="AD78628" i="1"/>
  <c r="AD78629" i="1"/>
  <c r="AD78630" i="1"/>
  <c r="AD78631" i="1"/>
  <c r="AD78632" i="1"/>
  <c r="AD78633" i="1"/>
  <c r="AD78634" i="1"/>
  <c r="AD78635" i="1"/>
  <c r="AD78636" i="1"/>
  <c r="AD78637" i="1"/>
  <c r="AD78638" i="1"/>
  <c r="AD78639" i="1"/>
  <c r="AD78640" i="1"/>
  <c r="AD78641" i="1"/>
  <c r="AD78642" i="1"/>
  <c r="AD78643" i="1"/>
  <c r="AD78644" i="1"/>
  <c r="AD78645" i="1"/>
  <c r="AD78646" i="1"/>
  <c r="AD78647" i="1"/>
  <c r="AD78648" i="1"/>
  <c r="AD78649" i="1"/>
  <c r="AD78650" i="1"/>
  <c r="AD78651" i="1"/>
  <c r="AD78652" i="1"/>
  <c r="AD78653" i="1"/>
  <c r="AD78654" i="1"/>
  <c r="AD78655" i="1"/>
  <c r="AD78656" i="1"/>
  <c r="AD78657" i="1"/>
  <c r="AD78658" i="1"/>
  <c r="AD78659" i="1"/>
  <c r="AD78660" i="1"/>
  <c r="AD78661" i="1"/>
  <c r="AD78662" i="1"/>
  <c r="AD78663" i="1"/>
  <c r="AD78664" i="1"/>
  <c r="AD78665" i="1"/>
  <c r="AD78666" i="1"/>
  <c r="AD78667" i="1"/>
  <c r="AD78668" i="1"/>
  <c r="AD78669" i="1"/>
  <c r="AD78670" i="1"/>
  <c r="AD78671" i="1"/>
  <c r="AD78672" i="1"/>
  <c r="AD78673" i="1"/>
  <c r="AD78674" i="1"/>
  <c r="AD78675" i="1"/>
  <c r="AD78676" i="1"/>
  <c r="AD78677" i="1"/>
  <c r="AD78678" i="1"/>
  <c r="AD78679" i="1"/>
  <c r="AD78680" i="1"/>
  <c r="AD78681" i="1"/>
  <c r="AD78682" i="1"/>
  <c r="AD78683" i="1"/>
  <c r="AD78684" i="1"/>
  <c r="AD78685" i="1"/>
  <c r="AD78686" i="1"/>
  <c r="AD78687" i="1"/>
  <c r="AD78688" i="1"/>
  <c r="AD78689" i="1"/>
  <c r="AD78690" i="1"/>
  <c r="AD78691" i="1"/>
  <c r="AD78692" i="1"/>
  <c r="AD78693" i="1"/>
  <c r="AD78694" i="1"/>
  <c r="AD78695" i="1"/>
  <c r="AD78696" i="1"/>
  <c r="AD78697" i="1"/>
  <c r="AD78698" i="1"/>
  <c r="AD78699" i="1"/>
  <c r="AD78700" i="1"/>
  <c r="AD78701" i="1"/>
  <c r="AD78702" i="1"/>
  <c r="AD78703" i="1"/>
  <c r="AD78704" i="1"/>
  <c r="AD78705" i="1"/>
  <c r="AD78706" i="1"/>
  <c r="AD78707" i="1"/>
  <c r="AD78708" i="1"/>
  <c r="AD78709" i="1"/>
  <c r="AD78710" i="1"/>
  <c r="AD78711" i="1"/>
  <c r="AD78712" i="1"/>
  <c r="AD78713" i="1"/>
  <c r="AD78714" i="1"/>
  <c r="AD78715" i="1"/>
  <c r="AD78716" i="1"/>
  <c r="AD78717" i="1"/>
  <c r="AD78718" i="1"/>
  <c r="AD78719" i="1"/>
  <c r="AD78720" i="1"/>
  <c r="AD78721" i="1"/>
  <c r="AD78722" i="1"/>
  <c r="AD78723" i="1"/>
  <c r="AD78724" i="1"/>
  <c r="AD78725" i="1"/>
  <c r="AD78726" i="1"/>
  <c r="AD78727" i="1"/>
  <c r="AD78728" i="1"/>
  <c r="AD78729" i="1"/>
  <c r="AD78730" i="1"/>
  <c r="AD78731" i="1"/>
  <c r="AD78732" i="1"/>
  <c r="AD78733" i="1"/>
  <c r="AD78734" i="1"/>
  <c r="AD78735" i="1"/>
  <c r="AD78736" i="1"/>
  <c r="AD78737" i="1"/>
  <c r="AD78738" i="1"/>
  <c r="AD78739" i="1"/>
  <c r="AD78740" i="1"/>
  <c r="AD78741" i="1"/>
  <c r="AD78742" i="1"/>
  <c r="AD78743" i="1"/>
  <c r="AD78744" i="1"/>
  <c r="AD78745" i="1"/>
  <c r="AD78746" i="1"/>
  <c r="AD78747" i="1"/>
  <c r="AD78748" i="1"/>
  <c r="AD78749" i="1"/>
  <c r="AD78750" i="1"/>
  <c r="AD78751" i="1"/>
  <c r="AD78752" i="1"/>
  <c r="AD78753" i="1"/>
  <c r="AD78754" i="1"/>
  <c r="AD78755" i="1"/>
  <c r="AD78756" i="1"/>
  <c r="AD78757" i="1"/>
  <c r="AD78758" i="1"/>
  <c r="AD78759" i="1"/>
  <c r="AD78760" i="1"/>
  <c r="AD78761" i="1"/>
  <c r="AD78762" i="1"/>
  <c r="AD78763" i="1"/>
  <c r="AD78764" i="1"/>
  <c r="AD78765" i="1"/>
  <c r="AD78766" i="1"/>
  <c r="AD78767" i="1"/>
  <c r="AD78768" i="1"/>
  <c r="AD78769" i="1"/>
  <c r="AD78770" i="1"/>
  <c r="AD78771" i="1"/>
  <c r="AD78772" i="1"/>
  <c r="AD78773" i="1"/>
  <c r="AD78774" i="1"/>
  <c r="AD78775" i="1"/>
  <c r="AD78776" i="1"/>
  <c r="AD78777" i="1"/>
  <c r="AD78778" i="1"/>
  <c r="AD78779" i="1"/>
  <c r="AD78780" i="1"/>
  <c r="AD78781" i="1"/>
  <c r="AD78782" i="1"/>
  <c r="AD78783" i="1"/>
  <c r="AD78784" i="1"/>
  <c r="AD78785" i="1"/>
  <c r="AD78786" i="1"/>
  <c r="AD78787" i="1"/>
  <c r="AD78788" i="1"/>
  <c r="AD78789" i="1"/>
  <c r="AD78790" i="1"/>
  <c r="AD78791" i="1"/>
  <c r="AD78792" i="1"/>
  <c r="AD78793" i="1"/>
  <c r="AD78794" i="1"/>
  <c r="AD78795" i="1"/>
  <c r="AD78796" i="1"/>
  <c r="AD78797" i="1"/>
  <c r="AD78798" i="1"/>
  <c r="AD78799" i="1"/>
  <c r="AD78800" i="1"/>
  <c r="AD78801" i="1"/>
  <c r="AD78802" i="1"/>
  <c r="AD78803" i="1"/>
  <c r="AD78804" i="1"/>
  <c r="AD78805" i="1"/>
  <c r="AD78806" i="1"/>
  <c r="AD78807" i="1"/>
  <c r="AD78808" i="1"/>
  <c r="AD78809" i="1"/>
  <c r="AD78810" i="1"/>
  <c r="AD78811" i="1"/>
  <c r="AD78812" i="1"/>
  <c r="AD78813" i="1"/>
  <c r="AD78814" i="1"/>
  <c r="AD78815" i="1"/>
  <c r="AD78816" i="1"/>
  <c r="AD78817" i="1"/>
  <c r="AD78818" i="1"/>
  <c r="AD78819" i="1"/>
  <c r="AD78820" i="1"/>
  <c r="AD78821" i="1"/>
  <c r="AD78822" i="1"/>
  <c r="AD78823" i="1"/>
  <c r="AD78824" i="1"/>
  <c r="AD78825" i="1"/>
  <c r="AD78826" i="1"/>
  <c r="AD78827" i="1"/>
  <c r="AD78828" i="1"/>
  <c r="AD78829" i="1"/>
  <c r="AD78830" i="1"/>
  <c r="AD78831" i="1"/>
  <c r="AD78832" i="1"/>
  <c r="AD78833" i="1"/>
  <c r="AD78834" i="1"/>
  <c r="AD78835" i="1"/>
  <c r="AD78836" i="1"/>
  <c r="AD78837" i="1"/>
  <c r="AD78838" i="1"/>
  <c r="AD78839" i="1"/>
  <c r="AD78840" i="1"/>
  <c r="AD78841" i="1"/>
  <c r="AD78842" i="1"/>
  <c r="AD78843" i="1"/>
  <c r="AD78844" i="1"/>
  <c r="AD78845" i="1"/>
  <c r="AD78846" i="1"/>
  <c r="AD78847" i="1"/>
  <c r="AD78848" i="1"/>
  <c r="AD78849" i="1"/>
  <c r="AD78850" i="1"/>
  <c r="AD78851" i="1"/>
  <c r="AD78852" i="1"/>
  <c r="AD78853" i="1"/>
  <c r="AD78854" i="1"/>
  <c r="AD78855" i="1"/>
  <c r="AD78856" i="1"/>
  <c r="AD78857" i="1"/>
  <c r="AD78858" i="1"/>
  <c r="AD78859" i="1"/>
  <c r="AD78860" i="1"/>
  <c r="AD78861" i="1"/>
  <c r="AD78862" i="1"/>
  <c r="AD78863" i="1"/>
  <c r="AD78864" i="1"/>
  <c r="AD78865" i="1"/>
  <c r="AD78866" i="1"/>
  <c r="AD78867" i="1"/>
  <c r="AD78868" i="1"/>
  <c r="AD78869" i="1"/>
  <c r="AD78870" i="1"/>
  <c r="AD78871" i="1"/>
  <c r="AD78872" i="1"/>
  <c r="AD78873" i="1"/>
  <c r="AD78874" i="1"/>
  <c r="AD78875" i="1"/>
  <c r="AD78876" i="1"/>
  <c r="AD78877" i="1"/>
  <c r="AD78878" i="1"/>
  <c r="AD78879" i="1"/>
  <c r="AD78880" i="1"/>
  <c r="AD78881" i="1"/>
  <c r="AD78882" i="1"/>
  <c r="AD78883" i="1"/>
  <c r="AD78884" i="1"/>
  <c r="AD78885" i="1"/>
  <c r="AD78886" i="1"/>
  <c r="AD78887" i="1"/>
  <c r="AD78888" i="1"/>
  <c r="AD78889" i="1"/>
  <c r="AD78890" i="1"/>
  <c r="AD78891" i="1"/>
  <c r="AD78892" i="1"/>
  <c r="AD78893" i="1"/>
  <c r="AD78894" i="1"/>
  <c r="AD78895" i="1"/>
  <c r="AD78896" i="1"/>
  <c r="AD78897" i="1"/>
  <c r="AD78898" i="1"/>
  <c r="AD78899" i="1"/>
  <c r="AD78900" i="1"/>
  <c r="AD78901" i="1"/>
  <c r="AD78902" i="1"/>
  <c r="AD78903" i="1"/>
  <c r="AD78904" i="1"/>
  <c r="AD78905" i="1"/>
  <c r="AD78906" i="1"/>
  <c r="AD78907" i="1"/>
  <c r="AD78908" i="1"/>
  <c r="AD78909" i="1"/>
  <c r="AD78910" i="1"/>
  <c r="AD78911" i="1"/>
  <c r="AD78912" i="1"/>
  <c r="AD78913" i="1"/>
  <c r="AD78914" i="1"/>
  <c r="AD78915" i="1"/>
  <c r="AD78916" i="1"/>
  <c r="AD78917" i="1"/>
  <c r="AD78918" i="1"/>
  <c r="AD78919" i="1"/>
  <c r="AD78920" i="1"/>
  <c r="AD78921" i="1"/>
  <c r="AD78922" i="1"/>
  <c r="AD78923" i="1"/>
  <c r="AD78924" i="1"/>
  <c r="AD78925" i="1"/>
  <c r="AD78926" i="1"/>
  <c r="AD78927" i="1"/>
  <c r="AD78928" i="1"/>
  <c r="AD78929" i="1"/>
  <c r="AD78930" i="1"/>
  <c r="AD78931" i="1"/>
  <c r="AD78932" i="1"/>
  <c r="AD78933" i="1"/>
  <c r="AD78934" i="1"/>
  <c r="AD78935" i="1"/>
  <c r="AD78936" i="1"/>
  <c r="AD78937" i="1"/>
  <c r="AD78938" i="1"/>
  <c r="AD78939" i="1"/>
  <c r="AD78940" i="1"/>
  <c r="AD78941" i="1"/>
  <c r="AD78942" i="1"/>
  <c r="AD78943" i="1"/>
  <c r="AD78944" i="1"/>
  <c r="AD78945" i="1"/>
  <c r="AD78946" i="1"/>
  <c r="AD78947" i="1"/>
  <c r="AD78948" i="1"/>
  <c r="AD78949" i="1"/>
  <c r="AD78950" i="1"/>
  <c r="AD78951" i="1"/>
  <c r="AD78952" i="1"/>
  <c r="AD78953" i="1"/>
  <c r="AD78954" i="1"/>
  <c r="AD78955" i="1"/>
  <c r="AD78956" i="1"/>
  <c r="AD78957" i="1"/>
  <c r="AD78958" i="1"/>
  <c r="AD78959" i="1"/>
  <c r="AD78960" i="1"/>
  <c r="AD78961" i="1"/>
  <c r="AD78962" i="1"/>
  <c r="AD78963" i="1"/>
  <c r="AD78964" i="1"/>
  <c r="AD78965" i="1"/>
  <c r="AD78966" i="1"/>
  <c r="AD78967" i="1"/>
  <c r="AD78968" i="1"/>
  <c r="AD78969" i="1"/>
  <c r="AD78970" i="1"/>
  <c r="AD78971" i="1"/>
  <c r="AD78972" i="1"/>
  <c r="AD78973" i="1"/>
  <c r="AD78974" i="1"/>
  <c r="AD78975" i="1"/>
  <c r="AD78976" i="1"/>
  <c r="AD78977" i="1"/>
  <c r="AD78978" i="1"/>
  <c r="AD78979" i="1"/>
  <c r="AD78980" i="1"/>
  <c r="AD78981" i="1"/>
  <c r="AD78982" i="1"/>
  <c r="AD78983" i="1"/>
  <c r="AD78984" i="1"/>
  <c r="AD78985" i="1"/>
  <c r="AD78986" i="1"/>
  <c r="AD78987" i="1"/>
  <c r="AD78988" i="1"/>
  <c r="AD78989" i="1"/>
  <c r="AD78990" i="1"/>
  <c r="AD78991" i="1"/>
  <c r="AD78992" i="1"/>
  <c r="AD78993" i="1"/>
  <c r="AD78994" i="1"/>
  <c r="AD78995" i="1"/>
  <c r="AD78996" i="1"/>
  <c r="AD78997" i="1"/>
  <c r="AD78998" i="1"/>
  <c r="AD78999" i="1"/>
  <c r="AD79000" i="1"/>
  <c r="AD79001" i="1"/>
  <c r="AD79002" i="1"/>
  <c r="AD79003" i="1"/>
  <c r="AD79004" i="1"/>
  <c r="AD79005" i="1"/>
  <c r="AD79006" i="1"/>
  <c r="AD79007" i="1"/>
  <c r="AD79008" i="1"/>
  <c r="AD79009" i="1"/>
  <c r="AD79010" i="1"/>
  <c r="AD79011" i="1"/>
  <c r="AD79012" i="1"/>
  <c r="AD79013" i="1"/>
  <c r="AD79014" i="1"/>
  <c r="AD79015" i="1"/>
  <c r="AD79016" i="1"/>
  <c r="AD79017" i="1"/>
  <c r="AD79018" i="1"/>
  <c r="AD79019" i="1"/>
  <c r="AD79020" i="1"/>
  <c r="AD79021" i="1"/>
  <c r="AD79022" i="1"/>
  <c r="AD79023" i="1"/>
  <c r="AD79024" i="1"/>
  <c r="AD79025" i="1"/>
  <c r="AD79026" i="1"/>
  <c r="AD79027" i="1"/>
  <c r="AD79028" i="1"/>
  <c r="AD79029" i="1"/>
  <c r="AD79030" i="1"/>
  <c r="AD79031" i="1"/>
  <c r="AD79032" i="1"/>
  <c r="AD79033" i="1"/>
  <c r="AD79034" i="1"/>
  <c r="AD79035" i="1"/>
  <c r="AD79036" i="1"/>
  <c r="AD79037" i="1"/>
  <c r="AD79038" i="1"/>
  <c r="AD79039" i="1"/>
  <c r="AD79040" i="1"/>
  <c r="AD79041" i="1"/>
  <c r="AD79042" i="1"/>
  <c r="AD79043" i="1"/>
  <c r="AD79044" i="1"/>
  <c r="AD79045" i="1"/>
  <c r="AD79046" i="1"/>
  <c r="AD79047" i="1"/>
  <c r="AD79048" i="1"/>
  <c r="AD79049" i="1"/>
  <c r="AD79050" i="1"/>
  <c r="AD79051" i="1"/>
  <c r="AD79052" i="1"/>
  <c r="AD79053" i="1"/>
  <c r="AD79054" i="1"/>
  <c r="AD79055" i="1"/>
  <c r="AD79056" i="1"/>
  <c r="AD79057" i="1"/>
  <c r="AD79058" i="1"/>
  <c r="AD79059" i="1"/>
  <c r="AD79060" i="1"/>
  <c r="AD79061" i="1"/>
  <c r="AD79062" i="1"/>
  <c r="AD79063" i="1"/>
  <c r="AD79064" i="1"/>
  <c r="AD79065" i="1"/>
  <c r="AD79066" i="1"/>
  <c r="AD79067" i="1"/>
  <c r="AD79068" i="1"/>
  <c r="AD79069" i="1"/>
  <c r="AD79070" i="1"/>
  <c r="AD79071" i="1"/>
  <c r="AD79072" i="1"/>
  <c r="AD79073" i="1"/>
  <c r="AD79074" i="1"/>
  <c r="AD79075" i="1"/>
  <c r="AD79076" i="1"/>
  <c r="AD79077" i="1"/>
  <c r="AD79078" i="1"/>
  <c r="AD79079" i="1"/>
  <c r="AD79080" i="1"/>
  <c r="AD79081" i="1"/>
  <c r="AD79082" i="1"/>
  <c r="AD79083" i="1"/>
  <c r="AD79084" i="1"/>
  <c r="AD79085" i="1"/>
  <c r="AD79086" i="1"/>
  <c r="AD79087" i="1"/>
  <c r="AD79088" i="1"/>
  <c r="AD79089" i="1"/>
  <c r="AD79090" i="1"/>
  <c r="AD79091" i="1"/>
  <c r="AD79092" i="1"/>
  <c r="AD79093" i="1"/>
  <c r="AD79094" i="1"/>
  <c r="AD79095" i="1"/>
  <c r="AD79096" i="1"/>
  <c r="AD79097" i="1"/>
  <c r="AD79098" i="1"/>
  <c r="AD79099" i="1"/>
  <c r="AD79100" i="1"/>
  <c r="AD79101" i="1"/>
  <c r="AD79102" i="1"/>
  <c r="AD79103" i="1"/>
  <c r="AD79104" i="1"/>
  <c r="AD79105" i="1"/>
  <c r="AD79106" i="1"/>
  <c r="AD79107" i="1"/>
  <c r="AD79108" i="1"/>
  <c r="AD79109" i="1"/>
  <c r="AD79110" i="1"/>
  <c r="AD79111" i="1"/>
  <c r="AD79112" i="1"/>
  <c r="AD79113" i="1"/>
  <c r="AD79114" i="1"/>
  <c r="AD79115" i="1"/>
  <c r="AD79116" i="1"/>
  <c r="AD79117" i="1"/>
  <c r="AD79118" i="1"/>
  <c r="AD79119" i="1"/>
  <c r="AD79120" i="1"/>
  <c r="AD79121" i="1"/>
  <c r="AD79122" i="1"/>
  <c r="AD79123" i="1"/>
  <c r="AD79124" i="1"/>
  <c r="AD79125" i="1"/>
  <c r="AD79126" i="1"/>
  <c r="AD79127" i="1"/>
  <c r="AD79128" i="1"/>
  <c r="AD79129" i="1"/>
  <c r="AD79130" i="1"/>
  <c r="AD79131" i="1"/>
  <c r="AD79132" i="1"/>
  <c r="AD79133" i="1"/>
  <c r="AD79134" i="1"/>
  <c r="AD79135" i="1"/>
  <c r="AD79136" i="1"/>
  <c r="AD79137" i="1"/>
  <c r="AD79138" i="1"/>
  <c r="AD79139" i="1"/>
  <c r="AD79140" i="1"/>
  <c r="AD79141" i="1"/>
  <c r="AD79142" i="1"/>
  <c r="AD79143" i="1"/>
  <c r="AD79144" i="1"/>
  <c r="AD79145" i="1"/>
  <c r="AD79146" i="1"/>
  <c r="AD79147" i="1"/>
  <c r="AD79148" i="1"/>
  <c r="AD79149" i="1"/>
  <c r="AD79150" i="1"/>
  <c r="AD79151" i="1"/>
  <c r="AD79152" i="1"/>
  <c r="AD79153" i="1"/>
  <c r="AD79154" i="1"/>
  <c r="AD79155" i="1"/>
  <c r="AD79156" i="1"/>
  <c r="AD79157" i="1"/>
  <c r="AD79158" i="1"/>
  <c r="AD79159" i="1"/>
  <c r="AD79160" i="1"/>
  <c r="AD79161" i="1"/>
  <c r="AD79162" i="1"/>
  <c r="AD79163" i="1"/>
  <c r="AD79164" i="1"/>
  <c r="AD79165" i="1"/>
  <c r="AD79166" i="1"/>
  <c r="AD79167" i="1"/>
  <c r="AD79168" i="1"/>
  <c r="AD79169" i="1"/>
  <c r="AD79170" i="1"/>
  <c r="AD79171" i="1"/>
  <c r="AD79172" i="1"/>
  <c r="AD79173" i="1"/>
  <c r="AD79174" i="1"/>
  <c r="AD79175" i="1"/>
  <c r="AD79176" i="1"/>
  <c r="AD79177" i="1"/>
  <c r="AD79178" i="1"/>
  <c r="AD79179" i="1"/>
  <c r="AD79180" i="1"/>
  <c r="AD79181" i="1"/>
  <c r="AD79182" i="1"/>
  <c r="AD79183" i="1"/>
  <c r="AD79184" i="1"/>
  <c r="AD79185" i="1"/>
  <c r="AD79186" i="1"/>
  <c r="AD79187" i="1"/>
  <c r="AD79188" i="1"/>
  <c r="AD79189" i="1"/>
  <c r="AD79190" i="1"/>
  <c r="AD79191" i="1"/>
  <c r="AD79192" i="1"/>
  <c r="AD79193" i="1"/>
  <c r="AD79194" i="1"/>
  <c r="AD79195" i="1"/>
  <c r="AD79196" i="1"/>
  <c r="AD79197" i="1"/>
  <c r="AD79198" i="1"/>
  <c r="AD79199" i="1"/>
  <c r="AD79200" i="1"/>
  <c r="AD79201" i="1"/>
  <c r="AD79202" i="1"/>
  <c r="AD79203" i="1"/>
  <c r="AD79204" i="1"/>
  <c r="AD79205" i="1"/>
  <c r="AD79206" i="1"/>
  <c r="AD79207" i="1"/>
  <c r="AD79208" i="1"/>
  <c r="AD79209" i="1"/>
  <c r="AD79210" i="1"/>
  <c r="AD79211" i="1"/>
  <c r="AD79212" i="1"/>
  <c r="AD79213" i="1"/>
  <c r="AD79214" i="1"/>
  <c r="AD79215" i="1"/>
  <c r="AD79216" i="1"/>
  <c r="AD79217" i="1"/>
  <c r="AD79218" i="1"/>
  <c r="AD79219" i="1"/>
  <c r="AD79220" i="1"/>
  <c r="AD79221" i="1"/>
  <c r="AD79222" i="1"/>
  <c r="AD79223" i="1"/>
  <c r="AD79224" i="1"/>
  <c r="AD79225" i="1"/>
  <c r="AD79226" i="1"/>
  <c r="AD79227" i="1"/>
  <c r="AD79228" i="1"/>
  <c r="AD79229" i="1"/>
  <c r="AD79230" i="1"/>
  <c r="AD79231" i="1"/>
  <c r="AD79232" i="1"/>
  <c r="AD79233" i="1"/>
  <c r="AD79234" i="1"/>
  <c r="AD79235" i="1"/>
  <c r="AD79236" i="1"/>
  <c r="AD79237" i="1"/>
  <c r="AD79238" i="1"/>
  <c r="AD79239" i="1"/>
  <c r="AD79240" i="1"/>
  <c r="AD79241" i="1"/>
  <c r="AD79242" i="1"/>
  <c r="AD79243" i="1"/>
  <c r="AD79244" i="1"/>
  <c r="AD79245" i="1"/>
  <c r="AD79246" i="1"/>
  <c r="AD79247" i="1"/>
  <c r="AD79248" i="1"/>
  <c r="AD79249" i="1"/>
  <c r="AD79250" i="1"/>
  <c r="AD79251" i="1"/>
  <c r="AD79252" i="1"/>
  <c r="AD79253" i="1"/>
  <c r="AD79254" i="1"/>
  <c r="AD79255" i="1"/>
  <c r="AD79256" i="1"/>
  <c r="AD79257" i="1"/>
  <c r="AD79258" i="1"/>
  <c r="AD79259" i="1"/>
  <c r="AD79260" i="1"/>
  <c r="AD79261" i="1"/>
  <c r="AD79262" i="1"/>
  <c r="AD79263" i="1"/>
  <c r="AD79264" i="1"/>
  <c r="AD79265" i="1"/>
  <c r="AD79266" i="1"/>
  <c r="AD79267" i="1"/>
  <c r="AD79268" i="1"/>
  <c r="AD79269" i="1"/>
  <c r="AD79270" i="1"/>
  <c r="AD79271" i="1"/>
  <c r="AD79272" i="1"/>
  <c r="AD79273" i="1"/>
  <c r="AD79274" i="1"/>
  <c r="AD79275" i="1"/>
  <c r="AD79276" i="1"/>
  <c r="AD79277" i="1"/>
  <c r="AD79278" i="1"/>
  <c r="AD79279" i="1"/>
  <c r="AD79280" i="1"/>
  <c r="AD79281" i="1"/>
  <c r="AD79282" i="1"/>
  <c r="AD79283" i="1"/>
  <c r="AD79284" i="1"/>
  <c r="AD79285" i="1"/>
  <c r="AD79286" i="1"/>
  <c r="AD79287" i="1"/>
  <c r="AD79288" i="1"/>
  <c r="AD79289" i="1"/>
  <c r="AD79290" i="1"/>
  <c r="AD79291" i="1"/>
  <c r="AD79292" i="1"/>
  <c r="AD79293" i="1"/>
  <c r="AD79294" i="1"/>
  <c r="AD79295" i="1"/>
  <c r="AD79296" i="1"/>
  <c r="AD79297" i="1"/>
  <c r="AD79298" i="1"/>
  <c r="AD79299" i="1"/>
  <c r="AD79300" i="1"/>
  <c r="AD79301" i="1"/>
  <c r="AD79302" i="1"/>
  <c r="AD79303" i="1"/>
  <c r="AD79304" i="1"/>
  <c r="AD79305" i="1"/>
  <c r="AD79306" i="1"/>
  <c r="AD79307" i="1"/>
  <c r="AD79308" i="1"/>
  <c r="AD79309" i="1"/>
  <c r="AD79310" i="1"/>
  <c r="AD79311" i="1"/>
  <c r="AD79312" i="1"/>
  <c r="AD79313" i="1"/>
  <c r="AD79314" i="1"/>
  <c r="AD79315" i="1"/>
  <c r="AD79316" i="1"/>
  <c r="AD79317" i="1"/>
  <c r="AD79318" i="1"/>
  <c r="AD79319" i="1"/>
  <c r="AD79320" i="1"/>
  <c r="AD79321" i="1"/>
  <c r="AD79322" i="1"/>
  <c r="AD79323" i="1"/>
  <c r="AD79324" i="1"/>
  <c r="AD79325" i="1"/>
  <c r="AD79326" i="1"/>
  <c r="AD79327" i="1"/>
  <c r="AD79328" i="1"/>
  <c r="AD79329" i="1"/>
  <c r="AD79330" i="1"/>
  <c r="AD79331" i="1"/>
  <c r="AD79332" i="1"/>
  <c r="AD79333" i="1"/>
  <c r="AD79334" i="1"/>
  <c r="AD79335" i="1"/>
  <c r="AD79336" i="1"/>
  <c r="AD79337" i="1"/>
  <c r="AD79338" i="1"/>
  <c r="AD79339" i="1"/>
  <c r="AD79340" i="1"/>
  <c r="AD79341" i="1"/>
  <c r="AD79342" i="1"/>
  <c r="AD79343" i="1"/>
  <c r="AD79344" i="1"/>
  <c r="AD79345" i="1"/>
  <c r="AD79346" i="1"/>
  <c r="AD79347" i="1"/>
  <c r="AD79348" i="1"/>
  <c r="AD79349" i="1"/>
  <c r="AD79350" i="1"/>
  <c r="AD79351" i="1"/>
  <c r="AD79352" i="1"/>
  <c r="AD79353" i="1"/>
  <c r="AD79354" i="1"/>
  <c r="AD79355" i="1"/>
  <c r="AD79356" i="1"/>
  <c r="AD79357" i="1"/>
  <c r="AD79358" i="1"/>
  <c r="AD79359" i="1"/>
  <c r="AD79360" i="1"/>
  <c r="AD79361" i="1"/>
  <c r="AD79362" i="1"/>
  <c r="AD79363" i="1"/>
  <c r="AD79364" i="1"/>
  <c r="AD79365" i="1"/>
  <c r="AD79366" i="1"/>
  <c r="AD79367" i="1"/>
  <c r="AD79368" i="1"/>
  <c r="AD79369" i="1"/>
  <c r="AD79370" i="1"/>
  <c r="AD79371" i="1"/>
  <c r="AD79372" i="1"/>
  <c r="AD79373" i="1"/>
  <c r="AD79374" i="1"/>
  <c r="AD79375" i="1"/>
  <c r="AD79376" i="1"/>
  <c r="AD79377" i="1"/>
  <c r="AD79378" i="1"/>
  <c r="AD79379" i="1"/>
  <c r="AD79380" i="1"/>
  <c r="AD79381" i="1"/>
  <c r="AD79382" i="1"/>
  <c r="AD79383" i="1"/>
  <c r="AD79384" i="1"/>
  <c r="AD79385" i="1"/>
  <c r="AD79386" i="1"/>
  <c r="AD79387" i="1"/>
  <c r="AD79388" i="1"/>
  <c r="AD79389" i="1"/>
  <c r="AD79390" i="1"/>
  <c r="AD79391" i="1"/>
  <c r="AD79392" i="1"/>
  <c r="AD79393" i="1"/>
  <c r="AD79394" i="1"/>
  <c r="AD79395" i="1"/>
  <c r="AD79396" i="1"/>
  <c r="AD79397" i="1"/>
  <c r="AD79398" i="1"/>
  <c r="AD79399" i="1"/>
  <c r="AD79400" i="1"/>
  <c r="AD79401" i="1"/>
  <c r="AD79402" i="1"/>
  <c r="AD79403" i="1"/>
  <c r="AD79404" i="1"/>
  <c r="AD79405" i="1"/>
  <c r="AD79406" i="1"/>
  <c r="AD79407" i="1"/>
  <c r="AD79408" i="1"/>
  <c r="AD79409" i="1"/>
  <c r="AD79410" i="1"/>
  <c r="AD79411" i="1"/>
  <c r="AD79412" i="1"/>
  <c r="AD79413" i="1"/>
  <c r="AD79414" i="1"/>
  <c r="AD79415" i="1"/>
  <c r="AD79416" i="1"/>
  <c r="AD79417" i="1"/>
  <c r="AD79418" i="1"/>
  <c r="AD79419" i="1"/>
  <c r="AD79420" i="1"/>
  <c r="AD79421" i="1"/>
  <c r="AD79422" i="1"/>
  <c r="AD79423" i="1"/>
  <c r="AD79424" i="1"/>
  <c r="AD79425" i="1"/>
  <c r="AD79426" i="1"/>
  <c r="AD79427" i="1"/>
  <c r="AD79428" i="1"/>
  <c r="AD79429" i="1"/>
  <c r="AD79430" i="1"/>
  <c r="AD79431" i="1"/>
  <c r="AD79432" i="1"/>
  <c r="AD79433" i="1"/>
  <c r="AD79434" i="1"/>
  <c r="AD79435" i="1"/>
  <c r="AD79436" i="1"/>
  <c r="AD79437" i="1"/>
  <c r="AD79438" i="1"/>
  <c r="AD79439" i="1"/>
  <c r="AD79440" i="1"/>
  <c r="AD79441" i="1"/>
  <c r="AD79442" i="1"/>
  <c r="AD79443" i="1"/>
  <c r="AD79444" i="1"/>
  <c r="AD79445" i="1"/>
  <c r="AD79446" i="1"/>
  <c r="AD79447" i="1"/>
  <c r="AD79448" i="1"/>
  <c r="AD79449" i="1"/>
  <c r="AD79450" i="1"/>
  <c r="AD79451" i="1"/>
  <c r="AD79452" i="1"/>
  <c r="AD79453" i="1"/>
  <c r="AD79454" i="1"/>
  <c r="AD79455" i="1"/>
  <c r="AD79456" i="1"/>
  <c r="AD79457" i="1"/>
  <c r="AD79458" i="1"/>
  <c r="AD79459" i="1"/>
  <c r="AD79460" i="1"/>
  <c r="AD79461" i="1"/>
  <c r="AD79462" i="1"/>
  <c r="AD79463" i="1"/>
  <c r="AD79464" i="1"/>
  <c r="AD79465" i="1"/>
  <c r="AD79466" i="1"/>
  <c r="AD79467" i="1"/>
  <c r="AD79468" i="1"/>
  <c r="AD79469" i="1"/>
  <c r="AD79470" i="1"/>
  <c r="AD79471" i="1"/>
  <c r="AD79472" i="1"/>
  <c r="AD79473" i="1"/>
  <c r="AD79474" i="1"/>
  <c r="AD79475" i="1"/>
  <c r="AD79476" i="1"/>
  <c r="AD79477" i="1"/>
  <c r="AD79478" i="1"/>
  <c r="AD79479" i="1"/>
  <c r="AD79480" i="1"/>
  <c r="AD79481" i="1"/>
  <c r="AD79482" i="1"/>
  <c r="AD79483" i="1"/>
  <c r="AD79484" i="1"/>
  <c r="AD79485" i="1"/>
  <c r="AD79486" i="1"/>
  <c r="AD79487" i="1"/>
  <c r="AD79488" i="1"/>
  <c r="AD79489" i="1"/>
  <c r="AD79490" i="1"/>
  <c r="AD79491" i="1"/>
  <c r="AD79492" i="1"/>
  <c r="AD79493" i="1"/>
  <c r="AD79494" i="1"/>
  <c r="AD79495" i="1"/>
  <c r="AD79496" i="1"/>
  <c r="AD79497" i="1"/>
  <c r="AD79498" i="1"/>
  <c r="AD79499" i="1"/>
  <c r="AD79500" i="1"/>
  <c r="AD79501" i="1"/>
  <c r="AD79502" i="1"/>
  <c r="AD79503" i="1"/>
  <c r="AD79504" i="1"/>
  <c r="AD79505" i="1"/>
  <c r="AD79506" i="1"/>
  <c r="AD79507" i="1"/>
  <c r="AD79508" i="1"/>
  <c r="AD79509" i="1"/>
  <c r="AD79510" i="1"/>
  <c r="AD79511" i="1"/>
  <c r="AD79512" i="1"/>
  <c r="AD79513" i="1"/>
  <c r="AD79514" i="1"/>
  <c r="AD79515" i="1"/>
  <c r="AD79516" i="1"/>
  <c r="AD79517" i="1"/>
  <c r="AD79518" i="1"/>
  <c r="AD79519" i="1"/>
  <c r="AD79520" i="1"/>
  <c r="AD79521" i="1"/>
  <c r="AD79522" i="1"/>
  <c r="AD79523" i="1"/>
  <c r="AD79524" i="1"/>
  <c r="AD79525" i="1"/>
  <c r="AD79526" i="1"/>
  <c r="AD79527" i="1"/>
  <c r="AD79528" i="1"/>
  <c r="AD79529" i="1"/>
  <c r="AD79530" i="1"/>
  <c r="AD79531" i="1"/>
  <c r="AD79532" i="1"/>
  <c r="AD79533" i="1"/>
  <c r="AD79534" i="1"/>
  <c r="AD79535" i="1"/>
  <c r="AD79536" i="1"/>
  <c r="AD79537" i="1"/>
  <c r="AD79538" i="1"/>
  <c r="AD79539" i="1"/>
  <c r="AD79540" i="1"/>
  <c r="AD79541" i="1"/>
  <c r="AD79542" i="1"/>
  <c r="AD79543" i="1"/>
  <c r="AD79544" i="1"/>
  <c r="AD79545" i="1"/>
  <c r="AD79546" i="1"/>
  <c r="AD79547" i="1"/>
  <c r="AD79548" i="1"/>
  <c r="AD79549" i="1"/>
  <c r="AD79550" i="1"/>
  <c r="AD79551" i="1"/>
  <c r="AD79552" i="1"/>
  <c r="AD79553" i="1"/>
  <c r="AD79554" i="1"/>
  <c r="AD79555" i="1"/>
  <c r="AD79556" i="1"/>
  <c r="AD79557" i="1"/>
  <c r="AD79558" i="1"/>
  <c r="AD79559" i="1"/>
  <c r="AD79560" i="1"/>
  <c r="AD79561" i="1"/>
  <c r="AD79562" i="1"/>
  <c r="AD79563" i="1"/>
  <c r="AD79564" i="1"/>
  <c r="AD79565" i="1"/>
  <c r="AD79566" i="1"/>
  <c r="AD79567" i="1"/>
  <c r="AD79568" i="1"/>
  <c r="AD79569" i="1"/>
  <c r="AD79570" i="1"/>
  <c r="AD79571" i="1"/>
  <c r="AD79572" i="1"/>
  <c r="AD79573" i="1"/>
  <c r="AD79574" i="1"/>
  <c r="AD79575" i="1"/>
  <c r="AD79576" i="1"/>
  <c r="AD79577" i="1"/>
  <c r="AD79578" i="1"/>
  <c r="AD79579" i="1"/>
  <c r="AD79580" i="1"/>
  <c r="AD79581" i="1"/>
  <c r="AD79582" i="1"/>
  <c r="AD79583" i="1"/>
  <c r="AD79584" i="1"/>
  <c r="AD79585" i="1"/>
  <c r="AD79586" i="1"/>
  <c r="AD79587" i="1"/>
  <c r="AD79588" i="1"/>
  <c r="AD79589" i="1"/>
  <c r="AD79590" i="1"/>
  <c r="AD79591" i="1"/>
  <c r="AD79592" i="1"/>
  <c r="AD79593" i="1"/>
  <c r="AD79594" i="1"/>
  <c r="AD79595" i="1"/>
  <c r="AD79596" i="1"/>
  <c r="AD79597" i="1"/>
  <c r="AD79598" i="1"/>
  <c r="AD79599" i="1"/>
  <c r="AD79600" i="1"/>
  <c r="AD79601" i="1"/>
  <c r="AD79602" i="1"/>
  <c r="AD79603" i="1"/>
  <c r="AD79604" i="1"/>
  <c r="AD79605" i="1"/>
  <c r="AD79606" i="1"/>
  <c r="AD79607" i="1"/>
  <c r="AD79608" i="1"/>
  <c r="AD79609" i="1"/>
  <c r="AD79610" i="1"/>
  <c r="AD79611" i="1"/>
  <c r="AD79612" i="1"/>
  <c r="AD79613" i="1"/>
  <c r="AD79614" i="1"/>
  <c r="AD79615" i="1"/>
  <c r="AD79616" i="1"/>
  <c r="AD79617" i="1"/>
  <c r="AD79618" i="1"/>
  <c r="AD79619" i="1"/>
  <c r="AD79620" i="1"/>
  <c r="AD79621" i="1"/>
  <c r="AD79622" i="1"/>
  <c r="AD79623" i="1"/>
  <c r="AD79624" i="1"/>
  <c r="AD79625" i="1"/>
  <c r="AD79626" i="1"/>
  <c r="AD79627" i="1"/>
  <c r="AD79628" i="1"/>
  <c r="AD79629" i="1"/>
  <c r="AD79630" i="1"/>
  <c r="AD79631" i="1"/>
  <c r="AD79632" i="1"/>
  <c r="AD79633" i="1"/>
  <c r="AD79634" i="1"/>
  <c r="AD79635" i="1"/>
  <c r="AD79636" i="1"/>
  <c r="AD79637" i="1"/>
  <c r="AD79638" i="1"/>
  <c r="AD79639" i="1"/>
  <c r="AD79640" i="1"/>
  <c r="AD79641" i="1"/>
  <c r="AD79642" i="1"/>
  <c r="AD79643" i="1"/>
  <c r="AD79644" i="1"/>
  <c r="AD79645" i="1"/>
  <c r="AD79646" i="1"/>
  <c r="AD79647" i="1"/>
  <c r="AD79648" i="1"/>
  <c r="AD79649" i="1"/>
  <c r="AD79650" i="1"/>
  <c r="AD79651" i="1"/>
  <c r="AD79652" i="1"/>
  <c r="AD79653" i="1"/>
  <c r="AD79654" i="1"/>
  <c r="AD79655" i="1"/>
  <c r="AD79656" i="1"/>
  <c r="AD79657" i="1"/>
  <c r="AD79658" i="1"/>
  <c r="AD79659" i="1"/>
  <c r="AD79660" i="1"/>
  <c r="AD79661" i="1"/>
  <c r="AD79662" i="1"/>
  <c r="AD79663" i="1"/>
  <c r="AD79664" i="1"/>
  <c r="AD79665" i="1"/>
  <c r="AD79666" i="1"/>
  <c r="AD79667" i="1"/>
  <c r="AD79668" i="1"/>
  <c r="AD79669" i="1"/>
  <c r="AD79670" i="1"/>
  <c r="AD79671" i="1"/>
  <c r="AD79672" i="1"/>
  <c r="AD79673" i="1"/>
  <c r="AD79674" i="1"/>
  <c r="AD79675" i="1"/>
  <c r="AD79676" i="1"/>
  <c r="AD79677" i="1"/>
  <c r="AD79678" i="1"/>
  <c r="AD79679" i="1"/>
  <c r="AD79680" i="1"/>
  <c r="AD79681" i="1"/>
  <c r="AD79682" i="1"/>
  <c r="AD79683" i="1"/>
  <c r="AD79684" i="1"/>
  <c r="AD79685" i="1"/>
  <c r="AD79686" i="1"/>
  <c r="AD79687" i="1"/>
  <c r="AD79688" i="1"/>
  <c r="AD79689" i="1"/>
  <c r="AD79690" i="1"/>
  <c r="AD79691" i="1"/>
  <c r="AD79692" i="1"/>
  <c r="AD79693" i="1"/>
  <c r="AD79694" i="1"/>
  <c r="AD79695" i="1"/>
  <c r="AD79696" i="1"/>
  <c r="AD79697" i="1"/>
  <c r="AD79698" i="1"/>
  <c r="AD79699" i="1"/>
  <c r="AD79700" i="1"/>
  <c r="AD79701" i="1"/>
  <c r="AD79702" i="1"/>
  <c r="AD79703" i="1"/>
  <c r="AD79704" i="1"/>
  <c r="AD79705" i="1"/>
  <c r="AD79706" i="1"/>
  <c r="AD79707" i="1"/>
  <c r="AD79708" i="1"/>
  <c r="AD79709" i="1"/>
  <c r="AD79710" i="1"/>
  <c r="AD79711" i="1"/>
  <c r="AD79712" i="1"/>
  <c r="AD79713" i="1"/>
  <c r="AD79714" i="1"/>
  <c r="AD79715" i="1"/>
  <c r="AD79716" i="1"/>
  <c r="AD79717" i="1"/>
  <c r="AD79718" i="1"/>
  <c r="AD79719" i="1"/>
  <c r="AD79720" i="1"/>
  <c r="AD79721" i="1"/>
  <c r="AD79722" i="1"/>
  <c r="AD79723" i="1"/>
  <c r="AD79724" i="1"/>
  <c r="AD79725" i="1"/>
  <c r="AD79726" i="1"/>
  <c r="AD79727" i="1"/>
  <c r="AD79728" i="1"/>
  <c r="AD79729" i="1"/>
  <c r="AD79730" i="1"/>
  <c r="AD79731" i="1"/>
  <c r="AD79732" i="1"/>
  <c r="AD79733" i="1"/>
  <c r="AD79734" i="1"/>
  <c r="AD79735" i="1"/>
  <c r="AD79736" i="1"/>
  <c r="AD79737" i="1"/>
  <c r="AD79738" i="1"/>
  <c r="AD79739" i="1"/>
  <c r="AD79740" i="1"/>
  <c r="AD79741" i="1"/>
  <c r="AD79742" i="1"/>
  <c r="AD79743" i="1"/>
  <c r="AD79744" i="1"/>
  <c r="AD79745" i="1"/>
  <c r="AD79746" i="1"/>
  <c r="AD79747" i="1"/>
  <c r="AD79748" i="1"/>
  <c r="AD79749" i="1"/>
  <c r="AD79750" i="1"/>
  <c r="AD79751" i="1"/>
  <c r="AD79752" i="1"/>
  <c r="AD79753" i="1"/>
  <c r="AD79754" i="1"/>
  <c r="AD79755" i="1"/>
  <c r="AD79756" i="1"/>
  <c r="AD79757" i="1"/>
  <c r="AD79758" i="1"/>
  <c r="AD79759" i="1"/>
  <c r="AD79760" i="1"/>
  <c r="AD79761" i="1"/>
  <c r="AD79762" i="1"/>
  <c r="AD79763" i="1"/>
  <c r="AD79764" i="1"/>
  <c r="AD79765" i="1"/>
  <c r="AD79766" i="1"/>
  <c r="AD79767" i="1"/>
  <c r="AD79768" i="1"/>
  <c r="AD79769" i="1"/>
  <c r="AD79770" i="1"/>
  <c r="AD79771" i="1"/>
  <c r="AD79772" i="1"/>
  <c r="AD79773" i="1"/>
  <c r="AD79774" i="1"/>
  <c r="AD79775" i="1"/>
  <c r="AD79776" i="1"/>
  <c r="AD79777" i="1"/>
  <c r="AD79778" i="1"/>
  <c r="AD79779" i="1"/>
  <c r="AD79780" i="1"/>
  <c r="AD79781" i="1"/>
  <c r="AD79782" i="1"/>
  <c r="AD79783" i="1"/>
  <c r="AD79784" i="1"/>
  <c r="AD79785" i="1"/>
  <c r="AD79786" i="1"/>
  <c r="AD79787" i="1"/>
  <c r="AD79788" i="1"/>
  <c r="AD79789" i="1"/>
  <c r="AD79790" i="1"/>
  <c r="AD79791" i="1"/>
  <c r="AD79792" i="1"/>
  <c r="AD79793" i="1"/>
  <c r="AD79794" i="1"/>
  <c r="AD79795" i="1"/>
  <c r="AD79796" i="1"/>
  <c r="AD79797" i="1"/>
  <c r="AD79798" i="1"/>
  <c r="AD79799" i="1"/>
  <c r="AD79800" i="1"/>
  <c r="AD79801" i="1"/>
  <c r="AD79802" i="1"/>
  <c r="AD79803" i="1"/>
  <c r="AD79804" i="1"/>
  <c r="AD79805" i="1"/>
  <c r="AD79806" i="1"/>
  <c r="AD79807" i="1"/>
  <c r="AD79808" i="1"/>
  <c r="AD79809" i="1"/>
  <c r="AD79810" i="1"/>
  <c r="AD79811" i="1"/>
  <c r="AD79812" i="1"/>
  <c r="AD79813" i="1"/>
  <c r="AD79814" i="1"/>
  <c r="AD79815" i="1"/>
  <c r="AD79816" i="1"/>
  <c r="AD79817" i="1"/>
  <c r="AD79818" i="1"/>
  <c r="AD79819" i="1"/>
  <c r="AD79820" i="1"/>
  <c r="AD79821" i="1"/>
  <c r="AD79822" i="1"/>
  <c r="AD79823" i="1"/>
  <c r="AD79824" i="1"/>
  <c r="AD79825" i="1"/>
  <c r="AD79826" i="1"/>
  <c r="AD79827" i="1"/>
  <c r="AD79828" i="1"/>
  <c r="AD79829" i="1"/>
  <c r="AD79830" i="1"/>
  <c r="AD79831" i="1"/>
  <c r="AD79832" i="1"/>
  <c r="AD79833" i="1"/>
  <c r="AD79834" i="1"/>
  <c r="AD79835" i="1"/>
  <c r="AD79836" i="1"/>
  <c r="AD79837" i="1"/>
  <c r="AD79838" i="1"/>
  <c r="AD79839" i="1"/>
  <c r="AD79840" i="1"/>
  <c r="AD79841" i="1"/>
  <c r="AD79842" i="1"/>
  <c r="AD79843" i="1"/>
  <c r="AD79844" i="1"/>
  <c r="AD79845" i="1"/>
  <c r="AD79846" i="1"/>
  <c r="AD79847" i="1"/>
  <c r="AD79848" i="1"/>
  <c r="AD79849" i="1"/>
  <c r="AD79850" i="1"/>
  <c r="AD79851" i="1"/>
  <c r="AD79852" i="1"/>
  <c r="AD79853" i="1"/>
  <c r="AD79854" i="1"/>
  <c r="AD79855" i="1"/>
  <c r="AD79856" i="1"/>
  <c r="AD79857" i="1"/>
  <c r="AD79858" i="1"/>
  <c r="AD79859" i="1"/>
  <c r="AD79860" i="1"/>
  <c r="AD79861" i="1"/>
  <c r="AD79862" i="1"/>
  <c r="AD79863" i="1"/>
  <c r="AD79864" i="1"/>
  <c r="AD79865" i="1"/>
  <c r="AD79866" i="1"/>
  <c r="AD79867" i="1"/>
  <c r="AD79868" i="1"/>
  <c r="AD79869" i="1"/>
  <c r="AD79870" i="1"/>
  <c r="AD79871" i="1"/>
  <c r="AD79872" i="1"/>
  <c r="AD79873" i="1"/>
  <c r="AD79874" i="1"/>
  <c r="AD79875" i="1"/>
  <c r="AD79876" i="1"/>
  <c r="AD79877" i="1"/>
  <c r="AD79878" i="1"/>
  <c r="AD79879" i="1"/>
  <c r="AD79880" i="1"/>
  <c r="AD79881" i="1"/>
  <c r="AD79882" i="1"/>
  <c r="AD79883" i="1"/>
  <c r="AD79884" i="1"/>
  <c r="AD79885" i="1"/>
  <c r="AD79886" i="1"/>
  <c r="AD79887" i="1"/>
  <c r="AD79888" i="1"/>
  <c r="AD79889" i="1"/>
  <c r="AD79890" i="1"/>
  <c r="AD79891" i="1"/>
  <c r="AD79892" i="1"/>
  <c r="AD79893" i="1"/>
  <c r="AD79894" i="1"/>
  <c r="AD79895" i="1"/>
  <c r="AD79896" i="1"/>
  <c r="AD79897" i="1"/>
  <c r="AD79898" i="1"/>
  <c r="AD79899" i="1"/>
  <c r="AD79900" i="1"/>
  <c r="AD79901" i="1"/>
  <c r="AD79902" i="1"/>
  <c r="AD79903" i="1"/>
  <c r="AD79904" i="1"/>
  <c r="AD79905" i="1"/>
  <c r="AD79906" i="1"/>
  <c r="AD79907" i="1"/>
  <c r="AD79908" i="1"/>
  <c r="AD79909" i="1"/>
  <c r="AD79910" i="1"/>
  <c r="AD79911" i="1"/>
  <c r="AD79912" i="1"/>
  <c r="AD79913" i="1"/>
  <c r="AD79914" i="1"/>
  <c r="AD79915" i="1"/>
  <c r="AD79916" i="1"/>
  <c r="AD79917" i="1"/>
  <c r="AD79918" i="1"/>
  <c r="AD79919" i="1"/>
  <c r="AD79920" i="1"/>
  <c r="AD79921" i="1"/>
  <c r="AD79922" i="1"/>
  <c r="AD79923" i="1"/>
  <c r="AD79924" i="1"/>
  <c r="AD79925" i="1"/>
  <c r="AD79926" i="1"/>
  <c r="AD79927" i="1"/>
  <c r="AD79928" i="1"/>
  <c r="AD79929" i="1"/>
  <c r="AD79930" i="1"/>
  <c r="AD79931" i="1"/>
  <c r="AD79932" i="1"/>
  <c r="AD79933" i="1"/>
  <c r="AD79934" i="1"/>
  <c r="AD79935" i="1"/>
  <c r="AD79936" i="1"/>
  <c r="AD79937" i="1"/>
  <c r="AD79938" i="1"/>
  <c r="AD79939" i="1"/>
  <c r="AD79940" i="1"/>
  <c r="AD79941" i="1"/>
  <c r="AD79942" i="1"/>
  <c r="AD79943" i="1"/>
  <c r="AD79944" i="1"/>
  <c r="AD79945" i="1"/>
  <c r="AD79946" i="1"/>
  <c r="AD79947" i="1"/>
  <c r="AD79948" i="1"/>
  <c r="AD79949" i="1"/>
  <c r="AD79950" i="1"/>
  <c r="AD79951" i="1"/>
  <c r="AD79952" i="1"/>
  <c r="AD79953" i="1"/>
  <c r="AD79954" i="1"/>
  <c r="AD79955" i="1"/>
  <c r="AD79956" i="1"/>
  <c r="AD79957" i="1"/>
  <c r="AD79958" i="1"/>
  <c r="AD79959" i="1"/>
  <c r="AD79960" i="1"/>
  <c r="AD79961" i="1"/>
  <c r="AD79962" i="1"/>
  <c r="AD79963" i="1"/>
  <c r="AD79964" i="1"/>
  <c r="AD79965" i="1"/>
  <c r="AD79966" i="1"/>
  <c r="AD79967" i="1"/>
  <c r="AD79968" i="1"/>
  <c r="AD79969" i="1"/>
  <c r="AD79970" i="1"/>
  <c r="AD79971" i="1"/>
  <c r="AD79972" i="1"/>
  <c r="AD79973" i="1"/>
  <c r="AD79974" i="1"/>
  <c r="AD79975" i="1"/>
  <c r="AD79976" i="1"/>
  <c r="AD79977" i="1"/>
  <c r="AD79978" i="1"/>
  <c r="AD79979" i="1"/>
  <c r="AD79980" i="1"/>
  <c r="AD79981" i="1"/>
  <c r="AD79982" i="1"/>
  <c r="AD79983" i="1"/>
  <c r="AD79984" i="1"/>
  <c r="AD79985" i="1"/>
  <c r="AD79986" i="1"/>
  <c r="AD79987" i="1"/>
  <c r="AD79988" i="1"/>
  <c r="AD79989" i="1"/>
  <c r="AD79990" i="1"/>
  <c r="AD79991" i="1"/>
  <c r="AD79992" i="1"/>
  <c r="AD79993" i="1"/>
  <c r="AD79994" i="1"/>
  <c r="AD79995" i="1"/>
  <c r="AD79996" i="1"/>
  <c r="AD79997" i="1"/>
  <c r="AD79998" i="1"/>
  <c r="AD79999" i="1"/>
  <c r="AD80000" i="1"/>
  <c r="AD80001" i="1"/>
  <c r="AD80002" i="1"/>
  <c r="AD80003" i="1"/>
  <c r="AD80004" i="1"/>
  <c r="AD80005" i="1"/>
  <c r="AD80006" i="1"/>
  <c r="AD80007" i="1"/>
  <c r="AD80008" i="1"/>
  <c r="AD80009" i="1"/>
  <c r="AD80010" i="1"/>
  <c r="AD80011" i="1"/>
  <c r="AD80012" i="1"/>
  <c r="AD80013" i="1"/>
  <c r="AD80014" i="1"/>
  <c r="AD80015" i="1"/>
  <c r="AD80016" i="1"/>
  <c r="AD80017" i="1"/>
  <c r="AD80018" i="1"/>
  <c r="AD80019" i="1"/>
  <c r="AD80020" i="1"/>
  <c r="AD80021" i="1"/>
  <c r="AD80022" i="1"/>
  <c r="AD80023" i="1"/>
  <c r="AD80024" i="1"/>
  <c r="AD80025" i="1"/>
  <c r="AD80026" i="1"/>
  <c r="AD80027" i="1"/>
  <c r="AD80028" i="1"/>
  <c r="AD80029" i="1"/>
  <c r="AD80030" i="1"/>
  <c r="AD80031" i="1"/>
  <c r="AD80032" i="1"/>
  <c r="AD80033" i="1"/>
  <c r="AD80034" i="1"/>
  <c r="AD80035" i="1"/>
  <c r="AD80036" i="1"/>
  <c r="AD80037" i="1"/>
  <c r="AD80038" i="1"/>
  <c r="AD80039" i="1"/>
  <c r="AD80040" i="1"/>
  <c r="AD80041" i="1"/>
  <c r="AD80042" i="1"/>
  <c r="AD80043" i="1"/>
  <c r="AD80044" i="1"/>
  <c r="AD80045" i="1"/>
  <c r="AD80046" i="1"/>
  <c r="AD80047" i="1"/>
  <c r="AD80048" i="1"/>
  <c r="AD80049" i="1"/>
  <c r="AD80050" i="1"/>
  <c r="AD80051" i="1"/>
  <c r="AD80052" i="1"/>
  <c r="AD80053" i="1"/>
  <c r="AD80054" i="1"/>
  <c r="AD80055" i="1"/>
  <c r="AD80056" i="1"/>
  <c r="AD80057" i="1"/>
  <c r="AD80058" i="1"/>
  <c r="AD80059" i="1"/>
  <c r="AD80060" i="1"/>
  <c r="AD80061" i="1"/>
  <c r="AD80062" i="1"/>
  <c r="AD80063" i="1"/>
  <c r="AD80064" i="1"/>
  <c r="AD80065" i="1"/>
  <c r="AD80066" i="1"/>
  <c r="AD80067" i="1"/>
  <c r="AD80068" i="1"/>
  <c r="AD80069" i="1"/>
  <c r="AD80070" i="1"/>
  <c r="AD80071" i="1"/>
  <c r="AD80072" i="1"/>
  <c r="AD80073" i="1"/>
  <c r="AD80074" i="1"/>
  <c r="AD80075" i="1"/>
  <c r="AD80076" i="1"/>
  <c r="AD80077" i="1"/>
  <c r="AD80078" i="1"/>
  <c r="AD80079" i="1"/>
  <c r="AD80080" i="1"/>
  <c r="AD80081" i="1"/>
  <c r="AD80082" i="1"/>
  <c r="AD80083" i="1"/>
  <c r="AD80084" i="1"/>
  <c r="AD80085" i="1"/>
  <c r="AD80086" i="1"/>
  <c r="AD80087" i="1"/>
  <c r="AD80088" i="1"/>
  <c r="AD80089" i="1"/>
  <c r="AD80090" i="1"/>
  <c r="AD80091" i="1"/>
  <c r="AD80092" i="1"/>
  <c r="AD80093" i="1"/>
  <c r="AD80094" i="1"/>
  <c r="AD80095" i="1"/>
  <c r="AD80096" i="1"/>
  <c r="AD80097" i="1"/>
  <c r="AD80098" i="1"/>
  <c r="AD80099" i="1"/>
  <c r="AD80100" i="1"/>
  <c r="AD80101" i="1"/>
  <c r="AD80102" i="1"/>
  <c r="AD80103" i="1"/>
  <c r="AD80104" i="1"/>
  <c r="AD80105" i="1"/>
  <c r="AD80106" i="1"/>
  <c r="AD80107" i="1"/>
  <c r="AD80108" i="1"/>
  <c r="AD80109" i="1"/>
  <c r="AD80110" i="1"/>
  <c r="AD80111" i="1"/>
  <c r="AD80112" i="1"/>
  <c r="AD80113" i="1"/>
  <c r="AD80114" i="1"/>
  <c r="AD80115" i="1"/>
  <c r="AD80116" i="1"/>
  <c r="AD80117" i="1"/>
  <c r="AD80118" i="1"/>
  <c r="AD80119" i="1"/>
  <c r="AD80120" i="1"/>
  <c r="AD80121" i="1"/>
  <c r="AD80122" i="1"/>
  <c r="AD80123" i="1"/>
  <c r="AD80124" i="1"/>
  <c r="AD80125" i="1"/>
  <c r="AD80126" i="1"/>
  <c r="AD80127" i="1"/>
  <c r="AD80128" i="1"/>
  <c r="AD80129" i="1"/>
  <c r="AD80130" i="1"/>
  <c r="AD80131" i="1"/>
  <c r="AD80132" i="1"/>
  <c r="AD80133" i="1"/>
  <c r="AD80134" i="1"/>
  <c r="AD80135" i="1"/>
  <c r="AD80136" i="1"/>
  <c r="AD80137" i="1"/>
  <c r="AD80138" i="1"/>
  <c r="AD80139" i="1"/>
  <c r="AD80140" i="1"/>
  <c r="AD80141" i="1"/>
  <c r="AD80142" i="1"/>
  <c r="AD80143" i="1"/>
  <c r="AD80144" i="1"/>
  <c r="AD80145" i="1"/>
  <c r="AD80146" i="1"/>
  <c r="AD80147" i="1"/>
  <c r="AD80148" i="1"/>
  <c r="AD80149" i="1"/>
  <c r="AD80150" i="1"/>
  <c r="AD80151" i="1"/>
  <c r="AD80152" i="1"/>
  <c r="AD80153" i="1"/>
  <c r="AD80154" i="1"/>
  <c r="AD80155" i="1"/>
  <c r="AD80156" i="1"/>
  <c r="AD80157" i="1"/>
  <c r="AD80158" i="1"/>
  <c r="AD80159" i="1"/>
  <c r="AD80160" i="1"/>
  <c r="AD80161" i="1"/>
  <c r="AD80162" i="1"/>
  <c r="AD80163" i="1"/>
  <c r="AD80164" i="1"/>
  <c r="AD80165" i="1"/>
  <c r="AD80166" i="1"/>
  <c r="AD80167" i="1"/>
  <c r="AD80168" i="1"/>
  <c r="AD80169" i="1"/>
  <c r="AD80170" i="1"/>
  <c r="AD80171" i="1"/>
  <c r="AD80172" i="1"/>
  <c r="AD80173" i="1"/>
  <c r="AD80174" i="1"/>
  <c r="AD80175" i="1"/>
  <c r="AD80176" i="1"/>
  <c r="AD80177" i="1"/>
  <c r="AD80178" i="1"/>
  <c r="AD80179" i="1"/>
  <c r="AD80180" i="1"/>
  <c r="AD80181" i="1"/>
  <c r="AD80182" i="1"/>
  <c r="AD80183" i="1"/>
  <c r="AD80184" i="1"/>
  <c r="AD80185" i="1"/>
  <c r="AD80186" i="1"/>
  <c r="AD80187" i="1"/>
  <c r="AD80188" i="1"/>
  <c r="AD80189" i="1"/>
  <c r="AD80190" i="1"/>
  <c r="AD80191" i="1"/>
  <c r="AD80192" i="1"/>
  <c r="AD80193" i="1"/>
  <c r="AD80194" i="1"/>
  <c r="AD80195" i="1"/>
  <c r="AD80196" i="1"/>
  <c r="AD80197" i="1"/>
  <c r="AD80198" i="1"/>
  <c r="AD80199" i="1"/>
  <c r="AD80200" i="1"/>
  <c r="AD80201" i="1"/>
  <c r="AD80202" i="1"/>
  <c r="AD80203" i="1"/>
  <c r="AD80204" i="1"/>
  <c r="AD80205" i="1"/>
  <c r="AD80206" i="1"/>
  <c r="AD80207" i="1"/>
  <c r="AD80208" i="1"/>
  <c r="AD80209" i="1"/>
  <c r="AD80210" i="1"/>
  <c r="AD80211" i="1"/>
  <c r="AD80212" i="1"/>
  <c r="AD80213" i="1"/>
  <c r="AD80214" i="1"/>
  <c r="AD80215" i="1"/>
  <c r="AD80216" i="1"/>
  <c r="AD80217" i="1"/>
  <c r="AD80218" i="1"/>
  <c r="AD80219" i="1"/>
  <c r="AD80220" i="1"/>
  <c r="AD80221" i="1"/>
  <c r="AD80222" i="1"/>
  <c r="AD80223" i="1"/>
  <c r="AD80224" i="1"/>
  <c r="AD80225" i="1"/>
  <c r="AD80226" i="1"/>
  <c r="AD80227" i="1"/>
  <c r="AD80228" i="1"/>
  <c r="AD80229" i="1"/>
  <c r="AD80230" i="1"/>
  <c r="AD80231" i="1"/>
  <c r="AD80232" i="1"/>
  <c r="AD80233" i="1"/>
  <c r="AD80234" i="1"/>
  <c r="AD80235" i="1"/>
  <c r="AD80236" i="1"/>
  <c r="AD80237" i="1"/>
  <c r="AD80238" i="1"/>
  <c r="AD80239" i="1"/>
  <c r="AD80240" i="1"/>
  <c r="AD80241" i="1"/>
  <c r="AD80242" i="1"/>
  <c r="AD80243" i="1"/>
  <c r="AD80244" i="1"/>
  <c r="AD80245" i="1"/>
  <c r="AD80246" i="1"/>
  <c r="AD80247" i="1"/>
  <c r="AD80248" i="1"/>
  <c r="AD80249" i="1"/>
  <c r="AD80250" i="1"/>
  <c r="AD80251" i="1"/>
  <c r="AD80252" i="1"/>
  <c r="AD80253" i="1"/>
  <c r="AD80254" i="1"/>
  <c r="AD80255" i="1"/>
  <c r="AD80256" i="1"/>
  <c r="AD80257" i="1"/>
  <c r="AD80258" i="1"/>
  <c r="AD80259" i="1"/>
  <c r="AD80260" i="1"/>
  <c r="AD80261" i="1"/>
  <c r="AD80262" i="1"/>
  <c r="AD80263" i="1"/>
  <c r="AD80264" i="1"/>
  <c r="AD80265" i="1"/>
  <c r="AD80266" i="1"/>
  <c r="AD80267" i="1"/>
  <c r="AD80268" i="1"/>
  <c r="AD80269" i="1"/>
  <c r="AD80270" i="1"/>
  <c r="AD80271" i="1"/>
  <c r="AD80272" i="1"/>
  <c r="AD80273" i="1"/>
  <c r="AD80274" i="1"/>
  <c r="AD80275" i="1"/>
  <c r="AD80276" i="1"/>
  <c r="AD80277" i="1"/>
  <c r="AD80278" i="1"/>
  <c r="AD80279" i="1"/>
  <c r="AD80280" i="1"/>
  <c r="AD80281" i="1"/>
  <c r="AD80282" i="1"/>
  <c r="AD80283" i="1"/>
  <c r="AD80284" i="1"/>
  <c r="AD80285" i="1"/>
  <c r="AD80286" i="1"/>
  <c r="AD80287" i="1"/>
  <c r="AD80288" i="1"/>
  <c r="AD80289" i="1"/>
  <c r="AD80290" i="1"/>
  <c r="AD80291" i="1"/>
  <c r="AD80292" i="1"/>
  <c r="AD80293" i="1"/>
  <c r="AD80294" i="1"/>
  <c r="AD80295" i="1"/>
  <c r="AD80296" i="1"/>
  <c r="AD80297" i="1"/>
  <c r="AD80298" i="1"/>
  <c r="AD80299" i="1"/>
  <c r="AD80300" i="1"/>
  <c r="AD80301" i="1"/>
  <c r="AD80302" i="1"/>
  <c r="AD80303" i="1"/>
  <c r="AD80304" i="1"/>
  <c r="AD80305" i="1"/>
  <c r="AD80306" i="1"/>
  <c r="AD80307" i="1"/>
  <c r="AD80308" i="1"/>
  <c r="AD80309" i="1"/>
  <c r="AD80310" i="1"/>
  <c r="AD80311" i="1"/>
  <c r="AD80312" i="1"/>
  <c r="AD80313" i="1"/>
  <c r="AD80314" i="1"/>
  <c r="AD80315" i="1"/>
  <c r="AD80316" i="1"/>
  <c r="AD80317" i="1"/>
  <c r="AD80318" i="1"/>
  <c r="AD80319" i="1"/>
  <c r="AD80320" i="1"/>
  <c r="AD80321" i="1"/>
  <c r="AD80322" i="1"/>
  <c r="AD80323" i="1"/>
  <c r="AD80324" i="1"/>
  <c r="AD80325" i="1"/>
  <c r="AD80326" i="1"/>
  <c r="AD80327" i="1"/>
  <c r="AD80328" i="1"/>
  <c r="AD80329" i="1"/>
  <c r="AD80330" i="1"/>
  <c r="AD80331" i="1"/>
  <c r="AD80332" i="1"/>
  <c r="AD80333" i="1"/>
  <c r="AD80334" i="1"/>
  <c r="AD80335" i="1"/>
  <c r="AD80336" i="1"/>
  <c r="AD80337" i="1"/>
  <c r="AD80338" i="1"/>
  <c r="AD80339" i="1"/>
  <c r="AD80340" i="1"/>
  <c r="AD80341" i="1"/>
  <c r="AD80342" i="1"/>
  <c r="AD80343" i="1"/>
  <c r="AD80344" i="1"/>
  <c r="AD80345" i="1"/>
  <c r="AD80346" i="1"/>
  <c r="AD80347" i="1"/>
  <c r="AD80348" i="1"/>
  <c r="AD80349" i="1"/>
  <c r="AD80350" i="1"/>
  <c r="AD80351" i="1"/>
  <c r="AD80352" i="1"/>
  <c r="AD80353" i="1"/>
  <c r="AD80354" i="1"/>
  <c r="AD80355" i="1"/>
  <c r="AD80356" i="1"/>
  <c r="AD80357" i="1"/>
  <c r="AD80358" i="1"/>
  <c r="AD80359" i="1"/>
  <c r="AD80360" i="1"/>
  <c r="AD80361" i="1"/>
  <c r="AD80362" i="1"/>
  <c r="AD80363" i="1"/>
  <c r="AD80364" i="1"/>
  <c r="AD80365" i="1"/>
  <c r="AD80366" i="1"/>
  <c r="AD80367" i="1"/>
  <c r="AD80368" i="1"/>
  <c r="AD80369" i="1"/>
  <c r="AD80370" i="1"/>
  <c r="AD80371" i="1"/>
  <c r="AD80372" i="1"/>
  <c r="AD80373" i="1"/>
  <c r="AD80374" i="1"/>
  <c r="AD80375" i="1"/>
  <c r="AD80376" i="1"/>
  <c r="AD80377" i="1"/>
  <c r="AD80378" i="1"/>
  <c r="AD80379" i="1"/>
  <c r="AD80380" i="1"/>
  <c r="AD80381" i="1"/>
  <c r="AD80382" i="1"/>
  <c r="AD80383" i="1"/>
  <c r="AD80384" i="1"/>
  <c r="AD80385" i="1"/>
  <c r="AD80386" i="1"/>
  <c r="AD80387" i="1"/>
  <c r="AD80388" i="1"/>
  <c r="AD80389" i="1"/>
  <c r="AD80390" i="1"/>
  <c r="AD80391" i="1"/>
  <c r="AD80392" i="1"/>
  <c r="AD80393" i="1"/>
  <c r="AD80394" i="1"/>
  <c r="AD80395" i="1"/>
  <c r="AD80396" i="1"/>
  <c r="AD80397" i="1"/>
  <c r="AD80398" i="1"/>
  <c r="AD80399" i="1"/>
  <c r="AD80400" i="1"/>
  <c r="AD80401" i="1"/>
  <c r="AD80402" i="1"/>
  <c r="AD80403" i="1"/>
  <c r="AD80404" i="1"/>
  <c r="AD80405" i="1"/>
  <c r="AD80406" i="1"/>
  <c r="AD80407" i="1"/>
  <c r="AD80408" i="1"/>
  <c r="AD80409" i="1"/>
  <c r="AD80410" i="1"/>
  <c r="AD80411" i="1"/>
  <c r="AD80412" i="1"/>
  <c r="AD80413" i="1"/>
  <c r="AD80414" i="1"/>
  <c r="AD80415" i="1"/>
  <c r="AD80416" i="1"/>
  <c r="AD80417" i="1"/>
  <c r="AD80418" i="1"/>
  <c r="AD80419" i="1"/>
  <c r="AD80420" i="1"/>
  <c r="AD80421" i="1"/>
  <c r="AD80422" i="1"/>
  <c r="AD80423" i="1"/>
  <c r="AD80424" i="1"/>
  <c r="AD80425" i="1"/>
  <c r="AD80426" i="1"/>
  <c r="AD80427" i="1"/>
  <c r="AD80428" i="1"/>
  <c r="AD80429" i="1"/>
  <c r="AD80430" i="1"/>
  <c r="AD80431" i="1"/>
  <c r="AD80432" i="1"/>
  <c r="AD80433" i="1"/>
  <c r="AD80434" i="1"/>
  <c r="AD80435" i="1"/>
  <c r="AD80436" i="1"/>
  <c r="AD80437" i="1"/>
  <c r="AD80438" i="1"/>
  <c r="AD80439" i="1"/>
  <c r="AD80440" i="1"/>
  <c r="AD80441" i="1"/>
  <c r="AD80442" i="1"/>
  <c r="AD80443" i="1"/>
  <c r="AD80444" i="1"/>
  <c r="AD80445" i="1"/>
  <c r="AD80446" i="1"/>
  <c r="AD80447" i="1"/>
  <c r="AD80448" i="1"/>
  <c r="AD80449" i="1"/>
  <c r="AD80450" i="1"/>
  <c r="AD80451" i="1"/>
  <c r="AD80452" i="1"/>
  <c r="AD80453" i="1"/>
  <c r="AD80454" i="1"/>
  <c r="AD80455" i="1"/>
  <c r="AD80456" i="1"/>
  <c r="AD80457" i="1"/>
  <c r="AD80458" i="1"/>
  <c r="AD80459" i="1"/>
  <c r="AD80460" i="1"/>
  <c r="AD80461" i="1"/>
  <c r="AD80462" i="1"/>
  <c r="AD80463" i="1"/>
  <c r="AD80464" i="1"/>
  <c r="AD80465" i="1"/>
  <c r="AD80466" i="1"/>
  <c r="AD80467" i="1"/>
  <c r="AD80468" i="1"/>
  <c r="AD80469" i="1"/>
  <c r="AD80470" i="1"/>
  <c r="AD80471" i="1"/>
  <c r="AD80472" i="1"/>
  <c r="AD80473" i="1"/>
  <c r="AD80474" i="1"/>
  <c r="AD80475" i="1"/>
  <c r="AD80476" i="1"/>
  <c r="AD80477" i="1"/>
  <c r="AD80478" i="1"/>
  <c r="AD80479" i="1"/>
  <c r="AD80480" i="1"/>
  <c r="AD80481" i="1"/>
  <c r="AD80482" i="1"/>
  <c r="AD80483" i="1"/>
  <c r="AD80484" i="1"/>
  <c r="AD80485" i="1"/>
  <c r="AD80486" i="1"/>
  <c r="AD80487" i="1"/>
  <c r="AD80488" i="1"/>
  <c r="AD80489" i="1"/>
  <c r="AD80490" i="1"/>
  <c r="AD80491" i="1"/>
  <c r="AD80492" i="1"/>
  <c r="AD80493" i="1"/>
  <c r="AD80494" i="1"/>
  <c r="AD80495" i="1"/>
  <c r="AD80496" i="1"/>
  <c r="AD80497" i="1"/>
  <c r="AD80498" i="1"/>
  <c r="AD80499" i="1"/>
  <c r="AD80500" i="1"/>
  <c r="AD80501" i="1"/>
  <c r="AD80502" i="1"/>
  <c r="AD80503" i="1"/>
  <c r="AD80504" i="1"/>
  <c r="AD80505" i="1"/>
  <c r="AD80506" i="1"/>
  <c r="AD80507" i="1"/>
  <c r="AD80508" i="1"/>
  <c r="AD80509" i="1"/>
  <c r="AD80510" i="1"/>
  <c r="AD80511" i="1"/>
  <c r="AD80512" i="1"/>
  <c r="AD80513" i="1"/>
  <c r="AD80514" i="1"/>
  <c r="AD80515" i="1"/>
  <c r="AD80516" i="1"/>
  <c r="AD80517" i="1"/>
  <c r="AD80518" i="1"/>
  <c r="AD80519" i="1"/>
  <c r="AD80520" i="1"/>
  <c r="AD80521" i="1"/>
  <c r="AD80522" i="1"/>
  <c r="AD80523" i="1"/>
  <c r="AD80524" i="1"/>
  <c r="AD80525" i="1"/>
  <c r="AD80526" i="1"/>
  <c r="AD80527" i="1"/>
  <c r="AD80528" i="1"/>
  <c r="AD80529" i="1"/>
  <c r="AD80530" i="1"/>
  <c r="AD80531" i="1"/>
  <c r="AD80532" i="1"/>
  <c r="AD80533" i="1"/>
  <c r="AD80534" i="1"/>
  <c r="AD80535" i="1"/>
  <c r="AD80536" i="1"/>
  <c r="AD80537" i="1"/>
  <c r="AD80538" i="1"/>
  <c r="AD80539" i="1"/>
  <c r="AD80540" i="1"/>
  <c r="AD80541" i="1"/>
  <c r="AD80542" i="1"/>
  <c r="AD80543" i="1"/>
  <c r="AD80544" i="1"/>
  <c r="AD80545" i="1"/>
  <c r="AD80546" i="1"/>
  <c r="AD80547" i="1"/>
  <c r="AD80548" i="1"/>
  <c r="AD80549" i="1"/>
  <c r="AD80550" i="1"/>
  <c r="AD80551" i="1"/>
  <c r="AD80552" i="1"/>
  <c r="AD80553" i="1"/>
  <c r="AD80554" i="1"/>
  <c r="AD80555" i="1"/>
  <c r="AD80556" i="1"/>
  <c r="AD80557" i="1"/>
  <c r="AD80558" i="1"/>
  <c r="AD80559" i="1"/>
  <c r="AD80560" i="1"/>
  <c r="AD80561" i="1"/>
  <c r="AD80562" i="1"/>
  <c r="AD80563" i="1"/>
  <c r="AD80564" i="1"/>
  <c r="AD80565" i="1"/>
  <c r="AD80566" i="1"/>
  <c r="AD80567" i="1"/>
  <c r="AD80568" i="1"/>
  <c r="AD80569" i="1"/>
  <c r="AD80570" i="1"/>
  <c r="AD80571" i="1"/>
  <c r="AD80572" i="1"/>
  <c r="AD80573" i="1"/>
  <c r="AD80574" i="1"/>
  <c r="AD80575" i="1"/>
  <c r="AD80576" i="1"/>
  <c r="AD80577" i="1"/>
  <c r="AD80578" i="1"/>
  <c r="AD80579" i="1"/>
  <c r="AD80580" i="1"/>
  <c r="AD80581" i="1"/>
  <c r="AD80582" i="1"/>
  <c r="AD80583" i="1"/>
  <c r="AD80584" i="1"/>
  <c r="AD80585" i="1"/>
  <c r="AD80586" i="1"/>
  <c r="AD80587" i="1"/>
  <c r="AD80588" i="1"/>
  <c r="AD80589" i="1"/>
  <c r="AD80590" i="1"/>
  <c r="AD80591" i="1"/>
  <c r="AD80592" i="1"/>
  <c r="AD80593" i="1"/>
  <c r="AD80594" i="1"/>
  <c r="AD80595" i="1"/>
  <c r="AD80596" i="1"/>
  <c r="AD80597" i="1"/>
  <c r="AD80598" i="1"/>
  <c r="AD80599" i="1"/>
  <c r="AD80600" i="1"/>
  <c r="AD80601" i="1"/>
  <c r="AD80602" i="1"/>
  <c r="AD80603" i="1"/>
  <c r="AD80604" i="1"/>
  <c r="AD80605" i="1"/>
  <c r="AD80606" i="1"/>
  <c r="AD80607" i="1"/>
  <c r="AD80608" i="1"/>
  <c r="AD80609" i="1"/>
  <c r="AD80610" i="1"/>
  <c r="AD80611" i="1"/>
  <c r="AD80612" i="1"/>
  <c r="AD80613" i="1"/>
  <c r="AD80614" i="1"/>
  <c r="AD80615" i="1"/>
  <c r="AD80616" i="1"/>
  <c r="AD80617" i="1"/>
  <c r="AD80618" i="1"/>
  <c r="AD80619" i="1"/>
  <c r="AD80620" i="1"/>
  <c r="AD80621" i="1"/>
  <c r="AD80622" i="1"/>
  <c r="AD80623" i="1"/>
  <c r="AD80624" i="1"/>
  <c r="AD80625" i="1"/>
  <c r="AD80626" i="1"/>
  <c r="AD80627" i="1"/>
  <c r="AD80628" i="1"/>
  <c r="AD80629" i="1"/>
  <c r="AD80630" i="1"/>
  <c r="AD80631" i="1"/>
  <c r="AD80632" i="1"/>
  <c r="AD80633" i="1"/>
  <c r="AD80634" i="1"/>
  <c r="AD80635" i="1"/>
  <c r="AD80636" i="1"/>
  <c r="AD80637" i="1"/>
  <c r="AD80638" i="1"/>
  <c r="AD80639" i="1"/>
  <c r="AD80640" i="1"/>
  <c r="AD80641" i="1"/>
  <c r="AD80642" i="1"/>
  <c r="AD80643" i="1"/>
  <c r="AD80644" i="1"/>
  <c r="AD80645" i="1"/>
  <c r="AD80646" i="1"/>
  <c r="AD80647" i="1"/>
  <c r="AD80648" i="1"/>
  <c r="AD80649" i="1"/>
  <c r="AD80650" i="1"/>
  <c r="AD80651" i="1"/>
  <c r="AD80652" i="1"/>
  <c r="AD80653" i="1"/>
  <c r="AD80654" i="1"/>
  <c r="AD80655" i="1"/>
  <c r="AD80656" i="1"/>
  <c r="AD80657" i="1"/>
  <c r="AD80658" i="1"/>
  <c r="AD80659" i="1"/>
  <c r="AD80660" i="1"/>
  <c r="AD80661" i="1"/>
  <c r="AD80662" i="1"/>
  <c r="AD80663" i="1"/>
  <c r="AD80664" i="1"/>
  <c r="AD80665" i="1"/>
  <c r="AD80666" i="1"/>
  <c r="AD80667" i="1"/>
  <c r="AD80668" i="1"/>
  <c r="AD80669" i="1"/>
  <c r="AD80670" i="1"/>
  <c r="AD80671" i="1"/>
  <c r="AD80672" i="1"/>
  <c r="AD80673" i="1"/>
  <c r="AD80674" i="1"/>
  <c r="AD80675" i="1"/>
  <c r="AD80676" i="1"/>
  <c r="AD80677" i="1"/>
  <c r="AD80678" i="1"/>
  <c r="AD80679" i="1"/>
  <c r="AD80680" i="1"/>
  <c r="AD80681" i="1"/>
  <c r="AD80682" i="1"/>
  <c r="AD80683" i="1"/>
  <c r="AD80684" i="1"/>
  <c r="AD80685" i="1"/>
  <c r="AD80686" i="1"/>
  <c r="AD80687" i="1"/>
  <c r="AD80688" i="1"/>
  <c r="AD80689" i="1"/>
  <c r="AD80690" i="1"/>
  <c r="AD80691" i="1"/>
  <c r="AD80692" i="1"/>
  <c r="AD80693" i="1"/>
  <c r="AD80694" i="1"/>
  <c r="AD80695" i="1"/>
  <c r="AD80696" i="1"/>
  <c r="AD80697" i="1"/>
  <c r="AD80698" i="1"/>
  <c r="AD80699" i="1"/>
  <c r="AD80700" i="1"/>
  <c r="AD80701" i="1"/>
  <c r="AD80702" i="1"/>
  <c r="AD80703" i="1"/>
  <c r="AD80704" i="1"/>
  <c r="AD80705" i="1"/>
  <c r="AD80706" i="1"/>
  <c r="AD80707" i="1"/>
  <c r="AD80708" i="1"/>
  <c r="AD80709" i="1"/>
  <c r="AD80710" i="1"/>
  <c r="AD80711" i="1"/>
  <c r="AD80712" i="1"/>
  <c r="AD80713" i="1"/>
  <c r="AD80714" i="1"/>
  <c r="AD80715" i="1"/>
  <c r="AD80716" i="1"/>
  <c r="AD80717" i="1"/>
  <c r="AD80718" i="1"/>
  <c r="AD80719" i="1"/>
  <c r="AD80720" i="1"/>
  <c r="AD80721" i="1"/>
  <c r="AD80722" i="1"/>
  <c r="AD80723" i="1"/>
  <c r="AD80724" i="1"/>
  <c r="AD80725" i="1"/>
  <c r="AD80726" i="1"/>
  <c r="AD80727" i="1"/>
  <c r="AD80728" i="1"/>
  <c r="AD80729" i="1"/>
  <c r="AD80730" i="1"/>
  <c r="AD80731" i="1"/>
  <c r="AD80732" i="1"/>
  <c r="AD80733" i="1"/>
  <c r="AD80734" i="1"/>
  <c r="AD80735" i="1"/>
  <c r="AD80736" i="1"/>
  <c r="AD80737" i="1"/>
  <c r="AD80738" i="1"/>
  <c r="AD80739" i="1"/>
  <c r="AD80740" i="1"/>
  <c r="AD80741" i="1"/>
  <c r="AD80742" i="1"/>
  <c r="AD80743" i="1"/>
  <c r="AD80744" i="1"/>
  <c r="AD80745" i="1"/>
  <c r="AD80746" i="1"/>
  <c r="AD80747" i="1"/>
  <c r="AD80748" i="1"/>
  <c r="AD80749" i="1"/>
  <c r="AD80750" i="1"/>
  <c r="AD80751" i="1"/>
  <c r="AD80752" i="1"/>
  <c r="AD80753" i="1"/>
  <c r="AD80754" i="1"/>
  <c r="AD80755" i="1"/>
  <c r="AD80756" i="1"/>
  <c r="AD80757" i="1"/>
  <c r="AD80758" i="1"/>
  <c r="AD80759" i="1"/>
  <c r="AD80760" i="1"/>
  <c r="AD80761" i="1"/>
  <c r="AD80762" i="1"/>
  <c r="AD80763" i="1"/>
  <c r="AD80764" i="1"/>
  <c r="AD80765" i="1"/>
  <c r="AD80766" i="1"/>
  <c r="AD80767" i="1"/>
  <c r="AD80768" i="1"/>
  <c r="AD80769" i="1"/>
  <c r="AD80770" i="1"/>
  <c r="AD80771" i="1"/>
  <c r="AD80772" i="1"/>
  <c r="AD80773" i="1"/>
  <c r="AD80774" i="1"/>
  <c r="AD80775" i="1"/>
  <c r="AD80776" i="1"/>
  <c r="AD80777" i="1"/>
  <c r="AD80778" i="1"/>
  <c r="AD80779" i="1"/>
  <c r="AD80780" i="1"/>
  <c r="AD80781" i="1"/>
  <c r="AD80782" i="1"/>
  <c r="AD80783" i="1"/>
  <c r="AD80784" i="1"/>
  <c r="AD80785" i="1"/>
  <c r="AD80786" i="1"/>
  <c r="AD80787" i="1"/>
  <c r="AD80788" i="1"/>
  <c r="AD80789" i="1"/>
  <c r="AD80790" i="1"/>
  <c r="AD80791" i="1"/>
  <c r="AD80792" i="1"/>
  <c r="AD80793" i="1"/>
  <c r="AD80794" i="1"/>
  <c r="AD80795" i="1"/>
  <c r="AD80796" i="1"/>
  <c r="AD80797" i="1"/>
  <c r="AD80798" i="1"/>
  <c r="AD80799" i="1"/>
  <c r="AD80800" i="1"/>
  <c r="AD80801" i="1"/>
  <c r="AD80802" i="1"/>
  <c r="AD80803" i="1"/>
  <c r="AD80804" i="1"/>
  <c r="AD80805" i="1"/>
  <c r="AD80806" i="1"/>
  <c r="AD80807" i="1"/>
  <c r="AD80808" i="1"/>
  <c r="AD80809" i="1"/>
  <c r="AD80810" i="1"/>
  <c r="AD80811" i="1"/>
  <c r="AD80812" i="1"/>
  <c r="AD80813" i="1"/>
  <c r="AD80814" i="1"/>
  <c r="AD80815" i="1"/>
  <c r="AD80816" i="1"/>
  <c r="AD80817" i="1"/>
  <c r="AD80818" i="1"/>
  <c r="AD80819" i="1"/>
  <c r="AD80820" i="1"/>
  <c r="AD80821" i="1"/>
  <c r="AD80822" i="1"/>
  <c r="AD80823" i="1"/>
  <c r="AD80824" i="1"/>
  <c r="AD80825" i="1"/>
  <c r="AD80826" i="1"/>
  <c r="AD80827" i="1"/>
  <c r="AD80828" i="1"/>
  <c r="AD80829" i="1"/>
  <c r="AD80830" i="1"/>
  <c r="AD80831" i="1"/>
  <c r="AD80832" i="1"/>
  <c r="AD80833" i="1"/>
  <c r="AD80834" i="1"/>
  <c r="AD80835" i="1"/>
  <c r="AD80836" i="1"/>
  <c r="AD80837" i="1"/>
  <c r="AD80838" i="1"/>
  <c r="AD80839" i="1"/>
  <c r="AD80840" i="1"/>
  <c r="AD80841" i="1"/>
  <c r="AD80842" i="1"/>
  <c r="AD80843" i="1"/>
  <c r="AD80844" i="1"/>
  <c r="AD80845" i="1"/>
  <c r="AD80846" i="1"/>
  <c r="AD80847" i="1"/>
  <c r="AD80848" i="1"/>
  <c r="AD80849" i="1"/>
  <c r="AD80850" i="1"/>
  <c r="AD80851" i="1"/>
  <c r="AD80852" i="1"/>
  <c r="AD80853" i="1"/>
  <c r="AD80854" i="1"/>
  <c r="AD80855" i="1"/>
  <c r="AD80856" i="1"/>
  <c r="AD80857" i="1"/>
  <c r="AD80858" i="1"/>
  <c r="AD80859" i="1"/>
  <c r="AD80860" i="1"/>
  <c r="AD80861" i="1"/>
  <c r="AD80862" i="1"/>
  <c r="AD80863" i="1"/>
  <c r="AD80864" i="1"/>
  <c r="AD80865" i="1"/>
  <c r="AD80866" i="1"/>
  <c r="AD80867" i="1"/>
  <c r="AD80868" i="1"/>
  <c r="AD80869" i="1"/>
  <c r="AD80870" i="1"/>
  <c r="AD80871" i="1"/>
  <c r="AD80872" i="1"/>
  <c r="AD80873" i="1"/>
  <c r="AD80874" i="1"/>
  <c r="AD80875" i="1"/>
  <c r="AD80876" i="1"/>
  <c r="AD80877" i="1"/>
  <c r="AD80878" i="1"/>
  <c r="AD80879" i="1"/>
  <c r="AD80880" i="1"/>
  <c r="AD80881" i="1"/>
  <c r="AD80882" i="1"/>
  <c r="AD80883" i="1"/>
  <c r="AD80884" i="1"/>
  <c r="AD80885" i="1"/>
  <c r="AD80886" i="1"/>
  <c r="AD80887" i="1"/>
  <c r="AD80888" i="1"/>
  <c r="AD80889" i="1"/>
  <c r="AD80890" i="1"/>
  <c r="AD80891" i="1"/>
  <c r="AD80892" i="1"/>
  <c r="AD80893" i="1"/>
  <c r="AD80894" i="1"/>
  <c r="AD80895" i="1"/>
  <c r="AD80896" i="1"/>
  <c r="AD80897" i="1"/>
  <c r="AD80898" i="1"/>
  <c r="AD80899" i="1"/>
  <c r="AD80900" i="1"/>
  <c r="AD80901" i="1"/>
  <c r="AD80902" i="1"/>
  <c r="AD80903" i="1"/>
  <c r="AD80904" i="1"/>
  <c r="AD80905" i="1"/>
  <c r="AD80906" i="1"/>
  <c r="AD80907" i="1"/>
  <c r="AD80908" i="1"/>
  <c r="AD80909" i="1"/>
  <c r="AD80910" i="1"/>
  <c r="AD80911" i="1"/>
  <c r="AD80912" i="1"/>
  <c r="AD80913" i="1"/>
  <c r="AD80914" i="1"/>
  <c r="AD80915" i="1"/>
  <c r="AD80916" i="1"/>
  <c r="AD80917" i="1"/>
  <c r="AD80918" i="1"/>
  <c r="AD80919" i="1"/>
  <c r="AD80920" i="1"/>
  <c r="AD80921" i="1"/>
  <c r="AD80922" i="1"/>
  <c r="AD80923" i="1"/>
  <c r="AD80924" i="1"/>
  <c r="AD80925" i="1"/>
  <c r="AD80926" i="1"/>
  <c r="AD80927" i="1"/>
  <c r="AD80928" i="1"/>
  <c r="AD80929" i="1"/>
  <c r="AD80930" i="1"/>
  <c r="AD80931" i="1"/>
  <c r="AD80932" i="1"/>
  <c r="AD80933" i="1"/>
  <c r="AD80934" i="1"/>
  <c r="AD80935" i="1"/>
  <c r="AD80936" i="1"/>
  <c r="AD80937" i="1"/>
  <c r="AD80938" i="1"/>
  <c r="AD80939" i="1"/>
  <c r="AD80940" i="1"/>
  <c r="AD80941" i="1"/>
  <c r="AD80942" i="1"/>
  <c r="AD80943" i="1"/>
  <c r="AD80944" i="1"/>
  <c r="AD80945" i="1"/>
  <c r="AD80946" i="1"/>
  <c r="AD80947" i="1"/>
  <c r="AD80948" i="1"/>
  <c r="AD80949" i="1"/>
  <c r="AD80950" i="1"/>
  <c r="AD80951" i="1"/>
  <c r="AD80952" i="1"/>
  <c r="AD80953" i="1"/>
  <c r="AD80954" i="1"/>
  <c r="AD80955" i="1"/>
  <c r="AD80956" i="1"/>
  <c r="AD80957" i="1"/>
  <c r="AD80958" i="1"/>
  <c r="AD80959" i="1"/>
  <c r="AD80960" i="1"/>
  <c r="AD80961" i="1"/>
  <c r="AD80962" i="1"/>
  <c r="AD80963" i="1"/>
  <c r="AD80964" i="1"/>
  <c r="AD80965" i="1"/>
  <c r="AD80966" i="1"/>
  <c r="AD80967" i="1"/>
  <c r="AD80968" i="1"/>
  <c r="AD80969" i="1"/>
  <c r="AD80970" i="1"/>
  <c r="AD80971" i="1"/>
  <c r="AD80972" i="1"/>
  <c r="AD80973" i="1"/>
  <c r="AD80974" i="1"/>
  <c r="AD80975" i="1"/>
  <c r="AD80976" i="1"/>
  <c r="AD80977" i="1"/>
  <c r="AD80978" i="1"/>
  <c r="AD80979" i="1"/>
  <c r="AD80980" i="1"/>
  <c r="AD80981" i="1"/>
  <c r="AD80982" i="1"/>
  <c r="AD80983" i="1"/>
  <c r="AD80984" i="1"/>
  <c r="AD80985" i="1"/>
  <c r="AD80986" i="1"/>
  <c r="AD80987" i="1"/>
  <c r="AD80988" i="1"/>
  <c r="AD80989" i="1"/>
  <c r="AD80990" i="1"/>
  <c r="AD80991" i="1"/>
  <c r="AD80992" i="1"/>
  <c r="AD80993" i="1"/>
  <c r="AD80994" i="1"/>
  <c r="AD80995" i="1"/>
  <c r="AD80996" i="1"/>
  <c r="AD80997" i="1"/>
  <c r="AD80998" i="1"/>
  <c r="AD80999" i="1"/>
  <c r="AD81000" i="1"/>
  <c r="AD81001" i="1"/>
  <c r="AD81002" i="1"/>
  <c r="AD81003" i="1"/>
  <c r="AD81004" i="1"/>
  <c r="AD81005" i="1"/>
  <c r="AD81006" i="1"/>
  <c r="AD81007" i="1"/>
  <c r="AD81008" i="1"/>
  <c r="AD81009" i="1"/>
  <c r="AD81010" i="1"/>
  <c r="AD81011" i="1"/>
  <c r="AD81012" i="1"/>
  <c r="AD81013" i="1"/>
  <c r="AD81014" i="1"/>
  <c r="AD81015" i="1"/>
  <c r="AD81016" i="1"/>
  <c r="AD81017" i="1"/>
  <c r="AD81018" i="1"/>
  <c r="AD81019" i="1"/>
  <c r="AD81020" i="1"/>
  <c r="AD81021" i="1"/>
  <c r="AD81022" i="1"/>
  <c r="AD81023" i="1"/>
  <c r="AD81024" i="1"/>
  <c r="AD81025" i="1"/>
  <c r="AD81026" i="1"/>
  <c r="AD81027" i="1"/>
  <c r="AD81028" i="1"/>
  <c r="AD81029" i="1"/>
  <c r="AD81030" i="1"/>
  <c r="AD81031" i="1"/>
  <c r="AD81032" i="1"/>
  <c r="AD81033" i="1"/>
  <c r="AD81034" i="1"/>
  <c r="AD81035" i="1"/>
  <c r="AD81036" i="1"/>
  <c r="AD81037" i="1"/>
  <c r="AD81038" i="1"/>
  <c r="AD81039" i="1"/>
  <c r="AD81040" i="1"/>
  <c r="AD81041" i="1"/>
  <c r="AD81042" i="1"/>
  <c r="AD81043" i="1"/>
  <c r="AD81044" i="1"/>
  <c r="AD81045" i="1"/>
  <c r="AD81046" i="1"/>
  <c r="AD81047" i="1"/>
  <c r="AD81048" i="1"/>
  <c r="AD81049" i="1"/>
  <c r="AD81050" i="1"/>
  <c r="AD81051" i="1"/>
  <c r="AD81052" i="1"/>
  <c r="AD81053" i="1"/>
  <c r="AD81054" i="1"/>
  <c r="AD81055" i="1"/>
  <c r="AD81056" i="1"/>
  <c r="AD81057" i="1"/>
  <c r="AD81058" i="1"/>
  <c r="AD81059" i="1"/>
  <c r="AD81060" i="1"/>
  <c r="AD81061" i="1"/>
  <c r="AD81062" i="1"/>
  <c r="AD81063" i="1"/>
  <c r="AD81064" i="1"/>
  <c r="AD81065" i="1"/>
  <c r="AD81066" i="1"/>
  <c r="AD81067" i="1"/>
  <c r="AD81068" i="1"/>
  <c r="AD81069" i="1"/>
  <c r="AD81070" i="1"/>
  <c r="AD81071" i="1"/>
  <c r="AD81072" i="1"/>
  <c r="AD81073" i="1"/>
  <c r="AD81074" i="1"/>
  <c r="AD81075" i="1"/>
  <c r="AD81076" i="1"/>
  <c r="AD81077" i="1"/>
  <c r="AD81078" i="1"/>
  <c r="AD81079" i="1"/>
  <c r="AD81080" i="1"/>
  <c r="AD81081" i="1"/>
  <c r="AD81082" i="1"/>
  <c r="AD81083" i="1"/>
  <c r="AD81084" i="1"/>
  <c r="AD81085" i="1"/>
  <c r="AD81086" i="1"/>
  <c r="AD81087" i="1"/>
  <c r="AD81088" i="1"/>
  <c r="AD81089" i="1"/>
  <c r="AD81090" i="1"/>
  <c r="AD81091" i="1"/>
  <c r="AD81092" i="1"/>
  <c r="AD81093" i="1"/>
  <c r="AD81094" i="1"/>
  <c r="AD81095" i="1"/>
  <c r="AD81096" i="1"/>
  <c r="AD81097" i="1"/>
  <c r="AD81098" i="1"/>
  <c r="AD81099" i="1"/>
  <c r="AD81100" i="1"/>
  <c r="AD81101" i="1"/>
  <c r="AD81102" i="1"/>
  <c r="AD81103" i="1"/>
  <c r="AD81104" i="1"/>
  <c r="AD81105" i="1"/>
  <c r="AD81106" i="1"/>
  <c r="AD81107" i="1"/>
  <c r="AD81108" i="1"/>
  <c r="AD81109" i="1"/>
  <c r="AD81110" i="1"/>
  <c r="AD81111" i="1"/>
  <c r="AD81112" i="1"/>
  <c r="AD81113" i="1"/>
  <c r="AD81114" i="1"/>
  <c r="AD81115" i="1"/>
  <c r="AD81116" i="1"/>
  <c r="AD81117" i="1"/>
  <c r="AD81118" i="1"/>
  <c r="AD81119" i="1"/>
  <c r="AD81120" i="1"/>
  <c r="AD81121" i="1"/>
  <c r="AD81122" i="1"/>
  <c r="AD81123" i="1"/>
  <c r="AD81124" i="1"/>
  <c r="AD81125" i="1"/>
  <c r="AD81126" i="1"/>
  <c r="AD81127" i="1"/>
  <c r="AD81128" i="1"/>
  <c r="AD81129" i="1"/>
  <c r="AD81130" i="1"/>
  <c r="AD81131" i="1"/>
  <c r="AD81132" i="1"/>
  <c r="AD81133" i="1"/>
  <c r="AD81134" i="1"/>
  <c r="AD81135" i="1"/>
  <c r="AD81136" i="1"/>
  <c r="AD81137" i="1"/>
  <c r="AD81138" i="1"/>
  <c r="AD81139" i="1"/>
  <c r="AD81140" i="1"/>
  <c r="AD81141" i="1"/>
  <c r="AD81142" i="1"/>
  <c r="AD81143" i="1"/>
  <c r="AD81144" i="1"/>
  <c r="AD81145" i="1"/>
  <c r="AD81146" i="1"/>
  <c r="AD81147" i="1"/>
  <c r="AD81148" i="1"/>
  <c r="AD81149" i="1"/>
  <c r="AD81150" i="1"/>
  <c r="AD81151" i="1"/>
  <c r="AD81152" i="1"/>
  <c r="AD81153" i="1"/>
  <c r="AD81154" i="1"/>
  <c r="AD81155" i="1"/>
  <c r="AD81156" i="1"/>
  <c r="AD81157" i="1"/>
  <c r="AD81158" i="1"/>
  <c r="AD81159" i="1"/>
  <c r="AD81160" i="1"/>
  <c r="AD81161" i="1"/>
  <c r="AD81162" i="1"/>
  <c r="AD81163" i="1"/>
  <c r="AD81164" i="1"/>
  <c r="AD81165" i="1"/>
  <c r="AD81166" i="1"/>
  <c r="AD81167" i="1"/>
  <c r="AD81168" i="1"/>
  <c r="AD81169" i="1"/>
  <c r="AD81170" i="1"/>
  <c r="AD81171" i="1"/>
  <c r="AD81172" i="1"/>
  <c r="AD81173" i="1"/>
  <c r="AD81174" i="1"/>
  <c r="AD81175" i="1"/>
  <c r="AD81176" i="1"/>
  <c r="AD81177" i="1"/>
  <c r="AD81178" i="1"/>
  <c r="AD81179" i="1"/>
  <c r="AD81180" i="1"/>
  <c r="AD81181" i="1"/>
  <c r="AD81182" i="1"/>
  <c r="AD81183" i="1"/>
  <c r="AD81184" i="1"/>
  <c r="AD81185" i="1"/>
  <c r="AD81186" i="1"/>
  <c r="AD81187" i="1"/>
  <c r="AD81188" i="1"/>
  <c r="AD81189" i="1"/>
  <c r="AD81190" i="1"/>
  <c r="AD81191" i="1"/>
  <c r="AD81192" i="1"/>
  <c r="AD81193" i="1"/>
  <c r="AD81194" i="1"/>
  <c r="AD81195" i="1"/>
  <c r="AD81196" i="1"/>
  <c r="AD81197" i="1"/>
  <c r="AD81198" i="1"/>
  <c r="AD81199" i="1"/>
  <c r="AD81200" i="1"/>
  <c r="AD81201" i="1"/>
  <c r="AD81202" i="1"/>
  <c r="AD81203" i="1"/>
  <c r="AD81204" i="1"/>
  <c r="AD81205" i="1"/>
  <c r="AD81206" i="1"/>
  <c r="AD81207" i="1"/>
  <c r="AD81208" i="1"/>
  <c r="AD81209" i="1"/>
  <c r="AD81210" i="1"/>
  <c r="AD81211" i="1"/>
  <c r="AD81212" i="1"/>
  <c r="AD81213" i="1"/>
  <c r="AD81214" i="1"/>
  <c r="AD81215" i="1"/>
  <c r="AD81216" i="1"/>
  <c r="AD81217" i="1"/>
  <c r="AD81218" i="1"/>
  <c r="AD81219" i="1"/>
  <c r="AD81220" i="1"/>
  <c r="AD81221" i="1"/>
  <c r="AD81222" i="1"/>
  <c r="AD81223" i="1"/>
  <c r="AD81224" i="1"/>
  <c r="AD81225" i="1"/>
  <c r="AD81226" i="1"/>
  <c r="AD81227" i="1"/>
  <c r="AD81228" i="1"/>
  <c r="AD81229" i="1"/>
  <c r="AD81230" i="1"/>
  <c r="AD81231" i="1"/>
  <c r="AD81232" i="1"/>
  <c r="AD81233" i="1"/>
  <c r="AD81234" i="1"/>
  <c r="AD81235" i="1"/>
  <c r="AD81236" i="1"/>
  <c r="AD81237" i="1"/>
  <c r="AD81238" i="1"/>
  <c r="AD81239" i="1"/>
  <c r="AD81240" i="1"/>
  <c r="AD81241" i="1"/>
  <c r="AD81242" i="1"/>
  <c r="AD81243" i="1"/>
  <c r="AD81244" i="1"/>
  <c r="AD81245" i="1"/>
  <c r="AD81246" i="1"/>
  <c r="AD81247" i="1"/>
  <c r="AD81248" i="1"/>
  <c r="AD81249" i="1"/>
  <c r="AD81250" i="1"/>
  <c r="AD81251" i="1"/>
  <c r="AD81252" i="1"/>
  <c r="AD81253" i="1"/>
  <c r="AD81254" i="1"/>
  <c r="AD81255" i="1"/>
  <c r="AD81256" i="1"/>
  <c r="AD81257" i="1"/>
  <c r="AD81258" i="1"/>
  <c r="AD81259" i="1"/>
  <c r="AD81260" i="1"/>
  <c r="AD81261" i="1"/>
  <c r="AD81262" i="1"/>
  <c r="AD81263" i="1"/>
  <c r="AD81264" i="1"/>
  <c r="AD81265" i="1"/>
  <c r="AD81266" i="1"/>
  <c r="AD81267" i="1"/>
  <c r="AD81268" i="1"/>
  <c r="AD81269" i="1"/>
  <c r="AD81270" i="1"/>
  <c r="AD81271" i="1"/>
  <c r="AD81272" i="1"/>
  <c r="AD81273" i="1"/>
  <c r="AD81274" i="1"/>
  <c r="AD81275" i="1"/>
  <c r="AD81276" i="1"/>
  <c r="AD81277" i="1"/>
  <c r="AD81278" i="1"/>
  <c r="AD81279" i="1"/>
  <c r="AD81280" i="1"/>
  <c r="AD81281" i="1"/>
  <c r="AD81282" i="1"/>
  <c r="AD81283" i="1"/>
  <c r="AD81284" i="1"/>
  <c r="AD81285" i="1"/>
  <c r="AD81286" i="1"/>
  <c r="AD81287" i="1"/>
  <c r="AD81288" i="1"/>
  <c r="AD81289" i="1"/>
  <c r="AD81290" i="1"/>
  <c r="AD81291" i="1"/>
  <c r="AD81292" i="1"/>
  <c r="AD81293" i="1"/>
  <c r="AD81294" i="1"/>
  <c r="AD81295" i="1"/>
  <c r="AD81296" i="1"/>
  <c r="AD81297" i="1"/>
  <c r="AD81298" i="1"/>
  <c r="AD81299" i="1"/>
  <c r="AD81300" i="1"/>
  <c r="AD81301" i="1"/>
  <c r="AD81302" i="1"/>
  <c r="AD81303" i="1"/>
  <c r="AD81304" i="1"/>
  <c r="AD81305" i="1"/>
  <c r="AD81306" i="1"/>
  <c r="AD81307" i="1"/>
  <c r="AD81308" i="1"/>
  <c r="AD81309" i="1"/>
  <c r="AD81310" i="1"/>
  <c r="AD81311" i="1"/>
  <c r="AD81312" i="1"/>
  <c r="AD81313" i="1"/>
  <c r="AD81314" i="1"/>
  <c r="AD81315" i="1"/>
  <c r="AD81316" i="1"/>
  <c r="AD81317" i="1"/>
  <c r="AD81318" i="1"/>
  <c r="AD81319" i="1"/>
  <c r="AD81320" i="1"/>
  <c r="AD81321" i="1"/>
  <c r="AD81322" i="1"/>
  <c r="AD81323" i="1"/>
  <c r="AD81324" i="1"/>
  <c r="AD81325" i="1"/>
  <c r="AD81326" i="1"/>
  <c r="AD81327" i="1"/>
  <c r="AD81328" i="1"/>
  <c r="AD81329" i="1"/>
  <c r="AD81330" i="1"/>
  <c r="AD81331" i="1"/>
  <c r="AD81332" i="1"/>
  <c r="AD81333" i="1"/>
  <c r="AD81334" i="1"/>
  <c r="AD81335" i="1"/>
  <c r="AD81336" i="1"/>
  <c r="AD81337" i="1"/>
  <c r="AD81338" i="1"/>
  <c r="AD81339" i="1"/>
  <c r="AD81340" i="1"/>
  <c r="AD81341" i="1"/>
  <c r="AD81342" i="1"/>
  <c r="AD81343" i="1"/>
  <c r="AD81344" i="1"/>
  <c r="AD81345" i="1"/>
  <c r="AD81346" i="1"/>
  <c r="AD81347" i="1"/>
  <c r="AD81348" i="1"/>
  <c r="AD81349" i="1"/>
  <c r="AD81350" i="1"/>
  <c r="AD81351" i="1"/>
  <c r="AD81352" i="1"/>
  <c r="AD81353" i="1"/>
  <c r="AD81354" i="1"/>
  <c r="AD81355" i="1"/>
  <c r="AD81356" i="1"/>
  <c r="AD81357" i="1"/>
  <c r="AD81358" i="1"/>
  <c r="AD81359" i="1"/>
  <c r="AD81360" i="1"/>
  <c r="AD81361" i="1"/>
  <c r="AD81362" i="1"/>
  <c r="AD81363" i="1"/>
  <c r="AD81364" i="1"/>
  <c r="AD81365" i="1"/>
  <c r="AD81366" i="1"/>
  <c r="AD81367" i="1"/>
  <c r="AD81368" i="1"/>
  <c r="AD81369" i="1"/>
  <c r="AD81370" i="1"/>
  <c r="AD81371" i="1"/>
  <c r="AD81372" i="1"/>
  <c r="AD81373" i="1"/>
  <c r="AD81374" i="1"/>
  <c r="AD81375" i="1"/>
  <c r="AD81376" i="1"/>
  <c r="AD81377" i="1"/>
  <c r="AD81378" i="1"/>
  <c r="AD81379" i="1"/>
  <c r="AD81380" i="1"/>
  <c r="AD81381" i="1"/>
  <c r="AD81382" i="1"/>
  <c r="AD81383" i="1"/>
  <c r="AD81384" i="1"/>
  <c r="AD81385" i="1"/>
  <c r="AD81386" i="1"/>
  <c r="AD81387" i="1"/>
  <c r="AD81388" i="1"/>
  <c r="AD81389" i="1"/>
  <c r="AD81390" i="1"/>
  <c r="AD81391" i="1"/>
  <c r="AD81392" i="1"/>
  <c r="AD81393" i="1"/>
  <c r="AD81394" i="1"/>
  <c r="AD81395" i="1"/>
  <c r="AD81396" i="1"/>
  <c r="AD81397" i="1"/>
  <c r="AD81398" i="1"/>
  <c r="AD81399" i="1"/>
  <c r="AD81400" i="1"/>
  <c r="AD81401" i="1"/>
  <c r="AD81402" i="1"/>
  <c r="AD81403" i="1"/>
  <c r="AD81404" i="1"/>
  <c r="AD81405" i="1"/>
  <c r="AD81406" i="1"/>
  <c r="AD81407" i="1"/>
  <c r="AD81408" i="1"/>
  <c r="AD81409" i="1"/>
  <c r="AD81410" i="1"/>
  <c r="AD81411" i="1"/>
  <c r="AD81412" i="1"/>
  <c r="AD81413" i="1"/>
  <c r="AD81414" i="1"/>
  <c r="AD81415" i="1"/>
  <c r="AD81416" i="1"/>
  <c r="AD81417" i="1"/>
  <c r="AD81418" i="1"/>
  <c r="AD81419" i="1"/>
  <c r="AD81420" i="1"/>
  <c r="AD81421" i="1"/>
  <c r="AD81422" i="1"/>
  <c r="AD81423" i="1"/>
  <c r="AD81424" i="1"/>
  <c r="AD81425" i="1"/>
  <c r="AD81426" i="1"/>
  <c r="AD81427" i="1"/>
  <c r="AD81428" i="1"/>
  <c r="AD81429" i="1"/>
  <c r="AD81430" i="1"/>
  <c r="AD81431" i="1"/>
  <c r="AD81432" i="1"/>
  <c r="AD81433" i="1"/>
  <c r="AD81434" i="1"/>
  <c r="AD81435" i="1"/>
  <c r="AD81436" i="1"/>
  <c r="AD81437" i="1"/>
  <c r="AD81438" i="1"/>
  <c r="AD81439" i="1"/>
  <c r="AD81440" i="1"/>
  <c r="AD81441" i="1"/>
  <c r="AD81442" i="1"/>
  <c r="AD81443" i="1"/>
  <c r="AD81444" i="1"/>
  <c r="AD81445" i="1"/>
  <c r="AD81446" i="1"/>
  <c r="AD81447" i="1"/>
  <c r="AD81448" i="1"/>
  <c r="AD81449" i="1"/>
  <c r="AD81450" i="1"/>
  <c r="AD81451" i="1"/>
  <c r="AD81452" i="1"/>
  <c r="AD81453" i="1"/>
  <c r="AD81454" i="1"/>
  <c r="AD81455" i="1"/>
  <c r="AD81456" i="1"/>
  <c r="AD81457" i="1"/>
  <c r="AD81458" i="1"/>
  <c r="AD81459" i="1"/>
  <c r="AD81460" i="1"/>
  <c r="AD81461" i="1"/>
  <c r="AD81462" i="1"/>
  <c r="AD81463" i="1"/>
  <c r="AD81464" i="1"/>
  <c r="AD81465" i="1"/>
  <c r="AD81466" i="1"/>
  <c r="AD81467" i="1"/>
  <c r="AD81468" i="1"/>
  <c r="AD81469" i="1"/>
  <c r="AD81470" i="1"/>
  <c r="AD81471" i="1"/>
  <c r="AD81472" i="1"/>
  <c r="AD81473" i="1"/>
  <c r="AD81474" i="1"/>
  <c r="AD81475" i="1"/>
  <c r="AD81476" i="1"/>
  <c r="AD81477" i="1"/>
  <c r="AD81478" i="1"/>
  <c r="AD81479" i="1"/>
  <c r="AD81480" i="1"/>
  <c r="AD81481" i="1"/>
  <c r="AD81482" i="1"/>
  <c r="AD81483" i="1"/>
  <c r="AD81484" i="1"/>
  <c r="AD81485" i="1"/>
  <c r="AD81486" i="1"/>
  <c r="AD81487" i="1"/>
  <c r="AD81488" i="1"/>
  <c r="AD81489" i="1"/>
  <c r="AD81490" i="1"/>
  <c r="AD81491" i="1"/>
  <c r="AD81492" i="1"/>
  <c r="AD81493" i="1"/>
  <c r="AD81494" i="1"/>
  <c r="AD81495" i="1"/>
  <c r="AD81496" i="1"/>
  <c r="AD81497" i="1"/>
  <c r="AD81498" i="1"/>
  <c r="AD81499" i="1"/>
  <c r="AD81500" i="1"/>
  <c r="AD81501" i="1"/>
  <c r="AD81502" i="1"/>
  <c r="AD81503" i="1"/>
  <c r="AD81504" i="1"/>
  <c r="AD81505" i="1"/>
  <c r="AD81506" i="1"/>
  <c r="AD81507" i="1"/>
  <c r="AD81508" i="1"/>
  <c r="AD81509" i="1"/>
  <c r="AD81510" i="1"/>
  <c r="AD81511" i="1"/>
  <c r="AD81512" i="1"/>
  <c r="AD81513" i="1"/>
  <c r="AD81514" i="1"/>
  <c r="AD81515" i="1"/>
  <c r="AD81516" i="1"/>
  <c r="AD81517" i="1"/>
  <c r="AD81518" i="1"/>
  <c r="AD81519" i="1"/>
  <c r="AD81520" i="1"/>
  <c r="AD81521" i="1"/>
  <c r="AD81522" i="1"/>
  <c r="AD81523" i="1"/>
  <c r="AD81524" i="1"/>
  <c r="AD81525" i="1"/>
  <c r="AD81526" i="1"/>
  <c r="AD81527" i="1"/>
  <c r="AD81528" i="1"/>
  <c r="AD81529" i="1"/>
  <c r="AD81530" i="1"/>
  <c r="AD81531" i="1"/>
  <c r="AD81532" i="1"/>
  <c r="AD81533" i="1"/>
  <c r="AD81534" i="1"/>
  <c r="AD81535" i="1"/>
  <c r="AD81536" i="1"/>
  <c r="AD81537" i="1"/>
  <c r="AD81538" i="1"/>
  <c r="AD81539" i="1"/>
  <c r="AD81540" i="1"/>
  <c r="AD81541" i="1"/>
  <c r="AD81542" i="1"/>
  <c r="AD81543" i="1"/>
  <c r="AD81544" i="1"/>
  <c r="AD81545" i="1"/>
  <c r="AD81546" i="1"/>
  <c r="AD81547" i="1"/>
  <c r="AD81548" i="1"/>
  <c r="AD81549" i="1"/>
  <c r="AD81550" i="1"/>
  <c r="AD81551" i="1"/>
  <c r="AD81552" i="1"/>
  <c r="AD81553" i="1"/>
  <c r="AD81554" i="1"/>
  <c r="AD81555" i="1"/>
  <c r="AD81556" i="1"/>
  <c r="AD81557" i="1"/>
  <c r="AD81558" i="1"/>
  <c r="AD81559" i="1"/>
  <c r="AD81560" i="1"/>
  <c r="AD81561" i="1"/>
  <c r="AD81562" i="1"/>
  <c r="AD81563" i="1"/>
  <c r="AD81564" i="1"/>
  <c r="AD81565" i="1"/>
  <c r="AD81566" i="1"/>
  <c r="AD81567" i="1"/>
  <c r="AD81568" i="1"/>
  <c r="AD81569" i="1"/>
  <c r="AD81570" i="1"/>
  <c r="AD81571" i="1"/>
  <c r="AD81572" i="1"/>
  <c r="AD81573" i="1"/>
  <c r="AD81574" i="1"/>
  <c r="AD81575" i="1"/>
  <c r="AD81576" i="1"/>
  <c r="AD81577" i="1"/>
  <c r="AD81578" i="1"/>
  <c r="AD81579" i="1"/>
  <c r="AD81580" i="1"/>
  <c r="AD81581" i="1"/>
  <c r="AD81582" i="1"/>
  <c r="AD81583" i="1"/>
  <c r="AD81584" i="1"/>
  <c r="AD81585" i="1"/>
  <c r="AD81586" i="1"/>
  <c r="AD81587" i="1"/>
  <c r="AD81588" i="1"/>
  <c r="AD81589" i="1"/>
  <c r="AD81590" i="1"/>
  <c r="AD81591" i="1"/>
  <c r="AD81592" i="1"/>
  <c r="AD81593" i="1"/>
  <c r="AD81594" i="1"/>
  <c r="AD81595" i="1"/>
  <c r="AD81596" i="1"/>
  <c r="AD81597" i="1"/>
  <c r="AD81598" i="1"/>
  <c r="AD81599" i="1"/>
  <c r="AD81600" i="1"/>
  <c r="AD81601" i="1"/>
  <c r="AD81602" i="1"/>
  <c r="AD81603" i="1"/>
  <c r="AD81604" i="1"/>
  <c r="AD81605" i="1"/>
  <c r="AD81606" i="1"/>
  <c r="AD81607" i="1"/>
  <c r="AD81608" i="1"/>
  <c r="AD81609" i="1"/>
  <c r="AD81610" i="1"/>
  <c r="AD81611" i="1"/>
  <c r="AD81612" i="1"/>
  <c r="AD81613" i="1"/>
  <c r="AD81614" i="1"/>
  <c r="AD81615" i="1"/>
  <c r="AD81616" i="1"/>
  <c r="AD81617" i="1"/>
  <c r="AD81618" i="1"/>
  <c r="AD81619" i="1"/>
  <c r="AD81620" i="1"/>
  <c r="AD81621" i="1"/>
  <c r="AD81622" i="1"/>
  <c r="AD81623" i="1"/>
  <c r="AD81624" i="1"/>
  <c r="AD81625" i="1"/>
  <c r="AD81626" i="1"/>
  <c r="AD81627" i="1"/>
  <c r="AD81628" i="1"/>
  <c r="AD81629" i="1"/>
  <c r="AD81630" i="1"/>
  <c r="AD81631" i="1"/>
  <c r="AD81632" i="1"/>
  <c r="AD81633" i="1"/>
  <c r="AD81634" i="1"/>
  <c r="AD81635" i="1"/>
  <c r="AD81636" i="1"/>
  <c r="AD81637" i="1"/>
  <c r="AD81638" i="1"/>
  <c r="AD81639" i="1"/>
  <c r="AD81640" i="1"/>
  <c r="AD81641" i="1"/>
  <c r="AD81642" i="1"/>
  <c r="AD81643" i="1"/>
  <c r="AD81644" i="1"/>
  <c r="AD81645" i="1"/>
  <c r="AD81646" i="1"/>
  <c r="AD81647" i="1"/>
  <c r="AD81648" i="1"/>
  <c r="AD81649" i="1"/>
  <c r="AD81650" i="1"/>
  <c r="AD81651" i="1"/>
  <c r="AD81652" i="1"/>
  <c r="AD81653" i="1"/>
  <c r="AD81654" i="1"/>
  <c r="AD81655" i="1"/>
  <c r="AD81656" i="1"/>
  <c r="AD81657" i="1"/>
  <c r="AD81658" i="1"/>
  <c r="AD81659" i="1"/>
  <c r="AD81660" i="1"/>
  <c r="AD81661" i="1"/>
  <c r="AD81662" i="1"/>
  <c r="AD81663" i="1"/>
  <c r="AD81664" i="1"/>
  <c r="AD81665" i="1"/>
  <c r="AD81666" i="1"/>
  <c r="AD81667" i="1"/>
  <c r="AD81668" i="1"/>
  <c r="AD81669" i="1"/>
  <c r="AD81670" i="1"/>
  <c r="AD81671" i="1"/>
  <c r="AD81672" i="1"/>
  <c r="AD81673" i="1"/>
  <c r="AD81674" i="1"/>
  <c r="AD81675" i="1"/>
  <c r="AD81676" i="1"/>
  <c r="AD81677" i="1"/>
  <c r="AD81678" i="1"/>
  <c r="AD81679" i="1"/>
  <c r="AD81680" i="1"/>
  <c r="AD81681" i="1"/>
  <c r="AD81682" i="1"/>
  <c r="AD81683" i="1"/>
  <c r="AD81684" i="1"/>
  <c r="AD81685" i="1"/>
  <c r="AD81686" i="1"/>
  <c r="AD81687" i="1"/>
  <c r="AD81688" i="1"/>
  <c r="AD81689" i="1"/>
  <c r="AD81690" i="1"/>
  <c r="AD81691" i="1"/>
  <c r="AD81692" i="1"/>
  <c r="AD81693" i="1"/>
  <c r="AD81694" i="1"/>
  <c r="AD81695" i="1"/>
  <c r="AD81696" i="1"/>
  <c r="AD81697" i="1"/>
  <c r="AD81698" i="1"/>
  <c r="AD81699" i="1"/>
  <c r="AD81700" i="1"/>
  <c r="AD81701" i="1"/>
  <c r="AD81702" i="1"/>
  <c r="AD81703" i="1"/>
  <c r="AD81704" i="1"/>
  <c r="AD81705" i="1"/>
  <c r="AD81706" i="1"/>
  <c r="AD81707" i="1"/>
  <c r="AD81708" i="1"/>
  <c r="AD81709" i="1"/>
  <c r="AD81710" i="1"/>
  <c r="AD81711" i="1"/>
  <c r="AD81712" i="1"/>
  <c r="AD81713" i="1"/>
  <c r="AD81714" i="1"/>
  <c r="AD81715" i="1"/>
  <c r="AD81716" i="1"/>
  <c r="AD81717" i="1"/>
  <c r="AD81718" i="1"/>
  <c r="AD81719" i="1"/>
  <c r="AD81720" i="1"/>
  <c r="AD81721" i="1"/>
  <c r="AD81722" i="1"/>
  <c r="AD81723" i="1"/>
  <c r="AD81724" i="1"/>
  <c r="AD81725" i="1"/>
  <c r="AD81726" i="1"/>
  <c r="AD81727" i="1"/>
  <c r="AD81728" i="1"/>
  <c r="AD81729" i="1"/>
  <c r="AD81730" i="1"/>
  <c r="AD81731" i="1"/>
  <c r="AD81732" i="1"/>
  <c r="AD81733" i="1"/>
  <c r="AD81734" i="1"/>
  <c r="AD81735" i="1"/>
  <c r="AD81736" i="1"/>
  <c r="AD81737" i="1"/>
  <c r="AD81738" i="1"/>
  <c r="AD81739" i="1"/>
  <c r="AD81740" i="1"/>
  <c r="AD81741" i="1"/>
  <c r="AD81742" i="1"/>
  <c r="AD81743" i="1"/>
  <c r="AD81744" i="1"/>
  <c r="AD81745" i="1"/>
  <c r="AD81746" i="1"/>
  <c r="AD81747" i="1"/>
  <c r="AD81748" i="1"/>
  <c r="AD81749" i="1"/>
  <c r="AD81750" i="1"/>
  <c r="AD81751" i="1"/>
  <c r="AD81752" i="1"/>
  <c r="AD81753" i="1"/>
  <c r="AD81754" i="1"/>
  <c r="AD81755" i="1"/>
  <c r="AD81756" i="1"/>
  <c r="AD81757" i="1"/>
  <c r="AD81758" i="1"/>
  <c r="AD81759" i="1"/>
  <c r="AD81760" i="1"/>
  <c r="AD81761" i="1"/>
  <c r="AD81762" i="1"/>
  <c r="AD81763" i="1"/>
  <c r="AD81764" i="1"/>
  <c r="AD81765" i="1"/>
  <c r="AD81766" i="1"/>
  <c r="AD81767" i="1"/>
  <c r="AD81768" i="1"/>
  <c r="AD81769" i="1"/>
  <c r="AD81770" i="1"/>
  <c r="AD81771" i="1"/>
  <c r="AD81772" i="1"/>
  <c r="AD81773" i="1"/>
  <c r="AD81774" i="1"/>
  <c r="AD81775" i="1"/>
  <c r="AD81776" i="1"/>
  <c r="AD81777" i="1"/>
  <c r="AD81778" i="1"/>
  <c r="AD81779" i="1"/>
  <c r="AD81780" i="1"/>
  <c r="AD81781" i="1"/>
  <c r="AD81782" i="1"/>
  <c r="AD81783" i="1"/>
  <c r="AD81784" i="1"/>
  <c r="AD81785" i="1"/>
  <c r="AD81786" i="1"/>
  <c r="AD81787" i="1"/>
  <c r="AD81788" i="1"/>
  <c r="AD81789" i="1"/>
  <c r="AD81790" i="1"/>
  <c r="AD81791" i="1"/>
  <c r="AD81792" i="1"/>
  <c r="AD81793" i="1"/>
  <c r="AD81794" i="1"/>
  <c r="AD81795" i="1"/>
  <c r="AD81796" i="1"/>
  <c r="AD81797" i="1"/>
  <c r="AD81798" i="1"/>
  <c r="AD81799" i="1"/>
  <c r="AD81800" i="1"/>
  <c r="AD81801" i="1"/>
  <c r="AD81802" i="1"/>
  <c r="AD81803" i="1"/>
  <c r="AD81804" i="1"/>
  <c r="AD81805" i="1"/>
  <c r="AD81806" i="1"/>
  <c r="AD81807" i="1"/>
  <c r="AD81808" i="1"/>
  <c r="AD81809" i="1"/>
  <c r="AD81810" i="1"/>
  <c r="AD81811" i="1"/>
  <c r="AD81812" i="1"/>
  <c r="AD81813" i="1"/>
  <c r="AD81814" i="1"/>
  <c r="AD81815" i="1"/>
  <c r="AD81816" i="1"/>
  <c r="AD81817" i="1"/>
  <c r="AD81818" i="1"/>
  <c r="AD81819" i="1"/>
  <c r="AD81820" i="1"/>
  <c r="AD81821" i="1"/>
  <c r="AD81822" i="1"/>
  <c r="AD81823" i="1"/>
  <c r="AD81824" i="1"/>
  <c r="AD81825" i="1"/>
  <c r="AD81826" i="1"/>
  <c r="AD81827" i="1"/>
  <c r="AD81828" i="1"/>
  <c r="AD81829" i="1"/>
  <c r="AD81830" i="1"/>
  <c r="AD81831" i="1"/>
  <c r="AD81832" i="1"/>
  <c r="AD81833" i="1"/>
  <c r="AD81834" i="1"/>
  <c r="AD81835" i="1"/>
  <c r="AD81836" i="1"/>
  <c r="AD81837" i="1"/>
  <c r="AD81838" i="1"/>
  <c r="AD81839" i="1"/>
  <c r="AD81840" i="1"/>
  <c r="AD81841" i="1"/>
  <c r="AD81842" i="1"/>
  <c r="AD81843" i="1"/>
  <c r="AD81844" i="1"/>
  <c r="AD81845" i="1"/>
  <c r="AD81846" i="1"/>
  <c r="AD81847" i="1"/>
  <c r="AD81848" i="1"/>
  <c r="AD81849" i="1"/>
  <c r="AD81850" i="1"/>
  <c r="AD81851" i="1"/>
  <c r="AD81852" i="1"/>
  <c r="AD81853" i="1"/>
  <c r="AD81854" i="1"/>
  <c r="AD81855" i="1"/>
  <c r="AD81856" i="1"/>
  <c r="AD81857" i="1"/>
  <c r="AD81858" i="1"/>
  <c r="AD81859" i="1"/>
  <c r="AD81860" i="1"/>
  <c r="AD81861" i="1"/>
  <c r="AD81862" i="1"/>
  <c r="AD81863" i="1"/>
  <c r="AD81864" i="1"/>
  <c r="AD81865" i="1"/>
  <c r="AD81866" i="1"/>
  <c r="AD81867" i="1"/>
  <c r="AD81868" i="1"/>
  <c r="AD81869" i="1"/>
  <c r="AD81870" i="1"/>
  <c r="AD81871" i="1"/>
  <c r="AD81872" i="1"/>
  <c r="AD81873" i="1"/>
  <c r="AD81874" i="1"/>
  <c r="AD81875" i="1"/>
  <c r="AD81876" i="1"/>
  <c r="AD81877" i="1"/>
  <c r="AD81878" i="1"/>
  <c r="AD81879" i="1"/>
  <c r="AD81880" i="1"/>
  <c r="AD81881" i="1"/>
  <c r="AD81882" i="1"/>
  <c r="AD81883" i="1"/>
  <c r="AD81884" i="1"/>
  <c r="AD81885" i="1"/>
  <c r="AD81886" i="1"/>
  <c r="AD81887" i="1"/>
  <c r="AD81888" i="1"/>
  <c r="AD81889" i="1"/>
  <c r="AD81890" i="1"/>
  <c r="AD81891" i="1"/>
  <c r="AD81892" i="1"/>
  <c r="AD81893" i="1"/>
  <c r="AD81894" i="1"/>
  <c r="AD81895" i="1"/>
  <c r="AD81896" i="1"/>
  <c r="AD81897" i="1"/>
  <c r="AD81898" i="1"/>
  <c r="AD81899" i="1"/>
  <c r="AD81900" i="1"/>
  <c r="AD81901" i="1"/>
  <c r="AD81902" i="1"/>
  <c r="AD81903" i="1"/>
  <c r="AD81904" i="1"/>
  <c r="AD81905" i="1"/>
  <c r="AD81906" i="1"/>
  <c r="AD81907" i="1"/>
  <c r="AD81908" i="1"/>
  <c r="AD81909" i="1"/>
  <c r="AD81910" i="1"/>
  <c r="AD81911" i="1"/>
  <c r="AD81912" i="1"/>
  <c r="AD81913" i="1"/>
  <c r="AD81914" i="1"/>
  <c r="AD81915" i="1"/>
  <c r="AD81916" i="1"/>
  <c r="AD81917" i="1"/>
  <c r="AD81918" i="1"/>
  <c r="AD81919" i="1"/>
  <c r="AD81920" i="1"/>
  <c r="AD81921" i="1"/>
  <c r="AD81922" i="1"/>
  <c r="AD81923" i="1"/>
  <c r="AD81924" i="1"/>
  <c r="AD81925" i="1"/>
  <c r="AD81926" i="1"/>
  <c r="AD81927" i="1"/>
  <c r="AD81928" i="1"/>
  <c r="AD81929" i="1"/>
  <c r="AD81930" i="1"/>
  <c r="AD81931" i="1"/>
  <c r="AD81932" i="1"/>
  <c r="AD81933" i="1"/>
  <c r="AD81934" i="1"/>
  <c r="AD81935" i="1"/>
  <c r="AD81936" i="1"/>
  <c r="AD81937" i="1"/>
  <c r="AD81938" i="1"/>
  <c r="AD81939" i="1"/>
  <c r="AD81940" i="1"/>
  <c r="AD81941" i="1"/>
  <c r="AD81942" i="1"/>
  <c r="AD81943" i="1"/>
  <c r="AD81944" i="1"/>
  <c r="AD81945" i="1"/>
  <c r="AD81946" i="1"/>
  <c r="AD81947" i="1"/>
  <c r="AD81948" i="1"/>
  <c r="AD81949" i="1"/>
  <c r="AD81950" i="1"/>
  <c r="AD81951" i="1"/>
  <c r="AD81952" i="1"/>
  <c r="AD81953" i="1"/>
  <c r="AD81954" i="1"/>
  <c r="AD81955" i="1"/>
  <c r="AD81956" i="1"/>
  <c r="AD81957" i="1"/>
  <c r="AD81958" i="1"/>
  <c r="AD81959" i="1"/>
  <c r="AD81960" i="1"/>
  <c r="AD81961" i="1"/>
  <c r="AD81962" i="1"/>
  <c r="AD81963" i="1"/>
  <c r="AD81964" i="1"/>
  <c r="AD81965" i="1"/>
  <c r="AD81966" i="1"/>
  <c r="AD81967" i="1"/>
  <c r="AD81968" i="1"/>
  <c r="AD81969" i="1"/>
  <c r="AD81970" i="1"/>
  <c r="AD81971" i="1"/>
  <c r="AD81972" i="1"/>
  <c r="AD81973" i="1"/>
  <c r="AD81974" i="1"/>
  <c r="AD81975" i="1"/>
  <c r="AD81976" i="1"/>
  <c r="AD81977" i="1"/>
  <c r="AD81978" i="1"/>
  <c r="AD81979" i="1"/>
  <c r="AD81980" i="1"/>
  <c r="AD81981" i="1"/>
  <c r="AD81982" i="1"/>
  <c r="AD81983" i="1"/>
  <c r="AD81984" i="1"/>
  <c r="AD81985" i="1"/>
  <c r="AD81986" i="1"/>
  <c r="AD81987" i="1"/>
  <c r="AD81988" i="1"/>
  <c r="AD81989" i="1"/>
  <c r="AD81990" i="1"/>
  <c r="AD81991" i="1"/>
  <c r="AD81992" i="1"/>
  <c r="AD81993" i="1"/>
  <c r="AD81994" i="1"/>
  <c r="AD81995" i="1"/>
  <c r="AD81996" i="1"/>
  <c r="AD81997" i="1"/>
  <c r="AD81998" i="1"/>
  <c r="AD81999" i="1"/>
  <c r="AD82000" i="1"/>
  <c r="AD82001" i="1"/>
  <c r="AD82002" i="1"/>
  <c r="AD82003" i="1"/>
  <c r="AD82004" i="1"/>
  <c r="AD82005" i="1"/>
  <c r="AD82006" i="1"/>
  <c r="AD82007" i="1"/>
  <c r="AD82008" i="1"/>
  <c r="AD82009" i="1"/>
  <c r="AD82010" i="1"/>
  <c r="AD82011" i="1"/>
  <c r="AD82012" i="1"/>
  <c r="AD82013" i="1"/>
  <c r="AD82014" i="1"/>
  <c r="AD82015" i="1"/>
  <c r="AD82016" i="1"/>
  <c r="AD82017" i="1"/>
  <c r="AD82018" i="1"/>
  <c r="AD82019" i="1"/>
  <c r="AD82020" i="1"/>
  <c r="AD82021" i="1"/>
  <c r="AD82022" i="1"/>
  <c r="AD82023" i="1"/>
  <c r="AD82024" i="1"/>
  <c r="AD82025" i="1"/>
  <c r="AD82026" i="1"/>
  <c r="AD82027" i="1"/>
  <c r="AD82028" i="1"/>
  <c r="AD82029" i="1"/>
  <c r="AD82030" i="1"/>
  <c r="AD82031" i="1"/>
  <c r="AD82032" i="1"/>
  <c r="AD82033" i="1"/>
  <c r="AD82034" i="1"/>
  <c r="AD82035" i="1"/>
  <c r="AD82036" i="1"/>
  <c r="AD82037" i="1"/>
  <c r="AD82038" i="1"/>
  <c r="AD82039" i="1"/>
  <c r="AD82040" i="1"/>
  <c r="AD82041" i="1"/>
  <c r="AD82042" i="1"/>
  <c r="AD82043" i="1"/>
  <c r="AD82044" i="1"/>
  <c r="AD82045" i="1"/>
  <c r="AD82046" i="1"/>
  <c r="AD82047" i="1"/>
  <c r="AD82048" i="1"/>
  <c r="AD82049" i="1"/>
  <c r="AD82050" i="1"/>
  <c r="AD82051" i="1"/>
  <c r="AD82052" i="1"/>
  <c r="AD82053" i="1"/>
  <c r="AD82054" i="1"/>
  <c r="AD82055" i="1"/>
  <c r="AD82056" i="1"/>
  <c r="AD82057" i="1"/>
  <c r="AD82058" i="1"/>
  <c r="AD82059" i="1"/>
  <c r="AD82060" i="1"/>
  <c r="AD82061" i="1"/>
  <c r="AD82062" i="1"/>
  <c r="AD82063" i="1"/>
  <c r="AD82064" i="1"/>
  <c r="AD82065" i="1"/>
  <c r="AD82066" i="1"/>
  <c r="AD82067" i="1"/>
  <c r="AD82068" i="1"/>
  <c r="AD82069" i="1"/>
  <c r="AD82070" i="1"/>
  <c r="AD82071" i="1"/>
  <c r="AD82072" i="1"/>
  <c r="AD82073" i="1"/>
  <c r="AD82074" i="1"/>
  <c r="AD82075" i="1"/>
  <c r="AD82076" i="1"/>
  <c r="AD82077" i="1"/>
  <c r="AD82078" i="1"/>
  <c r="AD82079" i="1"/>
  <c r="AD82080" i="1"/>
  <c r="AD82081" i="1"/>
  <c r="AD82082" i="1"/>
  <c r="AD82083" i="1"/>
  <c r="AD82084" i="1"/>
  <c r="AD82085" i="1"/>
  <c r="AD82086" i="1"/>
  <c r="AD82087" i="1"/>
  <c r="AD82088" i="1"/>
  <c r="AD82089" i="1"/>
  <c r="AD82090" i="1"/>
  <c r="AD82091" i="1"/>
  <c r="AD82092" i="1"/>
  <c r="AD82093" i="1"/>
  <c r="AD82094" i="1"/>
  <c r="AD82095" i="1"/>
  <c r="AD82096" i="1"/>
  <c r="AD82097" i="1"/>
  <c r="AD82098" i="1"/>
  <c r="AD82099" i="1"/>
  <c r="AD82100" i="1"/>
  <c r="AD82101" i="1"/>
  <c r="AD82102" i="1"/>
  <c r="AD82103" i="1"/>
  <c r="AD82104" i="1"/>
  <c r="AD82105" i="1"/>
  <c r="AD82106" i="1"/>
  <c r="AD82107" i="1"/>
  <c r="AD82108" i="1"/>
  <c r="AD82109" i="1"/>
  <c r="AD82110" i="1"/>
  <c r="AD82111" i="1"/>
  <c r="AD82112" i="1"/>
  <c r="AD82113" i="1"/>
  <c r="AD82114" i="1"/>
  <c r="AD82115" i="1"/>
  <c r="AD82116" i="1"/>
  <c r="AD82117" i="1"/>
  <c r="AD82118" i="1"/>
  <c r="AD82119" i="1"/>
  <c r="AD82120" i="1"/>
  <c r="AD82121" i="1"/>
  <c r="AD82122" i="1"/>
  <c r="AD82123" i="1"/>
  <c r="AD82124" i="1"/>
  <c r="AD82125" i="1"/>
  <c r="AD82126" i="1"/>
  <c r="AD82127" i="1"/>
  <c r="AD82128" i="1"/>
  <c r="AD82129" i="1"/>
  <c r="AD82130" i="1"/>
  <c r="AD82131" i="1"/>
  <c r="AD82132" i="1"/>
  <c r="AD82133" i="1"/>
  <c r="AD82134" i="1"/>
  <c r="AD82135" i="1"/>
  <c r="AD82136" i="1"/>
  <c r="AD82137" i="1"/>
  <c r="AD82138" i="1"/>
  <c r="AD82139" i="1"/>
  <c r="AD82140" i="1"/>
  <c r="AD82141" i="1"/>
  <c r="AD82142" i="1"/>
  <c r="AD82143" i="1"/>
  <c r="AD82144" i="1"/>
  <c r="AD82145" i="1"/>
  <c r="AD82146" i="1"/>
  <c r="AD82147" i="1"/>
  <c r="AD82148" i="1"/>
  <c r="AD82149" i="1"/>
  <c r="AD82150" i="1"/>
  <c r="AD82151" i="1"/>
  <c r="AD82152" i="1"/>
  <c r="AD82153" i="1"/>
  <c r="AD82154" i="1"/>
  <c r="AD82155" i="1"/>
  <c r="AD82156" i="1"/>
  <c r="AD82157" i="1"/>
  <c r="AD82158" i="1"/>
  <c r="AD82159" i="1"/>
  <c r="AD82160" i="1"/>
  <c r="AD82161" i="1"/>
  <c r="AD82162" i="1"/>
  <c r="AD82163" i="1"/>
  <c r="AD82164" i="1"/>
  <c r="AD82165" i="1"/>
  <c r="AD82166" i="1"/>
  <c r="AD82167" i="1"/>
  <c r="AD82168" i="1"/>
  <c r="AD82169" i="1"/>
  <c r="AD82170" i="1"/>
  <c r="AD82171" i="1"/>
  <c r="AD82172" i="1"/>
  <c r="AD82173" i="1"/>
  <c r="AD82174" i="1"/>
  <c r="AD82175" i="1"/>
  <c r="AD82176" i="1"/>
  <c r="AD82177" i="1"/>
  <c r="AD82178" i="1"/>
  <c r="AD82179" i="1"/>
  <c r="AD82180" i="1"/>
  <c r="AD82181" i="1"/>
  <c r="AD82182" i="1"/>
  <c r="AD82183" i="1"/>
  <c r="AD82184" i="1"/>
  <c r="AD82185" i="1"/>
  <c r="AD82186" i="1"/>
  <c r="AD82187" i="1"/>
  <c r="AD82188" i="1"/>
  <c r="AD82189" i="1"/>
  <c r="AD82190" i="1"/>
  <c r="AD82191" i="1"/>
  <c r="AD82192" i="1"/>
  <c r="AD82193" i="1"/>
  <c r="AD82194" i="1"/>
  <c r="AD82195" i="1"/>
  <c r="AD82196" i="1"/>
  <c r="AD82197" i="1"/>
  <c r="AD82198" i="1"/>
  <c r="AD82199" i="1"/>
  <c r="AD82200" i="1"/>
  <c r="AD82201" i="1"/>
  <c r="AD82202" i="1"/>
  <c r="AD82203" i="1"/>
  <c r="AD82204" i="1"/>
  <c r="AD82205" i="1"/>
  <c r="AD82206" i="1"/>
  <c r="AD82207" i="1"/>
  <c r="AD82208" i="1"/>
  <c r="AD82209" i="1"/>
  <c r="AD82210" i="1"/>
  <c r="AD82211" i="1"/>
  <c r="AD82212" i="1"/>
  <c r="AD82213" i="1"/>
  <c r="AD82214" i="1"/>
  <c r="AD82215" i="1"/>
  <c r="AD82216" i="1"/>
  <c r="AD82217" i="1"/>
  <c r="AD82218" i="1"/>
  <c r="AD82219" i="1"/>
  <c r="AD82220" i="1"/>
  <c r="AD82221" i="1"/>
  <c r="AD82222" i="1"/>
  <c r="AD82223" i="1"/>
  <c r="AD82224" i="1"/>
  <c r="AD82225" i="1"/>
  <c r="AD82226" i="1"/>
  <c r="AD82227" i="1"/>
  <c r="AD82228" i="1"/>
  <c r="AD82229" i="1"/>
  <c r="AD82230" i="1"/>
  <c r="AD82231" i="1"/>
  <c r="AD82232" i="1"/>
  <c r="AD82233" i="1"/>
  <c r="AD82234" i="1"/>
  <c r="AD82235" i="1"/>
  <c r="AD82236" i="1"/>
  <c r="AD82237" i="1"/>
  <c r="AD82238" i="1"/>
  <c r="AD82239" i="1"/>
  <c r="AD82240" i="1"/>
  <c r="AD82241" i="1"/>
  <c r="AD82242" i="1"/>
  <c r="AD82243" i="1"/>
  <c r="AD82244" i="1"/>
  <c r="AD82245" i="1"/>
  <c r="AD82246" i="1"/>
  <c r="AD82247" i="1"/>
  <c r="AD82248" i="1"/>
  <c r="AD82249" i="1"/>
  <c r="AD82250" i="1"/>
  <c r="AD82251" i="1"/>
  <c r="AD82252" i="1"/>
  <c r="AD82253" i="1"/>
  <c r="AD82254" i="1"/>
  <c r="AD82255" i="1"/>
  <c r="AD82256" i="1"/>
  <c r="AD82257" i="1"/>
  <c r="AD82258" i="1"/>
  <c r="AD82259" i="1"/>
  <c r="AD82260" i="1"/>
  <c r="AD82261" i="1"/>
  <c r="AD82262" i="1"/>
  <c r="AD82263" i="1"/>
  <c r="AD82264" i="1"/>
  <c r="AD82265" i="1"/>
  <c r="AD82266" i="1"/>
  <c r="AD82267" i="1"/>
  <c r="AD82268" i="1"/>
  <c r="AD82269" i="1"/>
  <c r="AD82270" i="1"/>
  <c r="AD82271" i="1"/>
  <c r="AD82272" i="1"/>
  <c r="AD82273" i="1"/>
  <c r="AD82274" i="1"/>
  <c r="AD82275" i="1"/>
  <c r="AD82276" i="1"/>
  <c r="AD82277" i="1"/>
  <c r="AD82278" i="1"/>
  <c r="AD82279" i="1"/>
  <c r="AD82280" i="1"/>
  <c r="AD82281" i="1"/>
  <c r="AD82282" i="1"/>
  <c r="AD82283" i="1"/>
  <c r="AD82284" i="1"/>
  <c r="AD82285" i="1"/>
  <c r="AD82286" i="1"/>
  <c r="AD82287" i="1"/>
  <c r="AD82288" i="1"/>
  <c r="AD82289" i="1"/>
  <c r="AD82290" i="1"/>
  <c r="AD82291" i="1"/>
  <c r="AD82292" i="1"/>
  <c r="AD82293" i="1"/>
  <c r="AD82294" i="1"/>
  <c r="AD82295" i="1"/>
  <c r="AD82296" i="1"/>
  <c r="AD82297" i="1"/>
  <c r="AD82298" i="1"/>
  <c r="AD82299" i="1"/>
  <c r="AD82300" i="1"/>
  <c r="AD82301" i="1"/>
  <c r="AD82302" i="1"/>
  <c r="AD82303" i="1"/>
  <c r="AD82304" i="1"/>
  <c r="AD82305" i="1"/>
  <c r="AD82306" i="1"/>
  <c r="AD82307" i="1"/>
  <c r="AD82308" i="1"/>
  <c r="AD82309" i="1"/>
  <c r="AD82310" i="1"/>
  <c r="AD82311" i="1"/>
  <c r="AD82312" i="1"/>
  <c r="AD82313" i="1"/>
  <c r="AD82314" i="1"/>
  <c r="AD82315" i="1"/>
  <c r="AD82316" i="1"/>
  <c r="AD82317" i="1"/>
  <c r="AD82318" i="1"/>
  <c r="AD82319" i="1"/>
  <c r="AD82320" i="1"/>
  <c r="AD82321" i="1"/>
  <c r="AD82322" i="1"/>
  <c r="AD82323" i="1"/>
  <c r="AD82324" i="1"/>
  <c r="AD82325" i="1"/>
  <c r="AD82326" i="1"/>
  <c r="AD82327" i="1"/>
  <c r="AD82328" i="1"/>
  <c r="AD82329" i="1"/>
  <c r="AD82330" i="1"/>
  <c r="AD82331" i="1"/>
  <c r="AD82332" i="1"/>
  <c r="AD82333" i="1"/>
  <c r="AD82334" i="1"/>
  <c r="AD82335" i="1"/>
  <c r="AD82336" i="1"/>
  <c r="AD82337" i="1"/>
  <c r="AD82338" i="1"/>
  <c r="AD82339" i="1"/>
  <c r="AD82340" i="1"/>
  <c r="AD82341" i="1"/>
  <c r="AD82342" i="1"/>
  <c r="AD82343" i="1"/>
  <c r="AD82344" i="1"/>
  <c r="AD82345" i="1"/>
  <c r="AD82346" i="1"/>
  <c r="AD82347" i="1"/>
  <c r="AD82348" i="1"/>
  <c r="AD82349" i="1"/>
  <c r="AD82350" i="1"/>
  <c r="AD82351" i="1"/>
  <c r="AD82352" i="1"/>
  <c r="AD82353" i="1"/>
  <c r="AD82354" i="1"/>
  <c r="AD82355" i="1"/>
  <c r="AD82356" i="1"/>
  <c r="AD82357" i="1"/>
  <c r="AD82358" i="1"/>
  <c r="AD82359" i="1"/>
  <c r="AD82360" i="1"/>
  <c r="AD82361" i="1"/>
  <c r="AD82362" i="1"/>
  <c r="AD82363" i="1"/>
  <c r="AD82364" i="1"/>
  <c r="AD82365" i="1"/>
  <c r="AD82366" i="1"/>
  <c r="AD82367" i="1"/>
  <c r="AD82368" i="1"/>
  <c r="AD82369" i="1"/>
  <c r="AD82370" i="1"/>
  <c r="AD82371" i="1"/>
  <c r="AD82372" i="1"/>
  <c r="AD82373" i="1"/>
  <c r="AD82374" i="1"/>
  <c r="AD82375" i="1"/>
  <c r="AD82376" i="1"/>
  <c r="AD82377" i="1"/>
  <c r="AD82378" i="1"/>
  <c r="AD82379" i="1"/>
  <c r="AD82380" i="1"/>
  <c r="AD82381" i="1"/>
  <c r="AD82382" i="1"/>
  <c r="AD82383" i="1"/>
  <c r="AD82384" i="1"/>
  <c r="AD82385" i="1"/>
  <c r="AD82386" i="1"/>
  <c r="AD82387" i="1"/>
  <c r="AD82388" i="1"/>
  <c r="AD82389" i="1"/>
  <c r="AD82390" i="1"/>
  <c r="AD82391" i="1"/>
  <c r="AD82392" i="1"/>
  <c r="AD82393" i="1"/>
  <c r="AD82394" i="1"/>
  <c r="AD82395" i="1"/>
  <c r="AD82396" i="1"/>
  <c r="AD82397" i="1"/>
  <c r="AD82398" i="1"/>
  <c r="AD82399" i="1"/>
  <c r="AD82400" i="1"/>
  <c r="AD82401" i="1"/>
  <c r="AD82402" i="1"/>
  <c r="AD82403" i="1"/>
  <c r="AD82404" i="1"/>
  <c r="AD82405" i="1"/>
  <c r="AD82406" i="1"/>
  <c r="AD82407" i="1"/>
  <c r="AD82408" i="1"/>
  <c r="AD82409" i="1"/>
  <c r="AD82410" i="1"/>
  <c r="AD82411" i="1"/>
  <c r="AD82412" i="1"/>
  <c r="AD82413" i="1"/>
  <c r="AD82414" i="1"/>
  <c r="AD82415" i="1"/>
  <c r="AD82416" i="1"/>
  <c r="AD82417" i="1"/>
  <c r="AD82418" i="1"/>
  <c r="AD82419" i="1"/>
  <c r="AD82420" i="1"/>
  <c r="AD82421" i="1"/>
  <c r="AD82422" i="1"/>
  <c r="AD82423" i="1"/>
  <c r="AD82424" i="1"/>
  <c r="AD82425" i="1"/>
  <c r="AD82426" i="1"/>
  <c r="AD82427" i="1"/>
  <c r="AD82428" i="1"/>
  <c r="AD82429" i="1"/>
  <c r="AD82430" i="1"/>
  <c r="AD82431" i="1"/>
  <c r="AD82432" i="1"/>
  <c r="AD82433" i="1"/>
  <c r="AD82434" i="1"/>
  <c r="AD82435" i="1"/>
  <c r="AD82436" i="1"/>
  <c r="AD82437" i="1"/>
  <c r="AD82438" i="1"/>
  <c r="AD82439" i="1"/>
  <c r="AD82440" i="1"/>
  <c r="AD82441" i="1"/>
  <c r="AD82442" i="1"/>
  <c r="AD82443" i="1"/>
  <c r="AD82444" i="1"/>
  <c r="AD82445" i="1"/>
  <c r="AD82446" i="1"/>
  <c r="AD82447" i="1"/>
  <c r="AD82448" i="1"/>
  <c r="AD82449" i="1"/>
  <c r="AD82450" i="1"/>
  <c r="AD82451" i="1"/>
  <c r="AD82452" i="1"/>
  <c r="AD82453" i="1"/>
  <c r="AD82454" i="1"/>
  <c r="AD82455" i="1"/>
  <c r="AD82456" i="1"/>
  <c r="AD82457" i="1"/>
  <c r="AD82458" i="1"/>
  <c r="AD82459" i="1"/>
  <c r="AD82460" i="1"/>
  <c r="AD82461" i="1"/>
  <c r="AD82462" i="1"/>
  <c r="AD82463" i="1"/>
  <c r="AD82464" i="1"/>
  <c r="AD82465" i="1"/>
  <c r="AD82466" i="1"/>
  <c r="AD82467" i="1"/>
  <c r="AD82468" i="1"/>
  <c r="AD82469" i="1"/>
  <c r="AD82470" i="1"/>
  <c r="AD82471" i="1"/>
  <c r="AD82472" i="1"/>
  <c r="AD82473" i="1"/>
  <c r="AD82474" i="1"/>
  <c r="AD82475" i="1"/>
  <c r="AD82476" i="1"/>
  <c r="AD82477" i="1"/>
  <c r="AD82478" i="1"/>
  <c r="AD82479" i="1"/>
  <c r="AD82480" i="1"/>
  <c r="AD82481" i="1"/>
  <c r="AD82482" i="1"/>
  <c r="AD82483" i="1"/>
  <c r="AD82484" i="1"/>
  <c r="AD82485" i="1"/>
  <c r="AD82486" i="1"/>
  <c r="AD82487" i="1"/>
  <c r="AD82488" i="1"/>
  <c r="AD82489" i="1"/>
  <c r="AD82490" i="1"/>
  <c r="AD82491" i="1"/>
  <c r="AD82492" i="1"/>
  <c r="AD82493" i="1"/>
  <c r="AD82494" i="1"/>
  <c r="AD82495" i="1"/>
  <c r="AD82496" i="1"/>
  <c r="AD82497" i="1"/>
  <c r="AD82498" i="1"/>
  <c r="AD82499" i="1"/>
  <c r="AD82500" i="1"/>
  <c r="AD82501" i="1"/>
  <c r="AD82502" i="1"/>
  <c r="AD82503" i="1"/>
  <c r="AD82504" i="1"/>
  <c r="AD82505" i="1"/>
  <c r="AD82506" i="1"/>
  <c r="AD82507" i="1"/>
  <c r="AD82508" i="1"/>
  <c r="AD82509" i="1"/>
  <c r="AD82510" i="1"/>
  <c r="AD82511" i="1"/>
  <c r="AD82512" i="1"/>
  <c r="AD82513" i="1"/>
  <c r="AD82514" i="1"/>
  <c r="AD82515" i="1"/>
  <c r="AD82516" i="1"/>
  <c r="AD82517" i="1"/>
  <c r="AD82518" i="1"/>
  <c r="AD82519" i="1"/>
  <c r="AD82520" i="1"/>
  <c r="AD82521" i="1"/>
  <c r="AD82522" i="1"/>
  <c r="AD82523" i="1"/>
  <c r="AD82524" i="1"/>
  <c r="AD82525" i="1"/>
  <c r="AD82526" i="1"/>
  <c r="AD82527" i="1"/>
  <c r="AD82528" i="1"/>
  <c r="AD82529" i="1"/>
  <c r="AD82530" i="1"/>
  <c r="AD82531" i="1"/>
  <c r="AD82532" i="1"/>
  <c r="AD82533" i="1"/>
  <c r="AD82534" i="1"/>
  <c r="AD82535" i="1"/>
  <c r="AD82536" i="1"/>
  <c r="AD82537" i="1"/>
  <c r="AD82538" i="1"/>
  <c r="AD82539" i="1"/>
  <c r="AD82540" i="1"/>
  <c r="AD82541" i="1"/>
  <c r="AD82542" i="1"/>
  <c r="AD82543" i="1"/>
  <c r="AD82544" i="1"/>
  <c r="AD82545" i="1"/>
  <c r="AD82546" i="1"/>
  <c r="AD82547" i="1"/>
  <c r="AD82548" i="1"/>
  <c r="AD82549" i="1"/>
  <c r="AD82550" i="1"/>
  <c r="AD82551" i="1"/>
  <c r="AD82552" i="1"/>
  <c r="AD82553" i="1"/>
  <c r="AD82554" i="1"/>
  <c r="AD82555" i="1"/>
  <c r="AD82556" i="1"/>
  <c r="AD82557" i="1"/>
  <c r="AD82558" i="1"/>
  <c r="AD82559" i="1"/>
  <c r="AD82560" i="1"/>
  <c r="AD82561" i="1"/>
  <c r="AD82562" i="1"/>
  <c r="AD82563" i="1"/>
  <c r="AD82564" i="1"/>
  <c r="AD82565" i="1"/>
  <c r="AD82566" i="1"/>
  <c r="AD82567" i="1"/>
  <c r="AD82568" i="1"/>
  <c r="AD82569" i="1"/>
  <c r="AD82570" i="1"/>
  <c r="AD82571" i="1"/>
  <c r="AD82572" i="1"/>
  <c r="AD82573" i="1"/>
  <c r="AD82574" i="1"/>
  <c r="AD82575" i="1"/>
  <c r="AD82576" i="1"/>
  <c r="AD82577" i="1"/>
  <c r="AD82578" i="1"/>
  <c r="AD82579" i="1"/>
  <c r="AD82580" i="1"/>
  <c r="AD82581" i="1"/>
  <c r="AD82582" i="1"/>
  <c r="AD82583" i="1"/>
  <c r="AD82584" i="1"/>
  <c r="AD82585" i="1"/>
  <c r="AD82586" i="1"/>
  <c r="AD82587" i="1"/>
  <c r="AD82588" i="1"/>
  <c r="AD82589" i="1"/>
  <c r="AD82590" i="1"/>
  <c r="AD82591" i="1"/>
  <c r="AD82592" i="1"/>
  <c r="AD82593" i="1"/>
  <c r="AD82594" i="1"/>
  <c r="AD82595" i="1"/>
  <c r="AD82596" i="1"/>
  <c r="AD82597" i="1"/>
  <c r="AD82598" i="1"/>
  <c r="AD82599" i="1"/>
  <c r="AD82600" i="1"/>
  <c r="AD82601" i="1"/>
  <c r="AD82602" i="1"/>
  <c r="AD82603" i="1"/>
  <c r="AD82604" i="1"/>
  <c r="AD82605" i="1"/>
  <c r="AD82606" i="1"/>
  <c r="AD82607" i="1"/>
  <c r="AD82608" i="1"/>
  <c r="AD82609" i="1"/>
  <c r="AD82610" i="1"/>
  <c r="AD82611" i="1"/>
  <c r="AD82612" i="1"/>
  <c r="AD82613" i="1"/>
  <c r="AD82614" i="1"/>
  <c r="AD82615" i="1"/>
  <c r="AD82616" i="1"/>
  <c r="AD82617" i="1"/>
  <c r="AD82618" i="1"/>
  <c r="AD82619" i="1"/>
  <c r="AD82620" i="1"/>
  <c r="AD82621" i="1"/>
  <c r="AD82622" i="1"/>
  <c r="AD82623" i="1"/>
  <c r="AD82624" i="1"/>
  <c r="AD82625" i="1"/>
  <c r="AD82626" i="1"/>
  <c r="AD82627" i="1"/>
  <c r="AD82628" i="1"/>
  <c r="AD82629" i="1"/>
  <c r="AD82630" i="1"/>
  <c r="AD82631" i="1"/>
  <c r="AD82632" i="1"/>
  <c r="AD82633" i="1"/>
  <c r="AD82634" i="1"/>
  <c r="AD82635" i="1"/>
  <c r="AD82636" i="1"/>
  <c r="AD82637" i="1"/>
  <c r="AD82638" i="1"/>
  <c r="AD82639" i="1"/>
  <c r="AD82640" i="1"/>
  <c r="AD82641" i="1"/>
  <c r="AD82642" i="1"/>
  <c r="AD82643" i="1"/>
  <c r="AD82644" i="1"/>
  <c r="AD82645" i="1"/>
  <c r="AD82646" i="1"/>
  <c r="AD82647" i="1"/>
  <c r="AD82648" i="1"/>
  <c r="AD82649" i="1"/>
  <c r="AD82650" i="1"/>
  <c r="AD82651" i="1"/>
  <c r="AD82652" i="1"/>
  <c r="AD82653" i="1"/>
  <c r="AD82654" i="1"/>
  <c r="AD82655" i="1"/>
  <c r="AD82656" i="1"/>
  <c r="AD82657" i="1"/>
  <c r="AD82658" i="1"/>
  <c r="AD82659" i="1"/>
  <c r="AD82660" i="1"/>
  <c r="AD82661" i="1"/>
  <c r="AD82662" i="1"/>
  <c r="AD82663" i="1"/>
  <c r="AD82664" i="1"/>
  <c r="AD82665" i="1"/>
  <c r="AD82666" i="1"/>
  <c r="AD82667" i="1"/>
  <c r="AD82668" i="1"/>
  <c r="AD82669" i="1"/>
  <c r="AD82670" i="1"/>
  <c r="AD82671" i="1"/>
  <c r="AD82672" i="1"/>
  <c r="AD82673" i="1"/>
  <c r="AD82674" i="1"/>
  <c r="AD82675" i="1"/>
  <c r="AD82676" i="1"/>
  <c r="AD82677" i="1"/>
  <c r="AD82678" i="1"/>
  <c r="AD82679" i="1"/>
  <c r="AD82680" i="1"/>
  <c r="AD82681" i="1"/>
  <c r="AD82682" i="1"/>
  <c r="AD82683" i="1"/>
  <c r="AD82684" i="1"/>
  <c r="AD82685" i="1"/>
  <c r="AD82686" i="1"/>
  <c r="AD82687" i="1"/>
  <c r="AD82688" i="1"/>
  <c r="AD82689" i="1"/>
  <c r="AD82690" i="1"/>
  <c r="AD82691" i="1"/>
  <c r="AD82692" i="1"/>
  <c r="AD82693" i="1"/>
  <c r="AD82694" i="1"/>
  <c r="AD82695" i="1"/>
  <c r="AD82696" i="1"/>
  <c r="AD82697" i="1"/>
  <c r="AD82698" i="1"/>
  <c r="AD82699" i="1"/>
  <c r="AD82700" i="1"/>
  <c r="AD82701" i="1"/>
  <c r="AD82702" i="1"/>
  <c r="AD82703" i="1"/>
  <c r="AD82704" i="1"/>
  <c r="AD82705" i="1"/>
  <c r="AD82706" i="1"/>
  <c r="AD82707" i="1"/>
  <c r="AD82708" i="1"/>
  <c r="AD82709" i="1"/>
  <c r="AD82710" i="1"/>
  <c r="AD82711" i="1"/>
  <c r="AD82712" i="1"/>
  <c r="AD82713" i="1"/>
  <c r="AD82714" i="1"/>
  <c r="AD82715" i="1"/>
  <c r="AD82716" i="1"/>
  <c r="AD82717" i="1"/>
  <c r="AD82718" i="1"/>
  <c r="AD82719" i="1"/>
  <c r="AD82720" i="1"/>
  <c r="AD82721" i="1"/>
  <c r="AD82722" i="1"/>
  <c r="AD82723" i="1"/>
  <c r="AD82724" i="1"/>
  <c r="AD82725" i="1"/>
  <c r="AD82726" i="1"/>
  <c r="AD82727" i="1"/>
  <c r="AD82728" i="1"/>
  <c r="AD82729" i="1"/>
  <c r="AD82730" i="1"/>
  <c r="AD82731" i="1"/>
  <c r="AD82732" i="1"/>
  <c r="AD82733" i="1"/>
  <c r="AD82734" i="1"/>
  <c r="AD82735" i="1"/>
  <c r="AD82736" i="1"/>
  <c r="AD82737" i="1"/>
  <c r="AD82738" i="1"/>
  <c r="AD82739" i="1"/>
  <c r="AD82740" i="1"/>
  <c r="AD82741" i="1"/>
  <c r="AD82742" i="1"/>
  <c r="AD82743" i="1"/>
  <c r="AD82744" i="1"/>
  <c r="AD82745" i="1"/>
  <c r="AD82746" i="1"/>
  <c r="AD82747" i="1"/>
  <c r="AD82748" i="1"/>
  <c r="AD82749" i="1"/>
  <c r="AD82750" i="1"/>
  <c r="AD82751" i="1"/>
  <c r="AD82752" i="1"/>
  <c r="AD82753" i="1"/>
  <c r="AD82754" i="1"/>
  <c r="AD82755" i="1"/>
  <c r="AD82756" i="1"/>
  <c r="AD82757" i="1"/>
  <c r="AD82758" i="1"/>
  <c r="AD82759" i="1"/>
  <c r="AD82760" i="1"/>
  <c r="AD82761" i="1"/>
  <c r="AD82762" i="1"/>
  <c r="AD82763" i="1"/>
  <c r="AD82764" i="1"/>
  <c r="AD82765" i="1"/>
  <c r="AD82766" i="1"/>
  <c r="AD82767" i="1"/>
  <c r="AD82768" i="1"/>
  <c r="AD82769" i="1"/>
  <c r="AD82770" i="1"/>
  <c r="AD82771" i="1"/>
  <c r="AD82772" i="1"/>
  <c r="AD82773" i="1"/>
  <c r="AD82774" i="1"/>
  <c r="AD82775" i="1"/>
  <c r="AD82776" i="1"/>
  <c r="AD82777" i="1"/>
  <c r="AD82778" i="1"/>
  <c r="AD82779" i="1"/>
  <c r="AD82780" i="1"/>
  <c r="AD82781" i="1"/>
  <c r="AD82782" i="1"/>
  <c r="AD82783" i="1"/>
  <c r="AD82784" i="1"/>
  <c r="AD82785" i="1"/>
  <c r="AD82786" i="1"/>
  <c r="AD82787" i="1"/>
  <c r="AD82788" i="1"/>
  <c r="AD82789" i="1"/>
  <c r="AD82790" i="1"/>
  <c r="AD82791" i="1"/>
  <c r="AD82792" i="1"/>
  <c r="AD82793" i="1"/>
  <c r="AD82794" i="1"/>
  <c r="AD82795" i="1"/>
  <c r="AD82796" i="1"/>
  <c r="AD82797" i="1"/>
  <c r="AD82798" i="1"/>
  <c r="AD82799" i="1"/>
  <c r="AD82800" i="1"/>
  <c r="AD82801" i="1"/>
  <c r="AD82802" i="1"/>
  <c r="AD82803" i="1"/>
  <c r="AD82804" i="1"/>
  <c r="AD82805" i="1"/>
  <c r="AD82806" i="1"/>
  <c r="AD82807" i="1"/>
  <c r="AD82808" i="1"/>
  <c r="AD82809" i="1"/>
  <c r="AD82810" i="1"/>
  <c r="AD82811" i="1"/>
  <c r="AD82812" i="1"/>
  <c r="AD82813" i="1"/>
  <c r="AD82814" i="1"/>
  <c r="AD82815" i="1"/>
  <c r="AD82816" i="1"/>
  <c r="AD82817" i="1"/>
  <c r="AD82818" i="1"/>
  <c r="AD82819" i="1"/>
  <c r="AD82820" i="1"/>
  <c r="AD82821" i="1"/>
  <c r="AD82822" i="1"/>
  <c r="AD82823" i="1"/>
  <c r="AD82824" i="1"/>
  <c r="AD82825" i="1"/>
  <c r="AD82826" i="1"/>
  <c r="AD82827" i="1"/>
  <c r="AD82828" i="1"/>
  <c r="AD82829" i="1"/>
  <c r="AD82830" i="1"/>
  <c r="AD82831" i="1"/>
  <c r="AD82832" i="1"/>
  <c r="AD82833" i="1"/>
  <c r="AD82834" i="1"/>
  <c r="AD82835" i="1"/>
  <c r="AD82836" i="1"/>
  <c r="AD82837" i="1"/>
  <c r="AD82838" i="1"/>
  <c r="AD82839" i="1"/>
  <c r="AD82840" i="1"/>
  <c r="AD82841" i="1"/>
  <c r="AD82842" i="1"/>
  <c r="AD82843" i="1"/>
  <c r="AD82844" i="1"/>
  <c r="AD82845" i="1"/>
  <c r="AD82846" i="1"/>
  <c r="AD82847" i="1"/>
  <c r="AD82848" i="1"/>
  <c r="AD82849" i="1"/>
  <c r="AD82850" i="1"/>
  <c r="AD82851" i="1"/>
  <c r="AD82852" i="1"/>
  <c r="AD82853" i="1"/>
  <c r="AD82854" i="1"/>
  <c r="AD82855" i="1"/>
  <c r="AD82856" i="1"/>
  <c r="AD82857" i="1"/>
  <c r="AD82858" i="1"/>
  <c r="AD82859" i="1"/>
  <c r="AD82860" i="1"/>
  <c r="AD82861" i="1"/>
  <c r="AD82862" i="1"/>
  <c r="AD82863" i="1"/>
  <c r="AD82864" i="1"/>
  <c r="AD82865" i="1"/>
  <c r="AD82866" i="1"/>
  <c r="AD82867" i="1"/>
  <c r="AD82868" i="1"/>
  <c r="AD82869" i="1"/>
  <c r="AD82870" i="1"/>
  <c r="AD82871" i="1"/>
  <c r="AD82872" i="1"/>
  <c r="AD82873" i="1"/>
  <c r="AD82874" i="1"/>
  <c r="AD82875" i="1"/>
  <c r="AD82876" i="1"/>
  <c r="AD82877" i="1"/>
  <c r="AD82878" i="1"/>
  <c r="AD82879" i="1"/>
  <c r="AD82880" i="1"/>
  <c r="AD82881" i="1"/>
  <c r="AD82882" i="1"/>
  <c r="AD82883" i="1"/>
  <c r="AD82884" i="1"/>
  <c r="AD82885" i="1"/>
  <c r="AD82886" i="1"/>
  <c r="AD82887" i="1"/>
  <c r="AD82888" i="1"/>
  <c r="AD82889" i="1"/>
  <c r="AD82890" i="1"/>
  <c r="AD82891" i="1"/>
  <c r="AD82892" i="1"/>
  <c r="AD82893" i="1"/>
  <c r="AD82894" i="1"/>
  <c r="AD82895" i="1"/>
  <c r="AD82896" i="1"/>
  <c r="AD82897" i="1"/>
  <c r="AD82898" i="1"/>
  <c r="AD82899" i="1"/>
  <c r="AD82900" i="1"/>
  <c r="AD82901" i="1"/>
  <c r="AD82902" i="1"/>
  <c r="AD82903" i="1"/>
  <c r="AD82904" i="1"/>
  <c r="AD82905" i="1"/>
  <c r="AD82906" i="1"/>
  <c r="AD82907" i="1"/>
  <c r="AD82908" i="1"/>
  <c r="AD82909" i="1"/>
  <c r="AD82910" i="1"/>
  <c r="AD82911" i="1"/>
  <c r="AD82912" i="1"/>
  <c r="AD82913" i="1"/>
  <c r="AD82914" i="1"/>
  <c r="AD82915" i="1"/>
  <c r="AD82916" i="1"/>
  <c r="AD82917" i="1"/>
  <c r="AD82918" i="1"/>
  <c r="AD82919" i="1"/>
  <c r="AD82920" i="1"/>
  <c r="AD82921" i="1"/>
  <c r="AD82922" i="1"/>
  <c r="AD82923" i="1"/>
  <c r="AD82924" i="1"/>
  <c r="AD82925" i="1"/>
  <c r="AD82926" i="1"/>
  <c r="AD82927" i="1"/>
  <c r="AD82928" i="1"/>
  <c r="AD82929" i="1"/>
  <c r="AD82930" i="1"/>
  <c r="AD82931" i="1"/>
  <c r="AD82932" i="1"/>
  <c r="AD82933" i="1"/>
  <c r="AD82934" i="1"/>
  <c r="AD82935" i="1"/>
  <c r="AD82936" i="1"/>
  <c r="AD82937" i="1"/>
  <c r="AD82938" i="1"/>
  <c r="AD82939" i="1"/>
  <c r="AD82940" i="1"/>
  <c r="AD82941" i="1"/>
  <c r="AD82942" i="1"/>
  <c r="AD82943" i="1"/>
  <c r="AD82944" i="1"/>
  <c r="AD82945" i="1"/>
  <c r="AD82946" i="1"/>
  <c r="AD82947" i="1"/>
  <c r="AD82948" i="1"/>
  <c r="AD82949" i="1"/>
  <c r="AD82950" i="1"/>
  <c r="AD82951" i="1"/>
  <c r="AD82952" i="1"/>
  <c r="AD82953" i="1"/>
  <c r="AD82954" i="1"/>
  <c r="AD82955" i="1"/>
  <c r="AD82956" i="1"/>
  <c r="AD82957" i="1"/>
  <c r="AD82958" i="1"/>
  <c r="AD82959" i="1"/>
  <c r="AD82960" i="1"/>
  <c r="AD82961" i="1"/>
  <c r="AD82962" i="1"/>
  <c r="AD82963" i="1"/>
  <c r="AD82964" i="1"/>
  <c r="AD82965" i="1"/>
  <c r="AD82966" i="1"/>
  <c r="AD82967" i="1"/>
  <c r="AD82968" i="1"/>
  <c r="AD82969" i="1"/>
  <c r="AD82970" i="1"/>
  <c r="AD82971" i="1"/>
  <c r="AD82972" i="1"/>
  <c r="AD82973" i="1"/>
  <c r="AD82974" i="1"/>
  <c r="AD82975" i="1"/>
  <c r="AD82976" i="1"/>
  <c r="AD82977" i="1"/>
  <c r="AD82978" i="1"/>
  <c r="AD82979" i="1"/>
  <c r="AD82980" i="1"/>
  <c r="AD82981" i="1"/>
  <c r="AD82982" i="1"/>
  <c r="AD82983" i="1"/>
  <c r="AD82984" i="1"/>
  <c r="AD82985" i="1"/>
  <c r="AD82986" i="1"/>
  <c r="AD82987" i="1"/>
  <c r="AD82988" i="1"/>
  <c r="AD82989" i="1"/>
  <c r="AD82990" i="1"/>
  <c r="AD82991" i="1"/>
  <c r="AD82992" i="1"/>
  <c r="AD82993" i="1"/>
  <c r="AD82994" i="1"/>
  <c r="AD82995" i="1"/>
  <c r="AD82996" i="1"/>
  <c r="AD82997" i="1"/>
  <c r="AD82998" i="1"/>
  <c r="AD82999" i="1"/>
  <c r="AD83000" i="1"/>
  <c r="AD83001" i="1"/>
  <c r="AD83002" i="1"/>
  <c r="AD83003" i="1"/>
  <c r="AD83004" i="1"/>
  <c r="AD83005" i="1"/>
  <c r="AD83006" i="1"/>
  <c r="AD83007" i="1"/>
  <c r="AD83008" i="1"/>
  <c r="AD83009" i="1"/>
  <c r="AD83010" i="1"/>
  <c r="AD83011" i="1"/>
  <c r="AD83012" i="1"/>
  <c r="AD83013" i="1"/>
  <c r="AD83014" i="1"/>
  <c r="AD83015" i="1"/>
  <c r="AD83016" i="1"/>
  <c r="AD83017" i="1"/>
  <c r="AD83018" i="1"/>
  <c r="AD83019" i="1"/>
  <c r="AD83020" i="1"/>
  <c r="AD83021" i="1"/>
  <c r="AD83022" i="1"/>
  <c r="AD83023" i="1"/>
  <c r="AD83024" i="1"/>
  <c r="AD83025" i="1"/>
  <c r="AD83026" i="1"/>
  <c r="AD83027" i="1"/>
  <c r="AD83028" i="1"/>
  <c r="AD83029" i="1"/>
  <c r="AD83030" i="1"/>
  <c r="AD83031" i="1"/>
  <c r="AD83032" i="1"/>
  <c r="AD83033" i="1"/>
  <c r="AD83034" i="1"/>
  <c r="AD83035" i="1"/>
  <c r="AD83036" i="1"/>
  <c r="AD83037" i="1"/>
  <c r="AD83038" i="1"/>
  <c r="AD83039" i="1"/>
  <c r="AD83040" i="1"/>
  <c r="AD83041" i="1"/>
  <c r="AD83042" i="1"/>
  <c r="AD83043" i="1"/>
  <c r="AD83044" i="1"/>
  <c r="AD83045" i="1"/>
  <c r="AD83046" i="1"/>
  <c r="AD83047" i="1"/>
  <c r="AD83048" i="1"/>
  <c r="AD83049" i="1"/>
  <c r="AD83050" i="1"/>
  <c r="AD83051" i="1"/>
  <c r="AD83052" i="1"/>
  <c r="AD83053" i="1"/>
  <c r="AD83054" i="1"/>
  <c r="AD83055" i="1"/>
  <c r="AD83056" i="1"/>
  <c r="AD83057" i="1"/>
  <c r="AD83058" i="1"/>
  <c r="AD83059" i="1"/>
  <c r="AD83060" i="1"/>
  <c r="AD83061" i="1"/>
  <c r="AD83062" i="1"/>
  <c r="AD83063" i="1"/>
  <c r="AD83064" i="1"/>
  <c r="AD83065" i="1"/>
  <c r="AD83066" i="1"/>
  <c r="AD83067" i="1"/>
  <c r="AD83068" i="1"/>
  <c r="AD83069" i="1"/>
  <c r="AD83070" i="1"/>
  <c r="AD83071" i="1"/>
  <c r="AD83072" i="1"/>
  <c r="AD83073" i="1"/>
  <c r="AD83074" i="1"/>
  <c r="AD83075" i="1"/>
  <c r="AD83076" i="1"/>
  <c r="AD83077" i="1"/>
  <c r="AD83078" i="1"/>
  <c r="AD83079" i="1"/>
  <c r="AD83080" i="1"/>
  <c r="AD83081" i="1"/>
  <c r="AD83082" i="1"/>
  <c r="AD83083" i="1"/>
  <c r="AD83084" i="1"/>
  <c r="AD83085" i="1"/>
  <c r="AD83086" i="1"/>
  <c r="AD83087" i="1"/>
  <c r="AD83088" i="1"/>
  <c r="AD83089" i="1"/>
  <c r="AD83090" i="1"/>
  <c r="AD83091" i="1"/>
  <c r="AD83092" i="1"/>
  <c r="AD83093" i="1"/>
  <c r="AD83094" i="1"/>
  <c r="AD83095" i="1"/>
  <c r="AD83096" i="1"/>
  <c r="AD83097" i="1"/>
  <c r="AD83098" i="1"/>
  <c r="AD83099" i="1"/>
  <c r="AD83100" i="1"/>
  <c r="AD83101" i="1"/>
  <c r="AD83102" i="1"/>
  <c r="AD83103" i="1"/>
  <c r="AD83104" i="1"/>
  <c r="AD83105" i="1"/>
  <c r="AD83106" i="1"/>
  <c r="AD83107" i="1"/>
  <c r="AD83108" i="1"/>
  <c r="AD83109" i="1"/>
  <c r="AD83110" i="1"/>
  <c r="AD83111" i="1"/>
  <c r="AD83112" i="1"/>
  <c r="AD83113" i="1"/>
  <c r="AD83114" i="1"/>
  <c r="AD83115" i="1"/>
  <c r="AD83116" i="1"/>
  <c r="AD83117" i="1"/>
  <c r="AD83118" i="1"/>
  <c r="AD83119" i="1"/>
  <c r="AD83120" i="1"/>
  <c r="AD83121" i="1"/>
  <c r="AD83122" i="1"/>
  <c r="AD83123" i="1"/>
  <c r="AD83124" i="1"/>
  <c r="AD83125" i="1"/>
  <c r="AD83126" i="1"/>
  <c r="AD83127" i="1"/>
  <c r="AD83128" i="1"/>
  <c r="AD83129" i="1"/>
  <c r="AD83130" i="1"/>
  <c r="AD83131" i="1"/>
  <c r="AD83132" i="1"/>
  <c r="AD83133" i="1"/>
  <c r="AD83134" i="1"/>
  <c r="AD83135" i="1"/>
  <c r="AD83136" i="1"/>
  <c r="AD83137" i="1"/>
  <c r="AD83138" i="1"/>
  <c r="AD83139" i="1"/>
  <c r="AD83140" i="1"/>
  <c r="AD83141" i="1"/>
  <c r="AD83142" i="1"/>
  <c r="AD83143" i="1"/>
  <c r="AD83144" i="1"/>
  <c r="AD83145" i="1"/>
  <c r="AD83146" i="1"/>
  <c r="AD83147" i="1"/>
  <c r="AD83148" i="1"/>
  <c r="AD83149" i="1"/>
  <c r="AD83150" i="1"/>
  <c r="AD83151" i="1"/>
  <c r="AD83152" i="1"/>
  <c r="AD83153" i="1"/>
  <c r="AD83154" i="1"/>
  <c r="AD83155" i="1"/>
  <c r="AD83156" i="1"/>
  <c r="AD83157" i="1"/>
  <c r="AD83158" i="1"/>
  <c r="AD83159" i="1"/>
  <c r="AD83160" i="1"/>
  <c r="AD83161" i="1"/>
  <c r="AD83162" i="1"/>
  <c r="AD83163" i="1"/>
  <c r="AD83164" i="1"/>
  <c r="AD83165" i="1"/>
  <c r="AD83166" i="1"/>
  <c r="AD83167" i="1"/>
  <c r="AD83168" i="1"/>
  <c r="AD83169" i="1"/>
  <c r="AD83170" i="1"/>
  <c r="AD83171" i="1"/>
  <c r="AD83172" i="1"/>
  <c r="AD83173" i="1"/>
  <c r="AD83174" i="1"/>
  <c r="AD83175" i="1"/>
  <c r="AD83176" i="1"/>
  <c r="AD83177" i="1"/>
  <c r="AD83178" i="1"/>
  <c r="AD83179" i="1"/>
  <c r="AD83180" i="1"/>
  <c r="AD83181" i="1"/>
  <c r="AD83182" i="1"/>
  <c r="AD83183" i="1"/>
  <c r="AD83184" i="1"/>
  <c r="AD83185" i="1"/>
  <c r="AD83186" i="1"/>
  <c r="AD83187" i="1"/>
  <c r="AD83188" i="1"/>
  <c r="AD83189" i="1"/>
  <c r="AD83190" i="1"/>
  <c r="AD83191" i="1"/>
  <c r="AD83192" i="1"/>
  <c r="AD83193" i="1"/>
  <c r="AD83194" i="1"/>
  <c r="AD83195" i="1"/>
  <c r="AD83196" i="1"/>
  <c r="AD83197" i="1"/>
  <c r="AD83198" i="1"/>
  <c r="AD83199" i="1"/>
  <c r="AD83200" i="1"/>
  <c r="AD83201" i="1"/>
  <c r="AD83202" i="1"/>
  <c r="AD83203" i="1"/>
  <c r="AD83204" i="1"/>
  <c r="AD83205" i="1"/>
  <c r="AD83206" i="1"/>
  <c r="AD83207" i="1"/>
  <c r="AD83208" i="1"/>
  <c r="AD83209" i="1"/>
  <c r="AD83210" i="1"/>
  <c r="AD83211" i="1"/>
  <c r="AD83212" i="1"/>
  <c r="AD83213" i="1"/>
  <c r="AD83214" i="1"/>
  <c r="AD83215" i="1"/>
  <c r="AD83216" i="1"/>
  <c r="AD83217" i="1"/>
  <c r="AD83218" i="1"/>
  <c r="AD83219" i="1"/>
  <c r="AD83220" i="1"/>
  <c r="AD83221" i="1"/>
  <c r="AD83222" i="1"/>
  <c r="AD83223" i="1"/>
  <c r="AD83224" i="1"/>
  <c r="AD83225" i="1"/>
  <c r="AD83226" i="1"/>
  <c r="AD83227" i="1"/>
  <c r="AD83228" i="1"/>
  <c r="AD83229" i="1"/>
  <c r="AD83230" i="1"/>
  <c r="AD83231" i="1"/>
  <c r="AD83232" i="1"/>
  <c r="AD83233" i="1"/>
  <c r="AD83234" i="1"/>
  <c r="AD83235" i="1"/>
  <c r="AD83236" i="1"/>
  <c r="AD83237" i="1"/>
  <c r="AD83238" i="1"/>
  <c r="AD83239" i="1"/>
  <c r="AD83240" i="1"/>
  <c r="AD83241" i="1"/>
  <c r="AD83242" i="1"/>
  <c r="AD83243" i="1"/>
  <c r="AD83244" i="1"/>
  <c r="AD83245" i="1"/>
  <c r="AD83246" i="1"/>
  <c r="AD83247" i="1"/>
  <c r="AD83248" i="1"/>
  <c r="AD83249" i="1"/>
  <c r="AD83250" i="1"/>
  <c r="AD83251" i="1"/>
  <c r="AD83252" i="1"/>
  <c r="AD83253" i="1"/>
  <c r="AD83254" i="1"/>
  <c r="AD83255" i="1"/>
  <c r="AD83256" i="1"/>
  <c r="AD83257" i="1"/>
  <c r="AD83258" i="1"/>
  <c r="AD83259" i="1"/>
  <c r="AD83260" i="1"/>
  <c r="AD83261" i="1"/>
  <c r="AD83262" i="1"/>
  <c r="AD83263" i="1"/>
  <c r="AD83264" i="1"/>
  <c r="AD83265" i="1"/>
  <c r="AD83266" i="1"/>
  <c r="AD83267" i="1"/>
  <c r="AD83268" i="1"/>
  <c r="AD83269" i="1"/>
  <c r="AD83270" i="1"/>
  <c r="AD83271" i="1"/>
  <c r="AD83272" i="1"/>
  <c r="AD83273" i="1"/>
  <c r="AD83274" i="1"/>
  <c r="AD83275" i="1"/>
  <c r="AD83276" i="1"/>
  <c r="AD83277" i="1"/>
  <c r="AD83278" i="1"/>
  <c r="AD83279" i="1"/>
  <c r="AD83280" i="1"/>
  <c r="AD83281" i="1"/>
  <c r="AD83282" i="1"/>
  <c r="AD83283" i="1"/>
  <c r="AD83284" i="1"/>
  <c r="AD83285" i="1"/>
  <c r="AD83286" i="1"/>
  <c r="AD83287" i="1"/>
  <c r="AD83288" i="1"/>
  <c r="AD83289" i="1"/>
  <c r="AD83290" i="1"/>
  <c r="AD83291" i="1"/>
  <c r="AD83292" i="1"/>
  <c r="AD83293" i="1"/>
  <c r="AD83294" i="1"/>
  <c r="AD83295" i="1"/>
  <c r="AD83296" i="1"/>
  <c r="AD83297" i="1"/>
  <c r="AD83298" i="1"/>
  <c r="AD83299" i="1"/>
  <c r="AD83300" i="1"/>
  <c r="AD83301" i="1"/>
  <c r="AD83302" i="1"/>
  <c r="AD83303" i="1"/>
  <c r="AD83304" i="1"/>
  <c r="AD83305" i="1"/>
  <c r="AD83306" i="1"/>
  <c r="AD83307" i="1"/>
  <c r="AD83308" i="1"/>
  <c r="AD83309" i="1"/>
  <c r="AD83310" i="1"/>
  <c r="AD83311" i="1"/>
  <c r="AD83312" i="1"/>
  <c r="AD83313" i="1"/>
  <c r="AD83314" i="1"/>
  <c r="AD83315" i="1"/>
  <c r="AD83316" i="1"/>
  <c r="AD83317" i="1"/>
  <c r="AD83318" i="1"/>
  <c r="AD83319" i="1"/>
  <c r="AD83320" i="1"/>
  <c r="AD83321" i="1"/>
  <c r="AD83322" i="1"/>
  <c r="AD83323" i="1"/>
  <c r="AD83324" i="1"/>
  <c r="AD83325" i="1"/>
  <c r="AD83326" i="1"/>
  <c r="AD83327" i="1"/>
  <c r="AD83328" i="1"/>
  <c r="AD83329" i="1"/>
  <c r="AD83330" i="1"/>
  <c r="AD83331" i="1"/>
  <c r="AD83332" i="1"/>
  <c r="AD83333" i="1"/>
  <c r="AD83334" i="1"/>
  <c r="AD83335" i="1"/>
  <c r="AD83336" i="1"/>
  <c r="AD83337" i="1"/>
  <c r="AD83338" i="1"/>
  <c r="AD83339" i="1"/>
  <c r="AD83340" i="1"/>
  <c r="AD83341" i="1"/>
  <c r="AD83342" i="1"/>
  <c r="AD83343" i="1"/>
  <c r="AD83344" i="1"/>
  <c r="AD83345" i="1"/>
  <c r="AD83346" i="1"/>
  <c r="AD83347" i="1"/>
  <c r="AD83348" i="1"/>
  <c r="AD83349" i="1"/>
  <c r="AD83350" i="1"/>
  <c r="AD83351" i="1"/>
  <c r="AD83352" i="1"/>
  <c r="AD83353" i="1"/>
  <c r="AD83354" i="1"/>
  <c r="AD83355" i="1"/>
  <c r="AD83356" i="1"/>
  <c r="AD83357" i="1"/>
  <c r="AD83358" i="1"/>
  <c r="AD83359" i="1"/>
  <c r="AD83360" i="1"/>
  <c r="AD83361" i="1"/>
  <c r="AD83362" i="1"/>
  <c r="AD83363" i="1"/>
  <c r="AD83364" i="1"/>
  <c r="AD83365" i="1"/>
  <c r="AD83366" i="1"/>
  <c r="AD83367" i="1"/>
  <c r="AD83368" i="1"/>
  <c r="AD83369" i="1"/>
  <c r="AD83370" i="1"/>
  <c r="AD83371" i="1"/>
  <c r="AD83372" i="1"/>
  <c r="AD83373" i="1"/>
  <c r="AD83374" i="1"/>
  <c r="AD83375" i="1"/>
  <c r="AD83376" i="1"/>
  <c r="AD83377" i="1"/>
  <c r="AD83378" i="1"/>
  <c r="AD83379" i="1"/>
  <c r="AD83380" i="1"/>
  <c r="AD83381" i="1"/>
  <c r="AD83382" i="1"/>
  <c r="AD83383" i="1"/>
  <c r="AD83384" i="1"/>
  <c r="AD83385" i="1"/>
  <c r="AD83386" i="1"/>
  <c r="AD83387" i="1"/>
  <c r="AD83388" i="1"/>
  <c r="AD83389" i="1"/>
  <c r="AD83390" i="1"/>
  <c r="AD83391" i="1"/>
  <c r="AD83392" i="1"/>
  <c r="AD83393" i="1"/>
  <c r="AD83394" i="1"/>
  <c r="AD83395" i="1"/>
  <c r="AD83396" i="1"/>
  <c r="AD83397" i="1"/>
  <c r="AD83398" i="1"/>
  <c r="AD83399" i="1"/>
  <c r="AD83400" i="1"/>
  <c r="AD83401" i="1"/>
  <c r="AD83402" i="1"/>
  <c r="AD83403" i="1"/>
  <c r="AD83404" i="1"/>
  <c r="AD83405" i="1"/>
  <c r="AD83406" i="1"/>
  <c r="AD83407" i="1"/>
  <c r="AD83408" i="1"/>
  <c r="AD83409" i="1"/>
  <c r="AD83410" i="1"/>
  <c r="AD83411" i="1"/>
  <c r="AD83412" i="1"/>
  <c r="AD83413" i="1"/>
  <c r="AD83414" i="1"/>
  <c r="AD83415" i="1"/>
  <c r="AD83416" i="1"/>
  <c r="AD83417" i="1"/>
  <c r="AD83418" i="1"/>
  <c r="AD83419" i="1"/>
  <c r="AD83420" i="1"/>
  <c r="AD83421" i="1"/>
  <c r="AD83422" i="1"/>
  <c r="AD83423" i="1"/>
  <c r="AD83424" i="1"/>
  <c r="AD83425" i="1"/>
  <c r="AD83426" i="1"/>
  <c r="AD83427" i="1"/>
  <c r="AD83428" i="1"/>
  <c r="AD83429" i="1"/>
  <c r="AD83430" i="1"/>
  <c r="AD83431" i="1"/>
  <c r="AD83432" i="1"/>
  <c r="AD83433" i="1"/>
  <c r="AD83434" i="1"/>
  <c r="AD83435" i="1"/>
  <c r="AD83436" i="1"/>
  <c r="AD83437" i="1"/>
  <c r="AD83438" i="1"/>
  <c r="AD83439" i="1"/>
  <c r="AD83440" i="1"/>
  <c r="AD83441" i="1"/>
  <c r="AD83442" i="1"/>
  <c r="AD83443" i="1"/>
  <c r="AD83444" i="1"/>
  <c r="AD83445" i="1"/>
  <c r="AD83446" i="1"/>
  <c r="AD83447" i="1"/>
  <c r="AD83448" i="1"/>
  <c r="AD83449" i="1"/>
  <c r="AD83450" i="1"/>
  <c r="AD83451" i="1"/>
  <c r="AD83452" i="1"/>
  <c r="AD83453" i="1"/>
  <c r="AD83454" i="1"/>
  <c r="AD83455" i="1"/>
  <c r="AD83456" i="1"/>
  <c r="AD83457" i="1"/>
  <c r="AD83458" i="1"/>
  <c r="AD83459" i="1"/>
  <c r="AD83460" i="1"/>
  <c r="AD83461" i="1"/>
  <c r="AD83462" i="1"/>
  <c r="AD83463" i="1"/>
  <c r="AD83464" i="1"/>
  <c r="AD83465" i="1"/>
  <c r="AD83466" i="1"/>
  <c r="AD83467" i="1"/>
  <c r="AD83468" i="1"/>
  <c r="AD83469" i="1"/>
  <c r="AD83470" i="1"/>
  <c r="AD83471" i="1"/>
  <c r="AD83472" i="1"/>
  <c r="AD83473" i="1"/>
  <c r="AD83474" i="1"/>
  <c r="AD83475" i="1"/>
  <c r="AD83476" i="1"/>
  <c r="AD83477" i="1"/>
  <c r="AD83478" i="1"/>
  <c r="AD83479" i="1"/>
  <c r="AD83480" i="1"/>
  <c r="AD83481" i="1"/>
  <c r="AD83482" i="1"/>
  <c r="AD83483" i="1"/>
  <c r="AD83484" i="1"/>
  <c r="AD83485" i="1"/>
  <c r="AD83486" i="1"/>
  <c r="AD83487" i="1"/>
  <c r="AD83488" i="1"/>
  <c r="AD83489" i="1"/>
  <c r="AD83490" i="1"/>
  <c r="AD83491" i="1"/>
  <c r="AD83492" i="1"/>
  <c r="AD83493" i="1"/>
  <c r="AD83494" i="1"/>
  <c r="AD83495" i="1"/>
  <c r="AD83496" i="1"/>
  <c r="AD83497" i="1"/>
  <c r="AD83498" i="1"/>
  <c r="AD83499" i="1"/>
  <c r="AD83500" i="1"/>
  <c r="AD83501" i="1"/>
  <c r="AD83502" i="1"/>
  <c r="AD83503" i="1"/>
  <c r="AD83504" i="1"/>
  <c r="AD83505" i="1"/>
  <c r="AD83506" i="1"/>
  <c r="AD83507" i="1"/>
  <c r="AD83508" i="1"/>
  <c r="AD83509" i="1"/>
  <c r="AD83510" i="1"/>
  <c r="AD83511" i="1"/>
  <c r="AD83512" i="1"/>
  <c r="AD83513" i="1"/>
  <c r="AD83514" i="1"/>
  <c r="AD83515" i="1"/>
  <c r="AD83516" i="1"/>
  <c r="AD83517" i="1"/>
  <c r="AD83518" i="1"/>
  <c r="AD83519" i="1"/>
  <c r="AD83520" i="1"/>
  <c r="AD83521" i="1"/>
  <c r="AD83522" i="1"/>
  <c r="AD83523" i="1"/>
  <c r="AD83524" i="1"/>
  <c r="AD83525" i="1"/>
  <c r="AD83526" i="1"/>
  <c r="AD83527" i="1"/>
  <c r="AD83528" i="1"/>
  <c r="AD83529" i="1"/>
  <c r="AD83530" i="1"/>
  <c r="AD83531" i="1"/>
  <c r="AD83532" i="1"/>
  <c r="AD83533" i="1"/>
  <c r="AD83534" i="1"/>
  <c r="AD83535" i="1"/>
  <c r="AD83536" i="1"/>
  <c r="AD83537" i="1"/>
  <c r="AD83538" i="1"/>
  <c r="AD83539" i="1"/>
  <c r="AD83540" i="1"/>
  <c r="AD83541" i="1"/>
  <c r="AD83542" i="1"/>
  <c r="AD83543" i="1"/>
  <c r="AD83544" i="1"/>
  <c r="AD83545" i="1"/>
  <c r="AD83546" i="1"/>
  <c r="AD83547" i="1"/>
  <c r="AD83548" i="1"/>
  <c r="AD83549" i="1"/>
  <c r="AD83550" i="1"/>
  <c r="AD83551" i="1"/>
  <c r="AD83552" i="1"/>
  <c r="AD83553" i="1"/>
  <c r="AD83554" i="1"/>
  <c r="AD83555" i="1"/>
  <c r="AD83556" i="1"/>
  <c r="AD83557" i="1"/>
  <c r="AD83558" i="1"/>
  <c r="AD83559" i="1"/>
  <c r="AD83560" i="1"/>
  <c r="AD83561" i="1"/>
  <c r="AD83562" i="1"/>
  <c r="AD83563" i="1"/>
  <c r="AD83564" i="1"/>
  <c r="AD83565" i="1"/>
  <c r="AD83566" i="1"/>
  <c r="AD83567" i="1"/>
  <c r="AD83568" i="1"/>
  <c r="AD83569" i="1"/>
  <c r="AD83570" i="1"/>
  <c r="AD83571" i="1"/>
  <c r="AD83572" i="1"/>
  <c r="AD83573" i="1"/>
  <c r="AD83574" i="1"/>
  <c r="AD83575" i="1"/>
  <c r="AD83576" i="1"/>
  <c r="AD83577" i="1"/>
  <c r="AD83578" i="1"/>
  <c r="AD83579" i="1"/>
  <c r="AD83580" i="1"/>
  <c r="AD83581" i="1"/>
  <c r="AD83582" i="1"/>
  <c r="AD83583" i="1"/>
  <c r="AD83584" i="1"/>
  <c r="AD83585" i="1"/>
  <c r="AD83586" i="1"/>
  <c r="AD83587" i="1"/>
  <c r="AD83588" i="1"/>
  <c r="AD83589" i="1"/>
  <c r="AD83590" i="1"/>
  <c r="AD83591" i="1"/>
  <c r="AD83592" i="1"/>
  <c r="AD83593" i="1"/>
  <c r="AD83594" i="1"/>
  <c r="AD83595" i="1"/>
  <c r="AD83596" i="1"/>
  <c r="AD83597" i="1"/>
  <c r="AD83598" i="1"/>
  <c r="AD83599" i="1"/>
  <c r="AD83600" i="1"/>
  <c r="AD83601" i="1"/>
  <c r="AD83602" i="1"/>
  <c r="AD83603" i="1"/>
  <c r="AD83604" i="1"/>
  <c r="AD83605" i="1"/>
  <c r="AD83606" i="1"/>
  <c r="AD83607" i="1"/>
  <c r="AD83608" i="1"/>
  <c r="AD83609" i="1"/>
  <c r="AD83610" i="1"/>
  <c r="AD83611" i="1"/>
  <c r="AD83612" i="1"/>
  <c r="AD83613" i="1"/>
  <c r="AD83614" i="1"/>
  <c r="AD83615" i="1"/>
  <c r="AD83616" i="1"/>
  <c r="AD83617" i="1"/>
  <c r="AD83618" i="1"/>
  <c r="AD83619" i="1"/>
  <c r="AD83620" i="1"/>
  <c r="AD83621" i="1"/>
  <c r="AD83622" i="1"/>
  <c r="AD83623" i="1"/>
  <c r="AD83624" i="1"/>
  <c r="AD83625" i="1"/>
  <c r="AD83626" i="1"/>
  <c r="AD83627" i="1"/>
  <c r="AD83628" i="1"/>
  <c r="AD83629" i="1"/>
  <c r="AD83630" i="1"/>
  <c r="AD83631" i="1"/>
  <c r="AD83632" i="1"/>
  <c r="AD83633" i="1"/>
  <c r="AD83634" i="1"/>
  <c r="AD83635" i="1"/>
  <c r="AD83636" i="1"/>
  <c r="AD83637" i="1"/>
  <c r="AD83638" i="1"/>
  <c r="AD83639" i="1"/>
  <c r="AD83640" i="1"/>
  <c r="AD83641" i="1"/>
  <c r="AD83642" i="1"/>
  <c r="AD83643" i="1"/>
  <c r="AD83644" i="1"/>
  <c r="AD83645" i="1"/>
  <c r="AD83646" i="1"/>
  <c r="AD83647" i="1"/>
  <c r="AD83648" i="1"/>
  <c r="AD83649" i="1"/>
  <c r="AD83650" i="1"/>
  <c r="AD83651" i="1"/>
  <c r="AD83652" i="1"/>
  <c r="AD83653" i="1"/>
  <c r="AD83654" i="1"/>
  <c r="AD83655" i="1"/>
  <c r="AD83656" i="1"/>
  <c r="AD83657" i="1"/>
  <c r="AD83658" i="1"/>
  <c r="AD83659" i="1"/>
  <c r="AD83660" i="1"/>
  <c r="AD83661" i="1"/>
  <c r="AD83662" i="1"/>
  <c r="AD83663" i="1"/>
  <c r="AD83664" i="1"/>
  <c r="AD83665" i="1"/>
  <c r="AD83666" i="1"/>
  <c r="AD83667" i="1"/>
  <c r="AD83668" i="1"/>
  <c r="AD83669" i="1"/>
  <c r="AD83670" i="1"/>
  <c r="AD83671" i="1"/>
  <c r="AD83672" i="1"/>
  <c r="AD83673" i="1"/>
  <c r="AD83674" i="1"/>
  <c r="AD83675" i="1"/>
  <c r="AD83676" i="1"/>
  <c r="AD83677" i="1"/>
  <c r="AD83678" i="1"/>
  <c r="AD83679" i="1"/>
  <c r="AD83680" i="1"/>
  <c r="AD83681" i="1"/>
  <c r="AD83682" i="1"/>
  <c r="AD83683" i="1"/>
  <c r="AD83684" i="1"/>
  <c r="AD83685" i="1"/>
  <c r="AD83686" i="1"/>
  <c r="AD83687" i="1"/>
  <c r="AD83688" i="1"/>
  <c r="AD83689" i="1"/>
  <c r="AD83690" i="1"/>
  <c r="AD83691" i="1"/>
  <c r="AD83692" i="1"/>
  <c r="AD83693" i="1"/>
  <c r="AD83694" i="1"/>
  <c r="AD83695" i="1"/>
  <c r="AD83696" i="1"/>
  <c r="AD83697" i="1"/>
  <c r="AD83698" i="1"/>
  <c r="AD83699" i="1"/>
  <c r="AD83700" i="1"/>
  <c r="AD83701" i="1"/>
  <c r="AD83702" i="1"/>
  <c r="AD83703" i="1"/>
  <c r="AD83704" i="1"/>
  <c r="AD83705" i="1"/>
  <c r="AD83706" i="1"/>
  <c r="AD83707" i="1"/>
  <c r="AD83708" i="1"/>
  <c r="AD83709" i="1"/>
  <c r="AD83710" i="1"/>
  <c r="AD83711" i="1"/>
  <c r="AD83712" i="1"/>
  <c r="AD83713" i="1"/>
  <c r="AD83714" i="1"/>
  <c r="AD83715" i="1"/>
  <c r="AD83716" i="1"/>
  <c r="AD83717" i="1"/>
  <c r="AD83718" i="1"/>
  <c r="AD83719" i="1"/>
  <c r="AD83720" i="1"/>
  <c r="AD83721" i="1"/>
  <c r="AD83722" i="1"/>
  <c r="AD83723" i="1"/>
  <c r="AD83724" i="1"/>
  <c r="AD83725" i="1"/>
  <c r="AD83726" i="1"/>
  <c r="AD83727" i="1"/>
  <c r="AD83728" i="1"/>
  <c r="AD83729" i="1"/>
  <c r="AD83730" i="1"/>
  <c r="AD83731" i="1"/>
  <c r="AD83732" i="1"/>
  <c r="AD83733" i="1"/>
  <c r="AD83734" i="1"/>
  <c r="AD83735" i="1"/>
  <c r="AD83736" i="1"/>
  <c r="AD83737" i="1"/>
  <c r="AD83738" i="1"/>
  <c r="AD83739" i="1"/>
  <c r="AD83740" i="1"/>
  <c r="AD83741" i="1"/>
  <c r="AD83742" i="1"/>
  <c r="AD83743" i="1"/>
  <c r="AD83744" i="1"/>
  <c r="AD83745" i="1"/>
  <c r="AD83746" i="1"/>
  <c r="AD83747" i="1"/>
  <c r="AD83748" i="1"/>
  <c r="AD83749" i="1"/>
  <c r="AD83750" i="1"/>
  <c r="AD83751" i="1"/>
  <c r="AD83752" i="1"/>
  <c r="AD83753" i="1"/>
  <c r="AD83754" i="1"/>
  <c r="AD83755" i="1"/>
  <c r="AD83756" i="1"/>
  <c r="AD83757" i="1"/>
  <c r="AD83758" i="1"/>
  <c r="AD83759" i="1"/>
  <c r="AD83760" i="1"/>
  <c r="AD83761" i="1"/>
  <c r="AD83762" i="1"/>
  <c r="AD83763" i="1"/>
  <c r="AD83764" i="1"/>
  <c r="AD83765" i="1"/>
  <c r="AD83766" i="1"/>
  <c r="AD83767" i="1"/>
  <c r="AD83768" i="1"/>
  <c r="AD83769" i="1"/>
  <c r="AD83770" i="1"/>
  <c r="AD83771" i="1"/>
  <c r="AD83772" i="1"/>
  <c r="AD83773" i="1"/>
  <c r="AD83774" i="1"/>
  <c r="AD83775" i="1"/>
  <c r="AD83776" i="1"/>
  <c r="AD83777" i="1"/>
  <c r="AD83778" i="1"/>
  <c r="AD83779" i="1"/>
  <c r="AD83780" i="1"/>
  <c r="AD83781" i="1"/>
  <c r="AD83782" i="1"/>
  <c r="AD83783" i="1"/>
  <c r="AD83784" i="1"/>
  <c r="AD83785" i="1"/>
  <c r="AD83786" i="1"/>
  <c r="AD83787" i="1"/>
  <c r="AD83788" i="1"/>
  <c r="AD83789" i="1"/>
  <c r="AD83790" i="1"/>
  <c r="AD83791" i="1"/>
  <c r="AD83792" i="1"/>
  <c r="AD83793" i="1"/>
  <c r="AD83794" i="1"/>
  <c r="AD83795" i="1"/>
  <c r="AD83796" i="1"/>
  <c r="AD83797" i="1"/>
  <c r="AD83798" i="1"/>
  <c r="AD83799" i="1"/>
  <c r="AD83800" i="1"/>
  <c r="AD83801" i="1"/>
  <c r="AD83802" i="1"/>
  <c r="AD83803" i="1"/>
  <c r="AD83804" i="1"/>
  <c r="AD83805" i="1"/>
  <c r="AD83806" i="1"/>
  <c r="AD83807" i="1"/>
  <c r="AD83808" i="1"/>
  <c r="AD83809" i="1"/>
  <c r="AD83810" i="1"/>
  <c r="AD83811" i="1"/>
  <c r="AD83812" i="1"/>
  <c r="AD83813" i="1"/>
  <c r="AD83814" i="1"/>
  <c r="AD83815" i="1"/>
  <c r="AD83816" i="1"/>
  <c r="AD83817" i="1"/>
  <c r="AD83818" i="1"/>
  <c r="AD83819" i="1"/>
  <c r="AD83820" i="1"/>
  <c r="AD83821" i="1"/>
  <c r="AD83822" i="1"/>
  <c r="AD83823" i="1"/>
  <c r="AD83824" i="1"/>
  <c r="AD83825" i="1"/>
  <c r="AD83826" i="1"/>
  <c r="AD83827" i="1"/>
  <c r="AD83828" i="1"/>
  <c r="AD83829" i="1"/>
  <c r="AD83830" i="1"/>
  <c r="AD83831" i="1"/>
  <c r="AD83832" i="1"/>
  <c r="AD83833" i="1"/>
  <c r="AD83834" i="1"/>
  <c r="AD83835" i="1"/>
  <c r="AD83836" i="1"/>
  <c r="AD83837" i="1"/>
  <c r="AD83838" i="1"/>
  <c r="AD83839" i="1"/>
  <c r="AD83840" i="1"/>
  <c r="AD83841" i="1"/>
  <c r="AD83842" i="1"/>
  <c r="AD83843" i="1"/>
  <c r="AD83844" i="1"/>
  <c r="AD83845" i="1"/>
  <c r="AD83846" i="1"/>
  <c r="AD83847" i="1"/>
  <c r="AD83848" i="1"/>
  <c r="AD83849" i="1"/>
  <c r="AD83850" i="1"/>
  <c r="AD83851" i="1"/>
  <c r="AD83852" i="1"/>
  <c r="AD83853" i="1"/>
  <c r="AD83854" i="1"/>
  <c r="AD83855" i="1"/>
  <c r="AD83856" i="1"/>
  <c r="AD83857" i="1"/>
  <c r="AD83858" i="1"/>
  <c r="AD83859" i="1"/>
  <c r="AD83860" i="1"/>
  <c r="AD83861" i="1"/>
  <c r="AD83862" i="1"/>
  <c r="AD83863" i="1"/>
  <c r="AD83864" i="1"/>
  <c r="AD83865" i="1"/>
  <c r="AD83866" i="1"/>
  <c r="AD83867" i="1"/>
  <c r="AD83868" i="1"/>
  <c r="AD83869" i="1"/>
  <c r="AD83870" i="1"/>
  <c r="AD83871" i="1"/>
  <c r="AD83872" i="1"/>
  <c r="AD83873" i="1"/>
  <c r="AD83874" i="1"/>
  <c r="AD83875" i="1"/>
  <c r="AD83876" i="1"/>
  <c r="AD83877" i="1"/>
  <c r="AD83878" i="1"/>
  <c r="AD83879" i="1"/>
  <c r="AD83880" i="1"/>
  <c r="AD83881" i="1"/>
  <c r="AD83882" i="1"/>
  <c r="AD83883" i="1"/>
  <c r="AD83884" i="1"/>
  <c r="AD83885" i="1"/>
  <c r="AD83886" i="1"/>
  <c r="AD83887" i="1"/>
  <c r="AD83888" i="1"/>
  <c r="AD83889" i="1"/>
  <c r="AD83890" i="1"/>
  <c r="AD83891" i="1"/>
  <c r="AD83892" i="1"/>
  <c r="AD83893" i="1"/>
  <c r="AD83894" i="1"/>
  <c r="AD83895" i="1"/>
  <c r="AD83896" i="1"/>
  <c r="AD83897" i="1"/>
  <c r="AD83898" i="1"/>
  <c r="AD83899" i="1"/>
  <c r="AD83900" i="1"/>
  <c r="AD83901" i="1"/>
  <c r="AD83902" i="1"/>
  <c r="AD83903" i="1"/>
  <c r="AD83904" i="1"/>
  <c r="AD83905" i="1"/>
  <c r="AD83906" i="1"/>
  <c r="AD83907" i="1"/>
  <c r="AD83908" i="1"/>
  <c r="AD83909" i="1"/>
  <c r="AD83910" i="1"/>
  <c r="AD83911" i="1"/>
  <c r="AD83912" i="1"/>
  <c r="AD83913" i="1"/>
  <c r="AD83914" i="1"/>
  <c r="AD83915" i="1"/>
  <c r="AD83916" i="1"/>
  <c r="AD83917" i="1"/>
  <c r="AD83918" i="1"/>
  <c r="AD83919" i="1"/>
  <c r="AD83920" i="1"/>
  <c r="AD83921" i="1"/>
  <c r="AD83922" i="1"/>
  <c r="AD83923" i="1"/>
  <c r="AD83924" i="1"/>
  <c r="AD83925" i="1"/>
  <c r="AD83926" i="1"/>
  <c r="AD83927" i="1"/>
  <c r="AD83928" i="1"/>
  <c r="AD83929" i="1"/>
  <c r="AD83930" i="1"/>
  <c r="AD83931" i="1"/>
  <c r="AD83932" i="1"/>
  <c r="AD83933" i="1"/>
  <c r="AD83934" i="1"/>
  <c r="AD83935" i="1"/>
  <c r="AD83936" i="1"/>
  <c r="AD83937" i="1"/>
  <c r="AD83938" i="1"/>
  <c r="AD83939" i="1"/>
  <c r="AD83940" i="1"/>
  <c r="AD83941" i="1"/>
  <c r="AD83942" i="1"/>
  <c r="AD83943" i="1"/>
  <c r="AD83944" i="1"/>
  <c r="AD83945" i="1"/>
  <c r="AD83946" i="1"/>
  <c r="AD83947" i="1"/>
  <c r="AD83948" i="1"/>
  <c r="AD83949" i="1"/>
  <c r="AD83950" i="1"/>
  <c r="AD83951" i="1"/>
  <c r="AD83952" i="1"/>
  <c r="AD83953" i="1"/>
  <c r="AD83954" i="1"/>
  <c r="AD83955" i="1"/>
  <c r="AD83956" i="1"/>
  <c r="AD83957" i="1"/>
  <c r="AD83958" i="1"/>
  <c r="AD83959" i="1"/>
  <c r="AD83960" i="1"/>
  <c r="AD83961" i="1"/>
  <c r="AD83962" i="1"/>
  <c r="AD83963" i="1"/>
  <c r="AD83964" i="1"/>
  <c r="AD83965" i="1"/>
  <c r="AD83966" i="1"/>
  <c r="AD83967" i="1"/>
  <c r="AD83968" i="1"/>
  <c r="AD83969" i="1"/>
  <c r="AD83970" i="1"/>
  <c r="AD83971" i="1"/>
  <c r="AD83972" i="1"/>
  <c r="AD83973" i="1"/>
  <c r="AD83974" i="1"/>
  <c r="AD83975" i="1"/>
  <c r="AD83976" i="1"/>
  <c r="AD83977" i="1"/>
  <c r="AD83978" i="1"/>
  <c r="AD83979" i="1"/>
  <c r="AD83980" i="1"/>
  <c r="AD83981" i="1"/>
  <c r="AD83982" i="1"/>
  <c r="AD83983" i="1"/>
  <c r="AD83984" i="1"/>
  <c r="AD83985" i="1"/>
  <c r="AD83986" i="1"/>
  <c r="AD83987" i="1"/>
  <c r="AD83988" i="1"/>
  <c r="AD83989" i="1"/>
  <c r="AD83990" i="1"/>
  <c r="AD83991" i="1"/>
  <c r="AD83992" i="1"/>
  <c r="AD83993" i="1"/>
  <c r="AD83994" i="1"/>
  <c r="AD83995" i="1"/>
  <c r="AD83996" i="1"/>
  <c r="AD83997" i="1"/>
  <c r="AD83998" i="1"/>
  <c r="AD83999" i="1"/>
  <c r="AD84000" i="1"/>
  <c r="AD84001" i="1"/>
  <c r="AD84002" i="1"/>
  <c r="AD84003" i="1"/>
  <c r="AD84004" i="1"/>
  <c r="AD84005" i="1"/>
  <c r="AD84006" i="1"/>
  <c r="AD84007" i="1"/>
  <c r="AD84008" i="1"/>
  <c r="AD84009" i="1"/>
  <c r="AD84010" i="1"/>
  <c r="AD84011" i="1"/>
  <c r="AD84012" i="1"/>
  <c r="AD84013" i="1"/>
  <c r="AD84014" i="1"/>
  <c r="AD84015" i="1"/>
  <c r="AD84016" i="1"/>
  <c r="AD84017" i="1"/>
  <c r="AD84018" i="1"/>
  <c r="AD84019" i="1"/>
  <c r="AD84020" i="1"/>
  <c r="AD84021" i="1"/>
  <c r="AD84022" i="1"/>
  <c r="AD84023" i="1"/>
  <c r="AD84024" i="1"/>
  <c r="AD84025" i="1"/>
  <c r="AD84026" i="1"/>
  <c r="AD84027" i="1"/>
  <c r="AD84028" i="1"/>
  <c r="AD84029" i="1"/>
  <c r="AD84030" i="1"/>
  <c r="AD84031" i="1"/>
  <c r="AD84032" i="1"/>
  <c r="AD84033" i="1"/>
  <c r="AD84034" i="1"/>
  <c r="AD84035" i="1"/>
  <c r="AD84036" i="1"/>
  <c r="AD84037" i="1"/>
  <c r="AD84038" i="1"/>
  <c r="AD84039" i="1"/>
  <c r="AD84040" i="1"/>
  <c r="AD84041" i="1"/>
  <c r="AD84042" i="1"/>
  <c r="AD84043" i="1"/>
  <c r="AD84044" i="1"/>
  <c r="AD84045" i="1"/>
  <c r="AD84046" i="1"/>
  <c r="AD84047" i="1"/>
  <c r="AD84048" i="1"/>
  <c r="AD84049" i="1"/>
  <c r="AD84050" i="1"/>
  <c r="AD84051" i="1"/>
  <c r="AD84052" i="1"/>
  <c r="AD84053" i="1"/>
  <c r="AD84054" i="1"/>
  <c r="AD84055" i="1"/>
  <c r="AD84056" i="1"/>
  <c r="AD84057" i="1"/>
  <c r="AD84058" i="1"/>
  <c r="AD84059" i="1"/>
  <c r="AD84060" i="1"/>
  <c r="AD84061" i="1"/>
  <c r="AD84062" i="1"/>
  <c r="AD84063" i="1"/>
  <c r="AD84064" i="1"/>
  <c r="AD84065" i="1"/>
  <c r="AD84066" i="1"/>
  <c r="AD84067" i="1"/>
  <c r="AD84068" i="1"/>
  <c r="AD84069" i="1"/>
  <c r="AD84070" i="1"/>
  <c r="AD84071" i="1"/>
  <c r="AD84072" i="1"/>
  <c r="AD84073" i="1"/>
  <c r="AD84074" i="1"/>
  <c r="AD84075" i="1"/>
  <c r="AD84076" i="1"/>
  <c r="AD84077" i="1"/>
  <c r="AD84078" i="1"/>
  <c r="AD84079" i="1"/>
  <c r="AD84080" i="1"/>
  <c r="AD84081" i="1"/>
  <c r="AD84082" i="1"/>
  <c r="AD84083" i="1"/>
  <c r="AD84084" i="1"/>
  <c r="AD84085" i="1"/>
  <c r="AD84086" i="1"/>
  <c r="AD84087" i="1"/>
  <c r="AD84088" i="1"/>
  <c r="AD84089" i="1"/>
  <c r="AD84090" i="1"/>
  <c r="AD84091" i="1"/>
  <c r="AD84092" i="1"/>
  <c r="AD84093" i="1"/>
  <c r="AD84094" i="1"/>
  <c r="AD84095" i="1"/>
  <c r="AD84096" i="1"/>
  <c r="AD84097" i="1"/>
  <c r="AD84098" i="1"/>
  <c r="AD84099" i="1"/>
  <c r="AD84100" i="1"/>
  <c r="AD84101" i="1"/>
  <c r="AD84102" i="1"/>
  <c r="AD84103" i="1"/>
  <c r="AD84104" i="1"/>
  <c r="AD84105" i="1"/>
  <c r="AD84106" i="1"/>
  <c r="AD84107" i="1"/>
  <c r="AD84108" i="1"/>
  <c r="AD84109" i="1"/>
  <c r="AD84110" i="1"/>
  <c r="AD84111" i="1"/>
  <c r="AD84112" i="1"/>
  <c r="AD84113" i="1"/>
  <c r="AD84114" i="1"/>
  <c r="AD84115" i="1"/>
  <c r="AD84116" i="1"/>
  <c r="AD84117" i="1"/>
  <c r="AD84118" i="1"/>
  <c r="AD84119" i="1"/>
  <c r="AD84120" i="1"/>
  <c r="AD84121" i="1"/>
  <c r="AD84122" i="1"/>
  <c r="AD84123" i="1"/>
  <c r="AD84124" i="1"/>
  <c r="AD84125" i="1"/>
  <c r="AD84126" i="1"/>
  <c r="AD84127" i="1"/>
  <c r="AD84128" i="1"/>
  <c r="AD84129" i="1"/>
  <c r="AD84130" i="1"/>
  <c r="AD84131" i="1"/>
  <c r="AD84132" i="1"/>
  <c r="AD84133" i="1"/>
  <c r="AD84134" i="1"/>
  <c r="AD84135" i="1"/>
  <c r="AD84136" i="1"/>
  <c r="AD84137" i="1"/>
  <c r="AD84138" i="1"/>
  <c r="AD84139" i="1"/>
  <c r="AD84140" i="1"/>
  <c r="AD84141" i="1"/>
  <c r="AD84142" i="1"/>
  <c r="AD84143" i="1"/>
  <c r="AD84144" i="1"/>
  <c r="AD84145" i="1"/>
  <c r="AD84146" i="1"/>
  <c r="AD84147" i="1"/>
  <c r="AD84148" i="1"/>
  <c r="AD84149" i="1"/>
  <c r="AD84150" i="1"/>
  <c r="AD84151" i="1"/>
  <c r="AD84152" i="1"/>
  <c r="AD84153" i="1"/>
  <c r="AD84154" i="1"/>
  <c r="AD84155" i="1"/>
  <c r="AD84156" i="1"/>
  <c r="AD84157" i="1"/>
  <c r="AD84158" i="1"/>
  <c r="AD84159" i="1"/>
  <c r="AD84160" i="1"/>
  <c r="AD84161" i="1"/>
  <c r="AD84162" i="1"/>
  <c r="AD84163" i="1"/>
  <c r="AD84164" i="1"/>
  <c r="AD84165" i="1"/>
  <c r="AD84166" i="1"/>
  <c r="AD84167" i="1"/>
  <c r="AD84168" i="1"/>
  <c r="AD84169" i="1"/>
  <c r="AD84170" i="1"/>
  <c r="AD84171" i="1"/>
  <c r="AD84172" i="1"/>
  <c r="AD84173" i="1"/>
  <c r="AD84174" i="1"/>
  <c r="AD84175" i="1"/>
  <c r="AD84176" i="1"/>
  <c r="AD84177" i="1"/>
  <c r="AD84178" i="1"/>
  <c r="AD84179" i="1"/>
  <c r="AD84180" i="1"/>
  <c r="AD84181" i="1"/>
  <c r="AD84182" i="1"/>
  <c r="AD84183" i="1"/>
  <c r="AD84184" i="1"/>
  <c r="AD84185" i="1"/>
  <c r="AD84186" i="1"/>
  <c r="AD84187" i="1"/>
  <c r="AD84188" i="1"/>
  <c r="AD84189" i="1"/>
  <c r="AD84190" i="1"/>
  <c r="AD84191" i="1"/>
  <c r="AD84192" i="1"/>
  <c r="AD84193" i="1"/>
  <c r="AD84194" i="1"/>
  <c r="AD84195" i="1"/>
  <c r="AD84196" i="1"/>
  <c r="AD84197" i="1"/>
  <c r="AD84198" i="1"/>
  <c r="AD84199" i="1"/>
  <c r="AD84200" i="1"/>
  <c r="AD84201" i="1"/>
  <c r="AD84202" i="1"/>
  <c r="AD84203" i="1"/>
  <c r="AD84204" i="1"/>
  <c r="AD84205" i="1"/>
  <c r="AD84206" i="1"/>
  <c r="AD84207" i="1"/>
  <c r="AD84208" i="1"/>
  <c r="AD84209" i="1"/>
  <c r="AD84210" i="1"/>
  <c r="AD84211" i="1"/>
  <c r="AD84212" i="1"/>
  <c r="AD84213" i="1"/>
  <c r="AD84214" i="1"/>
  <c r="AD84215" i="1"/>
  <c r="AD84216" i="1"/>
  <c r="AD84217" i="1"/>
  <c r="AD84218" i="1"/>
  <c r="AD84219" i="1"/>
  <c r="AD84220" i="1"/>
  <c r="AD84221" i="1"/>
  <c r="AD84222" i="1"/>
  <c r="AD84223" i="1"/>
  <c r="AD84224" i="1"/>
  <c r="AD84225" i="1"/>
  <c r="AD84226" i="1"/>
  <c r="AD84227" i="1"/>
  <c r="AD84228" i="1"/>
  <c r="AD84229" i="1"/>
  <c r="AD84230" i="1"/>
  <c r="AD84231" i="1"/>
  <c r="AD84232" i="1"/>
  <c r="AD84233" i="1"/>
  <c r="AD84234" i="1"/>
  <c r="AD84235" i="1"/>
  <c r="AD84236" i="1"/>
  <c r="AD84237" i="1"/>
  <c r="AD84238" i="1"/>
  <c r="AD84239" i="1"/>
  <c r="AD84240" i="1"/>
  <c r="AD84241" i="1"/>
  <c r="AD84242" i="1"/>
  <c r="AD84243" i="1"/>
  <c r="AD84244" i="1"/>
  <c r="AD84245" i="1"/>
  <c r="AD84246" i="1"/>
  <c r="AD84247" i="1"/>
  <c r="AD84248" i="1"/>
  <c r="AD84249" i="1"/>
  <c r="AD84250" i="1"/>
  <c r="AD84251" i="1"/>
  <c r="AD84252" i="1"/>
  <c r="AD84253" i="1"/>
  <c r="AD84254" i="1"/>
  <c r="AD84255" i="1"/>
  <c r="AD84256" i="1"/>
  <c r="AD84257" i="1"/>
  <c r="AD84258" i="1"/>
  <c r="AD84259" i="1"/>
  <c r="AD84260" i="1"/>
  <c r="AD84261" i="1"/>
  <c r="AD84262" i="1"/>
  <c r="AD84263" i="1"/>
  <c r="AD84264" i="1"/>
  <c r="AD84265" i="1"/>
  <c r="AD84266" i="1"/>
  <c r="AD84267" i="1"/>
  <c r="AD84268" i="1"/>
  <c r="AD84269" i="1"/>
  <c r="AD84270" i="1"/>
  <c r="AD84271" i="1"/>
  <c r="AD84272" i="1"/>
  <c r="AD84273" i="1"/>
  <c r="AD84274" i="1"/>
  <c r="AD84275" i="1"/>
  <c r="AD84276" i="1"/>
  <c r="AD84277" i="1"/>
  <c r="AD84278" i="1"/>
  <c r="AD84279" i="1"/>
  <c r="AD84280" i="1"/>
  <c r="AD84281" i="1"/>
  <c r="AD84282" i="1"/>
  <c r="AD84283" i="1"/>
  <c r="AD84284" i="1"/>
  <c r="AD84285" i="1"/>
  <c r="AD84286" i="1"/>
  <c r="AD84287" i="1"/>
  <c r="AD84288" i="1"/>
  <c r="AD84289" i="1"/>
  <c r="AD84290" i="1"/>
  <c r="AD84291" i="1"/>
  <c r="AD84292" i="1"/>
  <c r="AD84293" i="1"/>
  <c r="AD84294" i="1"/>
  <c r="AD84295" i="1"/>
  <c r="AD84296" i="1"/>
  <c r="AD84297" i="1"/>
  <c r="AD84298" i="1"/>
  <c r="AD84299" i="1"/>
  <c r="AD84300" i="1"/>
  <c r="AD84301" i="1"/>
  <c r="AD84302" i="1"/>
  <c r="AD84303" i="1"/>
  <c r="AD84304" i="1"/>
  <c r="AD84305" i="1"/>
  <c r="AD84306" i="1"/>
  <c r="AD84307" i="1"/>
  <c r="AD84308" i="1"/>
  <c r="AD84309" i="1"/>
  <c r="AD84310" i="1"/>
  <c r="AD84311" i="1"/>
  <c r="AD84312" i="1"/>
  <c r="AD84313" i="1"/>
  <c r="AD84314" i="1"/>
  <c r="AD84315" i="1"/>
  <c r="AD84316" i="1"/>
  <c r="AD84317" i="1"/>
  <c r="AD84318" i="1"/>
  <c r="AD84319" i="1"/>
  <c r="AD84320" i="1"/>
  <c r="AD84321" i="1"/>
  <c r="AD84322" i="1"/>
  <c r="AD84323" i="1"/>
  <c r="AD84324" i="1"/>
  <c r="AD84325" i="1"/>
  <c r="AD84326" i="1"/>
  <c r="AD84327" i="1"/>
  <c r="AD84328" i="1"/>
  <c r="AD84329" i="1"/>
  <c r="AD84330" i="1"/>
  <c r="AD84331" i="1"/>
  <c r="AD84332" i="1"/>
  <c r="AD84333" i="1"/>
  <c r="AD84334" i="1"/>
  <c r="AD84335" i="1"/>
  <c r="AD84336" i="1"/>
  <c r="AD84337" i="1"/>
  <c r="AD84338" i="1"/>
  <c r="AD84339" i="1"/>
  <c r="AD84340" i="1"/>
  <c r="AD84341" i="1"/>
  <c r="AD84342" i="1"/>
  <c r="AD84343" i="1"/>
  <c r="AD84344" i="1"/>
  <c r="AD84345" i="1"/>
  <c r="AD84346" i="1"/>
  <c r="AD84347" i="1"/>
  <c r="AD84348" i="1"/>
  <c r="AD84349" i="1"/>
  <c r="AD84350" i="1"/>
  <c r="AD84351" i="1"/>
  <c r="AD84352" i="1"/>
  <c r="AD84353" i="1"/>
  <c r="AD84354" i="1"/>
  <c r="AD84355" i="1"/>
  <c r="AD84356" i="1"/>
  <c r="AD84357" i="1"/>
  <c r="AD84358" i="1"/>
  <c r="AD84359" i="1"/>
  <c r="AD84360" i="1"/>
  <c r="AD84361" i="1"/>
  <c r="AD84362" i="1"/>
  <c r="AD84363" i="1"/>
  <c r="AD84364" i="1"/>
  <c r="AD84365" i="1"/>
  <c r="AD84366" i="1"/>
  <c r="AD84367" i="1"/>
  <c r="AD84368" i="1"/>
  <c r="AD84369" i="1"/>
  <c r="AD84370" i="1"/>
  <c r="AD84371" i="1"/>
  <c r="AD84372" i="1"/>
  <c r="AD84373" i="1"/>
  <c r="AD84374" i="1"/>
  <c r="AD84375" i="1"/>
  <c r="AD84376" i="1"/>
  <c r="AD84377" i="1"/>
  <c r="AD84378" i="1"/>
  <c r="AD84379" i="1"/>
  <c r="AD84380" i="1"/>
  <c r="AD84381" i="1"/>
  <c r="AD84382" i="1"/>
  <c r="AD84383" i="1"/>
  <c r="AD84384" i="1"/>
  <c r="AD84385" i="1"/>
  <c r="AD84386" i="1"/>
  <c r="AD84387" i="1"/>
  <c r="AD84388" i="1"/>
  <c r="AD84389" i="1"/>
  <c r="AD84390" i="1"/>
  <c r="AD84391" i="1"/>
  <c r="AD84392" i="1"/>
  <c r="AD84393" i="1"/>
  <c r="AD84394" i="1"/>
  <c r="AD84395" i="1"/>
  <c r="AD84396" i="1"/>
  <c r="AD84397" i="1"/>
  <c r="AD84398" i="1"/>
  <c r="AD84399" i="1"/>
  <c r="AD84400" i="1"/>
  <c r="AD84401" i="1"/>
  <c r="AD84402" i="1"/>
  <c r="AD84403" i="1"/>
  <c r="AD84404" i="1"/>
  <c r="AD84405" i="1"/>
  <c r="AD84406" i="1"/>
  <c r="AD84407" i="1"/>
  <c r="AD84408" i="1"/>
  <c r="AD84409" i="1"/>
  <c r="AD84410" i="1"/>
  <c r="AD84411" i="1"/>
  <c r="AD84412" i="1"/>
  <c r="AD84413" i="1"/>
  <c r="AD84414" i="1"/>
  <c r="AD84415" i="1"/>
  <c r="AD84416" i="1"/>
  <c r="AD84417" i="1"/>
  <c r="AD84418" i="1"/>
  <c r="AD84419" i="1"/>
  <c r="AD84420" i="1"/>
  <c r="AD84421" i="1"/>
  <c r="AD84422" i="1"/>
  <c r="AD84423" i="1"/>
  <c r="AD84424" i="1"/>
  <c r="AD84425" i="1"/>
  <c r="AD84426" i="1"/>
  <c r="AD84427" i="1"/>
  <c r="AD84428" i="1"/>
  <c r="AD84429" i="1"/>
  <c r="AD84430" i="1"/>
  <c r="AD84431" i="1"/>
  <c r="AD84432" i="1"/>
  <c r="AD84433" i="1"/>
  <c r="AD84434" i="1"/>
  <c r="AD84435" i="1"/>
  <c r="AD84436" i="1"/>
  <c r="AD84437" i="1"/>
  <c r="AD84438" i="1"/>
  <c r="AD84439" i="1"/>
  <c r="AD84440" i="1"/>
  <c r="AD84441" i="1"/>
  <c r="AD84442" i="1"/>
  <c r="AD84443" i="1"/>
  <c r="AD84444" i="1"/>
  <c r="AD84445" i="1"/>
  <c r="AD84446" i="1"/>
  <c r="AD84447" i="1"/>
  <c r="AD84448" i="1"/>
  <c r="AD84449" i="1"/>
  <c r="AD84450" i="1"/>
  <c r="AD84451" i="1"/>
  <c r="AD84452" i="1"/>
  <c r="AD84453" i="1"/>
  <c r="AD84454" i="1"/>
  <c r="AD84455" i="1"/>
  <c r="AD84456" i="1"/>
  <c r="AD84457" i="1"/>
  <c r="AD84458" i="1"/>
  <c r="AD84459" i="1"/>
  <c r="AD84460" i="1"/>
  <c r="AD84461" i="1"/>
  <c r="AD84462" i="1"/>
  <c r="AD84463" i="1"/>
  <c r="AD84464" i="1"/>
  <c r="AD84465" i="1"/>
  <c r="AD84466" i="1"/>
  <c r="AD84467" i="1"/>
  <c r="AD84468" i="1"/>
  <c r="AD84469" i="1"/>
  <c r="AD84470" i="1"/>
  <c r="AD84471" i="1"/>
  <c r="AD84472" i="1"/>
  <c r="AD84473" i="1"/>
  <c r="AD84474" i="1"/>
  <c r="AD84475" i="1"/>
  <c r="AD84476" i="1"/>
  <c r="AD84477" i="1"/>
  <c r="AD84478" i="1"/>
  <c r="AD84479" i="1"/>
  <c r="AD84480" i="1"/>
  <c r="AD84481" i="1"/>
  <c r="AD84482" i="1"/>
  <c r="AD84483" i="1"/>
  <c r="AD84484" i="1"/>
  <c r="AD84485" i="1"/>
  <c r="AD84486" i="1"/>
  <c r="AD84487" i="1"/>
  <c r="AD84488" i="1"/>
  <c r="AD84489" i="1"/>
  <c r="AD84490" i="1"/>
  <c r="AD84491" i="1"/>
  <c r="AD84492" i="1"/>
  <c r="AD84493" i="1"/>
  <c r="AD84494" i="1"/>
  <c r="AD84495" i="1"/>
  <c r="AD84496" i="1"/>
  <c r="AD84497" i="1"/>
  <c r="AD84498" i="1"/>
  <c r="AD84499" i="1"/>
  <c r="AD84500" i="1"/>
  <c r="AD84501" i="1"/>
  <c r="AD84502" i="1"/>
  <c r="AD84503" i="1"/>
  <c r="AD84504" i="1"/>
  <c r="AD84505" i="1"/>
  <c r="AD84506" i="1"/>
  <c r="AD84507" i="1"/>
  <c r="AD84508" i="1"/>
  <c r="AD84509" i="1"/>
  <c r="AD84510" i="1"/>
  <c r="AD84511" i="1"/>
  <c r="AD84512" i="1"/>
  <c r="AD84513" i="1"/>
  <c r="AD84514" i="1"/>
  <c r="AD84515" i="1"/>
  <c r="AD84516" i="1"/>
  <c r="AD84517" i="1"/>
  <c r="AD84518" i="1"/>
  <c r="AD84519" i="1"/>
  <c r="AD84520" i="1"/>
  <c r="AD84521" i="1"/>
  <c r="AD84522" i="1"/>
  <c r="AD84523" i="1"/>
  <c r="AD84524" i="1"/>
  <c r="AD84525" i="1"/>
  <c r="AD84526" i="1"/>
  <c r="AD84527" i="1"/>
  <c r="AD84528" i="1"/>
  <c r="AD84529" i="1"/>
  <c r="AD84530" i="1"/>
  <c r="AD84531" i="1"/>
  <c r="AD84532" i="1"/>
  <c r="AD84533" i="1"/>
  <c r="AD84534" i="1"/>
  <c r="AD84535" i="1"/>
  <c r="AD84536" i="1"/>
  <c r="AD84537" i="1"/>
  <c r="AD84538" i="1"/>
  <c r="AD84539" i="1"/>
  <c r="AD84540" i="1"/>
  <c r="AD84541" i="1"/>
  <c r="AD84542" i="1"/>
  <c r="AD84543" i="1"/>
  <c r="AD84544" i="1"/>
  <c r="AD84545" i="1"/>
  <c r="AD84546" i="1"/>
  <c r="AD84547" i="1"/>
  <c r="AD84548" i="1"/>
  <c r="AD84549" i="1"/>
  <c r="AD84550" i="1"/>
  <c r="AD84551" i="1"/>
  <c r="AD84552" i="1"/>
  <c r="AD84553" i="1"/>
  <c r="AD84554" i="1"/>
  <c r="AD84555" i="1"/>
  <c r="AD84556" i="1"/>
  <c r="AD84557" i="1"/>
  <c r="AD84558" i="1"/>
  <c r="AD84559" i="1"/>
  <c r="AD84560" i="1"/>
  <c r="AD84561" i="1"/>
  <c r="AD84562" i="1"/>
  <c r="AD84563" i="1"/>
  <c r="AD84564" i="1"/>
  <c r="AD84565" i="1"/>
  <c r="AD84566" i="1"/>
  <c r="AD84567" i="1"/>
  <c r="AD84568" i="1"/>
  <c r="AD84569" i="1"/>
  <c r="AD84570" i="1"/>
  <c r="AD84571" i="1"/>
  <c r="AD84572" i="1"/>
  <c r="AD84573" i="1"/>
  <c r="AD84574" i="1"/>
  <c r="AD84575" i="1"/>
  <c r="AD84576" i="1"/>
  <c r="AD84577" i="1"/>
  <c r="AD84578" i="1"/>
  <c r="AD84579" i="1"/>
  <c r="AD84580" i="1"/>
  <c r="AD84581" i="1"/>
  <c r="AD84582" i="1"/>
  <c r="AD84583" i="1"/>
  <c r="AD84584" i="1"/>
  <c r="AD84585" i="1"/>
  <c r="AD84586" i="1"/>
  <c r="AD84587" i="1"/>
  <c r="AD84588" i="1"/>
  <c r="AD84589" i="1"/>
  <c r="AD84590" i="1"/>
  <c r="AD84591" i="1"/>
  <c r="AD84592" i="1"/>
  <c r="AD84593" i="1"/>
  <c r="AD84594" i="1"/>
  <c r="AD84595" i="1"/>
  <c r="AD84596" i="1"/>
  <c r="AD84597" i="1"/>
  <c r="AD84598" i="1"/>
  <c r="AD84599" i="1"/>
  <c r="AD84600" i="1"/>
  <c r="AD84601" i="1"/>
  <c r="AD84602" i="1"/>
  <c r="AD84603" i="1"/>
  <c r="AD84604" i="1"/>
  <c r="AD84605" i="1"/>
  <c r="AD84606" i="1"/>
  <c r="AD84607" i="1"/>
  <c r="AD84608" i="1"/>
  <c r="AD84609" i="1"/>
  <c r="AD84610" i="1"/>
  <c r="AD84611" i="1"/>
  <c r="AD84612" i="1"/>
  <c r="AD84613" i="1"/>
  <c r="AD84614" i="1"/>
  <c r="AD84615" i="1"/>
  <c r="AD84616" i="1"/>
  <c r="AD84617" i="1"/>
  <c r="AD84618" i="1"/>
  <c r="AD84619" i="1"/>
  <c r="AD84620" i="1"/>
  <c r="AD84621" i="1"/>
  <c r="AD84622" i="1"/>
  <c r="AD84623" i="1"/>
  <c r="AD84624" i="1"/>
  <c r="AD84625" i="1"/>
  <c r="AD84626" i="1"/>
  <c r="AD84627" i="1"/>
  <c r="AD84628" i="1"/>
  <c r="AD84629" i="1"/>
  <c r="AD84630" i="1"/>
  <c r="AD84631" i="1"/>
  <c r="AD84632" i="1"/>
  <c r="AD84633" i="1"/>
  <c r="AD84634" i="1"/>
  <c r="AD84635" i="1"/>
  <c r="AD84636" i="1"/>
  <c r="AD84637" i="1"/>
  <c r="AD84638" i="1"/>
  <c r="AD84639" i="1"/>
  <c r="AD84640" i="1"/>
  <c r="AD84641" i="1"/>
  <c r="AD84642" i="1"/>
  <c r="AD84643" i="1"/>
  <c r="AD84644" i="1"/>
  <c r="AD84645" i="1"/>
  <c r="AD84646" i="1"/>
  <c r="AD84647" i="1"/>
  <c r="AD84648" i="1"/>
  <c r="AD84649" i="1"/>
  <c r="AD84650" i="1"/>
  <c r="AD84651" i="1"/>
  <c r="AD84652" i="1"/>
  <c r="AD84653" i="1"/>
  <c r="AD84654" i="1"/>
  <c r="AD84655" i="1"/>
  <c r="AD84656" i="1"/>
  <c r="AD84657" i="1"/>
  <c r="AD84658" i="1"/>
  <c r="AD84659" i="1"/>
  <c r="AD84660" i="1"/>
  <c r="AD84661" i="1"/>
  <c r="AD84662" i="1"/>
  <c r="AD84663" i="1"/>
  <c r="AD84664" i="1"/>
  <c r="AD84665" i="1"/>
  <c r="AD84666" i="1"/>
  <c r="AD84667" i="1"/>
  <c r="AD84668" i="1"/>
  <c r="AD84669" i="1"/>
  <c r="AD84670" i="1"/>
  <c r="AD84671" i="1"/>
  <c r="AD84672" i="1"/>
  <c r="AD84673" i="1"/>
  <c r="AD84674" i="1"/>
  <c r="AD84675" i="1"/>
  <c r="AD84676" i="1"/>
  <c r="AD84677" i="1"/>
  <c r="AD84678" i="1"/>
  <c r="AD84679" i="1"/>
  <c r="AD84680" i="1"/>
  <c r="AD84681" i="1"/>
  <c r="AD84682" i="1"/>
  <c r="AD84683" i="1"/>
  <c r="AD84684" i="1"/>
  <c r="AD84685" i="1"/>
  <c r="AD84686" i="1"/>
  <c r="AD84687" i="1"/>
  <c r="AD84688" i="1"/>
  <c r="AD84689" i="1"/>
  <c r="AD84690" i="1"/>
  <c r="AD84691" i="1"/>
  <c r="AD84692" i="1"/>
  <c r="AD84693" i="1"/>
  <c r="AD84694" i="1"/>
  <c r="AD84695" i="1"/>
  <c r="AD84696" i="1"/>
  <c r="AD84697" i="1"/>
  <c r="AD84698" i="1"/>
  <c r="AD84699" i="1"/>
  <c r="AD84700" i="1"/>
  <c r="AD84701" i="1"/>
  <c r="AD84702" i="1"/>
  <c r="AD84703" i="1"/>
  <c r="AD84704" i="1"/>
  <c r="AD84705" i="1"/>
  <c r="AD84706" i="1"/>
  <c r="AD84707" i="1"/>
  <c r="AD84708" i="1"/>
  <c r="AD84709" i="1"/>
  <c r="AD84710" i="1"/>
  <c r="AD84711" i="1"/>
  <c r="AD84712" i="1"/>
  <c r="AD84713" i="1"/>
  <c r="AD84714" i="1"/>
  <c r="AD84715" i="1"/>
  <c r="AD84716" i="1"/>
  <c r="AD84717" i="1"/>
  <c r="AD84718" i="1"/>
  <c r="AD84719" i="1"/>
  <c r="AD84720" i="1"/>
  <c r="AD84721" i="1"/>
  <c r="AD84722" i="1"/>
  <c r="AD84723" i="1"/>
  <c r="AD84724" i="1"/>
  <c r="AD84725" i="1"/>
  <c r="AD84726" i="1"/>
  <c r="AD84727" i="1"/>
  <c r="AD84728" i="1"/>
  <c r="AD84729" i="1"/>
  <c r="AD84730" i="1"/>
  <c r="AD84731" i="1"/>
  <c r="AD84732" i="1"/>
  <c r="AD84733" i="1"/>
  <c r="AD84734" i="1"/>
  <c r="AD84735" i="1"/>
  <c r="AD84736" i="1"/>
  <c r="AD84737" i="1"/>
  <c r="AD84738" i="1"/>
  <c r="AD84739" i="1"/>
  <c r="AD84740" i="1"/>
  <c r="AD84741" i="1"/>
  <c r="AD84742" i="1"/>
  <c r="AD84743" i="1"/>
  <c r="AD84744" i="1"/>
  <c r="AD84745" i="1"/>
  <c r="AD84746" i="1"/>
  <c r="AD84747" i="1"/>
  <c r="AD84748" i="1"/>
  <c r="AD84749" i="1"/>
  <c r="AD84750" i="1"/>
  <c r="AD84751" i="1"/>
  <c r="AD84752" i="1"/>
  <c r="AD84753" i="1"/>
  <c r="AD84754" i="1"/>
  <c r="AD84755" i="1"/>
  <c r="AD84756" i="1"/>
  <c r="AD84757" i="1"/>
  <c r="AD84758" i="1"/>
  <c r="AD84759" i="1"/>
  <c r="AD84760" i="1"/>
  <c r="AD84761" i="1"/>
  <c r="AD84762" i="1"/>
  <c r="AD84763" i="1"/>
  <c r="AD84764" i="1"/>
  <c r="AD84765" i="1"/>
  <c r="AD84766" i="1"/>
  <c r="AD84767" i="1"/>
  <c r="AD84768" i="1"/>
  <c r="AD84769" i="1"/>
  <c r="AD84770" i="1"/>
  <c r="AD84771" i="1"/>
  <c r="AD84772" i="1"/>
  <c r="AD84773" i="1"/>
  <c r="AD84774" i="1"/>
  <c r="AD84775" i="1"/>
  <c r="AD84776" i="1"/>
  <c r="AD84777" i="1"/>
  <c r="AD84778" i="1"/>
  <c r="AD84779" i="1"/>
  <c r="AD84780" i="1"/>
  <c r="AD84781" i="1"/>
  <c r="AD84782" i="1"/>
  <c r="AD84783" i="1"/>
  <c r="AD84784" i="1"/>
  <c r="AD84785" i="1"/>
  <c r="AD84786" i="1"/>
  <c r="AD84787" i="1"/>
  <c r="AD84788" i="1"/>
  <c r="AD84789" i="1"/>
  <c r="AD84790" i="1"/>
  <c r="AD84791" i="1"/>
  <c r="AD84792" i="1"/>
  <c r="AD84793" i="1"/>
  <c r="AD84794" i="1"/>
  <c r="AD84795" i="1"/>
  <c r="AD84796" i="1"/>
  <c r="AD84797" i="1"/>
  <c r="AD84798" i="1"/>
  <c r="AD84799" i="1"/>
  <c r="AD84800" i="1"/>
  <c r="AD84801" i="1"/>
  <c r="AD84802" i="1"/>
  <c r="AD84803" i="1"/>
  <c r="AD84804" i="1"/>
  <c r="AD84805" i="1"/>
  <c r="AD84806" i="1"/>
  <c r="AD84807" i="1"/>
  <c r="AD84808" i="1"/>
  <c r="AD84809" i="1"/>
  <c r="AD84810" i="1"/>
  <c r="AD84811" i="1"/>
  <c r="AD84812" i="1"/>
  <c r="AD84813" i="1"/>
  <c r="AD84814" i="1"/>
  <c r="AD84815" i="1"/>
  <c r="AD84816" i="1"/>
  <c r="AD84817" i="1"/>
  <c r="AD84818" i="1"/>
  <c r="AD84819" i="1"/>
  <c r="AD84820" i="1"/>
  <c r="AD84821" i="1"/>
  <c r="AD84822" i="1"/>
  <c r="AD84823" i="1"/>
  <c r="AD84824" i="1"/>
  <c r="AD84825" i="1"/>
  <c r="AD84826" i="1"/>
  <c r="AD84827" i="1"/>
  <c r="AD84828" i="1"/>
  <c r="AD84829" i="1"/>
  <c r="AD84830" i="1"/>
  <c r="AD84831" i="1"/>
  <c r="AD84832" i="1"/>
  <c r="AD84833" i="1"/>
  <c r="AD84834" i="1"/>
  <c r="AD84835" i="1"/>
  <c r="AD84836" i="1"/>
  <c r="AD84837" i="1"/>
  <c r="AD84838" i="1"/>
  <c r="AD84839" i="1"/>
  <c r="AD84840" i="1"/>
  <c r="AD84841" i="1"/>
  <c r="AD84842" i="1"/>
  <c r="AD84843" i="1"/>
  <c r="AD84844" i="1"/>
  <c r="AD84845" i="1"/>
  <c r="AD84846" i="1"/>
  <c r="AD84847" i="1"/>
  <c r="AD84848" i="1"/>
  <c r="AD84849" i="1"/>
  <c r="AD84850" i="1"/>
  <c r="AD84851" i="1"/>
  <c r="AD84852" i="1"/>
  <c r="AD84853" i="1"/>
  <c r="AD84854" i="1"/>
  <c r="AD84855" i="1"/>
  <c r="AD84856" i="1"/>
  <c r="AD84857" i="1"/>
  <c r="AD84858" i="1"/>
  <c r="AD84859" i="1"/>
  <c r="AD84860" i="1"/>
  <c r="AD84861" i="1"/>
  <c r="AD84862" i="1"/>
  <c r="AD84863" i="1"/>
  <c r="AD84864" i="1"/>
  <c r="AD84865" i="1"/>
  <c r="AD84866" i="1"/>
  <c r="AD84867" i="1"/>
  <c r="AD84868" i="1"/>
  <c r="AD84869" i="1"/>
  <c r="AD84870" i="1"/>
  <c r="AD84871" i="1"/>
  <c r="AD84872" i="1"/>
  <c r="AD84873" i="1"/>
  <c r="AD84874" i="1"/>
  <c r="AD84875" i="1"/>
  <c r="AD84876" i="1"/>
  <c r="AD84877" i="1"/>
  <c r="AD84878" i="1"/>
  <c r="AD84879" i="1"/>
  <c r="AD84880" i="1"/>
  <c r="AD84881" i="1"/>
  <c r="AD84882" i="1"/>
  <c r="AD84883" i="1"/>
  <c r="AD84884" i="1"/>
  <c r="AD84885" i="1"/>
  <c r="AD84886" i="1"/>
  <c r="AD84887" i="1"/>
  <c r="AD84888" i="1"/>
  <c r="AD84889" i="1"/>
  <c r="AD84890" i="1"/>
  <c r="AD84891" i="1"/>
  <c r="AD84892" i="1"/>
  <c r="AD84893" i="1"/>
  <c r="AD84894" i="1"/>
  <c r="AD84895" i="1"/>
  <c r="AD84896" i="1"/>
  <c r="AD84897" i="1"/>
  <c r="AD84898" i="1"/>
  <c r="AD84899" i="1"/>
  <c r="AD84900" i="1"/>
  <c r="AD84901" i="1"/>
  <c r="AD84902" i="1"/>
  <c r="AD84903" i="1"/>
  <c r="AD84904" i="1"/>
  <c r="AD84905" i="1"/>
  <c r="AD84906" i="1"/>
  <c r="AD84907" i="1"/>
  <c r="AD84908" i="1"/>
  <c r="AD84909" i="1"/>
  <c r="AD84910" i="1"/>
  <c r="AD84911" i="1"/>
  <c r="AD84912" i="1"/>
  <c r="AD84913" i="1"/>
  <c r="AD84914" i="1"/>
  <c r="AD84915" i="1"/>
  <c r="AD84916" i="1"/>
  <c r="AD84917" i="1"/>
  <c r="AD84918" i="1"/>
  <c r="AD84919" i="1"/>
  <c r="AD84920" i="1"/>
  <c r="AD84921" i="1"/>
  <c r="AD84922" i="1"/>
  <c r="AD84923" i="1"/>
  <c r="AD84924" i="1"/>
  <c r="AD84925" i="1"/>
  <c r="AD84926" i="1"/>
  <c r="AD84927" i="1"/>
  <c r="AD84928" i="1"/>
  <c r="AD84929" i="1"/>
  <c r="AD84930" i="1"/>
  <c r="AD84931" i="1"/>
  <c r="AD84932" i="1"/>
  <c r="AD84933" i="1"/>
  <c r="AD84934" i="1"/>
  <c r="AD84935" i="1"/>
  <c r="AD84936" i="1"/>
  <c r="AD84937" i="1"/>
  <c r="AD84938" i="1"/>
  <c r="AD84939" i="1"/>
  <c r="AD84940" i="1"/>
  <c r="AD84941" i="1"/>
  <c r="AD84942" i="1"/>
  <c r="AD84943" i="1"/>
  <c r="AD84944" i="1"/>
  <c r="AD84945" i="1"/>
  <c r="AD84946" i="1"/>
  <c r="AD84947" i="1"/>
  <c r="AD84948" i="1"/>
  <c r="AD84949" i="1"/>
  <c r="AD84950" i="1"/>
  <c r="AD84951" i="1"/>
  <c r="AD84952" i="1"/>
  <c r="AD84953" i="1"/>
  <c r="AD84954" i="1"/>
  <c r="AD84955" i="1"/>
  <c r="AD84956" i="1"/>
  <c r="AD84957" i="1"/>
  <c r="AD84958" i="1"/>
  <c r="AD84959" i="1"/>
  <c r="AD84960" i="1"/>
  <c r="AD84961" i="1"/>
  <c r="AD84962" i="1"/>
  <c r="AD84963" i="1"/>
  <c r="AD84964" i="1"/>
  <c r="AD84965" i="1"/>
  <c r="AD84966" i="1"/>
  <c r="AD84967" i="1"/>
  <c r="AD84968" i="1"/>
  <c r="AD84969" i="1"/>
  <c r="AD84970" i="1"/>
  <c r="AD84971" i="1"/>
  <c r="AD84972" i="1"/>
  <c r="AD84973" i="1"/>
  <c r="AD84974" i="1"/>
  <c r="AD84975" i="1"/>
  <c r="AD84976" i="1"/>
  <c r="AD84977" i="1"/>
  <c r="AD84978" i="1"/>
  <c r="AD84979" i="1"/>
  <c r="AD84980" i="1"/>
  <c r="AD84981" i="1"/>
  <c r="AD84982" i="1"/>
  <c r="AD84983" i="1"/>
  <c r="AD84984" i="1"/>
  <c r="AD84985" i="1"/>
  <c r="AD84986" i="1"/>
  <c r="AD84987" i="1"/>
  <c r="AD84988" i="1"/>
  <c r="AD84989" i="1"/>
  <c r="AD84990" i="1"/>
  <c r="AD84991" i="1"/>
  <c r="AD84992" i="1"/>
  <c r="AD84993" i="1"/>
  <c r="AD84994" i="1"/>
  <c r="AD84995" i="1"/>
  <c r="AD84996" i="1"/>
  <c r="AD84997" i="1"/>
  <c r="AD84998" i="1"/>
  <c r="AD84999" i="1"/>
  <c r="AD85000" i="1"/>
  <c r="AD85001" i="1"/>
  <c r="AD85002" i="1"/>
  <c r="AD85003" i="1"/>
  <c r="AD85004" i="1"/>
  <c r="AD85005" i="1"/>
  <c r="AD85006" i="1"/>
  <c r="AD85007" i="1"/>
  <c r="AD85008" i="1"/>
  <c r="AD85009" i="1"/>
  <c r="AD85010" i="1"/>
  <c r="AD85011" i="1"/>
  <c r="AD85012" i="1"/>
  <c r="AD85013" i="1"/>
  <c r="AD85014" i="1"/>
  <c r="AD85015" i="1"/>
  <c r="AD85016" i="1"/>
  <c r="AD85017" i="1"/>
  <c r="AD85018" i="1"/>
  <c r="AD85019" i="1"/>
  <c r="AD85020" i="1"/>
  <c r="AD85021" i="1"/>
  <c r="AD85022" i="1"/>
  <c r="AD85023" i="1"/>
  <c r="AD85024" i="1"/>
  <c r="AD85025" i="1"/>
  <c r="AD85026" i="1"/>
  <c r="AD85027" i="1"/>
  <c r="AD85028" i="1"/>
  <c r="AD85029" i="1"/>
  <c r="AD85030" i="1"/>
  <c r="AD85031" i="1"/>
  <c r="AD85032" i="1"/>
  <c r="AD85033" i="1"/>
  <c r="AD85034" i="1"/>
  <c r="AD85035" i="1"/>
  <c r="AD85036" i="1"/>
  <c r="AD85037" i="1"/>
  <c r="AD85038" i="1"/>
  <c r="AD85039" i="1"/>
  <c r="AD85040" i="1"/>
  <c r="AD85041" i="1"/>
  <c r="AD85042" i="1"/>
  <c r="AD85043" i="1"/>
  <c r="AD85044" i="1"/>
  <c r="AD85045" i="1"/>
  <c r="AD85046" i="1"/>
  <c r="AD85047" i="1"/>
  <c r="AD85048" i="1"/>
  <c r="AD85049" i="1"/>
  <c r="AD85050" i="1"/>
  <c r="AD85051" i="1"/>
  <c r="AD85052" i="1"/>
  <c r="AD85053" i="1"/>
  <c r="AD85054" i="1"/>
  <c r="AD85055" i="1"/>
  <c r="AD85056" i="1"/>
  <c r="AD85057" i="1"/>
  <c r="AD85058" i="1"/>
  <c r="AD85059" i="1"/>
  <c r="AD85060" i="1"/>
  <c r="AD85061" i="1"/>
  <c r="AD85062" i="1"/>
  <c r="AD85063" i="1"/>
  <c r="AD85064" i="1"/>
  <c r="AD85065" i="1"/>
  <c r="AD85066" i="1"/>
  <c r="AD85067" i="1"/>
  <c r="AD85068" i="1"/>
  <c r="AD85069" i="1"/>
  <c r="AD85070" i="1"/>
  <c r="AD85071" i="1"/>
  <c r="AD85072" i="1"/>
  <c r="AD85073" i="1"/>
  <c r="AD85074" i="1"/>
  <c r="AD85075" i="1"/>
  <c r="AD85076" i="1"/>
  <c r="AD85077" i="1"/>
  <c r="AD85078" i="1"/>
  <c r="AD85079" i="1"/>
  <c r="AD85080" i="1"/>
  <c r="AD85081" i="1"/>
  <c r="AD85082" i="1"/>
  <c r="AD85083" i="1"/>
  <c r="AD85084" i="1"/>
  <c r="AD85085" i="1"/>
  <c r="AD85086" i="1"/>
  <c r="AD85087" i="1"/>
  <c r="AD85088" i="1"/>
  <c r="AD85089" i="1"/>
  <c r="AD85090" i="1"/>
  <c r="AD85091" i="1"/>
  <c r="AD85092" i="1"/>
  <c r="AD85093" i="1"/>
  <c r="AD85094" i="1"/>
  <c r="AD85095" i="1"/>
  <c r="AD85096" i="1"/>
  <c r="AD85097" i="1"/>
  <c r="AD85098" i="1"/>
  <c r="AD85099" i="1"/>
  <c r="AD85100" i="1"/>
  <c r="AD85101" i="1"/>
  <c r="AD85102" i="1"/>
  <c r="AD85103" i="1"/>
  <c r="AD85104" i="1"/>
  <c r="AD85105" i="1"/>
  <c r="AD85106" i="1"/>
  <c r="AD85107" i="1"/>
  <c r="AD85108" i="1"/>
  <c r="AD85109" i="1"/>
  <c r="AD85110" i="1"/>
  <c r="AD85111" i="1"/>
  <c r="AD85112" i="1"/>
  <c r="AD85113" i="1"/>
  <c r="AD85114" i="1"/>
  <c r="AD85115" i="1"/>
  <c r="AD85116" i="1"/>
  <c r="AD85117" i="1"/>
  <c r="AD85118" i="1"/>
  <c r="AD85119" i="1"/>
  <c r="AD85120" i="1"/>
  <c r="AD85121" i="1"/>
  <c r="AD85122" i="1"/>
  <c r="AD85123" i="1"/>
  <c r="AD85124" i="1"/>
  <c r="AD85125" i="1"/>
  <c r="AD85126" i="1"/>
  <c r="AD85127" i="1"/>
  <c r="AD85128" i="1"/>
  <c r="AD85129" i="1"/>
  <c r="AD85130" i="1"/>
  <c r="AD85131" i="1"/>
  <c r="AD85132" i="1"/>
  <c r="AD85133" i="1"/>
  <c r="AD85134" i="1"/>
  <c r="AD85135" i="1"/>
  <c r="AD85136" i="1"/>
  <c r="AD85137" i="1"/>
  <c r="AD85138" i="1"/>
  <c r="AD85139" i="1"/>
  <c r="AD85140" i="1"/>
  <c r="AD85141" i="1"/>
  <c r="AD85142" i="1"/>
  <c r="AD85143" i="1"/>
  <c r="AD85144" i="1"/>
  <c r="AD85145" i="1"/>
  <c r="AD85146" i="1"/>
  <c r="AD85147" i="1"/>
  <c r="AD85148" i="1"/>
  <c r="AD85149" i="1"/>
  <c r="AD85150" i="1"/>
  <c r="AD85151" i="1"/>
  <c r="AD85152" i="1"/>
  <c r="AD85153" i="1"/>
  <c r="AD85154" i="1"/>
  <c r="AD85155" i="1"/>
  <c r="AD85156" i="1"/>
  <c r="AD85157" i="1"/>
  <c r="AD85158" i="1"/>
  <c r="AD85159" i="1"/>
  <c r="AD85160" i="1"/>
  <c r="AD85161" i="1"/>
  <c r="AD85162" i="1"/>
  <c r="AD85163" i="1"/>
  <c r="AD85164" i="1"/>
  <c r="AD85165" i="1"/>
  <c r="AD85166" i="1"/>
  <c r="AD85167" i="1"/>
  <c r="AD85168" i="1"/>
  <c r="AD85169" i="1"/>
  <c r="AD85170" i="1"/>
  <c r="AD85171" i="1"/>
  <c r="AD85172" i="1"/>
  <c r="AD85173" i="1"/>
  <c r="AD85174" i="1"/>
  <c r="AD85175" i="1"/>
  <c r="AD85176" i="1"/>
  <c r="AD85177" i="1"/>
  <c r="AD85178" i="1"/>
  <c r="AD85179" i="1"/>
  <c r="AD85180" i="1"/>
  <c r="AD85181" i="1"/>
  <c r="AD85182" i="1"/>
  <c r="AD85183" i="1"/>
  <c r="AD85184" i="1"/>
  <c r="AD85185" i="1"/>
  <c r="AD85186" i="1"/>
  <c r="AD85187" i="1"/>
  <c r="AD85188" i="1"/>
  <c r="AD85189" i="1"/>
  <c r="AD85190" i="1"/>
  <c r="AD85191" i="1"/>
  <c r="AD85192" i="1"/>
  <c r="AD85193" i="1"/>
  <c r="AD85194" i="1"/>
  <c r="AD85195" i="1"/>
  <c r="AD85196" i="1"/>
  <c r="AD85197" i="1"/>
  <c r="AD85198" i="1"/>
  <c r="AD85199" i="1"/>
  <c r="AD85200" i="1"/>
  <c r="AD85201" i="1"/>
  <c r="AD85202" i="1"/>
  <c r="AD85203" i="1"/>
  <c r="AD85204" i="1"/>
  <c r="AD85205" i="1"/>
  <c r="AD85206" i="1"/>
  <c r="AD85207" i="1"/>
  <c r="AD85208" i="1"/>
  <c r="AD85209" i="1"/>
  <c r="AD85210" i="1"/>
  <c r="AD85211" i="1"/>
  <c r="AD85212" i="1"/>
  <c r="AD85213" i="1"/>
  <c r="AD85214" i="1"/>
  <c r="AD85215" i="1"/>
  <c r="AD85216" i="1"/>
  <c r="AD85217" i="1"/>
  <c r="AD85218" i="1"/>
  <c r="AD85219" i="1"/>
  <c r="AD85220" i="1"/>
  <c r="AD85221" i="1"/>
  <c r="AD85222" i="1"/>
  <c r="AD85223" i="1"/>
  <c r="AD85224" i="1"/>
  <c r="AD85225" i="1"/>
  <c r="AD85226" i="1"/>
  <c r="AD85227" i="1"/>
  <c r="AD85228" i="1"/>
  <c r="AD85229" i="1"/>
  <c r="AD85230" i="1"/>
  <c r="AD85231" i="1"/>
  <c r="AD85232" i="1"/>
  <c r="AD85233" i="1"/>
  <c r="AD85234" i="1"/>
  <c r="AD85235" i="1"/>
  <c r="AD85236" i="1"/>
  <c r="AD85237" i="1"/>
  <c r="AD85238" i="1"/>
  <c r="AD85239" i="1"/>
  <c r="AD85240" i="1"/>
  <c r="AD85241" i="1"/>
  <c r="AD85242" i="1"/>
  <c r="AD85243" i="1"/>
  <c r="AD85244" i="1"/>
  <c r="AD85245" i="1"/>
  <c r="AD85246" i="1"/>
  <c r="AD85247" i="1"/>
  <c r="AD85248" i="1"/>
  <c r="AD85249" i="1"/>
  <c r="AD85250" i="1"/>
  <c r="AD85251" i="1"/>
  <c r="AD85252" i="1"/>
  <c r="AD85253" i="1"/>
  <c r="AD85254" i="1"/>
  <c r="AD85255" i="1"/>
  <c r="AD85256" i="1"/>
  <c r="AD85257" i="1"/>
  <c r="AD85258" i="1"/>
  <c r="AD85259" i="1"/>
  <c r="AD85260" i="1"/>
  <c r="AD85261" i="1"/>
  <c r="AD85262" i="1"/>
  <c r="AD85263" i="1"/>
  <c r="AD85264" i="1"/>
  <c r="AD85265" i="1"/>
  <c r="AD85266" i="1"/>
  <c r="AD85267" i="1"/>
  <c r="AD85268" i="1"/>
  <c r="AD85269" i="1"/>
  <c r="AD85270" i="1"/>
  <c r="AD85271" i="1"/>
  <c r="AD85272" i="1"/>
  <c r="AD85273" i="1"/>
  <c r="AD85274" i="1"/>
  <c r="AD85275" i="1"/>
  <c r="AD85276" i="1"/>
  <c r="AD85277" i="1"/>
  <c r="AD85278" i="1"/>
  <c r="AD85279" i="1"/>
  <c r="AD85280" i="1"/>
  <c r="AD85281" i="1"/>
  <c r="AD85282" i="1"/>
  <c r="AD85283" i="1"/>
  <c r="AD85284" i="1"/>
  <c r="AD85285" i="1"/>
  <c r="AD85286" i="1"/>
  <c r="AD85287" i="1"/>
  <c r="AD85288" i="1"/>
  <c r="AD85289" i="1"/>
  <c r="AD85290" i="1"/>
  <c r="AD85291" i="1"/>
  <c r="AD85292" i="1"/>
  <c r="AD85293" i="1"/>
  <c r="AD85294" i="1"/>
  <c r="AD85295" i="1"/>
  <c r="AD85296" i="1"/>
  <c r="AD85297" i="1"/>
  <c r="AD85298" i="1"/>
  <c r="AD85299" i="1"/>
  <c r="AD85300" i="1"/>
  <c r="AD85301" i="1"/>
  <c r="AD85302" i="1"/>
  <c r="AD85303" i="1"/>
  <c r="AD85304" i="1"/>
  <c r="AD85305" i="1"/>
  <c r="AD85306" i="1"/>
  <c r="AD85307" i="1"/>
  <c r="AD85308" i="1"/>
  <c r="AD85309" i="1"/>
  <c r="AD85310" i="1"/>
  <c r="AD85311" i="1"/>
  <c r="AD85312" i="1"/>
  <c r="AD85313" i="1"/>
  <c r="AD85314" i="1"/>
  <c r="AD85315" i="1"/>
  <c r="AD85316" i="1"/>
  <c r="AD85317" i="1"/>
  <c r="AD85318" i="1"/>
  <c r="AD85319" i="1"/>
  <c r="AD85320" i="1"/>
  <c r="AD85321" i="1"/>
  <c r="AD85322" i="1"/>
  <c r="AD85323" i="1"/>
  <c r="AD85324" i="1"/>
  <c r="AD85325" i="1"/>
  <c r="AD85326" i="1"/>
  <c r="AD85327" i="1"/>
  <c r="AD85328" i="1"/>
  <c r="AD85329" i="1"/>
  <c r="AD85330" i="1"/>
  <c r="AD85331" i="1"/>
  <c r="AD85332" i="1"/>
  <c r="AD85333" i="1"/>
  <c r="AD85334" i="1"/>
  <c r="AD85335" i="1"/>
  <c r="AD85336" i="1"/>
  <c r="AD85337" i="1"/>
  <c r="AD85338" i="1"/>
  <c r="AD85339" i="1"/>
  <c r="AD85340" i="1"/>
  <c r="AD85341" i="1"/>
  <c r="AD85342" i="1"/>
  <c r="AD85343" i="1"/>
  <c r="AD85344" i="1"/>
  <c r="AD85345" i="1"/>
  <c r="AD85346" i="1"/>
  <c r="AD85347" i="1"/>
  <c r="AD85348" i="1"/>
  <c r="AD85349" i="1"/>
  <c r="AD85350" i="1"/>
  <c r="AD85351" i="1"/>
  <c r="AD85352" i="1"/>
  <c r="AD85353" i="1"/>
  <c r="AD85354" i="1"/>
  <c r="AD85355" i="1"/>
  <c r="AD85356" i="1"/>
  <c r="AD85357" i="1"/>
  <c r="AD85358" i="1"/>
  <c r="AD85359" i="1"/>
  <c r="AD85360" i="1"/>
  <c r="AD85361" i="1"/>
  <c r="AD85362" i="1"/>
  <c r="AD85363" i="1"/>
  <c r="AD85364" i="1"/>
  <c r="AD85365" i="1"/>
  <c r="AD85366" i="1"/>
  <c r="AD85367" i="1"/>
  <c r="AD85368" i="1"/>
  <c r="AD85369" i="1"/>
  <c r="AD85370" i="1"/>
  <c r="AD85371" i="1"/>
  <c r="AD85372" i="1"/>
  <c r="AD85373" i="1"/>
  <c r="AD85374" i="1"/>
  <c r="AD85375" i="1"/>
  <c r="AD85376" i="1"/>
  <c r="AD85377" i="1"/>
  <c r="AD85378" i="1"/>
  <c r="AD85379" i="1"/>
  <c r="AD85380" i="1"/>
  <c r="AD85381" i="1"/>
  <c r="AD85382" i="1"/>
  <c r="AD85383" i="1"/>
  <c r="AD85384" i="1"/>
  <c r="AD85385" i="1"/>
  <c r="AD85386" i="1"/>
  <c r="AD85387" i="1"/>
  <c r="AD85388" i="1"/>
  <c r="AD85389" i="1"/>
  <c r="AD85390" i="1"/>
  <c r="AD85391" i="1"/>
  <c r="AD85392" i="1"/>
  <c r="AD85393" i="1"/>
  <c r="AD85394" i="1"/>
  <c r="AD85395" i="1"/>
  <c r="AD85396" i="1"/>
  <c r="AD85397" i="1"/>
  <c r="AD85398" i="1"/>
  <c r="AD85399" i="1"/>
  <c r="AD85400" i="1"/>
  <c r="AD85401" i="1"/>
  <c r="AD85402" i="1"/>
  <c r="AD85403" i="1"/>
  <c r="AD85404" i="1"/>
  <c r="AD85405" i="1"/>
  <c r="AD85406" i="1"/>
  <c r="AD85407" i="1"/>
  <c r="AD85408" i="1"/>
  <c r="AD85409" i="1"/>
  <c r="AD85410" i="1"/>
  <c r="AD85411" i="1"/>
  <c r="AD85412" i="1"/>
  <c r="AD85413" i="1"/>
  <c r="AD85414" i="1"/>
  <c r="AD85415" i="1"/>
  <c r="AD85416" i="1"/>
  <c r="AD85417" i="1"/>
  <c r="AD85418" i="1"/>
  <c r="AD85419" i="1"/>
  <c r="AD85420" i="1"/>
  <c r="AD85421" i="1"/>
  <c r="AD85422" i="1"/>
  <c r="AD85423" i="1"/>
  <c r="AD85424" i="1"/>
  <c r="AD85425" i="1"/>
  <c r="AD85426" i="1"/>
  <c r="AD85427" i="1"/>
  <c r="AD85428" i="1"/>
  <c r="AD85429" i="1"/>
  <c r="AD85430" i="1"/>
  <c r="AD85431" i="1"/>
  <c r="AD85432" i="1"/>
  <c r="AD85433" i="1"/>
  <c r="AD85434" i="1"/>
  <c r="AD85435" i="1"/>
  <c r="AD85436" i="1"/>
  <c r="AD85437" i="1"/>
  <c r="AD85438" i="1"/>
  <c r="AD85439" i="1"/>
  <c r="AD85440" i="1"/>
  <c r="AD85441" i="1"/>
  <c r="AD85442" i="1"/>
  <c r="AD85443" i="1"/>
  <c r="AD85444" i="1"/>
  <c r="AD85445" i="1"/>
  <c r="AD85446" i="1"/>
  <c r="AD85447" i="1"/>
  <c r="AD85448" i="1"/>
  <c r="AD85449" i="1"/>
  <c r="AD85450" i="1"/>
  <c r="AD85451" i="1"/>
  <c r="AD85452" i="1"/>
  <c r="AD85453" i="1"/>
  <c r="AD85454" i="1"/>
  <c r="AD85455" i="1"/>
  <c r="AD85456" i="1"/>
  <c r="AD85457" i="1"/>
  <c r="AD85458" i="1"/>
  <c r="AD85459" i="1"/>
  <c r="AD85460" i="1"/>
  <c r="AD85461" i="1"/>
  <c r="AD85462" i="1"/>
  <c r="AD85463" i="1"/>
  <c r="AD85464" i="1"/>
  <c r="AD85465" i="1"/>
  <c r="AD85466" i="1"/>
  <c r="AD85467" i="1"/>
  <c r="AD85468" i="1"/>
  <c r="AD85469" i="1"/>
  <c r="AD85470" i="1"/>
  <c r="AD85471" i="1"/>
  <c r="AD85472" i="1"/>
  <c r="AD85473" i="1"/>
  <c r="AD85474" i="1"/>
  <c r="AD85475" i="1"/>
  <c r="AD85476" i="1"/>
  <c r="AD85477" i="1"/>
  <c r="AD85478" i="1"/>
  <c r="AD85479" i="1"/>
  <c r="AD85480" i="1"/>
  <c r="AD85481" i="1"/>
  <c r="AD85482" i="1"/>
  <c r="AD85483" i="1"/>
  <c r="AD85484" i="1"/>
  <c r="AD85485" i="1"/>
  <c r="AD85486" i="1"/>
  <c r="AD85487" i="1"/>
  <c r="AD85488" i="1"/>
  <c r="AD85489" i="1"/>
  <c r="AD85490" i="1"/>
  <c r="AD85491" i="1"/>
  <c r="AD85492" i="1"/>
  <c r="AD85493" i="1"/>
  <c r="AD85494" i="1"/>
  <c r="AD85495" i="1"/>
  <c r="AD85496" i="1"/>
  <c r="AD85497" i="1"/>
  <c r="AD85498" i="1"/>
  <c r="AD85499" i="1"/>
  <c r="AD85500" i="1"/>
  <c r="AD85501" i="1"/>
  <c r="AD85502" i="1"/>
  <c r="AD85503" i="1"/>
  <c r="AD85504" i="1"/>
  <c r="AD85505" i="1"/>
  <c r="AD85506" i="1"/>
  <c r="AD85507" i="1"/>
  <c r="AD85508" i="1"/>
  <c r="AD85509" i="1"/>
  <c r="AD85510" i="1"/>
  <c r="AD85511" i="1"/>
  <c r="AD85512" i="1"/>
  <c r="AD85513" i="1"/>
  <c r="AD85514" i="1"/>
  <c r="AD85515" i="1"/>
  <c r="AD85516" i="1"/>
  <c r="AD85517" i="1"/>
  <c r="AD85518" i="1"/>
  <c r="AD85519" i="1"/>
  <c r="AD85520" i="1"/>
  <c r="AD85521" i="1"/>
  <c r="AD85522" i="1"/>
  <c r="AD85523" i="1"/>
  <c r="AD85524" i="1"/>
  <c r="AD85525" i="1"/>
  <c r="AD85526" i="1"/>
  <c r="AD85527" i="1"/>
  <c r="AD85528" i="1"/>
  <c r="AD85529" i="1"/>
  <c r="AD85530" i="1"/>
  <c r="AD85531" i="1"/>
  <c r="AD85532" i="1"/>
  <c r="AD85533" i="1"/>
  <c r="AD85534" i="1"/>
  <c r="AD85535" i="1"/>
  <c r="AD85536" i="1"/>
  <c r="AD85537" i="1"/>
  <c r="AD85538" i="1"/>
  <c r="AD85539" i="1"/>
  <c r="AD85540" i="1"/>
  <c r="AD85541" i="1"/>
  <c r="AD85542" i="1"/>
  <c r="AD85543" i="1"/>
  <c r="AD85544" i="1"/>
  <c r="AD85545" i="1"/>
  <c r="AD85546" i="1"/>
  <c r="AD85547" i="1"/>
  <c r="AD85548" i="1"/>
  <c r="AD85549" i="1"/>
  <c r="AD85550" i="1"/>
  <c r="AD85551" i="1"/>
  <c r="AD85552" i="1"/>
  <c r="AD85553" i="1"/>
  <c r="AD85554" i="1"/>
  <c r="AD85555" i="1"/>
  <c r="AD85556" i="1"/>
  <c r="AD85557" i="1"/>
  <c r="AD85558" i="1"/>
  <c r="AD85559" i="1"/>
  <c r="AD85560" i="1"/>
  <c r="AD85561" i="1"/>
  <c r="AD85562" i="1"/>
  <c r="AD85563" i="1"/>
  <c r="AD85564" i="1"/>
  <c r="AD85565" i="1"/>
  <c r="AD85566" i="1"/>
  <c r="AD85567" i="1"/>
  <c r="AD85568" i="1"/>
  <c r="AD85569" i="1"/>
  <c r="AD85570" i="1"/>
  <c r="AD85571" i="1"/>
  <c r="AD85572" i="1"/>
  <c r="AD85573" i="1"/>
  <c r="AD85574" i="1"/>
  <c r="AD85575" i="1"/>
  <c r="AD85576" i="1"/>
  <c r="AD85577" i="1"/>
  <c r="AD85578" i="1"/>
  <c r="AD85579" i="1"/>
  <c r="AD85580" i="1"/>
  <c r="AD85581" i="1"/>
  <c r="AD85582" i="1"/>
  <c r="AD85583" i="1"/>
  <c r="AD85584" i="1"/>
  <c r="AD85585" i="1"/>
  <c r="AD85586" i="1"/>
  <c r="AD85587" i="1"/>
  <c r="AD85588" i="1"/>
  <c r="AD85589" i="1"/>
  <c r="AD85590" i="1"/>
  <c r="AD85591" i="1"/>
  <c r="AD85592" i="1"/>
  <c r="AD85593" i="1"/>
  <c r="AD85594" i="1"/>
  <c r="AD85595" i="1"/>
  <c r="AD85596" i="1"/>
  <c r="AD85597" i="1"/>
  <c r="AD85598" i="1"/>
  <c r="AD85599" i="1"/>
  <c r="AD85600" i="1"/>
  <c r="AD85601" i="1"/>
  <c r="AD85602" i="1"/>
  <c r="AD85603" i="1"/>
  <c r="AD85604" i="1"/>
  <c r="AD85605" i="1"/>
  <c r="AD85606" i="1"/>
  <c r="AD85607" i="1"/>
  <c r="AD85608" i="1"/>
  <c r="AD85609" i="1"/>
  <c r="AD85610" i="1"/>
  <c r="AD85611" i="1"/>
  <c r="AD85612" i="1"/>
  <c r="AD85613" i="1"/>
  <c r="AD85614" i="1"/>
  <c r="AD85615" i="1"/>
  <c r="AD85616" i="1"/>
  <c r="AD85617" i="1"/>
  <c r="AD85618" i="1"/>
  <c r="AD85619" i="1"/>
  <c r="AD85620" i="1"/>
  <c r="AD85621" i="1"/>
  <c r="AD85622" i="1"/>
  <c r="AD85623" i="1"/>
  <c r="AD85624" i="1"/>
  <c r="AD85625" i="1"/>
  <c r="AD85626" i="1"/>
  <c r="AD85627" i="1"/>
  <c r="AD85628" i="1"/>
  <c r="AD85629" i="1"/>
  <c r="AD85630" i="1"/>
  <c r="AD85631" i="1"/>
  <c r="AD85632" i="1"/>
  <c r="AD85633" i="1"/>
  <c r="AD85634" i="1"/>
  <c r="AD85635" i="1"/>
  <c r="AD85636" i="1"/>
  <c r="AD85637" i="1"/>
  <c r="AD85638" i="1"/>
  <c r="AD85639" i="1"/>
  <c r="AD85640" i="1"/>
  <c r="AD85641" i="1"/>
  <c r="AD85642" i="1"/>
  <c r="AD85643" i="1"/>
  <c r="AD85644" i="1"/>
  <c r="AD85645" i="1"/>
  <c r="AD85646" i="1"/>
  <c r="AD85647" i="1"/>
  <c r="AD85648" i="1"/>
  <c r="AD85649" i="1"/>
  <c r="AD85650" i="1"/>
  <c r="AD85651" i="1"/>
  <c r="AD85652" i="1"/>
  <c r="AD85653" i="1"/>
  <c r="AD85654" i="1"/>
  <c r="AD85655" i="1"/>
  <c r="AD85656" i="1"/>
  <c r="AD85657" i="1"/>
  <c r="AD85658" i="1"/>
  <c r="AD85659" i="1"/>
  <c r="AD85660" i="1"/>
  <c r="AD85661" i="1"/>
  <c r="AD85662" i="1"/>
  <c r="AD85663" i="1"/>
  <c r="AD85664" i="1"/>
  <c r="AD85665" i="1"/>
  <c r="AD85666" i="1"/>
  <c r="AD85667" i="1"/>
  <c r="AD85668" i="1"/>
  <c r="AD85669" i="1"/>
  <c r="AD85670" i="1"/>
  <c r="AD85671" i="1"/>
  <c r="AD85672" i="1"/>
  <c r="AD85673" i="1"/>
  <c r="AD85674" i="1"/>
  <c r="AD85675" i="1"/>
  <c r="AD85676" i="1"/>
  <c r="AD85677" i="1"/>
  <c r="AD85678" i="1"/>
  <c r="AD85679" i="1"/>
  <c r="AD85680" i="1"/>
  <c r="AD85681" i="1"/>
  <c r="AD85682" i="1"/>
  <c r="AD85683" i="1"/>
  <c r="AD85684" i="1"/>
  <c r="AD85685" i="1"/>
  <c r="AD85686" i="1"/>
  <c r="AD85687" i="1"/>
  <c r="AD85688" i="1"/>
  <c r="AD85689" i="1"/>
  <c r="AD85690" i="1"/>
  <c r="AD85691" i="1"/>
  <c r="AD85692" i="1"/>
  <c r="AD85693" i="1"/>
  <c r="AD85694" i="1"/>
  <c r="AD85695" i="1"/>
  <c r="AD85696" i="1"/>
  <c r="AD85697" i="1"/>
  <c r="AD85698" i="1"/>
  <c r="AD85699" i="1"/>
  <c r="AD85700" i="1"/>
  <c r="AD85701" i="1"/>
  <c r="AD85702" i="1"/>
  <c r="AD85703" i="1"/>
  <c r="AD85704" i="1"/>
  <c r="AD85705" i="1"/>
  <c r="AD85706" i="1"/>
  <c r="AD85707" i="1"/>
  <c r="AD85708" i="1"/>
  <c r="AD85709" i="1"/>
  <c r="AD85710" i="1"/>
  <c r="AD85711" i="1"/>
  <c r="AD85712" i="1"/>
  <c r="AD85713" i="1"/>
  <c r="AD85714" i="1"/>
  <c r="AD85715" i="1"/>
  <c r="AD85716" i="1"/>
  <c r="AD85717" i="1"/>
  <c r="AD85718" i="1"/>
  <c r="AD85719" i="1"/>
  <c r="AD85720" i="1"/>
  <c r="AD85721" i="1"/>
  <c r="AD85722" i="1"/>
  <c r="AD85723" i="1"/>
  <c r="AD85724" i="1"/>
  <c r="AD85725" i="1"/>
  <c r="AD85726" i="1"/>
  <c r="AD85727" i="1"/>
  <c r="AD85728" i="1"/>
  <c r="AD85729" i="1"/>
  <c r="AD85730" i="1"/>
  <c r="AD85731" i="1"/>
  <c r="AD85732" i="1"/>
  <c r="AD85733" i="1"/>
  <c r="AD85734" i="1"/>
  <c r="AD85735" i="1"/>
  <c r="AD85736" i="1"/>
  <c r="AD85737" i="1"/>
  <c r="AD85738" i="1"/>
  <c r="AD85739" i="1"/>
  <c r="AD85740" i="1"/>
  <c r="AD85741" i="1"/>
  <c r="AD85742" i="1"/>
  <c r="AD85743" i="1"/>
  <c r="AD85744" i="1"/>
  <c r="AD85745" i="1"/>
  <c r="AD85746" i="1"/>
  <c r="AD85747" i="1"/>
  <c r="AD85748" i="1"/>
  <c r="AD85749" i="1"/>
  <c r="AD85750" i="1"/>
  <c r="AD85751" i="1"/>
  <c r="AD85752" i="1"/>
  <c r="AD85753" i="1"/>
  <c r="AD85754" i="1"/>
  <c r="AD85755" i="1"/>
  <c r="AD85756" i="1"/>
  <c r="AD85757" i="1"/>
  <c r="AD85758" i="1"/>
  <c r="AD85759" i="1"/>
  <c r="AD85760" i="1"/>
  <c r="AD85761" i="1"/>
  <c r="AD85762" i="1"/>
  <c r="AD85763" i="1"/>
  <c r="AD85764" i="1"/>
  <c r="AD85765" i="1"/>
  <c r="AD85766" i="1"/>
  <c r="AD85767" i="1"/>
  <c r="AD85768" i="1"/>
  <c r="AD85769" i="1"/>
  <c r="AD85770" i="1"/>
  <c r="AD85771" i="1"/>
  <c r="AD85772" i="1"/>
  <c r="AD85773" i="1"/>
  <c r="AD85774" i="1"/>
  <c r="AD85775" i="1"/>
  <c r="AD85776" i="1"/>
  <c r="AD85777" i="1"/>
  <c r="AD85778" i="1"/>
  <c r="AD85779" i="1"/>
  <c r="AD85780" i="1"/>
  <c r="AD85781" i="1"/>
  <c r="AD85782" i="1"/>
  <c r="AD85783" i="1"/>
  <c r="AD85784" i="1"/>
  <c r="AD85785" i="1"/>
  <c r="AD85786" i="1"/>
  <c r="AD85787" i="1"/>
  <c r="AD85788" i="1"/>
  <c r="AD85789" i="1"/>
  <c r="AD85790" i="1"/>
  <c r="AD85791" i="1"/>
  <c r="AD85792" i="1"/>
  <c r="AD85793" i="1"/>
  <c r="AD85794" i="1"/>
  <c r="AD85795" i="1"/>
  <c r="AD85796" i="1"/>
  <c r="AD85797" i="1"/>
  <c r="AD85798" i="1"/>
  <c r="AD85799" i="1"/>
  <c r="AD85800" i="1"/>
  <c r="AD85801" i="1"/>
  <c r="AD85802" i="1"/>
  <c r="AD85803" i="1"/>
  <c r="AD85804" i="1"/>
  <c r="AD85805" i="1"/>
  <c r="AD85806" i="1"/>
  <c r="AD85807" i="1"/>
  <c r="AD85808" i="1"/>
  <c r="AD85809" i="1"/>
  <c r="AD85810" i="1"/>
  <c r="AD85811" i="1"/>
  <c r="AD85812" i="1"/>
  <c r="AD85813" i="1"/>
  <c r="AD85814" i="1"/>
  <c r="AD85815" i="1"/>
  <c r="AD85816" i="1"/>
  <c r="AD85817" i="1"/>
  <c r="AD85818" i="1"/>
  <c r="AD85819" i="1"/>
  <c r="AD85820" i="1"/>
  <c r="AD85821" i="1"/>
  <c r="AD85822" i="1"/>
  <c r="AD85823" i="1"/>
  <c r="AD85824" i="1"/>
  <c r="AD85825" i="1"/>
  <c r="AD85826" i="1"/>
  <c r="AD85827" i="1"/>
  <c r="AD85828" i="1"/>
  <c r="AD85829" i="1"/>
  <c r="AD85830" i="1"/>
  <c r="AD85831" i="1"/>
  <c r="AD85832" i="1"/>
  <c r="AD85833" i="1"/>
  <c r="AD85834" i="1"/>
  <c r="AD85835" i="1"/>
  <c r="AD85836" i="1"/>
  <c r="AD85837" i="1"/>
  <c r="AD85838" i="1"/>
  <c r="AD85839" i="1"/>
  <c r="AD85840" i="1"/>
  <c r="AD85841" i="1"/>
  <c r="AD85842" i="1"/>
  <c r="AD85843" i="1"/>
  <c r="AD85844" i="1"/>
  <c r="AD85845" i="1"/>
  <c r="AD85846" i="1"/>
  <c r="AD85847" i="1"/>
  <c r="AD85848" i="1"/>
  <c r="AD85849" i="1"/>
  <c r="AD85850" i="1"/>
  <c r="AD85851" i="1"/>
  <c r="AD85852" i="1"/>
  <c r="AD85853" i="1"/>
  <c r="AD85854" i="1"/>
  <c r="AD85855" i="1"/>
  <c r="AD85856" i="1"/>
  <c r="AD85857" i="1"/>
  <c r="AD85858" i="1"/>
  <c r="AD85859" i="1"/>
  <c r="AD85860" i="1"/>
  <c r="AD85861" i="1"/>
  <c r="AD85862" i="1"/>
  <c r="AD85863" i="1"/>
  <c r="AD85864" i="1"/>
  <c r="AD85865" i="1"/>
  <c r="AD85866" i="1"/>
  <c r="AD85867" i="1"/>
  <c r="AD85868" i="1"/>
  <c r="AD85869" i="1"/>
  <c r="AD85870" i="1"/>
  <c r="AD85871" i="1"/>
  <c r="AD85872" i="1"/>
  <c r="AD85873" i="1"/>
  <c r="AD85874" i="1"/>
  <c r="AD85875" i="1"/>
  <c r="AD85876" i="1"/>
  <c r="AD85877" i="1"/>
  <c r="AD85878" i="1"/>
  <c r="AD85879" i="1"/>
  <c r="AD85880" i="1"/>
  <c r="AD85881" i="1"/>
  <c r="AD85882" i="1"/>
  <c r="AD85883" i="1"/>
  <c r="AD85884" i="1"/>
  <c r="AD85885" i="1"/>
  <c r="AD85886" i="1"/>
  <c r="AD85887" i="1"/>
  <c r="AD85888" i="1"/>
  <c r="AD85889" i="1"/>
  <c r="AD85890" i="1"/>
  <c r="AD85891" i="1"/>
  <c r="AD85892" i="1"/>
  <c r="AD85893" i="1"/>
  <c r="AD85894" i="1"/>
  <c r="AD85895" i="1"/>
  <c r="AD85896" i="1"/>
  <c r="AD85897" i="1"/>
  <c r="AD85898" i="1"/>
  <c r="AD85899" i="1"/>
  <c r="AD85900" i="1"/>
  <c r="AD85901" i="1"/>
  <c r="AD85902" i="1"/>
  <c r="AD85903" i="1"/>
  <c r="AD85904" i="1"/>
  <c r="AD85905" i="1"/>
  <c r="AD85906" i="1"/>
  <c r="AD85907" i="1"/>
  <c r="AD85908" i="1"/>
  <c r="AD85909" i="1"/>
  <c r="AD85910" i="1"/>
  <c r="AD85911" i="1"/>
  <c r="AD85912" i="1"/>
  <c r="AD85913" i="1"/>
  <c r="AD85914" i="1"/>
  <c r="AD85915" i="1"/>
  <c r="AD85916" i="1"/>
  <c r="AD85917" i="1"/>
  <c r="AD85918" i="1"/>
  <c r="AD85919" i="1"/>
  <c r="AD85920" i="1"/>
  <c r="AD85921" i="1"/>
  <c r="AD85922" i="1"/>
  <c r="AD85923" i="1"/>
  <c r="AD85924" i="1"/>
  <c r="AD85925" i="1"/>
  <c r="AD85926" i="1"/>
  <c r="AD85927" i="1"/>
  <c r="AD85928" i="1"/>
  <c r="AD85929" i="1"/>
  <c r="AD85930" i="1"/>
  <c r="AD85931" i="1"/>
  <c r="AD85932" i="1"/>
  <c r="AD85933" i="1"/>
  <c r="AD85934" i="1"/>
  <c r="AD85935" i="1"/>
  <c r="AD85936" i="1"/>
  <c r="AD85937" i="1"/>
  <c r="AD85938" i="1"/>
  <c r="AD85939" i="1"/>
  <c r="AD85940" i="1"/>
  <c r="AD85941" i="1"/>
  <c r="AD85942" i="1"/>
  <c r="AD85943" i="1"/>
  <c r="AD85944" i="1"/>
  <c r="AD85945" i="1"/>
  <c r="AD85946" i="1"/>
  <c r="AD85947" i="1"/>
  <c r="AD85948" i="1"/>
  <c r="AD85949" i="1"/>
  <c r="AD85950" i="1"/>
  <c r="AD85951" i="1"/>
  <c r="AD85952" i="1"/>
  <c r="AD85953" i="1"/>
  <c r="AD85954" i="1"/>
  <c r="AD85955" i="1"/>
  <c r="AD85956" i="1"/>
  <c r="AD85957" i="1"/>
  <c r="AD85958" i="1"/>
  <c r="AD85959" i="1"/>
  <c r="AD85960" i="1"/>
  <c r="AD85961" i="1"/>
  <c r="AD85962" i="1"/>
  <c r="AD85963" i="1"/>
  <c r="AD85964" i="1"/>
  <c r="AD85965" i="1"/>
  <c r="AD85966" i="1"/>
  <c r="AD85967" i="1"/>
  <c r="AD85968" i="1"/>
  <c r="AD85969" i="1"/>
  <c r="AD85970" i="1"/>
  <c r="AD85971" i="1"/>
  <c r="AD85972" i="1"/>
  <c r="AD85973" i="1"/>
  <c r="AD85974" i="1"/>
  <c r="AD85975" i="1"/>
  <c r="AD85976" i="1"/>
  <c r="AD85977" i="1"/>
  <c r="AD85978" i="1"/>
  <c r="AD85979" i="1"/>
  <c r="AD85980" i="1"/>
  <c r="AD85981" i="1"/>
  <c r="AD85982" i="1"/>
  <c r="AD85983" i="1"/>
  <c r="AD85984" i="1"/>
  <c r="AD85985" i="1"/>
  <c r="AD85986" i="1"/>
  <c r="AD85987" i="1"/>
  <c r="AD85988" i="1"/>
  <c r="AD85989" i="1"/>
  <c r="AD85990" i="1"/>
  <c r="AD85991" i="1"/>
  <c r="AD85992" i="1"/>
  <c r="AD85993" i="1"/>
  <c r="AD85994" i="1"/>
  <c r="AD85995" i="1"/>
  <c r="AD85996" i="1"/>
  <c r="AD85997" i="1"/>
  <c r="AD85998" i="1"/>
  <c r="AD85999" i="1"/>
  <c r="AD86000" i="1"/>
  <c r="AD86001" i="1"/>
  <c r="AD86002" i="1"/>
  <c r="AD86003" i="1"/>
  <c r="AD86004" i="1"/>
  <c r="AD86005" i="1"/>
  <c r="AD86006" i="1"/>
  <c r="AD86007" i="1"/>
  <c r="AD86008" i="1"/>
  <c r="AD86009" i="1"/>
  <c r="AD86010" i="1"/>
  <c r="AD86011" i="1"/>
  <c r="AD86012" i="1"/>
  <c r="AD86013" i="1"/>
  <c r="AD86014" i="1"/>
  <c r="AD86015" i="1"/>
  <c r="AD86016" i="1"/>
  <c r="AD86017" i="1"/>
  <c r="AD86018" i="1"/>
  <c r="AD86019" i="1"/>
  <c r="AD86020" i="1"/>
  <c r="AD86021" i="1"/>
  <c r="AD86022" i="1"/>
  <c r="AD86023" i="1"/>
  <c r="AD86024" i="1"/>
  <c r="AD86025" i="1"/>
  <c r="AD86026" i="1"/>
  <c r="AD86027" i="1"/>
  <c r="AD86028" i="1"/>
  <c r="AD86029" i="1"/>
  <c r="AD86030" i="1"/>
  <c r="AD86031" i="1"/>
  <c r="AD86032" i="1"/>
  <c r="AD86033" i="1"/>
  <c r="AD86034" i="1"/>
  <c r="AD86035" i="1"/>
  <c r="AD86036" i="1"/>
  <c r="AD86037" i="1"/>
  <c r="AD86038" i="1"/>
  <c r="AD86039" i="1"/>
  <c r="AD86040" i="1"/>
  <c r="AD86041" i="1"/>
  <c r="AD86042" i="1"/>
  <c r="AD86043" i="1"/>
  <c r="AD86044" i="1"/>
  <c r="AD86045" i="1"/>
  <c r="AD86046" i="1"/>
  <c r="AD86047" i="1"/>
  <c r="AD86048" i="1"/>
  <c r="AD86049" i="1"/>
  <c r="AD86050" i="1"/>
  <c r="AD86051" i="1"/>
  <c r="AD86052" i="1"/>
  <c r="AD86053" i="1"/>
  <c r="AD86054" i="1"/>
  <c r="AD86055" i="1"/>
  <c r="AD86056" i="1"/>
  <c r="AD86057" i="1"/>
  <c r="AD86058" i="1"/>
  <c r="AD86059" i="1"/>
  <c r="AD86060" i="1"/>
  <c r="AD86061" i="1"/>
  <c r="AD86062" i="1"/>
  <c r="AD86063" i="1"/>
  <c r="AD86064" i="1"/>
  <c r="AD86065" i="1"/>
  <c r="AD86066" i="1"/>
  <c r="AD86067" i="1"/>
  <c r="AD86068" i="1"/>
  <c r="AD86069" i="1"/>
  <c r="AD86070" i="1"/>
  <c r="AD86071" i="1"/>
  <c r="AD86072" i="1"/>
  <c r="AD86073" i="1"/>
  <c r="AD86074" i="1"/>
  <c r="AD86075" i="1"/>
  <c r="AD86076" i="1"/>
  <c r="AD86077" i="1"/>
  <c r="AD86078" i="1"/>
  <c r="AD86079" i="1"/>
  <c r="AD86080" i="1"/>
  <c r="AD86081" i="1"/>
  <c r="AD86082" i="1"/>
  <c r="AD86083" i="1"/>
  <c r="AD86084" i="1"/>
  <c r="AD86085" i="1"/>
  <c r="AD86086" i="1"/>
  <c r="AD86087" i="1"/>
  <c r="AD86088" i="1"/>
  <c r="AD86089" i="1"/>
  <c r="AD86090" i="1"/>
  <c r="AD86091" i="1"/>
  <c r="AD86092" i="1"/>
  <c r="AD86093" i="1"/>
  <c r="AD86094" i="1"/>
  <c r="AD86095" i="1"/>
  <c r="AD86096" i="1"/>
  <c r="AD86097" i="1"/>
  <c r="AD86098" i="1"/>
  <c r="AD86099" i="1"/>
  <c r="AD86100" i="1"/>
  <c r="AD86101" i="1"/>
  <c r="AD86102" i="1"/>
  <c r="AD86103" i="1"/>
  <c r="AD86104" i="1"/>
  <c r="AD86105" i="1"/>
  <c r="AD86106" i="1"/>
  <c r="AD86107" i="1"/>
  <c r="AD86108" i="1"/>
  <c r="AD86109" i="1"/>
  <c r="AD86110" i="1"/>
  <c r="AD86111" i="1"/>
  <c r="AD86112" i="1"/>
  <c r="AD86113" i="1"/>
  <c r="AD86114" i="1"/>
  <c r="AD86115" i="1"/>
  <c r="AD86116" i="1"/>
  <c r="AD86117" i="1"/>
  <c r="AD86118" i="1"/>
  <c r="AD86119" i="1"/>
  <c r="AD86120" i="1"/>
  <c r="AD86121" i="1"/>
  <c r="AD86122" i="1"/>
  <c r="AD86123" i="1"/>
  <c r="AD86124" i="1"/>
  <c r="AD86125" i="1"/>
  <c r="AD86126" i="1"/>
  <c r="AD86127" i="1"/>
  <c r="AD86128" i="1"/>
  <c r="AD86129" i="1"/>
  <c r="AD86130" i="1"/>
  <c r="AD86131" i="1"/>
  <c r="AD86132" i="1"/>
  <c r="AD86133" i="1"/>
  <c r="AD86134" i="1"/>
  <c r="AD86135" i="1"/>
  <c r="AD86136" i="1"/>
  <c r="AD86137" i="1"/>
  <c r="AD86138" i="1"/>
  <c r="AD86139" i="1"/>
  <c r="AD86140" i="1"/>
  <c r="AD86141" i="1"/>
  <c r="AD86142" i="1"/>
  <c r="AD86143" i="1"/>
  <c r="AD86144" i="1"/>
  <c r="AD86145" i="1"/>
  <c r="AD86146" i="1"/>
  <c r="AD86147" i="1"/>
  <c r="AD86148" i="1"/>
  <c r="AD86149" i="1"/>
  <c r="AD86150" i="1"/>
  <c r="AD86151" i="1"/>
  <c r="AD86152" i="1"/>
  <c r="AD86153" i="1"/>
  <c r="AD86154" i="1"/>
  <c r="AD86155" i="1"/>
  <c r="AD86156" i="1"/>
  <c r="AD86157" i="1"/>
  <c r="AD86158" i="1"/>
  <c r="AD86159" i="1"/>
  <c r="AD86160" i="1"/>
  <c r="AD86161" i="1"/>
  <c r="AD86162" i="1"/>
  <c r="AD86163" i="1"/>
  <c r="AD86164" i="1"/>
  <c r="AD86165" i="1"/>
  <c r="AD86166" i="1"/>
  <c r="AD86167" i="1"/>
  <c r="AD86168" i="1"/>
  <c r="AD86169" i="1"/>
  <c r="AD86170" i="1"/>
  <c r="AD86171" i="1"/>
  <c r="AD86172" i="1"/>
  <c r="AD86173" i="1"/>
  <c r="AD86174" i="1"/>
  <c r="AD86175" i="1"/>
  <c r="AD86176" i="1"/>
  <c r="AD86177" i="1"/>
  <c r="AD86178" i="1"/>
  <c r="AD86179" i="1"/>
  <c r="AD86180" i="1"/>
  <c r="AD86181" i="1"/>
  <c r="AD86182" i="1"/>
  <c r="AD86183" i="1"/>
  <c r="AD86184" i="1"/>
  <c r="AD86185" i="1"/>
  <c r="AD86186" i="1"/>
  <c r="AD86187" i="1"/>
  <c r="AD86188" i="1"/>
  <c r="AD86189" i="1"/>
  <c r="AD86190" i="1"/>
  <c r="AD86191" i="1"/>
  <c r="AD86192" i="1"/>
  <c r="AD86193" i="1"/>
  <c r="AD86194" i="1"/>
  <c r="AD86195" i="1"/>
  <c r="AD86196" i="1"/>
  <c r="AD86197" i="1"/>
  <c r="AD86198" i="1"/>
  <c r="AD86199" i="1"/>
  <c r="AD86200" i="1"/>
  <c r="AD86201" i="1"/>
  <c r="AD86202" i="1"/>
  <c r="AD86203" i="1"/>
  <c r="AD86204" i="1"/>
  <c r="AD86205" i="1"/>
  <c r="AD86206" i="1"/>
  <c r="AD86207" i="1"/>
  <c r="AD86208" i="1"/>
  <c r="AD86209" i="1"/>
  <c r="AD86210" i="1"/>
  <c r="AD86211" i="1"/>
  <c r="AD86212" i="1"/>
  <c r="AD86213" i="1"/>
  <c r="AD86214" i="1"/>
  <c r="AD86215" i="1"/>
  <c r="AD86216" i="1"/>
  <c r="AD86217" i="1"/>
  <c r="AD86218" i="1"/>
  <c r="AD86219" i="1"/>
  <c r="AD86220" i="1"/>
  <c r="AD86221" i="1"/>
  <c r="AD86222" i="1"/>
  <c r="AD86223" i="1"/>
  <c r="AD86224" i="1"/>
  <c r="AD86225" i="1"/>
  <c r="AD86226" i="1"/>
  <c r="AD86227" i="1"/>
  <c r="AD86228" i="1"/>
  <c r="AD86229" i="1"/>
  <c r="AD86230" i="1"/>
  <c r="AD86231" i="1"/>
  <c r="AD86232" i="1"/>
  <c r="AD86233" i="1"/>
  <c r="AD86234" i="1"/>
  <c r="AD86235" i="1"/>
  <c r="AD86236" i="1"/>
  <c r="AD86237" i="1"/>
  <c r="AD86238" i="1"/>
  <c r="AD86239" i="1"/>
  <c r="AD86240" i="1"/>
  <c r="AD86241" i="1"/>
  <c r="AD86242" i="1"/>
  <c r="AD86243" i="1"/>
  <c r="AD86244" i="1"/>
  <c r="AD86245" i="1"/>
  <c r="AD86246" i="1"/>
  <c r="AD86247" i="1"/>
  <c r="AD86248" i="1"/>
  <c r="AD86249" i="1"/>
  <c r="AD86250" i="1"/>
  <c r="AD86251" i="1"/>
  <c r="AD86252" i="1"/>
  <c r="AD86253" i="1"/>
  <c r="AD86254" i="1"/>
  <c r="AD86255" i="1"/>
  <c r="AD86256" i="1"/>
  <c r="AD86257" i="1"/>
  <c r="AD86258" i="1"/>
  <c r="AD86259" i="1"/>
  <c r="AD86260" i="1"/>
  <c r="AD86261" i="1"/>
  <c r="AD86262" i="1"/>
  <c r="AD86263" i="1"/>
  <c r="AD86264" i="1"/>
  <c r="AD86265" i="1"/>
  <c r="AD86266" i="1"/>
  <c r="AD86267" i="1"/>
  <c r="AD86268" i="1"/>
  <c r="AD86269" i="1"/>
  <c r="AD86270" i="1"/>
  <c r="AD86271" i="1"/>
  <c r="AD86272" i="1"/>
  <c r="AD86273" i="1"/>
  <c r="AD86274" i="1"/>
  <c r="AD86275" i="1"/>
  <c r="AD86276" i="1"/>
  <c r="AD86277" i="1"/>
  <c r="AD86278" i="1"/>
  <c r="AD86279" i="1"/>
  <c r="AD86280" i="1"/>
  <c r="AD86281" i="1"/>
  <c r="AD86282" i="1"/>
  <c r="AD86283" i="1"/>
  <c r="AD86284" i="1"/>
  <c r="AD86285" i="1"/>
  <c r="AD86286" i="1"/>
  <c r="AD86287" i="1"/>
  <c r="AD86288" i="1"/>
  <c r="AD86289" i="1"/>
  <c r="AD86290" i="1"/>
  <c r="AD86291" i="1"/>
  <c r="AD86292" i="1"/>
  <c r="AD86293" i="1"/>
  <c r="AD86294" i="1"/>
  <c r="AD86295" i="1"/>
  <c r="AD86296" i="1"/>
  <c r="AD86297" i="1"/>
  <c r="AD86298" i="1"/>
  <c r="AD86299" i="1"/>
  <c r="AD86300" i="1"/>
  <c r="AD86301" i="1"/>
  <c r="AD86302" i="1"/>
  <c r="AD86303" i="1"/>
  <c r="AD86304" i="1"/>
  <c r="AD86305" i="1"/>
  <c r="AD86306" i="1"/>
  <c r="AD86307" i="1"/>
  <c r="AD86308" i="1"/>
  <c r="AD86309" i="1"/>
  <c r="AD86310" i="1"/>
  <c r="AD86311" i="1"/>
  <c r="AD86312" i="1"/>
  <c r="AD86313" i="1"/>
  <c r="AD86314" i="1"/>
  <c r="AD86315" i="1"/>
  <c r="AD86316" i="1"/>
  <c r="AD86317" i="1"/>
  <c r="AD86318" i="1"/>
  <c r="AD86319" i="1"/>
  <c r="AD86320" i="1"/>
  <c r="AD86321" i="1"/>
  <c r="AD86322" i="1"/>
  <c r="AD86323" i="1"/>
  <c r="AD86324" i="1"/>
  <c r="AD86325" i="1"/>
  <c r="AD86326" i="1"/>
  <c r="AD86327" i="1"/>
  <c r="AD86328" i="1"/>
  <c r="AD86329" i="1"/>
  <c r="AD86330" i="1"/>
  <c r="AD86331" i="1"/>
  <c r="AD86332" i="1"/>
  <c r="AD86333" i="1"/>
  <c r="AD86334" i="1"/>
  <c r="AD86335" i="1"/>
  <c r="AD86336" i="1"/>
  <c r="AD86337" i="1"/>
  <c r="AD86338" i="1"/>
  <c r="AD86339" i="1"/>
  <c r="AD86340" i="1"/>
  <c r="AD86341" i="1"/>
  <c r="AD86342" i="1"/>
  <c r="AD86343" i="1"/>
  <c r="AD86344" i="1"/>
  <c r="AD86345" i="1"/>
  <c r="AD86346" i="1"/>
  <c r="AD86347" i="1"/>
  <c r="AD86348" i="1"/>
  <c r="AD86349" i="1"/>
  <c r="AD86350" i="1"/>
  <c r="AD86351" i="1"/>
  <c r="AD86352" i="1"/>
  <c r="AD86353" i="1"/>
  <c r="AD86354" i="1"/>
  <c r="AD86355" i="1"/>
  <c r="AD86356" i="1"/>
  <c r="AD86357" i="1"/>
  <c r="AD86358" i="1"/>
  <c r="AD86359" i="1"/>
  <c r="AD86360" i="1"/>
  <c r="AD86361" i="1"/>
  <c r="AD86362" i="1"/>
  <c r="AD86363" i="1"/>
  <c r="AD86364" i="1"/>
  <c r="AD86365" i="1"/>
  <c r="AD86366" i="1"/>
  <c r="AD86367" i="1"/>
  <c r="AD86368" i="1"/>
  <c r="AD86369" i="1"/>
  <c r="AD86370" i="1"/>
  <c r="AD86371" i="1"/>
  <c r="AD86372" i="1"/>
  <c r="AD86373" i="1"/>
  <c r="AD86374" i="1"/>
  <c r="AD86375" i="1"/>
  <c r="AD86376" i="1"/>
  <c r="AD86377" i="1"/>
  <c r="AD86378" i="1"/>
  <c r="AD86379" i="1"/>
  <c r="AD86380" i="1"/>
  <c r="AD86381" i="1"/>
  <c r="AD86382" i="1"/>
  <c r="AD86383" i="1"/>
  <c r="AD86384" i="1"/>
  <c r="AD86385" i="1"/>
  <c r="AD86386" i="1"/>
  <c r="AD86387" i="1"/>
  <c r="AD86388" i="1"/>
  <c r="AD86389" i="1"/>
  <c r="AD86390" i="1"/>
  <c r="AD86391" i="1"/>
  <c r="AD86392" i="1"/>
  <c r="AD86393" i="1"/>
  <c r="AD86394" i="1"/>
  <c r="AD86395" i="1"/>
  <c r="AD86396" i="1"/>
  <c r="AD86397" i="1"/>
  <c r="AD86398" i="1"/>
  <c r="AD86399" i="1"/>
  <c r="AD86400" i="1"/>
  <c r="AD86401" i="1"/>
  <c r="AD86402" i="1"/>
  <c r="AD86403" i="1"/>
  <c r="AD86404" i="1"/>
  <c r="AD86405" i="1"/>
  <c r="AD86406" i="1"/>
  <c r="AD86407" i="1"/>
  <c r="AD86408" i="1"/>
  <c r="AD86409" i="1"/>
  <c r="AD86410" i="1"/>
  <c r="AD86411" i="1"/>
  <c r="AD86412" i="1"/>
  <c r="AD86413" i="1"/>
  <c r="AD86414" i="1"/>
  <c r="AD86415" i="1"/>
  <c r="AD86416" i="1"/>
  <c r="AD86417" i="1"/>
  <c r="AD86418" i="1"/>
  <c r="AD86419" i="1"/>
  <c r="AD86420" i="1"/>
  <c r="AD86421" i="1"/>
  <c r="AD86422" i="1"/>
  <c r="AD86423" i="1"/>
  <c r="AD86424" i="1"/>
  <c r="AD86425" i="1"/>
  <c r="AD86426" i="1"/>
  <c r="AD86427" i="1"/>
  <c r="AD86428" i="1"/>
  <c r="AD86429" i="1"/>
  <c r="AD86430" i="1"/>
  <c r="AD86431" i="1"/>
  <c r="AD86432" i="1"/>
  <c r="AD86433" i="1"/>
  <c r="AD86434" i="1"/>
  <c r="AD86435" i="1"/>
  <c r="AD86436" i="1"/>
  <c r="AD86437" i="1"/>
  <c r="AD86438" i="1"/>
  <c r="AD86439" i="1"/>
  <c r="AD86440" i="1"/>
  <c r="AD86441" i="1"/>
  <c r="AD86442" i="1"/>
  <c r="AD86443" i="1"/>
  <c r="AD86444" i="1"/>
  <c r="AD86445" i="1"/>
  <c r="AD86446" i="1"/>
  <c r="AD86447" i="1"/>
  <c r="AD86448" i="1"/>
  <c r="AD86449" i="1"/>
  <c r="AD86450" i="1"/>
  <c r="AD86451" i="1"/>
  <c r="AD86452" i="1"/>
  <c r="AD86453" i="1"/>
  <c r="AD86454" i="1"/>
  <c r="AD86455" i="1"/>
  <c r="AD86456" i="1"/>
  <c r="AD86457" i="1"/>
  <c r="AD86458" i="1"/>
  <c r="AD86459" i="1"/>
  <c r="AD86460" i="1"/>
  <c r="AD86461" i="1"/>
  <c r="AD86462" i="1"/>
  <c r="AD86463" i="1"/>
  <c r="AD86464" i="1"/>
  <c r="AD86465" i="1"/>
  <c r="AD86466" i="1"/>
  <c r="AD86467" i="1"/>
  <c r="AD86468" i="1"/>
  <c r="AD86469" i="1"/>
  <c r="AD86470" i="1"/>
  <c r="AD86471" i="1"/>
  <c r="AD86472" i="1"/>
  <c r="AD86473" i="1"/>
  <c r="AD86474" i="1"/>
  <c r="AD86475" i="1"/>
  <c r="AD86476" i="1"/>
  <c r="AD86477" i="1"/>
  <c r="AD86478" i="1"/>
  <c r="AD86479" i="1"/>
  <c r="AD86480" i="1"/>
  <c r="AD86481" i="1"/>
  <c r="AD86482" i="1"/>
  <c r="AD86483" i="1"/>
  <c r="AD86484" i="1"/>
  <c r="AD86485" i="1"/>
  <c r="AD86486" i="1"/>
  <c r="AD86487" i="1"/>
  <c r="AD86488" i="1"/>
  <c r="AD86489" i="1"/>
  <c r="AD86490" i="1"/>
  <c r="AD86491" i="1"/>
  <c r="AD86492" i="1"/>
  <c r="AD86493" i="1"/>
  <c r="AD86494" i="1"/>
  <c r="AD86495" i="1"/>
  <c r="AD86496" i="1"/>
  <c r="AD86497" i="1"/>
  <c r="AD86498" i="1"/>
  <c r="AD86499" i="1"/>
  <c r="AD86500" i="1"/>
  <c r="AD86501" i="1"/>
  <c r="AD86502" i="1"/>
  <c r="AD86503" i="1"/>
  <c r="AD86504" i="1"/>
  <c r="AD86505" i="1"/>
  <c r="AD86506" i="1"/>
  <c r="AD86507" i="1"/>
  <c r="AD86508" i="1"/>
  <c r="AD86509" i="1"/>
  <c r="AD86510" i="1"/>
  <c r="AD86511" i="1"/>
  <c r="AD86512" i="1"/>
  <c r="AD86513" i="1"/>
  <c r="AD86514" i="1"/>
  <c r="AD86515" i="1"/>
  <c r="AD86516" i="1"/>
  <c r="AD86517" i="1"/>
  <c r="AD86518" i="1"/>
  <c r="AD86519" i="1"/>
  <c r="AD86520" i="1"/>
  <c r="AD86521" i="1"/>
  <c r="AD86522" i="1"/>
  <c r="AD86523" i="1"/>
  <c r="AD86524" i="1"/>
  <c r="AD86525" i="1"/>
  <c r="AD86526" i="1"/>
  <c r="AD86527" i="1"/>
  <c r="AD86528" i="1"/>
  <c r="AD86529" i="1"/>
  <c r="AD86530" i="1"/>
  <c r="AD86531" i="1"/>
  <c r="AD86532" i="1"/>
  <c r="AD86533" i="1"/>
  <c r="AD86534" i="1"/>
  <c r="AD86535" i="1"/>
  <c r="AD86536" i="1"/>
  <c r="AD86537" i="1"/>
  <c r="AD86538" i="1"/>
  <c r="AD86539" i="1"/>
  <c r="AD86540" i="1"/>
  <c r="AD86541" i="1"/>
  <c r="AD86542" i="1"/>
  <c r="AD86543" i="1"/>
  <c r="AD86544" i="1"/>
  <c r="AD86545" i="1"/>
  <c r="AD86546" i="1"/>
  <c r="AD86547" i="1"/>
  <c r="AD86548" i="1"/>
  <c r="AD86549" i="1"/>
  <c r="AD86550" i="1"/>
  <c r="AD86551" i="1"/>
  <c r="AD86552" i="1"/>
  <c r="AD86553" i="1"/>
  <c r="AD86554" i="1"/>
  <c r="AD86555" i="1"/>
  <c r="AD86556" i="1"/>
  <c r="AD86557" i="1"/>
  <c r="AD86558" i="1"/>
  <c r="AD86559" i="1"/>
  <c r="AD86560" i="1"/>
  <c r="AD86561" i="1"/>
  <c r="AD86562" i="1"/>
  <c r="AD86563" i="1"/>
  <c r="AD86564" i="1"/>
  <c r="AD86565" i="1"/>
  <c r="AD86566" i="1"/>
  <c r="AD86567" i="1"/>
  <c r="AD86568" i="1"/>
  <c r="AD86569" i="1"/>
  <c r="AD86570" i="1"/>
  <c r="AD86571" i="1"/>
  <c r="AD86572" i="1"/>
  <c r="AD86573" i="1"/>
  <c r="AD86574" i="1"/>
  <c r="AD86575" i="1"/>
  <c r="AD86576" i="1"/>
  <c r="AD86577" i="1"/>
  <c r="AD86578" i="1"/>
  <c r="AD86579" i="1"/>
  <c r="AD86580" i="1"/>
  <c r="AD86581" i="1"/>
  <c r="AD86582" i="1"/>
  <c r="AD86583" i="1"/>
  <c r="AD86584" i="1"/>
  <c r="AD86585" i="1"/>
  <c r="AD86586" i="1"/>
  <c r="AD86587" i="1"/>
  <c r="AD86588" i="1"/>
  <c r="AD86589" i="1"/>
  <c r="AD86590" i="1"/>
  <c r="AD86591" i="1"/>
  <c r="AD86592" i="1"/>
  <c r="AD86593" i="1"/>
  <c r="AD86594" i="1"/>
  <c r="AD86595" i="1"/>
  <c r="AD86596" i="1"/>
  <c r="AD86597" i="1"/>
  <c r="AD86598" i="1"/>
  <c r="AD86599" i="1"/>
  <c r="AD86600" i="1"/>
  <c r="AD86601" i="1"/>
  <c r="AD86602" i="1"/>
  <c r="AD86603" i="1"/>
  <c r="AD86604" i="1"/>
  <c r="AD86605" i="1"/>
  <c r="AD86606" i="1"/>
  <c r="AD86607" i="1"/>
  <c r="AD86608" i="1"/>
  <c r="AD86609" i="1"/>
  <c r="AD86610" i="1"/>
  <c r="AD86611" i="1"/>
  <c r="AD86612" i="1"/>
  <c r="AD86613" i="1"/>
  <c r="AD86614" i="1"/>
  <c r="AD86615" i="1"/>
  <c r="AD86616" i="1"/>
  <c r="AD86617" i="1"/>
  <c r="AD86618" i="1"/>
  <c r="AD86619" i="1"/>
  <c r="AD86620" i="1"/>
  <c r="AD86621" i="1"/>
  <c r="AD86622" i="1"/>
  <c r="AD86623" i="1"/>
  <c r="AD86624" i="1"/>
  <c r="AD86625" i="1"/>
  <c r="AD86626" i="1"/>
  <c r="AD86627" i="1"/>
  <c r="AD86628" i="1"/>
  <c r="AD86629" i="1"/>
  <c r="AD86630" i="1"/>
  <c r="AD86631" i="1"/>
  <c r="AD86632" i="1"/>
  <c r="AD86633" i="1"/>
  <c r="AD86634" i="1"/>
  <c r="AD86635" i="1"/>
  <c r="AD86636" i="1"/>
  <c r="AD86637" i="1"/>
  <c r="AD86638" i="1"/>
  <c r="AD86639" i="1"/>
  <c r="AD86640" i="1"/>
  <c r="AD86641" i="1"/>
  <c r="AD86642" i="1"/>
  <c r="AD86643" i="1"/>
  <c r="AD86644" i="1"/>
  <c r="AD86645" i="1"/>
  <c r="AD86646" i="1"/>
  <c r="AD86647" i="1"/>
  <c r="AD86648" i="1"/>
  <c r="AD86649" i="1"/>
  <c r="AD86650" i="1"/>
  <c r="AD86651" i="1"/>
  <c r="AD86652" i="1"/>
  <c r="AD86653" i="1"/>
  <c r="AD86654" i="1"/>
  <c r="AD86655" i="1"/>
  <c r="AD86656" i="1"/>
  <c r="AD86657" i="1"/>
  <c r="AD86658" i="1"/>
  <c r="AD86659" i="1"/>
  <c r="AD86660" i="1"/>
  <c r="AD86661" i="1"/>
  <c r="AD86662" i="1"/>
  <c r="AD86663" i="1"/>
  <c r="AD86664" i="1"/>
  <c r="AD86665" i="1"/>
  <c r="AD86666" i="1"/>
  <c r="AD86667" i="1"/>
  <c r="AD86668" i="1"/>
  <c r="AD86669" i="1"/>
  <c r="AD86670" i="1"/>
  <c r="AD86671" i="1"/>
  <c r="AD86672" i="1"/>
  <c r="AD86673" i="1"/>
  <c r="AD86674" i="1"/>
  <c r="AD86675" i="1"/>
  <c r="AD86676" i="1"/>
  <c r="AD86677" i="1"/>
  <c r="AD86678" i="1"/>
  <c r="AD86679" i="1"/>
  <c r="AD86680" i="1"/>
  <c r="AD86681" i="1"/>
  <c r="AD86682" i="1"/>
  <c r="AD86683" i="1"/>
  <c r="AD86684" i="1"/>
  <c r="AD86685" i="1"/>
  <c r="AD86686" i="1"/>
  <c r="AD86687" i="1"/>
  <c r="AD86688" i="1"/>
  <c r="AD86689" i="1"/>
  <c r="AD86690" i="1"/>
  <c r="AD86691" i="1"/>
  <c r="AD86692" i="1"/>
  <c r="AD86693" i="1"/>
  <c r="AD86694" i="1"/>
  <c r="AD86695" i="1"/>
  <c r="AD86696" i="1"/>
  <c r="AD86697" i="1"/>
  <c r="AD86698" i="1"/>
  <c r="AD86699" i="1"/>
  <c r="AD86700" i="1"/>
  <c r="AD86701" i="1"/>
  <c r="AD86702" i="1"/>
  <c r="AD86703" i="1"/>
  <c r="AD86704" i="1"/>
  <c r="AD86705" i="1"/>
  <c r="AD86706" i="1"/>
  <c r="AD86707" i="1"/>
  <c r="AD86708" i="1"/>
  <c r="AD86709" i="1"/>
  <c r="AD86710" i="1"/>
  <c r="AD86711" i="1"/>
  <c r="AD86712" i="1"/>
  <c r="AD86713" i="1"/>
  <c r="AD86714" i="1"/>
  <c r="AD86715" i="1"/>
  <c r="AD86716" i="1"/>
  <c r="AD86717" i="1"/>
  <c r="AD86718" i="1"/>
  <c r="AD86719" i="1"/>
  <c r="AD86720" i="1"/>
  <c r="AD86721" i="1"/>
  <c r="AD86722" i="1"/>
  <c r="AD86723" i="1"/>
  <c r="AD86724" i="1"/>
  <c r="AD86725" i="1"/>
  <c r="AD86726" i="1"/>
  <c r="AD86727" i="1"/>
  <c r="AD86728" i="1"/>
  <c r="AD86729" i="1"/>
  <c r="AD86730" i="1"/>
  <c r="AD86731" i="1"/>
  <c r="AD86732" i="1"/>
  <c r="AD86733" i="1"/>
  <c r="AD86734" i="1"/>
  <c r="AD86735" i="1"/>
  <c r="AD86736" i="1"/>
  <c r="AD86737" i="1"/>
  <c r="AD86738" i="1"/>
  <c r="AD86739" i="1"/>
  <c r="AD86740" i="1"/>
  <c r="AD86741" i="1"/>
  <c r="AD86742" i="1"/>
  <c r="AD86743" i="1"/>
  <c r="AD86744" i="1"/>
  <c r="AD86745" i="1"/>
  <c r="AD86746" i="1"/>
  <c r="AD86747" i="1"/>
  <c r="AD86748" i="1"/>
  <c r="AD86749" i="1"/>
  <c r="AD86750" i="1"/>
  <c r="AD86751" i="1"/>
  <c r="AD86752" i="1"/>
  <c r="AD86753" i="1"/>
  <c r="AD86754" i="1"/>
  <c r="AD86755" i="1"/>
  <c r="AD86756" i="1"/>
  <c r="AD86757" i="1"/>
  <c r="AD86758" i="1"/>
  <c r="AD86759" i="1"/>
  <c r="AD86760" i="1"/>
  <c r="AD86761" i="1"/>
  <c r="AD86762" i="1"/>
  <c r="AD86763" i="1"/>
  <c r="AD86764" i="1"/>
  <c r="AD86765" i="1"/>
  <c r="AD86766" i="1"/>
  <c r="AD86767" i="1"/>
  <c r="AD86768" i="1"/>
  <c r="AD86769" i="1"/>
  <c r="AD86770" i="1"/>
  <c r="AD86771" i="1"/>
  <c r="AD86772" i="1"/>
  <c r="AD86773" i="1"/>
  <c r="AD86774" i="1"/>
  <c r="AD86775" i="1"/>
  <c r="AD86776" i="1"/>
  <c r="AD86777" i="1"/>
  <c r="AD86778" i="1"/>
  <c r="AD86779" i="1"/>
  <c r="AD86780" i="1"/>
  <c r="AD86781" i="1"/>
  <c r="AD86782" i="1"/>
  <c r="AD86783" i="1"/>
  <c r="AD86784" i="1"/>
  <c r="AD86785" i="1"/>
  <c r="AD86786" i="1"/>
  <c r="AD86787" i="1"/>
  <c r="AD86788" i="1"/>
  <c r="AD86789" i="1"/>
  <c r="AD86790" i="1"/>
  <c r="AD86791" i="1"/>
  <c r="AD86792" i="1"/>
  <c r="AD86793" i="1"/>
  <c r="AD86794" i="1"/>
  <c r="AD86795" i="1"/>
  <c r="AD86796" i="1"/>
  <c r="AD86797" i="1"/>
  <c r="AD86798" i="1"/>
  <c r="AD86799" i="1"/>
  <c r="AD86800" i="1"/>
  <c r="AD86801" i="1"/>
  <c r="AD86802" i="1"/>
  <c r="AD86803" i="1"/>
  <c r="AD86804" i="1"/>
  <c r="AD86805" i="1"/>
  <c r="AD86806" i="1"/>
  <c r="AD86807" i="1"/>
  <c r="AD86808" i="1"/>
  <c r="AD86809" i="1"/>
  <c r="AD86810" i="1"/>
  <c r="AD86811" i="1"/>
  <c r="AD86812" i="1"/>
  <c r="AD86813" i="1"/>
  <c r="AD86814" i="1"/>
  <c r="AD86815" i="1"/>
  <c r="AD86816" i="1"/>
  <c r="AD86817" i="1"/>
  <c r="AD86818" i="1"/>
  <c r="AD86819" i="1"/>
  <c r="AD86820" i="1"/>
  <c r="AD86821" i="1"/>
  <c r="AD86822" i="1"/>
  <c r="AD86823" i="1"/>
  <c r="AD86824" i="1"/>
  <c r="AD86825" i="1"/>
  <c r="AD86826" i="1"/>
  <c r="AD86827" i="1"/>
  <c r="AD86828" i="1"/>
  <c r="AD86829" i="1"/>
  <c r="AD86830" i="1"/>
  <c r="AD86831" i="1"/>
  <c r="AD86832" i="1"/>
  <c r="AD86833" i="1"/>
  <c r="AD86834" i="1"/>
  <c r="AD86835" i="1"/>
  <c r="AD86836" i="1"/>
  <c r="AD86837" i="1"/>
  <c r="AD86838" i="1"/>
  <c r="AD86839" i="1"/>
  <c r="AD86840" i="1"/>
  <c r="AD86841" i="1"/>
  <c r="AD86842" i="1"/>
  <c r="AD86843" i="1"/>
  <c r="AD86844" i="1"/>
  <c r="AD86845" i="1"/>
  <c r="AD86846" i="1"/>
  <c r="AD86847" i="1"/>
  <c r="AD86848" i="1"/>
  <c r="AD86849" i="1"/>
  <c r="AD86850" i="1"/>
  <c r="AD86851" i="1"/>
  <c r="AD86852" i="1"/>
  <c r="AD86853" i="1"/>
  <c r="AD86854" i="1"/>
  <c r="AD86855" i="1"/>
  <c r="AD86856" i="1"/>
  <c r="AD86857" i="1"/>
  <c r="AD86858" i="1"/>
  <c r="AD86859" i="1"/>
  <c r="AD86860" i="1"/>
  <c r="AD86861" i="1"/>
  <c r="AD86862" i="1"/>
  <c r="AD86863" i="1"/>
  <c r="AD86864" i="1"/>
  <c r="AD86865" i="1"/>
  <c r="AD86866" i="1"/>
  <c r="AD86867" i="1"/>
  <c r="AD86868" i="1"/>
  <c r="AD86869" i="1"/>
  <c r="AD86870" i="1"/>
  <c r="AD86871" i="1"/>
  <c r="AD86872" i="1"/>
  <c r="AD86873" i="1"/>
  <c r="AD86874" i="1"/>
  <c r="AD86875" i="1"/>
  <c r="AD86876" i="1"/>
  <c r="AD86877" i="1"/>
  <c r="AD86878" i="1"/>
  <c r="AD86879" i="1"/>
  <c r="AD86880" i="1"/>
  <c r="AD86881" i="1"/>
  <c r="AD86882" i="1"/>
  <c r="AD86883" i="1"/>
  <c r="AD86884" i="1"/>
  <c r="AD86885" i="1"/>
  <c r="AD86886" i="1"/>
  <c r="AD86887" i="1"/>
  <c r="AD86888" i="1"/>
  <c r="AD86889" i="1"/>
  <c r="AD86890" i="1"/>
  <c r="AD86891" i="1"/>
  <c r="AD86892" i="1"/>
  <c r="AD86893" i="1"/>
  <c r="AD86894" i="1"/>
  <c r="AD86895" i="1"/>
  <c r="AD86896" i="1"/>
  <c r="AD86897" i="1"/>
  <c r="AD86898" i="1"/>
  <c r="AD86899" i="1"/>
  <c r="AD86900" i="1"/>
  <c r="AD86901" i="1"/>
  <c r="AD86902" i="1"/>
  <c r="AD86903" i="1"/>
  <c r="AD86904" i="1"/>
  <c r="AD86905" i="1"/>
  <c r="AD86906" i="1"/>
  <c r="AD86907" i="1"/>
  <c r="AD86908" i="1"/>
  <c r="AD86909" i="1"/>
  <c r="AD86910" i="1"/>
  <c r="AD86911" i="1"/>
  <c r="AD86912" i="1"/>
  <c r="AD86913" i="1"/>
  <c r="AD86914" i="1"/>
  <c r="AD86915" i="1"/>
  <c r="AD86916" i="1"/>
  <c r="AD86917" i="1"/>
  <c r="AD86918" i="1"/>
  <c r="AD86919" i="1"/>
  <c r="AD86920" i="1"/>
  <c r="AD86921" i="1"/>
  <c r="AD86922" i="1"/>
  <c r="AD86923" i="1"/>
  <c r="AD86924" i="1"/>
  <c r="AD86925" i="1"/>
  <c r="AD86926" i="1"/>
  <c r="AD86927" i="1"/>
  <c r="AD86928" i="1"/>
  <c r="AD86929" i="1"/>
  <c r="AD86930" i="1"/>
  <c r="AD86931" i="1"/>
  <c r="AD86932" i="1"/>
  <c r="AD86933" i="1"/>
  <c r="AD86934" i="1"/>
  <c r="AD86935" i="1"/>
  <c r="AD86936" i="1"/>
  <c r="AD86937" i="1"/>
  <c r="AD86938" i="1"/>
  <c r="AD86939" i="1"/>
  <c r="AD86940" i="1"/>
  <c r="AD86941" i="1"/>
  <c r="AD86942" i="1"/>
  <c r="AD86943" i="1"/>
  <c r="AD86944" i="1"/>
  <c r="AD86945" i="1"/>
  <c r="AD86946" i="1"/>
  <c r="AD86947" i="1"/>
  <c r="AD86948" i="1"/>
  <c r="AD86949" i="1"/>
  <c r="AD86950" i="1"/>
  <c r="AD86951" i="1"/>
  <c r="AD86952" i="1"/>
  <c r="AD86953" i="1"/>
  <c r="AD86954" i="1"/>
  <c r="AD86955" i="1"/>
  <c r="AD86956" i="1"/>
  <c r="AD86957" i="1"/>
  <c r="AD86958" i="1"/>
  <c r="AD86959" i="1"/>
  <c r="AD86960" i="1"/>
  <c r="AD86961" i="1"/>
  <c r="AD86962" i="1"/>
  <c r="AD86963" i="1"/>
  <c r="AD86964" i="1"/>
  <c r="AD86965" i="1"/>
  <c r="AD86966" i="1"/>
  <c r="AD86967" i="1"/>
  <c r="AD86968" i="1"/>
  <c r="AD86969" i="1"/>
  <c r="AD86970" i="1"/>
  <c r="AD86971" i="1"/>
  <c r="AD86972" i="1"/>
  <c r="AD86973" i="1"/>
  <c r="AD86974" i="1"/>
  <c r="AD86975" i="1"/>
  <c r="AD86976" i="1"/>
  <c r="AD86977" i="1"/>
  <c r="AD86978" i="1"/>
  <c r="AD86979" i="1"/>
  <c r="AD86980" i="1"/>
  <c r="AD86981" i="1"/>
  <c r="AD86982" i="1"/>
  <c r="AD86983" i="1"/>
  <c r="AD86984" i="1"/>
  <c r="AD86985" i="1"/>
  <c r="AD86986" i="1"/>
  <c r="AD86987" i="1"/>
  <c r="AD86988" i="1"/>
  <c r="AD86989" i="1"/>
  <c r="AD86990" i="1"/>
  <c r="AD86991" i="1"/>
  <c r="AD86992" i="1"/>
  <c r="AD86993" i="1"/>
  <c r="AD86994" i="1"/>
  <c r="AD86995" i="1"/>
  <c r="AD86996" i="1"/>
  <c r="AD86997" i="1"/>
  <c r="AD86998" i="1"/>
  <c r="AD86999" i="1"/>
  <c r="AD87000" i="1"/>
  <c r="AD87001" i="1"/>
  <c r="AD87002" i="1"/>
  <c r="AD87003" i="1"/>
  <c r="AD87004" i="1"/>
  <c r="AD87005" i="1"/>
  <c r="AD87006" i="1"/>
  <c r="AD87007" i="1"/>
  <c r="AD87008" i="1"/>
  <c r="AD87009" i="1"/>
  <c r="AD87010" i="1"/>
  <c r="AD87011" i="1"/>
  <c r="AD87012" i="1"/>
  <c r="AD87013" i="1"/>
  <c r="AD87014" i="1"/>
  <c r="AD87015" i="1"/>
  <c r="AD87016" i="1"/>
  <c r="AD87017" i="1"/>
  <c r="AD87018" i="1"/>
  <c r="AD87019" i="1"/>
  <c r="AD87020" i="1"/>
  <c r="AD87021" i="1"/>
  <c r="AD87022" i="1"/>
  <c r="AD87023" i="1"/>
  <c r="AD87024" i="1"/>
  <c r="AD87025" i="1"/>
  <c r="AD87026" i="1"/>
  <c r="AD87027" i="1"/>
  <c r="AD87028" i="1"/>
  <c r="AD87029" i="1"/>
  <c r="AD87030" i="1"/>
  <c r="AD87031" i="1"/>
  <c r="AD87032" i="1"/>
  <c r="AD87033" i="1"/>
  <c r="AD87034" i="1"/>
  <c r="AD87035" i="1"/>
  <c r="AD87036" i="1"/>
  <c r="AD87037" i="1"/>
  <c r="AD87038" i="1"/>
  <c r="AD87039" i="1"/>
  <c r="AD87040" i="1"/>
  <c r="AD87041" i="1"/>
  <c r="AD87042" i="1"/>
  <c r="AD87043" i="1"/>
  <c r="AD87044" i="1"/>
  <c r="AD87045" i="1"/>
  <c r="AD87046" i="1"/>
  <c r="AD87047" i="1"/>
  <c r="AD87048" i="1"/>
  <c r="AD87049" i="1"/>
  <c r="AD87050" i="1"/>
  <c r="AD87051" i="1"/>
  <c r="AD87052" i="1"/>
  <c r="AD87053" i="1"/>
  <c r="AD87054" i="1"/>
  <c r="AD87055" i="1"/>
  <c r="AD87056" i="1"/>
  <c r="AD87057" i="1"/>
  <c r="AD87058" i="1"/>
  <c r="AD87059" i="1"/>
  <c r="AD87060" i="1"/>
  <c r="AD87061" i="1"/>
  <c r="AD87062" i="1"/>
  <c r="AD87063" i="1"/>
  <c r="AD87064" i="1"/>
  <c r="AD87065" i="1"/>
  <c r="AD87066" i="1"/>
  <c r="AD87067" i="1"/>
  <c r="AD87068" i="1"/>
  <c r="AD87069" i="1"/>
  <c r="AD87070" i="1"/>
  <c r="AD87071" i="1"/>
  <c r="AD87072" i="1"/>
  <c r="AD87073" i="1"/>
  <c r="AD87074" i="1"/>
  <c r="AD87075" i="1"/>
  <c r="AD87076" i="1"/>
  <c r="AD87077" i="1"/>
  <c r="AD87078" i="1"/>
  <c r="AD87079" i="1"/>
  <c r="AD87080" i="1"/>
  <c r="AD87081" i="1"/>
  <c r="AD87082" i="1"/>
  <c r="AD87083" i="1"/>
  <c r="AD87084" i="1"/>
  <c r="AD87085" i="1"/>
  <c r="AD87086" i="1"/>
  <c r="AD87087" i="1"/>
  <c r="AD87088" i="1"/>
  <c r="AD87089" i="1"/>
  <c r="AD87090" i="1"/>
  <c r="AD87091" i="1"/>
  <c r="AD87092" i="1"/>
  <c r="AD87093" i="1"/>
  <c r="AD87094" i="1"/>
  <c r="AD87095" i="1"/>
  <c r="AD87096" i="1"/>
  <c r="AD87097" i="1"/>
  <c r="AD87098" i="1"/>
  <c r="AD87099" i="1"/>
  <c r="AD87100" i="1"/>
  <c r="AD87101" i="1"/>
  <c r="AD87102" i="1"/>
  <c r="AD87103" i="1"/>
  <c r="AD87104" i="1"/>
  <c r="AD87105" i="1"/>
  <c r="AD87106" i="1"/>
  <c r="AD87107" i="1"/>
  <c r="AD87108" i="1"/>
  <c r="AD87109" i="1"/>
  <c r="AD87110" i="1"/>
  <c r="AD87111" i="1"/>
  <c r="AD87112" i="1"/>
  <c r="AD87113" i="1"/>
  <c r="AD87114" i="1"/>
  <c r="AD87115" i="1"/>
  <c r="AD87116" i="1"/>
  <c r="AD87117" i="1"/>
  <c r="AD87118" i="1"/>
  <c r="AD87119" i="1"/>
  <c r="AD87120" i="1"/>
  <c r="AD87121" i="1"/>
  <c r="AD87122" i="1"/>
  <c r="AD87123" i="1"/>
  <c r="AD87124" i="1"/>
  <c r="AD87125" i="1"/>
  <c r="AD87126" i="1"/>
  <c r="AD87127" i="1"/>
  <c r="AD87128" i="1"/>
  <c r="AD87129" i="1"/>
  <c r="AD87130" i="1"/>
  <c r="AD87131" i="1"/>
  <c r="AD87132" i="1"/>
  <c r="AD87133" i="1"/>
  <c r="AD87134" i="1"/>
  <c r="AD87135" i="1"/>
  <c r="AD87136" i="1"/>
  <c r="AD87137" i="1"/>
  <c r="AD87138" i="1"/>
  <c r="AD87139" i="1"/>
  <c r="AD87140" i="1"/>
  <c r="AD87141" i="1"/>
  <c r="AD87142" i="1"/>
  <c r="AD87143" i="1"/>
  <c r="AD87144" i="1"/>
  <c r="AD87145" i="1"/>
  <c r="AD87146" i="1"/>
  <c r="AD87147" i="1"/>
  <c r="AD87148" i="1"/>
  <c r="AD87149" i="1"/>
  <c r="AD87150" i="1"/>
  <c r="AD87151" i="1"/>
  <c r="AD87152" i="1"/>
  <c r="AD87153" i="1"/>
  <c r="AD87154" i="1"/>
  <c r="AD87155" i="1"/>
  <c r="AD87156" i="1"/>
  <c r="AD87157" i="1"/>
  <c r="AD87158" i="1"/>
  <c r="AD87159" i="1"/>
  <c r="AD87160" i="1"/>
  <c r="AD87161" i="1"/>
  <c r="AD87162" i="1"/>
  <c r="AD87163" i="1"/>
  <c r="AD87164" i="1"/>
  <c r="AD87165" i="1"/>
  <c r="AD87166" i="1"/>
  <c r="AD87167" i="1"/>
  <c r="AD87168" i="1"/>
  <c r="AD87169" i="1"/>
  <c r="AD87170" i="1"/>
  <c r="AD87171" i="1"/>
  <c r="AD87172" i="1"/>
  <c r="AD87173" i="1"/>
  <c r="AD87174" i="1"/>
  <c r="AD87175" i="1"/>
  <c r="AD87176" i="1"/>
  <c r="AD87177" i="1"/>
  <c r="AD87178" i="1"/>
  <c r="AD87179" i="1"/>
  <c r="AD87180" i="1"/>
  <c r="AD87181" i="1"/>
  <c r="AD87182" i="1"/>
  <c r="AD87183" i="1"/>
  <c r="AD87184" i="1"/>
  <c r="AD87185" i="1"/>
  <c r="AD87186" i="1"/>
  <c r="AD87187" i="1"/>
  <c r="AD87188" i="1"/>
  <c r="AD87189" i="1"/>
  <c r="AD87190" i="1"/>
  <c r="AD87191" i="1"/>
  <c r="AD87192" i="1"/>
  <c r="AD87193" i="1"/>
  <c r="AD87194" i="1"/>
  <c r="AD87195" i="1"/>
  <c r="AD87196" i="1"/>
  <c r="AD87197" i="1"/>
  <c r="AD87198" i="1"/>
  <c r="AD87199" i="1"/>
  <c r="AD87200" i="1"/>
  <c r="AD87201" i="1"/>
  <c r="AD87202" i="1"/>
  <c r="AD87203" i="1"/>
  <c r="AD87204" i="1"/>
  <c r="AD87205" i="1"/>
  <c r="AD87206" i="1"/>
  <c r="AD87207" i="1"/>
  <c r="AD87208" i="1"/>
  <c r="AD87209" i="1"/>
  <c r="AD87210" i="1"/>
  <c r="AD87211" i="1"/>
  <c r="AD87212" i="1"/>
  <c r="AD87213" i="1"/>
  <c r="AD87214" i="1"/>
  <c r="AD87215" i="1"/>
  <c r="AD87216" i="1"/>
  <c r="AD87217" i="1"/>
  <c r="AD87218" i="1"/>
  <c r="AD87219" i="1"/>
  <c r="AD87220" i="1"/>
  <c r="AD87221" i="1"/>
  <c r="AD87222" i="1"/>
  <c r="AD87223" i="1"/>
  <c r="AD87224" i="1"/>
  <c r="AD87225" i="1"/>
  <c r="AD87226" i="1"/>
  <c r="AD87227" i="1"/>
  <c r="AD87228" i="1"/>
  <c r="AD87229" i="1"/>
  <c r="AD87230" i="1"/>
  <c r="AD87231" i="1"/>
  <c r="AD87232" i="1"/>
  <c r="AD87233" i="1"/>
  <c r="AD87234" i="1"/>
  <c r="AD87235" i="1"/>
  <c r="AD87236" i="1"/>
  <c r="AD87237" i="1"/>
  <c r="AD87238" i="1"/>
  <c r="AD87239" i="1"/>
  <c r="AD87240" i="1"/>
  <c r="AD87241" i="1"/>
  <c r="AD87242" i="1"/>
  <c r="AD87243" i="1"/>
  <c r="AD87244" i="1"/>
  <c r="AD87245" i="1"/>
  <c r="AD87246" i="1"/>
  <c r="AD87247" i="1"/>
  <c r="AD87248" i="1"/>
  <c r="AD87249" i="1"/>
  <c r="AD87250" i="1"/>
  <c r="AD87251" i="1"/>
  <c r="AD87252" i="1"/>
  <c r="AD87253" i="1"/>
  <c r="AD87254" i="1"/>
  <c r="AD87255" i="1"/>
  <c r="AD87256" i="1"/>
  <c r="AD87257" i="1"/>
  <c r="AD87258" i="1"/>
  <c r="AD87259" i="1"/>
  <c r="AD87260" i="1"/>
  <c r="AD87261" i="1"/>
  <c r="AD87262" i="1"/>
  <c r="AD87263" i="1"/>
  <c r="AD87264" i="1"/>
  <c r="AD87265" i="1"/>
  <c r="AD87266" i="1"/>
  <c r="AD87267" i="1"/>
  <c r="AD87268" i="1"/>
  <c r="AD87269" i="1"/>
  <c r="AD87270" i="1"/>
  <c r="AD87271" i="1"/>
  <c r="AD87272" i="1"/>
  <c r="AD87273" i="1"/>
  <c r="AD87274" i="1"/>
  <c r="AD87275" i="1"/>
  <c r="AD87276" i="1"/>
  <c r="AD87277" i="1"/>
  <c r="AD87278" i="1"/>
  <c r="AD87279" i="1"/>
  <c r="AD87280" i="1"/>
  <c r="AD87281" i="1"/>
  <c r="AD87282" i="1"/>
  <c r="AD87283" i="1"/>
  <c r="AD87284" i="1"/>
  <c r="AD87285" i="1"/>
  <c r="AD87286" i="1"/>
  <c r="AD87287" i="1"/>
  <c r="AD87288" i="1"/>
  <c r="AD87289" i="1"/>
  <c r="AD87290" i="1"/>
  <c r="AD87291" i="1"/>
  <c r="AD87292" i="1"/>
  <c r="AD87293" i="1"/>
  <c r="AD87294" i="1"/>
  <c r="AD87295" i="1"/>
  <c r="AD87296" i="1"/>
  <c r="AD87297" i="1"/>
  <c r="AD87298" i="1"/>
  <c r="AD87299" i="1"/>
  <c r="AD87300" i="1"/>
  <c r="AD87301" i="1"/>
  <c r="AD87302" i="1"/>
  <c r="AD87303" i="1"/>
  <c r="AD87304" i="1"/>
  <c r="AD87305" i="1"/>
  <c r="AD87306" i="1"/>
  <c r="AD87307" i="1"/>
  <c r="AD87308" i="1"/>
  <c r="AD87309" i="1"/>
  <c r="AD87310" i="1"/>
  <c r="AD87311" i="1"/>
  <c r="AD87312" i="1"/>
  <c r="AD87313" i="1"/>
  <c r="AD87314" i="1"/>
  <c r="AD87315" i="1"/>
  <c r="AD87316" i="1"/>
  <c r="AD87317" i="1"/>
  <c r="AD87318" i="1"/>
  <c r="AD87319" i="1"/>
  <c r="AD87320" i="1"/>
  <c r="AD87321" i="1"/>
  <c r="AD87322" i="1"/>
  <c r="AD87323" i="1"/>
  <c r="AD87324" i="1"/>
  <c r="AD87325" i="1"/>
  <c r="AD87326" i="1"/>
  <c r="AD87327" i="1"/>
  <c r="AD87328" i="1"/>
  <c r="AD87329" i="1"/>
  <c r="AD87330" i="1"/>
  <c r="AD87331" i="1"/>
  <c r="AD87332" i="1"/>
  <c r="AD87333" i="1"/>
  <c r="AD87334" i="1"/>
  <c r="AD87335" i="1"/>
  <c r="AD87336" i="1"/>
  <c r="AD87337" i="1"/>
  <c r="AD87338" i="1"/>
  <c r="AD87339" i="1"/>
  <c r="AD87340" i="1"/>
  <c r="AD87341" i="1"/>
  <c r="AD87342" i="1"/>
  <c r="AD87343" i="1"/>
  <c r="AD87344" i="1"/>
  <c r="AD87345" i="1"/>
  <c r="AD87346" i="1"/>
  <c r="AD87347" i="1"/>
  <c r="AD87348" i="1"/>
  <c r="AD87349" i="1"/>
  <c r="AD87350" i="1"/>
  <c r="AD87351" i="1"/>
  <c r="AD87352" i="1"/>
  <c r="AD87353" i="1"/>
  <c r="AD87354" i="1"/>
  <c r="AD87355" i="1"/>
  <c r="AD87356" i="1"/>
  <c r="AD87357" i="1"/>
  <c r="AD87358" i="1"/>
  <c r="AD87359" i="1"/>
  <c r="AD87360" i="1"/>
  <c r="AD87361" i="1"/>
  <c r="AD87362" i="1"/>
  <c r="AD87363" i="1"/>
  <c r="AD87364" i="1"/>
  <c r="AD87365" i="1"/>
  <c r="AD87366" i="1"/>
  <c r="AD87367" i="1"/>
  <c r="AD87368" i="1"/>
  <c r="AD87369" i="1"/>
  <c r="AD87370" i="1"/>
  <c r="AD87371" i="1"/>
  <c r="AD87372" i="1"/>
  <c r="AD87373" i="1"/>
  <c r="AD87374" i="1"/>
  <c r="AD87375" i="1"/>
  <c r="AD87376" i="1"/>
  <c r="AD87377" i="1"/>
  <c r="AD87378" i="1"/>
  <c r="AD87379" i="1"/>
  <c r="AD87380" i="1"/>
  <c r="AD87381" i="1"/>
  <c r="AD87382" i="1"/>
  <c r="AD87383" i="1"/>
  <c r="AD87384" i="1"/>
  <c r="AD87385" i="1"/>
  <c r="AD87386" i="1"/>
  <c r="AD87387" i="1"/>
  <c r="AD87388" i="1"/>
  <c r="AD87389" i="1"/>
  <c r="AD87390" i="1"/>
  <c r="AD87391" i="1"/>
  <c r="AD87392" i="1"/>
  <c r="AD87393" i="1"/>
  <c r="AD87394" i="1"/>
  <c r="AD87395" i="1"/>
  <c r="AD87396" i="1"/>
  <c r="AD87397" i="1"/>
  <c r="AD87398" i="1"/>
  <c r="AD87399" i="1"/>
  <c r="AD87400" i="1"/>
  <c r="AD87401" i="1"/>
  <c r="AD87402" i="1"/>
  <c r="AD87403" i="1"/>
  <c r="AD87404" i="1"/>
  <c r="AD87405" i="1"/>
  <c r="AD87406" i="1"/>
  <c r="AD87407" i="1"/>
  <c r="AD87408" i="1"/>
  <c r="AD87409" i="1"/>
  <c r="AD87410" i="1"/>
  <c r="AD87411" i="1"/>
  <c r="AD87412" i="1"/>
  <c r="AD87413" i="1"/>
  <c r="AD87414" i="1"/>
  <c r="AD87415" i="1"/>
  <c r="AD87416" i="1"/>
  <c r="AD87417" i="1"/>
  <c r="AD87418" i="1"/>
  <c r="AD87419" i="1"/>
  <c r="AD87420" i="1"/>
  <c r="AD87421" i="1"/>
  <c r="AD87422" i="1"/>
  <c r="AD87423" i="1"/>
  <c r="AD87424" i="1"/>
  <c r="AD87425" i="1"/>
  <c r="AD87426" i="1"/>
  <c r="AD87427" i="1"/>
  <c r="AD87428" i="1"/>
  <c r="AD87429" i="1"/>
  <c r="AD87430" i="1"/>
  <c r="AD87431" i="1"/>
  <c r="AD87432" i="1"/>
  <c r="AD87433" i="1"/>
  <c r="AD87434" i="1"/>
  <c r="AD87435" i="1"/>
  <c r="AD87436" i="1"/>
  <c r="AD87437" i="1"/>
  <c r="AD87438" i="1"/>
  <c r="AD87439" i="1"/>
  <c r="AD87440" i="1"/>
  <c r="AD87441" i="1"/>
  <c r="AD87442" i="1"/>
  <c r="AD87443" i="1"/>
  <c r="AD87444" i="1"/>
  <c r="AD87445" i="1"/>
  <c r="AD87446" i="1"/>
  <c r="AD87447" i="1"/>
  <c r="AD87448" i="1"/>
  <c r="AD87449" i="1"/>
  <c r="AD87450" i="1"/>
  <c r="AD87451" i="1"/>
  <c r="AD87452" i="1"/>
  <c r="AD87453" i="1"/>
  <c r="AD87454" i="1"/>
  <c r="AD87455" i="1"/>
  <c r="AD87456" i="1"/>
  <c r="AD87457" i="1"/>
  <c r="AD87458" i="1"/>
  <c r="AD87459" i="1"/>
  <c r="AD87460" i="1"/>
  <c r="AD87461" i="1"/>
  <c r="AD87462" i="1"/>
  <c r="AD87463" i="1"/>
  <c r="AD87464" i="1"/>
  <c r="AD87465" i="1"/>
  <c r="AD87466" i="1"/>
  <c r="AD87467" i="1"/>
  <c r="AD87468" i="1"/>
  <c r="AD87469" i="1"/>
  <c r="AD87470" i="1"/>
  <c r="AD87471" i="1"/>
  <c r="AD87472" i="1"/>
  <c r="AD87473" i="1"/>
  <c r="AD87474" i="1"/>
  <c r="AD87475" i="1"/>
  <c r="AD87476" i="1"/>
  <c r="AD87477" i="1"/>
  <c r="AD87478" i="1"/>
  <c r="AD87479" i="1"/>
  <c r="AD87480" i="1"/>
  <c r="AD87481" i="1"/>
  <c r="AD87482" i="1"/>
  <c r="AD87483" i="1"/>
  <c r="AD87484" i="1"/>
  <c r="AD87485" i="1"/>
  <c r="AD87486" i="1"/>
  <c r="AD87487" i="1"/>
  <c r="AD87488" i="1"/>
  <c r="AD87489" i="1"/>
  <c r="AD87490" i="1"/>
  <c r="AD87491" i="1"/>
  <c r="AD87492" i="1"/>
  <c r="AD87493" i="1"/>
  <c r="AD87494" i="1"/>
  <c r="AD87495" i="1"/>
  <c r="AD87496" i="1"/>
  <c r="AD87497" i="1"/>
  <c r="AD87498" i="1"/>
  <c r="AD87499" i="1"/>
  <c r="AD87500" i="1"/>
  <c r="AD87501" i="1"/>
  <c r="AD87502" i="1"/>
  <c r="AD87503" i="1"/>
  <c r="AD87504" i="1"/>
  <c r="AD87505" i="1"/>
  <c r="AD87506" i="1"/>
  <c r="AD87507" i="1"/>
  <c r="AD87508" i="1"/>
  <c r="AD87509" i="1"/>
  <c r="AD87510" i="1"/>
  <c r="AD87511" i="1"/>
  <c r="AD87512" i="1"/>
  <c r="AD87513" i="1"/>
  <c r="AD87514" i="1"/>
  <c r="AD87515" i="1"/>
  <c r="AD87516" i="1"/>
  <c r="AD87517" i="1"/>
  <c r="AD87518" i="1"/>
  <c r="AD87519" i="1"/>
  <c r="AD87520" i="1"/>
  <c r="AD87521" i="1"/>
  <c r="AD87522" i="1"/>
  <c r="AD87523" i="1"/>
  <c r="AD87524" i="1"/>
  <c r="AD87525" i="1"/>
  <c r="AD87526" i="1"/>
  <c r="AD87527" i="1"/>
  <c r="AD87528" i="1"/>
  <c r="AD87529" i="1"/>
  <c r="AD87530" i="1"/>
  <c r="AD87531" i="1"/>
  <c r="AD87532" i="1"/>
  <c r="AD87533" i="1"/>
  <c r="AD87534" i="1"/>
  <c r="AD87535" i="1"/>
  <c r="AD87536" i="1"/>
  <c r="AD87537" i="1"/>
  <c r="AD87538" i="1"/>
  <c r="AD87539" i="1"/>
  <c r="AD87540" i="1"/>
  <c r="AD87541" i="1"/>
  <c r="AD87542" i="1"/>
  <c r="AD87543" i="1"/>
  <c r="AD87544" i="1"/>
  <c r="AD87545" i="1"/>
  <c r="AD87546" i="1"/>
  <c r="AD87547" i="1"/>
  <c r="AD87548" i="1"/>
  <c r="AD87549" i="1"/>
  <c r="AD87550" i="1"/>
  <c r="AD87551" i="1"/>
  <c r="AD87552" i="1"/>
  <c r="AD87553" i="1"/>
  <c r="AD87554" i="1"/>
  <c r="AD87555" i="1"/>
  <c r="AD87556" i="1"/>
  <c r="AD87557" i="1"/>
  <c r="AD87558" i="1"/>
  <c r="AD87559" i="1"/>
  <c r="AD87560" i="1"/>
  <c r="AD87561" i="1"/>
  <c r="AD87562" i="1"/>
  <c r="AD87563" i="1"/>
  <c r="AD87564" i="1"/>
  <c r="AD87565" i="1"/>
  <c r="AD87566" i="1"/>
  <c r="AD87567" i="1"/>
  <c r="AD87568" i="1"/>
  <c r="AD87569" i="1"/>
  <c r="AD87570" i="1"/>
  <c r="AD87571" i="1"/>
  <c r="AD87572" i="1"/>
  <c r="AD87573" i="1"/>
  <c r="AD87574" i="1"/>
  <c r="AD87575" i="1"/>
  <c r="AD87576" i="1"/>
  <c r="AD87577" i="1"/>
  <c r="AD87578" i="1"/>
  <c r="AD87579" i="1"/>
  <c r="AD87580" i="1"/>
  <c r="AD87581" i="1"/>
  <c r="AD87582" i="1"/>
  <c r="AD87583" i="1"/>
  <c r="AD87584" i="1"/>
  <c r="AD87585" i="1"/>
  <c r="AD87586" i="1"/>
  <c r="AD87587" i="1"/>
  <c r="AD87588" i="1"/>
  <c r="AD87589" i="1"/>
  <c r="AD87590" i="1"/>
  <c r="AD87591" i="1"/>
  <c r="AD87592" i="1"/>
  <c r="AD87593" i="1"/>
  <c r="AD87594" i="1"/>
  <c r="AD87595" i="1"/>
  <c r="AD87596" i="1"/>
  <c r="AD87597" i="1"/>
  <c r="AD87598" i="1"/>
  <c r="AD87599" i="1"/>
  <c r="AD87600" i="1"/>
  <c r="AD87601" i="1"/>
  <c r="AD87602" i="1"/>
  <c r="AD87603" i="1"/>
  <c r="AD87604" i="1"/>
  <c r="AD87605" i="1"/>
  <c r="AD87606" i="1"/>
  <c r="AD87607" i="1"/>
  <c r="AD87608" i="1"/>
  <c r="AD87609" i="1"/>
  <c r="AD87610" i="1"/>
  <c r="AD87611" i="1"/>
  <c r="AD87612" i="1"/>
  <c r="AD87613" i="1"/>
  <c r="AD87614" i="1"/>
  <c r="AD87615" i="1"/>
  <c r="AD87616" i="1"/>
  <c r="AD87617" i="1"/>
  <c r="AD87618" i="1"/>
  <c r="AD87619" i="1"/>
  <c r="AD87620" i="1"/>
  <c r="AD87621" i="1"/>
  <c r="AD87622" i="1"/>
  <c r="AD87623" i="1"/>
  <c r="AD87624" i="1"/>
  <c r="AD87625" i="1"/>
  <c r="AD87626" i="1"/>
  <c r="AD87627" i="1"/>
  <c r="AD87628" i="1"/>
  <c r="AD87629" i="1"/>
  <c r="AD87630" i="1"/>
  <c r="AD87631" i="1"/>
  <c r="AD87632" i="1"/>
  <c r="AD87633" i="1"/>
  <c r="AD87634" i="1"/>
  <c r="AD87635" i="1"/>
  <c r="AD87636" i="1"/>
  <c r="AD87637" i="1"/>
  <c r="AD87638" i="1"/>
  <c r="AD87639" i="1"/>
  <c r="AD87640" i="1"/>
  <c r="AD87641" i="1"/>
  <c r="AD87642" i="1"/>
  <c r="AD87643" i="1"/>
  <c r="AD87644" i="1"/>
  <c r="AD87645" i="1"/>
  <c r="AD87646" i="1"/>
  <c r="AD87647" i="1"/>
  <c r="AD87648" i="1"/>
  <c r="AD87649" i="1"/>
  <c r="AD87650" i="1"/>
  <c r="AD87651" i="1"/>
  <c r="AD87652" i="1"/>
  <c r="AD87653" i="1"/>
  <c r="AD87654" i="1"/>
  <c r="AD87655" i="1"/>
  <c r="AD87656" i="1"/>
  <c r="AD87657" i="1"/>
  <c r="AD87658" i="1"/>
  <c r="AD87659" i="1"/>
  <c r="AD87660" i="1"/>
  <c r="AD87661" i="1"/>
  <c r="AD87662" i="1"/>
  <c r="AD87663" i="1"/>
  <c r="AD87664" i="1"/>
  <c r="AD87665" i="1"/>
  <c r="AD87666" i="1"/>
  <c r="AD87667" i="1"/>
  <c r="AD87668" i="1"/>
  <c r="AD87669" i="1"/>
  <c r="AD87670" i="1"/>
  <c r="AD87671" i="1"/>
  <c r="AD87672" i="1"/>
  <c r="AD87673" i="1"/>
  <c r="AD87674" i="1"/>
  <c r="AD87675" i="1"/>
  <c r="AD87676" i="1"/>
  <c r="AD87677" i="1"/>
  <c r="AD87678" i="1"/>
  <c r="AD87679" i="1"/>
  <c r="AD87680" i="1"/>
  <c r="AD87681" i="1"/>
  <c r="AD87682" i="1"/>
  <c r="AD87683" i="1"/>
  <c r="AD87684" i="1"/>
  <c r="AD87685" i="1"/>
  <c r="AD87686" i="1"/>
  <c r="AD87687" i="1"/>
  <c r="AD87688" i="1"/>
  <c r="AD87689" i="1"/>
  <c r="AD87690" i="1"/>
  <c r="AD87691" i="1"/>
  <c r="AD87692" i="1"/>
  <c r="AD87693" i="1"/>
  <c r="AD87694" i="1"/>
  <c r="AD87695" i="1"/>
  <c r="AD87696" i="1"/>
  <c r="AD87697" i="1"/>
  <c r="AD87698" i="1"/>
  <c r="AD87699" i="1"/>
  <c r="AD87700" i="1"/>
  <c r="AD87701" i="1"/>
  <c r="AD87702" i="1"/>
  <c r="AD87703" i="1"/>
  <c r="AD87704" i="1"/>
  <c r="AD87705" i="1"/>
  <c r="AD87706" i="1"/>
  <c r="AD87707" i="1"/>
  <c r="AD87708" i="1"/>
  <c r="AD87709" i="1"/>
  <c r="AD87710" i="1"/>
  <c r="AD87711" i="1"/>
  <c r="AD87712" i="1"/>
  <c r="AD87713" i="1"/>
  <c r="AD87714" i="1"/>
  <c r="AD87715" i="1"/>
  <c r="AD87716" i="1"/>
  <c r="AD87717" i="1"/>
  <c r="AD87718" i="1"/>
  <c r="AD87719" i="1"/>
  <c r="AD87720" i="1"/>
  <c r="AD87721" i="1"/>
  <c r="AD87722" i="1"/>
  <c r="AD87723" i="1"/>
  <c r="AD87724" i="1"/>
  <c r="AD87725" i="1"/>
  <c r="AD87726" i="1"/>
  <c r="AD87727" i="1"/>
  <c r="AD87728" i="1"/>
  <c r="AD87729" i="1"/>
  <c r="AD87730" i="1"/>
  <c r="AD87731" i="1"/>
  <c r="AD87732" i="1"/>
  <c r="AD87733" i="1"/>
  <c r="AD87734" i="1"/>
  <c r="AD87735" i="1"/>
  <c r="AD87736" i="1"/>
  <c r="AD87737" i="1"/>
  <c r="AD87738" i="1"/>
  <c r="AD87739" i="1"/>
  <c r="AD87740" i="1"/>
  <c r="AD87741" i="1"/>
  <c r="AD87742" i="1"/>
  <c r="AD87743" i="1"/>
  <c r="AD87744" i="1"/>
  <c r="AD87745" i="1"/>
  <c r="AD87746" i="1"/>
  <c r="AD87747" i="1"/>
  <c r="AD87748" i="1"/>
  <c r="AD87749" i="1"/>
  <c r="AD87750" i="1"/>
  <c r="AD87751" i="1"/>
  <c r="AD87752" i="1"/>
  <c r="AD87753" i="1"/>
  <c r="AD87754" i="1"/>
  <c r="AD87755" i="1"/>
  <c r="AD87756" i="1"/>
  <c r="AD87757" i="1"/>
  <c r="AD87758" i="1"/>
  <c r="AD87759" i="1"/>
  <c r="AD87760" i="1"/>
  <c r="AD87761" i="1"/>
  <c r="AD87762" i="1"/>
  <c r="AD87763" i="1"/>
  <c r="AD87764" i="1"/>
  <c r="AD87765" i="1"/>
  <c r="AD87766" i="1"/>
  <c r="AD87767" i="1"/>
  <c r="AD87768" i="1"/>
  <c r="AD87769" i="1"/>
  <c r="AD87770" i="1"/>
  <c r="AD87771" i="1"/>
  <c r="AD87772" i="1"/>
  <c r="AD87773" i="1"/>
  <c r="AD87774" i="1"/>
  <c r="AD87775" i="1"/>
  <c r="AD87776" i="1"/>
  <c r="AD87777" i="1"/>
  <c r="AD87778" i="1"/>
  <c r="AD87779" i="1"/>
  <c r="AD87780" i="1"/>
  <c r="AD87781" i="1"/>
  <c r="AD87782" i="1"/>
  <c r="AD87783" i="1"/>
  <c r="AD87784" i="1"/>
  <c r="AD87785" i="1"/>
  <c r="AD87786" i="1"/>
  <c r="AD87787" i="1"/>
  <c r="AD87788" i="1"/>
  <c r="AD87789" i="1"/>
  <c r="AD87790" i="1"/>
  <c r="AD87791" i="1"/>
  <c r="AD87792" i="1"/>
  <c r="AD87793" i="1"/>
  <c r="AD87794" i="1"/>
  <c r="AD87795" i="1"/>
  <c r="AD87796" i="1"/>
  <c r="AD87797" i="1"/>
  <c r="AD87798" i="1"/>
  <c r="AD87799" i="1"/>
  <c r="AD87800" i="1"/>
  <c r="AD87801" i="1"/>
  <c r="AD87802" i="1"/>
  <c r="AD87803" i="1"/>
  <c r="AD87804" i="1"/>
  <c r="AD87805" i="1"/>
  <c r="AD87806" i="1"/>
  <c r="AD87807" i="1"/>
  <c r="AD87808" i="1"/>
  <c r="AD87809" i="1"/>
  <c r="AD87810" i="1"/>
  <c r="AD87811" i="1"/>
  <c r="AD87812" i="1"/>
  <c r="AD87813" i="1"/>
  <c r="AD87814" i="1"/>
  <c r="AD87815" i="1"/>
  <c r="AD87816" i="1"/>
  <c r="AD87817" i="1"/>
  <c r="AD87818" i="1"/>
  <c r="AD87819" i="1"/>
  <c r="AD87820" i="1"/>
  <c r="AD87821" i="1"/>
  <c r="AD87822" i="1"/>
  <c r="AD87823" i="1"/>
  <c r="AD87824" i="1"/>
  <c r="AD87825" i="1"/>
  <c r="AD87826" i="1"/>
  <c r="AD87827" i="1"/>
  <c r="AD87828" i="1"/>
  <c r="AD87829" i="1"/>
  <c r="AD87830" i="1"/>
  <c r="AD87831" i="1"/>
  <c r="AD87832" i="1"/>
  <c r="AD87833" i="1"/>
  <c r="AD87834" i="1"/>
  <c r="AD87835" i="1"/>
  <c r="AD87836" i="1"/>
  <c r="AD87837" i="1"/>
  <c r="AD87838" i="1"/>
  <c r="AD87839" i="1"/>
  <c r="AD87840" i="1"/>
  <c r="AD87841" i="1"/>
  <c r="AD87842" i="1"/>
  <c r="AD87843" i="1"/>
  <c r="AD87844" i="1"/>
  <c r="AD87845" i="1"/>
  <c r="AD87846" i="1"/>
  <c r="AD87847" i="1"/>
  <c r="AD87848" i="1"/>
  <c r="AD87849" i="1"/>
  <c r="AD87850" i="1"/>
  <c r="AD87851" i="1"/>
  <c r="AD87852" i="1"/>
  <c r="AD87853" i="1"/>
  <c r="AD87854" i="1"/>
  <c r="AD87855" i="1"/>
  <c r="AD87856" i="1"/>
  <c r="AD87857" i="1"/>
  <c r="AD87858" i="1"/>
  <c r="AD87859" i="1"/>
  <c r="AD87860" i="1"/>
  <c r="AD87861" i="1"/>
  <c r="AD87862" i="1"/>
  <c r="AD87863" i="1"/>
  <c r="AD87864" i="1"/>
  <c r="AD87865" i="1"/>
  <c r="AD87866" i="1"/>
  <c r="AD87867" i="1"/>
  <c r="AD87868" i="1"/>
  <c r="AD87869" i="1"/>
  <c r="AD87870" i="1"/>
  <c r="AD87871" i="1"/>
  <c r="AD87872" i="1"/>
  <c r="AD87873" i="1"/>
  <c r="AD87874" i="1"/>
  <c r="AD87875" i="1"/>
  <c r="AD87876" i="1"/>
  <c r="AD87877" i="1"/>
  <c r="AD87878" i="1"/>
  <c r="AD87879" i="1"/>
  <c r="AD87880" i="1"/>
  <c r="AD87881" i="1"/>
  <c r="AD87882" i="1"/>
  <c r="AD87883" i="1"/>
  <c r="AD87884" i="1"/>
  <c r="AD87885" i="1"/>
  <c r="AD87886" i="1"/>
  <c r="AD87887" i="1"/>
  <c r="AD87888" i="1"/>
  <c r="AD87889" i="1"/>
  <c r="AD87890" i="1"/>
  <c r="AD87891" i="1"/>
  <c r="AD87892" i="1"/>
  <c r="AD87893" i="1"/>
  <c r="AD87894" i="1"/>
  <c r="AD87895" i="1"/>
  <c r="AD87896" i="1"/>
  <c r="AD87897" i="1"/>
  <c r="AD87898" i="1"/>
  <c r="AD87899" i="1"/>
  <c r="AD87900" i="1"/>
  <c r="AD87901" i="1"/>
  <c r="AD87902" i="1"/>
  <c r="AD87903" i="1"/>
  <c r="AD87904" i="1"/>
  <c r="AD87905" i="1"/>
  <c r="AD87906" i="1"/>
  <c r="AD87907" i="1"/>
  <c r="AD87908" i="1"/>
  <c r="AD87909" i="1"/>
  <c r="AD87910" i="1"/>
  <c r="AD87911" i="1"/>
  <c r="AD87912" i="1"/>
  <c r="AD87913" i="1"/>
  <c r="AD87914" i="1"/>
  <c r="AD87915" i="1"/>
  <c r="AD87916" i="1"/>
  <c r="AD87917" i="1"/>
  <c r="AD87918" i="1"/>
  <c r="AD87919" i="1"/>
  <c r="AD87920" i="1"/>
  <c r="AD87921" i="1"/>
  <c r="AD87922" i="1"/>
  <c r="AD87923" i="1"/>
  <c r="AD87924" i="1"/>
  <c r="AD87925" i="1"/>
  <c r="AD87926" i="1"/>
  <c r="AD87927" i="1"/>
  <c r="AD87928" i="1"/>
  <c r="AD87929" i="1"/>
  <c r="AD87930" i="1"/>
  <c r="AD87931" i="1"/>
  <c r="AD87932" i="1"/>
  <c r="AD87933" i="1"/>
  <c r="AD87934" i="1"/>
  <c r="AD87935" i="1"/>
  <c r="AD87936" i="1"/>
  <c r="AD87937" i="1"/>
  <c r="AD87938" i="1"/>
  <c r="AD87939" i="1"/>
  <c r="AD87940" i="1"/>
  <c r="AD87941" i="1"/>
  <c r="AD87942" i="1"/>
  <c r="AD87943" i="1"/>
  <c r="AD87944" i="1"/>
  <c r="AD87945" i="1"/>
  <c r="AD87946" i="1"/>
  <c r="AD87947" i="1"/>
  <c r="AD87948" i="1"/>
  <c r="AD87949" i="1"/>
  <c r="AD87950" i="1"/>
  <c r="AD87951" i="1"/>
  <c r="AD87952" i="1"/>
  <c r="AD87953" i="1"/>
  <c r="AD87954" i="1"/>
  <c r="AD87955" i="1"/>
  <c r="AD87956" i="1"/>
  <c r="AD87957" i="1"/>
  <c r="AD87958" i="1"/>
  <c r="AD87959" i="1"/>
  <c r="AD87960" i="1"/>
  <c r="AD87961" i="1"/>
  <c r="AD87962" i="1"/>
  <c r="AD87963" i="1"/>
  <c r="AD87964" i="1"/>
  <c r="AD87965" i="1"/>
  <c r="AD87966" i="1"/>
  <c r="AD87967" i="1"/>
  <c r="AD87968" i="1"/>
  <c r="AD87969" i="1"/>
  <c r="AD87970" i="1"/>
  <c r="AD87971" i="1"/>
  <c r="AD87972" i="1"/>
  <c r="AD87973" i="1"/>
  <c r="AD87974" i="1"/>
  <c r="AD87975" i="1"/>
  <c r="AD87976" i="1"/>
  <c r="AD87977" i="1"/>
  <c r="AD87978" i="1"/>
  <c r="AD87979" i="1"/>
  <c r="AD87980" i="1"/>
  <c r="AD87981" i="1"/>
  <c r="AD87982" i="1"/>
  <c r="AD87983" i="1"/>
  <c r="AD87984" i="1"/>
  <c r="AD87985" i="1"/>
  <c r="AD87986" i="1"/>
  <c r="AD87987" i="1"/>
  <c r="AD87988" i="1"/>
  <c r="AD87989" i="1"/>
  <c r="AD87990" i="1"/>
  <c r="AD87991" i="1"/>
  <c r="AD87992" i="1"/>
  <c r="AD87993" i="1"/>
  <c r="AD87994" i="1"/>
  <c r="AD87995" i="1"/>
  <c r="AD87996" i="1"/>
  <c r="AD87997" i="1"/>
  <c r="AD87998" i="1"/>
  <c r="AD87999" i="1"/>
  <c r="AD88000" i="1"/>
  <c r="AD88001" i="1"/>
  <c r="AD88002" i="1"/>
  <c r="AD88003" i="1"/>
  <c r="AD88004" i="1"/>
  <c r="AD88005" i="1"/>
  <c r="AD88006" i="1"/>
  <c r="AD88007" i="1"/>
  <c r="AD88008" i="1"/>
  <c r="AD88009" i="1"/>
  <c r="AD88010" i="1"/>
  <c r="AD88011" i="1"/>
  <c r="AD88012" i="1"/>
  <c r="AD88013" i="1"/>
  <c r="AD88014" i="1"/>
  <c r="AD88015" i="1"/>
  <c r="AD88016" i="1"/>
  <c r="AD88017" i="1"/>
  <c r="AD88018" i="1"/>
  <c r="AD88019" i="1"/>
  <c r="AD88020" i="1"/>
  <c r="AD88021" i="1"/>
  <c r="AD88022" i="1"/>
  <c r="AD88023" i="1"/>
  <c r="AD88024" i="1"/>
  <c r="AD88025" i="1"/>
  <c r="AD88026" i="1"/>
  <c r="AD88027" i="1"/>
  <c r="AD88028" i="1"/>
  <c r="AD88029" i="1"/>
  <c r="AD88030" i="1"/>
  <c r="AD88031" i="1"/>
  <c r="AD88032" i="1"/>
  <c r="AD88033" i="1"/>
  <c r="AD88034" i="1"/>
  <c r="AD88035" i="1"/>
  <c r="AD88036" i="1"/>
  <c r="AD88037" i="1"/>
  <c r="AD88038" i="1"/>
  <c r="AD88039" i="1"/>
  <c r="AD88040" i="1"/>
  <c r="AD88041" i="1"/>
  <c r="AD88042" i="1"/>
  <c r="AD88043" i="1"/>
  <c r="AD88044" i="1"/>
  <c r="AD88045" i="1"/>
  <c r="AD88046" i="1"/>
  <c r="AD88047" i="1"/>
  <c r="AD88048" i="1"/>
  <c r="AD88049" i="1"/>
  <c r="AD88050" i="1"/>
  <c r="AD88051" i="1"/>
  <c r="AD88052" i="1"/>
  <c r="AD88053" i="1"/>
  <c r="AD88054" i="1"/>
  <c r="AD88055" i="1"/>
  <c r="AD88056" i="1"/>
  <c r="AD88057" i="1"/>
  <c r="AD88058" i="1"/>
  <c r="AD88059" i="1"/>
  <c r="AD88060" i="1"/>
  <c r="AD88061" i="1"/>
  <c r="AD88062" i="1"/>
  <c r="AD88063" i="1"/>
  <c r="AD88064" i="1"/>
  <c r="AD88065" i="1"/>
  <c r="AD88066" i="1"/>
  <c r="AD88067" i="1"/>
  <c r="AD88068" i="1"/>
  <c r="AD88069" i="1"/>
  <c r="AD88070" i="1"/>
  <c r="AD88071" i="1"/>
  <c r="AD88072" i="1"/>
  <c r="AD88073" i="1"/>
  <c r="AD88074" i="1"/>
  <c r="AD88075" i="1"/>
  <c r="AD88076" i="1"/>
  <c r="AD88077" i="1"/>
  <c r="AD88078" i="1"/>
  <c r="AD88079" i="1"/>
  <c r="AD88080" i="1"/>
  <c r="AD88081" i="1"/>
  <c r="AD88082" i="1"/>
  <c r="AD88083" i="1"/>
  <c r="AD88084" i="1"/>
  <c r="AD88085" i="1"/>
  <c r="AD88086" i="1"/>
  <c r="AD88087" i="1"/>
  <c r="AD88088" i="1"/>
  <c r="AD88089" i="1"/>
  <c r="AD88090" i="1"/>
  <c r="AD88091" i="1"/>
  <c r="AD88092" i="1"/>
  <c r="AD88093" i="1"/>
  <c r="AD88094" i="1"/>
  <c r="AD88095" i="1"/>
  <c r="AD88096" i="1"/>
  <c r="AD88097" i="1"/>
  <c r="AD88098" i="1"/>
  <c r="AD88099" i="1"/>
  <c r="AD88100" i="1"/>
  <c r="AD88101" i="1"/>
  <c r="AD88102" i="1"/>
  <c r="AD88103" i="1"/>
  <c r="AD88104" i="1"/>
  <c r="AD88105" i="1"/>
  <c r="AD88106" i="1"/>
  <c r="AD88107" i="1"/>
  <c r="AD88108" i="1"/>
  <c r="AD88109" i="1"/>
  <c r="AD88110" i="1"/>
  <c r="AD88111" i="1"/>
  <c r="AD88112" i="1"/>
  <c r="AD88113" i="1"/>
  <c r="AD88114" i="1"/>
  <c r="AD88115" i="1"/>
  <c r="AD88116" i="1"/>
  <c r="AD88117" i="1"/>
  <c r="AD88118" i="1"/>
  <c r="AD88119" i="1"/>
  <c r="AD88120" i="1"/>
  <c r="AD88121" i="1"/>
  <c r="AD88122" i="1"/>
  <c r="AD88123" i="1"/>
  <c r="AD88124" i="1"/>
  <c r="AD88125" i="1"/>
  <c r="AD88126" i="1"/>
  <c r="AD88127" i="1"/>
  <c r="AD88128" i="1"/>
  <c r="AD88129" i="1"/>
  <c r="AD88130" i="1"/>
  <c r="AD88131" i="1"/>
  <c r="AD88132" i="1"/>
  <c r="AD88133" i="1"/>
  <c r="AD88134" i="1"/>
  <c r="AD88135" i="1"/>
  <c r="AD88136" i="1"/>
  <c r="AD88137" i="1"/>
  <c r="AD88138" i="1"/>
  <c r="AD88139" i="1"/>
  <c r="AD88140" i="1"/>
  <c r="AD88141" i="1"/>
  <c r="AD88142" i="1"/>
  <c r="AD88143" i="1"/>
  <c r="AD88144" i="1"/>
  <c r="AD88145" i="1"/>
  <c r="AD88146" i="1"/>
  <c r="AD88147" i="1"/>
  <c r="AD88148" i="1"/>
  <c r="AD88149" i="1"/>
  <c r="AD88150" i="1"/>
  <c r="AD88151" i="1"/>
  <c r="AD88152" i="1"/>
  <c r="AD88153" i="1"/>
  <c r="AD88154" i="1"/>
  <c r="AD88155" i="1"/>
  <c r="AD88156" i="1"/>
  <c r="AD88157" i="1"/>
  <c r="AD88158" i="1"/>
  <c r="AD88159" i="1"/>
  <c r="AD88160" i="1"/>
  <c r="AD88161" i="1"/>
  <c r="AD88162" i="1"/>
  <c r="AD88163" i="1"/>
  <c r="AD88164" i="1"/>
  <c r="AD88165" i="1"/>
  <c r="AD88166" i="1"/>
  <c r="AD88167" i="1"/>
  <c r="AD88168" i="1"/>
  <c r="AD88169" i="1"/>
  <c r="AD88170" i="1"/>
  <c r="AD88171" i="1"/>
  <c r="AD88172" i="1"/>
  <c r="AD88173" i="1"/>
  <c r="AD88174" i="1"/>
  <c r="AD88175" i="1"/>
  <c r="AD88176" i="1"/>
  <c r="AD88177" i="1"/>
  <c r="AD88178" i="1"/>
  <c r="AD88179" i="1"/>
  <c r="AD88180" i="1"/>
  <c r="AD88181" i="1"/>
  <c r="AD88182" i="1"/>
  <c r="AD88183" i="1"/>
  <c r="AD88184" i="1"/>
  <c r="AD88185" i="1"/>
  <c r="AD88186" i="1"/>
  <c r="AD88187" i="1"/>
  <c r="AD88188" i="1"/>
  <c r="AD88189" i="1"/>
  <c r="AD88190" i="1"/>
  <c r="AD88191" i="1"/>
  <c r="AD88192" i="1"/>
  <c r="AD88193" i="1"/>
  <c r="AD88194" i="1"/>
  <c r="AD88195" i="1"/>
  <c r="AD88196" i="1"/>
  <c r="AD88197" i="1"/>
  <c r="AD88198" i="1"/>
  <c r="AD88199" i="1"/>
  <c r="AD88200" i="1"/>
  <c r="AD88201" i="1"/>
  <c r="AD88202" i="1"/>
  <c r="AD88203" i="1"/>
  <c r="AD88204" i="1"/>
  <c r="AD88205" i="1"/>
  <c r="AD88206" i="1"/>
  <c r="AD88207" i="1"/>
  <c r="AD88208" i="1"/>
  <c r="AD88209" i="1"/>
  <c r="AD88210" i="1"/>
  <c r="AD88211" i="1"/>
  <c r="AD88212" i="1"/>
  <c r="AD88213" i="1"/>
  <c r="AD88214" i="1"/>
  <c r="AD88215" i="1"/>
  <c r="AD88216" i="1"/>
  <c r="AD88217" i="1"/>
  <c r="AD88218" i="1"/>
  <c r="AD88219" i="1"/>
  <c r="AD88220" i="1"/>
  <c r="AD88221" i="1"/>
  <c r="AD88222" i="1"/>
  <c r="AD88223" i="1"/>
  <c r="AD88224" i="1"/>
  <c r="AD88225" i="1"/>
  <c r="AD88226" i="1"/>
  <c r="AD88227" i="1"/>
  <c r="AD88228" i="1"/>
  <c r="AD88229" i="1"/>
  <c r="AD88230" i="1"/>
  <c r="AD88231" i="1"/>
  <c r="AD88232" i="1"/>
  <c r="AD88233" i="1"/>
  <c r="AD88234" i="1"/>
  <c r="AD88235" i="1"/>
  <c r="AD88236" i="1"/>
  <c r="AD88237" i="1"/>
  <c r="AD88238" i="1"/>
  <c r="AD88239" i="1"/>
  <c r="AD88240" i="1"/>
  <c r="AD88241" i="1"/>
  <c r="AD88242" i="1"/>
  <c r="AD88243" i="1"/>
  <c r="AD88244" i="1"/>
  <c r="AD88245" i="1"/>
  <c r="AD88246" i="1"/>
  <c r="AD88247" i="1"/>
  <c r="AD88248" i="1"/>
  <c r="AD88249" i="1"/>
  <c r="AD88250" i="1"/>
  <c r="AD88251" i="1"/>
  <c r="AD88252" i="1"/>
  <c r="AD88253" i="1"/>
  <c r="AD88254" i="1"/>
  <c r="AD88255" i="1"/>
  <c r="AD88256" i="1"/>
  <c r="AD88257" i="1"/>
  <c r="AD88258" i="1"/>
  <c r="AD88259" i="1"/>
  <c r="AD88260" i="1"/>
  <c r="AD88261" i="1"/>
  <c r="AD88262" i="1"/>
  <c r="AD88263" i="1"/>
  <c r="AD88264" i="1"/>
  <c r="AD88265" i="1"/>
  <c r="AD88266" i="1"/>
  <c r="AD88267" i="1"/>
  <c r="AD88268" i="1"/>
  <c r="AD88269" i="1"/>
  <c r="AD88270" i="1"/>
  <c r="AD88271" i="1"/>
  <c r="AD88272" i="1"/>
  <c r="AD88273" i="1"/>
  <c r="AD88274" i="1"/>
  <c r="AD88275" i="1"/>
  <c r="AD88276" i="1"/>
  <c r="AD88277" i="1"/>
  <c r="AD88278" i="1"/>
  <c r="AD88279" i="1"/>
  <c r="AD88280" i="1"/>
  <c r="AD88281" i="1"/>
  <c r="AD88282" i="1"/>
  <c r="AD88283" i="1"/>
  <c r="AD88284" i="1"/>
  <c r="AD88285" i="1"/>
  <c r="AD88286" i="1"/>
  <c r="AD88287" i="1"/>
  <c r="AD88288" i="1"/>
  <c r="AD88289" i="1"/>
  <c r="AD88290" i="1"/>
  <c r="AD88291" i="1"/>
  <c r="AD88292" i="1"/>
  <c r="AD88293" i="1"/>
  <c r="AD88294" i="1"/>
  <c r="AD88295" i="1"/>
  <c r="AD88296" i="1"/>
  <c r="AD88297" i="1"/>
  <c r="AD88298" i="1"/>
  <c r="AD88299" i="1"/>
  <c r="AD88300" i="1"/>
  <c r="AD88301" i="1"/>
  <c r="AD88302" i="1"/>
  <c r="AD88303" i="1"/>
  <c r="AD88304" i="1"/>
  <c r="AD88305" i="1"/>
  <c r="AD88306" i="1"/>
  <c r="AD88307" i="1"/>
  <c r="AD88308" i="1"/>
  <c r="AD88309" i="1"/>
  <c r="AD88310" i="1"/>
  <c r="AD88311" i="1"/>
  <c r="AD88312" i="1"/>
  <c r="AD88313" i="1"/>
  <c r="AD88314" i="1"/>
  <c r="AD88315" i="1"/>
  <c r="AD88316" i="1"/>
  <c r="AD88317" i="1"/>
  <c r="AD88318" i="1"/>
  <c r="AD88319" i="1"/>
  <c r="AD88320" i="1"/>
  <c r="AD88321" i="1"/>
  <c r="AD88322" i="1"/>
  <c r="AD88323" i="1"/>
  <c r="AD88324" i="1"/>
  <c r="AD88325" i="1"/>
  <c r="AD88326" i="1"/>
  <c r="AD88327" i="1"/>
  <c r="AD88328" i="1"/>
  <c r="AD88329" i="1"/>
  <c r="AD88330" i="1"/>
  <c r="AD88331" i="1"/>
  <c r="AD88332" i="1"/>
  <c r="AD88333" i="1"/>
  <c r="AD88334" i="1"/>
  <c r="AD88335" i="1"/>
  <c r="AD88336" i="1"/>
  <c r="AD88337" i="1"/>
  <c r="AD88338" i="1"/>
  <c r="AD88339" i="1"/>
  <c r="AD88340" i="1"/>
  <c r="AD88341" i="1"/>
  <c r="AD88342" i="1"/>
  <c r="AD88343" i="1"/>
  <c r="AD88344" i="1"/>
  <c r="AD88345" i="1"/>
  <c r="AD88346" i="1"/>
  <c r="AD88347" i="1"/>
  <c r="AD88348" i="1"/>
  <c r="AD88349" i="1"/>
  <c r="AD88350" i="1"/>
  <c r="AD88351" i="1"/>
  <c r="AD88352" i="1"/>
  <c r="AD88353" i="1"/>
  <c r="AD88354" i="1"/>
  <c r="AD88355" i="1"/>
  <c r="AD88356" i="1"/>
  <c r="AD88357" i="1"/>
  <c r="AD88358" i="1"/>
  <c r="AD88359" i="1"/>
  <c r="AD88360" i="1"/>
  <c r="AD88361" i="1"/>
  <c r="AD88362" i="1"/>
  <c r="AD88363" i="1"/>
  <c r="AD88364" i="1"/>
  <c r="AD88365" i="1"/>
  <c r="AD88366" i="1"/>
  <c r="AD88367" i="1"/>
  <c r="AD88368" i="1"/>
  <c r="AD88369" i="1"/>
  <c r="AD88370" i="1"/>
  <c r="AD88371" i="1"/>
  <c r="AD88372" i="1"/>
  <c r="AD88373" i="1"/>
  <c r="AD88374" i="1"/>
  <c r="AD88375" i="1"/>
  <c r="AD88376" i="1"/>
  <c r="AD88377" i="1"/>
  <c r="AD88378" i="1"/>
  <c r="AD88379" i="1"/>
  <c r="AD88380" i="1"/>
  <c r="AD88381" i="1"/>
  <c r="AD88382" i="1"/>
  <c r="AD88383" i="1"/>
  <c r="AD88384" i="1"/>
  <c r="AD88385" i="1"/>
  <c r="AD88386" i="1"/>
  <c r="AD88387" i="1"/>
  <c r="AD88388" i="1"/>
  <c r="AD88389" i="1"/>
  <c r="AD88390" i="1"/>
  <c r="AD88391" i="1"/>
  <c r="AD88392" i="1"/>
  <c r="AD88393" i="1"/>
  <c r="AD88394" i="1"/>
  <c r="AD88395" i="1"/>
  <c r="AD88396" i="1"/>
  <c r="AD88397" i="1"/>
  <c r="AD88398" i="1"/>
  <c r="AD88399" i="1"/>
  <c r="AD88400" i="1"/>
  <c r="AD88401" i="1"/>
  <c r="AD88402" i="1"/>
  <c r="AD88403" i="1"/>
  <c r="AD88404" i="1"/>
  <c r="AD88405" i="1"/>
  <c r="AD88406" i="1"/>
  <c r="AD88407" i="1"/>
  <c r="AD88408" i="1"/>
  <c r="AD88409" i="1"/>
  <c r="AD88410" i="1"/>
  <c r="AD88411" i="1"/>
  <c r="AD88412" i="1"/>
  <c r="AD88413" i="1"/>
  <c r="AD88414" i="1"/>
  <c r="AD88415" i="1"/>
  <c r="AD88416" i="1"/>
  <c r="AD88417" i="1"/>
  <c r="AD88418" i="1"/>
  <c r="AD88419" i="1"/>
  <c r="AD88420" i="1"/>
  <c r="AD88421" i="1"/>
  <c r="AD88422" i="1"/>
  <c r="AD88423" i="1"/>
  <c r="AD88424" i="1"/>
  <c r="AD88425" i="1"/>
  <c r="AD88426" i="1"/>
  <c r="AD88427" i="1"/>
  <c r="AD88428" i="1"/>
  <c r="AD88429" i="1"/>
  <c r="AD88430" i="1"/>
  <c r="AD88431" i="1"/>
  <c r="AD88432" i="1"/>
  <c r="AD88433" i="1"/>
  <c r="AD88434" i="1"/>
  <c r="AD88435" i="1"/>
  <c r="AD88436" i="1"/>
  <c r="AD88437" i="1"/>
  <c r="AD88438" i="1"/>
  <c r="AD88439" i="1"/>
  <c r="AD88440" i="1"/>
  <c r="AD88441" i="1"/>
  <c r="AD88442" i="1"/>
  <c r="AD88443" i="1"/>
  <c r="AD88444" i="1"/>
  <c r="AD88445" i="1"/>
  <c r="AD88446" i="1"/>
  <c r="AD88447" i="1"/>
  <c r="AD88448" i="1"/>
  <c r="AD88449" i="1"/>
  <c r="AD88450" i="1"/>
  <c r="AD88451" i="1"/>
  <c r="AD88452" i="1"/>
  <c r="AD88453" i="1"/>
  <c r="AD88454" i="1"/>
  <c r="AD88455" i="1"/>
  <c r="AD88456" i="1"/>
  <c r="AD88457" i="1"/>
  <c r="AD88458" i="1"/>
  <c r="AD88459" i="1"/>
  <c r="AD88460" i="1"/>
  <c r="AD88461" i="1"/>
  <c r="AD88462" i="1"/>
  <c r="AD88463" i="1"/>
  <c r="AD88464" i="1"/>
  <c r="AD88465" i="1"/>
  <c r="AD88466" i="1"/>
  <c r="AD88467" i="1"/>
  <c r="AD88468" i="1"/>
  <c r="AD88469" i="1"/>
  <c r="AD88470" i="1"/>
  <c r="AD88471" i="1"/>
  <c r="AD88472" i="1"/>
  <c r="AD88473" i="1"/>
  <c r="AD88474" i="1"/>
  <c r="AD88475" i="1"/>
  <c r="AD88476" i="1"/>
  <c r="AD88477" i="1"/>
  <c r="AD88478" i="1"/>
  <c r="AD88479" i="1"/>
  <c r="AD88480" i="1"/>
  <c r="AD88481" i="1"/>
  <c r="AD88482" i="1"/>
  <c r="AD88483" i="1"/>
  <c r="AD88484" i="1"/>
  <c r="AD88485" i="1"/>
  <c r="AD88486" i="1"/>
  <c r="AD88487" i="1"/>
  <c r="AD88488" i="1"/>
  <c r="AD88489" i="1"/>
  <c r="AD88490" i="1"/>
  <c r="AD88491" i="1"/>
  <c r="AD88492" i="1"/>
  <c r="AD88493" i="1"/>
  <c r="AD88494" i="1"/>
  <c r="AD88495" i="1"/>
  <c r="AD88496" i="1"/>
  <c r="AD88497" i="1"/>
  <c r="AD88498" i="1"/>
  <c r="AD88499" i="1"/>
  <c r="AD88500" i="1"/>
  <c r="AD88501" i="1"/>
  <c r="AD88502" i="1"/>
  <c r="AD88503" i="1"/>
  <c r="AD88504" i="1"/>
  <c r="AD88505" i="1"/>
  <c r="AD88506" i="1"/>
  <c r="AD88507" i="1"/>
  <c r="AD88508" i="1"/>
  <c r="AD88509" i="1"/>
  <c r="AD88510" i="1"/>
  <c r="AD88511" i="1"/>
  <c r="AD88512" i="1"/>
  <c r="AD88513" i="1"/>
  <c r="AD88514" i="1"/>
  <c r="AD88515" i="1"/>
  <c r="AD88516" i="1"/>
  <c r="AD88517" i="1"/>
  <c r="AD88518" i="1"/>
  <c r="AD88519" i="1"/>
  <c r="AD88520" i="1"/>
  <c r="AD88521" i="1"/>
  <c r="AD88522" i="1"/>
  <c r="AD88523" i="1"/>
  <c r="AD88524" i="1"/>
  <c r="AD88525" i="1"/>
  <c r="AD88526" i="1"/>
  <c r="AD88527" i="1"/>
  <c r="AD88528" i="1"/>
  <c r="AD88529" i="1"/>
  <c r="AD88530" i="1"/>
  <c r="AD88531" i="1"/>
  <c r="AD88532" i="1"/>
  <c r="AD88533" i="1"/>
  <c r="AD88534" i="1"/>
  <c r="AD88535" i="1"/>
  <c r="AD88536" i="1"/>
  <c r="AD88537" i="1"/>
  <c r="AD88538" i="1"/>
  <c r="AD88539" i="1"/>
  <c r="AD88540" i="1"/>
  <c r="AD88541" i="1"/>
  <c r="AD88542" i="1"/>
  <c r="AD88543" i="1"/>
  <c r="AD88544" i="1"/>
  <c r="AD88545" i="1"/>
  <c r="AD88546" i="1"/>
  <c r="AD88547" i="1"/>
  <c r="AD88548" i="1"/>
  <c r="AD88549" i="1"/>
  <c r="AD88550" i="1"/>
  <c r="AD88551" i="1"/>
  <c r="AD88552" i="1"/>
  <c r="AD88553" i="1"/>
  <c r="AD88554" i="1"/>
  <c r="AD88555" i="1"/>
  <c r="AD88556" i="1"/>
  <c r="AD88557" i="1"/>
  <c r="AD88558" i="1"/>
  <c r="AD88559" i="1"/>
  <c r="AD88560" i="1"/>
  <c r="AD88561" i="1"/>
  <c r="AD88562" i="1"/>
  <c r="AD88563" i="1"/>
  <c r="AD88564" i="1"/>
  <c r="AD88565" i="1"/>
  <c r="AD88566" i="1"/>
  <c r="AD88567" i="1"/>
  <c r="AD88568" i="1"/>
  <c r="AD88569" i="1"/>
  <c r="AD88570" i="1"/>
  <c r="AD88571" i="1"/>
  <c r="AD88572" i="1"/>
  <c r="AD88573" i="1"/>
  <c r="AD88574" i="1"/>
  <c r="AD88575" i="1"/>
  <c r="AD88576" i="1"/>
  <c r="AD88577" i="1"/>
  <c r="AD88578" i="1"/>
  <c r="AD88579" i="1"/>
  <c r="AD88580" i="1"/>
  <c r="AD88581" i="1"/>
  <c r="AD88582" i="1"/>
  <c r="AD88583" i="1"/>
  <c r="AD88584" i="1"/>
  <c r="AD88585" i="1"/>
  <c r="AD88586" i="1"/>
  <c r="AD88587" i="1"/>
  <c r="AD88588" i="1"/>
  <c r="AD88589" i="1"/>
  <c r="AD88590" i="1"/>
  <c r="AD88591" i="1"/>
  <c r="AD88592" i="1"/>
  <c r="AD88593" i="1"/>
  <c r="AD88594" i="1"/>
  <c r="AD88595" i="1"/>
  <c r="AD88596" i="1"/>
  <c r="AD88597" i="1"/>
  <c r="AD88598" i="1"/>
  <c r="AD88599" i="1"/>
  <c r="AD88600" i="1"/>
  <c r="AD88601" i="1"/>
  <c r="AD88602" i="1"/>
  <c r="AD88603" i="1"/>
  <c r="AD88604" i="1"/>
  <c r="AD88605" i="1"/>
  <c r="AD88606" i="1"/>
  <c r="AD88607" i="1"/>
  <c r="AD88608" i="1"/>
  <c r="AD88609" i="1"/>
  <c r="AD88610" i="1"/>
  <c r="AD88611" i="1"/>
  <c r="AD88612" i="1"/>
  <c r="AD88613" i="1"/>
  <c r="AD88614" i="1"/>
  <c r="AD88615" i="1"/>
  <c r="AD88616" i="1"/>
  <c r="AD88617" i="1"/>
  <c r="AD88618" i="1"/>
  <c r="AD88619" i="1"/>
  <c r="AD88620" i="1"/>
  <c r="AD88621" i="1"/>
  <c r="AD88622" i="1"/>
  <c r="AD88623" i="1"/>
  <c r="AD88624" i="1"/>
  <c r="AD88625" i="1"/>
  <c r="AD88626" i="1"/>
  <c r="AD88627" i="1"/>
  <c r="AD88628" i="1"/>
  <c r="AD88629" i="1"/>
  <c r="AD88630" i="1"/>
  <c r="AD88631" i="1"/>
  <c r="AD88632" i="1"/>
  <c r="AD88633" i="1"/>
  <c r="AD88634" i="1"/>
  <c r="AD88635" i="1"/>
  <c r="AD88636" i="1"/>
  <c r="AD88637" i="1"/>
  <c r="AD88638" i="1"/>
  <c r="AD88639" i="1"/>
  <c r="AD88640" i="1"/>
  <c r="AD88641" i="1"/>
  <c r="AD88642" i="1"/>
  <c r="AD88643" i="1"/>
  <c r="AD88644" i="1"/>
  <c r="AD88645" i="1"/>
  <c r="AD88646" i="1"/>
  <c r="AD88647" i="1"/>
  <c r="AD88648" i="1"/>
  <c r="AD88649" i="1"/>
  <c r="AD88650" i="1"/>
  <c r="AD88651" i="1"/>
  <c r="AD88652" i="1"/>
  <c r="AD88653" i="1"/>
  <c r="AD88654" i="1"/>
  <c r="AD88655" i="1"/>
  <c r="AD88656" i="1"/>
  <c r="AD88657" i="1"/>
  <c r="AD88658" i="1"/>
  <c r="AD88659" i="1"/>
  <c r="AD88660" i="1"/>
  <c r="AD88661" i="1"/>
  <c r="AD88662" i="1"/>
  <c r="AD88663" i="1"/>
  <c r="AD88664" i="1"/>
  <c r="AD88665" i="1"/>
  <c r="AD88666" i="1"/>
  <c r="AD88667" i="1"/>
  <c r="AD88668" i="1"/>
  <c r="AD88669" i="1"/>
  <c r="AD88670" i="1"/>
  <c r="AD88671" i="1"/>
  <c r="AD88672" i="1"/>
  <c r="AD88673" i="1"/>
  <c r="AD88674" i="1"/>
  <c r="AD88675" i="1"/>
  <c r="AD88676" i="1"/>
  <c r="AD88677" i="1"/>
  <c r="AD88678" i="1"/>
  <c r="AD88679" i="1"/>
  <c r="AD88680" i="1"/>
  <c r="AD88681" i="1"/>
  <c r="AD88682" i="1"/>
  <c r="AD88683" i="1"/>
  <c r="AD88684" i="1"/>
  <c r="AD88685" i="1"/>
  <c r="AD88686" i="1"/>
  <c r="AD88687" i="1"/>
  <c r="AD88688" i="1"/>
  <c r="AD88689" i="1"/>
  <c r="AD88690" i="1"/>
  <c r="AD88691" i="1"/>
  <c r="AD88692" i="1"/>
  <c r="AD88693" i="1"/>
  <c r="AD88694" i="1"/>
  <c r="AD88695" i="1"/>
  <c r="AD88696" i="1"/>
  <c r="AD88697" i="1"/>
  <c r="AD88698" i="1"/>
  <c r="AD88699" i="1"/>
  <c r="AD88700" i="1"/>
  <c r="AD88701" i="1"/>
  <c r="AD88702" i="1"/>
  <c r="AD88703" i="1"/>
  <c r="AD88704" i="1"/>
  <c r="AD88705" i="1"/>
  <c r="AD88706" i="1"/>
  <c r="AD88707" i="1"/>
  <c r="AD88708" i="1"/>
  <c r="AD88709" i="1"/>
  <c r="AD88710" i="1"/>
  <c r="AD88711" i="1"/>
  <c r="AD88712" i="1"/>
  <c r="AD88713" i="1"/>
  <c r="AD88714" i="1"/>
  <c r="AD88715" i="1"/>
  <c r="AD88716" i="1"/>
  <c r="AD88717" i="1"/>
  <c r="AD88718" i="1"/>
  <c r="AD88719" i="1"/>
  <c r="AD88720" i="1"/>
  <c r="AD88721" i="1"/>
  <c r="AD88722" i="1"/>
  <c r="AD88723" i="1"/>
  <c r="AD88724" i="1"/>
  <c r="AD88725" i="1"/>
  <c r="AD88726" i="1"/>
  <c r="AD88727" i="1"/>
  <c r="AD88728" i="1"/>
  <c r="AD88729" i="1"/>
  <c r="AD88730" i="1"/>
  <c r="AD88731" i="1"/>
  <c r="AD88732" i="1"/>
  <c r="AD88733" i="1"/>
  <c r="AD88734" i="1"/>
  <c r="AD88735" i="1"/>
  <c r="AD88736" i="1"/>
  <c r="AD88737" i="1"/>
  <c r="AD88738" i="1"/>
  <c r="AD88739" i="1"/>
  <c r="AD88740" i="1"/>
  <c r="AD88741" i="1"/>
  <c r="AD88742" i="1"/>
  <c r="AD88743" i="1"/>
  <c r="AD88744" i="1"/>
  <c r="AD88745" i="1"/>
  <c r="AD88746" i="1"/>
  <c r="AD88747" i="1"/>
  <c r="AD88748" i="1"/>
  <c r="AD88749" i="1"/>
  <c r="AD88750" i="1"/>
  <c r="AD88751" i="1"/>
  <c r="AD88752" i="1"/>
  <c r="AD88753" i="1"/>
  <c r="AD88754" i="1"/>
  <c r="AD88755" i="1"/>
  <c r="AD88756" i="1"/>
  <c r="AD88757" i="1"/>
  <c r="AD88758" i="1"/>
  <c r="AD88759" i="1"/>
  <c r="AD88760" i="1"/>
  <c r="AD88761" i="1"/>
  <c r="AD88762" i="1"/>
  <c r="AD88763" i="1"/>
  <c r="AD88764" i="1"/>
  <c r="AD88765" i="1"/>
  <c r="AD88766" i="1"/>
  <c r="AD88767" i="1"/>
  <c r="AD88768" i="1"/>
  <c r="AD88769" i="1"/>
  <c r="AD88770" i="1"/>
  <c r="AD88771" i="1"/>
  <c r="AD88772" i="1"/>
  <c r="AD88773" i="1"/>
  <c r="AD88774" i="1"/>
  <c r="AD88775" i="1"/>
  <c r="AD88776" i="1"/>
  <c r="AD88777" i="1"/>
  <c r="AD88778" i="1"/>
  <c r="AD88779" i="1"/>
  <c r="AD88780" i="1"/>
  <c r="AD88781" i="1"/>
  <c r="AD88782" i="1"/>
  <c r="AD88783" i="1"/>
  <c r="AD88784" i="1"/>
  <c r="AD88785" i="1"/>
  <c r="AD88786" i="1"/>
  <c r="AD88787" i="1"/>
  <c r="AD88788" i="1"/>
  <c r="AD88789" i="1"/>
  <c r="AD88790" i="1"/>
  <c r="AD88791" i="1"/>
  <c r="AD88792" i="1"/>
  <c r="AD88793" i="1"/>
  <c r="AD88794" i="1"/>
  <c r="AD88795" i="1"/>
  <c r="AD88796" i="1"/>
  <c r="AD88797" i="1"/>
  <c r="AD88798" i="1"/>
  <c r="AD88799" i="1"/>
  <c r="AD88800" i="1"/>
  <c r="AD88801" i="1"/>
  <c r="AD88802" i="1"/>
  <c r="AD88803" i="1"/>
  <c r="AD88804" i="1"/>
  <c r="AD88805" i="1"/>
  <c r="AD88806" i="1"/>
  <c r="AD88807" i="1"/>
  <c r="AD88808" i="1"/>
  <c r="AD88809" i="1"/>
  <c r="AD88810" i="1"/>
  <c r="AD88811" i="1"/>
  <c r="AD88812" i="1"/>
  <c r="AD88813" i="1"/>
  <c r="AD88814" i="1"/>
  <c r="AD88815" i="1"/>
  <c r="AD88816" i="1"/>
  <c r="AD88817" i="1"/>
  <c r="AD88818" i="1"/>
  <c r="AD88819" i="1"/>
  <c r="AD88820" i="1"/>
  <c r="AD88821" i="1"/>
  <c r="AD88822" i="1"/>
  <c r="AD88823" i="1"/>
  <c r="AD88824" i="1"/>
  <c r="AD88825" i="1"/>
  <c r="AD88826" i="1"/>
  <c r="AD88827" i="1"/>
  <c r="AD88828" i="1"/>
  <c r="AD88829" i="1"/>
  <c r="AD88830" i="1"/>
  <c r="AD88831" i="1"/>
  <c r="AD88832" i="1"/>
  <c r="AD88833" i="1"/>
  <c r="AD88834" i="1"/>
  <c r="AD88835" i="1"/>
  <c r="AD88836" i="1"/>
  <c r="AD88837" i="1"/>
  <c r="AD88838" i="1"/>
  <c r="AD88839" i="1"/>
  <c r="AD88840" i="1"/>
  <c r="AD88841" i="1"/>
  <c r="AD88842" i="1"/>
  <c r="AD88843" i="1"/>
  <c r="AD88844" i="1"/>
  <c r="AD88845" i="1"/>
  <c r="AD88846" i="1"/>
  <c r="AD88847" i="1"/>
  <c r="AD88848" i="1"/>
  <c r="AD88849" i="1"/>
  <c r="AD88850" i="1"/>
  <c r="AD88851" i="1"/>
  <c r="AD88852" i="1"/>
  <c r="AD88853" i="1"/>
  <c r="AD88854" i="1"/>
  <c r="AD88855" i="1"/>
  <c r="AD88856" i="1"/>
  <c r="AD88857" i="1"/>
  <c r="AD88858" i="1"/>
  <c r="AD88859" i="1"/>
  <c r="AD88860" i="1"/>
  <c r="AD88861" i="1"/>
  <c r="AD88862" i="1"/>
  <c r="AD88863" i="1"/>
  <c r="AD88864" i="1"/>
  <c r="AD88865" i="1"/>
  <c r="AD88866" i="1"/>
  <c r="AD88867" i="1"/>
  <c r="AD88868" i="1"/>
  <c r="AD88869" i="1"/>
  <c r="AD88870" i="1"/>
  <c r="AD88871" i="1"/>
  <c r="AD88872" i="1"/>
  <c r="AD88873" i="1"/>
  <c r="AD88874" i="1"/>
  <c r="AD88875" i="1"/>
  <c r="AD88876" i="1"/>
  <c r="AD88877" i="1"/>
  <c r="AD88878" i="1"/>
  <c r="AD88879" i="1"/>
  <c r="AD88880" i="1"/>
  <c r="AD88881" i="1"/>
  <c r="AD88882" i="1"/>
  <c r="AD88883" i="1"/>
  <c r="AD88884" i="1"/>
  <c r="AD88885" i="1"/>
  <c r="AD88886" i="1"/>
  <c r="AD88887" i="1"/>
  <c r="AD88888" i="1"/>
  <c r="AD88889" i="1"/>
  <c r="AD88890" i="1"/>
  <c r="AD88891" i="1"/>
  <c r="AD88892" i="1"/>
  <c r="AD88893" i="1"/>
  <c r="AD88894" i="1"/>
  <c r="AD88895" i="1"/>
  <c r="AD88896" i="1"/>
  <c r="AD88897" i="1"/>
  <c r="AD88898" i="1"/>
  <c r="AD88899" i="1"/>
  <c r="AD88900" i="1"/>
  <c r="AD88901" i="1"/>
  <c r="AD88902" i="1"/>
  <c r="AD88903" i="1"/>
  <c r="AD88904" i="1"/>
  <c r="AD88905" i="1"/>
  <c r="AD88906" i="1"/>
  <c r="AD88907" i="1"/>
  <c r="AD88908" i="1"/>
  <c r="AD88909" i="1"/>
  <c r="AD88910" i="1"/>
  <c r="AD88911" i="1"/>
  <c r="AD88912" i="1"/>
  <c r="AD88913" i="1"/>
  <c r="AD88914" i="1"/>
  <c r="AD88915" i="1"/>
  <c r="AD88916" i="1"/>
  <c r="AD88917" i="1"/>
  <c r="AD88918" i="1"/>
  <c r="AD88919" i="1"/>
  <c r="AD88920" i="1"/>
  <c r="AD88921" i="1"/>
  <c r="AD88922" i="1"/>
  <c r="AD88923" i="1"/>
  <c r="AD88924" i="1"/>
  <c r="AD88925" i="1"/>
  <c r="AD88926" i="1"/>
  <c r="AD88927" i="1"/>
  <c r="AD88928" i="1"/>
  <c r="AD88929" i="1"/>
  <c r="AD88930" i="1"/>
  <c r="AD88931" i="1"/>
  <c r="AD88932" i="1"/>
  <c r="AD88933" i="1"/>
  <c r="AD88934" i="1"/>
  <c r="AD88935" i="1"/>
  <c r="AD88936" i="1"/>
  <c r="AD88937" i="1"/>
  <c r="AD88938" i="1"/>
  <c r="AD88939" i="1"/>
  <c r="AD88940" i="1"/>
  <c r="AD88941" i="1"/>
  <c r="AD88942" i="1"/>
  <c r="AD88943" i="1"/>
  <c r="AD88944" i="1"/>
  <c r="AD88945" i="1"/>
  <c r="AD88946" i="1"/>
  <c r="AD88947" i="1"/>
  <c r="AD88948" i="1"/>
  <c r="AD88949" i="1"/>
  <c r="AD88950" i="1"/>
  <c r="AD88951" i="1"/>
  <c r="AD88952" i="1"/>
  <c r="AD88953" i="1"/>
  <c r="AD88954" i="1"/>
  <c r="AD88955" i="1"/>
  <c r="AD88956" i="1"/>
  <c r="AD88957" i="1"/>
  <c r="AD88958" i="1"/>
  <c r="AD88959" i="1"/>
  <c r="AD88960" i="1"/>
  <c r="AD88961" i="1"/>
  <c r="AD88962" i="1"/>
  <c r="AD88963" i="1"/>
  <c r="AD88964" i="1"/>
  <c r="AD88965" i="1"/>
  <c r="AD88966" i="1"/>
  <c r="AD88967" i="1"/>
  <c r="AD88968" i="1"/>
  <c r="AD88969" i="1"/>
  <c r="AD88970" i="1"/>
  <c r="AD88971" i="1"/>
  <c r="AD88972" i="1"/>
  <c r="AD88973" i="1"/>
  <c r="AD88974" i="1"/>
  <c r="AD88975" i="1"/>
  <c r="AD88976" i="1"/>
  <c r="AD88977" i="1"/>
  <c r="AD88978" i="1"/>
  <c r="AD88979" i="1"/>
  <c r="AD88980" i="1"/>
  <c r="AD88981" i="1"/>
  <c r="AD88982" i="1"/>
  <c r="AD88983" i="1"/>
  <c r="AD88984" i="1"/>
  <c r="AD88985" i="1"/>
  <c r="AD88986" i="1"/>
  <c r="AD88987" i="1"/>
  <c r="AD88988" i="1"/>
  <c r="AD88989" i="1"/>
  <c r="AD88990" i="1"/>
  <c r="AD88991" i="1"/>
  <c r="AD88992" i="1"/>
  <c r="AD88993" i="1"/>
  <c r="AD88994" i="1"/>
  <c r="AD88995" i="1"/>
  <c r="AD88996" i="1"/>
  <c r="AD88997" i="1"/>
  <c r="AD88998" i="1"/>
  <c r="AD88999" i="1"/>
  <c r="AD89000" i="1"/>
  <c r="AD89001" i="1"/>
  <c r="AD89002" i="1"/>
  <c r="AD89003" i="1"/>
  <c r="AD89004" i="1"/>
  <c r="AD89005" i="1"/>
  <c r="AD89006" i="1"/>
  <c r="AD89007" i="1"/>
  <c r="AD89008" i="1"/>
  <c r="AD89009" i="1"/>
  <c r="AD89010" i="1"/>
  <c r="AD89011" i="1"/>
  <c r="AD89012" i="1"/>
  <c r="AD89013" i="1"/>
  <c r="AD89014" i="1"/>
  <c r="AD89015" i="1"/>
  <c r="AD89016" i="1"/>
  <c r="AD89017" i="1"/>
  <c r="AD89018" i="1"/>
  <c r="AD89019" i="1"/>
  <c r="AD89020" i="1"/>
  <c r="AD89021" i="1"/>
  <c r="AD89022" i="1"/>
  <c r="AD89023" i="1"/>
  <c r="AD89024" i="1"/>
  <c r="AD89025" i="1"/>
  <c r="AD89026" i="1"/>
  <c r="AD89027" i="1"/>
  <c r="AD89028" i="1"/>
  <c r="AD89029" i="1"/>
  <c r="AD89030" i="1"/>
  <c r="AD89031" i="1"/>
  <c r="AD89032" i="1"/>
  <c r="AD89033" i="1"/>
  <c r="AD89034" i="1"/>
  <c r="AD89035" i="1"/>
  <c r="AD89036" i="1"/>
  <c r="AD89037" i="1"/>
  <c r="AD89038" i="1"/>
  <c r="AD89039" i="1"/>
  <c r="AD89040" i="1"/>
  <c r="AD89041" i="1"/>
  <c r="AD89042" i="1"/>
  <c r="AD89043" i="1"/>
  <c r="AD89044" i="1"/>
  <c r="AD89045" i="1"/>
  <c r="AD89046" i="1"/>
  <c r="AD89047" i="1"/>
  <c r="AD89048" i="1"/>
  <c r="AD89049" i="1"/>
  <c r="AD89050" i="1"/>
  <c r="AD89051" i="1"/>
  <c r="AD89052" i="1"/>
  <c r="AD89053" i="1"/>
  <c r="AD89054" i="1"/>
  <c r="AD89055" i="1"/>
  <c r="AD89056" i="1"/>
  <c r="AD89057" i="1"/>
  <c r="AD89058" i="1"/>
  <c r="AD89059" i="1"/>
  <c r="AD89060" i="1"/>
  <c r="AD89061" i="1"/>
  <c r="AD89062" i="1"/>
  <c r="AD89063" i="1"/>
  <c r="AD89064" i="1"/>
  <c r="AD89065" i="1"/>
  <c r="AD89066" i="1"/>
  <c r="AD89067" i="1"/>
  <c r="AD89068" i="1"/>
  <c r="AD89069" i="1"/>
  <c r="AD89070" i="1"/>
  <c r="AD89071" i="1"/>
  <c r="AD89072" i="1"/>
  <c r="AD89073" i="1"/>
  <c r="AD89074" i="1"/>
  <c r="AD89075" i="1"/>
  <c r="AD89076" i="1"/>
  <c r="AD89077" i="1"/>
  <c r="AD89078" i="1"/>
  <c r="AD89079" i="1"/>
  <c r="AD89080" i="1"/>
  <c r="AD89081" i="1"/>
  <c r="AD89082" i="1"/>
  <c r="AD89083" i="1"/>
  <c r="AD89084" i="1"/>
  <c r="AD89085" i="1"/>
  <c r="AD89086" i="1"/>
  <c r="AD89087" i="1"/>
  <c r="AD89088" i="1"/>
  <c r="AD89089" i="1"/>
  <c r="AD89090" i="1"/>
  <c r="AD89091" i="1"/>
  <c r="AD89092" i="1"/>
  <c r="AD89093" i="1"/>
  <c r="AD89094" i="1"/>
  <c r="AD89095" i="1"/>
  <c r="AD89096" i="1"/>
  <c r="AD89097" i="1"/>
  <c r="AD89098" i="1"/>
  <c r="AD89099" i="1"/>
  <c r="AD89100" i="1"/>
  <c r="AD89101" i="1"/>
  <c r="AD89102" i="1"/>
  <c r="AD89103" i="1"/>
  <c r="AD89104" i="1"/>
  <c r="AD89105" i="1"/>
  <c r="AD89106" i="1"/>
  <c r="AD89107" i="1"/>
  <c r="AD89108" i="1"/>
  <c r="AD89109" i="1"/>
  <c r="AD89110" i="1"/>
  <c r="AD89111" i="1"/>
  <c r="AD89112" i="1"/>
  <c r="AD89113" i="1"/>
  <c r="AD89114" i="1"/>
  <c r="AD89115" i="1"/>
  <c r="AD89116" i="1"/>
  <c r="AD89117" i="1"/>
  <c r="AD89118" i="1"/>
  <c r="AD89119" i="1"/>
  <c r="AD89120" i="1"/>
  <c r="AD89121" i="1"/>
  <c r="AD89122" i="1"/>
  <c r="AD89123" i="1"/>
  <c r="AD89124" i="1"/>
  <c r="AD89125" i="1"/>
  <c r="AD89126" i="1"/>
  <c r="AD89127" i="1"/>
  <c r="AD89128" i="1"/>
  <c r="AD89129" i="1"/>
  <c r="AD89130" i="1"/>
  <c r="AD89131" i="1"/>
  <c r="AD89132" i="1"/>
  <c r="AD89133" i="1"/>
  <c r="AD89134" i="1"/>
  <c r="AD89135" i="1"/>
  <c r="AD89136" i="1"/>
  <c r="AD89137" i="1"/>
  <c r="AD89138" i="1"/>
  <c r="AD89139" i="1"/>
  <c r="AD89140" i="1"/>
  <c r="AD89141" i="1"/>
  <c r="AD89142" i="1"/>
  <c r="AD89143" i="1"/>
  <c r="AD89144" i="1"/>
  <c r="AD89145" i="1"/>
  <c r="AD89146" i="1"/>
  <c r="AD89147" i="1"/>
  <c r="AD89148" i="1"/>
  <c r="AD89149" i="1"/>
  <c r="AD89150" i="1"/>
  <c r="AD89151" i="1"/>
  <c r="AD89152" i="1"/>
  <c r="AD89153" i="1"/>
  <c r="AD89154" i="1"/>
  <c r="AD89155" i="1"/>
  <c r="AD89156" i="1"/>
  <c r="AD89157" i="1"/>
  <c r="AD89158" i="1"/>
  <c r="AD89159" i="1"/>
  <c r="AD89160" i="1"/>
  <c r="AD89161" i="1"/>
  <c r="AD89162" i="1"/>
  <c r="AD89163" i="1"/>
  <c r="AD89164" i="1"/>
  <c r="AD89165" i="1"/>
  <c r="AD89166" i="1"/>
  <c r="AD89167" i="1"/>
  <c r="AD89168" i="1"/>
  <c r="AD89169" i="1"/>
  <c r="AD89170" i="1"/>
  <c r="AD89171" i="1"/>
  <c r="AD89172" i="1"/>
  <c r="AD89173" i="1"/>
  <c r="AD89174" i="1"/>
  <c r="AD89175" i="1"/>
  <c r="AD89176" i="1"/>
  <c r="AD89177" i="1"/>
  <c r="AD89178" i="1"/>
  <c r="AD89179" i="1"/>
  <c r="AD89180" i="1"/>
  <c r="AD89181" i="1"/>
  <c r="AD89182" i="1"/>
  <c r="AD89183" i="1"/>
  <c r="AD89184" i="1"/>
  <c r="AD89185" i="1"/>
  <c r="AD89186" i="1"/>
  <c r="AD89187" i="1"/>
  <c r="AD89188" i="1"/>
  <c r="AD89189" i="1"/>
  <c r="AD89190" i="1"/>
  <c r="AD89191" i="1"/>
  <c r="AD89192" i="1"/>
  <c r="AD89193" i="1"/>
  <c r="AD89194" i="1"/>
  <c r="AD89195" i="1"/>
  <c r="AD89196" i="1"/>
  <c r="AD89197" i="1"/>
  <c r="AD89198" i="1"/>
  <c r="AD89199" i="1"/>
  <c r="AD89200" i="1"/>
  <c r="AD89201" i="1"/>
  <c r="AD89202" i="1"/>
  <c r="AD89203" i="1"/>
  <c r="AD89204" i="1"/>
  <c r="AD89205" i="1"/>
  <c r="AD89206" i="1"/>
  <c r="AD89207" i="1"/>
  <c r="AD89208" i="1"/>
  <c r="AD89209" i="1"/>
  <c r="AD89210" i="1"/>
  <c r="AD89211" i="1"/>
  <c r="AD89212" i="1"/>
  <c r="AD89213" i="1"/>
  <c r="AD89214" i="1"/>
  <c r="AD89215" i="1"/>
  <c r="AD89216" i="1"/>
  <c r="AD89217" i="1"/>
  <c r="AD89218" i="1"/>
  <c r="AD89219" i="1"/>
  <c r="AD89220" i="1"/>
  <c r="AD89221" i="1"/>
  <c r="AD89222" i="1"/>
  <c r="AD89223" i="1"/>
  <c r="AD89224" i="1"/>
  <c r="AD89225" i="1"/>
  <c r="AD89226" i="1"/>
  <c r="AD89227" i="1"/>
  <c r="AD89228" i="1"/>
  <c r="AD89229" i="1"/>
  <c r="AD89230" i="1"/>
  <c r="AD89231" i="1"/>
  <c r="AD89232" i="1"/>
  <c r="AD89233" i="1"/>
  <c r="AD89234" i="1"/>
  <c r="AD89235" i="1"/>
  <c r="AD89236" i="1"/>
  <c r="AD89237" i="1"/>
  <c r="AD89238" i="1"/>
  <c r="AD89239" i="1"/>
  <c r="AD89240" i="1"/>
  <c r="AD89241" i="1"/>
  <c r="AD89242" i="1"/>
  <c r="AD89243" i="1"/>
  <c r="AD89244" i="1"/>
  <c r="AD89245" i="1"/>
  <c r="AD89246" i="1"/>
  <c r="AD89247" i="1"/>
  <c r="AD89248" i="1"/>
  <c r="AD89249" i="1"/>
  <c r="AD89250" i="1"/>
  <c r="AD89251" i="1"/>
  <c r="AD89252" i="1"/>
  <c r="AD89253" i="1"/>
  <c r="AD89254" i="1"/>
  <c r="AD89255" i="1"/>
  <c r="AD89256" i="1"/>
  <c r="AD89257" i="1"/>
  <c r="AD89258" i="1"/>
  <c r="AD89259" i="1"/>
  <c r="AD89260" i="1"/>
  <c r="AD89261" i="1"/>
  <c r="AD89262" i="1"/>
  <c r="AD89263" i="1"/>
  <c r="AD89264" i="1"/>
  <c r="AD89265" i="1"/>
  <c r="AD89266" i="1"/>
  <c r="AD89267" i="1"/>
  <c r="AD89268" i="1"/>
  <c r="AD89269" i="1"/>
  <c r="AD89270" i="1"/>
  <c r="AD89271" i="1"/>
  <c r="AD89272" i="1"/>
  <c r="AD89273" i="1"/>
  <c r="AD89274" i="1"/>
  <c r="AD89275" i="1"/>
  <c r="AD89276" i="1"/>
  <c r="AD89277" i="1"/>
  <c r="AD89278" i="1"/>
  <c r="AD89279" i="1"/>
  <c r="AD89280" i="1"/>
  <c r="AD89281" i="1"/>
  <c r="AD89282" i="1"/>
  <c r="AD89283" i="1"/>
  <c r="AD89284" i="1"/>
  <c r="AD89285" i="1"/>
  <c r="AD89286" i="1"/>
  <c r="AD89287" i="1"/>
  <c r="AD89288" i="1"/>
  <c r="AD89289" i="1"/>
  <c r="AD89290" i="1"/>
  <c r="AD89291" i="1"/>
  <c r="AD89292" i="1"/>
  <c r="AD89293" i="1"/>
  <c r="AD89294" i="1"/>
  <c r="AD89295" i="1"/>
  <c r="AD89296" i="1"/>
  <c r="AD89297" i="1"/>
  <c r="AD89298" i="1"/>
  <c r="AD89299" i="1"/>
  <c r="AD89300" i="1"/>
  <c r="AD89301" i="1"/>
  <c r="AD89302" i="1"/>
  <c r="AD89303" i="1"/>
  <c r="AD89304" i="1"/>
  <c r="AD89305" i="1"/>
  <c r="AD89306" i="1"/>
  <c r="AD89307" i="1"/>
  <c r="AD89308" i="1"/>
  <c r="AD89309" i="1"/>
  <c r="AD89310" i="1"/>
  <c r="AD89311" i="1"/>
  <c r="AD89312" i="1"/>
  <c r="AD89313" i="1"/>
  <c r="AD89314" i="1"/>
  <c r="AD89315" i="1"/>
  <c r="AD89316" i="1"/>
  <c r="AD89317" i="1"/>
  <c r="AD89318" i="1"/>
  <c r="AD89319" i="1"/>
  <c r="AD89320" i="1"/>
  <c r="AD89321" i="1"/>
  <c r="AD89322" i="1"/>
  <c r="AD89323" i="1"/>
  <c r="AD89324" i="1"/>
  <c r="AD89325" i="1"/>
  <c r="AD89326" i="1"/>
  <c r="AD89327" i="1"/>
  <c r="AD89328" i="1"/>
  <c r="AD89329" i="1"/>
  <c r="AD89330" i="1"/>
  <c r="AD89331" i="1"/>
  <c r="AD89332" i="1"/>
  <c r="AD89333" i="1"/>
  <c r="AD89334" i="1"/>
  <c r="AD89335" i="1"/>
  <c r="AD89336" i="1"/>
  <c r="AD89337" i="1"/>
  <c r="AD89338" i="1"/>
  <c r="AD89339" i="1"/>
  <c r="AD89340" i="1"/>
  <c r="AD89341" i="1"/>
  <c r="AD89342" i="1"/>
  <c r="AD89343" i="1"/>
  <c r="AD89344" i="1"/>
  <c r="AD89345" i="1"/>
  <c r="AD89346" i="1"/>
  <c r="AD89347" i="1"/>
  <c r="AD89348" i="1"/>
  <c r="AD89349" i="1"/>
  <c r="AD89350" i="1"/>
  <c r="AD89351" i="1"/>
  <c r="AD89352" i="1"/>
  <c r="AD89353" i="1"/>
  <c r="AD89354" i="1"/>
  <c r="AD89355" i="1"/>
  <c r="AD89356" i="1"/>
  <c r="AD89357" i="1"/>
  <c r="AD89358" i="1"/>
  <c r="AD89359" i="1"/>
  <c r="AD89360" i="1"/>
  <c r="AD89361" i="1"/>
  <c r="AD89362" i="1"/>
  <c r="AD89363" i="1"/>
  <c r="AD89364" i="1"/>
  <c r="AD89365" i="1"/>
  <c r="AD89366" i="1"/>
  <c r="AD89367" i="1"/>
  <c r="AD89368" i="1"/>
  <c r="AD89369" i="1"/>
  <c r="AD89370" i="1"/>
  <c r="AD89371" i="1"/>
  <c r="AD89372" i="1"/>
  <c r="AD89373" i="1"/>
  <c r="AD89374" i="1"/>
  <c r="AD89375" i="1"/>
  <c r="AD89376" i="1"/>
  <c r="AD89377" i="1"/>
  <c r="AD89378" i="1"/>
  <c r="AD89379" i="1"/>
  <c r="AD89380" i="1"/>
  <c r="AD89381" i="1"/>
  <c r="AD89382" i="1"/>
  <c r="AD89383" i="1"/>
  <c r="AD89384" i="1"/>
  <c r="AD89385" i="1"/>
  <c r="AD89386" i="1"/>
  <c r="AD89387" i="1"/>
  <c r="AD89388" i="1"/>
  <c r="AD89389" i="1"/>
  <c r="AD89390" i="1"/>
  <c r="AD89391" i="1"/>
  <c r="AD89392" i="1"/>
  <c r="AD89393" i="1"/>
  <c r="AD89394" i="1"/>
  <c r="AD89395" i="1"/>
  <c r="AD89396" i="1"/>
  <c r="AD89397" i="1"/>
  <c r="AD89398" i="1"/>
  <c r="AD89399" i="1"/>
  <c r="AD89400" i="1"/>
  <c r="AD89401" i="1"/>
  <c r="AD89402" i="1"/>
  <c r="AD89403" i="1"/>
  <c r="AD89404" i="1"/>
  <c r="AD89405" i="1"/>
  <c r="AD89406" i="1"/>
  <c r="AD89407" i="1"/>
  <c r="AD89408" i="1"/>
  <c r="AD89409" i="1"/>
  <c r="AD89410" i="1"/>
  <c r="AD89411" i="1"/>
  <c r="AD89412" i="1"/>
  <c r="AD89413" i="1"/>
  <c r="AD89414" i="1"/>
  <c r="AD89415" i="1"/>
  <c r="AD89416" i="1"/>
  <c r="AD89417" i="1"/>
  <c r="AD89418" i="1"/>
  <c r="AD89419" i="1"/>
  <c r="AD89420" i="1"/>
  <c r="AD89421" i="1"/>
  <c r="AD89422" i="1"/>
  <c r="AD89423" i="1"/>
  <c r="AD89424" i="1"/>
  <c r="AD89425" i="1"/>
  <c r="AD89426" i="1"/>
  <c r="AD89427" i="1"/>
  <c r="AD89428" i="1"/>
  <c r="AD89429" i="1"/>
  <c r="AD89430" i="1"/>
  <c r="AD89431" i="1"/>
  <c r="AD89432" i="1"/>
  <c r="AD89433" i="1"/>
  <c r="AD89434" i="1"/>
  <c r="AD89435" i="1"/>
  <c r="AD89436" i="1"/>
  <c r="AD89437" i="1"/>
  <c r="AD89438" i="1"/>
  <c r="AD89439" i="1"/>
  <c r="AD89440" i="1"/>
  <c r="AD89441" i="1"/>
  <c r="AD89442" i="1"/>
  <c r="AD89443" i="1"/>
  <c r="AD89444" i="1"/>
  <c r="AD89445" i="1"/>
  <c r="AD89446" i="1"/>
  <c r="AD89447" i="1"/>
  <c r="AD89448" i="1"/>
  <c r="AD89449" i="1"/>
  <c r="AD89450" i="1"/>
  <c r="AD89451" i="1"/>
  <c r="AD89452" i="1"/>
  <c r="AD89453" i="1"/>
  <c r="AD89454" i="1"/>
  <c r="AD89455" i="1"/>
  <c r="AD89456" i="1"/>
  <c r="AD89457" i="1"/>
  <c r="AD89458" i="1"/>
  <c r="AD89459" i="1"/>
  <c r="AD89460" i="1"/>
  <c r="AD89461" i="1"/>
  <c r="AD89462" i="1"/>
  <c r="AD89463" i="1"/>
  <c r="AD89464" i="1"/>
  <c r="AD89465" i="1"/>
  <c r="AD89466" i="1"/>
  <c r="AD89467" i="1"/>
  <c r="AD89468" i="1"/>
  <c r="AD89469" i="1"/>
  <c r="AD89470" i="1"/>
  <c r="AD89471" i="1"/>
  <c r="AD89472" i="1"/>
  <c r="AD89473" i="1"/>
  <c r="AD89474" i="1"/>
  <c r="AD89475" i="1"/>
  <c r="AD89476" i="1"/>
  <c r="AD89477" i="1"/>
  <c r="AD89478" i="1"/>
  <c r="AD89479" i="1"/>
  <c r="AD89480" i="1"/>
  <c r="AD89481" i="1"/>
  <c r="AD89482" i="1"/>
  <c r="AD89483" i="1"/>
  <c r="AD89484" i="1"/>
  <c r="AD89485" i="1"/>
  <c r="AD89486" i="1"/>
  <c r="AD89487" i="1"/>
  <c r="AD89488" i="1"/>
  <c r="AD89489" i="1"/>
  <c r="AD89490" i="1"/>
  <c r="AD89491" i="1"/>
  <c r="AD89492" i="1"/>
  <c r="AD89493" i="1"/>
  <c r="AD89494" i="1"/>
  <c r="AD89495" i="1"/>
  <c r="AD89496" i="1"/>
  <c r="AD89497" i="1"/>
  <c r="AD89498" i="1"/>
  <c r="AD89499" i="1"/>
  <c r="AD89500" i="1"/>
  <c r="AD89501" i="1"/>
  <c r="AD89502" i="1"/>
  <c r="AD89503" i="1"/>
  <c r="AD89504" i="1"/>
  <c r="AD89505" i="1"/>
  <c r="AD89506" i="1"/>
  <c r="AD89507" i="1"/>
  <c r="AD89508" i="1"/>
  <c r="AD89509" i="1"/>
  <c r="AD89510" i="1"/>
  <c r="AD89511" i="1"/>
  <c r="AD89512" i="1"/>
  <c r="AD89513" i="1"/>
  <c r="AD89514" i="1"/>
  <c r="AD89515" i="1"/>
  <c r="AD89516" i="1"/>
  <c r="AD89517" i="1"/>
  <c r="AD89518" i="1"/>
  <c r="AD89519" i="1"/>
  <c r="AD89520" i="1"/>
  <c r="AD89521" i="1"/>
  <c r="AD89522" i="1"/>
  <c r="AD89523" i="1"/>
  <c r="AD89524" i="1"/>
  <c r="AD89525" i="1"/>
  <c r="AD89526" i="1"/>
  <c r="AD89527" i="1"/>
  <c r="AD89528" i="1"/>
  <c r="AD89529" i="1"/>
  <c r="AD89530" i="1"/>
  <c r="AD89531" i="1"/>
  <c r="AD89532" i="1"/>
  <c r="AD89533" i="1"/>
  <c r="AD89534" i="1"/>
  <c r="AD89535" i="1"/>
  <c r="AD89536" i="1"/>
  <c r="AD89537" i="1"/>
  <c r="AD89538" i="1"/>
  <c r="AD89539" i="1"/>
  <c r="AD89540" i="1"/>
  <c r="AD89541" i="1"/>
  <c r="AD89542" i="1"/>
  <c r="AD89543" i="1"/>
  <c r="AD89544" i="1"/>
  <c r="AD89545" i="1"/>
  <c r="AD89546" i="1"/>
  <c r="AD89547" i="1"/>
  <c r="AD89548" i="1"/>
  <c r="AD89549" i="1"/>
  <c r="AD89550" i="1"/>
  <c r="AD89551" i="1"/>
  <c r="AD89552" i="1"/>
  <c r="AD89553" i="1"/>
  <c r="AD89554" i="1"/>
  <c r="AD89555" i="1"/>
  <c r="AD89556" i="1"/>
  <c r="AD89557" i="1"/>
  <c r="AD89558" i="1"/>
  <c r="AD89559" i="1"/>
  <c r="AD89560" i="1"/>
  <c r="AD89561" i="1"/>
  <c r="AD89562" i="1"/>
  <c r="AD89563" i="1"/>
  <c r="AD89564" i="1"/>
  <c r="AD89565" i="1"/>
  <c r="AD89566" i="1"/>
  <c r="AD89567" i="1"/>
  <c r="AD89568" i="1"/>
  <c r="AD89569" i="1"/>
  <c r="AD89570" i="1"/>
  <c r="AD89571" i="1"/>
  <c r="AD89572" i="1"/>
  <c r="AD89573" i="1"/>
  <c r="AD89574" i="1"/>
  <c r="AD89575" i="1"/>
  <c r="AD89576" i="1"/>
  <c r="AD89577" i="1"/>
  <c r="AD89578" i="1"/>
  <c r="AD89579" i="1"/>
  <c r="AD89580" i="1"/>
  <c r="AD89581" i="1"/>
  <c r="AD89582" i="1"/>
  <c r="AD89583" i="1"/>
  <c r="AD89584" i="1"/>
  <c r="AD89585" i="1"/>
  <c r="AD89586" i="1"/>
  <c r="AD89587" i="1"/>
  <c r="AD89588" i="1"/>
  <c r="AD89589" i="1"/>
  <c r="AD89590" i="1"/>
  <c r="AD89591" i="1"/>
  <c r="AD89592" i="1"/>
  <c r="AD89593" i="1"/>
  <c r="AD89594" i="1"/>
  <c r="AD89595" i="1"/>
  <c r="AD89596" i="1"/>
  <c r="AD89597" i="1"/>
  <c r="AD89598" i="1"/>
  <c r="AD89599" i="1"/>
  <c r="AD89600" i="1"/>
  <c r="AD89601" i="1"/>
  <c r="AD89602" i="1"/>
  <c r="AD89603" i="1"/>
  <c r="AD89604" i="1"/>
  <c r="AD89605" i="1"/>
  <c r="AD89606" i="1"/>
  <c r="AD89607" i="1"/>
  <c r="AD89608" i="1"/>
  <c r="AD89609" i="1"/>
  <c r="AD89610" i="1"/>
  <c r="AD89611" i="1"/>
  <c r="AD89612" i="1"/>
  <c r="AD89613" i="1"/>
  <c r="AD89614" i="1"/>
  <c r="AD89615" i="1"/>
  <c r="AD89616" i="1"/>
  <c r="AD89617" i="1"/>
  <c r="AD89618" i="1"/>
  <c r="AD89619" i="1"/>
  <c r="AD89620" i="1"/>
  <c r="AD89621" i="1"/>
  <c r="AD89622" i="1"/>
  <c r="AD89623" i="1"/>
  <c r="AD89624" i="1"/>
  <c r="AD89625" i="1"/>
  <c r="AD89626" i="1"/>
  <c r="AD89627" i="1"/>
  <c r="AD89628" i="1"/>
  <c r="AD89629" i="1"/>
  <c r="AD89630" i="1"/>
  <c r="AD89631" i="1"/>
  <c r="AD89632" i="1"/>
  <c r="AD89633" i="1"/>
  <c r="AD89634" i="1"/>
  <c r="AD89635" i="1"/>
  <c r="AD89636" i="1"/>
  <c r="AD89637" i="1"/>
  <c r="AD89638" i="1"/>
  <c r="AD89639" i="1"/>
  <c r="AD89640" i="1"/>
  <c r="AD89641" i="1"/>
  <c r="AD89642" i="1"/>
  <c r="AD89643" i="1"/>
  <c r="AD89644" i="1"/>
  <c r="AD89645" i="1"/>
  <c r="AD89646" i="1"/>
  <c r="AD89647" i="1"/>
  <c r="AD89648" i="1"/>
  <c r="AD89649" i="1"/>
  <c r="AD89650" i="1"/>
  <c r="AD89651" i="1"/>
  <c r="AD89652" i="1"/>
  <c r="AD89653" i="1"/>
  <c r="AD89654" i="1"/>
  <c r="AD89655" i="1"/>
  <c r="AD89656" i="1"/>
  <c r="AD89657" i="1"/>
  <c r="AD89658" i="1"/>
  <c r="AD89659" i="1"/>
  <c r="AD89660" i="1"/>
  <c r="AD89661" i="1"/>
  <c r="AD89662" i="1"/>
  <c r="AD89663" i="1"/>
  <c r="AD89664" i="1"/>
  <c r="AD89665" i="1"/>
  <c r="AD89666" i="1"/>
  <c r="AD89667" i="1"/>
  <c r="AD89668" i="1"/>
  <c r="AD89669" i="1"/>
  <c r="AD89670" i="1"/>
  <c r="AD89671" i="1"/>
  <c r="AD89672" i="1"/>
  <c r="AD89673" i="1"/>
  <c r="AD89674" i="1"/>
  <c r="AD89675" i="1"/>
  <c r="AD89676" i="1"/>
  <c r="AD89677" i="1"/>
  <c r="AD89678" i="1"/>
  <c r="AD89679" i="1"/>
  <c r="AD89680" i="1"/>
  <c r="AD89681" i="1"/>
  <c r="AD89682" i="1"/>
  <c r="AD89683" i="1"/>
  <c r="AD89684" i="1"/>
  <c r="AD89685" i="1"/>
  <c r="AD89686" i="1"/>
  <c r="AD89687" i="1"/>
  <c r="AD89688" i="1"/>
  <c r="AD89689" i="1"/>
  <c r="AD89690" i="1"/>
  <c r="AD89691" i="1"/>
  <c r="AD89692" i="1"/>
  <c r="AD89693" i="1"/>
  <c r="AD89694" i="1"/>
  <c r="AD89695" i="1"/>
  <c r="AD89696" i="1"/>
  <c r="AD89697" i="1"/>
  <c r="AD89698" i="1"/>
  <c r="AD89699" i="1"/>
  <c r="AD89700" i="1"/>
  <c r="AD89701" i="1"/>
  <c r="AD89702" i="1"/>
  <c r="AD89703" i="1"/>
  <c r="AD89704" i="1"/>
  <c r="AD89705" i="1"/>
  <c r="AD89706" i="1"/>
  <c r="AD89707" i="1"/>
  <c r="AD89708" i="1"/>
  <c r="AD89709" i="1"/>
  <c r="AD89710" i="1"/>
  <c r="AD89711" i="1"/>
  <c r="AD89712" i="1"/>
  <c r="AD89713" i="1"/>
  <c r="AD89714" i="1"/>
  <c r="AD89715" i="1"/>
  <c r="AD89716" i="1"/>
  <c r="AD89717" i="1"/>
  <c r="AD89718" i="1"/>
  <c r="AD89719" i="1"/>
  <c r="AD89720" i="1"/>
  <c r="AD89721" i="1"/>
  <c r="AD89722" i="1"/>
  <c r="AD89723" i="1"/>
  <c r="AD89724" i="1"/>
  <c r="AD89725" i="1"/>
  <c r="AD89726" i="1"/>
  <c r="AD89727" i="1"/>
  <c r="AD89728" i="1"/>
  <c r="AD89729" i="1"/>
  <c r="AD89730" i="1"/>
  <c r="AD89731" i="1"/>
  <c r="AD89732" i="1"/>
  <c r="AD89733" i="1"/>
  <c r="AD89734" i="1"/>
  <c r="AD89735" i="1"/>
  <c r="AD89736" i="1"/>
  <c r="AD89737" i="1"/>
  <c r="AD89738" i="1"/>
  <c r="AD89739" i="1"/>
  <c r="AD89740" i="1"/>
  <c r="AD89741" i="1"/>
  <c r="AD89742" i="1"/>
  <c r="AD89743" i="1"/>
  <c r="AD89744" i="1"/>
  <c r="AD89745" i="1"/>
  <c r="AD89746" i="1"/>
  <c r="AD89747" i="1"/>
  <c r="AD89748" i="1"/>
  <c r="AD89749" i="1"/>
  <c r="AD89750" i="1"/>
  <c r="AD89751" i="1"/>
  <c r="AD89752" i="1"/>
  <c r="AD89753" i="1"/>
  <c r="AD89754" i="1"/>
  <c r="AD89755" i="1"/>
  <c r="AD89756" i="1"/>
  <c r="AD89757" i="1"/>
  <c r="AD89758" i="1"/>
  <c r="AD89759" i="1"/>
  <c r="AD89760" i="1"/>
  <c r="AD89761" i="1"/>
  <c r="AD89762" i="1"/>
  <c r="AD89763" i="1"/>
  <c r="AD89764" i="1"/>
  <c r="AD89765" i="1"/>
  <c r="AD89766" i="1"/>
  <c r="AD89767" i="1"/>
  <c r="AD89768" i="1"/>
  <c r="AD89769" i="1"/>
  <c r="AD89770" i="1"/>
  <c r="AD89771" i="1"/>
  <c r="AD89772" i="1"/>
  <c r="AD89773" i="1"/>
  <c r="AD89774" i="1"/>
  <c r="AD89775" i="1"/>
  <c r="AD89776" i="1"/>
  <c r="AD89777" i="1"/>
  <c r="AD89778" i="1"/>
  <c r="AD89779" i="1"/>
  <c r="AD89780" i="1"/>
  <c r="AD89781" i="1"/>
  <c r="AD89782" i="1"/>
  <c r="AD89783" i="1"/>
  <c r="AD89784" i="1"/>
  <c r="AD89785" i="1"/>
  <c r="AD89786" i="1"/>
  <c r="AD89787" i="1"/>
  <c r="AD89788" i="1"/>
  <c r="AD89789" i="1"/>
  <c r="AD89790" i="1"/>
  <c r="AD89791" i="1"/>
  <c r="AD89792" i="1"/>
  <c r="AD89793" i="1"/>
  <c r="AD89794" i="1"/>
  <c r="AD89795" i="1"/>
  <c r="AD89796" i="1"/>
  <c r="AD89797" i="1"/>
  <c r="AD89798" i="1"/>
  <c r="AD89799" i="1"/>
  <c r="AD89800" i="1"/>
  <c r="AD89801" i="1"/>
  <c r="AD89802" i="1"/>
  <c r="AD89803" i="1"/>
  <c r="AD89804" i="1"/>
  <c r="AD89805" i="1"/>
  <c r="AD89806" i="1"/>
  <c r="AD89807" i="1"/>
  <c r="AD89808" i="1"/>
  <c r="AD89809" i="1"/>
  <c r="AD89810" i="1"/>
  <c r="AD89811" i="1"/>
  <c r="AD89812" i="1"/>
  <c r="AD89813" i="1"/>
  <c r="AD89814" i="1"/>
  <c r="AD89815" i="1"/>
  <c r="AD89816" i="1"/>
  <c r="AD89817" i="1"/>
  <c r="AD89818" i="1"/>
  <c r="AD89819" i="1"/>
  <c r="AD89820" i="1"/>
  <c r="AD89821" i="1"/>
  <c r="AD89822" i="1"/>
  <c r="AD89823" i="1"/>
  <c r="AD89824" i="1"/>
  <c r="AD89825" i="1"/>
  <c r="AD89826" i="1"/>
  <c r="AD89827" i="1"/>
  <c r="AD89828" i="1"/>
  <c r="AD89829" i="1"/>
  <c r="AD89830" i="1"/>
  <c r="AD89831" i="1"/>
  <c r="AD89832" i="1"/>
  <c r="AD89833" i="1"/>
  <c r="AD89834" i="1"/>
  <c r="AD89835" i="1"/>
  <c r="AD89836" i="1"/>
  <c r="AD89837" i="1"/>
  <c r="AD89838" i="1"/>
  <c r="AD89839" i="1"/>
  <c r="AD89840" i="1"/>
  <c r="AD89841" i="1"/>
  <c r="AD89842" i="1"/>
  <c r="AD89843" i="1"/>
  <c r="AD89844" i="1"/>
  <c r="AD89845" i="1"/>
  <c r="AD89846" i="1"/>
  <c r="AD89847" i="1"/>
  <c r="AD89848" i="1"/>
  <c r="AD89849" i="1"/>
  <c r="AD89850" i="1"/>
  <c r="AD89851" i="1"/>
  <c r="AD89852" i="1"/>
  <c r="AD89853" i="1"/>
  <c r="AD89854" i="1"/>
  <c r="AD89855" i="1"/>
  <c r="AD89856" i="1"/>
  <c r="AD89857" i="1"/>
  <c r="AD89858" i="1"/>
  <c r="AD89859" i="1"/>
  <c r="AD89860" i="1"/>
  <c r="AD89861" i="1"/>
  <c r="AD89862" i="1"/>
  <c r="AD89863" i="1"/>
  <c r="AD89864" i="1"/>
  <c r="AD89865" i="1"/>
  <c r="AD89866" i="1"/>
  <c r="AD89867" i="1"/>
  <c r="AD89868" i="1"/>
  <c r="AD89869" i="1"/>
  <c r="AD89870" i="1"/>
  <c r="AD89871" i="1"/>
  <c r="AD89872" i="1"/>
  <c r="AD89873" i="1"/>
  <c r="AD89874" i="1"/>
  <c r="AD89875" i="1"/>
  <c r="AD89876" i="1"/>
  <c r="AD89877" i="1"/>
  <c r="AD89878" i="1"/>
  <c r="AD89879" i="1"/>
  <c r="AD89880" i="1"/>
  <c r="AD89881" i="1"/>
  <c r="AD89882" i="1"/>
  <c r="AD89883" i="1"/>
  <c r="AD89884" i="1"/>
  <c r="AD89885" i="1"/>
  <c r="AD89886" i="1"/>
  <c r="AD89887" i="1"/>
  <c r="AD89888" i="1"/>
  <c r="AD89889" i="1"/>
  <c r="AD89890" i="1"/>
  <c r="AD89891" i="1"/>
  <c r="AD89892" i="1"/>
  <c r="AD89893" i="1"/>
  <c r="AD89894" i="1"/>
  <c r="AD89895" i="1"/>
  <c r="AD89896" i="1"/>
  <c r="AD89897" i="1"/>
  <c r="AD89898" i="1"/>
  <c r="AD89899" i="1"/>
  <c r="AD89900" i="1"/>
  <c r="AD89901" i="1"/>
  <c r="AD89902" i="1"/>
  <c r="AD89903" i="1"/>
  <c r="AD89904" i="1"/>
  <c r="AD89905" i="1"/>
  <c r="AD89906" i="1"/>
  <c r="AD89907" i="1"/>
  <c r="AD89908" i="1"/>
  <c r="AD89909" i="1"/>
  <c r="AD89910" i="1"/>
  <c r="AD89911" i="1"/>
  <c r="AD89912" i="1"/>
  <c r="AD89913" i="1"/>
  <c r="AD89914" i="1"/>
  <c r="AD89915" i="1"/>
  <c r="AD89916" i="1"/>
  <c r="AD89917" i="1"/>
  <c r="AD89918" i="1"/>
  <c r="AD89919" i="1"/>
  <c r="AD89920" i="1"/>
  <c r="AD89921" i="1"/>
  <c r="AD89922" i="1"/>
  <c r="AD89923" i="1"/>
  <c r="AD89924" i="1"/>
  <c r="AD89925" i="1"/>
  <c r="AD89926" i="1"/>
  <c r="AD89927" i="1"/>
  <c r="AD89928" i="1"/>
  <c r="AD89929" i="1"/>
  <c r="AD89930" i="1"/>
  <c r="AD89931" i="1"/>
  <c r="AD89932" i="1"/>
  <c r="AD89933" i="1"/>
  <c r="AD89934" i="1"/>
  <c r="AD89935" i="1"/>
  <c r="AD89936" i="1"/>
  <c r="AD89937" i="1"/>
  <c r="AD89938" i="1"/>
  <c r="AD89939" i="1"/>
  <c r="AD89940" i="1"/>
  <c r="AD89941" i="1"/>
  <c r="AD89942" i="1"/>
  <c r="AD89943" i="1"/>
  <c r="AD89944" i="1"/>
  <c r="AD89945" i="1"/>
  <c r="AD89946" i="1"/>
  <c r="AD89947" i="1"/>
  <c r="AD89948" i="1"/>
  <c r="AD89949" i="1"/>
  <c r="AD89950" i="1"/>
  <c r="AD89951" i="1"/>
  <c r="AD89952" i="1"/>
  <c r="AD89953" i="1"/>
  <c r="AD89954" i="1"/>
  <c r="AD89955" i="1"/>
  <c r="AD89956" i="1"/>
  <c r="AD89957" i="1"/>
  <c r="AD89958" i="1"/>
  <c r="AD89959" i="1"/>
  <c r="AD89960" i="1"/>
  <c r="AD89961" i="1"/>
  <c r="AD89962" i="1"/>
  <c r="AD89963" i="1"/>
  <c r="AD89964" i="1"/>
  <c r="AD89965" i="1"/>
  <c r="AD89966" i="1"/>
  <c r="AD89967" i="1"/>
  <c r="AD89968" i="1"/>
  <c r="AD89969" i="1"/>
  <c r="AD89970" i="1"/>
  <c r="AD89971" i="1"/>
  <c r="AD89972" i="1"/>
  <c r="AD89973" i="1"/>
  <c r="AD89974" i="1"/>
  <c r="AD89975" i="1"/>
  <c r="AD89976" i="1"/>
  <c r="AD89977" i="1"/>
  <c r="AD89978" i="1"/>
  <c r="AD89979" i="1"/>
  <c r="AD89980" i="1"/>
  <c r="AD89981" i="1"/>
  <c r="AD89982" i="1"/>
  <c r="AD89983" i="1"/>
  <c r="AD89984" i="1"/>
  <c r="AD89985" i="1"/>
  <c r="AD89986" i="1"/>
  <c r="AD89987" i="1"/>
  <c r="AD89988" i="1"/>
  <c r="AD89989" i="1"/>
  <c r="AD89990" i="1"/>
  <c r="AD89991" i="1"/>
  <c r="AD89992" i="1"/>
  <c r="AD89993" i="1"/>
  <c r="AD89994" i="1"/>
  <c r="AD89995" i="1"/>
  <c r="AD89996" i="1"/>
  <c r="AD89997" i="1"/>
  <c r="AD89998" i="1"/>
  <c r="AD89999" i="1"/>
  <c r="AD90000" i="1"/>
  <c r="AD90001" i="1"/>
  <c r="AD90002" i="1"/>
  <c r="AD90003" i="1"/>
  <c r="AD90004" i="1"/>
  <c r="AD90005" i="1"/>
  <c r="AD90006" i="1"/>
  <c r="AD90007" i="1"/>
  <c r="AD90008" i="1"/>
  <c r="AD90009" i="1"/>
  <c r="AD90010" i="1"/>
  <c r="AD90011" i="1"/>
  <c r="AD90012" i="1"/>
  <c r="AD90013" i="1"/>
  <c r="AD90014" i="1"/>
  <c r="AD90015" i="1"/>
  <c r="AD90016" i="1"/>
  <c r="AD90017" i="1"/>
  <c r="AD90018" i="1"/>
  <c r="AD90019" i="1"/>
  <c r="AD90020" i="1"/>
  <c r="AD90021" i="1"/>
  <c r="AD90022" i="1"/>
  <c r="AD90023" i="1"/>
  <c r="AD90024" i="1"/>
  <c r="AD90025" i="1"/>
  <c r="AD90026" i="1"/>
  <c r="AD90027" i="1"/>
  <c r="AD90028" i="1"/>
  <c r="AD90029" i="1"/>
  <c r="AD90030" i="1"/>
  <c r="AD90031" i="1"/>
  <c r="AD90032" i="1"/>
  <c r="AD90033" i="1"/>
  <c r="AD90034" i="1"/>
  <c r="AD90035" i="1"/>
  <c r="AD90036" i="1"/>
  <c r="AD90037" i="1"/>
  <c r="AD90038" i="1"/>
  <c r="AD90039" i="1"/>
  <c r="AD90040" i="1"/>
  <c r="AD90041" i="1"/>
  <c r="AD90042" i="1"/>
  <c r="AD90043" i="1"/>
  <c r="AD90044" i="1"/>
  <c r="AD90045" i="1"/>
  <c r="AD90046" i="1"/>
  <c r="AD90047" i="1"/>
  <c r="AD90048" i="1"/>
  <c r="AD90049" i="1"/>
  <c r="AD90050" i="1"/>
  <c r="AD90051" i="1"/>
  <c r="AD90052" i="1"/>
  <c r="AD90053" i="1"/>
  <c r="AD90054" i="1"/>
  <c r="AD90055" i="1"/>
  <c r="AD90056" i="1"/>
  <c r="AD90057" i="1"/>
  <c r="AD90058" i="1"/>
  <c r="AD90059" i="1"/>
  <c r="AD90060" i="1"/>
  <c r="AD90061" i="1"/>
  <c r="AD90062" i="1"/>
  <c r="AD90063" i="1"/>
  <c r="AD90064" i="1"/>
  <c r="AD90065" i="1"/>
  <c r="AD90066" i="1"/>
  <c r="AD90067" i="1"/>
  <c r="AD90068" i="1"/>
  <c r="AD90069" i="1"/>
  <c r="AD90070" i="1"/>
  <c r="AD90071" i="1"/>
  <c r="AD90072" i="1"/>
  <c r="AD90073" i="1"/>
  <c r="AD90074" i="1"/>
  <c r="AD90075" i="1"/>
  <c r="AD90076" i="1"/>
  <c r="AD90077" i="1"/>
  <c r="AD90078" i="1"/>
  <c r="AD90079" i="1"/>
  <c r="AD90080" i="1"/>
  <c r="AD90081" i="1"/>
  <c r="AD90082" i="1"/>
  <c r="AD90083" i="1"/>
  <c r="AD90084" i="1"/>
  <c r="AD90085" i="1"/>
  <c r="AD90086" i="1"/>
  <c r="AD90087" i="1"/>
  <c r="AD90088" i="1"/>
  <c r="AD90089" i="1"/>
  <c r="AD90090" i="1"/>
  <c r="AD90091" i="1"/>
  <c r="AD90092" i="1"/>
  <c r="AD90093" i="1"/>
  <c r="AD90094" i="1"/>
  <c r="AD90095" i="1"/>
  <c r="AD90096" i="1"/>
  <c r="AD90097" i="1"/>
  <c r="AD90098" i="1"/>
  <c r="AD90099" i="1"/>
  <c r="AD90100" i="1"/>
  <c r="AD90101" i="1"/>
  <c r="AD90102" i="1"/>
  <c r="AD90103" i="1"/>
  <c r="AD90104" i="1"/>
  <c r="AD90105" i="1"/>
  <c r="AD90106" i="1"/>
  <c r="AD90107" i="1"/>
  <c r="AD90108" i="1"/>
  <c r="AD90109" i="1"/>
  <c r="AD90110" i="1"/>
  <c r="AD90111" i="1"/>
  <c r="AD90112" i="1"/>
  <c r="AD90113" i="1"/>
  <c r="AD90114" i="1"/>
  <c r="AD90115" i="1"/>
  <c r="AD90116" i="1"/>
  <c r="AD90117" i="1"/>
  <c r="AD90118" i="1"/>
  <c r="AD90119" i="1"/>
  <c r="AD90120" i="1"/>
  <c r="AD90121" i="1"/>
  <c r="AD90122" i="1"/>
  <c r="AD90123" i="1"/>
  <c r="AD90124" i="1"/>
  <c r="AD90125" i="1"/>
  <c r="AD90126" i="1"/>
  <c r="AD90127" i="1"/>
  <c r="AD90128" i="1"/>
  <c r="AD90129" i="1"/>
  <c r="AD90130" i="1"/>
  <c r="AD90131" i="1"/>
  <c r="AD90132" i="1"/>
  <c r="AD90133" i="1"/>
  <c r="AD90134" i="1"/>
  <c r="AD90135" i="1"/>
  <c r="AD90136" i="1"/>
  <c r="AD90137" i="1"/>
  <c r="AD90138" i="1"/>
  <c r="AD90139" i="1"/>
  <c r="AD90140" i="1"/>
  <c r="AD90141" i="1"/>
  <c r="AD90142" i="1"/>
  <c r="AD90143" i="1"/>
  <c r="AD90144" i="1"/>
  <c r="AD90145" i="1"/>
  <c r="AD90146" i="1"/>
  <c r="AD90147" i="1"/>
  <c r="AD90148" i="1"/>
  <c r="AD90149" i="1"/>
  <c r="AD90150" i="1"/>
  <c r="AD90151" i="1"/>
  <c r="AD90152" i="1"/>
  <c r="AD90153" i="1"/>
  <c r="AD90154" i="1"/>
  <c r="AD90155" i="1"/>
  <c r="AD90156" i="1"/>
  <c r="AD90157" i="1"/>
  <c r="AD90158" i="1"/>
  <c r="AD90159" i="1"/>
  <c r="AD90160" i="1"/>
  <c r="AD90161" i="1"/>
  <c r="AD90162" i="1"/>
  <c r="AD90163" i="1"/>
  <c r="AD90164" i="1"/>
  <c r="AD90165" i="1"/>
  <c r="AD90166" i="1"/>
  <c r="AD90167" i="1"/>
  <c r="AD90168" i="1"/>
  <c r="AD90169" i="1"/>
  <c r="AD90170" i="1"/>
  <c r="AD90171" i="1"/>
  <c r="AD90172" i="1"/>
  <c r="AD90173" i="1"/>
  <c r="AD90174" i="1"/>
  <c r="AD90175" i="1"/>
  <c r="AD90176" i="1"/>
  <c r="AD90177" i="1"/>
  <c r="AD90178" i="1"/>
  <c r="AD90179" i="1"/>
  <c r="AD90180" i="1"/>
  <c r="AD90181" i="1"/>
  <c r="AD90182" i="1"/>
  <c r="AD90183" i="1"/>
  <c r="AD90184" i="1"/>
  <c r="AD90185" i="1"/>
  <c r="AD90186" i="1"/>
  <c r="AD90187" i="1"/>
  <c r="AD90188" i="1"/>
  <c r="AD90189" i="1"/>
  <c r="AD90190" i="1"/>
  <c r="AD90191" i="1"/>
  <c r="AD90192" i="1"/>
  <c r="AD90193" i="1"/>
  <c r="AD90194" i="1"/>
  <c r="AD90195" i="1"/>
  <c r="AD90196" i="1"/>
  <c r="AD90197" i="1"/>
  <c r="AD90198" i="1"/>
  <c r="AD90199" i="1"/>
  <c r="AD90200" i="1"/>
  <c r="AD90201" i="1"/>
  <c r="AD90202" i="1"/>
  <c r="AD90203" i="1"/>
  <c r="AD90204" i="1"/>
  <c r="AD90205" i="1"/>
  <c r="AD90206" i="1"/>
  <c r="AD90207" i="1"/>
  <c r="AD90208" i="1"/>
  <c r="AD90209" i="1"/>
  <c r="AD90210" i="1"/>
  <c r="AD90211" i="1"/>
  <c r="AD90212" i="1"/>
  <c r="AD90213" i="1"/>
  <c r="AD90214" i="1"/>
  <c r="AD90215" i="1"/>
  <c r="AD90216" i="1"/>
  <c r="AD90217" i="1"/>
  <c r="AD90218" i="1"/>
  <c r="AD90219" i="1"/>
  <c r="AD90220" i="1"/>
  <c r="AD90221" i="1"/>
  <c r="AD90222" i="1"/>
  <c r="AD90223" i="1"/>
  <c r="AD90224" i="1"/>
  <c r="AD90225" i="1"/>
  <c r="AD90226" i="1"/>
  <c r="AD90227" i="1"/>
  <c r="AD90228" i="1"/>
  <c r="AD90229" i="1"/>
  <c r="AD90230" i="1"/>
  <c r="AD90231" i="1"/>
  <c r="AD90232" i="1"/>
  <c r="AD90233" i="1"/>
  <c r="AD90234" i="1"/>
  <c r="AD90235" i="1"/>
  <c r="AD90236" i="1"/>
  <c r="AD90237" i="1"/>
  <c r="AD90238" i="1"/>
  <c r="AD90239" i="1"/>
  <c r="AD90240" i="1"/>
  <c r="AD90241" i="1"/>
  <c r="AD90242" i="1"/>
  <c r="AD90243" i="1"/>
  <c r="AD90244" i="1"/>
  <c r="AD90245" i="1"/>
  <c r="AD90246" i="1"/>
  <c r="AD90247" i="1"/>
  <c r="AD90248" i="1"/>
  <c r="AD90249" i="1"/>
  <c r="AD90250" i="1"/>
  <c r="AD90251" i="1"/>
  <c r="AD90252" i="1"/>
  <c r="AD90253" i="1"/>
  <c r="AD90254" i="1"/>
  <c r="AD90255" i="1"/>
  <c r="AD90256" i="1"/>
  <c r="AD90257" i="1"/>
  <c r="AD90258" i="1"/>
  <c r="AD90259" i="1"/>
  <c r="AD90260" i="1"/>
  <c r="AD90261" i="1"/>
  <c r="AD90262" i="1"/>
  <c r="AD90263" i="1"/>
  <c r="AD90264" i="1"/>
  <c r="AD90265" i="1"/>
  <c r="AD90266" i="1"/>
  <c r="AD90267" i="1"/>
  <c r="AD90268" i="1"/>
  <c r="AD90269" i="1"/>
  <c r="AD90270" i="1"/>
  <c r="AD90271" i="1"/>
  <c r="AD90272" i="1"/>
  <c r="AD90273" i="1"/>
  <c r="AD90274" i="1"/>
  <c r="AD90275" i="1"/>
  <c r="AD90276" i="1"/>
  <c r="AD90277" i="1"/>
  <c r="AD90278" i="1"/>
  <c r="AD90279" i="1"/>
  <c r="AD90280" i="1"/>
  <c r="AD90281" i="1"/>
  <c r="AD90282" i="1"/>
  <c r="AD90283" i="1"/>
  <c r="AD90284" i="1"/>
  <c r="AD90285" i="1"/>
  <c r="AD90286" i="1"/>
  <c r="AD90287" i="1"/>
  <c r="AD90288" i="1"/>
  <c r="AD90289" i="1"/>
  <c r="AD90290" i="1"/>
  <c r="AD90291" i="1"/>
  <c r="AD90292" i="1"/>
  <c r="AD90293" i="1"/>
  <c r="AD90294" i="1"/>
  <c r="AD90295" i="1"/>
  <c r="AD90296" i="1"/>
  <c r="AD90297" i="1"/>
  <c r="AD90298" i="1"/>
  <c r="AD90299" i="1"/>
  <c r="AD90300" i="1"/>
  <c r="AD90301" i="1"/>
  <c r="AD90302" i="1"/>
  <c r="AD90303" i="1"/>
  <c r="AD90304" i="1"/>
  <c r="AD90305" i="1"/>
  <c r="AD90306" i="1"/>
  <c r="AD90307" i="1"/>
  <c r="AD90308" i="1"/>
  <c r="AD90309" i="1"/>
  <c r="AD90310" i="1"/>
  <c r="AD90311" i="1"/>
  <c r="AD90312" i="1"/>
  <c r="AD90313" i="1"/>
  <c r="AD90314" i="1"/>
  <c r="AD90315" i="1"/>
  <c r="AD90316" i="1"/>
  <c r="AD90317" i="1"/>
  <c r="AD90318" i="1"/>
  <c r="AD90319" i="1"/>
  <c r="AD90320" i="1"/>
  <c r="AD90321" i="1"/>
  <c r="AD90322" i="1"/>
  <c r="AD90323" i="1"/>
  <c r="AD90324" i="1"/>
  <c r="AD90325" i="1"/>
  <c r="AD90326" i="1"/>
  <c r="AD90327" i="1"/>
  <c r="AD90328" i="1"/>
  <c r="AD90329" i="1"/>
  <c r="AD90330" i="1"/>
  <c r="AD90331" i="1"/>
  <c r="AD90332" i="1"/>
  <c r="AD90333" i="1"/>
  <c r="AD90334" i="1"/>
  <c r="AD90335" i="1"/>
  <c r="AD90336" i="1"/>
  <c r="AD90337" i="1"/>
  <c r="AD90338" i="1"/>
  <c r="AD90339" i="1"/>
  <c r="AD90340" i="1"/>
  <c r="AD90341" i="1"/>
  <c r="AD90342" i="1"/>
  <c r="AD90343" i="1"/>
  <c r="AD90344" i="1"/>
  <c r="AD90345" i="1"/>
  <c r="AD90346" i="1"/>
  <c r="AD90347" i="1"/>
  <c r="AD90348" i="1"/>
  <c r="AD90349" i="1"/>
  <c r="AD90350" i="1"/>
  <c r="AD90351" i="1"/>
  <c r="AD90352" i="1"/>
  <c r="AD90353" i="1"/>
  <c r="AD90354" i="1"/>
  <c r="AD90355" i="1"/>
  <c r="AD90356" i="1"/>
  <c r="AD90357" i="1"/>
  <c r="AD90358" i="1"/>
  <c r="AD90359" i="1"/>
  <c r="AD90360" i="1"/>
  <c r="AD90361" i="1"/>
  <c r="AD90362" i="1"/>
  <c r="AD90363" i="1"/>
  <c r="AD90364" i="1"/>
  <c r="AD90365" i="1"/>
  <c r="AD90366" i="1"/>
  <c r="AD90367" i="1"/>
  <c r="AD90368" i="1"/>
  <c r="AD90369" i="1"/>
  <c r="AD90370" i="1"/>
  <c r="AD90371" i="1"/>
  <c r="AD90372" i="1"/>
  <c r="AD90373" i="1"/>
  <c r="AD90374" i="1"/>
  <c r="AD90375" i="1"/>
  <c r="AD90376" i="1"/>
  <c r="AD90377" i="1"/>
  <c r="AD90378" i="1"/>
  <c r="AD90379" i="1"/>
  <c r="AD90380" i="1"/>
  <c r="AD90381" i="1"/>
  <c r="AD90382" i="1"/>
  <c r="AD90383" i="1"/>
  <c r="AD90384" i="1"/>
  <c r="AD90385" i="1"/>
  <c r="AD90386" i="1"/>
  <c r="AD90387" i="1"/>
  <c r="AD90388" i="1"/>
  <c r="AD90389" i="1"/>
  <c r="AD90390" i="1"/>
  <c r="AD90391" i="1"/>
  <c r="AD90392" i="1"/>
  <c r="AD90393" i="1"/>
  <c r="AD90394" i="1"/>
  <c r="AD90395" i="1"/>
  <c r="AD90396" i="1"/>
  <c r="AD90397" i="1"/>
  <c r="AD90398" i="1"/>
  <c r="AD90399" i="1"/>
  <c r="AD90400" i="1"/>
  <c r="AD90401" i="1"/>
  <c r="AD90402" i="1"/>
  <c r="AD90403" i="1"/>
  <c r="AD90404" i="1"/>
  <c r="AD90405" i="1"/>
  <c r="AD90406" i="1"/>
  <c r="AD90407" i="1"/>
  <c r="AD90408" i="1"/>
  <c r="AD90409" i="1"/>
  <c r="AD90410" i="1"/>
  <c r="AD90411" i="1"/>
  <c r="AD90412" i="1"/>
  <c r="AD90413" i="1"/>
  <c r="AD90414" i="1"/>
  <c r="AD90415" i="1"/>
  <c r="AD90416" i="1"/>
  <c r="AD90417" i="1"/>
  <c r="AD90418" i="1"/>
  <c r="AD90419" i="1"/>
  <c r="AD90420" i="1"/>
  <c r="AD90421" i="1"/>
  <c r="AD90422" i="1"/>
  <c r="AD90423" i="1"/>
  <c r="AD90424" i="1"/>
  <c r="AD90425" i="1"/>
  <c r="AD90426" i="1"/>
  <c r="AD90427" i="1"/>
  <c r="AD90428" i="1"/>
  <c r="AD90429" i="1"/>
  <c r="AD90430" i="1"/>
  <c r="AD90431" i="1"/>
  <c r="AD90432" i="1"/>
  <c r="AD90433" i="1"/>
  <c r="AD90434" i="1"/>
  <c r="AD90435" i="1"/>
  <c r="AD90436" i="1"/>
  <c r="AD90437" i="1"/>
  <c r="AD90438" i="1"/>
  <c r="AD90439" i="1"/>
  <c r="AD90440" i="1"/>
  <c r="AD90441" i="1"/>
  <c r="AD90442" i="1"/>
  <c r="AD90443" i="1"/>
  <c r="AD90444" i="1"/>
  <c r="AD90445" i="1"/>
  <c r="AD90446" i="1"/>
  <c r="AD90447" i="1"/>
  <c r="AD90448" i="1"/>
  <c r="AD90449" i="1"/>
  <c r="AD90450" i="1"/>
  <c r="AD90451" i="1"/>
  <c r="AD90452" i="1"/>
  <c r="AD90453" i="1"/>
  <c r="AD90454" i="1"/>
  <c r="AD90455" i="1"/>
  <c r="AD90456" i="1"/>
  <c r="AD90457" i="1"/>
  <c r="AD90458" i="1"/>
  <c r="AD90459" i="1"/>
  <c r="AD90460" i="1"/>
  <c r="AD90461" i="1"/>
  <c r="AD90462" i="1"/>
  <c r="AD90463" i="1"/>
  <c r="AD90464" i="1"/>
  <c r="AD90465" i="1"/>
  <c r="AD90466" i="1"/>
  <c r="AD90467" i="1"/>
  <c r="AD90468" i="1"/>
  <c r="AD90469" i="1"/>
  <c r="AD90470" i="1"/>
  <c r="AD90471" i="1"/>
  <c r="AD90472" i="1"/>
  <c r="AD90473" i="1"/>
  <c r="AD90474" i="1"/>
  <c r="AD90475" i="1"/>
  <c r="AD90476" i="1"/>
  <c r="AD90477" i="1"/>
  <c r="AD90478" i="1"/>
  <c r="AD90479" i="1"/>
  <c r="AD90480" i="1"/>
  <c r="AD90481" i="1"/>
  <c r="AD90482" i="1"/>
  <c r="AD90483" i="1"/>
  <c r="AD90484" i="1"/>
  <c r="AD90485" i="1"/>
  <c r="AD90486" i="1"/>
  <c r="AD90487" i="1"/>
  <c r="AD90488" i="1"/>
  <c r="AD90489" i="1"/>
  <c r="AD90490" i="1"/>
  <c r="AD90491" i="1"/>
  <c r="AD90492" i="1"/>
  <c r="AD90493" i="1"/>
  <c r="AD90494" i="1"/>
  <c r="AD90495" i="1"/>
  <c r="AD90496" i="1"/>
  <c r="AD90497" i="1"/>
  <c r="AD90498" i="1"/>
  <c r="AD90499" i="1"/>
  <c r="AD90500" i="1"/>
  <c r="AD90501" i="1"/>
  <c r="AD90502" i="1"/>
  <c r="AD90503" i="1"/>
  <c r="AD90504" i="1"/>
  <c r="AD90505" i="1"/>
  <c r="AD90506" i="1"/>
  <c r="AD90507" i="1"/>
  <c r="AD90508" i="1"/>
  <c r="AD90509" i="1"/>
  <c r="AD90510" i="1"/>
  <c r="AD90511" i="1"/>
  <c r="AD90512" i="1"/>
  <c r="AD90513" i="1"/>
  <c r="AD90514" i="1"/>
  <c r="AD90515" i="1"/>
  <c r="AD90516" i="1"/>
  <c r="AD90517" i="1"/>
  <c r="AD90518" i="1"/>
  <c r="AD90519" i="1"/>
  <c r="AD90520" i="1"/>
  <c r="AD90521" i="1"/>
  <c r="AD90522" i="1"/>
  <c r="AD90523" i="1"/>
  <c r="AD90524" i="1"/>
  <c r="AD90525" i="1"/>
  <c r="AD90526" i="1"/>
  <c r="AD90527" i="1"/>
  <c r="AD90528" i="1"/>
  <c r="AD90529" i="1"/>
  <c r="AD90530" i="1"/>
  <c r="AD90531" i="1"/>
  <c r="AD90532" i="1"/>
  <c r="AD90533" i="1"/>
  <c r="AD90534" i="1"/>
  <c r="AD90535" i="1"/>
  <c r="AD90536" i="1"/>
  <c r="AD90537" i="1"/>
  <c r="AD90538" i="1"/>
  <c r="AD90539" i="1"/>
  <c r="AD90540" i="1"/>
  <c r="AD90541" i="1"/>
  <c r="AD90542" i="1"/>
  <c r="AD90543" i="1"/>
  <c r="AD90544" i="1"/>
  <c r="AD90545" i="1"/>
  <c r="AD90546" i="1"/>
  <c r="AD90547" i="1"/>
  <c r="AD90548" i="1"/>
  <c r="AD90549" i="1"/>
  <c r="AD90550" i="1"/>
  <c r="AD90551" i="1"/>
  <c r="AD90552" i="1"/>
  <c r="AD90553" i="1"/>
  <c r="AD90554" i="1"/>
  <c r="AD90555" i="1"/>
  <c r="AD90556" i="1"/>
  <c r="AD90557" i="1"/>
  <c r="AD90558" i="1"/>
  <c r="AD90559" i="1"/>
  <c r="AD90560" i="1"/>
  <c r="AD90561" i="1"/>
  <c r="AD90562" i="1"/>
  <c r="AD90563" i="1"/>
  <c r="AD90564" i="1"/>
  <c r="AD90565" i="1"/>
  <c r="AD90566" i="1"/>
  <c r="AD90567" i="1"/>
  <c r="AD90568" i="1"/>
  <c r="AD90569" i="1"/>
  <c r="AD90570" i="1"/>
  <c r="AD90571" i="1"/>
  <c r="AD90572" i="1"/>
  <c r="AD90573" i="1"/>
  <c r="AD90574" i="1"/>
  <c r="AD90575" i="1"/>
  <c r="AD90576" i="1"/>
  <c r="AD90577" i="1"/>
  <c r="AD90578" i="1"/>
  <c r="AD90579" i="1"/>
  <c r="AD90580" i="1"/>
  <c r="AD90581" i="1"/>
  <c r="AD90582" i="1"/>
  <c r="AD90583" i="1"/>
  <c r="AD90584" i="1"/>
  <c r="AD90585" i="1"/>
  <c r="AD90586" i="1"/>
  <c r="AD90587" i="1"/>
  <c r="AD90588" i="1"/>
  <c r="AD90589" i="1"/>
  <c r="AD90590" i="1"/>
  <c r="AD90591" i="1"/>
  <c r="AD90592" i="1"/>
  <c r="AD90593" i="1"/>
  <c r="AD90594" i="1"/>
  <c r="AD90595" i="1"/>
  <c r="AD90596" i="1"/>
  <c r="AD90597" i="1"/>
  <c r="AD90598" i="1"/>
  <c r="AD90599" i="1"/>
  <c r="AD90600" i="1"/>
  <c r="AD90601" i="1"/>
  <c r="AD90602" i="1"/>
  <c r="AD90603" i="1"/>
  <c r="AD90604" i="1"/>
  <c r="AD90605" i="1"/>
  <c r="AD90606" i="1"/>
  <c r="AD90607" i="1"/>
  <c r="AD90608" i="1"/>
  <c r="AD90609" i="1"/>
  <c r="AD90610" i="1"/>
  <c r="AD90611" i="1"/>
  <c r="AD90612" i="1"/>
  <c r="AD90613" i="1"/>
  <c r="AD90614" i="1"/>
  <c r="AD90615" i="1"/>
  <c r="AD90616" i="1"/>
  <c r="AD90617" i="1"/>
  <c r="AD90618" i="1"/>
  <c r="AD90619" i="1"/>
  <c r="AD90620" i="1"/>
  <c r="AD90621" i="1"/>
  <c r="AD90622" i="1"/>
  <c r="AD90623" i="1"/>
  <c r="AD90624" i="1"/>
  <c r="AD90625" i="1"/>
  <c r="AD90626" i="1"/>
  <c r="AD90627" i="1"/>
  <c r="AD90628" i="1"/>
  <c r="AD90629" i="1"/>
  <c r="AD90630" i="1"/>
  <c r="AD90631" i="1"/>
  <c r="AD90632" i="1"/>
  <c r="AD90633" i="1"/>
  <c r="AD90634" i="1"/>
  <c r="AD90635" i="1"/>
  <c r="AD90636" i="1"/>
  <c r="AD90637" i="1"/>
  <c r="AD90638" i="1"/>
  <c r="AD90639" i="1"/>
  <c r="AD90640" i="1"/>
  <c r="AD90641" i="1"/>
  <c r="AD90642" i="1"/>
  <c r="AD90643" i="1"/>
  <c r="AD90644" i="1"/>
  <c r="AD90645" i="1"/>
  <c r="AD90646" i="1"/>
  <c r="AD90647" i="1"/>
  <c r="AD90648" i="1"/>
  <c r="AD90649" i="1"/>
  <c r="AD90650" i="1"/>
  <c r="AD90651" i="1"/>
  <c r="AD90652" i="1"/>
  <c r="AD90653" i="1"/>
  <c r="AD90654" i="1"/>
  <c r="AD90655" i="1"/>
  <c r="AD90656" i="1"/>
  <c r="AD90657" i="1"/>
  <c r="AD90658" i="1"/>
  <c r="AD90659" i="1"/>
  <c r="AD90660" i="1"/>
  <c r="AD90661" i="1"/>
  <c r="AD90662" i="1"/>
  <c r="AD90663" i="1"/>
  <c r="AD90664" i="1"/>
  <c r="AD90665" i="1"/>
  <c r="AD90666" i="1"/>
  <c r="AD90667" i="1"/>
  <c r="AD90668" i="1"/>
  <c r="AD90669" i="1"/>
  <c r="AD90670" i="1"/>
  <c r="AD90671" i="1"/>
  <c r="AD90672" i="1"/>
  <c r="AD90673" i="1"/>
  <c r="AD90674" i="1"/>
  <c r="AD90675" i="1"/>
  <c r="AD90676" i="1"/>
  <c r="AD90677" i="1"/>
  <c r="AD90678" i="1"/>
  <c r="AD90679" i="1"/>
  <c r="AD90680" i="1"/>
  <c r="AD90681" i="1"/>
  <c r="AD90682" i="1"/>
  <c r="AD90683" i="1"/>
  <c r="AD90684" i="1"/>
  <c r="AD90685" i="1"/>
  <c r="AD90686" i="1"/>
  <c r="AD90687" i="1"/>
  <c r="AD90688" i="1"/>
  <c r="AD90689" i="1"/>
  <c r="AD90690" i="1"/>
  <c r="AD90691" i="1"/>
  <c r="AD90692" i="1"/>
  <c r="AD90693" i="1"/>
  <c r="AD90694" i="1"/>
  <c r="AD90695" i="1"/>
  <c r="AD90696" i="1"/>
  <c r="AD90697" i="1"/>
  <c r="AD90698" i="1"/>
  <c r="AD90699" i="1"/>
  <c r="AD90700" i="1"/>
  <c r="AD90701" i="1"/>
  <c r="AD90702" i="1"/>
  <c r="AD90703" i="1"/>
  <c r="AD90704" i="1"/>
  <c r="AD90705" i="1"/>
  <c r="AD90706" i="1"/>
  <c r="AD90707" i="1"/>
  <c r="AD90708" i="1"/>
  <c r="AD90709" i="1"/>
  <c r="AD90710" i="1"/>
  <c r="AD90711" i="1"/>
  <c r="AD90712" i="1"/>
  <c r="AD90713" i="1"/>
  <c r="AD90714" i="1"/>
  <c r="AD90715" i="1"/>
  <c r="AD90716" i="1"/>
  <c r="AD90717" i="1"/>
  <c r="AD90718" i="1"/>
  <c r="AD90719" i="1"/>
  <c r="AD90720" i="1"/>
  <c r="AD90721" i="1"/>
  <c r="AD90722" i="1"/>
  <c r="AD90723" i="1"/>
  <c r="AD90724" i="1"/>
  <c r="AD90725" i="1"/>
  <c r="AD90726" i="1"/>
  <c r="AD90727" i="1"/>
  <c r="AD90728" i="1"/>
  <c r="AD90729" i="1"/>
  <c r="AD90730" i="1"/>
  <c r="AD90731" i="1"/>
  <c r="AD90732" i="1"/>
  <c r="AD90733" i="1"/>
  <c r="AD90734" i="1"/>
  <c r="AD90735" i="1"/>
  <c r="AD90736" i="1"/>
  <c r="AD90737" i="1"/>
  <c r="AD90738" i="1"/>
  <c r="AD90739" i="1"/>
  <c r="AD90740" i="1"/>
  <c r="AD90741" i="1"/>
  <c r="AD90742" i="1"/>
  <c r="AD90743" i="1"/>
  <c r="AD90744" i="1"/>
  <c r="AD90745" i="1"/>
  <c r="AD90746" i="1"/>
  <c r="AD90747" i="1"/>
  <c r="AD90748" i="1"/>
  <c r="AD90749" i="1"/>
  <c r="AD90750" i="1"/>
  <c r="AD90751" i="1"/>
  <c r="AD90752" i="1"/>
  <c r="AD90753" i="1"/>
  <c r="AD90754" i="1"/>
  <c r="AD90755" i="1"/>
  <c r="AD90756" i="1"/>
  <c r="AD90757" i="1"/>
  <c r="AD90758" i="1"/>
  <c r="AD90759" i="1"/>
  <c r="AD90760" i="1"/>
  <c r="AD90761" i="1"/>
  <c r="AD90762" i="1"/>
  <c r="AD90763" i="1"/>
  <c r="AD90764" i="1"/>
  <c r="AD90765" i="1"/>
  <c r="AD90766" i="1"/>
  <c r="AD90767" i="1"/>
  <c r="AD90768" i="1"/>
  <c r="AD90769" i="1"/>
  <c r="AD90770" i="1"/>
  <c r="AD90771" i="1"/>
  <c r="AD90772" i="1"/>
  <c r="AD90773" i="1"/>
  <c r="AD90774" i="1"/>
  <c r="AD90775" i="1"/>
  <c r="AD90776" i="1"/>
  <c r="AD90777" i="1"/>
  <c r="AD90778" i="1"/>
  <c r="AD90779" i="1"/>
  <c r="AD90780" i="1"/>
  <c r="AD90781" i="1"/>
  <c r="AD90782" i="1"/>
  <c r="AD90783" i="1"/>
  <c r="AD90784" i="1"/>
  <c r="AD90785" i="1"/>
  <c r="AD90786" i="1"/>
  <c r="AD90787" i="1"/>
  <c r="AD90788" i="1"/>
  <c r="AD90789" i="1"/>
  <c r="AD90790" i="1"/>
  <c r="AD90791" i="1"/>
  <c r="AD90792" i="1"/>
  <c r="AD90793" i="1"/>
  <c r="AD90794" i="1"/>
  <c r="AD90795" i="1"/>
  <c r="AD90796" i="1"/>
  <c r="AD90797" i="1"/>
  <c r="AD90798" i="1"/>
  <c r="AD90799" i="1"/>
  <c r="AD90800" i="1"/>
  <c r="AD90801" i="1"/>
  <c r="AD90802" i="1"/>
  <c r="AD90803" i="1"/>
  <c r="AD90804" i="1"/>
  <c r="AD90805" i="1"/>
  <c r="AD90806" i="1"/>
  <c r="AD90807" i="1"/>
  <c r="AD90808" i="1"/>
  <c r="AD90809" i="1"/>
  <c r="AD90810" i="1"/>
  <c r="AD90811" i="1"/>
  <c r="AD90812" i="1"/>
  <c r="AD90813" i="1"/>
  <c r="AD90814" i="1"/>
  <c r="AD90815" i="1"/>
  <c r="AD90816" i="1"/>
  <c r="AD90817" i="1"/>
  <c r="AD90818" i="1"/>
  <c r="AD90819" i="1"/>
  <c r="AD90820" i="1"/>
  <c r="AD90821" i="1"/>
  <c r="AD90822" i="1"/>
  <c r="AD90823" i="1"/>
  <c r="AD90824" i="1"/>
  <c r="AD90825" i="1"/>
  <c r="AD90826" i="1"/>
  <c r="AD90827" i="1"/>
  <c r="AD90828" i="1"/>
  <c r="AD90829" i="1"/>
  <c r="AD90830" i="1"/>
  <c r="AD90831" i="1"/>
  <c r="AD90832" i="1"/>
  <c r="AD90833" i="1"/>
  <c r="AD90834" i="1"/>
  <c r="AD90835" i="1"/>
  <c r="AD90836" i="1"/>
  <c r="AD90837" i="1"/>
  <c r="AD90838" i="1"/>
  <c r="AD90839" i="1"/>
  <c r="AD90840" i="1"/>
  <c r="AD90841" i="1"/>
  <c r="AD90842" i="1"/>
  <c r="AD90843" i="1"/>
  <c r="AD90844" i="1"/>
  <c r="AD90845" i="1"/>
  <c r="AD90846" i="1"/>
  <c r="AD90847" i="1"/>
  <c r="AD90848" i="1"/>
  <c r="AD90849" i="1"/>
  <c r="AD90850" i="1"/>
  <c r="AD90851" i="1"/>
  <c r="AD90852" i="1"/>
  <c r="AD90853" i="1"/>
  <c r="AD90854" i="1"/>
  <c r="AD90855" i="1"/>
  <c r="AD90856" i="1"/>
  <c r="AD90857" i="1"/>
  <c r="AD90858" i="1"/>
  <c r="AD90859" i="1"/>
  <c r="AD90860" i="1"/>
  <c r="AD90861" i="1"/>
  <c r="AD90862" i="1"/>
  <c r="AD90863" i="1"/>
  <c r="AD90864" i="1"/>
  <c r="AD90865" i="1"/>
  <c r="AD90866" i="1"/>
  <c r="AD90867" i="1"/>
  <c r="AD90868" i="1"/>
  <c r="AD90869" i="1"/>
  <c r="AD90870" i="1"/>
  <c r="AD90871" i="1"/>
  <c r="AD90872" i="1"/>
  <c r="AD90873" i="1"/>
  <c r="AD90874" i="1"/>
  <c r="AD90875" i="1"/>
  <c r="AD90876" i="1"/>
  <c r="AD90877" i="1"/>
  <c r="AD90878" i="1"/>
  <c r="AD90879" i="1"/>
  <c r="AD90880" i="1"/>
  <c r="AD90881" i="1"/>
  <c r="AD90882" i="1"/>
  <c r="AD90883" i="1"/>
  <c r="AD90884" i="1"/>
  <c r="AD90885" i="1"/>
  <c r="AD90886" i="1"/>
  <c r="AD90887" i="1"/>
  <c r="AD90888" i="1"/>
  <c r="AD90889" i="1"/>
  <c r="AD90890" i="1"/>
  <c r="AD90891" i="1"/>
  <c r="AD90892" i="1"/>
  <c r="AD90893" i="1"/>
  <c r="AD90894" i="1"/>
  <c r="AD90895" i="1"/>
  <c r="AD90896" i="1"/>
  <c r="AD90897" i="1"/>
  <c r="AD90898" i="1"/>
  <c r="AD90899" i="1"/>
  <c r="AD90900" i="1"/>
  <c r="AD90901" i="1"/>
  <c r="AD90902" i="1"/>
  <c r="AD90903" i="1"/>
  <c r="AD90904" i="1"/>
  <c r="AD90905" i="1"/>
  <c r="AD90906" i="1"/>
  <c r="AD90907" i="1"/>
  <c r="AD90908" i="1"/>
  <c r="AD90909" i="1"/>
  <c r="AD90910" i="1"/>
  <c r="AD90911" i="1"/>
  <c r="AD90912" i="1"/>
  <c r="AD90913" i="1"/>
  <c r="AD90914" i="1"/>
  <c r="AD90915" i="1"/>
  <c r="AD90916" i="1"/>
  <c r="AD90917" i="1"/>
  <c r="AD90918" i="1"/>
  <c r="AD90919" i="1"/>
  <c r="AD90920" i="1"/>
  <c r="AD90921" i="1"/>
  <c r="AD90922" i="1"/>
  <c r="AD90923" i="1"/>
  <c r="AD90924" i="1"/>
  <c r="AD90925" i="1"/>
  <c r="AD90926" i="1"/>
  <c r="AD90927" i="1"/>
  <c r="AD90928" i="1"/>
  <c r="AD90929" i="1"/>
  <c r="AD90930" i="1"/>
  <c r="AD90931" i="1"/>
  <c r="AD90932" i="1"/>
  <c r="AD90933" i="1"/>
  <c r="AD90934" i="1"/>
  <c r="AD90935" i="1"/>
  <c r="AD90936" i="1"/>
  <c r="AD90937" i="1"/>
  <c r="AD90938" i="1"/>
  <c r="AD90939" i="1"/>
  <c r="AD90940" i="1"/>
  <c r="AD90941" i="1"/>
  <c r="AD90942" i="1"/>
  <c r="AD90943" i="1"/>
  <c r="AD90944" i="1"/>
  <c r="AD90945" i="1"/>
  <c r="AD90946" i="1"/>
  <c r="AD90947" i="1"/>
  <c r="AD90948" i="1"/>
  <c r="AD90949" i="1"/>
  <c r="AD90950" i="1"/>
  <c r="AD90951" i="1"/>
  <c r="AD90952" i="1"/>
  <c r="AD90953" i="1"/>
  <c r="AD90954" i="1"/>
  <c r="AD90955" i="1"/>
  <c r="AD90956" i="1"/>
  <c r="AD90957" i="1"/>
  <c r="AD90958" i="1"/>
  <c r="AD90959" i="1"/>
  <c r="AD90960" i="1"/>
  <c r="AD90961" i="1"/>
  <c r="AD90962" i="1"/>
  <c r="AD90963" i="1"/>
  <c r="AD90964" i="1"/>
  <c r="AD90965" i="1"/>
  <c r="AD90966" i="1"/>
  <c r="AD90967" i="1"/>
  <c r="AD90968" i="1"/>
  <c r="AD90969" i="1"/>
  <c r="AD90970" i="1"/>
  <c r="AD90971" i="1"/>
  <c r="AD90972" i="1"/>
  <c r="AD90973" i="1"/>
  <c r="AD90974" i="1"/>
  <c r="AD90975" i="1"/>
  <c r="AD90976" i="1"/>
  <c r="AD90977" i="1"/>
  <c r="AD90978" i="1"/>
  <c r="AD90979" i="1"/>
  <c r="AD90980" i="1"/>
  <c r="AD90981" i="1"/>
  <c r="AD90982" i="1"/>
  <c r="AD90983" i="1"/>
  <c r="AD90984" i="1"/>
  <c r="AD90985" i="1"/>
  <c r="AD90986" i="1"/>
  <c r="AD90987" i="1"/>
  <c r="AD90988" i="1"/>
  <c r="AD90989" i="1"/>
  <c r="AD90990" i="1"/>
  <c r="AD90991" i="1"/>
  <c r="AD90992" i="1"/>
  <c r="AD90993" i="1"/>
  <c r="AD90994" i="1"/>
  <c r="AD90995" i="1"/>
  <c r="AD90996" i="1"/>
  <c r="AD90997" i="1"/>
  <c r="AD90998" i="1"/>
  <c r="AD90999" i="1"/>
  <c r="AD91000" i="1"/>
  <c r="AD91001" i="1"/>
  <c r="AD91002" i="1"/>
  <c r="AD91003" i="1"/>
  <c r="AD91004" i="1"/>
  <c r="AD91005" i="1"/>
  <c r="AD91006" i="1"/>
  <c r="AD91007" i="1"/>
  <c r="AD91008" i="1"/>
  <c r="AD91009" i="1"/>
  <c r="AD91010" i="1"/>
  <c r="AD91011" i="1"/>
  <c r="AD91012" i="1"/>
  <c r="AD91013" i="1"/>
  <c r="AD91014" i="1"/>
  <c r="AD91015" i="1"/>
  <c r="AD91016" i="1"/>
  <c r="AD91017" i="1"/>
  <c r="AD91018" i="1"/>
  <c r="AD91019" i="1"/>
  <c r="AD91020" i="1"/>
  <c r="AD91021" i="1"/>
  <c r="AD91022" i="1"/>
  <c r="AD91023" i="1"/>
  <c r="AD91024" i="1"/>
  <c r="AD91025" i="1"/>
  <c r="AD91026" i="1"/>
  <c r="AD91027" i="1"/>
  <c r="AD91028" i="1"/>
  <c r="AD91029" i="1"/>
  <c r="AD91030" i="1"/>
  <c r="AD91031" i="1"/>
  <c r="AD91032" i="1"/>
  <c r="AD91033" i="1"/>
  <c r="AD91034" i="1"/>
  <c r="AD91035" i="1"/>
  <c r="AD91036" i="1"/>
  <c r="AD91037" i="1"/>
  <c r="AD91038" i="1"/>
  <c r="AD91039" i="1"/>
  <c r="AD91040" i="1"/>
  <c r="AD91041" i="1"/>
  <c r="AD91042" i="1"/>
  <c r="AD91043" i="1"/>
  <c r="AD91044" i="1"/>
  <c r="AD91045" i="1"/>
  <c r="AD91046" i="1"/>
  <c r="AD91047" i="1"/>
  <c r="AD91048" i="1"/>
  <c r="AD91049" i="1"/>
  <c r="AD91050" i="1"/>
  <c r="AD91051" i="1"/>
  <c r="AD91052" i="1"/>
  <c r="AD91053" i="1"/>
  <c r="AD91054" i="1"/>
  <c r="AD91055" i="1"/>
  <c r="AD91056" i="1"/>
  <c r="AD91057" i="1"/>
  <c r="AD91058" i="1"/>
  <c r="AD91059" i="1"/>
  <c r="AD91060" i="1"/>
  <c r="AD91061" i="1"/>
  <c r="AD91062" i="1"/>
  <c r="AD91063" i="1"/>
  <c r="AD91064" i="1"/>
  <c r="AD91065" i="1"/>
  <c r="AD91066" i="1"/>
  <c r="AD91067" i="1"/>
  <c r="AD91068" i="1"/>
  <c r="AD91069" i="1"/>
  <c r="AD91070" i="1"/>
  <c r="AD91071" i="1"/>
  <c r="AD91072" i="1"/>
  <c r="AD91073" i="1"/>
  <c r="AD91074" i="1"/>
  <c r="AD91075" i="1"/>
  <c r="AD91076" i="1"/>
  <c r="AD91077" i="1"/>
  <c r="AD91078" i="1"/>
  <c r="AD91079" i="1"/>
  <c r="AD91080" i="1"/>
  <c r="AD91081" i="1"/>
  <c r="AD91082" i="1"/>
  <c r="AD91083" i="1"/>
  <c r="AD91084" i="1"/>
  <c r="AD91085" i="1"/>
  <c r="AD91086" i="1"/>
  <c r="AD91087" i="1"/>
  <c r="AD91088" i="1"/>
  <c r="AD91089" i="1"/>
  <c r="AD91090" i="1"/>
  <c r="AD91091" i="1"/>
  <c r="AD91092" i="1"/>
  <c r="AD91093" i="1"/>
  <c r="AD91094" i="1"/>
  <c r="AD91095" i="1"/>
  <c r="AD91096" i="1"/>
  <c r="AD91097" i="1"/>
  <c r="AD91098" i="1"/>
  <c r="AD91099" i="1"/>
  <c r="AD91100" i="1"/>
  <c r="AD91101" i="1"/>
  <c r="AD91102" i="1"/>
  <c r="AD91103" i="1"/>
  <c r="AD91104" i="1"/>
  <c r="AD91105" i="1"/>
  <c r="AD91106" i="1"/>
  <c r="AD91107" i="1"/>
  <c r="AD91108" i="1"/>
  <c r="AD91109" i="1"/>
  <c r="AD91110" i="1"/>
  <c r="AD91111" i="1"/>
  <c r="AD91112" i="1"/>
  <c r="AD91113" i="1"/>
  <c r="AD91114" i="1"/>
  <c r="AD91115" i="1"/>
  <c r="AD91116" i="1"/>
  <c r="AD91117" i="1"/>
  <c r="AD91118" i="1"/>
  <c r="AD91119" i="1"/>
  <c r="AD91120" i="1"/>
  <c r="AD91121" i="1"/>
  <c r="AD91122" i="1"/>
  <c r="AD91123" i="1"/>
  <c r="AD91124" i="1"/>
  <c r="AD91125" i="1"/>
  <c r="AD91126" i="1"/>
  <c r="AD91127" i="1"/>
  <c r="AD91128" i="1"/>
  <c r="AD91129" i="1"/>
  <c r="AD91130" i="1"/>
  <c r="AD91131" i="1"/>
  <c r="AD91132" i="1"/>
  <c r="AD91133" i="1"/>
  <c r="AD91134" i="1"/>
  <c r="AD91135" i="1"/>
  <c r="AD91136" i="1"/>
  <c r="AD91137" i="1"/>
  <c r="AD91138" i="1"/>
  <c r="AD91139" i="1"/>
  <c r="AD91140" i="1"/>
  <c r="AD91141" i="1"/>
  <c r="AD91142" i="1"/>
  <c r="AD91143" i="1"/>
  <c r="AD91144" i="1"/>
  <c r="AD91145" i="1"/>
  <c r="AD91146" i="1"/>
  <c r="AD91147" i="1"/>
  <c r="AD91148" i="1"/>
  <c r="AD91149" i="1"/>
  <c r="AD91150" i="1"/>
  <c r="AD91151" i="1"/>
  <c r="AD91152" i="1"/>
  <c r="AD91153" i="1"/>
  <c r="AD91154" i="1"/>
  <c r="AD91155" i="1"/>
  <c r="AD91156" i="1"/>
  <c r="AD91157" i="1"/>
  <c r="AD91158" i="1"/>
  <c r="AD91159" i="1"/>
  <c r="AD91160" i="1"/>
  <c r="AD91161" i="1"/>
  <c r="AD91162" i="1"/>
  <c r="AD91163" i="1"/>
  <c r="AD91164" i="1"/>
  <c r="AD91165" i="1"/>
  <c r="AD91166" i="1"/>
  <c r="AD91167" i="1"/>
  <c r="AD91168" i="1"/>
  <c r="AD91169" i="1"/>
  <c r="AD91170" i="1"/>
  <c r="AD91171" i="1"/>
  <c r="AD91172" i="1"/>
  <c r="AD91173" i="1"/>
  <c r="AD91174" i="1"/>
  <c r="AD91175" i="1"/>
  <c r="AD91176" i="1"/>
  <c r="AD91177" i="1"/>
  <c r="AD91178" i="1"/>
  <c r="AD91179" i="1"/>
  <c r="AD91180" i="1"/>
  <c r="AD91181" i="1"/>
  <c r="AD91182" i="1"/>
  <c r="AD91183" i="1"/>
  <c r="AD91184" i="1"/>
  <c r="AD91185" i="1"/>
  <c r="AD91186" i="1"/>
  <c r="AD91187" i="1"/>
  <c r="AD91188" i="1"/>
  <c r="AD91189" i="1"/>
  <c r="AD91190" i="1"/>
  <c r="AD91191" i="1"/>
  <c r="AD91192" i="1"/>
  <c r="AD91193" i="1"/>
  <c r="AD91194" i="1"/>
  <c r="AD91195" i="1"/>
  <c r="AD91196" i="1"/>
  <c r="AD91197" i="1"/>
  <c r="AD91198" i="1"/>
  <c r="AD91199" i="1"/>
  <c r="AD91200" i="1"/>
  <c r="AD91201" i="1"/>
  <c r="AD91202" i="1"/>
  <c r="AD91203" i="1"/>
  <c r="AD91204" i="1"/>
  <c r="AD91205" i="1"/>
  <c r="AD91206" i="1"/>
  <c r="AD91207" i="1"/>
  <c r="AD91208" i="1"/>
  <c r="AD91209" i="1"/>
  <c r="AD91210" i="1"/>
  <c r="AD91211" i="1"/>
  <c r="AD91212" i="1"/>
  <c r="AD91213" i="1"/>
  <c r="AD91214" i="1"/>
  <c r="AD91215" i="1"/>
  <c r="AD91216" i="1"/>
  <c r="AD91217" i="1"/>
  <c r="AD91218" i="1"/>
  <c r="AD91219" i="1"/>
  <c r="AD91220" i="1"/>
  <c r="AD91221" i="1"/>
  <c r="AD91222" i="1"/>
  <c r="AD91223" i="1"/>
  <c r="AD91224" i="1"/>
  <c r="AD91225" i="1"/>
  <c r="AD91226" i="1"/>
  <c r="AD91227" i="1"/>
  <c r="AD91228" i="1"/>
  <c r="AD91229" i="1"/>
  <c r="AD91230" i="1"/>
  <c r="AD91231" i="1"/>
  <c r="AD91232" i="1"/>
  <c r="AD91233" i="1"/>
  <c r="AD91234" i="1"/>
  <c r="AD91235" i="1"/>
  <c r="AD91236" i="1"/>
  <c r="AD91237" i="1"/>
  <c r="AD91238" i="1"/>
  <c r="AD91239" i="1"/>
  <c r="AD91240" i="1"/>
  <c r="AD91241" i="1"/>
  <c r="AD91242" i="1"/>
  <c r="AD91243" i="1"/>
  <c r="AD91244" i="1"/>
  <c r="AD91245" i="1"/>
  <c r="AD91246" i="1"/>
  <c r="AD91247" i="1"/>
  <c r="AD91248" i="1"/>
  <c r="AD91249" i="1"/>
  <c r="AD91250" i="1"/>
  <c r="AD91251" i="1"/>
  <c r="AD91252" i="1"/>
  <c r="AD91253" i="1"/>
  <c r="AD91254" i="1"/>
  <c r="AD91255" i="1"/>
  <c r="AD91256" i="1"/>
  <c r="AD91257" i="1"/>
  <c r="AD91258" i="1"/>
  <c r="AD91259" i="1"/>
  <c r="AD91260" i="1"/>
  <c r="AD91261" i="1"/>
  <c r="AD91262" i="1"/>
  <c r="AD91263" i="1"/>
  <c r="AD91264" i="1"/>
  <c r="AD91265" i="1"/>
  <c r="AD91266" i="1"/>
  <c r="AD91267" i="1"/>
  <c r="AD91268" i="1"/>
  <c r="AD91269" i="1"/>
  <c r="AD91270" i="1"/>
  <c r="AD91271" i="1"/>
  <c r="AD91272" i="1"/>
  <c r="AD91273" i="1"/>
  <c r="AD91274" i="1"/>
  <c r="AD91275" i="1"/>
  <c r="AD91276" i="1"/>
  <c r="AD91277" i="1"/>
  <c r="AD91278" i="1"/>
  <c r="AD91279" i="1"/>
  <c r="AD91280" i="1"/>
  <c r="AD91281" i="1"/>
  <c r="AD91282" i="1"/>
  <c r="AD91283" i="1"/>
  <c r="AD91284" i="1"/>
  <c r="AD91285" i="1"/>
  <c r="AD91286" i="1"/>
  <c r="AD91287" i="1"/>
  <c r="AD91288" i="1"/>
  <c r="AD91289" i="1"/>
  <c r="AD91290" i="1"/>
  <c r="AD91291" i="1"/>
  <c r="AD91292" i="1"/>
  <c r="AD91293" i="1"/>
  <c r="AD91294" i="1"/>
  <c r="AD91295" i="1"/>
  <c r="AD91296" i="1"/>
  <c r="AD91297" i="1"/>
  <c r="AD91298" i="1"/>
  <c r="AD91299" i="1"/>
  <c r="AD91300" i="1"/>
  <c r="AD91301" i="1"/>
  <c r="AD91302" i="1"/>
  <c r="AD91303" i="1"/>
  <c r="AD91304" i="1"/>
  <c r="AD91305" i="1"/>
  <c r="AD91306" i="1"/>
  <c r="AD91307" i="1"/>
  <c r="AD91308" i="1"/>
  <c r="AD91309" i="1"/>
  <c r="AD91310" i="1"/>
  <c r="AD91311" i="1"/>
  <c r="AD91312" i="1"/>
  <c r="AD91313" i="1"/>
  <c r="AD91314" i="1"/>
  <c r="AD91315" i="1"/>
  <c r="AD91316" i="1"/>
  <c r="AD91317" i="1"/>
  <c r="AD91318" i="1"/>
  <c r="AD91319" i="1"/>
  <c r="AD91320" i="1"/>
  <c r="AD91321" i="1"/>
  <c r="AD91322" i="1"/>
  <c r="AD91323" i="1"/>
  <c r="AD91324" i="1"/>
  <c r="AD91325" i="1"/>
  <c r="AD91326" i="1"/>
  <c r="AD91327" i="1"/>
  <c r="AD91328" i="1"/>
  <c r="AD91329" i="1"/>
  <c r="AD91330" i="1"/>
  <c r="AD91331" i="1"/>
  <c r="AD91332" i="1"/>
  <c r="AD91333" i="1"/>
  <c r="AD91334" i="1"/>
  <c r="AD91335" i="1"/>
  <c r="AD91336" i="1"/>
  <c r="AD91337" i="1"/>
  <c r="AD91338" i="1"/>
  <c r="AD91339" i="1"/>
  <c r="AD91340" i="1"/>
  <c r="AD91341" i="1"/>
  <c r="AD91342" i="1"/>
  <c r="AD91343" i="1"/>
  <c r="AD91344" i="1"/>
  <c r="AD91345" i="1"/>
  <c r="AD91346" i="1"/>
  <c r="AD91347" i="1"/>
  <c r="AD91348" i="1"/>
  <c r="AD91349" i="1"/>
  <c r="AD91350" i="1"/>
  <c r="AD91351" i="1"/>
  <c r="AD91352" i="1"/>
  <c r="AD91353" i="1"/>
  <c r="AD91354" i="1"/>
  <c r="AD91355" i="1"/>
  <c r="AD91356" i="1"/>
  <c r="AD91357" i="1"/>
  <c r="AD91358" i="1"/>
  <c r="AD91359" i="1"/>
  <c r="AD91360" i="1"/>
  <c r="AD91361" i="1"/>
  <c r="AD91362" i="1"/>
  <c r="AD91363" i="1"/>
  <c r="AD91364" i="1"/>
  <c r="AD91365" i="1"/>
  <c r="AD91366" i="1"/>
  <c r="AD91367" i="1"/>
  <c r="AD91368" i="1"/>
  <c r="AD91369" i="1"/>
  <c r="AD91370" i="1"/>
  <c r="AD91371" i="1"/>
  <c r="AD91372" i="1"/>
  <c r="AD91373" i="1"/>
  <c r="AD91374" i="1"/>
  <c r="AD91375" i="1"/>
  <c r="AD91376" i="1"/>
  <c r="AD91377" i="1"/>
  <c r="AD91378" i="1"/>
  <c r="AD91379" i="1"/>
  <c r="AD91380" i="1"/>
  <c r="AD91381" i="1"/>
  <c r="AD91382" i="1"/>
  <c r="AD91383" i="1"/>
  <c r="AD91384" i="1"/>
  <c r="AD91385" i="1"/>
  <c r="AD91386" i="1"/>
  <c r="AD91387" i="1"/>
  <c r="AD91388" i="1"/>
  <c r="AD91389" i="1"/>
  <c r="AD91390" i="1"/>
  <c r="AD91391" i="1"/>
  <c r="AD91392" i="1"/>
  <c r="AD91393" i="1"/>
  <c r="AD91394" i="1"/>
  <c r="AD91395" i="1"/>
  <c r="AD91396" i="1"/>
  <c r="AD91397" i="1"/>
  <c r="AD91398" i="1"/>
  <c r="AD91399" i="1"/>
  <c r="AD91400" i="1"/>
  <c r="AD91401" i="1"/>
  <c r="AD91402" i="1"/>
  <c r="AD91403" i="1"/>
  <c r="AD91404" i="1"/>
  <c r="AD91405" i="1"/>
  <c r="AD91406" i="1"/>
  <c r="AD91407" i="1"/>
  <c r="AD91408" i="1"/>
  <c r="AD91409" i="1"/>
  <c r="AD91410" i="1"/>
  <c r="AD91411" i="1"/>
  <c r="AD91412" i="1"/>
  <c r="AD91413" i="1"/>
  <c r="AD91414" i="1"/>
  <c r="AD91415" i="1"/>
  <c r="AD91416" i="1"/>
  <c r="AD91417" i="1"/>
  <c r="AD91418" i="1"/>
  <c r="AD91419" i="1"/>
  <c r="AD91420" i="1"/>
  <c r="AD91421" i="1"/>
  <c r="AD91422" i="1"/>
  <c r="AD91423" i="1"/>
  <c r="AD91424" i="1"/>
  <c r="AD91425" i="1"/>
  <c r="AD91426" i="1"/>
  <c r="AD91427" i="1"/>
  <c r="AD91428" i="1"/>
  <c r="AD91429" i="1"/>
  <c r="AD91430" i="1"/>
  <c r="AD91431" i="1"/>
  <c r="AD91432" i="1"/>
  <c r="AD91433" i="1"/>
  <c r="AD91434" i="1"/>
  <c r="AD91435" i="1"/>
  <c r="AD91436" i="1"/>
  <c r="AD91437" i="1"/>
  <c r="AD91438" i="1"/>
  <c r="AD91439" i="1"/>
  <c r="AD91440" i="1"/>
  <c r="AD91441" i="1"/>
  <c r="AD91442" i="1"/>
  <c r="AD91443" i="1"/>
  <c r="AD91444" i="1"/>
  <c r="AD91445" i="1"/>
  <c r="AD91446" i="1"/>
  <c r="AD91447" i="1"/>
  <c r="AD91448" i="1"/>
  <c r="AD91449" i="1"/>
  <c r="AD91450" i="1"/>
  <c r="AD91451" i="1"/>
  <c r="AD91452" i="1"/>
  <c r="AD91453" i="1"/>
  <c r="AD91454" i="1"/>
  <c r="AD91455" i="1"/>
  <c r="AD91456" i="1"/>
  <c r="AD91457" i="1"/>
  <c r="AD91458" i="1"/>
  <c r="AD91459" i="1"/>
  <c r="AD91460" i="1"/>
  <c r="AD91461" i="1"/>
  <c r="AD91462" i="1"/>
  <c r="AD91463" i="1"/>
  <c r="AD91464" i="1"/>
  <c r="AD91465" i="1"/>
  <c r="AD91466" i="1"/>
  <c r="AD91467" i="1"/>
  <c r="AD91468" i="1"/>
  <c r="AD91469" i="1"/>
  <c r="AD91470" i="1"/>
  <c r="AD91471" i="1"/>
  <c r="AD91472" i="1"/>
  <c r="AD91473" i="1"/>
  <c r="AD91474" i="1"/>
  <c r="AD91475" i="1"/>
  <c r="AD91476" i="1"/>
  <c r="AD91477" i="1"/>
  <c r="AD91478" i="1"/>
  <c r="AD91479" i="1"/>
  <c r="AD91480" i="1"/>
  <c r="AD91481" i="1"/>
  <c r="AD91482" i="1"/>
  <c r="AD91483" i="1"/>
  <c r="AD91484" i="1"/>
  <c r="AD91485" i="1"/>
  <c r="AD91486" i="1"/>
  <c r="AD91487" i="1"/>
  <c r="AD91488" i="1"/>
  <c r="AD91489" i="1"/>
  <c r="AD91490" i="1"/>
  <c r="AD91491" i="1"/>
  <c r="AD91492" i="1"/>
  <c r="AD91493" i="1"/>
  <c r="AD91494" i="1"/>
  <c r="AD91495" i="1"/>
  <c r="AD91496" i="1"/>
  <c r="AD91497" i="1"/>
  <c r="AD91498" i="1"/>
  <c r="AD91499" i="1"/>
  <c r="AD91500" i="1"/>
  <c r="AD91501" i="1"/>
  <c r="AD91502" i="1"/>
  <c r="AD91503" i="1"/>
  <c r="AD91504" i="1"/>
  <c r="AD91505" i="1"/>
  <c r="AD91506" i="1"/>
  <c r="AD91507" i="1"/>
  <c r="AD91508" i="1"/>
  <c r="AD91509" i="1"/>
  <c r="AD91510" i="1"/>
  <c r="AD91511" i="1"/>
  <c r="AD91512" i="1"/>
  <c r="AD91513" i="1"/>
  <c r="AD91514" i="1"/>
  <c r="AD91515" i="1"/>
  <c r="AD91516" i="1"/>
  <c r="AD91517" i="1"/>
  <c r="AD91518" i="1"/>
  <c r="AD91519" i="1"/>
  <c r="AD91520" i="1"/>
  <c r="AD91521" i="1"/>
  <c r="AD91522" i="1"/>
  <c r="AD91523" i="1"/>
  <c r="AD91524" i="1"/>
  <c r="AD91525" i="1"/>
  <c r="AD91526" i="1"/>
  <c r="AD91527" i="1"/>
  <c r="AD91528" i="1"/>
  <c r="AD91529" i="1"/>
  <c r="AD91530" i="1"/>
  <c r="AD91531" i="1"/>
  <c r="AD91532" i="1"/>
  <c r="AD91533" i="1"/>
  <c r="AD91534" i="1"/>
  <c r="AD91535" i="1"/>
  <c r="AD91536" i="1"/>
  <c r="AD91537" i="1"/>
  <c r="AD91538" i="1"/>
  <c r="AD91539" i="1"/>
  <c r="AD91540" i="1"/>
  <c r="AD91541" i="1"/>
  <c r="AD91542" i="1"/>
  <c r="AD91543" i="1"/>
  <c r="AD91544" i="1"/>
  <c r="AD91545" i="1"/>
  <c r="AD91546" i="1"/>
  <c r="AD91547" i="1"/>
  <c r="AD91548" i="1"/>
  <c r="AD91549" i="1"/>
  <c r="AD91550" i="1"/>
  <c r="AD91551" i="1"/>
  <c r="AD91552" i="1"/>
  <c r="AD91553" i="1"/>
  <c r="AD91554" i="1"/>
  <c r="AD91555" i="1"/>
  <c r="AD91556" i="1"/>
  <c r="AD91557" i="1"/>
  <c r="AD91558" i="1"/>
  <c r="AD91559" i="1"/>
  <c r="AD91560" i="1"/>
  <c r="AD91561" i="1"/>
  <c r="AD91562" i="1"/>
  <c r="AD91563" i="1"/>
  <c r="AD91564" i="1"/>
  <c r="AD91565" i="1"/>
  <c r="AD91566" i="1"/>
  <c r="AD91567" i="1"/>
  <c r="AD91568" i="1"/>
  <c r="AD91569" i="1"/>
  <c r="AD91570" i="1"/>
  <c r="AD91571" i="1"/>
  <c r="AD91572" i="1"/>
  <c r="AD91573" i="1"/>
  <c r="AD91574" i="1"/>
  <c r="AD91575" i="1"/>
  <c r="AD91576" i="1"/>
  <c r="AD91577" i="1"/>
  <c r="AD91578" i="1"/>
  <c r="AD91579" i="1"/>
  <c r="AD91580" i="1"/>
  <c r="AD91581" i="1"/>
  <c r="AD91582" i="1"/>
  <c r="AD91583" i="1"/>
  <c r="AD91584" i="1"/>
  <c r="AD91585" i="1"/>
  <c r="AD91586" i="1"/>
  <c r="AD91587" i="1"/>
  <c r="AD91588" i="1"/>
  <c r="AD91589" i="1"/>
  <c r="AD91590" i="1"/>
  <c r="AD91591" i="1"/>
  <c r="AD91592" i="1"/>
  <c r="AD91593" i="1"/>
  <c r="AD91594" i="1"/>
  <c r="AD91595" i="1"/>
  <c r="AD91596" i="1"/>
  <c r="AD91597" i="1"/>
  <c r="AD91598" i="1"/>
  <c r="AD91599" i="1"/>
  <c r="AD91600" i="1"/>
  <c r="AD91601" i="1"/>
  <c r="AD91602" i="1"/>
  <c r="AD91603" i="1"/>
  <c r="AD91604" i="1"/>
  <c r="AD91605" i="1"/>
  <c r="AD91606" i="1"/>
  <c r="AD91607" i="1"/>
  <c r="AD91608" i="1"/>
  <c r="AD91609" i="1"/>
  <c r="AD91610" i="1"/>
  <c r="AD91611" i="1"/>
  <c r="AD91612" i="1"/>
  <c r="AD91613" i="1"/>
  <c r="AD91614" i="1"/>
  <c r="AD91615" i="1"/>
  <c r="AD91616" i="1"/>
  <c r="AD91617" i="1"/>
  <c r="AD91618" i="1"/>
  <c r="AD91619" i="1"/>
  <c r="AD91620" i="1"/>
  <c r="AD91621" i="1"/>
  <c r="AD91622" i="1"/>
  <c r="AD91623" i="1"/>
  <c r="AD91624" i="1"/>
  <c r="AD91625" i="1"/>
  <c r="AD91626" i="1"/>
  <c r="AD91627" i="1"/>
  <c r="AD91628" i="1"/>
  <c r="AD91629" i="1"/>
  <c r="AD91630" i="1"/>
  <c r="AD91631" i="1"/>
  <c r="AD91632" i="1"/>
  <c r="AD91633" i="1"/>
  <c r="AD91634" i="1"/>
  <c r="AD91635" i="1"/>
  <c r="AD91636" i="1"/>
  <c r="AD91637" i="1"/>
  <c r="AD91638" i="1"/>
  <c r="AD91639" i="1"/>
  <c r="AD91640" i="1"/>
  <c r="AD91641" i="1"/>
  <c r="AD91642" i="1"/>
  <c r="AD91643" i="1"/>
  <c r="AD91644" i="1"/>
  <c r="AD91645" i="1"/>
  <c r="AD91646" i="1"/>
  <c r="AD91647" i="1"/>
  <c r="AD91648" i="1"/>
  <c r="AD91649" i="1"/>
  <c r="AD91650" i="1"/>
  <c r="AD91651" i="1"/>
  <c r="AD91652" i="1"/>
  <c r="AD91653" i="1"/>
  <c r="AD91654" i="1"/>
  <c r="AD91655" i="1"/>
  <c r="AD91656" i="1"/>
  <c r="AD91657" i="1"/>
  <c r="AD91658" i="1"/>
  <c r="AD91659" i="1"/>
  <c r="AD91660" i="1"/>
  <c r="AD91661" i="1"/>
  <c r="AD91662" i="1"/>
  <c r="AD91663" i="1"/>
  <c r="AD91664" i="1"/>
  <c r="AD91665" i="1"/>
  <c r="AD91666" i="1"/>
  <c r="AD91667" i="1"/>
  <c r="AD91668" i="1"/>
  <c r="AD91669" i="1"/>
  <c r="AD91670" i="1"/>
  <c r="AD91671" i="1"/>
  <c r="AD91672" i="1"/>
  <c r="AD91673" i="1"/>
  <c r="AD91674" i="1"/>
  <c r="AD91675" i="1"/>
  <c r="AD91676" i="1"/>
  <c r="AD91677" i="1"/>
  <c r="AD91678" i="1"/>
  <c r="AD91679" i="1"/>
  <c r="AD91680" i="1"/>
  <c r="AD91681" i="1"/>
  <c r="AD91682" i="1"/>
  <c r="AD91683" i="1"/>
  <c r="AD91684" i="1"/>
  <c r="AD91685" i="1"/>
  <c r="AD91686" i="1"/>
  <c r="AD91687" i="1"/>
  <c r="AD91688" i="1"/>
  <c r="AD91689" i="1"/>
  <c r="AD91690" i="1"/>
  <c r="AD91691" i="1"/>
  <c r="AD91692" i="1"/>
  <c r="AD91693" i="1"/>
  <c r="AD91694" i="1"/>
  <c r="AD91695" i="1"/>
  <c r="AD91696" i="1"/>
  <c r="AD91697" i="1"/>
  <c r="AD91698" i="1"/>
  <c r="AD91699" i="1"/>
  <c r="AD91700" i="1"/>
  <c r="AD91701" i="1"/>
  <c r="AD91702" i="1"/>
  <c r="AD91703" i="1"/>
  <c r="AD91704" i="1"/>
  <c r="AD91705" i="1"/>
  <c r="AD91706" i="1"/>
  <c r="AD91707" i="1"/>
  <c r="AD91708" i="1"/>
  <c r="AD91709" i="1"/>
  <c r="AD91710" i="1"/>
  <c r="AD91711" i="1"/>
  <c r="AD91712" i="1"/>
  <c r="AD91713" i="1"/>
  <c r="AD91714" i="1"/>
  <c r="AD91715" i="1"/>
  <c r="AD91716" i="1"/>
  <c r="AD91717" i="1"/>
  <c r="AD91718" i="1"/>
  <c r="AD91719" i="1"/>
  <c r="AD91720" i="1"/>
  <c r="AD91721" i="1"/>
  <c r="AD91722" i="1"/>
  <c r="AD91723" i="1"/>
  <c r="AD91724" i="1"/>
  <c r="AD91725" i="1"/>
  <c r="AD91726" i="1"/>
  <c r="AD91727" i="1"/>
  <c r="AD91728" i="1"/>
  <c r="AD91729" i="1"/>
  <c r="AD91730" i="1"/>
  <c r="AD91731" i="1"/>
  <c r="AD91732" i="1"/>
  <c r="AD91733" i="1"/>
  <c r="AD91734" i="1"/>
  <c r="AD91735" i="1"/>
  <c r="AD91736" i="1"/>
  <c r="AD91737" i="1"/>
  <c r="AD91738" i="1"/>
  <c r="AD91739" i="1"/>
  <c r="AD91740" i="1"/>
  <c r="AD91741" i="1"/>
  <c r="AD91742" i="1"/>
  <c r="AD91743" i="1"/>
  <c r="AD91744" i="1"/>
  <c r="AD91745" i="1"/>
  <c r="AD91746" i="1"/>
  <c r="AD91747" i="1"/>
  <c r="AD91748" i="1"/>
  <c r="AD91749" i="1"/>
  <c r="AD91750" i="1"/>
  <c r="AD91751" i="1"/>
  <c r="AD91752" i="1"/>
  <c r="AD91753" i="1"/>
  <c r="AD91754" i="1"/>
  <c r="AD91755" i="1"/>
  <c r="AD91756" i="1"/>
  <c r="AD91757" i="1"/>
  <c r="AD91758" i="1"/>
  <c r="AD91759" i="1"/>
  <c r="AD91760" i="1"/>
  <c r="AD91761" i="1"/>
  <c r="AD91762" i="1"/>
  <c r="AD91763" i="1"/>
  <c r="AD91764" i="1"/>
  <c r="AD91765" i="1"/>
  <c r="AD91766" i="1"/>
  <c r="AD91767" i="1"/>
  <c r="AD91768" i="1"/>
  <c r="AD91769" i="1"/>
  <c r="AD91770" i="1"/>
  <c r="AD91771" i="1"/>
  <c r="AD91772" i="1"/>
  <c r="AD91773" i="1"/>
  <c r="AD91774" i="1"/>
  <c r="AD91775" i="1"/>
  <c r="AD91776" i="1"/>
  <c r="AD91777" i="1"/>
  <c r="AD91778" i="1"/>
  <c r="AD91779" i="1"/>
  <c r="AD91780" i="1"/>
  <c r="AD91781" i="1"/>
  <c r="AD91782" i="1"/>
  <c r="AD91783" i="1"/>
  <c r="AD91784" i="1"/>
  <c r="AD91785" i="1"/>
  <c r="AD91786" i="1"/>
  <c r="AD91787" i="1"/>
  <c r="AD91788" i="1"/>
  <c r="AD91789" i="1"/>
  <c r="AD91790" i="1"/>
  <c r="AD91791" i="1"/>
  <c r="AD91792" i="1"/>
  <c r="AD91793" i="1"/>
  <c r="AD91794" i="1"/>
  <c r="AD91795" i="1"/>
  <c r="AD91796" i="1"/>
  <c r="AD91797" i="1"/>
  <c r="AD91798" i="1"/>
  <c r="AD91799" i="1"/>
  <c r="AD91800" i="1"/>
  <c r="AD91801" i="1"/>
  <c r="AD91802" i="1"/>
  <c r="AD91803" i="1"/>
  <c r="AD91804" i="1"/>
  <c r="AD91805" i="1"/>
  <c r="AD91806" i="1"/>
  <c r="AD91807" i="1"/>
  <c r="AD91808" i="1"/>
  <c r="AD91809" i="1"/>
  <c r="AD91810" i="1"/>
  <c r="AD91811" i="1"/>
  <c r="AD91812" i="1"/>
  <c r="AD91813" i="1"/>
  <c r="AD91814" i="1"/>
  <c r="AD91815" i="1"/>
  <c r="AD91816" i="1"/>
  <c r="AD91817" i="1"/>
  <c r="AD91818" i="1"/>
  <c r="AD91819" i="1"/>
  <c r="AD91820" i="1"/>
  <c r="AD91821" i="1"/>
  <c r="AD91822" i="1"/>
  <c r="AD91823" i="1"/>
  <c r="AD91824" i="1"/>
  <c r="AD91825" i="1"/>
  <c r="AD91826" i="1"/>
  <c r="AD91827" i="1"/>
  <c r="AD91828" i="1"/>
  <c r="AD91829" i="1"/>
  <c r="AD91830" i="1"/>
  <c r="AD91831" i="1"/>
  <c r="AD91832" i="1"/>
  <c r="AD91833" i="1"/>
  <c r="AD91834" i="1"/>
  <c r="AD91835" i="1"/>
  <c r="AD91836" i="1"/>
  <c r="AD91837" i="1"/>
  <c r="AD91838" i="1"/>
  <c r="AD91839" i="1"/>
  <c r="AD91840" i="1"/>
  <c r="AD91841" i="1"/>
  <c r="AD91842" i="1"/>
  <c r="AD91843" i="1"/>
  <c r="AD91844" i="1"/>
  <c r="AD91845" i="1"/>
  <c r="AD91846" i="1"/>
  <c r="AD91847" i="1"/>
  <c r="AD91848" i="1"/>
  <c r="AD91849" i="1"/>
  <c r="AD91850" i="1"/>
  <c r="AD91851" i="1"/>
  <c r="AD91852" i="1"/>
  <c r="AD91853" i="1"/>
  <c r="AD91854" i="1"/>
  <c r="AD91855" i="1"/>
  <c r="AD91856" i="1"/>
  <c r="AD91857" i="1"/>
  <c r="AD91858" i="1"/>
  <c r="AD91859" i="1"/>
  <c r="AD91860" i="1"/>
  <c r="AD91861" i="1"/>
  <c r="AD91862" i="1"/>
  <c r="AD91863" i="1"/>
  <c r="AD91864" i="1"/>
  <c r="AD91865" i="1"/>
  <c r="AD91866" i="1"/>
  <c r="AD91867" i="1"/>
  <c r="AD91868" i="1"/>
  <c r="AD91869" i="1"/>
  <c r="AD91870" i="1"/>
  <c r="AD91871" i="1"/>
  <c r="AD91872" i="1"/>
  <c r="AD91873" i="1"/>
  <c r="AD91874" i="1"/>
  <c r="AD91875" i="1"/>
  <c r="AD91876" i="1"/>
  <c r="AD91877" i="1"/>
  <c r="AD91878" i="1"/>
  <c r="AD91879" i="1"/>
  <c r="AD91880" i="1"/>
  <c r="AD91881" i="1"/>
  <c r="AD91882" i="1"/>
  <c r="AD91883" i="1"/>
  <c r="AD91884" i="1"/>
  <c r="AD91885" i="1"/>
  <c r="AD91886" i="1"/>
  <c r="AD91887" i="1"/>
  <c r="AD91888" i="1"/>
  <c r="AD91889" i="1"/>
  <c r="AD91890" i="1"/>
  <c r="AD91891" i="1"/>
  <c r="AD91892" i="1"/>
  <c r="AD91893" i="1"/>
  <c r="AD91894" i="1"/>
  <c r="AD91895" i="1"/>
  <c r="AD91896" i="1"/>
  <c r="AD91897" i="1"/>
  <c r="AD91898" i="1"/>
  <c r="AD91899" i="1"/>
  <c r="AD91900" i="1"/>
  <c r="AD91901" i="1"/>
  <c r="AD91902" i="1"/>
  <c r="AD91903" i="1"/>
  <c r="AD91904" i="1"/>
  <c r="AD91905" i="1"/>
  <c r="AD91906" i="1"/>
  <c r="AD91907" i="1"/>
  <c r="AD91908" i="1"/>
  <c r="AD91909" i="1"/>
  <c r="AD91910" i="1"/>
  <c r="AD91911" i="1"/>
  <c r="AD91912" i="1"/>
  <c r="AD91913" i="1"/>
  <c r="AD91914" i="1"/>
  <c r="AD91915" i="1"/>
  <c r="AD91916" i="1"/>
  <c r="AD91917" i="1"/>
  <c r="AD91918" i="1"/>
  <c r="AD91919" i="1"/>
  <c r="AD91920" i="1"/>
  <c r="AD91921" i="1"/>
  <c r="AD91922" i="1"/>
  <c r="AD91923" i="1"/>
  <c r="AD91924" i="1"/>
  <c r="AD91925" i="1"/>
  <c r="AD91926" i="1"/>
  <c r="AD91927" i="1"/>
  <c r="AD91928" i="1"/>
  <c r="AD91929" i="1"/>
  <c r="AD91930" i="1"/>
  <c r="AD91931" i="1"/>
  <c r="AD91932" i="1"/>
  <c r="AD91933" i="1"/>
  <c r="AD91934" i="1"/>
  <c r="AD91935" i="1"/>
  <c r="AD91936" i="1"/>
  <c r="AD91937" i="1"/>
  <c r="AD91938" i="1"/>
  <c r="AD91939" i="1"/>
  <c r="AD91940" i="1"/>
  <c r="AD91941" i="1"/>
  <c r="AD91942" i="1"/>
  <c r="AD91943" i="1"/>
  <c r="AD91944" i="1"/>
  <c r="AD91945" i="1"/>
  <c r="AD91946" i="1"/>
  <c r="AD91947" i="1"/>
  <c r="AD91948" i="1"/>
  <c r="AD91949" i="1"/>
  <c r="AD91950" i="1"/>
  <c r="AD91951" i="1"/>
  <c r="AD91952" i="1"/>
  <c r="AD91953" i="1"/>
  <c r="AD91954" i="1"/>
  <c r="AD91955" i="1"/>
  <c r="AD91956" i="1"/>
  <c r="AD91957" i="1"/>
  <c r="AD91958" i="1"/>
  <c r="AD91959" i="1"/>
  <c r="AD91960" i="1"/>
  <c r="AD91961" i="1"/>
  <c r="AD91962" i="1"/>
  <c r="AD91963" i="1"/>
  <c r="AD91964" i="1"/>
  <c r="AD91965" i="1"/>
  <c r="AD91966" i="1"/>
  <c r="AD91967" i="1"/>
  <c r="AD91968" i="1"/>
  <c r="AD91969" i="1"/>
  <c r="AD91970" i="1"/>
  <c r="AD91971" i="1"/>
  <c r="AD91972" i="1"/>
  <c r="AD91973" i="1"/>
  <c r="AD91974" i="1"/>
  <c r="AD91975" i="1"/>
  <c r="AD91976" i="1"/>
  <c r="AD91977" i="1"/>
  <c r="AD91978" i="1"/>
  <c r="AD91979" i="1"/>
  <c r="AD91980" i="1"/>
  <c r="AD91981" i="1"/>
  <c r="AD91982" i="1"/>
  <c r="AD91983" i="1"/>
  <c r="AD91984" i="1"/>
  <c r="AD91985" i="1"/>
  <c r="AD91986" i="1"/>
  <c r="AD91987" i="1"/>
  <c r="AD91988" i="1"/>
  <c r="AD91989" i="1"/>
  <c r="AD91990" i="1"/>
  <c r="AD91991" i="1"/>
  <c r="AD91992" i="1"/>
  <c r="AD91993" i="1"/>
  <c r="AD91994" i="1"/>
  <c r="AD91995" i="1"/>
  <c r="AD91996" i="1"/>
  <c r="AD91997" i="1"/>
  <c r="AD91998" i="1"/>
  <c r="AD91999" i="1"/>
  <c r="AD92000" i="1"/>
  <c r="AD92001" i="1"/>
  <c r="AD92002" i="1"/>
  <c r="AD92003" i="1"/>
  <c r="AD92004" i="1"/>
  <c r="AD92005" i="1"/>
  <c r="AD92006" i="1"/>
  <c r="AD92007" i="1"/>
  <c r="AD92008" i="1"/>
  <c r="AD92009" i="1"/>
  <c r="AD92010" i="1"/>
  <c r="AD92011" i="1"/>
  <c r="AD92012" i="1"/>
  <c r="AD92013" i="1"/>
  <c r="AD92014" i="1"/>
  <c r="AD92015" i="1"/>
  <c r="AD92016" i="1"/>
  <c r="AD92017" i="1"/>
  <c r="AD92018" i="1"/>
  <c r="AD92019" i="1"/>
  <c r="AD92020" i="1"/>
  <c r="AD92021" i="1"/>
  <c r="AD92022" i="1"/>
  <c r="AD92023" i="1"/>
  <c r="AD92024" i="1"/>
  <c r="AD92025" i="1"/>
  <c r="AD92026" i="1"/>
  <c r="AD92027" i="1"/>
  <c r="AD92028" i="1"/>
  <c r="AD92029" i="1"/>
  <c r="AD92030" i="1"/>
  <c r="AD92031" i="1"/>
  <c r="AD92032" i="1"/>
  <c r="AD92033" i="1"/>
  <c r="AD92034" i="1"/>
  <c r="AD92035" i="1"/>
  <c r="AD92036" i="1"/>
  <c r="AD92037" i="1"/>
  <c r="AD92038" i="1"/>
  <c r="AD92039" i="1"/>
  <c r="AD92040" i="1"/>
  <c r="AD92041" i="1"/>
  <c r="AD92042" i="1"/>
  <c r="AD92043" i="1"/>
  <c r="AD92044" i="1"/>
  <c r="AD92045" i="1"/>
  <c r="AD92046" i="1"/>
  <c r="AD92047" i="1"/>
  <c r="AD92048" i="1"/>
  <c r="AD92049" i="1"/>
  <c r="AD92050" i="1"/>
  <c r="AD92051" i="1"/>
  <c r="AD92052" i="1"/>
  <c r="AD92053" i="1"/>
  <c r="AD92054" i="1"/>
  <c r="AD92055" i="1"/>
  <c r="AD92056" i="1"/>
  <c r="AD92057" i="1"/>
  <c r="AD92058" i="1"/>
  <c r="AD92059" i="1"/>
  <c r="AD92060" i="1"/>
  <c r="AD92061" i="1"/>
  <c r="AD92062" i="1"/>
  <c r="AD92063" i="1"/>
  <c r="AD92064" i="1"/>
  <c r="AD92065" i="1"/>
  <c r="AD92066" i="1"/>
  <c r="AD92067" i="1"/>
  <c r="AD92068" i="1"/>
  <c r="AD92069" i="1"/>
  <c r="AD92070" i="1"/>
  <c r="AD92071" i="1"/>
  <c r="AD92072" i="1"/>
  <c r="AD92073" i="1"/>
  <c r="AD92074" i="1"/>
  <c r="AD92075" i="1"/>
  <c r="AD92076" i="1"/>
  <c r="AD92077" i="1"/>
  <c r="AD92078" i="1"/>
  <c r="AD92079" i="1"/>
  <c r="AD92080" i="1"/>
  <c r="AD92081" i="1"/>
  <c r="AD92082" i="1"/>
  <c r="AD92083" i="1"/>
  <c r="AD92084" i="1"/>
  <c r="AD92085" i="1"/>
  <c r="AD92086" i="1"/>
  <c r="AD92087" i="1"/>
  <c r="AD92088" i="1"/>
  <c r="AD92089" i="1"/>
  <c r="AD92090" i="1"/>
  <c r="AD92091" i="1"/>
  <c r="AD92092" i="1"/>
  <c r="AD92093" i="1"/>
  <c r="AD92094" i="1"/>
  <c r="AD92095" i="1"/>
  <c r="AD92096" i="1"/>
  <c r="AD92097" i="1"/>
  <c r="AD92098" i="1"/>
  <c r="AD92099" i="1"/>
  <c r="AD92100" i="1"/>
  <c r="AD92101" i="1"/>
  <c r="AD92102" i="1"/>
  <c r="AD92103" i="1"/>
  <c r="AD92104" i="1"/>
  <c r="AD92105" i="1"/>
  <c r="AD92106" i="1"/>
  <c r="AD92107" i="1"/>
  <c r="AD92108" i="1"/>
  <c r="AD92109" i="1"/>
  <c r="AD92110" i="1"/>
  <c r="AD92111" i="1"/>
  <c r="AD92112" i="1"/>
  <c r="AD92113" i="1"/>
  <c r="AD92114" i="1"/>
  <c r="AD92115" i="1"/>
  <c r="AD92116" i="1"/>
  <c r="AD92117" i="1"/>
  <c r="AD92118" i="1"/>
  <c r="AD92119" i="1"/>
  <c r="AD92120" i="1"/>
  <c r="AD92121" i="1"/>
  <c r="AD92122" i="1"/>
  <c r="AD92123" i="1"/>
  <c r="AD92124" i="1"/>
  <c r="AD92125" i="1"/>
  <c r="AD92126" i="1"/>
  <c r="AD92127" i="1"/>
  <c r="AD92128" i="1"/>
  <c r="AD92129" i="1"/>
  <c r="AD92130" i="1"/>
  <c r="AD92131" i="1"/>
  <c r="AD92132" i="1"/>
  <c r="AD92133" i="1"/>
  <c r="AD92134" i="1"/>
  <c r="AD92135" i="1"/>
  <c r="AD92136" i="1"/>
  <c r="AD92137" i="1"/>
  <c r="AD92138" i="1"/>
  <c r="AD92139" i="1"/>
  <c r="AD92140" i="1"/>
  <c r="AD92141" i="1"/>
  <c r="AD92142" i="1"/>
  <c r="AD92143" i="1"/>
  <c r="AD92144" i="1"/>
  <c r="AD92145" i="1"/>
  <c r="AD92146" i="1"/>
  <c r="AD92147" i="1"/>
  <c r="AD92148" i="1"/>
  <c r="AD92149" i="1"/>
  <c r="AD92150" i="1"/>
  <c r="AD92151" i="1"/>
  <c r="AD92152" i="1"/>
  <c r="AD92153" i="1"/>
  <c r="AD92154" i="1"/>
  <c r="AD92155" i="1"/>
  <c r="AD92156" i="1"/>
  <c r="AD92157" i="1"/>
  <c r="AD92158" i="1"/>
  <c r="AD92159" i="1"/>
  <c r="AD92160" i="1"/>
  <c r="AD92161" i="1"/>
  <c r="AD92162" i="1"/>
  <c r="AD92163" i="1"/>
  <c r="AD92164" i="1"/>
  <c r="AD92165" i="1"/>
  <c r="AD92166" i="1"/>
  <c r="AD92167" i="1"/>
  <c r="AD92168" i="1"/>
  <c r="AD92169" i="1"/>
  <c r="AD92170" i="1"/>
  <c r="AD92171" i="1"/>
  <c r="AD92172" i="1"/>
  <c r="AD92173" i="1"/>
  <c r="AD92174" i="1"/>
  <c r="AD92175" i="1"/>
  <c r="AD92176" i="1"/>
  <c r="AD92177" i="1"/>
  <c r="AD92178" i="1"/>
  <c r="AD92179" i="1"/>
  <c r="AD92180" i="1"/>
  <c r="AD92181" i="1"/>
  <c r="AD92182" i="1"/>
  <c r="AD92183" i="1"/>
  <c r="AD92184" i="1"/>
  <c r="AD92185" i="1"/>
  <c r="AD92186" i="1"/>
  <c r="AD92187" i="1"/>
  <c r="AD92188" i="1"/>
  <c r="AD92189" i="1"/>
  <c r="AD92190" i="1"/>
  <c r="AD92191" i="1"/>
  <c r="AD92192" i="1"/>
  <c r="AD92193" i="1"/>
  <c r="AD92194" i="1"/>
  <c r="AD92195" i="1"/>
  <c r="AD92196" i="1"/>
  <c r="AD92197" i="1"/>
  <c r="AD92198" i="1"/>
  <c r="AD92199" i="1"/>
  <c r="AD92200" i="1"/>
  <c r="AD92201" i="1"/>
  <c r="AD92202" i="1"/>
  <c r="AD92203" i="1"/>
  <c r="AD92204" i="1"/>
  <c r="AD92205" i="1"/>
  <c r="AD92206" i="1"/>
  <c r="AD92207" i="1"/>
  <c r="AD92208" i="1"/>
  <c r="AD92209" i="1"/>
  <c r="AD92210" i="1"/>
  <c r="AD92211" i="1"/>
  <c r="AD92212" i="1"/>
  <c r="AD92213" i="1"/>
  <c r="AD92214" i="1"/>
  <c r="AD92215" i="1"/>
  <c r="AD92216" i="1"/>
  <c r="AD92217" i="1"/>
  <c r="AD92218" i="1"/>
  <c r="AD92219" i="1"/>
  <c r="AD92220" i="1"/>
  <c r="AD92221" i="1"/>
  <c r="AD92222" i="1"/>
  <c r="AD92223" i="1"/>
  <c r="AD92224" i="1"/>
  <c r="AD92225" i="1"/>
  <c r="AD92226" i="1"/>
  <c r="AD92227" i="1"/>
  <c r="AD92228" i="1"/>
  <c r="AD92229" i="1"/>
  <c r="AD92230" i="1"/>
  <c r="AD92231" i="1"/>
  <c r="AD92232" i="1"/>
  <c r="AD92233" i="1"/>
  <c r="AD92234" i="1"/>
  <c r="AD92235" i="1"/>
  <c r="AD92236" i="1"/>
  <c r="AD92237" i="1"/>
  <c r="AD92238" i="1"/>
  <c r="AD92239" i="1"/>
  <c r="AD92240" i="1"/>
  <c r="AD92241" i="1"/>
  <c r="AD92242" i="1"/>
  <c r="AD92243" i="1"/>
  <c r="AD92244" i="1"/>
  <c r="AD92245" i="1"/>
  <c r="AD92246" i="1"/>
  <c r="AD92247" i="1"/>
  <c r="AD92248" i="1"/>
  <c r="AD92249" i="1"/>
  <c r="AD92250" i="1"/>
  <c r="AD92251" i="1"/>
  <c r="AD92252" i="1"/>
  <c r="AD92253" i="1"/>
  <c r="AD92254" i="1"/>
  <c r="AD92255" i="1"/>
  <c r="AD92256" i="1"/>
  <c r="AD92257" i="1"/>
  <c r="AD92258" i="1"/>
  <c r="AD92259" i="1"/>
  <c r="AD92260" i="1"/>
  <c r="AD92261" i="1"/>
  <c r="AD92262" i="1"/>
  <c r="AD92263" i="1"/>
  <c r="AD92264" i="1"/>
  <c r="AD92265" i="1"/>
  <c r="AD92266" i="1"/>
  <c r="AD92267" i="1"/>
  <c r="AD92268" i="1"/>
  <c r="AD92269" i="1"/>
  <c r="AD92270" i="1"/>
  <c r="AD92271" i="1"/>
  <c r="AD92272" i="1"/>
  <c r="AD92273" i="1"/>
  <c r="AD92274" i="1"/>
  <c r="AD92275" i="1"/>
  <c r="AD92276" i="1"/>
  <c r="AD92277" i="1"/>
  <c r="AD92278" i="1"/>
  <c r="AD92279" i="1"/>
  <c r="AD92280" i="1"/>
  <c r="AD92281" i="1"/>
  <c r="AD92282" i="1"/>
  <c r="AD92283" i="1"/>
  <c r="AD92284" i="1"/>
  <c r="AD92285" i="1"/>
  <c r="AD92286" i="1"/>
  <c r="AD92287" i="1"/>
  <c r="AD92288" i="1"/>
  <c r="AD92289" i="1"/>
  <c r="AD92290" i="1"/>
  <c r="AD92291" i="1"/>
  <c r="AD92292" i="1"/>
  <c r="AD92293" i="1"/>
  <c r="AD92294" i="1"/>
  <c r="AD92295" i="1"/>
  <c r="AD92296" i="1"/>
  <c r="AD92297" i="1"/>
  <c r="AD92298" i="1"/>
  <c r="AD92299" i="1"/>
  <c r="AD92300" i="1"/>
  <c r="AD92301" i="1"/>
  <c r="AD92302" i="1"/>
  <c r="AD92303" i="1"/>
  <c r="AD92304" i="1"/>
  <c r="AD92305" i="1"/>
  <c r="AD92306" i="1"/>
  <c r="AD92307" i="1"/>
  <c r="AD92308" i="1"/>
  <c r="AD92309" i="1"/>
  <c r="AD92310" i="1"/>
  <c r="AD92311" i="1"/>
  <c r="AD92312" i="1"/>
  <c r="AD92313" i="1"/>
  <c r="AD92314" i="1"/>
  <c r="AD92315" i="1"/>
  <c r="AD92316" i="1"/>
  <c r="AD92317" i="1"/>
  <c r="AD92318" i="1"/>
  <c r="AD92319" i="1"/>
  <c r="AD92320" i="1"/>
  <c r="AD92321" i="1"/>
  <c r="AD92322" i="1"/>
  <c r="AD92323" i="1"/>
  <c r="AD92324" i="1"/>
  <c r="AD92325" i="1"/>
  <c r="AD92326" i="1"/>
  <c r="AD92327" i="1"/>
  <c r="AD92328" i="1"/>
  <c r="AD92329" i="1"/>
  <c r="AD92330" i="1"/>
  <c r="AD92331" i="1"/>
  <c r="AD92332" i="1"/>
  <c r="AD92333" i="1"/>
  <c r="AD92334" i="1"/>
  <c r="AD92335" i="1"/>
  <c r="AD92336" i="1"/>
  <c r="AD92337" i="1"/>
  <c r="AD92338" i="1"/>
  <c r="AD92339" i="1"/>
  <c r="AD92340" i="1"/>
  <c r="AD92341" i="1"/>
  <c r="AD92342" i="1"/>
  <c r="AD92343" i="1"/>
  <c r="AD92344" i="1"/>
  <c r="AD92345" i="1"/>
  <c r="AD92346" i="1"/>
  <c r="AD92347" i="1"/>
  <c r="AD92348" i="1"/>
  <c r="AD92349" i="1"/>
  <c r="AD92350" i="1"/>
  <c r="AD92351" i="1"/>
  <c r="AD92352" i="1"/>
  <c r="AD92353" i="1"/>
  <c r="AD92354" i="1"/>
  <c r="AD92355" i="1"/>
  <c r="AD92356" i="1"/>
  <c r="AD92357" i="1"/>
  <c r="AD92358" i="1"/>
  <c r="AD92359" i="1"/>
  <c r="AD92360" i="1"/>
  <c r="AD92361" i="1"/>
  <c r="AD92362" i="1"/>
  <c r="AD92363" i="1"/>
  <c r="AD92364" i="1"/>
  <c r="AD92365" i="1"/>
  <c r="AD92366" i="1"/>
  <c r="AD92367" i="1"/>
  <c r="AD92368" i="1"/>
  <c r="AD92369" i="1"/>
  <c r="AD92370" i="1"/>
  <c r="AD92371" i="1"/>
  <c r="AD92372" i="1"/>
  <c r="AD92373" i="1"/>
  <c r="AD92374" i="1"/>
  <c r="AD92375" i="1"/>
  <c r="AD92376" i="1"/>
  <c r="AD92377" i="1"/>
  <c r="AD92378" i="1"/>
  <c r="AD92379" i="1"/>
  <c r="AD92380" i="1"/>
  <c r="AD92381" i="1"/>
  <c r="AD92382" i="1"/>
  <c r="AD92383" i="1"/>
  <c r="AD92384" i="1"/>
  <c r="AD92385" i="1"/>
  <c r="AD92386" i="1"/>
  <c r="AD92387" i="1"/>
  <c r="AD92388" i="1"/>
  <c r="AD92389" i="1"/>
  <c r="AD92390" i="1"/>
  <c r="AD92391" i="1"/>
  <c r="AD92392" i="1"/>
  <c r="AD92393" i="1"/>
  <c r="AD92394" i="1"/>
  <c r="AD92395" i="1"/>
  <c r="AD92396" i="1"/>
  <c r="AD92397" i="1"/>
  <c r="AD92398" i="1"/>
  <c r="AD92399" i="1"/>
  <c r="AD92400" i="1"/>
  <c r="AD92401" i="1"/>
  <c r="AD92402" i="1"/>
  <c r="AD92403" i="1"/>
  <c r="AD92404" i="1"/>
  <c r="AD92405" i="1"/>
  <c r="AD92406" i="1"/>
  <c r="AD92407" i="1"/>
  <c r="AD92408" i="1"/>
  <c r="AD92409" i="1"/>
  <c r="AD92410" i="1"/>
  <c r="AD92411" i="1"/>
  <c r="AD92412" i="1"/>
  <c r="AD92413" i="1"/>
  <c r="AD92414" i="1"/>
  <c r="AD92415" i="1"/>
  <c r="AD92416" i="1"/>
  <c r="AD92417" i="1"/>
  <c r="AD92418" i="1"/>
  <c r="AD92419" i="1"/>
  <c r="AD92420" i="1"/>
  <c r="AD92421" i="1"/>
  <c r="AD92422" i="1"/>
  <c r="AD92423" i="1"/>
  <c r="AD92424" i="1"/>
  <c r="AD92425" i="1"/>
  <c r="AD92426" i="1"/>
  <c r="AD92427" i="1"/>
  <c r="AD92428" i="1"/>
  <c r="AD92429" i="1"/>
  <c r="AD92430" i="1"/>
  <c r="AD92431" i="1"/>
  <c r="AD92432" i="1"/>
  <c r="AD92433" i="1"/>
  <c r="AD92434" i="1"/>
  <c r="AD92435" i="1"/>
  <c r="AD92436" i="1"/>
  <c r="AD92437" i="1"/>
  <c r="AD92438" i="1"/>
  <c r="AD92439" i="1"/>
  <c r="AD92440" i="1"/>
  <c r="AD92441" i="1"/>
  <c r="AD92442" i="1"/>
  <c r="AD92443" i="1"/>
  <c r="AD92444" i="1"/>
  <c r="AD92445" i="1"/>
  <c r="AD92446" i="1"/>
  <c r="AD92447" i="1"/>
  <c r="AD92448" i="1"/>
  <c r="AD92449" i="1"/>
  <c r="AD92450" i="1"/>
  <c r="AD92451" i="1"/>
  <c r="AD92452" i="1"/>
  <c r="AD92453" i="1"/>
  <c r="AD92454" i="1"/>
  <c r="AD92455" i="1"/>
  <c r="AD92456" i="1"/>
  <c r="AD92457" i="1"/>
  <c r="AD92458" i="1"/>
  <c r="AD92459" i="1"/>
  <c r="AD92460" i="1"/>
  <c r="AD92461" i="1"/>
  <c r="AD92462" i="1"/>
  <c r="AD92463" i="1"/>
  <c r="AD92464" i="1"/>
  <c r="AD92465" i="1"/>
  <c r="AD92466" i="1"/>
  <c r="AD92467" i="1"/>
  <c r="AD92468" i="1"/>
  <c r="AD92469" i="1"/>
  <c r="AD92470" i="1"/>
  <c r="AD92471" i="1"/>
  <c r="AD92472" i="1"/>
  <c r="AD92473" i="1"/>
  <c r="AD92474" i="1"/>
  <c r="AD92475" i="1"/>
  <c r="AD92476" i="1"/>
  <c r="AD92477" i="1"/>
  <c r="AD92478" i="1"/>
  <c r="AD92479" i="1"/>
  <c r="AD92480" i="1"/>
  <c r="AD92481" i="1"/>
  <c r="AD92482" i="1"/>
  <c r="AD92483" i="1"/>
  <c r="AD92484" i="1"/>
  <c r="AD92485" i="1"/>
  <c r="AD92486" i="1"/>
  <c r="AD92487" i="1"/>
  <c r="AD92488" i="1"/>
  <c r="AD92489" i="1"/>
  <c r="AD92490" i="1"/>
  <c r="AD92491" i="1"/>
  <c r="AD92492" i="1"/>
  <c r="AD92493" i="1"/>
  <c r="AD92494" i="1"/>
  <c r="AD92495" i="1"/>
  <c r="AD92496" i="1"/>
  <c r="AD92497" i="1"/>
  <c r="AD92498" i="1"/>
  <c r="AD92499" i="1"/>
  <c r="AD92500" i="1"/>
  <c r="AD92501" i="1"/>
  <c r="AD92502" i="1"/>
  <c r="AD92503" i="1"/>
  <c r="AD92504" i="1"/>
  <c r="AD92505" i="1"/>
  <c r="AD92506" i="1"/>
  <c r="AD92507" i="1"/>
  <c r="AD92508" i="1"/>
  <c r="AD92509" i="1"/>
  <c r="AD92510" i="1"/>
  <c r="AD92511" i="1"/>
  <c r="AD92512" i="1"/>
  <c r="AD92513" i="1"/>
  <c r="AD92514" i="1"/>
  <c r="AD92515" i="1"/>
  <c r="AD92516" i="1"/>
  <c r="AD92517" i="1"/>
  <c r="AD92518" i="1"/>
  <c r="AD92519" i="1"/>
  <c r="AD92520" i="1"/>
  <c r="AD92521" i="1"/>
  <c r="AD92522" i="1"/>
  <c r="AD92523" i="1"/>
  <c r="AD92524" i="1"/>
  <c r="AD92525" i="1"/>
  <c r="AD92526" i="1"/>
  <c r="AD92527" i="1"/>
  <c r="AD92528" i="1"/>
  <c r="AD92529" i="1"/>
  <c r="AD92530" i="1"/>
  <c r="AD92531" i="1"/>
  <c r="AD92532" i="1"/>
  <c r="AD92533" i="1"/>
  <c r="AD92534" i="1"/>
  <c r="AD92535" i="1"/>
  <c r="AD92536" i="1"/>
  <c r="AD92537" i="1"/>
  <c r="AD92538" i="1"/>
  <c r="AD92539" i="1"/>
  <c r="AD92540" i="1"/>
  <c r="AD92541" i="1"/>
  <c r="AD92542" i="1"/>
  <c r="AD92543" i="1"/>
  <c r="AD92544" i="1"/>
  <c r="AD92545" i="1"/>
  <c r="AD92546" i="1"/>
  <c r="AD92547" i="1"/>
  <c r="AD92548" i="1"/>
  <c r="AD92549" i="1"/>
  <c r="AD92550" i="1"/>
  <c r="AD92551" i="1"/>
  <c r="AD92552" i="1"/>
  <c r="AD92553" i="1"/>
  <c r="AD92554" i="1"/>
  <c r="AD92555" i="1"/>
  <c r="AD92556" i="1"/>
  <c r="AD92557" i="1"/>
  <c r="AD92558" i="1"/>
  <c r="AD92559" i="1"/>
  <c r="AD92560" i="1"/>
  <c r="AD92561" i="1"/>
  <c r="AD92562" i="1"/>
  <c r="AD92563" i="1"/>
  <c r="AD92564" i="1"/>
  <c r="AD92565" i="1"/>
  <c r="AD92566" i="1"/>
  <c r="AD92567" i="1"/>
  <c r="AD92568" i="1"/>
  <c r="AD92569" i="1"/>
  <c r="AD92570" i="1"/>
  <c r="AD92571" i="1"/>
  <c r="AD92572" i="1"/>
  <c r="AD92573" i="1"/>
  <c r="AD92574" i="1"/>
  <c r="AD92575" i="1"/>
  <c r="AD92576" i="1"/>
  <c r="AD92577" i="1"/>
  <c r="AD92578" i="1"/>
  <c r="AD92579" i="1"/>
  <c r="AD92580" i="1"/>
  <c r="AD92581" i="1"/>
  <c r="AD92582" i="1"/>
  <c r="AD92583" i="1"/>
  <c r="AD92584" i="1"/>
  <c r="AD92585" i="1"/>
  <c r="AD92586" i="1"/>
  <c r="AD92587" i="1"/>
  <c r="AD92588" i="1"/>
  <c r="AD92589" i="1"/>
  <c r="AD92590" i="1"/>
  <c r="AD92591" i="1"/>
  <c r="AD92592" i="1"/>
  <c r="AD92593" i="1"/>
  <c r="AD92594" i="1"/>
  <c r="AD92595" i="1"/>
  <c r="AD92596" i="1"/>
  <c r="AD92597" i="1"/>
  <c r="AD92598" i="1"/>
  <c r="AD92599" i="1"/>
  <c r="AD92600" i="1"/>
  <c r="AD92601" i="1"/>
  <c r="AD92602" i="1"/>
  <c r="AD92603" i="1"/>
  <c r="AD92604" i="1"/>
  <c r="AD92605" i="1"/>
  <c r="AD92606" i="1"/>
  <c r="AD92607" i="1"/>
  <c r="AD92608" i="1"/>
  <c r="AD92609" i="1"/>
  <c r="AD92610" i="1"/>
  <c r="AD92611" i="1"/>
  <c r="AD92612" i="1"/>
  <c r="AD92613" i="1"/>
  <c r="AD92614" i="1"/>
  <c r="AD92615" i="1"/>
  <c r="AD92616" i="1"/>
  <c r="AD92617" i="1"/>
  <c r="AD92618" i="1"/>
  <c r="AD92619" i="1"/>
  <c r="AD92620" i="1"/>
  <c r="AD92621" i="1"/>
  <c r="AD92622" i="1"/>
  <c r="AD92623" i="1"/>
  <c r="AD92624" i="1"/>
  <c r="AD92625" i="1"/>
  <c r="AD92626" i="1"/>
  <c r="AD92627" i="1"/>
  <c r="AD92628" i="1"/>
  <c r="AD92629" i="1"/>
  <c r="AD92630" i="1"/>
  <c r="AD92631" i="1"/>
  <c r="AD92632" i="1"/>
  <c r="AD92633" i="1"/>
  <c r="AD92634" i="1"/>
  <c r="AD92635" i="1"/>
  <c r="AD92636" i="1"/>
  <c r="AD92637" i="1"/>
  <c r="AD92638" i="1"/>
  <c r="AD92639" i="1"/>
  <c r="AD92640" i="1"/>
  <c r="AD92641" i="1"/>
  <c r="AD92642" i="1"/>
  <c r="AD92643" i="1"/>
  <c r="AD92644" i="1"/>
  <c r="AD92645" i="1"/>
  <c r="AD92646" i="1"/>
  <c r="AD92647" i="1"/>
  <c r="AD92648" i="1"/>
  <c r="AD92649" i="1"/>
  <c r="AD92650" i="1"/>
  <c r="AD92651" i="1"/>
  <c r="AD92652" i="1"/>
  <c r="AD92653" i="1"/>
  <c r="AD92654" i="1"/>
  <c r="AD92655" i="1"/>
  <c r="AD92656" i="1"/>
  <c r="AD92657" i="1"/>
  <c r="AD92658" i="1"/>
  <c r="AD92659" i="1"/>
  <c r="AD92660" i="1"/>
  <c r="AD92661" i="1"/>
  <c r="AD92662" i="1"/>
  <c r="AD92663" i="1"/>
  <c r="AD92664" i="1"/>
  <c r="AD92665" i="1"/>
  <c r="AD92666" i="1"/>
  <c r="AD92667" i="1"/>
  <c r="AD92668" i="1"/>
  <c r="AD92669" i="1"/>
  <c r="AD92670" i="1"/>
  <c r="AD92671" i="1"/>
  <c r="AD92672" i="1"/>
  <c r="AD92673" i="1"/>
  <c r="AD92674" i="1"/>
  <c r="AD92675" i="1"/>
  <c r="AD92676" i="1"/>
  <c r="AD92677" i="1"/>
  <c r="AD92678" i="1"/>
  <c r="AD92679" i="1"/>
  <c r="AD92680" i="1"/>
  <c r="AD92681" i="1"/>
  <c r="AD92682" i="1"/>
  <c r="AD92683" i="1"/>
  <c r="AD92684" i="1"/>
  <c r="AD92685" i="1"/>
  <c r="AD92686" i="1"/>
  <c r="AD92687" i="1"/>
  <c r="AD92688" i="1"/>
  <c r="AD92689" i="1"/>
  <c r="AD92690" i="1"/>
  <c r="AD92691" i="1"/>
  <c r="AD92692" i="1"/>
  <c r="AD92693" i="1"/>
  <c r="AD92694" i="1"/>
  <c r="AD92695" i="1"/>
  <c r="AD92696" i="1"/>
  <c r="AD92697" i="1"/>
  <c r="AD92698" i="1"/>
  <c r="AD92699" i="1"/>
  <c r="AD92700" i="1"/>
  <c r="AD92701" i="1"/>
  <c r="AD92702" i="1"/>
  <c r="AD92703" i="1"/>
  <c r="AD92704" i="1"/>
  <c r="AD92705" i="1"/>
  <c r="AD92706" i="1"/>
  <c r="AD92707" i="1"/>
  <c r="AD92708" i="1"/>
  <c r="AD92709" i="1"/>
  <c r="AD92710" i="1"/>
  <c r="AD92711" i="1"/>
  <c r="AD92712" i="1"/>
  <c r="AD92713" i="1"/>
  <c r="AD92714" i="1"/>
  <c r="AD92715" i="1"/>
  <c r="AD92716" i="1"/>
  <c r="AD92717" i="1"/>
  <c r="AD92718" i="1"/>
  <c r="AD92719" i="1"/>
  <c r="AD92720" i="1"/>
  <c r="AD92721" i="1"/>
  <c r="AD92722" i="1"/>
  <c r="AD92723" i="1"/>
  <c r="AD92724" i="1"/>
  <c r="AD92725" i="1"/>
  <c r="AD92726" i="1"/>
  <c r="AD92727" i="1"/>
  <c r="AD92728" i="1"/>
  <c r="AD92729" i="1"/>
  <c r="AD92730" i="1"/>
  <c r="AD92731" i="1"/>
  <c r="AD92732" i="1"/>
  <c r="AD92733" i="1"/>
  <c r="AD92734" i="1"/>
  <c r="AD92735" i="1"/>
  <c r="AD92736" i="1"/>
  <c r="AD92737" i="1"/>
  <c r="AD92738" i="1"/>
  <c r="AD92739" i="1"/>
  <c r="AD92740" i="1"/>
  <c r="AD92741" i="1"/>
  <c r="AD92742" i="1"/>
  <c r="AD92743" i="1"/>
  <c r="AD92744" i="1"/>
  <c r="AD92745" i="1"/>
  <c r="AD92746" i="1"/>
  <c r="AD92747" i="1"/>
  <c r="AD92748" i="1"/>
  <c r="AD92749" i="1"/>
  <c r="AD92750" i="1"/>
  <c r="AD92751" i="1"/>
  <c r="AD92752" i="1"/>
  <c r="AD92753" i="1"/>
  <c r="AD92754" i="1"/>
  <c r="AD92755" i="1"/>
  <c r="AD92756" i="1"/>
  <c r="AD92757" i="1"/>
  <c r="AD92758" i="1"/>
  <c r="AD92759" i="1"/>
  <c r="AD92760" i="1"/>
  <c r="AD92761" i="1"/>
  <c r="AD92762" i="1"/>
  <c r="AD92763" i="1"/>
  <c r="AD92764" i="1"/>
  <c r="AD92765" i="1"/>
  <c r="AD92766" i="1"/>
  <c r="AD92767" i="1"/>
  <c r="AD92768" i="1"/>
  <c r="AD92769" i="1"/>
  <c r="AD92770" i="1"/>
  <c r="AD92771" i="1"/>
  <c r="AD92772" i="1"/>
  <c r="AD92773" i="1"/>
  <c r="AD92774" i="1"/>
  <c r="AD92775" i="1"/>
  <c r="AD92776" i="1"/>
  <c r="AD92777" i="1"/>
  <c r="AD92778" i="1"/>
  <c r="AD92779" i="1"/>
  <c r="AD92780" i="1"/>
  <c r="AD92781" i="1"/>
  <c r="AD92782" i="1"/>
  <c r="AD92783" i="1"/>
  <c r="AD92784" i="1"/>
  <c r="AD92785" i="1"/>
  <c r="AD92786" i="1"/>
  <c r="AD92787" i="1"/>
  <c r="AD92788" i="1"/>
  <c r="AD92789" i="1"/>
  <c r="AD92790" i="1"/>
  <c r="AD92791" i="1"/>
  <c r="AD92792" i="1"/>
  <c r="AD92793" i="1"/>
  <c r="AD92794" i="1"/>
  <c r="AD92795" i="1"/>
  <c r="AD92796" i="1"/>
  <c r="AD92797" i="1"/>
  <c r="AD92798" i="1"/>
  <c r="AD92799" i="1"/>
  <c r="AD92800" i="1"/>
  <c r="AD92801" i="1"/>
  <c r="AD92802" i="1"/>
  <c r="AD92803" i="1"/>
  <c r="AD92804" i="1"/>
  <c r="AD92805" i="1"/>
  <c r="AD92806" i="1"/>
  <c r="AD92807" i="1"/>
  <c r="AD92808" i="1"/>
  <c r="AD92809" i="1"/>
  <c r="AD92810" i="1"/>
  <c r="AD92811" i="1"/>
  <c r="AD92812" i="1"/>
  <c r="AD92813" i="1"/>
  <c r="AD92814" i="1"/>
  <c r="AD92815" i="1"/>
  <c r="AD92816" i="1"/>
  <c r="AD92817" i="1"/>
  <c r="AD92818" i="1"/>
  <c r="AD92819" i="1"/>
  <c r="AD92820" i="1"/>
  <c r="AD92821" i="1"/>
  <c r="AD92822" i="1"/>
  <c r="AD92823" i="1"/>
  <c r="AD92824" i="1"/>
  <c r="AD92825" i="1"/>
  <c r="AD92826" i="1"/>
  <c r="AD92827" i="1"/>
  <c r="AD92828" i="1"/>
  <c r="AD92829" i="1"/>
  <c r="AD92830" i="1"/>
  <c r="AD92831" i="1"/>
  <c r="AD92832" i="1"/>
  <c r="AD92833" i="1"/>
  <c r="AD92834" i="1"/>
  <c r="AD92835" i="1"/>
  <c r="AD92836" i="1"/>
  <c r="AD92837" i="1"/>
  <c r="AD92838" i="1"/>
  <c r="AD92839" i="1"/>
  <c r="AD92840" i="1"/>
  <c r="AD92841" i="1"/>
  <c r="AD92842" i="1"/>
  <c r="AD92843" i="1"/>
  <c r="AD92844" i="1"/>
  <c r="AD92845" i="1"/>
  <c r="AD92846" i="1"/>
  <c r="AD92847" i="1"/>
  <c r="AD92848" i="1"/>
  <c r="AD92849" i="1"/>
  <c r="AD92850" i="1"/>
  <c r="AD92851" i="1"/>
  <c r="AD92852" i="1"/>
  <c r="AD92853" i="1"/>
  <c r="AD92854" i="1"/>
  <c r="AD92855" i="1"/>
  <c r="AD92856" i="1"/>
  <c r="AD92857" i="1"/>
  <c r="AD92858" i="1"/>
  <c r="AD92859" i="1"/>
  <c r="AD92860" i="1"/>
  <c r="AD92861" i="1"/>
  <c r="AD92862" i="1"/>
  <c r="AD92863" i="1"/>
  <c r="AD92864" i="1"/>
  <c r="AD92865" i="1"/>
  <c r="AD92866" i="1"/>
  <c r="AD92867" i="1"/>
  <c r="AD92868" i="1"/>
  <c r="AD92869" i="1"/>
  <c r="AD92870" i="1"/>
  <c r="AD92871" i="1"/>
  <c r="AD92872" i="1"/>
  <c r="AD92873" i="1"/>
  <c r="AD92874" i="1"/>
  <c r="AD92875" i="1"/>
  <c r="AD92876" i="1"/>
  <c r="AD92877" i="1"/>
  <c r="AD92878" i="1"/>
  <c r="AD92879" i="1"/>
  <c r="AD92880" i="1"/>
  <c r="AD92881" i="1"/>
  <c r="AD92882" i="1"/>
  <c r="AD92883" i="1"/>
  <c r="AD92884" i="1"/>
  <c r="AD92885" i="1"/>
  <c r="AD92886" i="1"/>
  <c r="AD92887" i="1"/>
  <c r="AD92888" i="1"/>
  <c r="AD92889" i="1"/>
  <c r="AD92890" i="1"/>
  <c r="AD92891" i="1"/>
  <c r="AD92892" i="1"/>
  <c r="AD92893" i="1"/>
  <c r="AD92894" i="1"/>
  <c r="AD92895" i="1"/>
  <c r="AD92896" i="1"/>
  <c r="AD92897" i="1"/>
  <c r="AD92898" i="1"/>
  <c r="AD92899" i="1"/>
  <c r="AD92900" i="1"/>
  <c r="AD92901" i="1"/>
  <c r="AD92902" i="1"/>
  <c r="AD92903" i="1"/>
  <c r="AD92904" i="1"/>
  <c r="AD92905" i="1"/>
  <c r="AD92906" i="1"/>
  <c r="AD92907" i="1"/>
  <c r="AD92908" i="1"/>
  <c r="AD92909" i="1"/>
  <c r="AD92910" i="1"/>
  <c r="AD92911" i="1"/>
  <c r="AD92912" i="1"/>
  <c r="AD92913" i="1"/>
  <c r="AD92914" i="1"/>
  <c r="AD92915" i="1"/>
  <c r="AD92916" i="1"/>
  <c r="AD92917" i="1"/>
  <c r="AD92918" i="1"/>
  <c r="AD92919" i="1"/>
  <c r="AD92920" i="1"/>
  <c r="AD92921" i="1"/>
  <c r="AD92922" i="1"/>
  <c r="AD92923" i="1"/>
  <c r="AD92924" i="1"/>
  <c r="AD92925" i="1"/>
  <c r="AD92926" i="1"/>
  <c r="AD92927" i="1"/>
  <c r="AD92928" i="1"/>
  <c r="AD92929" i="1"/>
  <c r="AD92930" i="1"/>
  <c r="AD92931" i="1"/>
  <c r="AD92932" i="1"/>
  <c r="AD92933" i="1"/>
  <c r="AD92934" i="1"/>
  <c r="AD92935" i="1"/>
  <c r="AD92936" i="1"/>
  <c r="AD92937" i="1"/>
  <c r="AD92938" i="1"/>
  <c r="AD92939" i="1"/>
  <c r="AD92940" i="1"/>
  <c r="AD92941" i="1"/>
  <c r="AD92942" i="1"/>
  <c r="AD92943" i="1"/>
  <c r="AD92944" i="1"/>
  <c r="AD92945" i="1"/>
  <c r="AD92946" i="1"/>
  <c r="AD92947" i="1"/>
  <c r="AD92948" i="1"/>
  <c r="AD92949" i="1"/>
  <c r="AD92950" i="1"/>
  <c r="AD92951" i="1"/>
  <c r="AD92952" i="1"/>
  <c r="AD92953" i="1"/>
  <c r="AD92954" i="1"/>
  <c r="AD92955" i="1"/>
  <c r="AD92956" i="1"/>
  <c r="AD92957" i="1"/>
  <c r="AD92958" i="1"/>
  <c r="AD92959" i="1"/>
  <c r="AD92960" i="1"/>
  <c r="AD92961" i="1"/>
  <c r="AD92962" i="1"/>
  <c r="AD92963" i="1"/>
  <c r="AD92964" i="1"/>
  <c r="AD92965" i="1"/>
  <c r="AD92966" i="1"/>
  <c r="AD92967" i="1"/>
  <c r="AD92968" i="1"/>
  <c r="AD92969" i="1"/>
  <c r="AD92970" i="1"/>
  <c r="AD92971" i="1"/>
  <c r="AD92972" i="1"/>
  <c r="AD92973" i="1"/>
  <c r="AD92974" i="1"/>
  <c r="AD92975" i="1"/>
  <c r="AD92976" i="1"/>
  <c r="AD92977" i="1"/>
  <c r="AD92978" i="1"/>
  <c r="AD92979" i="1"/>
  <c r="AD92980" i="1"/>
  <c r="AD92981" i="1"/>
  <c r="AD92982" i="1"/>
  <c r="AD92983" i="1"/>
  <c r="AD92984" i="1"/>
  <c r="AD92985" i="1"/>
  <c r="AD92986" i="1"/>
  <c r="AD92987" i="1"/>
  <c r="AD92988" i="1"/>
  <c r="AD92989" i="1"/>
  <c r="AD92990" i="1"/>
  <c r="AD92991" i="1"/>
  <c r="AD92992" i="1"/>
  <c r="AD92993" i="1"/>
  <c r="AD92994" i="1"/>
  <c r="AD92995" i="1"/>
  <c r="AD92996" i="1"/>
  <c r="AD92997" i="1"/>
  <c r="AD92998" i="1"/>
  <c r="AD92999" i="1"/>
  <c r="AD93000" i="1"/>
  <c r="AD93001" i="1"/>
  <c r="AD93002" i="1"/>
  <c r="AD93003" i="1"/>
  <c r="AD93004" i="1"/>
  <c r="AD93005" i="1"/>
  <c r="AD93006" i="1"/>
  <c r="AD93007" i="1"/>
  <c r="AD93008" i="1"/>
  <c r="AD93009" i="1"/>
  <c r="AD93010" i="1"/>
  <c r="AD93011" i="1"/>
  <c r="AD93012" i="1"/>
  <c r="AD93013" i="1"/>
  <c r="AD93014" i="1"/>
  <c r="AD93015" i="1"/>
  <c r="AD93016" i="1"/>
  <c r="AD93017" i="1"/>
  <c r="AD93018" i="1"/>
  <c r="AD93019" i="1"/>
  <c r="AD93020" i="1"/>
  <c r="AD93021" i="1"/>
  <c r="AD93022" i="1"/>
  <c r="AD93023" i="1"/>
  <c r="AD93024" i="1"/>
  <c r="AD93025" i="1"/>
  <c r="AD93026" i="1"/>
  <c r="AD93027" i="1"/>
  <c r="AD93028" i="1"/>
  <c r="AD93029" i="1"/>
  <c r="AD93030" i="1"/>
  <c r="AD93031" i="1"/>
  <c r="AD93032" i="1"/>
  <c r="AD93033" i="1"/>
  <c r="AD93034" i="1"/>
  <c r="AD93035" i="1"/>
  <c r="AD93036" i="1"/>
  <c r="AD93037" i="1"/>
  <c r="AD93038" i="1"/>
  <c r="AD93039" i="1"/>
  <c r="AD93040" i="1"/>
  <c r="AD93041" i="1"/>
  <c r="AD93042" i="1"/>
  <c r="AD93043" i="1"/>
  <c r="AD93044" i="1"/>
  <c r="AD93045" i="1"/>
  <c r="AD93046" i="1"/>
  <c r="AD93047" i="1"/>
  <c r="AD93048" i="1"/>
  <c r="AD93049" i="1"/>
  <c r="AD93050" i="1"/>
  <c r="AD93051" i="1"/>
  <c r="AD93052" i="1"/>
  <c r="AD93053" i="1"/>
  <c r="AD93054" i="1"/>
  <c r="AD93055" i="1"/>
  <c r="AD93056" i="1"/>
  <c r="AD93057" i="1"/>
  <c r="AD93058" i="1"/>
  <c r="AD93059" i="1"/>
  <c r="AD93060" i="1"/>
  <c r="AD93061" i="1"/>
  <c r="AD93062" i="1"/>
  <c r="AD93063" i="1"/>
  <c r="AD93064" i="1"/>
  <c r="AD93065" i="1"/>
  <c r="AD93066" i="1"/>
  <c r="AD93067" i="1"/>
  <c r="AD93068" i="1"/>
  <c r="AD93069" i="1"/>
  <c r="AD93070" i="1"/>
  <c r="AD93071" i="1"/>
  <c r="AD93072" i="1"/>
  <c r="AD93073" i="1"/>
  <c r="AD93074" i="1"/>
  <c r="AD93075" i="1"/>
  <c r="AD93076" i="1"/>
  <c r="AD93077" i="1"/>
  <c r="AD93078" i="1"/>
  <c r="AD93079" i="1"/>
  <c r="AD93080" i="1"/>
  <c r="AD93081" i="1"/>
  <c r="AD93082" i="1"/>
  <c r="AD93083" i="1"/>
  <c r="AD93084" i="1"/>
  <c r="AD93085" i="1"/>
  <c r="AD93086" i="1"/>
  <c r="AD93087" i="1"/>
  <c r="AD93088" i="1"/>
  <c r="AD93089" i="1"/>
  <c r="AD93090" i="1"/>
  <c r="AD93091" i="1"/>
  <c r="AD93092" i="1"/>
  <c r="AD93093" i="1"/>
  <c r="AD93094" i="1"/>
  <c r="AD93095" i="1"/>
  <c r="AD93096" i="1"/>
  <c r="AD93097" i="1"/>
  <c r="AD93098" i="1"/>
  <c r="AD93099" i="1"/>
  <c r="AD93100" i="1"/>
  <c r="AD93101" i="1"/>
  <c r="AD93102" i="1"/>
  <c r="AD93103" i="1"/>
  <c r="AD93104" i="1"/>
  <c r="AD93105" i="1"/>
  <c r="AD93106" i="1"/>
  <c r="AD93107" i="1"/>
  <c r="AD93108" i="1"/>
  <c r="AD93109" i="1"/>
  <c r="AD93110" i="1"/>
  <c r="AD93111" i="1"/>
  <c r="AD93112" i="1"/>
  <c r="AD93113" i="1"/>
  <c r="AD93114" i="1"/>
  <c r="AD93115" i="1"/>
  <c r="AD93116" i="1"/>
  <c r="AD93117" i="1"/>
  <c r="AD93118" i="1"/>
  <c r="AD93119" i="1"/>
  <c r="AD93120" i="1"/>
  <c r="AD93121" i="1"/>
  <c r="AD93122" i="1"/>
  <c r="AD93123" i="1"/>
  <c r="AD93124" i="1"/>
  <c r="AD93125" i="1"/>
  <c r="AD93126" i="1"/>
  <c r="AD93127" i="1"/>
  <c r="AD93128" i="1"/>
  <c r="AD93129" i="1"/>
  <c r="AD93130" i="1"/>
  <c r="AD93131" i="1"/>
  <c r="AD93132" i="1"/>
  <c r="AD93133" i="1"/>
  <c r="AD93134" i="1"/>
  <c r="AD93135" i="1"/>
  <c r="AD93136" i="1"/>
  <c r="AD93137" i="1"/>
  <c r="AD93138" i="1"/>
  <c r="AD93139" i="1"/>
  <c r="AD93140" i="1"/>
  <c r="AD93141" i="1"/>
  <c r="AD93142" i="1"/>
  <c r="AD93143" i="1"/>
  <c r="AD93144" i="1"/>
  <c r="AD93145" i="1"/>
  <c r="AD93146" i="1"/>
  <c r="AD93147" i="1"/>
  <c r="AD93148" i="1"/>
  <c r="AD93149" i="1"/>
  <c r="AD93150" i="1"/>
  <c r="AD93151" i="1"/>
  <c r="AD93152" i="1"/>
  <c r="AD93153" i="1"/>
  <c r="AD93154" i="1"/>
  <c r="AD93155" i="1"/>
  <c r="AD93156" i="1"/>
  <c r="AD93157" i="1"/>
  <c r="AD93158" i="1"/>
  <c r="AD93159" i="1"/>
  <c r="AD93160" i="1"/>
  <c r="AD93161" i="1"/>
  <c r="AD93162" i="1"/>
  <c r="AD93163" i="1"/>
  <c r="AD93164" i="1"/>
  <c r="AD93165" i="1"/>
  <c r="AD93166" i="1"/>
  <c r="AD93167" i="1"/>
  <c r="AD93168" i="1"/>
  <c r="AD93169" i="1"/>
  <c r="AD93170" i="1"/>
  <c r="AD93171" i="1"/>
  <c r="AD93172" i="1"/>
  <c r="AD93173" i="1"/>
  <c r="AD93174" i="1"/>
  <c r="AD93175" i="1"/>
  <c r="AD93176" i="1"/>
  <c r="AD93177" i="1"/>
  <c r="AD93178" i="1"/>
  <c r="AD93179" i="1"/>
  <c r="AD93180" i="1"/>
  <c r="AD93181" i="1"/>
  <c r="AD93182" i="1"/>
  <c r="AD93183" i="1"/>
  <c r="AD93184" i="1"/>
  <c r="AD93185" i="1"/>
  <c r="AD93186" i="1"/>
  <c r="AD93187" i="1"/>
  <c r="AD93188" i="1"/>
  <c r="AD93189" i="1"/>
  <c r="AD93190" i="1"/>
  <c r="AD93191" i="1"/>
  <c r="AD93192" i="1"/>
  <c r="AD93193" i="1"/>
  <c r="AD93194" i="1"/>
  <c r="AD93195" i="1"/>
  <c r="AD93196" i="1"/>
  <c r="AD93197" i="1"/>
  <c r="AD93198" i="1"/>
  <c r="AD93199" i="1"/>
  <c r="AD93200" i="1"/>
  <c r="AD93201" i="1"/>
  <c r="AD93202" i="1"/>
  <c r="AD93203" i="1"/>
  <c r="AD93204" i="1"/>
  <c r="AD93205" i="1"/>
  <c r="AD93206" i="1"/>
  <c r="AD93207" i="1"/>
  <c r="AD93208" i="1"/>
  <c r="AD93209" i="1"/>
  <c r="AD93210" i="1"/>
  <c r="AD93211" i="1"/>
  <c r="AD93212" i="1"/>
  <c r="AD93213" i="1"/>
  <c r="AD93214" i="1"/>
  <c r="AD93215" i="1"/>
  <c r="AD93216" i="1"/>
  <c r="AD93217" i="1"/>
  <c r="AD93218" i="1"/>
  <c r="AD93219" i="1"/>
  <c r="AD93220" i="1"/>
  <c r="AD93221" i="1"/>
  <c r="AD93222" i="1"/>
  <c r="AD93223" i="1"/>
  <c r="AD93224" i="1"/>
  <c r="AD93225" i="1"/>
  <c r="AD93226" i="1"/>
  <c r="AD93227" i="1"/>
  <c r="AD93228" i="1"/>
  <c r="AD93229" i="1"/>
  <c r="AD93230" i="1"/>
  <c r="AD93231" i="1"/>
  <c r="AD93232" i="1"/>
  <c r="AD93233" i="1"/>
  <c r="AD93234" i="1"/>
  <c r="AD93235" i="1"/>
  <c r="AD93236" i="1"/>
  <c r="AD93237" i="1"/>
  <c r="AD93238" i="1"/>
  <c r="AD93239" i="1"/>
  <c r="AD93240" i="1"/>
  <c r="AD93241" i="1"/>
  <c r="AD93242" i="1"/>
  <c r="AD93243" i="1"/>
  <c r="AD93244" i="1"/>
  <c r="AD93245" i="1"/>
  <c r="AD93246" i="1"/>
  <c r="AD93247" i="1"/>
  <c r="AD93248" i="1"/>
  <c r="AD93249" i="1"/>
  <c r="AD93250" i="1"/>
  <c r="AD93251" i="1"/>
  <c r="AD93252" i="1"/>
  <c r="AD93253" i="1"/>
  <c r="AD93254" i="1"/>
  <c r="AD93255" i="1"/>
  <c r="AD93256" i="1"/>
  <c r="AD93257" i="1"/>
  <c r="AD93258" i="1"/>
  <c r="AD93259" i="1"/>
  <c r="AD93260" i="1"/>
  <c r="AD93261" i="1"/>
  <c r="AD93262" i="1"/>
  <c r="AD93263" i="1"/>
  <c r="AD93264" i="1"/>
  <c r="AD93265" i="1"/>
  <c r="AD93266" i="1"/>
  <c r="AD93267" i="1"/>
  <c r="AD93268" i="1"/>
  <c r="AD93269" i="1"/>
  <c r="AD93270" i="1"/>
  <c r="AD93271" i="1"/>
  <c r="AD93272" i="1"/>
  <c r="AD93273" i="1"/>
  <c r="AD93274" i="1"/>
  <c r="AD93275" i="1"/>
  <c r="AD93276" i="1"/>
  <c r="AD93277" i="1"/>
  <c r="AD93278" i="1"/>
  <c r="AD93279" i="1"/>
  <c r="AD93280" i="1"/>
  <c r="AD93281" i="1"/>
  <c r="AD93282" i="1"/>
  <c r="AD93283" i="1"/>
  <c r="AD93284" i="1"/>
  <c r="AD93285" i="1"/>
  <c r="AD93286" i="1"/>
  <c r="AD93287" i="1"/>
  <c r="AD93288" i="1"/>
  <c r="AD93289" i="1"/>
  <c r="AD93290" i="1"/>
  <c r="AD93291" i="1"/>
  <c r="AD93292" i="1"/>
  <c r="AD93293" i="1"/>
  <c r="AD93294" i="1"/>
  <c r="AD93295" i="1"/>
  <c r="AD93296" i="1"/>
  <c r="AD93297" i="1"/>
  <c r="AD93298" i="1"/>
  <c r="AD93299" i="1"/>
  <c r="AD93300" i="1"/>
  <c r="AD93301" i="1"/>
  <c r="AD93302" i="1"/>
  <c r="AD93303" i="1"/>
  <c r="AD93304" i="1"/>
  <c r="AD93305" i="1"/>
  <c r="AD93306" i="1"/>
  <c r="AD93307" i="1"/>
  <c r="AD93308" i="1"/>
  <c r="AD93309" i="1"/>
  <c r="AD93310" i="1"/>
  <c r="AD93311" i="1"/>
  <c r="AD93312" i="1"/>
  <c r="AD93313" i="1"/>
  <c r="AD93314" i="1"/>
  <c r="AD93315" i="1"/>
  <c r="AD93316" i="1"/>
  <c r="AD93317" i="1"/>
  <c r="AD93318" i="1"/>
  <c r="AD93319" i="1"/>
  <c r="AD93320" i="1"/>
  <c r="AD93321" i="1"/>
  <c r="AD93322" i="1"/>
  <c r="AD93323" i="1"/>
  <c r="AD93324" i="1"/>
  <c r="AD93325" i="1"/>
  <c r="AD93326" i="1"/>
  <c r="AD93327" i="1"/>
  <c r="AD93328" i="1"/>
  <c r="AD93329" i="1"/>
  <c r="AD93330" i="1"/>
  <c r="AD93331" i="1"/>
  <c r="AD93332" i="1"/>
  <c r="AD93333" i="1"/>
  <c r="AD93334" i="1"/>
  <c r="AD93335" i="1"/>
  <c r="AD93336" i="1"/>
  <c r="AD93337" i="1"/>
  <c r="AD93338" i="1"/>
  <c r="AD93339" i="1"/>
  <c r="AD93340" i="1"/>
  <c r="AD93341" i="1"/>
  <c r="AD93342" i="1"/>
  <c r="AD93343" i="1"/>
  <c r="AD93344" i="1"/>
  <c r="AD93345" i="1"/>
  <c r="AD93346" i="1"/>
  <c r="AD93347" i="1"/>
  <c r="AD93348" i="1"/>
  <c r="AD93349" i="1"/>
  <c r="AD93350" i="1"/>
  <c r="AD93351" i="1"/>
  <c r="AD93352" i="1"/>
  <c r="AD93353" i="1"/>
  <c r="AD93354" i="1"/>
  <c r="AD93355" i="1"/>
  <c r="AD93356" i="1"/>
  <c r="AD93357" i="1"/>
  <c r="AD93358" i="1"/>
  <c r="AD93359" i="1"/>
  <c r="AD93360" i="1"/>
  <c r="AD93361" i="1"/>
  <c r="AD93362" i="1"/>
  <c r="AD93363" i="1"/>
  <c r="AD93364" i="1"/>
  <c r="AD93365" i="1"/>
  <c r="AD93366" i="1"/>
  <c r="AD93367" i="1"/>
  <c r="AD93368" i="1"/>
  <c r="AD93369" i="1"/>
  <c r="AD93370" i="1"/>
  <c r="AD93371" i="1"/>
  <c r="AD93372" i="1"/>
  <c r="AD93373" i="1"/>
  <c r="AD93374" i="1"/>
  <c r="AD93375" i="1"/>
  <c r="AD93376" i="1"/>
  <c r="AD93377" i="1"/>
  <c r="AD93378" i="1"/>
  <c r="AD93379" i="1"/>
  <c r="AD93380" i="1"/>
  <c r="AD93381" i="1"/>
  <c r="AD93382" i="1"/>
  <c r="AD93383" i="1"/>
  <c r="AD93384" i="1"/>
  <c r="AD93385" i="1"/>
  <c r="AD93386" i="1"/>
  <c r="AD93387" i="1"/>
  <c r="AD93388" i="1"/>
  <c r="AD93389" i="1"/>
  <c r="AD93390" i="1"/>
  <c r="AD93391" i="1"/>
  <c r="AD93392" i="1"/>
  <c r="AD93393" i="1"/>
  <c r="AD93394" i="1"/>
  <c r="AD93395" i="1"/>
  <c r="AD93396" i="1"/>
  <c r="AD93397" i="1"/>
  <c r="AD93398" i="1"/>
  <c r="AD93399" i="1"/>
  <c r="AD93400" i="1"/>
  <c r="AD93401" i="1"/>
  <c r="AD93402" i="1"/>
  <c r="AD93403" i="1"/>
  <c r="AD93404" i="1"/>
  <c r="AD93405" i="1"/>
  <c r="AD93406" i="1"/>
  <c r="AD93407" i="1"/>
  <c r="AD93408" i="1"/>
  <c r="AD93409" i="1"/>
  <c r="AD93410" i="1"/>
  <c r="AD93411" i="1"/>
  <c r="AD93412" i="1"/>
  <c r="AD93413" i="1"/>
  <c r="AD93414" i="1"/>
  <c r="AD93415" i="1"/>
  <c r="AD93416" i="1"/>
  <c r="AD93417" i="1"/>
  <c r="AD93418" i="1"/>
  <c r="AD93419" i="1"/>
  <c r="AD93420" i="1"/>
  <c r="AD93421" i="1"/>
  <c r="AD93422" i="1"/>
  <c r="AD93423" i="1"/>
  <c r="AD93424" i="1"/>
  <c r="AD93425" i="1"/>
  <c r="AD93426" i="1"/>
  <c r="AD93427" i="1"/>
  <c r="AD93428" i="1"/>
  <c r="AD93429" i="1"/>
  <c r="AD93430" i="1"/>
  <c r="AD93431" i="1"/>
  <c r="AD93432" i="1"/>
  <c r="AD93433" i="1"/>
  <c r="AD93434" i="1"/>
  <c r="AD93435" i="1"/>
  <c r="AD93436" i="1"/>
  <c r="AD93437" i="1"/>
  <c r="AD93438" i="1"/>
  <c r="AD93439" i="1"/>
  <c r="AD93440" i="1"/>
  <c r="AD93441" i="1"/>
  <c r="AD93442" i="1"/>
  <c r="AD93443" i="1"/>
  <c r="AD93444" i="1"/>
  <c r="AD93445" i="1"/>
  <c r="AD93446" i="1"/>
  <c r="AD93447" i="1"/>
  <c r="AD93448" i="1"/>
  <c r="AD93449" i="1"/>
  <c r="AD93450" i="1"/>
  <c r="AD93451" i="1"/>
  <c r="AD93452" i="1"/>
  <c r="AD93453" i="1"/>
  <c r="AD93454" i="1"/>
  <c r="AD93455" i="1"/>
  <c r="AD93456" i="1"/>
  <c r="AD93457" i="1"/>
  <c r="AD93458" i="1"/>
  <c r="AD93459" i="1"/>
  <c r="AD93460" i="1"/>
  <c r="AD93461" i="1"/>
  <c r="AD93462" i="1"/>
  <c r="AD93463" i="1"/>
  <c r="AD93464" i="1"/>
  <c r="AD93465" i="1"/>
  <c r="AD93466" i="1"/>
  <c r="AD93467" i="1"/>
  <c r="AD93468" i="1"/>
  <c r="AD93469" i="1"/>
  <c r="AD93470" i="1"/>
  <c r="AD93471" i="1"/>
  <c r="AD93472" i="1"/>
  <c r="AD93473" i="1"/>
  <c r="AD93474" i="1"/>
  <c r="AD93475" i="1"/>
  <c r="AD93476" i="1"/>
  <c r="AD93477" i="1"/>
  <c r="AD93478" i="1"/>
  <c r="AD93479" i="1"/>
  <c r="AD93480" i="1"/>
  <c r="AD93481" i="1"/>
  <c r="AD93482" i="1"/>
  <c r="AD93483" i="1"/>
  <c r="AD93484" i="1"/>
  <c r="AD93485" i="1"/>
  <c r="AD93486" i="1"/>
  <c r="AD93487" i="1"/>
  <c r="AD93488" i="1"/>
  <c r="AD93489" i="1"/>
  <c r="AD93490" i="1"/>
  <c r="AD93491" i="1"/>
  <c r="AD93492" i="1"/>
  <c r="AD93493" i="1"/>
  <c r="AD93494" i="1"/>
  <c r="AD93495" i="1"/>
  <c r="AD93496" i="1"/>
  <c r="AD93497" i="1"/>
  <c r="AD93498" i="1"/>
  <c r="AD93499" i="1"/>
  <c r="AD93500" i="1"/>
  <c r="AD93501" i="1"/>
  <c r="AD93502" i="1"/>
  <c r="AD93503" i="1"/>
  <c r="AD93504" i="1"/>
  <c r="AD93505" i="1"/>
  <c r="AD93506" i="1"/>
  <c r="AD93507" i="1"/>
  <c r="AD93508" i="1"/>
  <c r="AD93509" i="1"/>
  <c r="AD93510" i="1"/>
  <c r="AD93511" i="1"/>
  <c r="AD93512" i="1"/>
  <c r="AD93513" i="1"/>
  <c r="AD93514" i="1"/>
  <c r="AD93515" i="1"/>
  <c r="AD93516" i="1"/>
  <c r="AD93517" i="1"/>
  <c r="AD93518" i="1"/>
  <c r="AD93519" i="1"/>
  <c r="AD93520" i="1"/>
  <c r="AD93521" i="1"/>
  <c r="AD93522" i="1"/>
  <c r="AD93523" i="1"/>
  <c r="AD93524" i="1"/>
  <c r="AD93525" i="1"/>
  <c r="AD93526" i="1"/>
  <c r="AD93527" i="1"/>
  <c r="AD93528" i="1"/>
  <c r="AD93529" i="1"/>
  <c r="AD93530" i="1"/>
  <c r="AD93531" i="1"/>
  <c r="AD93532" i="1"/>
  <c r="AD93533" i="1"/>
  <c r="AD93534" i="1"/>
  <c r="AD93535" i="1"/>
  <c r="AD93536" i="1"/>
  <c r="AD93537" i="1"/>
  <c r="AD93538" i="1"/>
  <c r="AD93539" i="1"/>
  <c r="AD93540" i="1"/>
  <c r="AD93541" i="1"/>
  <c r="AD93542" i="1"/>
  <c r="AD93543" i="1"/>
  <c r="AD93544" i="1"/>
  <c r="AD93545" i="1"/>
  <c r="AD93546" i="1"/>
  <c r="AD93547" i="1"/>
  <c r="AD93548" i="1"/>
  <c r="AD93549" i="1"/>
  <c r="AD93550" i="1"/>
  <c r="AD93551" i="1"/>
  <c r="AD93552" i="1"/>
  <c r="AD93553" i="1"/>
  <c r="AD93554" i="1"/>
  <c r="AD93555" i="1"/>
  <c r="AD93556" i="1"/>
  <c r="AD93557" i="1"/>
  <c r="AD93558" i="1"/>
  <c r="AD93559" i="1"/>
  <c r="AD93560" i="1"/>
  <c r="AD93561" i="1"/>
  <c r="AD93562" i="1"/>
  <c r="AD93563" i="1"/>
  <c r="AD93564" i="1"/>
  <c r="AD93565" i="1"/>
  <c r="AD93566" i="1"/>
  <c r="AD93567" i="1"/>
  <c r="AD93568" i="1"/>
  <c r="AD93569" i="1"/>
  <c r="AD93570" i="1"/>
  <c r="AD93571" i="1"/>
  <c r="AD93572" i="1"/>
  <c r="AD93573" i="1"/>
  <c r="AD93574" i="1"/>
  <c r="AD93575" i="1"/>
  <c r="AD93576" i="1"/>
  <c r="AD93577" i="1"/>
  <c r="AD93578" i="1"/>
  <c r="AD93579" i="1"/>
  <c r="AD93580" i="1"/>
  <c r="AD93581" i="1"/>
  <c r="AD93582" i="1"/>
  <c r="AD93583" i="1"/>
  <c r="AD93584" i="1"/>
  <c r="AD93585" i="1"/>
  <c r="AD93586" i="1"/>
  <c r="AD93587" i="1"/>
  <c r="AD93588" i="1"/>
  <c r="AD93589" i="1"/>
  <c r="AD93590" i="1"/>
  <c r="AD93591" i="1"/>
  <c r="AD93592" i="1"/>
  <c r="AD93593" i="1"/>
  <c r="AD93594" i="1"/>
  <c r="AD93595" i="1"/>
  <c r="AD93596" i="1"/>
  <c r="AD93597" i="1"/>
  <c r="AD93598" i="1"/>
  <c r="AD93599" i="1"/>
  <c r="AD93600" i="1"/>
  <c r="AD93601" i="1"/>
  <c r="AD93602" i="1"/>
  <c r="AD93603" i="1"/>
  <c r="AD93604" i="1"/>
  <c r="AD93605" i="1"/>
  <c r="AD93606" i="1"/>
  <c r="AD93607" i="1"/>
  <c r="AD93608" i="1"/>
  <c r="AD93609" i="1"/>
  <c r="AD93610" i="1"/>
  <c r="AD93611" i="1"/>
  <c r="AD93612" i="1"/>
  <c r="AD93613" i="1"/>
  <c r="AD93614" i="1"/>
  <c r="AD93615" i="1"/>
  <c r="AD93616" i="1"/>
  <c r="AD93617" i="1"/>
  <c r="AD93618" i="1"/>
  <c r="AD93619" i="1"/>
  <c r="AD93620" i="1"/>
  <c r="AD93621" i="1"/>
  <c r="AD93622" i="1"/>
  <c r="AD93623" i="1"/>
  <c r="AD93624" i="1"/>
  <c r="AD93625" i="1"/>
  <c r="AD93626" i="1"/>
  <c r="AD93627" i="1"/>
  <c r="AD93628" i="1"/>
  <c r="AD93629" i="1"/>
  <c r="AD93630" i="1"/>
  <c r="AD93631" i="1"/>
  <c r="AD93632" i="1"/>
  <c r="AD93633" i="1"/>
  <c r="AD93634" i="1"/>
  <c r="AD93635" i="1"/>
  <c r="AD93636" i="1"/>
  <c r="AD93637" i="1"/>
  <c r="AD93638" i="1"/>
  <c r="AD93639" i="1"/>
  <c r="AD93640" i="1"/>
  <c r="AD93641" i="1"/>
  <c r="AD93642" i="1"/>
  <c r="AD93643" i="1"/>
  <c r="AD93644" i="1"/>
  <c r="AD93645" i="1"/>
  <c r="AD93646" i="1"/>
  <c r="AD93647" i="1"/>
  <c r="AD93648" i="1"/>
  <c r="AD93649" i="1"/>
  <c r="AD93650" i="1"/>
  <c r="AD93651" i="1"/>
  <c r="AD93652" i="1"/>
  <c r="AD93653" i="1"/>
  <c r="AD93654" i="1"/>
  <c r="AD93655" i="1"/>
  <c r="AD93656" i="1"/>
  <c r="AD93657" i="1"/>
  <c r="AD93658" i="1"/>
  <c r="AD93659" i="1"/>
  <c r="AD93660" i="1"/>
  <c r="AD93661" i="1"/>
  <c r="AD93662" i="1"/>
  <c r="AD93663" i="1"/>
  <c r="AD93664" i="1"/>
  <c r="AD93665" i="1"/>
  <c r="AD93666" i="1"/>
  <c r="AD93667" i="1"/>
  <c r="AD93668" i="1"/>
  <c r="AD93669" i="1"/>
  <c r="AD93670" i="1"/>
  <c r="AD93671" i="1"/>
  <c r="AD93672" i="1"/>
  <c r="AD93673" i="1"/>
  <c r="AD93674" i="1"/>
  <c r="AD93675" i="1"/>
  <c r="AD93676" i="1"/>
  <c r="AD93677" i="1"/>
  <c r="AD93678" i="1"/>
  <c r="AD93679" i="1"/>
  <c r="AD93680" i="1"/>
  <c r="AD93681" i="1"/>
  <c r="AD93682" i="1"/>
  <c r="AD93683" i="1"/>
  <c r="AD93684" i="1"/>
  <c r="AD93685" i="1"/>
  <c r="AD93686" i="1"/>
  <c r="AD93687" i="1"/>
  <c r="AD93688" i="1"/>
  <c r="AD93689" i="1"/>
  <c r="AD93690" i="1"/>
  <c r="AD93691" i="1"/>
  <c r="AD93692" i="1"/>
  <c r="AD93693" i="1"/>
  <c r="AD93694" i="1"/>
  <c r="AD93695" i="1"/>
  <c r="AD93696" i="1"/>
  <c r="AD93697" i="1"/>
  <c r="AD93698" i="1"/>
  <c r="AD93699" i="1"/>
  <c r="AD93700" i="1"/>
  <c r="AD93701" i="1"/>
  <c r="AD93702" i="1"/>
  <c r="AD93703" i="1"/>
  <c r="AD93704" i="1"/>
  <c r="AD93705" i="1"/>
  <c r="AD93706" i="1"/>
  <c r="AD93707" i="1"/>
  <c r="AD93708" i="1"/>
  <c r="AD93709" i="1"/>
  <c r="AD93710" i="1"/>
  <c r="AD93711" i="1"/>
  <c r="AD93712" i="1"/>
  <c r="AD93713" i="1"/>
  <c r="AD93714" i="1"/>
  <c r="AD93715" i="1"/>
  <c r="AD93716" i="1"/>
  <c r="AD93717" i="1"/>
  <c r="AD93718" i="1"/>
  <c r="AD93719" i="1"/>
  <c r="AD93720" i="1"/>
  <c r="AD93721" i="1"/>
  <c r="AD93722" i="1"/>
  <c r="AD93723" i="1"/>
  <c r="AD93724" i="1"/>
  <c r="AD93725" i="1"/>
  <c r="AD93726" i="1"/>
  <c r="AD93727" i="1"/>
  <c r="AD93728" i="1"/>
  <c r="AD93729" i="1"/>
  <c r="AD93730" i="1"/>
  <c r="AD93731" i="1"/>
  <c r="AD93732" i="1"/>
  <c r="AD93733" i="1"/>
  <c r="AD93734" i="1"/>
  <c r="AD93735" i="1"/>
  <c r="AD93736" i="1"/>
  <c r="AD93737" i="1"/>
  <c r="AD93738" i="1"/>
  <c r="AD93739" i="1"/>
  <c r="AD93740" i="1"/>
  <c r="AD93741" i="1"/>
  <c r="AD93742" i="1"/>
  <c r="AD93743" i="1"/>
  <c r="AD93744" i="1"/>
  <c r="AD93745" i="1"/>
  <c r="AD93746" i="1"/>
  <c r="AD93747" i="1"/>
  <c r="AD93748" i="1"/>
  <c r="AD93749" i="1"/>
  <c r="AD93750" i="1"/>
  <c r="AD93751" i="1"/>
  <c r="AD93752" i="1"/>
  <c r="AD93753" i="1"/>
  <c r="AD93754" i="1"/>
  <c r="AD93755" i="1"/>
  <c r="AD93756" i="1"/>
  <c r="AD93757" i="1"/>
  <c r="AD93758" i="1"/>
  <c r="AD93759" i="1"/>
  <c r="AD93760" i="1"/>
  <c r="AD93761" i="1"/>
  <c r="AD93762" i="1"/>
  <c r="AD93763" i="1"/>
  <c r="AD93764" i="1"/>
  <c r="AD93765" i="1"/>
  <c r="AD93766" i="1"/>
  <c r="AD93767" i="1"/>
  <c r="AD93768" i="1"/>
  <c r="AD93769" i="1"/>
  <c r="AD93770" i="1"/>
  <c r="AD93771" i="1"/>
  <c r="AD93772" i="1"/>
  <c r="AD93773" i="1"/>
  <c r="AD93774" i="1"/>
  <c r="AD93775" i="1"/>
  <c r="AD93776" i="1"/>
  <c r="AD93777" i="1"/>
  <c r="AD93778" i="1"/>
  <c r="AD93779" i="1"/>
  <c r="AD93780" i="1"/>
  <c r="AD93781" i="1"/>
  <c r="AD93782" i="1"/>
  <c r="AD93783" i="1"/>
  <c r="AD93784" i="1"/>
  <c r="AD93785" i="1"/>
  <c r="AD93786" i="1"/>
  <c r="AD93787" i="1"/>
  <c r="AD93788" i="1"/>
  <c r="AD93789" i="1"/>
  <c r="AD93790" i="1"/>
  <c r="AD93791" i="1"/>
  <c r="AD93792" i="1"/>
  <c r="AD93793" i="1"/>
  <c r="AD93794" i="1"/>
  <c r="AD93795" i="1"/>
  <c r="AD93796" i="1"/>
  <c r="AD93797" i="1"/>
  <c r="AD93798" i="1"/>
  <c r="AD93799" i="1"/>
  <c r="AD93800" i="1"/>
  <c r="AD93801" i="1"/>
  <c r="AD93802" i="1"/>
  <c r="AD93803" i="1"/>
  <c r="AD93804" i="1"/>
  <c r="AD93805" i="1"/>
  <c r="AD93806" i="1"/>
  <c r="AD93807" i="1"/>
  <c r="AD93808" i="1"/>
  <c r="AD93809" i="1"/>
  <c r="AD93810" i="1"/>
  <c r="AD93811" i="1"/>
  <c r="AD93812" i="1"/>
  <c r="AD93813" i="1"/>
  <c r="AD93814" i="1"/>
  <c r="AD93815" i="1"/>
  <c r="AD93816" i="1"/>
  <c r="AD93817" i="1"/>
  <c r="AD93818" i="1"/>
  <c r="AD93819" i="1"/>
  <c r="AD93820" i="1"/>
  <c r="AD93821" i="1"/>
  <c r="AD93822" i="1"/>
  <c r="AD93823" i="1"/>
  <c r="AD93824" i="1"/>
  <c r="AD93825" i="1"/>
  <c r="AD93826" i="1"/>
  <c r="AD93827" i="1"/>
  <c r="AD93828" i="1"/>
  <c r="AD93829" i="1"/>
  <c r="AD93830" i="1"/>
  <c r="AD93831" i="1"/>
  <c r="AD93832" i="1"/>
  <c r="AD93833" i="1"/>
  <c r="AD93834" i="1"/>
  <c r="AD93835" i="1"/>
  <c r="AD93836" i="1"/>
  <c r="AD93837" i="1"/>
  <c r="AD93838" i="1"/>
  <c r="AD93839" i="1"/>
  <c r="AD93840" i="1"/>
  <c r="AD93841" i="1"/>
  <c r="AD93842" i="1"/>
  <c r="AD93843" i="1"/>
  <c r="AD93844" i="1"/>
  <c r="AD93845" i="1"/>
  <c r="AD93846" i="1"/>
  <c r="AD93847" i="1"/>
  <c r="AD93848" i="1"/>
  <c r="AD93849" i="1"/>
  <c r="AD93850" i="1"/>
  <c r="AD93851" i="1"/>
  <c r="AD93852" i="1"/>
  <c r="AD93853" i="1"/>
  <c r="AD93854" i="1"/>
  <c r="AD93855" i="1"/>
  <c r="AD93856" i="1"/>
  <c r="AD93857" i="1"/>
  <c r="AD93858" i="1"/>
  <c r="AD93859" i="1"/>
  <c r="AD93860" i="1"/>
  <c r="AD93861" i="1"/>
  <c r="AD93862" i="1"/>
  <c r="AD93863" i="1"/>
  <c r="AD93864" i="1"/>
  <c r="AD93865" i="1"/>
  <c r="AD93866" i="1"/>
  <c r="AD93867" i="1"/>
  <c r="AD93868" i="1"/>
  <c r="AD93869" i="1"/>
  <c r="AD93870" i="1"/>
  <c r="AD93871" i="1"/>
  <c r="AD93872" i="1"/>
  <c r="AD93873" i="1"/>
  <c r="AD93874" i="1"/>
  <c r="AD93875" i="1"/>
  <c r="AD93876" i="1"/>
  <c r="AD93877" i="1"/>
  <c r="AD93878" i="1"/>
  <c r="AD93879" i="1"/>
  <c r="AD93880" i="1"/>
  <c r="AD93881" i="1"/>
  <c r="AD93882" i="1"/>
  <c r="AD93883" i="1"/>
  <c r="AD93884" i="1"/>
  <c r="AD93885" i="1"/>
  <c r="AD93886" i="1"/>
  <c r="AD93887" i="1"/>
  <c r="AD93888" i="1"/>
  <c r="AD93889" i="1"/>
  <c r="AD93890" i="1"/>
  <c r="AD93891" i="1"/>
  <c r="AD93892" i="1"/>
  <c r="AD93893" i="1"/>
  <c r="AD93894" i="1"/>
  <c r="AD93895" i="1"/>
  <c r="AD93896" i="1"/>
  <c r="AD93897" i="1"/>
  <c r="AD93898" i="1"/>
  <c r="AD93899" i="1"/>
  <c r="AD93900" i="1"/>
  <c r="AD93901" i="1"/>
  <c r="AD93902" i="1"/>
  <c r="AD93903" i="1"/>
  <c r="AD93904" i="1"/>
  <c r="AD93905" i="1"/>
  <c r="AD93906" i="1"/>
  <c r="AD93907" i="1"/>
  <c r="AD93908" i="1"/>
  <c r="AD93909" i="1"/>
  <c r="AD93910" i="1"/>
  <c r="AD93911" i="1"/>
  <c r="AD93912" i="1"/>
  <c r="AD93913" i="1"/>
  <c r="AD93914" i="1"/>
  <c r="AD93915" i="1"/>
  <c r="AD93916" i="1"/>
  <c r="AD93917" i="1"/>
  <c r="AD93918" i="1"/>
  <c r="AD93919" i="1"/>
  <c r="AD93920" i="1"/>
  <c r="AD93921" i="1"/>
  <c r="AD93922" i="1"/>
  <c r="AD93923" i="1"/>
  <c r="AD93924" i="1"/>
  <c r="AD93925" i="1"/>
  <c r="AD93926" i="1"/>
  <c r="AD93927" i="1"/>
  <c r="AD93928" i="1"/>
  <c r="AD93929" i="1"/>
  <c r="AD93930" i="1"/>
  <c r="AD93931" i="1"/>
  <c r="AD93932" i="1"/>
  <c r="AD93933" i="1"/>
  <c r="AD93934" i="1"/>
  <c r="AD93935" i="1"/>
  <c r="AD93936" i="1"/>
  <c r="AD93937" i="1"/>
  <c r="AD93938" i="1"/>
  <c r="AD93939" i="1"/>
  <c r="AD93940" i="1"/>
  <c r="AD93941" i="1"/>
  <c r="AD93942" i="1"/>
  <c r="AD93943" i="1"/>
  <c r="AD93944" i="1"/>
  <c r="AD93945" i="1"/>
  <c r="AD93946" i="1"/>
  <c r="AD93947" i="1"/>
  <c r="AD93948" i="1"/>
  <c r="AD93949" i="1"/>
  <c r="AD93950" i="1"/>
  <c r="AD93951" i="1"/>
  <c r="AD93952" i="1"/>
  <c r="AD93953" i="1"/>
  <c r="AD93954" i="1"/>
  <c r="AD93955" i="1"/>
  <c r="AD93956" i="1"/>
  <c r="AD93957" i="1"/>
  <c r="AD93958" i="1"/>
  <c r="AD93959" i="1"/>
  <c r="AD93960" i="1"/>
  <c r="AD93961" i="1"/>
  <c r="AD93962" i="1"/>
  <c r="AD93963" i="1"/>
  <c r="AD93964" i="1"/>
  <c r="AD93965" i="1"/>
  <c r="AD93966" i="1"/>
  <c r="AD93967" i="1"/>
  <c r="AD93968" i="1"/>
  <c r="AD93969" i="1"/>
  <c r="AD93970" i="1"/>
  <c r="AD93971" i="1"/>
  <c r="AD93972" i="1"/>
  <c r="AD93973" i="1"/>
  <c r="AD93974" i="1"/>
  <c r="AD93975" i="1"/>
  <c r="AD93976" i="1"/>
  <c r="AD93977" i="1"/>
  <c r="AD93978" i="1"/>
  <c r="AD93979" i="1"/>
  <c r="AD93980" i="1"/>
  <c r="AD93981" i="1"/>
  <c r="AD93982" i="1"/>
  <c r="AD93983" i="1"/>
  <c r="AD93984" i="1"/>
  <c r="AD93985" i="1"/>
  <c r="AD93986" i="1"/>
  <c r="AD93987" i="1"/>
  <c r="AD93988" i="1"/>
  <c r="AD93989" i="1"/>
  <c r="AD93990" i="1"/>
  <c r="AD93991" i="1"/>
  <c r="AD93992" i="1"/>
  <c r="AD93993" i="1"/>
  <c r="AD93994" i="1"/>
  <c r="AD93995" i="1"/>
  <c r="AD93996" i="1"/>
  <c r="AD93997" i="1"/>
  <c r="AD93998" i="1"/>
  <c r="AD93999" i="1"/>
  <c r="AD94000" i="1"/>
  <c r="AD94001" i="1"/>
  <c r="AD94002" i="1"/>
  <c r="AD94003" i="1"/>
  <c r="AD94004" i="1"/>
  <c r="AD94005" i="1"/>
  <c r="AD94006" i="1"/>
  <c r="AD94007" i="1"/>
  <c r="AD94008" i="1"/>
  <c r="AD94009" i="1"/>
  <c r="AD94010" i="1"/>
  <c r="AD94011" i="1"/>
  <c r="AD94012" i="1"/>
  <c r="AD94013" i="1"/>
  <c r="AD94014" i="1"/>
  <c r="AD94015" i="1"/>
  <c r="AD94016" i="1"/>
  <c r="AD94017" i="1"/>
  <c r="AD94018" i="1"/>
  <c r="AD94019" i="1"/>
  <c r="AD94020" i="1"/>
  <c r="AD94021" i="1"/>
  <c r="AD94022" i="1"/>
  <c r="AD94023" i="1"/>
  <c r="AD94024" i="1"/>
  <c r="AD94025" i="1"/>
  <c r="AD94026" i="1"/>
  <c r="AD94027" i="1"/>
  <c r="AD94028" i="1"/>
  <c r="AD94029" i="1"/>
  <c r="AD94030" i="1"/>
  <c r="AD94031" i="1"/>
  <c r="AD94032" i="1"/>
  <c r="AD94033" i="1"/>
  <c r="AD94034" i="1"/>
  <c r="AD94035" i="1"/>
  <c r="AD94036" i="1"/>
  <c r="AD94037" i="1"/>
  <c r="AD94038" i="1"/>
  <c r="AD94039" i="1"/>
  <c r="AD94040" i="1"/>
  <c r="AD94041" i="1"/>
  <c r="AD94042" i="1"/>
  <c r="AD94043" i="1"/>
  <c r="AD94044" i="1"/>
  <c r="AD94045" i="1"/>
  <c r="AD94046" i="1"/>
  <c r="AD94047" i="1"/>
  <c r="AD94048" i="1"/>
  <c r="AD94049" i="1"/>
  <c r="AD94050" i="1"/>
  <c r="AD94051" i="1"/>
  <c r="AD94052" i="1"/>
  <c r="AD94053" i="1"/>
  <c r="AD94054" i="1"/>
  <c r="AD94055" i="1"/>
  <c r="AD94056" i="1"/>
  <c r="AD94057" i="1"/>
  <c r="AD94058" i="1"/>
  <c r="AD94059" i="1"/>
  <c r="AD94060" i="1"/>
  <c r="AD94061" i="1"/>
  <c r="AD94062" i="1"/>
  <c r="AD94063" i="1"/>
  <c r="AD94064" i="1"/>
  <c r="AD94065" i="1"/>
  <c r="AD94066" i="1"/>
  <c r="AD94067" i="1"/>
  <c r="AD94068" i="1"/>
  <c r="AD94069" i="1"/>
  <c r="AD94070" i="1"/>
  <c r="AD94071" i="1"/>
  <c r="AD94072" i="1"/>
  <c r="AD94073" i="1"/>
  <c r="AD94074" i="1"/>
  <c r="AD94075" i="1"/>
  <c r="AD94076" i="1"/>
  <c r="AD94077" i="1"/>
  <c r="AD94078" i="1"/>
  <c r="AD94079" i="1"/>
  <c r="AD94080" i="1"/>
  <c r="AD94081" i="1"/>
  <c r="AD94082" i="1"/>
  <c r="AD94083" i="1"/>
  <c r="AD94084" i="1"/>
  <c r="AD94085" i="1"/>
  <c r="AD94086" i="1"/>
  <c r="AD94087" i="1"/>
  <c r="AD94088" i="1"/>
  <c r="AD94089" i="1"/>
  <c r="AD94090" i="1"/>
  <c r="AD94091" i="1"/>
  <c r="AD94092" i="1"/>
  <c r="AD94093" i="1"/>
  <c r="AD94094" i="1"/>
  <c r="AD94095" i="1"/>
  <c r="AD94096" i="1"/>
  <c r="AD94097" i="1"/>
  <c r="AD94098" i="1"/>
  <c r="AD94099" i="1"/>
  <c r="AD94100" i="1"/>
  <c r="AD94101" i="1"/>
  <c r="AD94102" i="1"/>
  <c r="AD94103" i="1"/>
  <c r="AD94104" i="1"/>
  <c r="AD94105" i="1"/>
  <c r="AD94106" i="1"/>
  <c r="AD94107" i="1"/>
  <c r="AD94108" i="1"/>
  <c r="AD94109" i="1"/>
  <c r="AD94110" i="1"/>
  <c r="AD94111" i="1"/>
  <c r="AD94112" i="1"/>
  <c r="AD94113" i="1"/>
  <c r="AD94114" i="1"/>
  <c r="AD94115" i="1"/>
  <c r="AD94116" i="1"/>
  <c r="AD94117" i="1"/>
  <c r="AD94118" i="1"/>
  <c r="AD94119" i="1"/>
  <c r="AD94120" i="1"/>
  <c r="AD94121" i="1"/>
  <c r="AD94122" i="1"/>
  <c r="AD94123" i="1"/>
  <c r="AD94124" i="1"/>
  <c r="AD94125" i="1"/>
  <c r="AD94126" i="1"/>
  <c r="AD94127" i="1"/>
  <c r="AD94128" i="1"/>
  <c r="AD94129" i="1"/>
  <c r="AD94130" i="1"/>
  <c r="AD94131" i="1"/>
  <c r="AD94132" i="1"/>
  <c r="AD94133" i="1"/>
  <c r="AD94134" i="1"/>
  <c r="AD94135" i="1"/>
  <c r="AD94136" i="1"/>
  <c r="AD94137" i="1"/>
  <c r="AD94138" i="1"/>
  <c r="AD94139" i="1"/>
  <c r="AD94140" i="1"/>
  <c r="AD94141" i="1"/>
  <c r="AD94142" i="1"/>
  <c r="AD94143" i="1"/>
  <c r="AD94144" i="1"/>
  <c r="AD94145" i="1"/>
  <c r="AD94146" i="1"/>
  <c r="AD94147" i="1"/>
  <c r="AD94148" i="1"/>
  <c r="AD94149" i="1"/>
  <c r="AD94150" i="1"/>
  <c r="AD94151" i="1"/>
  <c r="AD94152" i="1"/>
  <c r="AD94153" i="1"/>
  <c r="AD94154" i="1"/>
  <c r="AD94155" i="1"/>
  <c r="AD94156" i="1"/>
  <c r="AD94157" i="1"/>
  <c r="AD94158" i="1"/>
  <c r="AD94159" i="1"/>
  <c r="AD94160" i="1"/>
  <c r="AD94161" i="1"/>
  <c r="AD94162" i="1"/>
  <c r="AD94163" i="1"/>
  <c r="AD94164" i="1"/>
  <c r="AD94165" i="1"/>
  <c r="AD94166" i="1"/>
  <c r="AD94167" i="1"/>
  <c r="AD94168" i="1"/>
  <c r="AD94169" i="1"/>
  <c r="AD94170" i="1"/>
  <c r="AD94171" i="1"/>
  <c r="AD94172" i="1"/>
  <c r="AD94173" i="1"/>
  <c r="AD94174" i="1"/>
  <c r="AD94175" i="1"/>
  <c r="AD94176" i="1"/>
  <c r="AD94177" i="1"/>
  <c r="AD94178" i="1"/>
  <c r="AD94179" i="1"/>
  <c r="AD94180" i="1"/>
  <c r="AD94181" i="1"/>
  <c r="AD94182" i="1"/>
  <c r="AD94183" i="1"/>
  <c r="AD94184" i="1"/>
  <c r="AD94185" i="1"/>
  <c r="AD94186" i="1"/>
  <c r="AD94187" i="1"/>
  <c r="AD94188" i="1"/>
  <c r="AD94189" i="1"/>
  <c r="AD94190" i="1"/>
  <c r="AD94191" i="1"/>
  <c r="AD94192" i="1"/>
  <c r="AD94193" i="1"/>
  <c r="AD94194" i="1"/>
  <c r="AD94195" i="1"/>
  <c r="AD94196" i="1"/>
  <c r="AD94197" i="1"/>
  <c r="AD94198" i="1"/>
  <c r="AD94199" i="1"/>
  <c r="AD94200" i="1"/>
  <c r="AD94201" i="1"/>
  <c r="AD94202" i="1"/>
  <c r="AD94203" i="1"/>
  <c r="AD94204" i="1"/>
  <c r="AD94205" i="1"/>
  <c r="AD94206" i="1"/>
  <c r="AD94207" i="1"/>
  <c r="AD94208" i="1"/>
  <c r="AD94209" i="1"/>
  <c r="AD94210" i="1"/>
  <c r="AD94211" i="1"/>
  <c r="AD94212" i="1"/>
  <c r="AD94213" i="1"/>
  <c r="AD94214" i="1"/>
  <c r="AD94215" i="1"/>
  <c r="AD94216" i="1"/>
  <c r="AD94217" i="1"/>
  <c r="AD94218" i="1"/>
  <c r="AD94219" i="1"/>
  <c r="AD94220" i="1"/>
  <c r="AD94221" i="1"/>
  <c r="AD94222" i="1"/>
  <c r="AD94223" i="1"/>
  <c r="AD94224" i="1"/>
  <c r="AD94225" i="1"/>
  <c r="AD94226" i="1"/>
  <c r="AD94227" i="1"/>
  <c r="AD94228" i="1"/>
  <c r="AD94229" i="1"/>
  <c r="AD94230" i="1"/>
  <c r="AD94231" i="1"/>
  <c r="AD94232" i="1"/>
  <c r="AD94233" i="1"/>
  <c r="AD94234" i="1"/>
  <c r="AD94235" i="1"/>
  <c r="AD94236" i="1"/>
  <c r="AD94237" i="1"/>
  <c r="AD94238" i="1"/>
  <c r="AD94239" i="1"/>
  <c r="AD94240" i="1"/>
  <c r="AD94241" i="1"/>
  <c r="AD94242" i="1"/>
  <c r="AD94243" i="1"/>
  <c r="AD94244" i="1"/>
  <c r="AD94245" i="1"/>
  <c r="AD94246" i="1"/>
  <c r="AD94247" i="1"/>
  <c r="AD94248" i="1"/>
  <c r="AD94249" i="1"/>
  <c r="AD94250" i="1"/>
  <c r="AD94251" i="1"/>
  <c r="AD94252" i="1"/>
  <c r="AD94253" i="1"/>
  <c r="AD94254" i="1"/>
  <c r="AD94255" i="1"/>
  <c r="AD94256" i="1"/>
  <c r="AD94257" i="1"/>
  <c r="AD94258" i="1"/>
  <c r="AD94259" i="1"/>
  <c r="AD94260" i="1"/>
  <c r="AD94261" i="1"/>
  <c r="AD94262" i="1"/>
  <c r="AD94263" i="1"/>
  <c r="AD94264" i="1"/>
  <c r="AD94265" i="1"/>
  <c r="AD94266" i="1"/>
  <c r="AD94267" i="1"/>
  <c r="AD94268" i="1"/>
  <c r="AD94269" i="1"/>
  <c r="AD94270" i="1"/>
  <c r="AD94271" i="1"/>
  <c r="AD94272" i="1"/>
  <c r="AD94273" i="1"/>
  <c r="AD94274" i="1"/>
  <c r="AD94275" i="1"/>
  <c r="AD94276" i="1"/>
  <c r="AD94277" i="1"/>
  <c r="AD94278" i="1"/>
  <c r="AD94279" i="1"/>
  <c r="AD94280" i="1"/>
  <c r="AD94281" i="1"/>
  <c r="AD94282" i="1"/>
  <c r="AD94283" i="1"/>
  <c r="AD94284" i="1"/>
  <c r="AD94285" i="1"/>
  <c r="AD94286" i="1"/>
  <c r="AD94287" i="1"/>
  <c r="AD94288" i="1"/>
  <c r="AD94289" i="1"/>
  <c r="AD94290" i="1"/>
  <c r="AD94291" i="1"/>
  <c r="AD94292" i="1"/>
  <c r="AD94293" i="1"/>
  <c r="AD94294" i="1"/>
  <c r="AD94295" i="1"/>
  <c r="AD94296" i="1"/>
  <c r="AD94297" i="1"/>
  <c r="AD94298" i="1"/>
  <c r="AD94299" i="1"/>
  <c r="AD94300" i="1"/>
  <c r="AD94301" i="1"/>
  <c r="AD94302" i="1"/>
  <c r="AD94303" i="1"/>
  <c r="AD94304" i="1"/>
  <c r="AD94305" i="1"/>
  <c r="AD94306" i="1"/>
  <c r="AD94307" i="1"/>
  <c r="AD94308" i="1"/>
  <c r="AD94309" i="1"/>
  <c r="AD94310" i="1"/>
  <c r="AD94311" i="1"/>
  <c r="AD94312" i="1"/>
  <c r="AD94313" i="1"/>
  <c r="AD94314" i="1"/>
  <c r="AD94315" i="1"/>
  <c r="AD94316" i="1"/>
  <c r="AD94317" i="1"/>
  <c r="AD94318" i="1"/>
  <c r="AD94319" i="1"/>
  <c r="AD94320" i="1"/>
  <c r="AD94321" i="1"/>
  <c r="AD94322" i="1"/>
  <c r="AD94323" i="1"/>
  <c r="AD94324" i="1"/>
  <c r="AD94325" i="1"/>
  <c r="AD94326" i="1"/>
  <c r="AD94327" i="1"/>
  <c r="AD94328" i="1"/>
  <c r="AD94329" i="1"/>
  <c r="AD94330" i="1"/>
  <c r="AD94331" i="1"/>
  <c r="AD94332" i="1"/>
  <c r="AD94333" i="1"/>
  <c r="AD94334" i="1"/>
  <c r="AD94335" i="1"/>
  <c r="AD94336" i="1"/>
  <c r="AD94337" i="1"/>
  <c r="AD94338" i="1"/>
  <c r="AD94339" i="1"/>
  <c r="AD94340" i="1"/>
  <c r="AD94341" i="1"/>
  <c r="AD94342" i="1"/>
  <c r="AD94343" i="1"/>
  <c r="AD94344" i="1"/>
  <c r="AD94345" i="1"/>
  <c r="AD94346" i="1"/>
  <c r="AD94347" i="1"/>
  <c r="AD94348" i="1"/>
  <c r="AD94349" i="1"/>
  <c r="AD94350" i="1"/>
  <c r="AD94351" i="1"/>
  <c r="AD94352" i="1"/>
  <c r="AD94353" i="1"/>
  <c r="AD94354" i="1"/>
  <c r="AD94355" i="1"/>
  <c r="AD94356" i="1"/>
  <c r="AD94357" i="1"/>
  <c r="AD94358" i="1"/>
  <c r="AD94359" i="1"/>
  <c r="AD94360" i="1"/>
  <c r="AD94361" i="1"/>
  <c r="AD94362" i="1"/>
  <c r="AD94363" i="1"/>
  <c r="AD94364" i="1"/>
  <c r="AD94365" i="1"/>
  <c r="AD94366" i="1"/>
  <c r="AD94367" i="1"/>
  <c r="AD94368" i="1"/>
  <c r="AD94369" i="1"/>
  <c r="AD94370" i="1"/>
  <c r="AD94371" i="1"/>
  <c r="AD94372" i="1"/>
  <c r="AD94373" i="1"/>
  <c r="AD94374" i="1"/>
  <c r="AD94375" i="1"/>
  <c r="AD94376" i="1"/>
  <c r="AD94377" i="1"/>
  <c r="AD94378" i="1"/>
  <c r="AD94379" i="1"/>
  <c r="AD94380" i="1"/>
  <c r="AD94381" i="1"/>
  <c r="AD94382" i="1"/>
  <c r="AD94383" i="1"/>
  <c r="AD94384" i="1"/>
  <c r="AD94385" i="1"/>
  <c r="AD94386" i="1"/>
  <c r="AD94387" i="1"/>
  <c r="AD94388" i="1"/>
  <c r="AD94389" i="1"/>
  <c r="AD94390" i="1"/>
  <c r="AD94391" i="1"/>
  <c r="AD94392" i="1"/>
  <c r="AD94393" i="1"/>
  <c r="AD94394" i="1"/>
  <c r="AD94395" i="1"/>
  <c r="AD94396" i="1"/>
  <c r="AD94397" i="1"/>
  <c r="AD94398" i="1"/>
  <c r="AD94399" i="1"/>
  <c r="AD94400" i="1"/>
  <c r="AD94401" i="1"/>
  <c r="AD94402" i="1"/>
  <c r="AD94403" i="1"/>
  <c r="AD94404" i="1"/>
  <c r="AD94405" i="1"/>
  <c r="AD94406" i="1"/>
  <c r="AD94407" i="1"/>
  <c r="AD94408" i="1"/>
  <c r="AD94409" i="1"/>
  <c r="AD94410" i="1"/>
  <c r="AD94411" i="1"/>
  <c r="AD94412" i="1"/>
  <c r="AD94413" i="1"/>
  <c r="AD94414" i="1"/>
  <c r="AD94415" i="1"/>
  <c r="AD94416" i="1"/>
  <c r="AD94417" i="1"/>
  <c r="AD94418" i="1"/>
  <c r="AD94419" i="1"/>
  <c r="AD94420" i="1"/>
  <c r="AD94421" i="1"/>
  <c r="AD94422" i="1"/>
  <c r="AD94423" i="1"/>
  <c r="AD94424" i="1"/>
  <c r="AD94425" i="1"/>
  <c r="AD94426" i="1"/>
  <c r="AD94427" i="1"/>
  <c r="AD94428" i="1"/>
  <c r="AD94429" i="1"/>
  <c r="AD94430" i="1"/>
  <c r="AD94431" i="1"/>
  <c r="AD94432" i="1"/>
  <c r="AD94433" i="1"/>
  <c r="AD94434" i="1"/>
  <c r="AD94435" i="1"/>
  <c r="AD94436" i="1"/>
  <c r="AD94437" i="1"/>
  <c r="AD94438" i="1"/>
  <c r="AD94439" i="1"/>
  <c r="AD94440" i="1"/>
  <c r="AD94441" i="1"/>
  <c r="AD94442" i="1"/>
  <c r="AD94443" i="1"/>
  <c r="AD94444" i="1"/>
  <c r="AD94445" i="1"/>
  <c r="AD94446" i="1"/>
  <c r="AD94447" i="1"/>
  <c r="AD94448" i="1"/>
  <c r="AD94449" i="1"/>
  <c r="AD94450" i="1"/>
  <c r="AD94451" i="1"/>
  <c r="AD94452" i="1"/>
  <c r="AD94453" i="1"/>
  <c r="AD94454" i="1"/>
  <c r="AD94455" i="1"/>
  <c r="AD94456" i="1"/>
  <c r="AD94457" i="1"/>
  <c r="AD94458" i="1"/>
  <c r="AD94459" i="1"/>
  <c r="AD94460" i="1"/>
  <c r="AD94461" i="1"/>
  <c r="AD94462" i="1"/>
  <c r="AD94463" i="1"/>
  <c r="AD94464" i="1"/>
  <c r="AD94465" i="1"/>
  <c r="AD94466" i="1"/>
  <c r="AD94467" i="1"/>
  <c r="AD94468" i="1"/>
  <c r="AD94469" i="1"/>
  <c r="AD94470" i="1"/>
  <c r="AD94471" i="1"/>
  <c r="AD94472" i="1"/>
  <c r="AD94473" i="1"/>
  <c r="AD94474" i="1"/>
  <c r="AD94475" i="1"/>
  <c r="AD94476" i="1"/>
  <c r="AD94477" i="1"/>
  <c r="AD94478" i="1"/>
  <c r="AD94479" i="1"/>
  <c r="AD94480" i="1"/>
  <c r="AD94481" i="1"/>
  <c r="AD94482" i="1"/>
  <c r="AD94483" i="1"/>
  <c r="AD94484" i="1"/>
  <c r="AD94485" i="1"/>
  <c r="AD94486" i="1"/>
  <c r="AD94487" i="1"/>
  <c r="AD94488" i="1"/>
  <c r="AD94489" i="1"/>
  <c r="AD94490" i="1"/>
  <c r="AD94491" i="1"/>
  <c r="AD94492" i="1"/>
  <c r="AD94493" i="1"/>
  <c r="AD94494" i="1"/>
  <c r="AD94495" i="1"/>
  <c r="AD94496" i="1"/>
  <c r="AD94497" i="1"/>
  <c r="AD94498" i="1"/>
  <c r="AD94499" i="1"/>
  <c r="AD94500" i="1"/>
  <c r="AD94501" i="1"/>
  <c r="AD94502" i="1"/>
  <c r="AD94503" i="1"/>
  <c r="AD94504" i="1"/>
  <c r="AD94505" i="1"/>
  <c r="AD94506" i="1"/>
  <c r="AD94507" i="1"/>
  <c r="AD94508" i="1"/>
  <c r="AD94509" i="1"/>
  <c r="AD94510" i="1"/>
  <c r="AD94511" i="1"/>
  <c r="AD94512" i="1"/>
  <c r="AD94513" i="1"/>
  <c r="AD94514" i="1"/>
  <c r="AD94515" i="1"/>
  <c r="AD94516" i="1"/>
  <c r="AD94517" i="1"/>
  <c r="AD94518" i="1"/>
  <c r="AD94519" i="1"/>
  <c r="AD94520" i="1"/>
  <c r="AD94521" i="1"/>
  <c r="AD94522" i="1"/>
  <c r="AD94523" i="1"/>
  <c r="AD94524" i="1"/>
  <c r="AD94525" i="1"/>
  <c r="AD94526" i="1"/>
  <c r="AD94527" i="1"/>
  <c r="AD94528" i="1"/>
  <c r="AD94529" i="1"/>
  <c r="AD94530" i="1"/>
  <c r="AD94531" i="1"/>
  <c r="AD94532" i="1"/>
  <c r="AD94533" i="1"/>
  <c r="AD94534" i="1"/>
  <c r="AD94535" i="1"/>
  <c r="AD94536" i="1"/>
  <c r="AD94537" i="1"/>
  <c r="AD94538" i="1"/>
  <c r="AD94539" i="1"/>
  <c r="AD94540" i="1"/>
  <c r="AD94541" i="1"/>
  <c r="AD94542" i="1"/>
  <c r="AD94543" i="1"/>
  <c r="AD94544" i="1"/>
  <c r="AD94545" i="1"/>
  <c r="AD94546" i="1"/>
  <c r="AD94547" i="1"/>
  <c r="AD94548" i="1"/>
  <c r="AD94549" i="1"/>
  <c r="AD94550" i="1"/>
  <c r="AD94551" i="1"/>
  <c r="AD94552" i="1"/>
  <c r="AD94553" i="1"/>
  <c r="AD94554" i="1"/>
  <c r="AD94555" i="1"/>
  <c r="AD94556" i="1"/>
  <c r="AD94557" i="1"/>
  <c r="AD94558" i="1"/>
  <c r="AD94559" i="1"/>
  <c r="AD94560" i="1"/>
  <c r="AD94561" i="1"/>
  <c r="AD94562" i="1"/>
  <c r="AD94563" i="1"/>
  <c r="AD94564" i="1"/>
  <c r="AD94565" i="1"/>
  <c r="AD94566" i="1"/>
  <c r="AD94567" i="1"/>
  <c r="AD94568" i="1"/>
  <c r="AD94569" i="1"/>
  <c r="AD94570" i="1"/>
  <c r="AD94571" i="1"/>
  <c r="AD94572" i="1"/>
  <c r="AD94573" i="1"/>
  <c r="AD94574" i="1"/>
  <c r="AD94575" i="1"/>
  <c r="AD94576" i="1"/>
  <c r="AD94577" i="1"/>
  <c r="AD94578" i="1"/>
  <c r="AD94579" i="1"/>
  <c r="AD94580" i="1"/>
  <c r="AD94581" i="1"/>
  <c r="AD94582" i="1"/>
  <c r="AD94583" i="1"/>
  <c r="AD94584" i="1"/>
  <c r="AD94585" i="1"/>
  <c r="AD94586" i="1"/>
  <c r="AD94587" i="1"/>
  <c r="AD94588" i="1"/>
  <c r="AD94589" i="1"/>
  <c r="AD94590" i="1"/>
  <c r="AD94591" i="1"/>
  <c r="AD94592" i="1"/>
  <c r="AD94593" i="1"/>
  <c r="AD94594" i="1"/>
  <c r="AD94595" i="1"/>
  <c r="AD94596" i="1"/>
  <c r="AD94597" i="1"/>
  <c r="AD94598" i="1"/>
  <c r="AD94599" i="1"/>
  <c r="AD94600" i="1"/>
  <c r="AD94601" i="1"/>
  <c r="AD94602" i="1"/>
  <c r="AD94603" i="1"/>
  <c r="AD94604" i="1"/>
  <c r="AD94605" i="1"/>
  <c r="AD94606" i="1"/>
  <c r="AD94607" i="1"/>
  <c r="AD94608" i="1"/>
  <c r="AD94609" i="1"/>
  <c r="AD94610" i="1"/>
  <c r="AD94611" i="1"/>
  <c r="AD94612" i="1"/>
  <c r="AD94613" i="1"/>
  <c r="AD94614" i="1"/>
  <c r="AD94615" i="1"/>
  <c r="AD94616" i="1"/>
  <c r="AD94617" i="1"/>
  <c r="AD94618" i="1"/>
  <c r="AD94619" i="1"/>
  <c r="AD94620" i="1"/>
  <c r="AD94621" i="1"/>
  <c r="AD94622" i="1"/>
  <c r="AD94623" i="1"/>
  <c r="AD94624" i="1"/>
  <c r="AD94625" i="1"/>
  <c r="AD94626" i="1"/>
  <c r="AD94627" i="1"/>
  <c r="AD94628" i="1"/>
  <c r="AD94629" i="1"/>
  <c r="AD94630" i="1"/>
  <c r="AD94631" i="1"/>
  <c r="AD94632" i="1"/>
  <c r="AD94633" i="1"/>
  <c r="AD94634" i="1"/>
  <c r="AD94635" i="1"/>
  <c r="AD94636" i="1"/>
  <c r="AD94637" i="1"/>
  <c r="AD94638" i="1"/>
  <c r="AD94639" i="1"/>
  <c r="AD94640" i="1"/>
  <c r="AD94641" i="1"/>
  <c r="AD94642" i="1"/>
  <c r="AD94643" i="1"/>
  <c r="AD94644" i="1"/>
  <c r="AD94645" i="1"/>
  <c r="AD94646" i="1"/>
  <c r="AD94647" i="1"/>
  <c r="AD94648" i="1"/>
  <c r="AD94649" i="1"/>
  <c r="AD94650" i="1"/>
  <c r="AD94651" i="1"/>
  <c r="AD94652" i="1"/>
  <c r="AD94653" i="1"/>
  <c r="AD94654" i="1"/>
  <c r="AD94655" i="1"/>
  <c r="AD94656" i="1"/>
  <c r="AD94657" i="1"/>
  <c r="AD94658" i="1"/>
  <c r="AD94659" i="1"/>
  <c r="AD94660" i="1"/>
  <c r="AD94661" i="1"/>
  <c r="AD94662" i="1"/>
  <c r="AD94663" i="1"/>
  <c r="AD94664" i="1"/>
  <c r="AD94665" i="1"/>
  <c r="AD94666" i="1"/>
  <c r="AD94667" i="1"/>
  <c r="AD94668" i="1"/>
  <c r="AD94669" i="1"/>
  <c r="AD94670" i="1"/>
  <c r="AD94671" i="1"/>
  <c r="AD94672" i="1"/>
  <c r="AD94673" i="1"/>
  <c r="AD94674" i="1"/>
  <c r="AD94675" i="1"/>
  <c r="AD94676" i="1"/>
  <c r="AD94677" i="1"/>
  <c r="AD94678" i="1"/>
  <c r="AD94679" i="1"/>
  <c r="AD94680" i="1"/>
  <c r="AD94681" i="1"/>
  <c r="AD94682" i="1"/>
  <c r="AD94683" i="1"/>
  <c r="AD94684" i="1"/>
  <c r="AD94685" i="1"/>
  <c r="AD94686" i="1"/>
  <c r="AD94687" i="1"/>
  <c r="AD94688" i="1"/>
  <c r="AD94689" i="1"/>
  <c r="AD94690" i="1"/>
  <c r="AD94691" i="1"/>
  <c r="AD94692" i="1"/>
  <c r="AD94693" i="1"/>
  <c r="AD94694" i="1"/>
  <c r="AD94695" i="1"/>
  <c r="AD94696" i="1"/>
  <c r="AD94697" i="1"/>
  <c r="AD94698" i="1"/>
  <c r="AD94699" i="1"/>
  <c r="AD94700" i="1"/>
  <c r="AD94701" i="1"/>
  <c r="AD94702" i="1"/>
  <c r="AD94703" i="1"/>
  <c r="AD94704" i="1"/>
  <c r="AD94705" i="1"/>
  <c r="AD94706" i="1"/>
  <c r="AD94707" i="1"/>
  <c r="AD94708" i="1"/>
  <c r="AD94709" i="1"/>
  <c r="AD94710" i="1"/>
  <c r="AD94711" i="1"/>
  <c r="AD94712" i="1"/>
  <c r="AD94713" i="1"/>
  <c r="AD94714" i="1"/>
  <c r="AD94715" i="1"/>
  <c r="AD94716" i="1"/>
  <c r="AD94717" i="1"/>
  <c r="AD94718" i="1"/>
  <c r="AD94719" i="1"/>
  <c r="AD94720" i="1"/>
  <c r="AD94721" i="1"/>
  <c r="AD94722" i="1"/>
  <c r="AD94723" i="1"/>
  <c r="AD94724" i="1"/>
  <c r="AD94725" i="1"/>
  <c r="AD94726" i="1"/>
  <c r="AD94727" i="1"/>
  <c r="AD94728" i="1"/>
  <c r="AD94729" i="1"/>
  <c r="AD94730" i="1"/>
  <c r="AD94731" i="1"/>
  <c r="AD94732" i="1"/>
  <c r="AD94733" i="1"/>
  <c r="AD94734" i="1"/>
  <c r="AD94735" i="1"/>
  <c r="AD94736" i="1"/>
  <c r="AD94737" i="1"/>
  <c r="AD94738" i="1"/>
  <c r="AD94739" i="1"/>
  <c r="AD94740" i="1"/>
  <c r="AD94741" i="1"/>
  <c r="AD94742" i="1"/>
  <c r="AD94743" i="1"/>
  <c r="AD94744" i="1"/>
  <c r="AD94745" i="1"/>
  <c r="AD94746" i="1"/>
  <c r="AD94747" i="1"/>
  <c r="AD94748" i="1"/>
  <c r="AD94749" i="1"/>
  <c r="AD94750" i="1"/>
  <c r="AD94751" i="1"/>
  <c r="AD94752" i="1"/>
  <c r="AD94753" i="1"/>
  <c r="AD94754" i="1"/>
  <c r="AD94755" i="1"/>
  <c r="AD94756" i="1"/>
  <c r="AD94757" i="1"/>
  <c r="AD94758" i="1"/>
  <c r="AD94759" i="1"/>
  <c r="AD94760" i="1"/>
  <c r="AD94761" i="1"/>
  <c r="AD94762" i="1"/>
  <c r="AD94763" i="1"/>
  <c r="AD94764" i="1"/>
  <c r="AD94765" i="1"/>
  <c r="AD94766" i="1"/>
  <c r="AD94767" i="1"/>
  <c r="AD94768" i="1"/>
  <c r="AD94769" i="1"/>
  <c r="AD94770" i="1"/>
  <c r="AD94771" i="1"/>
  <c r="AD94772" i="1"/>
  <c r="AD94773" i="1"/>
  <c r="AD94774" i="1"/>
  <c r="AD94775" i="1"/>
  <c r="AD94776" i="1"/>
  <c r="AD94777" i="1"/>
  <c r="AD94778" i="1"/>
  <c r="AD94779" i="1"/>
  <c r="AD94780" i="1"/>
  <c r="AD94781" i="1"/>
  <c r="AD94782" i="1"/>
  <c r="AD94783" i="1"/>
  <c r="AD94784" i="1"/>
  <c r="AD94785" i="1"/>
  <c r="AD94786" i="1"/>
  <c r="AD94787" i="1"/>
  <c r="AD94788" i="1"/>
  <c r="AD94789" i="1"/>
  <c r="AD94790" i="1"/>
  <c r="AD94791" i="1"/>
  <c r="AD94792" i="1"/>
  <c r="AD94793" i="1"/>
  <c r="AD94794" i="1"/>
  <c r="AD94795" i="1"/>
  <c r="AD94796" i="1"/>
  <c r="AD94797" i="1"/>
  <c r="AD94798" i="1"/>
  <c r="AD94799" i="1"/>
  <c r="AD94800" i="1"/>
  <c r="AD94801" i="1"/>
  <c r="AD94802" i="1"/>
  <c r="AD94803" i="1"/>
  <c r="AD94804" i="1"/>
  <c r="AD94805" i="1"/>
  <c r="AD94806" i="1"/>
  <c r="AD94807" i="1"/>
  <c r="AD94808" i="1"/>
  <c r="AD94809" i="1"/>
  <c r="AD94810" i="1"/>
  <c r="AD94811" i="1"/>
  <c r="AD94812" i="1"/>
  <c r="AD94813" i="1"/>
  <c r="AD94814" i="1"/>
  <c r="AD94815" i="1"/>
  <c r="AD94816" i="1"/>
  <c r="AD94817" i="1"/>
  <c r="AD94818" i="1"/>
  <c r="AD94819" i="1"/>
  <c r="AD94820" i="1"/>
  <c r="AD94821" i="1"/>
  <c r="AD94822" i="1"/>
  <c r="AD94823" i="1"/>
  <c r="AD94824" i="1"/>
  <c r="AD94825" i="1"/>
  <c r="AD94826" i="1"/>
  <c r="AD94827" i="1"/>
  <c r="AD94828" i="1"/>
  <c r="AD94829" i="1"/>
  <c r="AD94830" i="1"/>
  <c r="AD94831" i="1"/>
  <c r="AD94832" i="1"/>
  <c r="AD94833" i="1"/>
  <c r="AD94834" i="1"/>
  <c r="AD94835" i="1"/>
  <c r="AD94836" i="1"/>
  <c r="AD94837" i="1"/>
  <c r="AD94838" i="1"/>
  <c r="AD94839" i="1"/>
  <c r="AD94840" i="1"/>
  <c r="AD94841" i="1"/>
  <c r="AD94842" i="1"/>
  <c r="AD94843" i="1"/>
  <c r="AD94844" i="1"/>
  <c r="AD94845" i="1"/>
  <c r="AD94846" i="1"/>
  <c r="AD94847" i="1"/>
  <c r="AD94848" i="1"/>
  <c r="AD94849" i="1"/>
  <c r="AD94850" i="1"/>
  <c r="AD94851" i="1"/>
  <c r="AD94852" i="1"/>
  <c r="AD94853" i="1"/>
  <c r="AD94854" i="1"/>
  <c r="AD94855" i="1"/>
  <c r="AD94856" i="1"/>
  <c r="AD94857" i="1"/>
  <c r="AD94858" i="1"/>
  <c r="AD94859" i="1"/>
  <c r="AD94860" i="1"/>
  <c r="AD94861" i="1"/>
  <c r="AD94862" i="1"/>
  <c r="AD94863" i="1"/>
  <c r="AD94864" i="1"/>
  <c r="AD94865" i="1"/>
  <c r="AD94866" i="1"/>
  <c r="AD94867" i="1"/>
  <c r="AD94868" i="1"/>
  <c r="AD94869" i="1"/>
  <c r="AD94870" i="1"/>
  <c r="AD94871" i="1"/>
  <c r="AD94872" i="1"/>
  <c r="AD94873" i="1"/>
  <c r="AD94874" i="1"/>
  <c r="AD94875" i="1"/>
  <c r="AD94876" i="1"/>
  <c r="AD94877" i="1"/>
  <c r="AD94878" i="1"/>
  <c r="AD94879" i="1"/>
  <c r="AD94880" i="1"/>
  <c r="AD94881" i="1"/>
  <c r="AD94882" i="1"/>
  <c r="AD94883" i="1"/>
  <c r="AD94884" i="1"/>
  <c r="AD94885" i="1"/>
  <c r="AD94886" i="1"/>
  <c r="AD94887" i="1"/>
  <c r="AD94888" i="1"/>
  <c r="AD94889" i="1"/>
  <c r="AD94890" i="1"/>
  <c r="AD94891" i="1"/>
  <c r="AD94892" i="1"/>
  <c r="AD94893" i="1"/>
  <c r="AD94894" i="1"/>
  <c r="AD94895" i="1"/>
  <c r="AD94896" i="1"/>
  <c r="AD94897" i="1"/>
  <c r="AD94898" i="1"/>
  <c r="AD94899" i="1"/>
  <c r="AD94900" i="1"/>
  <c r="AD94901" i="1"/>
  <c r="AD94902" i="1"/>
  <c r="AD94903" i="1"/>
  <c r="AD94904" i="1"/>
  <c r="AD94905" i="1"/>
  <c r="AD94906" i="1"/>
  <c r="AD94907" i="1"/>
  <c r="AD94908" i="1"/>
  <c r="AD94909" i="1"/>
  <c r="AD94910" i="1"/>
  <c r="AD94911" i="1"/>
  <c r="AD94912" i="1"/>
  <c r="AD94913" i="1"/>
  <c r="AD94914" i="1"/>
  <c r="AD94915" i="1"/>
  <c r="AD94916" i="1"/>
  <c r="AD94917" i="1"/>
  <c r="AD94918" i="1"/>
  <c r="AD94919" i="1"/>
  <c r="AD94920" i="1"/>
  <c r="AD94921" i="1"/>
  <c r="AD94922" i="1"/>
  <c r="AD94923" i="1"/>
  <c r="AD94924" i="1"/>
  <c r="AD94925" i="1"/>
  <c r="AD94926" i="1"/>
  <c r="AD94927" i="1"/>
  <c r="AD94928" i="1"/>
  <c r="AD94929" i="1"/>
  <c r="AD94930" i="1"/>
  <c r="AD94931" i="1"/>
  <c r="AD94932" i="1"/>
  <c r="AD94933" i="1"/>
  <c r="AD94934" i="1"/>
  <c r="AD94935" i="1"/>
  <c r="AD94936" i="1"/>
  <c r="AD94937" i="1"/>
  <c r="AD94938" i="1"/>
  <c r="AD94939" i="1"/>
  <c r="AD94940" i="1"/>
  <c r="AD94941" i="1"/>
  <c r="AD94942" i="1"/>
  <c r="AD94943" i="1"/>
  <c r="AD94944" i="1"/>
  <c r="AD94945" i="1"/>
  <c r="AD94946" i="1"/>
  <c r="AD94947" i="1"/>
  <c r="AD94948" i="1"/>
  <c r="AD94949" i="1"/>
  <c r="AD94950" i="1"/>
  <c r="AD94951" i="1"/>
  <c r="AD94952" i="1"/>
  <c r="AD94953" i="1"/>
  <c r="AD94954" i="1"/>
  <c r="AD94955" i="1"/>
  <c r="AD94956" i="1"/>
  <c r="AD94957" i="1"/>
  <c r="AD94958" i="1"/>
  <c r="AD94959" i="1"/>
  <c r="AD94960" i="1"/>
  <c r="AD94961" i="1"/>
  <c r="AD94962" i="1"/>
  <c r="AD94963" i="1"/>
  <c r="AD94964" i="1"/>
  <c r="AD94965" i="1"/>
  <c r="AD94966" i="1"/>
  <c r="AD94967" i="1"/>
  <c r="AD94968" i="1"/>
  <c r="AD94969" i="1"/>
  <c r="AD94970" i="1"/>
  <c r="AD94971" i="1"/>
  <c r="AD94972" i="1"/>
  <c r="AD94973" i="1"/>
  <c r="AD94974" i="1"/>
  <c r="AD94975" i="1"/>
  <c r="AD94976" i="1"/>
  <c r="AD94977" i="1"/>
  <c r="AD94978" i="1"/>
  <c r="AD94979" i="1"/>
  <c r="AD94980" i="1"/>
  <c r="AD94981" i="1"/>
  <c r="AD94982" i="1"/>
  <c r="AD94983" i="1"/>
  <c r="AD94984" i="1"/>
  <c r="AD94985" i="1"/>
  <c r="AD94986" i="1"/>
  <c r="AD94987" i="1"/>
  <c r="AD94988" i="1"/>
  <c r="AD94989" i="1"/>
  <c r="AD94990" i="1"/>
  <c r="AD94991" i="1"/>
  <c r="AD94992" i="1"/>
  <c r="AD94993" i="1"/>
  <c r="AD94994" i="1"/>
  <c r="AD94995" i="1"/>
  <c r="AD94996" i="1"/>
  <c r="AD94997" i="1"/>
  <c r="AD94998" i="1"/>
  <c r="AD94999" i="1"/>
  <c r="AD95000" i="1"/>
  <c r="AD95001" i="1"/>
  <c r="AD95002" i="1"/>
  <c r="AD95003" i="1"/>
  <c r="AD95004" i="1"/>
  <c r="AD95005" i="1"/>
  <c r="AD95006" i="1"/>
  <c r="AD95007" i="1"/>
  <c r="AD95008" i="1"/>
  <c r="AD95009" i="1"/>
  <c r="AD95010" i="1"/>
  <c r="AD95011" i="1"/>
  <c r="AD95012" i="1"/>
  <c r="AD95013" i="1"/>
  <c r="AD95014" i="1"/>
  <c r="AD95015" i="1"/>
  <c r="AD95016" i="1"/>
  <c r="AD95017" i="1"/>
  <c r="AD95018" i="1"/>
  <c r="AD95019" i="1"/>
  <c r="AD95020" i="1"/>
  <c r="AD95021" i="1"/>
  <c r="AD95022" i="1"/>
  <c r="AD95023" i="1"/>
  <c r="AD95024" i="1"/>
  <c r="AD95025" i="1"/>
  <c r="AD95026" i="1"/>
  <c r="AD95027" i="1"/>
  <c r="AD95028" i="1"/>
  <c r="AD95029" i="1"/>
  <c r="AD95030" i="1"/>
  <c r="AD95031" i="1"/>
  <c r="AD95032" i="1"/>
  <c r="AD95033" i="1"/>
  <c r="AD95034" i="1"/>
  <c r="AD95035" i="1"/>
  <c r="AD95036" i="1"/>
  <c r="AD95037" i="1"/>
  <c r="AD95038" i="1"/>
  <c r="AD95039" i="1"/>
  <c r="AD95040" i="1"/>
  <c r="AD95041" i="1"/>
  <c r="AD95042" i="1"/>
  <c r="AD95043" i="1"/>
  <c r="AD95044" i="1"/>
  <c r="AD95045" i="1"/>
  <c r="AD95046" i="1"/>
  <c r="AD95047" i="1"/>
  <c r="AD95048" i="1"/>
  <c r="AD95049" i="1"/>
  <c r="AD95050" i="1"/>
  <c r="AD95051" i="1"/>
  <c r="AD95052" i="1"/>
  <c r="AD95053" i="1"/>
  <c r="AD95054" i="1"/>
  <c r="AD95055" i="1"/>
  <c r="AD95056" i="1"/>
  <c r="AD95057" i="1"/>
  <c r="AD95058" i="1"/>
  <c r="AD95059" i="1"/>
  <c r="AD95060" i="1"/>
  <c r="AD95061" i="1"/>
  <c r="AD95062" i="1"/>
  <c r="AD95063" i="1"/>
  <c r="AD95064" i="1"/>
  <c r="AD95065" i="1"/>
  <c r="AD95066" i="1"/>
  <c r="AD95067" i="1"/>
  <c r="AD95068" i="1"/>
  <c r="AD95069" i="1"/>
  <c r="AD95070" i="1"/>
  <c r="AD95071" i="1"/>
  <c r="AD95072" i="1"/>
  <c r="AD95073" i="1"/>
  <c r="AD95074" i="1"/>
  <c r="AD95075" i="1"/>
  <c r="AD95076" i="1"/>
  <c r="AD95077" i="1"/>
  <c r="AD95078" i="1"/>
  <c r="AD95079" i="1"/>
  <c r="AD95080" i="1"/>
  <c r="AD95081" i="1"/>
  <c r="AD95082" i="1"/>
  <c r="AD95083" i="1"/>
  <c r="AD95084" i="1"/>
  <c r="AD95085" i="1"/>
  <c r="AD95086" i="1"/>
  <c r="AD95087" i="1"/>
  <c r="AD95088" i="1"/>
  <c r="AD95089" i="1"/>
  <c r="AD95090" i="1"/>
  <c r="AD95091" i="1"/>
  <c r="AD95092" i="1"/>
  <c r="AD95093" i="1"/>
  <c r="AD95094" i="1"/>
  <c r="AD95095" i="1"/>
  <c r="AD95096" i="1"/>
  <c r="AD95097" i="1"/>
  <c r="AD95098" i="1"/>
  <c r="AD95099" i="1"/>
  <c r="AD95100" i="1"/>
  <c r="AD95101" i="1"/>
  <c r="AD95102" i="1"/>
  <c r="AD95103" i="1"/>
  <c r="AD95104" i="1"/>
  <c r="AD95105" i="1"/>
  <c r="AD95106" i="1"/>
  <c r="AD95107" i="1"/>
  <c r="AD95108" i="1"/>
  <c r="AD95109" i="1"/>
  <c r="AD95110" i="1"/>
  <c r="AD95111" i="1"/>
  <c r="AD95112" i="1"/>
  <c r="AD95113" i="1"/>
  <c r="AD95114" i="1"/>
  <c r="AD95115" i="1"/>
  <c r="AD95116" i="1"/>
  <c r="AD95117" i="1"/>
  <c r="AD95118" i="1"/>
  <c r="AD95119" i="1"/>
  <c r="AD95120" i="1"/>
  <c r="AD95121" i="1"/>
  <c r="AD95122" i="1"/>
  <c r="AD95123" i="1"/>
  <c r="AD95124" i="1"/>
  <c r="AD95125" i="1"/>
  <c r="AD95126" i="1"/>
  <c r="AD95127" i="1"/>
  <c r="AD95128" i="1"/>
  <c r="AD95129" i="1"/>
  <c r="AD95130" i="1"/>
  <c r="AD95131" i="1"/>
  <c r="AD95132" i="1"/>
  <c r="AD95133" i="1"/>
  <c r="AD95134" i="1"/>
  <c r="AD95135" i="1"/>
  <c r="AD95136" i="1"/>
  <c r="AD95137" i="1"/>
  <c r="AD95138" i="1"/>
  <c r="AD95139" i="1"/>
  <c r="AD95140" i="1"/>
  <c r="AD95141" i="1"/>
  <c r="AD95142" i="1"/>
  <c r="AD95143" i="1"/>
  <c r="AD95144" i="1"/>
  <c r="AD95145" i="1"/>
  <c r="AD95146" i="1"/>
  <c r="AD95147" i="1"/>
  <c r="AD95148" i="1"/>
  <c r="AD95149" i="1"/>
  <c r="AD95150" i="1"/>
  <c r="AD95151" i="1"/>
  <c r="AD95152" i="1"/>
  <c r="AD95153" i="1"/>
  <c r="AD95154" i="1"/>
  <c r="AD95155" i="1"/>
  <c r="AD95156" i="1"/>
  <c r="AD95157" i="1"/>
  <c r="AD95158" i="1"/>
  <c r="AD95159" i="1"/>
  <c r="AD95160" i="1"/>
  <c r="AD95161" i="1"/>
  <c r="AD95162" i="1"/>
  <c r="AD95163" i="1"/>
  <c r="AD95164" i="1"/>
  <c r="AD95165" i="1"/>
  <c r="AD95166" i="1"/>
  <c r="AD95167" i="1"/>
  <c r="AD95168" i="1"/>
  <c r="AD95169" i="1"/>
  <c r="AD95170" i="1"/>
  <c r="AD95171" i="1"/>
  <c r="AD95172" i="1"/>
  <c r="AD95173" i="1"/>
  <c r="AD95174" i="1"/>
  <c r="AD95175" i="1"/>
  <c r="AD95176" i="1"/>
  <c r="AD95177" i="1"/>
  <c r="AD95178" i="1"/>
  <c r="AD95179" i="1"/>
  <c r="AD95180" i="1"/>
  <c r="AD95181" i="1"/>
  <c r="AD95182" i="1"/>
  <c r="AD95183" i="1"/>
  <c r="AD95184" i="1"/>
  <c r="AD95185" i="1"/>
  <c r="AD95186" i="1"/>
  <c r="AD95187" i="1"/>
  <c r="AD95188" i="1"/>
  <c r="AD95189" i="1"/>
  <c r="AD95190" i="1"/>
  <c r="AD95191" i="1"/>
  <c r="AD95192" i="1"/>
  <c r="AD95193" i="1"/>
  <c r="AD95194" i="1"/>
  <c r="AD95195" i="1"/>
  <c r="AD95196" i="1"/>
  <c r="AD95197" i="1"/>
  <c r="AD95198" i="1"/>
  <c r="AD95199" i="1"/>
  <c r="AD95200" i="1"/>
  <c r="AD95201" i="1"/>
  <c r="AD95202" i="1"/>
  <c r="AD95203" i="1"/>
  <c r="AD95204" i="1"/>
  <c r="AD95205" i="1"/>
  <c r="AD95206" i="1"/>
  <c r="AD95207" i="1"/>
  <c r="AD95208" i="1"/>
  <c r="AD95209" i="1"/>
  <c r="AD95210" i="1"/>
  <c r="AD95211" i="1"/>
  <c r="AD95212" i="1"/>
  <c r="AD95213" i="1"/>
  <c r="AD95214" i="1"/>
  <c r="AD95215" i="1"/>
  <c r="AD95216" i="1"/>
  <c r="AD95217" i="1"/>
  <c r="AD95218" i="1"/>
  <c r="AD95219" i="1"/>
  <c r="AD95220" i="1"/>
  <c r="AD95221" i="1"/>
  <c r="AD95222" i="1"/>
  <c r="AD95223" i="1"/>
  <c r="AD95224" i="1"/>
  <c r="AD95225" i="1"/>
  <c r="AD95226" i="1"/>
  <c r="AD95227" i="1"/>
  <c r="AD95228" i="1"/>
  <c r="AD95229" i="1"/>
  <c r="AD95230" i="1"/>
  <c r="AD95231" i="1"/>
  <c r="AD95232" i="1"/>
  <c r="AD95233" i="1"/>
  <c r="AD95234" i="1"/>
  <c r="AD95235" i="1"/>
  <c r="AD95236" i="1"/>
  <c r="AD95237" i="1"/>
  <c r="AD95238" i="1"/>
  <c r="AD95239" i="1"/>
  <c r="AD95240" i="1"/>
  <c r="AD95241" i="1"/>
  <c r="AD95242" i="1"/>
  <c r="AD95243" i="1"/>
  <c r="AD95244" i="1"/>
  <c r="AD95245" i="1"/>
  <c r="AD95246" i="1"/>
  <c r="AD95247" i="1"/>
  <c r="AD95248" i="1"/>
  <c r="AD95249" i="1"/>
  <c r="AD95250" i="1"/>
  <c r="AD95251" i="1"/>
  <c r="AD95252" i="1"/>
  <c r="AD95253" i="1"/>
  <c r="AD95254" i="1"/>
  <c r="AD95255" i="1"/>
  <c r="AD95256" i="1"/>
  <c r="AD95257" i="1"/>
  <c r="AD95258" i="1"/>
  <c r="AD95259" i="1"/>
  <c r="AD95260" i="1"/>
  <c r="AD95261" i="1"/>
  <c r="AD95262" i="1"/>
  <c r="AD95263" i="1"/>
  <c r="AD95264" i="1"/>
  <c r="AD95265" i="1"/>
  <c r="AD95266" i="1"/>
  <c r="AD95267" i="1"/>
  <c r="AD95268" i="1"/>
  <c r="AD95269" i="1"/>
  <c r="AD95270" i="1"/>
  <c r="AD95271" i="1"/>
  <c r="AD95272" i="1"/>
  <c r="AD95273" i="1"/>
  <c r="AD95274" i="1"/>
  <c r="AD95275" i="1"/>
  <c r="AD95276" i="1"/>
  <c r="AD95277" i="1"/>
  <c r="AD95278" i="1"/>
  <c r="AD95279" i="1"/>
  <c r="AD95280" i="1"/>
  <c r="AD95281" i="1"/>
  <c r="AD95282" i="1"/>
  <c r="AD95283" i="1"/>
  <c r="AD95284" i="1"/>
  <c r="AD95285" i="1"/>
  <c r="AD95286" i="1"/>
  <c r="AD95287" i="1"/>
  <c r="AD95288" i="1"/>
  <c r="AD95289" i="1"/>
  <c r="AD95290" i="1"/>
  <c r="AD95291" i="1"/>
  <c r="AD95292" i="1"/>
  <c r="AD95293" i="1"/>
  <c r="AD95294" i="1"/>
  <c r="AD95295" i="1"/>
  <c r="AD95296" i="1"/>
  <c r="AD95297" i="1"/>
  <c r="AD95298" i="1"/>
  <c r="AD95299" i="1"/>
  <c r="AD95300" i="1"/>
  <c r="AD95301" i="1"/>
  <c r="AD95302" i="1"/>
  <c r="AD95303" i="1"/>
  <c r="AD95304" i="1"/>
  <c r="AD95305" i="1"/>
  <c r="AD95306" i="1"/>
  <c r="AD95307" i="1"/>
  <c r="AD95308" i="1"/>
  <c r="AD95309" i="1"/>
  <c r="AD95310" i="1"/>
  <c r="AD95311" i="1"/>
  <c r="AD95312" i="1"/>
  <c r="AD95313" i="1"/>
  <c r="AD95314" i="1"/>
  <c r="AD95315" i="1"/>
  <c r="AD95316" i="1"/>
  <c r="AD95317" i="1"/>
  <c r="AD95318" i="1"/>
  <c r="AD95319" i="1"/>
  <c r="AD95320" i="1"/>
  <c r="AD95321" i="1"/>
  <c r="AD95322" i="1"/>
  <c r="AD95323" i="1"/>
  <c r="AD95324" i="1"/>
  <c r="AD95325" i="1"/>
  <c r="AD95326" i="1"/>
  <c r="AD95327" i="1"/>
  <c r="AD95328" i="1"/>
  <c r="AD95329" i="1"/>
  <c r="AD95330" i="1"/>
  <c r="AD95331" i="1"/>
  <c r="AD95332" i="1"/>
  <c r="AD95333" i="1"/>
  <c r="AD95334" i="1"/>
  <c r="AD95335" i="1"/>
  <c r="AD95336" i="1"/>
  <c r="AD95337" i="1"/>
  <c r="AD95338" i="1"/>
  <c r="AD95339" i="1"/>
  <c r="AD95340" i="1"/>
  <c r="AD95341" i="1"/>
  <c r="AD95342" i="1"/>
  <c r="AD95343" i="1"/>
  <c r="AD95344" i="1"/>
  <c r="AD95345" i="1"/>
  <c r="AD95346" i="1"/>
  <c r="AD95347" i="1"/>
  <c r="AD95348" i="1"/>
  <c r="AD95349" i="1"/>
  <c r="AD95350" i="1"/>
  <c r="AD95351" i="1"/>
  <c r="AD95352" i="1"/>
  <c r="AD95353" i="1"/>
  <c r="AD95354" i="1"/>
  <c r="AD95355" i="1"/>
  <c r="AD95356" i="1"/>
  <c r="AD95357" i="1"/>
  <c r="AD95358" i="1"/>
  <c r="AD95359" i="1"/>
  <c r="AD95360" i="1"/>
  <c r="AD95361" i="1"/>
  <c r="AD95362" i="1"/>
  <c r="AD95363" i="1"/>
  <c r="AD95364" i="1"/>
  <c r="AD95365" i="1"/>
  <c r="AD95366" i="1"/>
  <c r="AD95367" i="1"/>
  <c r="AD95368" i="1"/>
  <c r="AD95369" i="1"/>
  <c r="AD95370" i="1"/>
  <c r="AD95371" i="1"/>
  <c r="AD95372" i="1"/>
  <c r="AD95373" i="1"/>
  <c r="AD95374" i="1"/>
  <c r="AD95375" i="1"/>
  <c r="AD95376" i="1"/>
  <c r="AD95377" i="1"/>
  <c r="AD95378" i="1"/>
  <c r="AD95379" i="1"/>
  <c r="AD95380" i="1"/>
  <c r="AD95381" i="1"/>
  <c r="AD95382" i="1"/>
  <c r="AD95383" i="1"/>
  <c r="AD95384" i="1"/>
  <c r="AD95385" i="1"/>
  <c r="AD95386" i="1"/>
  <c r="AD95387" i="1"/>
  <c r="AD95388" i="1"/>
  <c r="AD95389" i="1"/>
  <c r="AD95390" i="1"/>
  <c r="AD95391" i="1"/>
  <c r="AD95392" i="1"/>
  <c r="AD95393" i="1"/>
  <c r="AD95394" i="1"/>
  <c r="AD95395" i="1"/>
  <c r="AD95396" i="1"/>
  <c r="AD95397" i="1"/>
  <c r="AD95398" i="1"/>
  <c r="AD95399" i="1"/>
  <c r="AD95400" i="1"/>
  <c r="AD95401" i="1"/>
  <c r="AD95402" i="1"/>
  <c r="AD95403" i="1"/>
  <c r="AD95404" i="1"/>
  <c r="AD95405" i="1"/>
  <c r="AD95406" i="1"/>
  <c r="AD95407" i="1"/>
  <c r="AD95408" i="1"/>
  <c r="AD95409" i="1"/>
  <c r="AD95410" i="1"/>
  <c r="AD95411" i="1"/>
  <c r="AD95412" i="1"/>
  <c r="AD95413" i="1"/>
  <c r="AD95414" i="1"/>
  <c r="AD95415" i="1"/>
  <c r="AD95416" i="1"/>
  <c r="AD95417" i="1"/>
  <c r="AD95418" i="1"/>
  <c r="AD95419" i="1"/>
  <c r="AD95420" i="1"/>
  <c r="AD95421" i="1"/>
  <c r="AD95422" i="1"/>
  <c r="AD95423" i="1"/>
  <c r="AD95424" i="1"/>
  <c r="AD95425" i="1"/>
  <c r="AD95426" i="1"/>
  <c r="AD95427" i="1"/>
  <c r="AD95428" i="1"/>
  <c r="AD95429" i="1"/>
  <c r="AD95430" i="1"/>
  <c r="AD95431" i="1"/>
  <c r="AD95432" i="1"/>
  <c r="AD95433" i="1"/>
  <c r="AD95434" i="1"/>
  <c r="AD95435" i="1"/>
  <c r="AD95436" i="1"/>
  <c r="AD95437" i="1"/>
  <c r="AD95438" i="1"/>
  <c r="AD95439" i="1"/>
  <c r="AD95440" i="1"/>
  <c r="AD95441" i="1"/>
  <c r="AD95442" i="1"/>
  <c r="AD95443" i="1"/>
  <c r="AD95444" i="1"/>
  <c r="AD95445" i="1"/>
  <c r="AD95446" i="1"/>
  <c r="AD95447" i="1"/>
  <c r="AD95448" i="1"/>
  <c r="AD95449" i="1"/>
  <c r="AD95450" i="1"/>
  <c r="AD95451" i="1"/>
  <c r="AD95452" i="1"/>
  <c r="AD95453" i="1"/>
  <c r="AD95454" i="1"/>
  <c r="AD95455" i="1"/>
  <c r="AD95456" i="1"/>
  <c r="AD95457" i="1"/>
  <c r="AD95458" i="1"/>
  <c r="AD95459" i="1"/>
  <c r="AD95460" i="1"/>
  <c r="AD95461" i="1"/>
  <c r="AD95462" i="1"/>
  <c r="AD95463" i="1"/>
  <c r="AD95464" i="1"/>
  <c r="AD95465" i="1"/>
  <c r="AD95466" i="1"/>
  <c r="AD95467" i="1"/>
  <c r="AD95468" i="1"/>
  <c r="AD95469" i="1"/>
  <c r="AD95470" i="1"/>
  <c r="AD95471" i="1"/>
  <c r="AD95472" i="1"/>
  <c r="AD95473" i="1"/>
  <c r="AD95474" i="1"/>
  <c r="AD95475" i="1"/>
  <c r="AD95476" i="1"/>
  <c r="AD95477" i="1"/>
  <c r="AD95478" i="1"/>
  <c r="AD95479" i="1"/>
  <c r="AD95480" i="1"/>
  <c r="AD95481" i="1"/>
  <c r="AD95482" i="1"/>
  <c r="AD95483" i="1"/>
  <c r="AD95484" i="1"/>
  <c r="AD95485" i="1"/>
  <c r="AD95486" i="1"/>
  <c r="AD95487" i="1"/>
  <c r="AD95488" i="1"/>
  <c r="AD95489" i="1"/>
  <c r="AD95490" i="1"/>
  <c r="AD95491" i="1"/>
  <c r="AD95492" i="1"/>
  <c r="AD95493" i="1"/>
  <c r="AD95494" i="1"/>
  <c r="AD95495" i="1"/>
  <c r="AD95496" i="1"/>
  <c r="AD95497" i="1"/>
  <c r="AD95498" i="1"/>
  <c r="AD95499" i="1"/>
  <c r="AD95500" i="1"/>
  <c r="AD95501" i="1"/>
  <c r="AD95502" i="1"/>
  <c r="AD95503" i="1"/>
  <c r="AD95504" i="1"/>
  <c r="AD95505" i="1"/>
  <c r="AD95506" i="1"/>
  <c r="AD95507" i="1"/>
  <c r="AD95508" i="1"/>
  <c r="AD95509" i="1"/>
  <c r="AD95510" i="1"/>
  <c r="AD95511" i="1"/>
  <c r="AD95512" i="1"/>
  <c r="AD95513" i="1"/>
  <c r="AD95514" i="1"/>
  <c r="AD95515" i="1"/>
  <c r="AD95516" i="1"/>
  <c r="AD95517" i="1"/>
  <c r="AD95518" i="1"/>
  <c r="AD95519" i="1"/>
  <c r="AD95520" i="1"/>
  <c r="AD95521" i="1"/>
  <c r="AD95522" i="1"/>
  <c r="AD95523" i="1"/>
  <c r="AD95524" i="1"/>
  <c r="AD95525" i="1"/>
  <c r="AD95526" i="1"/>
  <c r="AD95527" i="1"/>
  <c r="AD95528" i="1"/>
  <c r="AD95529" i="1"/>
  <c r="AD95530" i="1"/>
  <c r="AD95531" i="1"/>
  <c r="AD95532" i="1"/>
  <c r="AD95533" i="1"/>
  <c r="AD95534" i="1"/>
  <c r="AD95535" i="1"/>
  <c r="AD95536" i="1"/>
  <c r="AD95537" i="1"/>
  <c r="AD95538" i="1"/>
  <c r="AD95539" i="1"/>
  <c r="AD95540" i="1"/>
  <c r="AD95541" i="1"/>
  <c r="AD95542" i="1"/>
  <c r="AD95543" i="1"/>
  <c r="AD95544" i="1"/>
  <c r="AD95545" i="1"/>
  <c r="AD95546" i="1"/>
  <c r="AD95547" i="1"/>
  <c r="AD95548" i="1"/>
  <c r="AD95549" i="1"/>
  <c r="AD95550" i="1"/>
  <c r="AD95551" i="1"/>
  <c r="AD95552" i="1"/>
  <c r="AD95553" i="1"/>
  <c r="AD95554" i="1"/>
  <c r="AD95555" i="1"/>
  <c r="AD95556" i="1"/>
  <c r="AD95557" i="1"/>
  <c r="AD95558" i="1"/>
  <c r="AD95559" i="1"/>
  <c r="AD95560" i="1"/>
  <c r="AD95561" i="1"/>
  <c r="AD95562" i="1"/>
  <c r="AD95563" i="1"/>
  <c r="AD95564" i="1"/>
  <c r="AD95565" i="1"/>
  <c r="AD95566" i="1"/>
  <c r="AD95567" i="1"/>
  <c r="AD95568" i="1"/>
  <c r="AD95569" i="1"/>
  <c r="AD95570" i="1"/>
  <c r="AD95571" i="1"/>
  <c r="AD95572" i="1"/>
  <c r="AD95573" i="1"/>
  <c r="AD95574" i="1"/>
  <c r="AD95575" i="1"/>
  <c r="AD95576" i="1"/>
  <c r="AD95577" i="1"/>
  <c r="AD95578" i="1"/>
  <c r="AD95579" i="1"/>
  <c r="AD95580" i="1"/>
  <c r="AD95581" i="1"/>
  <c r="AD95582" i="1"/>
  <c r="AD95583" i="1"/>
  <c r="AD95584" i="1"/>
  <c r="AD95585" i="1"/>
  <c r="AD95586" i="1"/>
  <c r="AD95587" i="1"/>
  <c r="AD95588" i="1"/>
  <c r="AD95589" i="1"/>
  <c r="AD95590" i="1"/>
  <c r="AD95591" i="1"/>
  <c r="AD95592" i="1"/>
  <c r="AD95593" i="1"/>
  <c r="AD95594" i="1"/>
  <c r="AD95595" i="1"/>
  <c r="AD95596" i="1"/>
  <c r="AD95597" i="1"/>
  <c r="AD95598" i="1"/>
  <c r="AD95599" i="1"/>
  <c r="AD95600" i="1"/>
  <c r="AD95601" i="1"/>
  <c r="AD95602" i="1"/>
  <c r="AD95603" i="1"/>
  <c r="AD95604" i="1"/>
  <c r="AD95605" i="1"/>
  <c r="AD95606" i="1"/>
  <c r="AD95607" i="1"/>
  <c r="AD95608" i="1"/>
  <c r="AD95609" i="1"/>
  <c r="AD95610" i="1"/>
  <c r="AD95611" i="1"/>
  <c r="AD95612" i="1"/>
  <c r="AD95613" i="1"/>
  <c r="AD95614" i="1"/>
  <c r="AD95615" i="1"/>
  <c r="AD95616" i="1"/>
  <c r="AD95617" i="1"/>
  <c r="AD95618" i="1"/>
  <c r="AD95619" i="1"/>
  <c r="AD95620" i="1"/>
  <c r="AD95621" i="1"/>
  <c r="AD95622" i="1"/>
  <c r="AD95623" i="1"/>
  <c r="AD95624" i="1"/>
  <c r="AD95625" i="1"/>
  <c r="AD95626" i="1"/>
  <c r="AD95627" i="1"/>
  <c r="AD95628" i="1"/>
  <c r="AD95629" i="1"/>
  <c r="AD95630" i="1"/>
  <c r="AD95631" i="1"/>
  <c r="AD95632" i="1"/>
  <c r="AD95633" i="1"/>
  <c r="AD95634" i="1"/>
  <c r="AD95635" i="1"/>
  <c r="AD95636" i="1"/>
  <c r="AD95637" i="1"/>
  <c r="AD95638" i="1"/>
  <c r="AD95639" i="1"/>
  <c r="AD95640" i="1"/>
  <c r="AD95641" i="1"/>
  <c r="AD95642" i="1"/>
  <c r="AD95643" i="1"/>
  <c r="AD95644" i="1"/>
  <c r="AD95645" i="1"/>
  <c r="AD95646" i="1"/>
  <c r="AD95647" i="1"/>
  <c r="AD95648" i="1"/>
  <c r="AD95649" i="1"/>
  <c r="AD95650" i="1"/>
  <c r="AD95651" i="1"/>
  <c r="AD95652" i="1"/>
  <c r="AD95653" i="1"/>
  <c r="AD95654" i="1"/>
  <c r="AD95655" i="1"/>
  <c r="AD95656" i="1"/>
  <c r="AD95657" i="1"/>
  <c r="AD95658" i="1"/>
  <c r="AD95659" i="1"/>
  <c r="AD95660" i="1"/>
  <c r="AD95661" i="1"/>
  <c r="AD95662" i="1"/>
  <c r="AD95663" i="1"/>
  <c r="AD95664" i="1"/>
  <c r="AD95665" i="1"/>
  <c r="AD95666" i="1"/>
  <c r="AD95667" i="1"/>
  <c r="AD95668" i="1"/>
  <c r="AD95669" i="1"/>
  <c r="AD95670" i="1"/>
  <c r="AD95671" i="1"/>
  <c r="AD95672" i="1"/>
  <c r="AD95673" i="1"/>
  <c r="AD95674" i="1"/>
  <c r="AD95675" i="1"/>
  <c r="AD95676" i="1"/>
  <c r="AD95677" i="1"/>
  <c r="AD95678" i="1"/>
  <c r="AD95679" i="1"/>
  <c r="AD95680" i="1"/>
  <c r="AD95681" i="1"/>
  <c r="AD95682" i="1"/>
  <c r="AD95683" i="1"/>
  <c r="AD95684" i="1"/>
  <c r="AD95685" i="1"/>
  <c r="AD95686" i="1"/>
  <c r="AD95687" i="1"/>
  <c r="AD95688" i="1"/>
  <c r="AD95689" i="1"/>
  <c r="AD95690" i="1"/>
  <c r="AD95691" i="1"/>
  <c r="AD95692" i="1"/>
  <c r="AD95693" i="1"/>
  <c r="AD95694" i="1"/>
  <c r="AD95695" i="1"/>
  <c r="AD95696" i="1"/>
  <c r="AD95697" i="1"/>
  <c r="AD95698" i="1"/>
  <c r="AD95699" i="1"/>
  <c r="AD95700" i="1"/>
  <c r="AD95701" i="1"/>
  <c r="AD95702" i="1"/>
  <c r="AD95703" i="1"/>
  <c r="AD95704" i="1"/>
  <c r="AD95705" i="1"/>
  <c r="AD95706" i="1"/>
  <c r="AD95707" i="1"/>
  <c r="AD95708" i="1"/>
  <c r="AD95709" i="1"/>
  <c r="AD95710" i="1"/>
  <c r="AD95711" i="1"/>
  <c r="AD95712" i="1"/>
  <c r="AD95713" i="1"/>
  <c r="AD95714" i="1"/>
  <c r="AD95715" i="1"/>
  <c r="AD95716" i="1"/>
  <c r="AD95717" i="1"/>
  <c r="AD95718" i="1"/>
  <c r="AD95719" i="1"/>
  <c r="AD95720" i="1"/>
  <c r="AD95721" i="1"/>
  <c r="AD95722" i="1"/>
  <c r="AD95723" i="1"/>
  <c r="AD95724" i="1"/>
  <c r="AD95725" i="1"/>
  <c r="AD95726" i="1"/>
  <c r="AD95727" i="1"/>
  <c r="AD95728" i="1"/>
  <c r="AD95729" i="1"/>
  <c r="AD95730" i="1"/>
  <c r="AD95731" i="1"/>
  <c r="AD95732" i="1"/>
  <c r="AD95733" i="1"/>
  <c r="AD95734" i="1"/>
  <c r="AD95735" i="1"/>
  <c r="AD95736" i="1"/>
  <c r="AD95737" i="1"/>
  <c r="AD95738" i="1"/>
  <c r="AD95739" i="1"/>
  <c r="AD95740" i="1"/>
  <c r="AD95741" i="1"/>
  <c r="AD95742" i="1"/>
  <c r="AD95743" i="1"/>
  <c r="AD95744" i="1"/>
  <c r="AD95745" i="1"/>
  <c r="AD95746" i="1"/>
  <c r="AD95747" i="1"/>
  <c r="AD95748" i="1"/>
  <c r="AD95749" i="1"/>
  <c r="AD95750" i="1"/>
  <c r="AD95751" i="1"/>
  <c r="AD95752" i="1"/>
  <c r="AD95753" i="1"/>
  <c r="AD95754" i="1"/>
  <c r="AD95755" i="1"/>
  <c r="AD95756" i="1"/>
  <c r="AD95757" i="1"/>
  <c r="AD95758" i="1"/>
  <c r="AD95759" i="1"/>
  <c r="AD95760" i="1"/>
  <c r="AD95761" i="1"/>
  <c r="AD95762" i="1"/>
  <c r="AD95763" i="1"/>
  <c r="AD95764" i="1"/>
  <c r="AD95765" i="1"/>
  <c r="AD95766" i="1"/>
  <c r="AD95767" i="1"/>
  <c r="AD95768" i="1"/>
  <c r="AD95769" i="1"/>
  <c r="AD95770" i="1"/>
  <c r="AD95771" i="1"/>
  <c r="AD95772" i="1"/>
  <c r="AD95773" i="1"/>
  <c r="AD95774" i="1"/>
  <c r="AD95775" i="1"/>
  <c r="AD95776" i="1"/>
  <c r="AD95777" i="1"/>
  <c r="AD95778" i="1"/>
  <c r="AD95779" i="1"/>
  <c r="AD95780" i="1"/>
  <c r="AD95781" i="1"/>
  <c r="AD95782" i="1"/>
  <c r="AD95783" i="1"/>
  <c r="AD95784" i="1"/>
  <c r="AD95785" i="1"/>
  <c r="AD95786" i="1"/>
  <c r="AD95787" i="1"/>
  <c r="AD95788" i="1"/>
  <c r="AD95789" i="1"/>
  <c r="AD95790" i="1"/>
  <c r="AD95791" i="1"/>
  <c r="AD95792" i="1"/>
  <c r="AD95793" i="1"/>
  <c r="AD95794" i="1"/>
  <c r="AD95795" i="1"/>
  <c r="AD95796" i="1"/>
  <c r="AD95797" i="1"/>
  <c r="AD95798" i="1"/>
  <c r="AD95799" i="1"/>
  <c r="AD95800" i="1"/>
  <c r="AD95801" i="1"/>
  <c r="AD95802" i="1"/>
  <c r="AD95803" i="1"/>
  <c r="AD95804" i="1"/>
  <c r="AD95805" i="1"/>
  <c r="AD95806" i="1"/>
  <c r="AD95807" i="1"/>
  <c r="AD95808" i="1"/>
  <c r="AD95809" i="1"/>
  <c r="AD95810" i="1"/>
  <c r="AD95811" i="1"/>
  <c r="AD95812" i="1"/>
  <c r="AD95813" i="1"/>
  <c r="AD95814" i="1"/>
  <c r="AD95815" i="1"/>
  <c r="AD95816" i="1"/>
  <c r="AD95817" i="1"/>
  <c r="AD95818" i="1"/>
  <c r="AD95819" i="1"/>
  <c r="AD95820" i="1"/>
  <c r="AD95821" i="1"/>
  <c r="AD95822" i="1"/>
  <c r="AD95823" i="1"/>
  <c r="AD95824" i="1"/>
  <c r="AD95825" i="1"/>
  <c r="AD95826" i="1"/>
  <c r="AD95827" i="1"/>
  <c r="AD95828" i="1"/>
  <c r="AD95829" i="1"/>
  <c r="AD95830" i="1"/>
  <c r="AD95831" i="1"/>
  <c r="AD95832" i="1"/>
  <c r="AD95833" i="1"/>
  <c r="AD95834" i="1"/>
  <c r="AD95835" i="1"/>
  <c r="AD95836" i="1"/>
  <c r="AD95837" i="1"/>
  <c r="AD95838" i="1"/>
  <c r="AD95839" i="1"/>
  <c r="AD95840" i="1"/>
  <c r="AD95841" i="1"/>
  <c r="AD95842" i="1"/>
  <c r="AD95843" i="1"/>
  <c r="AD95844" i="1"/>
  <c r="AD95845" i="1"/>
  <c r="AD95846" i="1"/>
  <c r="AD95847" i="1"/>
  <c r="AD95848" i="1"/>
  <c r="AD95849" i="1"/>
  <c r="AD95850" i="1"/>
  <c r="AD95851" i="1"/>
  <c r="AD95852" i="1"/>
  <c r="AD95853" i="1"/>
  <c r="AD95854" i="1"/>
  <c r="AD95855" i="1"/>
  <c r="AD95856" i="1"/>
  <c r="AD95857" i="1"/>
  <c r="AD95858" i="1"/>
  <c r="AD95859" i="1"/>
  <c r="AD95860" i="1"/>
  <c r="AD95861" i="1"/>
  <c r="AD95862" i="1"/>
  <c r="AD95863" i="1"/>
  <c r="AD95864" i="1"/>
  <c r="AD95865" i="1"/>
  <c r="AD95866" i="1"/>
  <c r="AD95867" i="1"/>
  <c r="AD95868" i="1"/>
  <c r="AD95869" i="1"/>
  <c r="AD95870" i="1"/>
  <c r="AD95871" i="1"/>
  <c r="AD95872" i="1"/>
  <c r="AD95873" i="1"/>
  <c r="AD95874" i="1"/>
  <c r="AD95875" i="1"/>
  <c r="AD95876" i="1"/>
  <c r="AD95877" i="1"/>
  <c r="AD95878" i="1"/>
  <c r="AD95879" i="1"/>
  <c r="AD95880" i="1"/>
  <c r="AD95881" i="1"/>
  <c r="AD95882" i="1"/>
  <c r="AD95883" i="1"/>
  <c r="AD95884" i="1"/>
  <c r="AD95885" i="1"/>
  <c r="AD95886" i="1"/>
  <c r="AD95887" i="1"/>
  <c r="AD95888" i="1"/>
  <c r="AD95889" i="1"/>
  <c r="AD95890" i="1"/>
  <c r="AD95891" i="1"/>
  <c r="AD95892" i="1"/>
  <c r="AD95893" i="1"/>
  <c r="AD95894" i="1"/>
  <c r="AD95895" i="1"/>
  <c r="AD95896" i="1"/>
  <c r="AD95897" i="1"/>
  <c r="AD95898" i="1"/>
  <c r="AD95899" i="1"/>
  <c r="AD95900" i="1"/>
  <c r="AD95901" i="1"/>
  <c r="AD95902" i="1"/>
  <c r="AD95903" i="1"/>
  <c r="AD95904" i="1"/>
  <c r="AD95905" i="1"/>
  <c r="AD95906" i="1"/>
  <c r="AD95907" i="1"/>
  <c r="AD95908" i="1"/>
  <c r="AD95909" i="1"/>
  <c r="AD95910" i="1"/>
  <c r="AD95911" i="1"/>
  <c r="AD95912" i="1"/>
  <c r="AD95913" i="1"/>
  <c r="AD95914" i="1"/>
  <c r="AD95915" i="1"/>
  <c r="AD95916" i="1"/>
  <c r="AD95917" i="1"/>
  <c r="AD95918" i="1"/>
  <c r="AD95919" i="1"/>
  <c r="AD95920" i="1"/>
  <c r="AD95921" i="1"/>
  <c r="AD95922" i="1"/>
  <c r="AD95923" i="1"/>
  <c r="AD95924" i="1"/>
  <c r="AD95925" i="1"/>
  <c r="AD95926" i="1"/>
  <c r="AD95927" i="1"/>
  <c r="AD95928" i="1"/>
  <c r="AD95929" i="1"/>
  <c r="AD95930" i="1"/>
  <c r="AD95931" i="1"/>
  <c r="AD95932" i="1"/>
  <c r="AD95933" i="1"/>
  <c r="AD95934" i="1"/>
  <c r="AD95935" i="1"/>
  <c r="AD95936" i="1"/>
  <c r="AD95937" i="1"/>
  <c r="AD95938" i="1"/>
  <c r="AD95939" i="1"/>
  <c r="AD95940" i="1"/>
  <c r="AD95941" i="1"/>
  <c r="AD95942" i="1"/>
  <c r="AD95943" i="1"/>
  <c r="AD95944" i="1"/>
  <c r="AD95945" i="1"/>
  <c r="AD95946" i="1"/>
  <c r="AD95947" i="1"/>
  <c r="AD95948" i="1"/>
  <c r="AD95949" i="1"/>
  <c r="AD95950" i="1"/>
  <c r="AD95951" i="1"/>
  <c r="AD95952" i="1"/>
  <c r="AD95953" i="1"/>
  <c r="AD95954" i="1"/>
  <c r="AD95955" i="1"/>
  <c r="AD95956" i="1"/>
  <c r="AD95957" i="1"/>
  <c r="AD95958" i="1"/>
  <c r="AD95959" i="1"/>
  <c r="AD95960" i="1"/>
  <c r="AD95961" i="1"/>
  <c r="AD95962" i="1"/>
  <c r="AD95963" i="1"/>
  <c r="AD95964" i="1"/>
  <c r="AD95965" i="1"/>
  <c r="AD95966" i="1"/>
  <c r="AD95967" i="1"/>
  <c r="AD95968" i="1"/>
  <c r="AD95969" i="1"/>
  <c r="AD95970" i="1"/>
  <c r="AD95971" i="1"/>
  <c r="AD95972" i="1"/>
  <c r="AD95973" i="1"/>
  <c r="AD95974" i="1"/>
  <c r="AD95975" i="1"/>
  <c r="AD95976" i="1"/>
  <c r="AD95977" i="1"/>
  <c r="AD95978" i="1"/>
  <c r="AD95979" i="1"/>
  <c r="AD95980" i="1"/>
  <c r="AD95981" i="1"/>
  <c r="AD95982" i="1"/>
  <c r="AD95983" i="1"/>
  <c r="AD95984" i="1"/>
  <c r="AD95985" i="1"/>
  <c r="AD95986" i="1"/>
  <c r="AD95987" i="1"/>
  <c r="AD95988" i="1"/>
  <c r="AD95989" i="1"/>
  <c r="AD95990" i="1"/>
  <c r="AD95991" i="1"/>
  <c r="AD95992" i="1"/>
  <c r="AD95993" i="1"/>
  <c r="AD95994" i="1"/>
  <c r="AD95995" i="1"/>
  <c r="AD95996" i="1"/>
  <c r="AD95997" i="1"/>
  <c r="AD95998" i="1"/>
  <c r="AD95999" i="1"/>
  <c r="AD96000" i="1"/>
  <c r="AD96001" i="1"/>
  <c r="AD96002" i="1"/>
  <c r="AD96003" i="1"/>
  <c r="AD96004" i="1"/>
  <c r="AD96005" i="1"/>
  <c r="AD96006" i="1"/>
  <c r="AD96007" i="1"/>
  <c r="AD96008" i="1"/>
  <c r="AD96009" i="1"/>
  <c r="AD96010" i="1"/>
  <c r="AD96011" i="1"/>
  <c r="AD96012" i="1"/>
  <c r="AD96013" i="1"/>
  <c r="AD96014" i="1"/>
  <c r="AD96015" i="1"/>
  <c r="AD96016" i="1"/>
  <c r="AD96017" i="1"/>
  <c r="AD96018" i="1"/>
  <c r="AD96019" i="1"/>
  <c r="AD96020" i="1"/>
  <c r="AD96021" i="1"/>
  <c r="AD96022" i="1"/>
  <c r="AD96023" i="1"/>
  <c r="AD96024" i="1"/>
  <c r="AD96025" i="1"/>
  <c r="AD96026" i="1"/>
  <c r="AD96027" i="1"/>
  <c r="AD96028" i="1"/>
  <c r="AD96029" i="1"/>
  <c r="AD96030" i="1"/>
  <c r="AD96031" i="1"/>
  <c r="AD96032" i="1"/>
  <c r="AD96033" i="1"/>
  <c r="AD96034" i="1"/>
  <c r="AD96035" i="1"/>
  <c r="AD96036" i="1"/>
  <c r="AD96037" i="1"/>
  <c r="AD96038" i="1"/>
  <c r="AD96039" i="1"/>
  <c r="AD96040" i="1"/>
  <c r="AD96041" i="1"/>
  <c r="AD96042" i="1"/>
  <c r="AD96043" i="1"/>
  <c r="AD96044" i="1"/>
  <c r="AD96045" i="1"/>
  <c r="AD96046" i="1"/>
  <c r="AD96047" i="1"/>
  <c r="AD96048" i="1"/>
  <c r="AD96049" i="1"/>
  <c r="AD96050" i="1"/>
  <c r="AD96051" i="1"/>
  <c r="AD96052" i="1"/>
  <c r="AD96053" i="1"/>
  <c r="AD96054" i="1"/>
  <c r="AD96055" i="1"/>
  <c r="AD96056" i="1"/>
  <c r="AD96057" i="1"/>
  <c r="AD96058" i="1"/>
  <c r="AD96059" i="1"/>
  <c r="AD96060" i="1"/>
  <c r="AD96061" i="1"/>
  <c r="AD96062" i="1"/>
  <c r="AD96063" i="1"/>
  <c r="AD96064" i="1"/>
  <c r="AD96065" i="1"/>
  <c r="AD96066" i="1"/>
  <c r="AD96067" i="1"/>
  <c r="AD96068" i="1"/>
  <c r="AD96069" i="1"/>
  <c r="AD96070" i="1"/>
  <c r="AD96071" i="1"/>
  <c r="AD96072" i="1"/>
  <c r="AD96073" i="1"/>
  <c r="AD96074" i="1"/>
  <c r="AD96075" i="1"/>
  <c r="AD96076" i="1"/>
  <c r="AD96077" i="1"/>
  <c r="AD96078" i="1"/>
  <c r="AD96079" i="1"/>
  <c r="AD96080" i="1"/>
  <c r="AD96081" i="1"/>
  <c r="AD96082" i="1"/>
  <c r="AD96083" i="1"/>
  <c r="AD96084" i="1"/>
  <c r="AD96085" i="1"/>
  <c r="AD96086" i="1"/>
  <c r="AD96087" i="1"/>
  <c r="AD96088" i="1"/>
  <c r="AD96089" i="1"/>
  <c r="AD96090" i="1"/>
  <c r="AD96091" i="1"/>
  <c r="AD96092" i="1"/>
  <c r="AD96093" i="1"/>
  <c r="AD96094" i="1"/>
  <c r="AD96095" i="1"/>
  <c r="AD96096" i="1"/>
  <c r="AD96097" i="1"/>
  <c r="AD96098" i="1"/>
  <c r="AD96099" i="1"/>
  <c r="AD96100" i="1"/>
  <c r="AD96101" i="1"/>
  <c r="AD96102" i="1"/>
  <c r="AD96103" i="1"/>
  <c r="AD96104" i="1"/>
  <c r="AD96105" i="1"/>
  <c r="AD96106" i="1"/>
  <c r="AD96107" i="1"/>
  <c r="AD96108" i="1"/>
  <c r="AD96109" i="1"/>
  <c r="AD96110" i="1"/>
  <c r="AD96111" i="1"/>
  <c r="AD96112" i="1"/>
  <c r="AD96113" i="1"/>
  <c r="AD96114" i="1"/>
  <c r="AD96115" i="1"/>
  <c r="AD96116" i="1"/>
  <c r="AD96117" i="1"/>
  <c r="AD96118" i="1"/>
  <c r="AD96119" i="1"/>
  <c r="AD96120" i="1"/>
  <c r="AD96121" i="1"/>
  <c r="AD96122" i="1"/>
  <c r="AD96123" i="1"/>
  <c r="AD96124" i="1"/>
  <c r="AD96125" i="1"/>
  <c r="AD96126" i="1"/>
  <c r="AD96127" i="1"/>
  <c r="AD96128" i="1"/>
  <c r="AD96129" i="1"/>
  <c r="AD96130" i="1"/>
  <c r="AD96131" i="1"/>
  <c r="AD96132" i="1"/>
  <c r="AD96133" i="1"/>
  <c r="AD96134" i="1"/>
  <c r="AD96135" i="1"/>
  <c r="AD96136" i="1"/>
  <c r="AD96137" i="1"/>
  <c r="AD96138" i="1"/>
  <c r="AD96139" i="1"/>
  <c r="AD96140" i="1"/>
  <c r="AD96141" i="1"/>
  <c r="AD96142" i="1"/>
  <c r="AD96143" i="1"/>
  <c r="AD96144" i="1"/>
  <c r="AD96145" i="1"/>
  <c r="AD96146" i="1"/>
  <c r="AD96147" i="1"/>
  <c r="AD96148" i="1"/>
  <c r="AD96149" i="1"/>
  <c r="AD96150" i="1"/>
  <c r="AD96151" i="1"/>
  <c r="AD96152" i="1"/>
  <c r="AD96153" i="1"/>
  <c r="AD96154" i="1"/>
  <c r="AD96155" i="1"/>
  <c r="AD96156" i="1"/>
  <c r="AD96157" i="1"/>
  <c r="AD96158" i="1"/>
  <c r="AD96159" i="1"/>
  <c r="AD96160" i="1"/>
  <c r="AD96161" i="1"/>
  <c r="AD96162" i="1"/>
  <c r="AD96163" i="1"/>
  <c r="AD96164" i="1"/>
  <c r="AD96165" i="1"/>
  <c r="AD96166" i="1"/>
  <c r="AD96167" i="1"/>
  <c r="AD96168" i="1"/>
  <c r="AD96169" i="1"/>
  <c r="AD96170" i="1"/>
  <c r="AD96171" i="1"/>
  <c r="AD96172" i="1"/>
  <c r="AD96173" i="1"/>
  <c r="AD96174" i="1"/>
  <c r="AD96175" i="1"/>
  <c r="AD96176" i="1"/>
  <c r="AD96177" i="1"/>
  <c r="AD96178" i="1"/>
  <c r="AD96179" i="1"/>
  <c r="AD96180" i="1"/>
  <c r="AD96181" i="1"/>
  <c r="AD96182" i="1"/>
  <c r="AD96183" i="1"/>
  <c r="AD96184" i="1"/>
  <c r="AD96185" i="1"/>
  <c r="AD96186" i="1"/>
  <c r="AD96187" i="1"/>
  <c r="AD96188" i="1"/>
  <c r="AD96189" i="1"/>
  <c r="AD96190" i="1"/>
  <c r="AD96191" i="1"/>
  <c r="AD96192" i="1"/>
  <c r="AD96193" i="1"/>
  <c r="AD96194" i="1"/>
  <c r="AD96195" i="1"/>
  <c r="AD96196" i="1"/>
  <c r="AD96197" i="1"/>
  <c r="AD96198" i="1"/>
  <c r="AD96199" i="1"/>
  <c r="AD96200" i="1"/>
  <c r="AD96201" i="1"/>
  <c r="AD96202" i="1"/>
  <c r="AD96203" i="1"/>
  <c r="AD96204" i="1"/>
  <c r="AD96205" i="1"/>
  <c r="AD96206" i="1"/>
  <c r="AD96207" i="1"/>
  <c r="AD96208" i="1"/>
  <c r="AD96209" i="1"/>
  <c r="AD96210" i="1"/>
  <c r="AD96211" i="1"/>
  <c r="AD96212" i="1"/>
  <c r="AD96213" i="1"/>
  <c r="AD96214" i="1"/>
  <c r="AD96215" i="1"/>
  <c r="AD96216" i="1"/>
  <c r="AD96217" i="1"/>
  <c r="AD96218" i="1"/>
  <c r="AD96219" i="1"/>
  <c r="AD96220" i="1"/>
  <c r="AD96221" i="1"/>
  <c r="AD96222" i="1"/>
  <c r="AD96223" i="1"/>
  <c r="AD96224" i="1"/>
  <c r="AD96225" i="1"/>
  <c r="AD96226" i="1"/>
  <c r="AD96227" i="1"/>
  <c r="AD96228" i="1"/>
  <c r="AD96229" i="1"/>
  <c r="AD96230" i="1"/>
  <c r="AD96231" i="1"/>
  <c r="AD96232" i="1"/>
  <c r="AD96233" i="1"/>
  <c r="AD96234" i="1"/>
  <c r="AD96235" i="1"/>
  <c r="AD96236" i="1"/>
  <c r="AD96237" i="1"/>
  <c r="AD96238" i="1"/>
  <c r="AD96239" i="1"/>
  <c r="AD96240" i="1"/>
  <c r="AD96241" i="1"/>
  <c r="AD96242" i="1"/>
  <c r="AD96243" i="1"/>
  <c r="AD96244" i="1"/>
  <c r="AD96245" i="1"/>
  <c r="AD96246" i="1"/>
  <c r="AD96247" i="1"/>
  <c r="AD96248" i="1"/>
  <c r="AD96249" i="1"/>
  <c r="AD96250" i="1"/>
  <c r="AD96251" i="1"/>
  <c r="AD96252" i="1"/>
  <c r="AD96253" i="1"/>
  <c r="AD96254" i="1"/>
  <c r="AD96255" i="1"/>
  <c r="AD96256" i="1"/>
  <c r="AD96257" i="1"/>
  <c r="AD96258" i="1"/>
  <c r="AD96259" i="1"/>
  <c r="AD96260" i="1"/>
  <c r="AD96261" i="1"/>
  <c r="AD96262" i="1"/>
  <c r="AD96263" i="1"/>
  <c r="AD96264" i="1"/>
  <c r="AD96265" i="1"/>
  <c r="AD96266" i="1"/>
  <c r="AD96267" i="1"/>
  <c r="AD96268" i="1"/>
  <c r="AD96269" i="1"/>
  <c r="AD96270" i="1"/>
  <c r="AD96271" i="1"/>
  <c r="AD96272" i="1"/>
  <c r="AD96273" i="1"/>
  <c r="AD96274" i="1"/>
  <c r="AD96275" i="1"/>
  <c r="AD96276" i="1"/>
  <c r="AD96277" i="1"/>
  <c r="AD96278" i="1"/>
  <c r="AD96279" i="1"/>
  <c r="AD96280" i="1"/>
  <c r="AD96281" i="1"/>
  <c r="AD96282" i="1"/>
  <c r="AD96283" i="1"/>
  <c r="AD96284" i="1"/>
  <c r="AD96285" i="1"/>
  <c r="AD96286" i="1"/>
  <c r="AD96287" i="1"/>
  <c r="AD96288" i="1"/>
  <c r="AD96289" i="1"/>
  <c r="AD96290" i="1"/>
  <c r="AD96291" i="1"/>
  <c r="AD96292" i="1"/>
  <c r="AD96293" i="1"/>
  <c r="AD96294" i="1"/>
  <c r="AD96295" i="1"/>
  <c r="AD96296" i="1"/>
  <c r="AD96297" i="1"/>
  <c r="AD96298" i="1"/>
  <c r="AD96299" i="1"/>
  <c r="AD96300" i="1"/>
  <c r="AD96301" i="1"/>
  <c r="AD96302" i="1"/>
  <c r="AD96303" i="1"/>
  <c r="AD96304" i="1"/>
  <c r="AD96305" i="1"/>
  <c r="AD96306" i="1"/>
  <c r="AD96307" i="1"/>
  <c r="AD96308" i="1"/>
  <c r="AD96309" i="1"/>
  <c r="AD96310" i="1"/>
  <c r="AD96311" i="1"/>
  <c r="AD96312" i="1"/>
  <c r="AD96313" i="1"/>
  <c r="AD96314" i="1"/>
  <c r="AD96315" i="1"/>
  <c r="AD96316" i="1"/>
  <c r="AD96317" i="1"/>
  <c r="AD96318" i="1"/>
  <c r="AD96319" i="1"/>
  <c r="AD96320" i="1"/>
  <c r="AD96321" i="1"/>
  <c r="AD96322" i="1"/>
  <c r="AD96323" i="1"/>
  <c r="AD96324" i="1"/>
  <c r="AD96325" i="1"/>
  <c r="AD96326" i="1"/>
  <c r="AD96327" i="1"/>
  <c r="AD96328" i="1"/>
  <c r="AD96329" i="1"/>
  <c r="AD96330" i="1"/>
  <c r="AD96331" i="1"/>
  <c r="AD96332" i="1"/>
  <c r="AD96333" i="1"/>
  <c r="AD96334" i="1"/>
  <c r="AD96335" i="1"/>
  <c r="AD96336" i="1"/>
  <c r="AD96337" i="1"/>
  <c r="AD96338" i="1"/>
  <c r="AD96339" i="1"/>
  <c r="AD96340" i="1"/>
  <c r="AD96341" i="1"/>
  <c r="AD96342" i="1"/>
  <c r="AD96343" i="1"/>
  <c r="AD96344" i="1"/>
  <c r="AD96345" i="1"/>
  <c r="AD96346" i="1"/>
  <c r="AD96347" i="1"/>
  <c r="AD96348" i="1"/>
  <c r="AD96349" i="1"/>
  <c r="AD96350" i="1"/>
  <c r="AD96351" i="1"/>
  <c r="AD96352" i="1"/>
  <c r="AD96353" i="1"/>
  <c r="AD96354" i="1"/>
  <c r="AD96355" i="1"/>
  <c r="AD96356" i="1"/>
  <c r="AD96357" i="1"/>
  <c r="AD96358" i="1"/>
  <c r="AD96359" i="1"/>
  <c r="AD96360" i="1"/>
  <c r="AD96361" i="1"/>
  <c r="AD96362" i="1"/>
  <c r="AD96363" i="1"/>
  <c r="AD96364" i="1"/>
  <c r="AD96365" i="1"/>
  <c r="AD96366" i="1"/>
  <c r="AD96367" i="1"/>
  <c r="AD96368" i="1"/>
  <c r="AD96369" i="1"/>
  <c r="AD96370" i="1"/>
  <c r="AD96371" i="1"/>
  <c r="AD96372" i="1"/>
  <c r="AD96373" i="1"/>
  <c r="AD96374" i="1"/>
  <c r="AD96375" i="1"/>
  <c r="AD96376" i="1"/>
  <c r="AD96377" i="1"/>
  <c r="AD96378" i="1"/>
  <c r="AD96379" i="1"/>
  <c r="AD96380" i="1"/>
  <c r="AD96381" i="1"/>
  <c r="AD96382" i="1"/>
  <c r="AD96383" i="1"/>
  <c r="AD96384" i="1"/>
  <c r="AD96385" i="1"/>
  <c r="AD96386" i="1"/>
  <c r="AD96387" i="1"/>
  <c r="AD96388" i="1"/>
  <c r="AD96389" i="1"/>
  <c r="AD96390" i="1"/>
  <c r="AD96391" i="1"/>
  <c r="AD96392" i="1"/>
  <c r="AD96393" i="1"/>
  <c r="AD96394" i="1"/>
  <c r="AD96395" i="1"/>
  <c r="AD96396" i="1"/>
  <c r="AD96397" i="1"/>
  <c r="AD96398" i="1"/>
  <c r="AD96399" i="1"/>
  <c r="AD96400" i="1"/>
  <c r="AD96401" i="1"/>
  <c r="AD96402" i="1"/>
  <c r="AD96403" i="1"/>
  <c r="AD96404" i="1"/>
  <c r="AD96405" i="1"/>
  <c r="AD96406" i="1"/>
  <c r="AD96407" i="1"/>
  <c r="AD96408" i="1"/>
  <c r="AD96409" i="1"/>
  <c r="AD96410" i="1"/>
  <c r="AD96411" i="1"/>
  <c r="AD96412" i="1"/>
  <c r="AD96413" i="1"/>
  <c r="AD96414" i="1"/>
  <c r="AD96415" i="1"/>
  <c r="AD96416" i="1"/>
  <c r="AD96417" i="1"/>
  <c r="AD96418" i="1"/>
  <c r="AD96419" i="1"/>
  <c r="AD96420" i="1"/>
  <c r="AD96421" i="1"/>
  <c r="AD96422" i="1"/>
  <c r="AD96423" i="1"/>
  <c r="AD96424" i="1"/>
  <c r="AD96425" i="1"/>
  <c r="AD96426" i="1"/>
  <c r="AD96427" i="1"/>
  <c r="AD96428" i="1"/>
  <c r="AD96429" i="1"/>
  <c r="AD96430" i="1"/>
  <c r="AD96431" i="1"/>
  <c r="AD96432" i="1"/>
  <c r="AD96433" i="1"/>
  <c r="AD96434" i="1"/>
  <c r="AD96435" i="1"/>
  <c r="AD96436" i="1"/>
  <c r="AD96437" i="1"/>
  <c r="AD96438" i="1"/>
  <c r="AD96439" i="1"/>
  <c r="AD96440" i="1"/>
  <c r="AD96441" i="1"/>
  <c r="AD96442" i="1"/>
  <c r="AD96443" i="1"/>
  <c r="AD96444" i="1"/>
  <c r="AD96445" i="1"/>
  <c r="AD96446" i="1"/>
  <c r="AD96447" i="1"/>
  <c r="AD96448" i="1"/>
  <c r="AD96449" i="1"/>
  <c r="AD96450" i="1"/>
  <c r="AD96451" i="1"/>
  <c r="AD96452" i="1"/>
  <c r="AD96453" i="1"/>
  <c r="AD96454" i="1"/>
  <c r="AD96455" i="1"/>
  <c r="AD96456" i="1"/>
  <c r="AD96457" i="1"/>
  <c r="AD96458" i="1"/>
  <c r="AD96459" i="1"/>
  <c r="AD96460" i="1"/>
  <c r="AD96461" i="1"/>
  <c r="AD96462" i="1"/>
  <c r="AD96463" i="1"/>
  <c r="AD96464" i="1"/>
  <c r="AD96465" i="1"/>
  <c r="AD96466" i="1"/>
  <c r="AD96467" i="1"/>
  <c r="AD96468" i="1"/>
  <c r="AD96469" i="1"/>
  <c r="AD96470" i="1"/>
  <c r="AD96471" i="1"/>
  <c r="AD96472" i="1"/>
  <c r="AD96473" i="1"/>
  <c r="AD96474" i="1"/>
  <c r="AD96475" i="1"/>
  <c r="AD96476" i="1"/>
  <c r="AD96477" i="1"/>
  <c r="AD96478" i="1"/>
  <c r="AD96479" i="1"/>
  <c r="AD96480" i="1"/>
  <c r="AD96481" i="1"/>
  <c r="AD96482" i="1"/>
  <c r="AD96483" i="1"/>
  <c r="AD96484" i="1"/>
  <c r="AD96485" i="1"/>
  <c r="AD96486" i="1"/>
  <c r="AD96487" i="1"/>
  <c r="AD96488" i="1"/>
  <c r="AD96489" i="1"/>
  <c r="AD96490" i="1"/>
  <c r="AD96491" i="1"/>
  <c r="AD96492" i="1"/>
  <c r="AD96493" i="1"/>
  <c r="AD96494" i="1"/>
  <c r="AD96495" i="1"/>
  <c r="AD96496" i="1"/>
  <c r="AD96497" i="1"/>
  <c r="AD96498" i="1"/>
  <c r="AD96499" i="1"/>
  <c r="AD96500" i="1"/>
  <c r="AD96501" i="1"/>
  <c r="AD96502" i="1"/>
  <c r="AD96503" i="1"/>
  <c r="AD96504" i="1"/>
  <c r="AD96505" i="1"/>
  <c r="AD96506" i="1"/>
  <c r="AD96507" i="1"/>
  <c r="AD96508" i="1"/>
  <c r="AD96509" i="1"/>
  <c r="AD96510" i="1"/>
  <c r="AD96511" i="1"/>
  <c r="AD96512" i="1"/>
  <c r="AD96513" i="1"/>
  <c r="AD96514" i="1"/>
  <c r="AD96515" i="1"/>
  <c r="AD96516" i="1"/>
  <c r="AD96517" i="1"/>
  <c r="AD96518" i="1"/>
  <c r="AD96519" i="1"/>
  <c r="AD96520" i="1"/>
  <c r="AD96521" i="1"/>
  <c r="AD96522" i="1"/>
  <c r="AD96523" i="1"/>
  <c r="AD96524" i="1"/>
  <c r="AD96525" i="1"/>
  <c r="AD96526" i="1"/>
  <c r="AD96527" i="1"/>
  <c r="AD96528" i="1"/>
  <c r="AD96529" i="1"/>
  <c r="AD96530" i="1"/>
  <c r="AD96531" i="1"/>
  <c r="AD96532" i="1"/>
  <c r="AD96533" i="1"/>
  <c r="AD96534" i="1"/>
  <c r="AD96535" i="1"/>
  <c r="AD96536" i="1"/>
  <c r="AD96537" i="1"/>
  <c r="AD96538" i="1"/>
  <c r="AD96539" i="1"/>
  <c r="AD96540" i="1"/>
  <c r="AD96541" i="1"/>
  <c r="AD96542" i="1"/>
  <c r="AD96543" i="1"/>
  <c r="AD96544" i="1"/>
  <c r="AD96545" i="1"/>
  <c r="AD96546" i="1"/>
  <c r="AD96547" i="1"/>
  <c r="AD96548" i="1"/>
  <c r="AD96549" i="1"/>
  <c r="AD96550" i="1"/>
  <c r="AD96551" i="1"/>
  <c r="AD96552" i="1"/>
  <c r="AD96553" i="1"/>
  <c r="AD96554" i="1"/>
  <c r="AD96555" i="1"/>
  <c r="AD96556" i="1"/>
  <c r="AD96557" i="1"/>
  <c r="AD96558" i="1"/>
  <c r="AD96559" i="1"/>
  <c r="AD96560" i="1"/>
  <c r="AD96561" i="1"/>
  <c r="AD96562" i="1"/>
  <c r="AD96563" i="1"/>
  <c r="AD96564" i="1"/>
  <c r="AD96565" i="1"/>
  <c r="AD96566" i="1"/>
  <c r="AD96567" i="1"/>
  <c r="AD96568" i="1"/>
  <c r="AD96569" i="1"/>
  <c r="AD96570" i="1"/>
  <c r="AD96571" i="1"/>
  <c r="AD96572" i="1"/>
  <c r="AD96573" i="1"/>
  <c r="AD96574" i="1"/>
  <c r="AD96575" i="1"/>
  <c r="AD96576" i="1"/>
  <c r="AD96577" i="1"/>
  <c r="AD96578" i="1"/>
  <c r="AD96579" i="1"/>
  <c r="AD96580" i="1"/>
  <c r="AD96581" i="1"/>
  <c r="AD96582" i="1"/>
  <c r="AD96583" i="1"/>
  <c r="AD96584" i="1"/>
  <c r="AD96585" i="1"/>
  <c r="AD96586" i="1"/>
  <c r="AD96587" i="1"/>
  <c r="AD96588" i="1"/>
  <c r="AD96589" i="1"/>
  <c r="AD96590" i="1"/>
  <c r="AD96591" i="1"/>
  <c r="AD96592" i="1"/>
  <c r="AD96593" i="1"/>
  <c r="AD96594" i="1"/>
  <c r="AD96595" i="1"/>
  <c r="AD96596" i="1"/>
  <c r="AD96597" i="1"/>
  <c r="AD96598" i="1"/>
  <c r="AD96599" i="1"/>
  <c r="AD96600" i="1"/>
  <c r="AD96601" i="1"/>
  <c r="AD96602" i="1"/>
  <c r="AD96603" i="1"/>
  <c r="AD96604" i="1"/>
  <c r="AD96605" i="1"/>
  <c r="AD96606" i="1"/>
  <c r="AD96607" i="1"/>
  <c r="AD96608" i="1"/>
  <c r="AD96609" i="1"/>
  <c r="AD96610" i="1"/>
  <c r="AD96611" i="1"/>
  <c r="AD96612" i="1"/>
  <c r="AD96613" i="1"/>
  <c r="AD96614" i="1"/>
  <c r="AD96615" i="1"/>
  <c r="AD96616" i="1"/>
  <c r="AD96617" i="1"/>
  <c r="AD96618" i="1"/>
  <c r="AD96619" i="1"/>
  <c r="AD96620" i="1"/>
  <c r="AD96621" i="1"/>
  <c r="AD96622" i="1"/>
  <c r="AD96623" i="1"/>
  <c r="AD96624" i="1"/>
  <c r="AD96625" i="1"/>
  <c r="AD96626" i="1"/>
  <c r="AD96627" i="1"/>
  <c r="AD96628" i="1"/>
  <c r="AD96629" i="1"/>
  <c r="AD96630" i="1"/>
  <c r="AD96631" i="1"/>
  <c r="AD96632" i="1"/>
  <c r="AD96633" i="1"/>
  <c r="AD96634" i="1"/>
  <c r="AD96635" i="1"/>
  <c r="AD96636" i="1"/>
  <c r="AD96637" i="1"/>
  <c r="AD96638" i="1"/>
  <c r="AD96639" i="1"/>
  <c r="AD96640" i="1"/>
  <c r="AD96641" i="1"/>
  <c r="AD96642" i="1"/>
  <c r="AD96643" i="1"/>
  <c r="AD96644" i="1"/>
  <c r="AD96645" i="1"/>
  <c r="AD96646" i="1"/>
  <c r="AD96647" i="1"/>
  <c r="AD96648" i="1"/>
  <c r="AD96649" i="1"/>
  <c r="AD96650" i="1"/>
  <c r="AD96651" i="1"/>
  <c r="AD96652" i="1"/>
  <c r="AD96653" i="1"/>
  <c r="AD96654" i="1"/>
  <c r="AD96655" i="1"/>
  <c r="AD96656" i="1"/>
  <c r="AD96657" i="1"/>
  <c r="AD96658" i="1"/>
  <c r="AD96659" i="1"/>
  <c r="AD96660" i="1"/>
  <c r="AD96661" i="1"/>
  <c r="AD96662" i="1"/>
  <c r="AD96663" i="1"/>
  <c r="AD96664" i="1"/>
  <c r="AD96665" i="1"/>
  <c r="AD96666" i="1"/>
  <c r="AD96667" i="1"/>
  <c r="AD96668" i="1"/>
  <c r="AD96669" i="1"/>
  <c r="AD96670" i="1"/>
  <c r="AD96671" i="1"/>
  <c r="AD96672" i="1"/>
  <c r="AD96673" i="1"/>
  <c r="AD96674" i="1"/>
  <c r="AD96675" i="1"/>
  <c r="AD96676" i="1"/>
  <c r="AD96677" i="1"/>
  <c r="AD96678" i="1"/>
  <c r="AD96679" i="1"/>
  <c r="AD96680" i="1"/>
  <c r="AD96681" i="1"/>
  <c r="AD96682" i="1"/>
  <c r="AD96683" i="1"/>
  <c r="AD96684" i="1"/>
  <c r="AD96685" i="1"/>
  <c r="AD96686" i="1"/>
  <c r="AD96687" i="1"/>
  <c r="AD96688" i="1"/>
  <c r="AD96689" i="1"/>
  <c r="AD96690" i="1"/>
  <c r="AD96691" i="1"/>
  <c r="AD96692" i="1"/>
  <c r="AD96693" i="1"/>
  <c r="AD96694" i="1"/>
  <c r="AD96695" i="1"/>
  <c r="AD96696" i="1"/>
  <c r="AD96697" i="1"/>
  <c r="AD96698" i="1"/>
  <c r="AD96699" i="1"/>
  <c r="AD96700" i="1"/>
  <c r="AD96701" i="1"/>
  <c r="AD96702" i="1"/>
  <c r="AD96703" i="1"/>
  <c r="AD96704" i="1"/>
  <c r="AD96705" i="1"/>
  <c r="AD96706" i="1"/>
  <c r="AD96707" i="1"/>
  <c r="AD96708" i="1"/>
  <c r="AD96709" i="1"/>
  <c r="AD96710" i="1"/>
  <c r="AD96711" i="1"/>
  <c r="AD96712" i="1"/>
  <c r="AD96713" i="1"/>
  <c r="AD96714" i="1"/>
  <c r="AD96715" i="1"/>
  <c r="AD96716" i="1"/>
  <c r="AD96717" i="1"/>
  <c r="AD96718" i="1"/>
  <c r="AD96719" i="1"/>
  <c r="AD96720" i="1"/>
  <c r="AD96721" i="1"/>
  <c r="AD96722" i="1"/>
  <c r="AD96723" i="1"/>
  <c r="AD96724" i="1"/>
  <c r="AD96725" i="1"/>
  <c r="AD96726" i="1"/>
  <c r="AD96727" i="1"/>
  <c r="AD96728" i="1"/>
  <c r="AD96729" i="1"/>
  <c r="AD96730" i="1"/>
  <c r="AD96731" i="1"/>
  <c r="AD96732" i="1"/>
  <c r="AD96733" i="1"/>
  <c r="AD96734" i="1"/>
  <c r="AD96735" i="1"/>
  <c r="AD96736" i="1"/>
  <c r="AD96737" i="1"/>
  <c r="AD96738" i="1"/>
  <c r="AD96739" i="1"/>
  <c r="AD96740" i="1"/>
  <c r="AD96741" i="1"/>
  <c r="AD96742" i="1"/>
  <c r="AD96743" i="1"/>
  <c r="AD96744" i="1"/>
  <c r="AD96745" i="1"/>
  <c r="AD96746" i="1"/>
  <c r="AD96747" i="1"/>
  <c r="AD96748" i="1"/>
  <c r="AD96749" i="1"/>
  <c r="AD96750" i="1"/>
  <c r="AD96751" i="1"/>
  <c r="AD96752" i="1"/>
  <c r="AD96753" i="1"/>
  <c r="AD96754" i="1"/>
  <c r="AD96755" i="1"/>
  <c r="AD96756" i="1"/>
  <c r="AD96757" i="1"/>
  <c r="AD96758" i="1"/>
  <c r="AD96759" i="1"/>
  <c r="AD96760" i="1"/>
  <c r="AD96761" i="1"/>
  <c r="AD96762" i="1"/>
  <c r="AD96763" i="1"/>
  <c r="AD96764" i="1"/>
  <c r="AD96765" i="1"/>
  <c r="AD96766" i="1"/>
  <c r="AD96767" i="1"/>
  <c r="AD96768" i="1"/>
  <c r="AD96769" i="1"/>
  <c r="AD96770" i="1"/>
  <c r="AD96771" i="1"/>
  <c r="AD96772" i="1"/>
  <c r="AD96773" i="1"/>
  <c r="AD96774" i="1"/>
  <c r="AD96775" i="1"/>
  <c r="AD96776" i="1"/>
  <c r="AD96777" i="1"/>
  <c r="AD96778" i="1"/>
  <c r="AD96779" i="1"/>
  <c r="AD96780" i="1"/>
  <c r="AD96781" i="1"/>
  <c r="AD96782" i="1"/>
  <c r="AD96783" i="1"/>
  <c r="AD96784" i="1"/>
  <c r="AD96785" i="1"/>
  <c r="AD96786" i="1"/>
  <c r="AD96787" i="1"/>
  <c r="AD96788" i="1"/>
  <c r="AD96789" i="1"/>
  <c r="AD96790" i="1"/>
  <c r="AD96791" i="1"/>
  <c r="AD96792" i="1"/>
  <c r="AD96793" i="1"/>
  <c r="AD96794" i="1"/>
  <c r="AD96795" i="1"/>
  <c r="AD96796" i="1"/>
  <c r="AD96797" i="1"/>
  <c r="AD96798" i="1"/>
  <c r="AD96799" i="1"/>
  <c r="AD96800" i="1"/>
  <c r="AD96801" i="1"/>
  <c r="AD96802" i="1"/>
  <c r="AD96803" i="1"/>
  <c r="AD96804" i="1"/>
  <c r="AD96805" i="1"/>
  <c r="AD96806" i="1"/>
  <c r="AD96807" i="1"/>
  <c r="AD96808" i="1"/>
  <c r="AD96809" i="1"/>
  <c r="AD96810" i="1"/>
  <c r="AD96811" i="1"/>
  <c r="AD96812" i="1"/>
  <c r="AD96813" i="1"/>
  <c r="AD96814" i="1"/>
  <c r="AD96815" i="1"/>
  <c r="AD96816" i="1"/>
  <c r="AD96817" i="1"/>
  <c r="AD96818" i="1"/>
  <c r="AD96819" i="1"/>
  <c r="AD96820" i="1"/>
  <c r="AD96821" i="1"/>
  <c r="AD96822" i="1"/>
  <c r="AD96823" i="1"/>
  <c r="AD96824" i="1"/>
  <c r="AD96825" i="1"/>
  <c r="AD96826" i="1"/>
  <c r="AD96827" i="1"/>
  <c r="AD96828" i="1"/>
  <c r="AD96829" i="1"/>
  <c r="AD96830" i="1"/>
  <c r="AD96831" i="1"/>
  <c r="AD96832" i="1"/>
  <c r="AD96833" i="1"/>
  <c r="AD96834" i="1"/>
  <c r="AD96835" i="1"/>
  <c r="AD96836" i="1"/>
  <c r="AD96837" i="1"/>
  <c r="AD96838" i="1"/>
  <c r="AD96839" i="1"/>
  <c r="AD96840" i="1"/>
  <c r="AD96841" i="1"/>
  <c r="AD96842" i="1"/>
  <c r="AD96843" i="1"/>
  <c r="AD96844" i="1"/>
  <c r="AD96845" i="1"/>
  <c r="AD96846" i="1"/>
  <c r="AD96847" i="1"/>
  <c r="AD96848" i="1"/>
  <c r="AD96849" i="1"/>
  <c r="AD96850" i="1"/>
  <c r="AD96851" i="1"/>
  <c r="AD96852" i="1"/>
  <c r="AD96853" i="1"/>
  <c r="AD96854" i="1"/>
  <c r="AD96855" i="1"/>
  <c r="AD96856" i="1"/>
  <c r="AD96857" i="1"/>
  <c r="AD96858" i="1"/>
  <c r="AD96859" i="1"/>
  <c r="AD96860" i="1"/>
  <c r="AD96861" i="1"/>
  <c r="AD96862" i="1"/>
  <c r="AD96863" i="1"/>
  <c r="AD96864" i="1"/>
  <c r="AD96865" i="1"/>
  <c r="AD96866" i="1"/>
  <c r="AD96867" i="1"/>
  <c r="AD96868" i="1"/>
  <c r="AD96869" i="1"/>
  <c r="AD96870" i="1"/>
  <c r="AD96871" i="1"/>
  <c r="AD96872" i="1"/>
  <c r="AD96873" i="1"/>
  <c r="AD96874" i="1"/>
  <c r="AD96875" i="1"/>
  <c r="AD96876" i="1"/>
  <c r="AD96877" i="1"/>
  <c r="AD96878" i="1"/>
  <c r="AD96879" i="1"/>
  <c r="AD96880" i="1"/>
  <c r="AD96881" i="1"/>
  <c r="AD96882" i="1"/>
  <c r="AD96883" i="1"/>
  <c r="AD96884" i="1"/>
  <c r="AD96885" i="1"/>
  <c r="AD96886" i="1"/>
  <c r="AD96887" i="1"/>
  <c r="AD96888" i="1"/>
  <c r="AD96889" i="1"/>
  <c r="AD96890" i="1"/>
  <c r="AD96891" i="1"/>
  <c r="AD96892" i="1"/>
  <c r="AD96893" i="1"/>
  <c r="AD96894" i="1"/>
  <c r="AD96895" i="1"/>
  <c r="AD96896" i="1"/>
  <c r="AD96897" i="1"/>
  <c r="AD96898" i="1"/>
  <c r="AD96899" i="1"/>
  <c r="AD96900" i="1"/>
  <c r="AD96901" i="1"/>
  <c r="AD96902" i="1"/>
  <c r="AD96903" i="1"/>
  <c r="AD96904" i="1"/>
  <c r="AD96905" i="1"/>
  <c r="AD96906" i="1"/>
  <c r="AD96907" i="1"/>
  <c r="AD96908" i="1"/>
  <c r="AD96909" i="1"/>
  <c r="AD96910" i="1"/>
  <c r="AD96911" i="1"/>
  <c r="AD96912" i="1"/>
  <c r="AD96913" i="1"/>
  <c r="AD96914" i="1"/>
  <c r="AD96915" i="1"/>
  <c r="AD96916" i="1"/>
  <c r="AD96917" i="1"/>
  <c r="AD96918" i="1"/>
  <c r="AD96919" i="1"/>
  <c r="AD96920" i="1"/>
  <c r="AD96921" i="1"/>
  <c r="AD96922" i="1"/>
  <c r="AD96923" i="1"/>
  <c r="AD96924" i="1"/>
  <c r="AD96925" i="1"/>
  <c r="AD96926" i="1"/>
  <c r="AD96927" i="1"/>
  <c r="AD96928" i="1"/>
  <c r="AD96929" i="1"/>
  <c r="AD96930" i="1"/>
  <c r="AD96931" i="1"/>
  <c r="AD96932" i="1"/>
  <c r="AD96933" i="1"/>
  <c r="AD96934" i="1"/>
  <c r="AD96935" i="1"/>
  <c r="AD96936" i="1"/>
  <c r="AD96937" i="1"/>
  <c r="AD96938" i="1"/>
  <c r="AD96939" i="1"/>
  <c r="AD96940" i="1"/>
  <c r="AD96941" i="1"/>
  <c r="AD96942" i="1"/>
  <c r="AD96943" i="1"/>
  <c r="AD96944" i="1"/>
  <c r="AD96945" i="1"/>
  <c r="AD96946" i="1"/>
  <c r="AD96947" i="1"/>
  <c r="AD96948" i="1"/>
  <c r="AD96949" i="1"/>
  <c r="AD96950" i="1"/>
  <c r="AD96951" i="1"/>
  <c r="AD96952" i="1"/>
  <c r="AD96953" i="1"/>
  <c r="AD96954" i="1"/>
  <c r="AD96955" i="1"/>
  <c r="AD96956" i="1"/>
  <c r="AD96957" i="1"/>
  <c r="AD96958" i="1"/>
  <c r="AD96959" i="1"/>
  <c r="AD96960" i="1"/>
  <c r="AD96961" i="1"/>
  <c r="AD96962" i="1"/>
  <c r="AD96963" i="1"/>
  <c r="AD96964" i="1"/>
  <c r="AD96965" i="1"/>
  <c r="AD96966" i="1"/>
  <c r="AD96967" i="1"/>
  <c r="AD96968" i="1"/>
  <c r="AD96969" i="1"/>
  <c r="AD96970" i="1"/>
  <c r="AD96971" i="1"/>
  <c r="AD96972" i="1"/>
  <c r="AD96973" i="1"/>
  <c r="AD96974" i="1"/>
  <c r="AD96975" i="1"/>
  <c r="AD96976" i="1"/>
  <c r="AD96977" i="1"/>
  <c r="AD96978" i="1"/>
  <c r="AD96979" i="1"/>
  <c r="AD96980" i="1"/>
  <c r="AD96981" i="1"/>
  <c r="AD96982" i="1"/>
  <c r="AD96983" i="1"/>
  <c r="AD96984" i="1"/>
  <c r="AD96985" i="1"/>
  <c r="AD96986" i="1"/>
  <c r="AD96987" i="1"/>
  <c r="AD96988" i="1"/>
  <c r="AD96989" i="1"/>
  <c r="AD96990" i="1"/>
  <c r="AD96991" i="1"/>
  <c r="AD96992" i="1"/>
  <c r="AD96993" i="1"/>
  <c r="AD96994" i="1"/>
  <c r="AD96995" i="1"/>
  <c r="AD96996" i="1"/>
  <c r="AD96997" i="1"/>
  <c r="AD96998" i="1"/>
  <c r="AD96999" i="1"/>
  <c r="AD97000" i="1"/>
  <c r="AD97001" i="1"/>
  <c r="AD97002" i="1"/>
  <c r="AD97003" i="1"/>
  <c r="AD97004" i="1"/>
  <c r="AD97005" i="1"/>
  <c r="AD97006" i="1"/>
  <c r="AD97007" i="1"/>
  <c r="AD97008" i="1"/>
  <c r="AD97009" i="1"/>
  <c r="AD97010" i="1"/>
  <c r="AD97011" i="1"/>
  <c r="AD97012" i="1"/>
  <c r="AD97013" i="1"/>
  <c r="AD97014" i="1"/>
  <c r="AD97015" i="1"/>
  <c r="AD97016" i="1"/>
  <c r="AD97017" i="1"/>
  <c r="AD97018" i="1"/>
  <c r="AD97019" i="1"/>
  <c r="AD97020" i="1"/>
  <c r="AD97021" i="1"/>
  <c r="AD97022" i="1"/>
  <c r="AD97023" i="1"/>
  <c r="AD97024" i="1"/>
  <c r="AD97025" i="1"/>
  <c r="AD97026" i="1"/>
  <c r="AD97027" i="1"/>
  <c r="AD97028" i="1"/>
  <c r="AD97029" i="1"/>
  <c r="AD97030" i="1"/>
  <c r="AD97031" i="1"/>
  <c r="AD97032" i="1"/>
  <c r="AD97033" i="1"/>
  <c r="AD97034" i="1"/>
  <c r="AD97035" i="1"/>
  <c r="AD97036" i="1"/>
  <c r="AD97037" i="1"/>
  <c r="AD97038" i="1"/>
  <c r="AD97039" i="1"/>
  <c r="AD97040" i="1"/>
  <c r="AD97041" i="1"/>
  <c r="AD97042" i="1"/>
  <c r="AD97043" i="1"/>
  <c r="AD97044" i="1"/>
  <c r="AD97045" i="1"/>
  <c r="AD97046" i="1"/>
  <c r="AD97047" i="1"/>
  <c r="AD97048" i="1"/>
  <c r="AD97049" i="1"/>
  <c r="AD97050" i="1"/>
  <c r="AD97051" i="1"/>
  <c r="AD97052" i="1"/>
  <c r="AD97053" i="1"/>
  <c r="AD97054" i="1"/>
  <c r="AD97055" i="1"/>
  <c r="AD97056" i="1"/>
  <c r="AD97057" i="1"/>
  <c r="AD97058" i="1"/>
  <c r="AD97059" i="1"/>
  <c r="AD97060" i="1"/>
  <c r="AD97061" i="1"/>
  <c r="AD97062" i="1"/>
  <c r="AD97063" i="1"/>
  <c r="AD97064" i="1"/>
  <c r="AD97065" i="1"/>
  <c r="AD97066" i="1"/>
  <c r="AD97067" i="1"/>
  <c r="AD97068" i="1"/>
  <c r="AD97069" i="1"/>
  <c r="AD97070" i="1"/>
  <c r="AD97071" i="1"/>
  <c r="AD97072" i="1"/>
  <c r="AD97073" i="1"/>
  <c r="AD97074" i="1"/>
  <c r="AD97075" i="1"/>
  <c r="AD97076" i="1"/>
  <c r="AD97077" i="1"/>
  <c r="AD97078" i="1"/>
  <c r="AD97079" i="1"/>
  <c r="AD97080" i="1"/>
  <c r="AD97081" i="1"/>
  <c r="AD97082" i="1"/>
  <c r="AD97083" i="1"/>
  <c r="AD97084" i="1"/>
  <c r="AD97085" i="1"/>
  <c r="AD97086" i="1"/>
  <c r="AD97087" i="1"/>
  <c r="AD97088" i="1"/>
  <c r="AD97089" i="1"/>
  <c r="AD97090" i="1"/>
  <c r="AD97091" i="1"/>
  <c r="AD97092" i="1"/>
  <c r="AD97093" i="1"/>
  <c r="AD97094" i="1"/>
  <c r="AD97095" i="1"/>
  <c r="AD97096" i="1"/>
  <c r="AD97097" i="1"/>
  <c r="AD97098" i="1"/>
  <c r="AD97099" i="1"/>
  <c r="AD97100" i="1"/>
  <c r="AD97101" i="1"/>
  <c r="AD97102" i="1"/>
  <c r="AD97103" i="1"/>
  <c r="AD97104" i="1"/>
  <c r="AD97105" i="1"/>
  <c r="AD97106" i="1"/>
  <c r="AD97107" i="1"/>
  <c r="AD97108" i="1"/>
  <c r="AD97109" i="1"/>
  <c r="AD97110" i="1"/>
  <c r="AD97111" i="1"/>
  <c r="AD97112" i="1"/>
  <c r="AD97113" i="1"/>
  <c r="AD97114" i="1"/>
  <c r="AD97115" i="1"/>
  <c r="AD97116" i="1"/>
  <c r="AD97117" i="1"/>
  <c r="AD97118" i="1"/>
  <c r="AD97119" i="1"/>
  <c r="AD97120" i="1"/>
  <c r="AD97121" i="1"/>
  <c r="AD97122" i="1"/>
  <c r="AD97123" i="1"/>
  <c r="AD97124" i="1"/>
  <c r="AD97125" i="1"/>
  <c r="AD97126" i="1"/>
  <c r="AD97127" i="1"/>
  <c r="AD97128" i="1"/>
  <c r="AD97129" i="1"/>
  <c r="AD97130" i="1"/>
  <c r="AD97131" i="1"/>
  <c r="AD97132" i="1"/>
  <c r="AD97133" i="1"/>
  <c r="AD97134" i="1"/>
  <c r="AD97135" i="1"/>
  <c r="AD97136" i="1"/>
  <c r="AD97137" i="1"/>
  <c r="AD97138" i="1"/>
  <c r="AD97139" i="1"/>
  <c r="AD97140" i="1"/>
  <c r="AD97141" i="1"/>
  <c r="AD97142" i="1"/>
  <c r="AD97143" i="1"/>
  <c r="AD97144" i="1"/>
  <c r="AD97145" i="1"/>
  <c r="AD97146" i="1"/>
  <c r="AD97147" i="1"/>
  <c r="AD97148" i="1"/>
  <c r="AD97149" i="1"/>
  <c r="AD97150" i="1"/>
  <c r="AD97151" i="1"/>
  <c r="AD97152" i="1"/>
  <c r="AD97153" i="1"/>
  <c r="AD97154" i="1"/>
  <c r="AD97155" i="1"/>
  <c r="AD97156" i="1"/>
  <c r="AD97157" i="1"/>
  <c r="AD97158" i="1"/>
  <c r="AD97159" i="1"/>
  <c r="AD97160" i="1"/>
  <c r="AD97161" i="1"/>
  <c r="AD97162" i="1"/>
  <c r="AD97163" i="1"/>
  <c r="AD97164" i="1"/>
  <c r="AD97165" i="1"/>
  <c r="AD97166" i="1"/>
  <c r="AD97167" i="1"/>
  <c r="AD97168" i="1"/>
  <c r="AD97169" i="1"/>
  <c r="AD97170" i="1"/>
  <c r="AD97171" i="1"/>
  <c r="AD97172" i="1"/>
  <c r="AD97173" i="1"/>
  <c r="AD97174" i="1"/>
  <c r="AD97175" i="1"/>
  <c r="AD97176" i="1"/>
  <c r="AD97177" i="1"/>
  <c r="AD97178" i="1"/>
  <c r="AD97179" i="1"/>
  <c r="AD97180" i="1"/>
  <c r="AD97181" i="1"/>
  <c r="AD97182" i="1"/>
  <c r="AD97183" i="1"/>
  <c r="AD97184" i="1"/>
  <c r="AD97185" i="1"/>
  <c r="AD97186" i="1"/>
  <c r="AD97187" i="1"/>
  <c r="AD97188" i="1"/>
  <c r="AD97189" i="1"/>
  <c r="AD97190" i="1"/>
  <c r="AD97191" i="1"/>
  <c r="AD97192" i="1"/>
  <c r="AD97193" i="1"/>
  <c r="AD97194" i="1"/>
  <c r="AD97195" i="1"/>
  <c r="AD97196" i="1"/>
  <c r="AD97197" i="1"/>
  <c r="AD97198" i="1"/>
  <c r="AD97199" i="1"/>
  <c r="AD97200" i="1"/>
  <c r="AD97201" i="1"/>
  <c r="AD97202" i="1"/>
  <c r="AD97203" i="1"/>
  <c r="AD97204" i="1"/>
  <c r="AD97205" i="1"/>
  <c r="AD97206" i="1"/>
  <c r="AD97207" i="1"/>
  <c r="AD97208" i="1"/>
  <c r="AD97209" i="1"/>
  <c r="AD97210" i="1"/>
  <c r="AD97211" i="1"/>
  <c r="AD97212" i="1"/>
  <c r="AD97213" i="1"/>
  <c r="AD97214" i="1"/>
  <c r="AD97215" i="1"/>
  <c r="AD97216" i="1"/>
  <c r="AD97217" i="1"/>
  <c r="AD97218" i="1"/>
  <c r="AD97219" i="1"/>
  <c r="AD97220" i="1"/>
  <c r="AD97221" i="1"/>
  <c r="AD97222" i="1"/>
  <c r="AD97223" i="1"/>
  <c r="AD97224" i="1"/>
  <c r="AD97225" i="1"/>
  <c r="AD97226" i="1"/>
  <c r="AD97227" i="1"/>
  <c r="AD97228" i="1"/>
  <c r="AD97229" i="1"/>
  <c r="AD97230" i="1"/>
  <c r="AD97231" i="1"/>
  <c r="AD97232" i="1"/>
  <c r="AD97233" i="1"/>
  <c r="AD97234" i="1"/>
  <c r="AD97235" i="1"/>
  <c r="AD97236" i="1"/>
  <c r="AD97237" i="1"/>
  <c r="AD97238" i="1"/>
  <c r="AD97239" i="1"/>
  <c r="AD97240" i="1"/>
  <c r="AD97241" i="1"/>
  <c r="AD97242" i="1"/>
  <c r="AD97243" i="1"/>
  <c r="AD97244" i="1"/>
  <c r="AD97245" i="1"/>
  <c r="AD97246" i="1"/>
  <c r="AD97247" i="1"/>
  <c r="AD97248" i="1"/>
  <c r="AD97249" i="1"/>
  <c r="AD97250" i="1"/>
  <c r="AD97251" i="1"/>
  <c r="AD97252" i="1"/>
  <c r="AD97253" i="1"/>
  <c r="AD97254" i="1"/>
  <c r="AD97255" i="1"/>
  <c r="AD97256" i="1"/>
  <c r="AD97257" i="1"/>
  <c r="AD97258" i="1"/>
  <c r="AD97259" i="1"/>
  <c r="AD97260" i="1"/>
  <c r="AD97261" i="1"/>
  <c r="AD97262" i="1"/>
  <c r="AD97263" i="1"/>
  <c r="AD97264" i="1"/>
  <c r="AD97265" i="1"/>
  <c r="AD97266" i="1"/>
  <c r="AD97267" i="1"/>
  <c r="AD97268" i="1"/>
  <c r="AD97269" i="1"/>
  <c r="AD97270" i="1"/>
  <c r="AD97271" i="1"/>
  <c r="AD97272" i="1"/>
  <c r="AD97273" i="1"/>
  <c r="AD97274" i="1"/>
  <c r="AD97275" i="1"/>
  <c r="AD97276" i="1"/>
  <c r="AD97277" i="1"/>
  <c r="AD97278" i="1"/>
  <c r="AD97279" i="1"/>
  <c r="AD97280" i="1"/>
  <c r="AD97281" i="1"/>
  <c r="AD97282" i="1"/>
  <c r="AD97283" i="1"/>
  <c r="AD97284" i="1"/>
  <c r="AD97285" i="1"/>
  <c r="AD97286" i="1"/>
  <c r="AD97287" i="1"/>
  <c r="AD97288" i="1"/>
  <c r="AD97289" i="1"/>
  <c r="AD97290" i="1"/>
  <c r="AD97291" i="1"/>
  <c r="AD97292" i="1"/>
  <c r="AD97293" i="1"/>
  <c r="AD97294" i="1"/>
  <c r="AD97295" i="1"/>
  <c r="AD97296" i="1"/>
  <c r="AD97297" i="1"/>
  <c r="AD97298" i="1"/>
  <c r="AD97299" i="1"/>
  <c r="AD97300" i="1"/>
  <c r="AD97301" i="1"/>
  <c r="AD97302" i="1"/>
  <c r="AD97303" i="1"/>
  <c r="AD97304" i="1"/>
  <c r="AD97305" i="1"/>
  <c r="AD97306" i="1"/>
  <c r="AD97307" i="1"/>
  <c r="AD97308" i="1"/>
  <c r="AD97309" i="1"/>
  <c r="AD97310" i="1"/>
  <c r="AD97311" i="1"/>
  <c r="AD97312" i="1"/>
  <c r="AD97313" i="1"/>
  <c r="AD97314" i="1"/>
  <c r="AD97315" i="1"/>
  <c r="AD97316" i="1"/>
  <c r="AD97317" i="1"/>
  <c r="AD97318" i="1"/>
  <c r="AD97319" i="1"/>
  <c r="AD97320" i="1"/>
  <c r="AD97321" i="1"/>
  <c r="AD97322" i="1"/>
  <c r="AD97323" i="1"/>
  <c r="AD97324" i="1"/>
  <c r="AD97325" i="1"/>
  <c r="AD97326" i="1"/>
  <c r="AD97327" i="1"/>
  <c r="AD97328" i="1"/>
  <c r="AD97329" i="1"/>
  <c r="AD97330" i="1"/>
  <c r="AD97331" i="1"/>
  <c r="AD97332" i="1"/>
  <c r="AD97333" i="1"/>
  <c r="AD97334" i="1"/>
  <c r="AD97335" i="1"/>
  <c r="AD97336" i="1"/>
  <c r="AD97337" i="1"/>
  <c r="AD97338" i="1"/>
  <c r="AD97339" i="1"/>
  <c r="AD97340" i="1"/>
  <c r="AD97341" i="1"/>
  <c r="AD97342" i="1"/>
  <c r="AD97343" i="1"/>
  <c r="AD97344" i="1"/>
  <c r="AD97345" i="1"/>
  <c r="AD97346" i="1"/>
  <c r="AD97347" i="1"/>
  <c r="AD97348" i="1"/>
  <c r="AD97349" i="1"/>
  <c r="AD97350" i="1"/>
  <c r="AD97351" i="1"/>
  <c r="AD97352" i="1"/>
  <c r="AD97353" i="1"/>
  <c r="AD97354" i="1"/>
  <c r="AD97355" i="1"/>
  <c r="AD97356" i="1"/>
  <c r="AD97357" i="1"/>
  <c r="AD97358" i="1"/>
  <c r="AD97359" i="1"/>
  <c r="AD97360" i="1"/>
  <c r="AD97361" i="1"/>
  <c r="AD97362" i="1"/>
  <c r="AD97363" i="1"/>
  <c r="AD97364" i="1"/>
  <c r="AD97365" i="1"/>
  <c r="AD97366" i="1"/>
  <c r="AD97367" i="1"/>
  <c r="AD97368" i="1"/>
  <c r="AD97369" i="1"/>
  <c r="AD97370" i="1"/>
  <c r="AD97371" i="1"/>
  <c r="AD97372" i="1"/>
  <c r="AD97373" i="1"/>
  <c r="AD97374" i="1"/>
  <c r="AD97375" i="1"/>
  <c r="AD97376" i="1"/>
  <c r="AD97377" i="1"/>
  <c r="AD97378" i="1"/>
  <c r="AD97379" i="1"/>
  <c r="AD97380" i="1"/>
  <c r="AD97381" i="1"/>
  <c r="AD97382" i="1"/>
  <c r="AD97383" i="1"/>
  <c r="AD97384" i="1"/>
  <c r="AD97385" i="1"/>
  <c r="AD97386" i="1"/>
  <c r="AD97387" i="1"/>
  <c r="AD97388" i="1"/>
  <c r="AD97389" i="1"/>
  <c r="AD97390" i="1"/>
  <c r="AD97391" i="1"/>
  <c r="AD97392" i="1"/>
  <c r="AD97393" i="1"/>
  <c r="AD97394" i="1"/>
  <c r="AD97395" i="1"/>
  <c r="AD97396" i="1"/>
  <c r="AD97397" i="1"/>
  <c r="AD97398" i="1"/>
  <c r="AD97399" i="1"/>
  <c r="AD97400" i="1"/>
  <c r="AD97401" i="1"/>
  <c r="AD97402" i="1"/>
  <c r="AD97403" i="1"/>
  <c r="AD97404" i="1"/>
  <c r="AD97405" i="1"/>
  <c r="AD97406" i="1"/>
  <c r="AD97407" i="1"/>
  <c r="AD97408" i="1"/>
  <c r="AD97409" i="1"/>
  <c r="AD97410" i="1"/>
  <c r="AD97411" i="1"/>
  <c r="AD97412" i="1"/>
  <c r="AD97413" i="1"/>
  <c r="AD97414" i="1"/>
  <c r="AD97415" i="1"/>
  <c r="AD97416" i="1"/>
  <c r="AD97417" i="1"/>
  <c r="AD97418" i="1"/>
  <c r="AD97419" i="1"/>
  <c r="AD97420" i="1"/>
  <c r="AD97421" i="1"/>
  <c r="AD97422" i="1"/>
  <c r="AD97423" i="1"/>
  <c r="AD97424" i="1"/>
  <c r="AD97425" i="1"/>
  <c r="AD97426" i="1"/>
  <c r="AD97427" i="1"/>
  <c r="AD97428" i="1"/>
  <c r="AD97429" i="1"/>
  <c r="AD97430" i="1"/>
  <c r="AD97431" i="1"/>
  <c r="AD97432" i="1"/>
  <c r="AD97433" i="1"/>
  <c r="AD97434" i="1"/>
  <c r="AD97435" i="1"/>
  <c r="AD97436" i="1"/>
  <c r="AD97437" i="1"/>
  <c r="AD97438" i="1"/>
  <c r="AD97439" i="1"/>
  <c r="AD97440" i="1"/>
  <c r="AD97441" i="1"/>
  <c r="AD97442" i="1"/>
  <c r="AD97443" i="1"/>
  <c r="AD97444" i="1"/>
  <c r="AD97445" i="1"/>
  <c r="AD97446" i="1"/>
  <c r="AD97447" i="1"/>
  <c r="AD97448" i="1"/>
  <c r="AD97449" i="1"/>
  <c r="AD97450" i="1"/>
  <c r="AD97451" i="1"/>
  <c r="AD97452" i="1"/>
  <c r="AD97453" i="1"/>
  <c r="AD97454" i="1"/>
  <c r="AD97455" i="1"/>
  <c r="AD97456" i="1"/>
  <c r="AD97457" i="1"/>
  <c r="AD97458" i="1"/>
  <c r="AD97459" i="1"/>
  <c r="AD97460" i="1"/>
  <c r="AD97461" i="1"/>
  <c r="AD97462" i="1"/>
  <c r="AD97463" i="1"/>
  <c r="AD97464" i="1"/>
  <c r="AD97465" i="1"/>
  <c r="AD97466" i="1"/>
  <c r="AD97467" i="1"/>
  <c r="AD97468" i="1"/>
  <c r="AD97469" i="1"/>
  <c r="AD97470" i="1"/>
  <c r="AD97471" i="1"/>
  <c r="AD97472" i="1"/>
  <c r="AD97473" i="1"/>
  <c r="AD97474" i="1"/>
  <c r="AD97475" i="1"/>
  <c r="AD97476" i="1"/>
  <c r="AD97477" i="1"/>
  <c r="AD97478" i="1"/>
  <c r="AD97479" i="1"/>
  <c r="AD97480" i="1"/>
  <c r="AD97481" i="1"/>
  <c r="AD97482" i="1"/>
  <c r="AD97483" i="1"/>
  <c r="AD97484" i="1"/>
  <c r="AD97485" i="1"/>
  <c r="AD97486" i="1"/>
  <c r="AD97487" i="1"/>
  <c r="AD97488" i="1"/>
  <c r="AD97489" i="1"/>
  <c r="AD97490" i="1"/>
  <c r="AD97491" i="1"/>
  <c r="AD97492" i="1"/>
  <c r="AD97493" i="1"/>
  <c r="AD97494" i="1"/>
  <c r="AD97495" i="1"/>
  <c r="AD97496" i="1"/>
  <c r="AD97497" i="1"/>
  <c r="AD97498" i="1"/>
  <c r="AD97499" i="1"/>
  <c r="AD97500" i="1"/>
  <c r="AD97501" i="1"/>
  <c r="AD97502" i="1"/>
  <c r="AD97503" i="1"/>
  <c r="AD97504" i="1"/>
  <c r="AD97505" i="1"/>
  <c r="AD97506" i="1"/>
  <c r="AD97507" i="1"/>
  <c r="AD97508" i="1"/>
  <c r="AD97509" i="1"/>
  <c r="AD97510" i="1"/>
  <c r="AD97511" i="1"/>
  <c r="AD97512" i="1"/>
  <c r="AD97513" i="1"/>
  <c r="AD97514" i="1"/>
  <c r="AD97515" i="1"/>
  <c r="AD97516" i="1"/>
  <c r="AD97517" i="1"/>
  <c r="AD97518" i="1"/>
  <c r="AD97519" i="1"/>
  <c r="AD97520" i="1"/>
  <c r="AD97521" i="1"/>
  <c r="AD97522" i="1"/>
  <c r="AD97523" i="1"/>
  <c r="AD97524" i="1"/>
  <c r="AD97525" i="1"/>
  <c r="AD97526" i="1"/>
  <c r="AD97527" i="1"/>
  <c r="AD97528" i="1"/>
  <c r="AD97529" i="1"/>
  <c r="AD97530" i="1"/>
  <c r="AD97531" i="1"/>
  <c r="AD97532" i="1"/>
  <c r="AD97533" i="1"/>
  <c r="AD97534" i="1"/>
  <c r="AD97535" i="1"/>
  <c r="AD97536" i="1"/>
  <c r="AD97537" i="1"/>
  <c r="AD97538" i="1"/>
  <c r="AD97539" i="1"/>
  <c r="AD97540" i="1"/>
  <c r="AD97541" i="1"/>
  <c r="AD97542" i="1"/>
  <c r="AD97543" i="1"/>
  <c r="AD97544" i="1"/>
  <c r="AD97545" i="1"/>
  <c r="AD97546" i="1"/>
  <c r="AD97547" i="1"/>
  <c r="AD97548" i="1"/>
  <c r="AD97549" i="1"/>
  <c r="AD97550" i="1"/>
  <c r="AD97551" i="1"/>
  <c r="AD97552" i="1"/>
  <c r="AD97553" i="1"/>
  <c r="AD97554" i="1"/>
  <c r="AD97555" i="1"/>
  <c r="AD97556" i="1"/>
  <c r="AD97557" i="1"/>
  <c r="AD97558" i="1"/>
  <c r="AD97559" i="1"/>
  <c r="AD97560" i="1"/>
  <c r="AD97561" i="1"/>
  <c r="AD97562" i="1"/>
  <c r="AD97563" i="1"/>
  <c r="AD97564" i="1"/>
  <c r="AD97565" i="1"/>
  <c r="AD97566" i="1"/>
  <c r="AD97567" i="1"/>
  <c r="AD97568" i="1"/>
  <c r="AD97569" i="1"/>
  <c r="AD97570" i="1"/>
  <c r="AD97571" i="1"/>
  <c r="AD97572" i="1"/>
  <c r="AD97573" i="1"/>
  <c r="AD97574" i="1"/>
  <c r="AD97575" i="1"/>
  <c r="AD97576" i="1"/>
  <c r="AD97577" i="1"/>
  <c r="AD97578" i="1"/>
  <c r="AD97579" i="1"/>
  <c r="AD97580" i="1"/>
  <c r="AD97581" i="1"/>
  <c r="AD97582" i="1"/>
  <c r="AD97583" i="1"/>
  <c r="AD97584" i="1"/>
  <c r="AD97585" i="1"/>
  <c r="AD97586" i="1"/>
  <c r="AD97587" i="1"/>
  <c r="AD97588" i="1"/>
  <c r="AD97589" i="1"/>
  <c r="AD97590" i="1"/>
  <c r="AD97591" i="1"/>
  <c r="AD97592" i="1"/>
  <c r="AD97593" i="1"/>
  <c r="AD97594" i="1"/>
  <c r="AD97595" i="1"/>
  <c r="AD97596" i="1"/>
  <c r="AD97597" i="1"/>
  <c r="AD97598" i="1"/>
  <c r="AD97599" i="1"/>
  <c r="AD97600" i="1"/>
  <c r="AD97601" i="1"/>
  <c r="AD97602" i="1"/>
  <c r="AD97603" i="1"/>
  <c r="AD97604" i="1"/>
  <c r="AD97605" i="1"/>
  <c r="AD97606" i="1"/>
  <c r="AD97607" i="1"/>
  <c r="AD97608" i="1"/>
  <c r="AD97609" i="1"/>
  <c r="AD97610" i="1"/>
  <c r="AD97611" i="1"/>
  <c r="AD97612" i="1"/>
  <c r="AD97613" i="1"/>
  <c r="AD97614" i="1"/>
  <c r="AD97615" i="1"/>
  <c r="AD97616" i="1"/>
  <c r="AD97617" i="1"/>
  <c r="AD97618" i="1"/>
  <c r="AD97619" i="1"/>
  <c r="AD97620" i="1"/>
  <c r="AD97621" i="1"/>
  <c r="AD97622" i="1"/>
  <c r="AD97623" i="1"/>
  <c r="AD97624" i="1"/>
  <c r="AD97625" i="1"/>
  <c r="AD97626" i="1"/>
  <c r="AD97627" i="1"/>
  <c r="AD97628" i="1"/>
  <c r="AD97629" i="1"/>
  <c r="AD97630" i="1"/>
  <c r="AD97631" i="1"/>
  <c r="AD97632" i="1"/>
  <c r="AD97633" i="1"/>
  <c r="AD97634" i="1"/>
  <c r="AD97635" i="1"/>
  <c r="AD97636" i="1"/>
  <c r="AD97637" i="1"/>
  <c r="AD97638" i="1"/>
  <c r="AD97639" i="1"/>
  <c r="AD97640" i="1"/>
  <c r="AD97641" i="1"/>
  <c r="AD97642" i="1"/>
  <c r="AD97643" i="1"/>
  <c r="AD97644" i="1"/>
  <c r="AD97645" i="1"/>
  <c r="AD97646" i="1"/>
  <c r="AD97647" i="1"/>
  <c r="AD97648" i="1"/>
  <c r="AD97649" i="1"/>
  <c r="AD97650" i="1"/>
  <c r="AD97651" i="1"/>
  <c r="AD97652" i="1"/>
  <c r="AD97653" i="1"/>
  <c r="AD97654" i="1"/>
  <c r="AD97655" i="1"/>
  <c r="AD97656" i="1"/>
  <c r="AD97657" i="1"/>
  <c r="AD97658" i="1"/>
  <c r="AD97659" i="1"/>
  <c r="AD97660" i="1"/>
  <c r="AD97661" i="1"/>
  <c r="AD97662" i="1"/>
  <c r="AD97663" i="1"/>
  <c r="AD97664" i="1"/>
  <c r="AD97665" i="1"/>
  <c r="AD97666" i="1"/>
  <c r="AD97667" i="1"/>
  <c r="AD97668" i="1"/>
  <c r="AD97669" i="1"/>
  <c r="AD97670" i="1"/>
  <c r="AD97671" i="1"/>
  <c r="AD97672" i="1"/>
  <c r="AD97673" i="1"/>
  <c r="AD97674" i="1"/>
  <c r="AD97675" i="1"/>
  <c r="AD97676" i="1"/>
  <c r="AD97677" i="1"/>
  <c r="AD97678" i="1"/>
  <c r="AD97679" i="1"/>
  <c r="AD97680" i="1"/>
  <c r="AD97681" i="1"/>
  <c r="AD97682" i="1"/>
  <c r="AD97683" i="1"/>
  <c r="AD97684" i="1"/>
  <c r="AD97685" i="1"/>
  <c r="AD97686" i="1"/>
  <c r="AD97687" i="1"/>
  <c r="AD97688" i="1"/>
  <c r="AD97689" i="1"/>
  <c r="AD97690" i="1"/>
  <c r="AD97691" i="1"/>
  <c r="AD97692" i="1"/>
  <c r="AD97693" i="1"/>
  <c r="AD97694" i="1"/>
  <c r="AD97695" i="1"/>
  <c r="AD97696" i="1"/>
  <c r="AD97697" i="1"/>
  <c r="AD97698" i="1"/>
  <c r="AD97699" i="1"/>
  <c r="AD97700" i="1"/>
  <c r="AD97701" i="1"/>
  <c r="AD97702" i="1"/>
  <c r="AD97703" i="1"/>
  <c r="AD97704" i="1"/>
  <c r="AD97705" i="1"/>
  <c r="AD97706" i="1"/>
  <c r="AD97707" i="1"/>
  <c r="AD97708" i="1"/>
  <c r="AD97709" i="1"/>
  <c r="AD97710" i="1"/>
  <c r="AD97711" i="1"/>
  <c r="AD97712" i="1"/>
  <c r="AD97713" i="1"/>
  <c r="AD97714" i="1"/>
  <c r="AD97715" i="1"/>
  <c r="AD97716" i="1"/>
  <c r="AD97717" i="1"/>
  <c r="AD97718" i="1"/>
  <c r="AD97719" i="1"/>
  <c r="AD97720" i="1"/>
  <c r="AD97721" i="1"/>
  <c r="AD97722" i="1"/>
  <c r="AD97723" i="1"/>
  <c r="AD97724" i="1"/>
  <c r="AD97725" i="1"/>
  <c r="AD97726" i="1"/>
  <c r="AD97727" i="1"/>
  <c r="AD97728" i="1"/>
  <c r="AD97729" i="1"/>
  <c r="AD97730" i="1"/>
  <c r="AD97731" i="1"/>
  <c r="AD97732" i="1"/>
  <c r="AD97733" i="1"/>
  <c r="AD97734" i="1"/>
  <c r="AD97735" i="1"/>
  <c r="AD97736" i="1"/>
  <c r="AD97737" i="1"/>
  <c r="AD97738" i="1"/>
  <c r="AD97739" i="1"/>
  <c r="AD97740" i="1"/>
  <c r="AD97741" i="1"/>
  <c r="AD97742" i="1"/>
  <c r="AD97743" i="1"/>
  <c r="AD97744" i="1"/>
  <c r="AD97745" i="1"/>
  <c r="AD97746" i="1"/>
  <c r="AD97747" i="1"/>
  <c r="AD97748" i="1"/>
  <c r="AD97749" i="1"/>
  <c r="AD97750" i="1"/>
  <c r="AD97751" i="1"/>
  <c r="AD97752" i="1"/>
  <c r="AD97753" i="1"/>
  <c r="AD97754" i="1"/>
  <c r="AD97755" i="1"/>
  <c r="AD97756" i="1"/>
  <c r="AD97757" i="1"/>
  <c r="AD97758" i="1"/>
  <c r="AD97759" i="1"/>
  <c r="AD97760" i="1"/>
  <c r="AD97761" i="1"/>
  <c r="AD97762" i="1"/>
  <c r="AD97763" i="1"/>
  <c r="AD97764" i="1"/>
  <c r="AD97765" i="1"/>
  <c r="AD97766" i="1"/>
  <c r="AD97767" i="1"/>
  <c r="AD97768" i="1"/>
  <c r="AD97769" i="1"/>
  <c r="AD97770" i="1"/>
  <c r="AD97771" i="1"/>
  <c r="AD97772" i="1"/>
  <c r="AD97773" i="1"/>
  <c r="AD97774" i="1"/>
  <c r="AD97775" i="1"/>
  <c r="AD97776" i="1"/>
  <c r="AD97777" i="1"/>
  <c r="AD97778" i="1"/>
  <c r="AD97779" i="1"/>
  <c r="AD97780" i="1"/>
  <c r="AD97781" i="1"/>
  <c r="AD97782" i="1"/>
  <c r="AD97783" i="1"/>
  <c r="AD97784" i="1"/>
  <c r="AD97785" i="1"/>
  <c r="AD97786" i="1"/>
  <c r="AD97787" i="1"/>
  <c r="AD97788" i="1"/>
  <c r="AD97789" i="1"/>
  <c r="AD97790" i="1"/>
  <c r="AD97791" i="1"/>
  <c r="AD97792" i="1"/>
  <c r="AD97793" i="1"/>
  <c r="AD97794" i="1"/>
  <c r="AD97795" i="1"/>
  <c r="AD97796" i="1"/>
  <c r="AD97797" i="1"/>
  <c r="AD97798" i="1"/>
  <c r="AD97799" i="1"/>
  <c r="AD97800" i="1"/>
  <c r="AD97801" i="1"/>
  <c r="AD97802" i="1"/>
  <c r="AD97803" i="1"/>
  <c r="AD97804" i="1"/>
  <c r="AD97805" i="1"/>
  <c r="AD97806" i="1"/>
  <c r="AD97807" i="1"/>
  <c r="AD97808" i="1"/>
  <c r="AD97809" i="1"/>
  <c r="AD97810" i="1"/>
  <c r="AD97811" i="1"/>
  <c r="AD97812" i="1"/>
  <c r="AD97813" i="1"/>
  <c r="AD97814" i="1"/>
  <c r="AD97815" i="1"/>
  <c r="AD97816" i="1"/>
  <c r="AD97817" i="1"/>
  <c r="AD97818" i="1"/>
  <c r="AD97819" i="1"/>
  <c r="AD97820" i="1"/>
  <c r="AD97821" i="1"/>
  <c r="AD97822" i="1"/>
  <c r="AD97823" i="1"/>
  <c r="AD97824" i="1"/>
  <c r="AD97825" i="1"/>
  <c r="AD97826" i="1"/>
  <c r="AD97827" i="1"/>
  <c r="AD97828" i="1"/>
  <c r="AD97829" i="1"/>
  <c r="AD97830" i="1"/>
  <c r="AD97831" i="1"/>
  <c r="AD97832" i="1"/>
  <c r="AD97833" i="1"/>
  <c r="AD97834" i="1"/>
  <c r="AD97835" i="1"/>
  <c r="AD97836" i="1"/>
  <c r="AD97837" i="1"/>
  <c r="AD97838" i="1"/>
  <c r="AD97839" i="1"/>
  <c r="AD97840" i="1"/>
  <c r="AD97841" i="1"/>
  <c r="AD97842" i="1"/>
  <c r="AD97843" i="1"/>
  <c r="AD97844" i="1"/>
  <c r="AD97845" i="1"/>
  <c r="AD97846" i="1"/>
  <c r="AD97847" i="1"/>
  <c r="AD97848" i="1"/>
  <c r="AD97849" i="1"/>
  <c r="AD97850" i="1"/>
  <c r="AD97851" i="1"/>
  <c r="AD97852" i="1"/>
  <c r="AD97853" i="1"/>
  <c r="AD97854" i="1"/>
  <c r="AD97855" i="1"/>
  <c r="AD97856" i="1"/>
  <c r="AD97857" i="1"/>
  <c r="AD97858" i="1"/>
  <c r="AD97859" i="1"/>
  <c r="AD97860" i="1"/>
  <c r="AD97861" i="1"/>
  <c r="AD97862" i="1"/>
  <c r="AD97863" i="1"/>
  <c r="AD97864" i="1"/>
  <c r="AD97865" i="1"/>
  <c r="AD97866" i="1"/>
  <c r="AD97867" i="1"/>
  <c r="AD97868" i="1"/>
  <c r="AD97869" i="1"/>
  <c r="AD97870" i="1"/>
  <c r="AD97871" i="1"/>
  <c r="AD97872" i="1"/>
  <c r="AD97873" i="1"/>
  <c r="AD97874" i="1"/>
  <c r="AD97875" i="1"/>
  <c r="AD97876" i="1"/>
  <c r="AD97877" i="1"/>
  <c r="AD97878" i="1"/>
  <c r="AD97879" i="1"/>
  <c r="AD97880" i="1"/>
  <c r="AD97881" i="1"/>
  <c r="AD97882" i="1"/>
  <c r="AD97883" i="1"/>
  <c r="AD97884" i="1"/>
  <c r="AD97885" i="1"/>
  <c r="AD97886" i="1"/>
  <c r="AD97887" i="1"/>
  <c r="AD97888" i="1"/>
  <c r="AD97889" i="1"/>
  <c r="AD97890" i="1"/>
  <c r="AD97891" i="1"/>
  <c r="AD97892" i="1"/>
  <c r="AD97893" i="1"/>
  <c r="AD97894" i="1"/>
  <c r="AD97895" i="1"/>
  <c r="AD97896" i="1"/>
  <c r="AD97897" i="1"/>
  <c r="AD97898" i="1"/>
  <c r="AD97899" i="1"/>
  <c r="AD97900" i="1"/>
  <c r="AD97901" i="1"/>
  <c r="AD97902" i="1"/>
  <c r="AD97903" i="1"/>
  <c r="AD97904" i="1"/>
  <c r="AD97905" i="1"/>
  <c r="AD97906" i="1"/>
  <c r="AD97907" i="1"/>
  <c r="AD97908" i="1"/>
  <c r="AD97909" i="1"/>
  <c r="AD97910" i="1"/>
  <c r="AD97911" i="1"/>
  <c r="AD97912" i="1"/>
  <c r="AD97913" i="1"/>
  <c r="AD97914" i="1"/>
  <c r="AD97915" i="1"/>
  <c r="AD97916" i="1"/>
  <c r="AD97917" i="1"/>
  <c r="AD97918" i="1"/>
  <c r="AD97919" i="1"/>
  <c r="AD97920" i="1"/>
  <c r="AD97921" i="1"/>
  <c r="AD97922" i="1"/>
  <c r="AD97923" i="1"/>
  <c r="AD97924" i="1"/>
  <c r="AD97925" i="1"/>
  <c r="AD97926" i="1"/>
  <c r="AD97927" i="1"/>
  <c r="AD97928" i="1"/>
  <c r="AD97929" i="1"/>
  <c r="AD97930" i="1"/>
  <c r="AD97931" i="1"/>
  <c r="AD97932" i="1"/>
  <c r="AD97933" i="1"/>
  <c r="AD97934" i="1"/>
  <c r="AD97935" i="1"/>
  <c r="AD97936" i="1"/>
  <c r="AD97937" i="1"/>
  <c r="AD97938" i="1"/>
  <c r="AD97939" i="1"/>
  <c r="AD97940" i="1"/>
  <c r="AD97941" i="1"/>
  <c r="AD97942" i="1"/>
  <c r="AD97943" i="1"/>
  <c r="AD97944" i="1"/>
  <c r="AD97945" i="1"/>
  <c r="AD97946" i="1"/>
  <c r="AD97947" i="1"/>
  <c r="AD97948" i="1"/>
  <c r="AD97949" i="1"/>
  <c r="AD97950" i="1"/>
  <c r="AD97951" i="1"/>
  <c r="AD97952" i="1"/>
  <c r="AD97953" i="1"/>
  <c r="AD97954" i="1"/>
  <c r="AD97955" i="1"/>
  <c r="AD97956" i="1"/>
  <c r="AD97957" i="1"/>
  <c r="AD97958" i="1"/>
  <c r="AD97959" i="1"/>
  <c r="AD97960" i="1"/>
  <c r="AD97961" i="1"/>
  <c r="AD97962" i="1"/>
  <c r="AD97963" i="1"/>
  <c r="AD97964" i="1"/>
  <c r="AD97965" i="1"/>
  <c r="AD97966" i="1"/>
  <c r="AD97967" i="1"/>
  <c r="AD97968" i="1"/>
  <c r="AD97969" i="1"/>
  <c r="AD97970" i="1"/>
  <c r="AD97971" i="1"/>
  <c r="AD97972" i="1"/>
  <c r="AD97973" i="1"/>
  <c r="AD97974" i="1"/>
  <c r="AD97975" i="1"/>
  <c r="AD97976" i="1"/>
  <c r="AD97977" i="1"/>
  <c r="AD97978" i="1"/>
  <c r="AD97979" i="1"/>
  <c r="AD97980" i="1"/>
  <c r="AD97981" i="1"/>
  <c r="AD97982" i="1"/>
  <c r="AD97983" i="1"/>
  <c r="AD97984" i="1"/>
  <c r="AD97985" i="1"/>
  <c r="AD97986" i="1"/>
  <c r="AD97987" i="1"/>
  <c r="AD97988" i="1"/>
  <c r="AD97989" i="1"/>
  <c r="AD97990" i="1"/>
  <c r="AD97991" i="1"/>
  <c r="AD97992" i="1"/>
  <c r="AD97993" i="1"/>
  <c r="AD97994" i="1"/>
  <c r="AD97995" i="1"/>
  <c r="AD97996" i="1"/>
  <c r="AD97997" i="1"/>
  <c r="AD97998" i="1"/>
  <c r="AD97999" i="1"/>
  <c r="AD98000" i="1"/>
  <c r="AD98001" i="1"/>
  <c r="AD98002" i="1"/>
  <c r="AD98003" i="1"/>
  <c r="AD98004" i="1"/>
  <c r="AD98005" i="1"/>
  <c r="AD98006" i="1"/>
  <c r="AD98007" i="1"/>
  <c r="AD98008" i="1"/>
  <c r="AD98009" i="1"/>
  <c r="AD98010" i="1"/>
  <c r="AD98011" i="1"/>
  <c r="AD98012" i="1"/>
  <c r="AD98013" i="1"/>
  <c r="AD98014" i="1"/>
  <c r="AD98015" i="1"/>
  <c r="AD98016" i="1"/>
  <c r="AD98017" i="1"/>
  <c r="AD98018" i="1"/>
  <c r="AD98019" i="1"/>
  <c r="AD98020" i="1"/>
  <c r="AD98021" i="1"/>
  <c r="AD98022" i="1"/>
  <c r="AD98023" i="1"/>
  <c r="AD98024" i="1"/>
  <c r="AD98025" i="1"/>
  <c r="AD98026" i="1"/>
  <c r="AD98027" i="1"/>
  <c r="AD98028" i="1"/>
  <c r="AD98029" i="1"/>
  <c r="AD98030" i="1"/>
  <c r="AD98031" i="1"/>
  <c r="AD98032" i="1"/>
  <c r="AD98033" i="1"/>
  <c r="AD98034" i="1"/>
  <c r="AD98035" i="1"/>
  <c r="AD98036" i="1"/>
  <c r="AD98037" i="1"/>
  <c r="AD98038" i="1"/>
  <c r="AD98039" i="1"/>
  <c r="AD98040" i="1"/>
  <c r="AD98041" i="1"/>
  <c r="AD98042" i="1"/>
  <c r="AD98043" i="1"/>
  <c r="AD98044" i="1"/>
  <c r="AD98045" i="1"/>
  <c r="AD98046" i="1"/>
  <c r="AD98047" i="1"/>
  <c r="AD98048" i="1"/>
  <c r="AD98049" i="1"/>
  <c r="AD98050" i="1"/>
  <c r="AD98051" i="1"/>
  <c r="AD98052" i="1"/>
  <c r="AD98053" i="1"/>
  <c r="AD98054" i="1"/>
  <c r="AD98055" i="1"/>
  <c r="AD98056" i="1"/>
  <c r="AD98057" i="1"/>
  <c r="AD98058" i="1"/>
  <c r="AD98059" i="1"/>
  <c r="AD98060" i="1"/>
  <c r="AD98061" i="1"/>
  <c r="AD98062" i="1"/>
  <c r="AD98063" i="1"/>
  <c r="AD98064" i="1"/>
  <c r="AD98065" i="1"/>
  <c r="AD98066" i="1"/>
  <c r="AD98067" i="1"/>
  <c r="AD98068" i="1"/>
  <c r="AD98069" i="1"/>
  <c r="AD98070" i="1"/>
  <c r="AD98071" i="1"/>
  <c r="AD98072" i="1"/>
  <c r="AD98073" i="1"/>
  <c r="AD98074" i="1"/>
  <c r="AD98075" i="1"/>
  <c r="AD98076" i="1"/>
  <c r="AD98077" i="1"/>
  <c r="AD98078" i="1"/>
  <c r="AD98079" i="1"/>
  <c r="AD98080" i="1"/>
  <c r="AD98081" i="1"/>
  <c r="AD98082" i="1"/>
  <c r="AD98083" i="1"/>
  <c r="AD98084" i="1"/>
  <c r="AD98085" i="1"/>
  <c r="AD98086" i="1"/>
  <c r="AD98087" i="1"/>
  <c r="AD98088" i="1"/>
  <c r="AD98089" i="1"/>
  <c r="AD98090" i="1"/>
  <c r="AD98091" i="1"/>
  <c r="AD98092" i="1"/>
  <c r="AD98093" i="1"/>
  <c r="AD98094" i="1"/>
  <c r="AD98095" i="1"/>
  <c r="AD98096" i="1"/>
  <c r="AD98097" i="1"/>
  <c r="AD98098" i="1"/>
  <c r="AD98099" i="1"/>
  <c r="AD98100" i="1"/>
  <c r="AD98101" i="1"/>
  <c r="AD98102" i="1"/>
  <c r="AD98103" i="1"/>
  <c r="AD98104" i="1"/>
  <c r="AD98105" i="1"/>
  <c r="AD98106" i="1"/>
  <c r="AD98107" i="1"/>
  <c r="AD98108" i="1"/>
  <c r="AD98109" i="1"/>
  <c r="AD98110" i="1"/>
  <c r="AD98111" i="1"/>
  <c r="AD98112" i="1"/>
  <c r="AD98113" i="1"/>
  <c r="AD98114" i="1"/>
  <c r="AD98115" i="1"/>
  <c r="AD98116" i="1"/>
  <c r="AD98117" i="1"/>
  <c r="AD98118" i="1"/>
  <c r="AD98119" i="1"/>
  <c r="AD98120" i="1"/>
  <c r="AD98121" i="1"/>
  <c r="AD98122" i="1"/>
  <c r="AD98123" i="1"/>
  <c r="AD98124" i="1"/>
  <c r="AD98125" i="1"/>
  <c r="AD98126" i="1"/>
  <c r="AD98127" i="1"/>
  <c r="AD98128" i="1"/>
  <c r="AD98129" i="1"/>
  <c r="AD98130" i="1"/>
  <c r="AD98131" i="1"/>
  <c r="AD98132" i="1"/>
  <c r="AD98133" i="1"/>
  <c r="AD98134" i="1"/>
  <c r="AD98135" i="1"/>
  <c r="AD98136" i="1"/>
  <c r="AD98137" i="1"/>
  <c r="AD98138" i="1"/>
  <c r="AD98139" i="1"/>
  <c r="AD98140" i="1"/>
  <c r="AD98141" i="1"/>
  <c r="AD98142" i="1"/>
  <c r="AD98143" i="1"/>
  <c r="AD98144" i="1"/>
  <c r="AD98145" i="1"/>
  <c r="AD98146" i="1"/>
  <c r="AD98147" i="1"/>
  <c r="AD98148" i="1"/>
  <c r="AD98149" i="1"/>
  <c r="AD98150" i="1"/>
  <c r="AD98151" i="1"/>
  <c r="AD98152" i="1"/>
  <c r="AD98153" i="1"/>
  <c r="AD98154" i="1"/>
  <c r="AD98155" i="1"/>
  <c r="AD98156" i="1"/>
  <c r="AD98157" i="1"/>
  <c r="AD98158" i="1"/>
  <c r="AD98159" i="1"/>
  <c r="AD98160" i="1"/>
  <c r="AD98161" i="1"/>
  <c r="AD98162" i="1"/>
  <c r="AD98163" i="1"/>
  <c r="AD98164" i="1"/>
  <c r="AD98165" i="1"/>
  <c r="AD98166" i="1"/>
  <c r="AD98167" i="1"/>
  <c r="AD98168" i="1"/>
  <c r="AD98169" i="1"/>
  <c r="AD98170" i="1"/>
  <c r="AD98171" i="1"/>
  <c r="AD98172" i="1"/>
  <c r="AD98173" i="1"/>
  <c r="AD98174" i="1"/>
  <c r="AD98175" i="1"/>
  <c r="AD98176" i="1"/>
  <c r="AD98177" i="1"/>
  <c r="AD98178" i="1"/>
  <c r="AD98179" i="1"/>
  <c r="AD98180" i="1"/>
  <c r="AD98181" i="1"/>
  <c r="AD98182" i="1"/>
  <c r="AD98183" i="1"/>
  <c r="AD98184" i="1"/>
  <c r="AD98185" i="1"/>
  <c r="AD98186" i="1"/>
  <c r="AD98187" i="1"/>
  <c r="AD98188" i="1"/>
  <c r="AD98189" i="1"/>
  <c r="AD98190" i="1"/>
  <c r="AD98191" i="1"/>
  <c r="AD98192" i="1"/>
  <c r="AD98193" i="1"/>
  <c r="AD98194" i="1"/>
  <c r="AD98195" i="1"/>
  <c r="AD98196" i="1"/>
  <c r="AD98197" i="1"/>
  <c r="AD98198" i="1"/>
  <c r="AD98199" i="1"/>
  <c r="AD98200" i="1"/>
  <c r="AD98201" i="1"/>
  <c r="AD98202" i="1"/>
  <c r="AD98203" i="1"/>
  <c r="AD98204" i="1"/>
  <c r="AD98205" i="1"/>
  <c r="AD98206" i="1"/>
  <c r="AD98207" i="1"/>
  <c r="AD98208" i="1"/>
  <c r="AD98209" i="1"/>
  <c r="AD98210" i="1"/>
  <c r="AD98211" i="1"/>
  <c r="AD98212" i="1"/>
  <c r="AD98213" i="1"/>
  <c r="AD98214" i="1"/>
  <c r="AD98215" i="1"/>
  <c r="AD98216" i="1"/>
  <c r="AD98217" i="1"/>
  <c r="AD98218" i="1"/>
  <c r="AD98219" i="1"/>
  <c r="AD98220" i="1"/>
  <c r="AD98221" i="1"/>
  <c r="AD98222" i="1"/>
  <c r="AD98223" i="1"/>
  <c r="AD98224" i="1"/>
  <c r="AD98225" i="1"/>
  <c r="AD98226" i="1"/>
  <c r="AD98227" i="1"/>
  <c r="AD98228" i="1"/>
  <c r="AD98229" i="1"/>
  <c r="AD98230" i="1"/>
  <c r="AD98231" i="1"/>
  <c r="AD98232" i="1"/>
  <c r="AD98233" i="1"/>
  <c r="AD98234" i="1"/>
  <c r="AD98235" i="1"/>
  <c r="AD98236" i="1"/>
  <c r="AD98237" i="1"/>
  <c r="AD98238" i="1"/>
  <c r="AD98239" i="1"/>
  <c r="AD98240" i="1"/>
  <c r="AD98241" i="1"/>
  <c r="AD98242" i="1"/>
  <c r="AD98243" i="1"/>
  <c r="AD98244" i="1"/>
  <c r="AD98245" i="1"/>
  <c r="AD98246" i="1"/>
  <c r="AD98247" i="1"/>
  <c r="AD98248" i="1"/>
  <c r="AD98249" i="1"/>
  <c r="AD98250" i="1"/>
  <c r="AD98251" i="1"/>
  <c r="AD98252" i="1"/>
  <c r="AD98253" i="1"/>
  <c r="AD98254" i="1"/>
  <c r="AD98255" i="1"/>
  <c r="AD98256" i="1"/>
  <c r="AD98257" i="1"/>
  <c r="AD98258" i="1"/>
  <c r="AD98259" i="1"/>
  <c r="AD98260" i="1"/>
  <c r="AD98261" i="1"/>
  <c r="AD98262" i="1"/>
  <c r="AD98263" i="1"/>
  <c r="AD98264" i="1"/>
  <c r="AD98265" i="1"/>
  <c r="AD98266" i="1"/>
  <c r="AD98267" i="1"/>
  <c r="AD98268" i="1"/>
  <c r="AD98269" i="1"/>
  <c r="AD98270" i="1"/>
  <c r="AD98271" i="1"/>
  <c r="AD98272" i="1"/>
  <c r="AD98273" i="1"/>
  <c r="AD98274" i="1"/>
  <c r="AD98275" i="1"/>
  <c r="AD98276" i="1"/>
  <c r="AD98277" i="1"/>
  <c r="AD98278" i="1"/>
  <c r="AD98279" i="1"/>
  <c r="AD98280" i="1"/>
  <c r="AD98281" i="1"/>
  <c r="AD98282" i="1"/>
  <c r="AD98283" i="1"/>
  <c r="AD98284" i="1"/>
  <c r="AD98285" i="1"/>
  <c r="AD98286" i="1"/>
  <c r="AD98287" i="1"/>
  <c r="AD98288" i="1"/>
  <c r="AD98289" i="1"/>
  <c r="AD98290" i="1"/>
  <c r="AD98291" i="1"/>
  <c r="AD98292" i="1"/>
  <c r="AD98293" i="1"/>
  <c r="AD98294" i="1"/>
  <c r="AD98295" i="1"/>
  <c r="AD98296" i="1"/>
  <c r="AD98297" i="1"/>
  <c r="AD98298" i="1"/>
  <c r="AD98299" i="1"/>
  <c r="AD98300" i="1"/>
  <c r="AD98301" i="1"/>
  <c r="AD98302" i="1"/>
  <c r="AD98303" i="1"/>
  <c r="AD98304" i="1"/>
  <c r="AD98305" i="1"/>
  <c r="AD98306" i="1"/>
  <c r="AD98307" i="1"/>
  <c r="AD98308" i="1"/>
  <c r="AD98309" i="1"/>
  <c r="AD98310" i="1"/>
  <c r="AD98311" i="1"/>
  <c r="AD98312" i="1"/>
  <c r="AD98313" i="1"/>
  <c r="AD98314" i="1"/>
  <c r="AD98315" i="1"/>
  <c r="AD98316" i="1"/>
  <c r="AD98317" i="1"/>
  <c r="AD98318" i="1"/>
  <c r="AD98319" i="1"/>
  <c r="AD98320" i="1"/>
  <c r="AD98321" i="1"/>
  <c r="AD98322" i="1"/>
  <c r="AD98323" i="1"/>
  <c r="AD98324" i="1"/>
  <c r="AD98325" i="1"/>
  <c r="AD98326" i="1"/>
  <c r="AD98327" i="1"/>
  <c r="AD98328" i="1"/>
  <c r="AD98329" i="1"/>
  <c r="AD98330" i="1"/>
  <c r="AD98331" i="1"/>
  <c r="AD98332" i="1"/>
  <c r="AD98333" i="1"/>
  <c r="AD98334" i="1"/>
  <c r="AD98335" i="1"/>
  <c r="AD98336" i="1"/>
  <c r="AD98337" i="1"/>
  <c r="AD98338" i="1"/>
  <c r="AD98339" i="1"/>
  <c r="AD98340" i="1"/>
  <c r="AD98341" i="1"/>
  <c r="AD98342" i="1"/>
  <c r="AD98343" i="1"/>
  <c r="AD98344" i="1"/>
  <c r="AD98345" i="1"/>
  <c r="AD98346" i="1"/>
  <c r="AD98347" i="1"/>
  <c r="AD98348" i="1"/>
  <c r="AD98349" i="1"/>
  <c r="AD98350" i="1"/>
  <c r="AD98351" i="1"/>
  <c r="AD98352" i="1"/>
  <c r="AD98353" i="1"/>
  <c r="AD98354" i="1"/>
  <c r="AD98355" i="1"/>
  <c r="AD98356" i="1"/>
  <c r="AD98357" i="1"/>
  <c r="AD98358" i="1"/>
  <c r="AD98359" i="1"/>
  <c r="AD98360" i="1"/>
  <c r="AD98361" i="1"/>
  <c r="AD98362" i="1"/>
  <c r="AD98363" i="1"/>
  <c r="AD98364" i="1"/>
  <c r="AD98365" i="1"/>
  <c r="AD98366" i="1"/>
  <c r="AD98367" i="1"/>
  <c r="AD98368" i="1"/>
  <c r="AD98369" i="1"/>
  <c r="AD98370" i="1"/>
  <c r="AD98371" i="1"/>
  <c r="AD98372" i="1"/>
  <c r="AD98373" i="1"/>
  <c r="AD98374" i="1"/>
  <c r="AD98375" i="1"/>
  <c r="AD98376" i="1"/>
  <c r="AD98377" i="1"/>
  <c r="AD98378" i="1"/>
  <c r="AD98379" i="1"/>
  <c r="AD98380" i="1"/>
  <c r="AD98381" i="1"/>
  <c r="AD98382" i="1"/>
  <c r="AD98383" i="1"/>
  <c r="AD98384" i="1"/>
  <c r="AD98385" i="1"/>
  <c r="AD98386" i="1"/>
  <c r="AD98387" i="1"/>
  <c r="AD98388" i="1"/>
  <c r="AD98389" i="1"/>
  <c r="AD98390" i="1"/>
  <c r="AD98391" i="1"/>
  <c r="AD98392" i="1"/>
  <c r="AD98393" i="1"/>
  <c r="AD98394" i="1"/>
  <c r="AD98395" i="1"/>
  <c r="AD98396" i="1"/>
  <c r="AD98397" i="1"/>
  <c r="AD98398" i="1"/>
  <c r="AD98399" i="1"/>
  <c r="AD98400" i="1"/>
  <c r="AD98401" i="1"/>
  <c r="AD98402" i="1"/>
  <c r="AD98403" i="1"/>
  <c r="AD98404" i="1"/>
  <c r="AD98405" i="1"/>
  <c r="AD98406" i="1"/>
  <c r="AD98407" i="1"/>
  <c r="AD98408" i="1"/>
  <c r="AD98409" i="1"/>
  <c r="AD98410" i="1"/>
  <c r="AD98411" i="1"/>
  <c r="AD98412" i="1"/>
  <c r="AD98413" i="1"/>
  <c r="AD98414" i="1"/>
  <c r="AD98415" i="1"/>
  <c r="AD98416" i="1"/>
  <c r="AD98417" i="1"/>
  <c r="AD98418" i="1"/>
  <c r="AD98419" i="1"/>
  <c r="AD98420" i="1"/>
  <c r="AD98421" i="1"/>
  <c r="AD98422" i="1"/>
  <c r="AD98423" i="1"/>
  <c r="AD98424" i="1"/>
  <c r="AD98425" i="1"/>
  <c r="AD98426" i="1"/>
  <c r="AD98427" i="1"/>
  <c r="AD98428" i="1"/>
  <c r="AD98429" i="1"/>
  <c r="AD98430" i="1"/>
  <c r="AD98431" i="1"/>
  <c r="AD98432" i="1"/>
  <c r="AD98433" i="1"/>
  <c r="AD98434" i="1"/>
  <c r="AD98435" i="1"/>
  <c r="AD98436" i="1"/>
  <c r="AD98437" i="1"/>
  <c r="AD98438" i="1"/>
  <c r="AD98439" i="1"/>
  <c r="AD98440" i="1"/>
  <c r="AD98441" i="1"/>
  <c r="AD98442" i="1"/>
  <c r="AD98443" i="1"/>
  <c r="AD98444" i="1"/>
  <c r="AD98445" i="1"/>
  <c r="AD98446" i="1"/>
  <c r="AD98447" i="1"/>
  <c r="AD98448" i="1"/>
  <c r="AD98449" i="1"/>
  <c r="AD98450" i="1"/>
  <c r="AD98451" i="1"/>
  <c r="AD98452" i="1"/>
  <c r="AD98453" i="1"/>
  <c r="AD98454" i="1"/>
  <c r="AD98455" i="1"/>
  <c r="AD98456" i="1"/>
  <c r="AD98457" i="1"/>
  <c r="AD98458" i="1"/>
  <c r="AD98459" i="1"/>
  <c r="AD98460" i="1"/>
  <c r="AD98461" i="1"/>
  <c r="AD98462" i="1"/>
  <c r="AD98463" i="1"/>
  <c r="AD98464" i="1"/>
  <c r="AD98465" i="1"/>
  <c r="AD98466" i="1"/>
  <c r="AD98467" i="1"/>
  <c r="AD98468" i="1"/>
  <c r="AD98469" i="1"/>
  <c r="AD98470" i="1"/>
  <c r="AD98471" i="1"/>
  <c r="AD98472" i="1"/>
  <c r="AD98473" i="1"/>
  <c r="AD98474" i="1"/>
  <c r="AD98475" i="1"/>
  <c r="AD98476" i="1"/>
  <c r="AD98477" i="1"/>
  <c r="AD98478" i="1"/>
  <c r="AD98479" i="1"/>
  <c r="AD98480" i="1"/>
  <c r="AD98481" i="1"/>
  <c r="AD98482" i="1"/>
  <c r="AD98483" i="1"/>
  <c r="AD98484" i="1"/>
  <c r="AD98485" i="1"/>
  <c r="AD98486" i="1"/>
  <c r="AD98487" i="1"/>
  <c r="AD98488" i="1"/>
  <c r="AD98489" i="1"/>
  <c r="AD98490" i="1"/>
  <c r="AD98491" i="1"/>
  <c r="AD98492" i="1"/>
  <c r="AD98493" i="1"/>
  <c r="AD98494" i="1"/>
  <c r="AD98495" i="1"/>
  <c r="AD98496" i="1"/>
  <c r="AD98497" i="1"/>
  <c r="AD98498" i="1"/>
  <c r="AD98499" i="1"/>
  <c r="AD98500" i="1"/>
  <c r="AD98501" i="1"/>
  <c r="AD98502" i="1"/>
  <c r="AD98503" i="1"/>
  <c r="AD98504" i="1"/>
  <c r="AD98505" i="1"/>
  <c r="AD98506" i="1"/>
  <c r="AD98507" i="1"/>
  <c r="AD98508" i="1"/>
  <c r="AD98509" i="1"/>
  <c r="AD98510" i="1"/>
  <c r="AD98511" i="1"/>
  <c r="AD98512" i="1"/>
  <c r="AD98513" i="1"/>
  <c r="AD98514" i="1"/>
  <c r="AD98515" i="1"/>
  <c r="AD98516" i="1"/>
  <c r="AD98517" i="1"/>
  <c r="AD98518" i="1"/>
  <c r="AD98519" i="1"/>
  <c r="AD98520" i="1"/>
  <c r="AD98521" i="1"/>
  <c r="AD98522" i="1"/>
  <c r="AD98523" i="1"/>
  <c r="AD98524" i="1"/>
  <c r="AD98525" i="1"/>
  <c r="AD98526" i="1"/>
  <c r="AD98527" i="1"/>
  <c r="AD98528" i="1"/>
  <c r="AD98529" i="1"/>
  <c r="AD98530" i="1"/>
  <c r="AD98531" i="1"/>
  <c r="AD98532" i="1"/>
  <c r="AD98533" i="1"/>
  <c r="AD98534" i="1"/>
  <c r="AD98535" i="1"/>
  <c r="AD98536" i="1"/>
  <c r="AD98537" i="1"/>
  <c r="AD98538" i="1"/>
  <c r="AD98539" i="1"/>
  <c r="AD98540" i="1"/>
  <c r="AD98541" i="1"/>
  <c r="AD98542" i="1"/>
  <c r="AD98543" i="1"/>
  <c r="AD98544" i="1"/>
  <c r="AD98545" i="1"/>
  <c r="AD98546" i="1"/>
  <c r="AD98547" i="1"/>
  <c r="AD98548" i="1"/>
  <c r="AD98549" i="1"/>
  <c r="AD98550" i="1"/>
  <c r="AD98551" i="1"/>
  <c r="AD98552" i="1"/>
  <c r="AD98553" i="1"/>
  <c r="AD98554" i="1"/>
  <c r="AD98555" i="1"/>
  <c r="AD98556" i="1"/>
  <c r="AD98557" i="1"/>
  <c r="AD98558" i="1"/>
  <c r="AD98559" i="1"/>
  <c r="AD98560" i="1"/>
  <c r="AD98561" i="1"/>
  <c r="AD98562" i="1"/>
  <c r="AD98563" i="1"/>
  <c r="AD98564" i="1"/>
  <c r="AD98565" i="1"/>
  <c r="AD98566" i="1"/>
  <c r="AD98567" i="1"/>
  <c r="AD98568" i="1"/>
  <c r="AD98569" i="1"/>
  <c r="AD98570" i="1"/>
  <c r="AD98571" i="1"/>
  <c r="AD98572" i="1"/>
  <c r="AD98573" i="1"/>
  <c r="AD98574" i="1"/>
  <c r="AD98575" i="1"/>
  <c r="AD98576" i="1"/>
  <c r="AD98577" i="1"/>
  <c r="AD98578" i="1"/>
  <c r="AD98579" i="1"/>
  <c r="AD98580" i="1"/>
  <c r="AD98581" i="1"/>
  <c r="AD98582" i="1"/>
  <c r="AD98583" i="1"/>
  <c r="AD98584" i="1"/>
  <c r="AD98585" i="1"/>
  <c r="AD98586" i="1"/>
  <c r="AD98587" i="1"/>
  <c r="AD98588" i="1"/>
  <c r="AD98589" i="1"/>
  <c r="AD98590" i="1"/>
  <c r="AD98591" i="1"/>
  <c r="AD98592" i="1"/>
  <c r="AD98593" i="1"/>
  <c r="AD98594" i="1"/>
  <c r="AD98595" i="1"/>
  <c r="AD98596" i="1"/>
  <c r="AD98597" i="1"/>
  <c r="AD98598" i="1"/>
  <c r="AD98599" i="1"/>
  <c r="AD98600" i="1"/>
  <c r="AD98601" i="1"/>
  <c r="AD98602" i="1"/>
  <c r="AD98603" i="1"/>
  <c r="AD98604" i="1"/>
  <c r="AD98605" i="1"/>
  <c r="AD98606" i="1"/>
  <c r="AD98607" i="1"/>
  <c r="AD98608" i="1"/>
  <c r="AD98609" i="1"/>
  <c r="AD98610" i="1"/>
  <c r="AD98611" i="1"/>
  <c r="AD98612" i="1"/>
  <c r="AD98613" i="1"/>
  <c r="AD98614" i="1"/>
  <c r="AD98615" i="1"/>
  <c r="AD98616" i="1"/>
  <c r="AD98617" i="1"/>
  <c r="AD98618" i="1"/>
  <c r="AD98619" i="1"/>
  <c r="AD98620" i="1"/>
  <c r="AD98621" i="1"/>
  <c r="AD98622" i="1"/>
  <c r="AD98623" i="1"/>
  <c r="AD98624" i="1"/>
  <c r="AD98625" i="1"/>
  <c r="AD98626" i="1"/>
  <c r="AD98627" i="1"/>
  <c r="AD98628" i="1"/>
  <c r="AD98629" i="1"/>
  <c r="AD98630" i="1"/>
  <c r="AD98631" i="1"/>
  <c r="AD98632" i="1"/>
  <c r="AD98633" i="1"/>
  <c r="AD98634" i="1"/>
  <c r="AD98635" i="1"/>
  <c r="AD98636" i="1"/>
  <c r="AD98637" i="1"/>
  <c r="AD98638" i="1"/>
  <c r="AD98639" i="1"/>
  <c r="AD98640" i="1"/>
  <c r="AD98641" i="1"/>
  <c r="AD98642" i="1"/>
  <c r="AD98643" i="1"/>
  <c r="AD98644" i="1"/>
  <c r="AD98645" i="1"/>
  <c r="AD98646" i="1"/>
  <c r="AD98647" i="1"/>
  <c r="AD98648" i="1"/>
  <c r="AD98649" i="1"/>
  <c r="AD98650" i="1"/>
  <c r="AD98651" i="1"/>
  <c r="AD98652" i="1"/>
  <c r="AD98653" i="1"/>
  <c r="AD98654" i="1"/>
  <c r="AD98655" i="1"/>
  <c r="AD98656" i="1"/>
  <c r="AD98657" i="1"/>
  <c r="AD98658" i="1"/>
  <c r="AD98659" i="1"/>
  <c r="AD98660" i="1"/>
  <c r="AD98661" i="1"/>
  <c r="AD98662" i="1"/>
  <c r="AD98663" i="1"/>
  <c r="AD98664" i="1"/>
  <c r="AD98665" i="1"/>
  <c r="AD98666" i="1"/>
  <c r="AD98667" i="1"/>
  <c r="AD98668" i="1"/>
  <c r="AD98669" i="1"/>
  <c r="AD98670" i="1"/>
  <c r="AD98671" i="1"/>
  <c r="AD98672" i="1"/>
  <c r="AD98673" i="1"/>
  <c r="AD98674" i="1"/>
  <c r="AD98675" i="1"/>
  <c r="AD98676" i="1"/>
  <c r="AD98677" i="1"/>
  <c r="AD98678" i="1"/>
  <c r="AD98679" i="1"/>
  <c r="AD98680" i="1"/>
  <c r="AD98681" i="1"/>
  <c r="AD98682" i="1"/>
  <c r="AD98683" i="1"/>
  <c r="AD98684" i="1"/>
  <c r="AD98685" i="1"/>
  <c r="AD98686" i="1"/>
  <c r="AD98687" i="1"/>
  <c r="AD98688" i="1"/>
  <c r="AD98689" i="1"/>
  <c r="AD98690" i="1"/>
  <c r="AD98691" i="1"/>
  <c r="AD98692" i="1"/>
  <c r="AD98693" i="1"/>
  <c r="AD98694" i="1"/>
  <c r="AD98695" i="1"/>
  <c r="AD98696" i="1"/>
  <c r="AD98697" i="1"/>
  <c r="AD98698" i="1"/>
  <c r="AD98699" i="1"/>
  <c r="AD98700" i="1"/>
  <c r="AD98701" i="1"/>
  <c r="AD98702" i="1"/>
  <c r="AD98703" i="1"/>
  <c r="AD98704" i="1"/>
  <c r="AD98705" i="1"/>
  <c r="AD98706" i="1"/>
  <c r="AD98707" i="1"/>
  <c r="AD98708" i="1"/>
  <c r="AD98709" i="1"/>
  <c r="AD98710" i="1"/>
  <c r="AD98711" i="1"/>
  <c r="AD98712" i="1"/>
  <c r="AD98713" i="1"/>
  <c r="AD98714" i="1"/>
  <c r="AD98715" i="1"/>
  <c r="AD98716" i="1"/>
  <c r="AD98717" i="1"/>
  <c r="AD98718" i="1"/>
  <c r="AD98719" i="1"/>
  <c r="AD98720" i="1"/>
  <c r="AD98721" i="1"/>
  <c r="AD98722" i="1"/>
  <c r="AD98723" i="1"/>
  <c r="AD98724" i="1"/>
  <c r="AD98725" i="1"/>
  <c r="AD98726" i="1"/>
  <c r="AD98727" i="1"/>
  <c r="AD98728" i="1"/>
  <c r="AD98729" i="1"/>
  <c r="AD98730" i="1"/>
  <c r="AD98731" i="1"/>
  <c r="AD98732" i="1"/>
  <c r="AD98733" i="1"/>
  <c r="AD98734" i="1"/>
  <c r="AD98735" i="1"/>
  <c r="AD98736" i="1"/>
  <c r="AD98737" i="1"/>
  <c r="AD98738" i="1"/>
  <c r="AD98739" i="1"/>
  <c r="AD98740" i="1"/>
  <c r="AD98741" i="1"/>
  <c r="AD98742" i="1"/>
  <c r="AD98743" i="1"/>
  <c r="AD98744" i="1"/>
  <c r="AD98745" i="1"/>
  <c r="AD98746" i="1"/>
  <c r="AD98747" i="1"/>
  <c r="AD98748" i="1"/>
  <c r="AD98749" i="1"/>
  <c r="AD98750" i="1"/>
  <c r="AD98751" i="1"/>
  <c r="AD98752" i="1"/>
  <c r="AD98753" i="1"/>
  <c r="AD98754" i="1"/>
  <c r="AD98755" i="1"/>
  <c r="AD98756" i="1"/>
  <c r="AD98757" i="1"/>
  <c r="AD98758" i="1"/>
  <c r="AD98759" i="1"/>
  <c r="AD98760" i="1"/>
  <c r="AD98761" i="1"/>
  <c r="AD98762" i="1"/>
  <c r="AD98763" i="1"/>
  <c r="AD98764" i="1"/>
  <c r="AD98765" i="1"/>
  <c r="AD98766" i="1"/>
  <c r="AD98767" i="1"/>
  <c r="AD98768" i="1"/>
  <c r="AD98769" i="1"/>
  <c r="AD98770" i="1"/>
  <c r="AD98771" i="1"/>
  <c r="AD98772" i="1"/>
  <c r="AD98773" i="1"/>
  <c r="AD98774" i="1"/>
  <c r="AD98775" i="1"/>
  <c r="AD98776" i="1"/>
  <c r="AD98777" i="1"/>
  <c r="AD98778" i="1"/>
  <c r="AD98779" i="1"/>
  <c r="AD98780" i="1"/>
  <c r="AD98781" i="1"/>
  <c r="AD98782" i="1"/>
  <c r="AD98783" i="1"/>
  <c r="AD98784" i="1"/>
  <c r="AD98785" i="1"/>
  <c r="AD98786" i="1"/>
  <c r="AD98787" i="1"/>
  <c r="AD98788" i="1"/>
  <c r="AD98789" i="1"/>
  <c r="AD98790" i="1"/>
  <c r="AD98791" i="1"/>
  <c r="AD98792" i="1"/>
  <c r="AD98793" i="1"/>
  <c r="AD98794" i="1"/>
  <c r="AD98795" i="1"/>
  <c r="AD98796" i="1"/>
  <c r="AD98797" i="1"/>
  <c r="AD98798" i="1"/>
  <c r="AD98799" i="1"/>
  <c r="AD98800" i="1"/>
  <c r="AD98801" i="1"/>
  <c r="AD98802" i="1"/>
  <c r="AD98803" i="1"/>
  <c r="AD98804" i="1"/>
  <c r="AD98805" i="1"/>
  <c r="AD98806" i="1"/>
  <c r="AD98807" i="1"/>
  <c r="AD98808" i="1"/>
  <c r="AD98809" i="1"/>
  <c r="AD98810" i="1"/>
  <c r="AD98811" i="1"/>
  <c r="AD98812" i="1"/>
  <c r="AD98813" i="1"/>
  <c r="AD98814" i="1"/>
  <c r="AD98815" i="1"/>
  <c r="AD98816" i="1"/>
  <c r="AD98817" i="1"/>
  <c r="AD98818" i="1"/>
  <c r="AD98819" i="1"/>
  <c r="AD98820" i="1"/>
  <c r="AD98821" i="1"/>
  <c r="AD98822" i="1"/>
  <c r="AD98823" i="1"/>
  <c r="AD98824" i="1"/>
  <c r="AD98825" i="1"/>
  <c r="AD98826" i="1"/>
  <c r="AD98827" i="1"/>
  <c r="AD98828" i="1"/>
  <c r="AD98829" i="1"/>
  <c r="AD98830" i="1"/>
  <c r="AD98831" i="1"/>
  <c r="AD98832" i="1"/>
  <c r="AD98833" i="1"/>
  <c r="AD98834" i="1"/>
  <c r="AD98835" i="1"/>
  <c r="AD98836" i="1"/>
  <c r="AD98837" i="1"/>
  <c r="AD98838" i="1"/>
  <c r="AD98839" i="1"/>
  <c r="AD98840" i="1"/>
  <c r="AD98841" i="1"/>
  <c r="AD98842" i="1"/>
  <c r="AD98843" i="1"/>
  <c r="AD98844" i="1"/>
  <c r="AD98845" i="1"/>
  <c r="AD98846" i="1"/>
  <c r="AD98847" i="1"/>
  <c r="AD98848" i="1"/>
  <c r="AD98849" i="1"/>
  <c r="AD98850" i="1"/>
  <c r="AD98851" i="1"/>
  <c r="AD98852" i="1"/>
  <c r="AD98853" i="1"/>
  <c r="AD98854" i="1"/>
  <c r="AD98855" i="1"/>
  <c r="AD98856" i="1"/>
  <c r="AD98857" i="1"/>
  <c r="AD98858" i="1"/>
  <c r="AD98859" i="1"/>
  <c r="AD98860" i="1"/>
  <c r="AD98861" i="1"/>
  <c r="AD98862" i="1"/>
  <c r="AD98863" i="1"/>
  <c r="AD98864" i="1"/>
  <c r="AD98865" i="1"/>
  <c r="AD98866" i="1"/>
  <c r="AD98867" i="1"/>
  <c r="AD98868" i="1"/>
  <c r="AD98869" i="1"/>
  <c r="AD98870" i="1"/>
  <c r="AD98871" i="1"/>
  <c r="AD98872" i="1"/>
  <c r="AD98873" i="1"/>
  <c r="AD98874" i="1"/>
  <c r="AD98875" i="1"/>
  <c r="AD98876" i="1"/>
  <c r="AD98877" i="1"/>
  <c r="AD98878" i="1"/>
  <c r="AD98879" i="1"/>
  <c r="AD98880" i="1"/>
  <c r="AD98881" i="1"/>
  <c r="AD98882" i="1"/>
  <c r="AD98883" i="1"/>
  <c r="AD98884" i="1"/>
  <c r="AD98885" i="1"/>
  <c r="AD98886" i="1"/>
  <c r="AD98887" i="1"/>
  <c r="AD98888" i="1"/>
  <c r="AD98889" i="1"/>
  <c r="AD98890" i="1"/>
  <c r="AD98891" i="1"/>
  <c r="AD98892" i="1"/>
  <c r="AD98893" i="1"/>
  <c r="AD98894" i="1"/>
  <c r="AD98895" i="1"/>
  <c r="AD98896" i="1"/>
  <c r="AD98897" i="1"/>
  <c r="AD98898" i="1"/>
  <c r="AD98899" i="1"/>
  <c r="AD98900" i="1"/>
  <c r="AD98901" i="1"/>
  <c r="AD98902" i="1"/>
  <c r="AD98903" i="1"/>
  <c r="AD98904" i="1"/>
  <c r="AD98905" i="1"/>
  <c r="AD98906" i="1"/>
  <c r="AD98907" i="1"/>
  <c r="AD98908" i="1"/>
  <c r="AD98909" i="1"/>
  <c r="AD98910" i="1"/>
  <c r="AD98911" i="1"/>
  <c r="AD98912" i="1"/>
  <c r="AD98913" i="1"/>
  <c r="AD98914" i="1"/>
  <c r="AD98915" i="1"/>
  <c r="AD98916" i="1"/>
  <c r="AD98917" i="1"/>
  <c r="AD98918" i="1"/>
  <c r="AD98919" i="1"/>
  <c r="AD98920" i="1"/>
  <c r="AD98921" i="1"/>
  <c r="AD98922" i="1"/>
  <c r="AD98923" i="1"/>
  <c r="AD98924" i="1"/>
  <c r="AD98925" i="1"/>
  <c r="AD98926" i="1"/>
  <c r="AD98927" i="1"/>
  <c r="AD98928" i="1"/>
  <c r="AD98929" i="1"/>
  <c r="AD98930" i="1"/>
  <c r="AD98931" i="1"/>
  <c r="AD98932" i="1"/>
  <c r="AD98933" i="1"/>
  <c r="AD98934" i="1"/>
  <c r="AD98935" i="1"/>
  <c r="AD98936" i="1"/>
  <c r="AD98937" i="1"/>
  <c r="AD98938" i="1"/>
  <c r="AD98939" i="1"/>
  <c r="AD98940" i="1"/>
  <c r="AD98941" i="1"/>
  <c r="AD98942" i="1"/>
  <c r="AD98943" i="1"/>
  <c r="AD98944" i="1"/>
  <c r="AD98945" i="1"/>
  <c r="AD98946" i="1"/>
  <c r="AD98947" i="1"/>
  <c r="AD98948" i="1"/>
  <c r="AD98949" i="1"/>
  <c r="AD98950" i="1"/>
  <c r="AD98951" i="1"/>
  <c r="AD98952" i="1"/>
  <c r="AD98953" i="1"/>
  <c r="AD98954" i="1"/>
  <c r="AD98955" i="1"/>
  <c r="AD98956" i="1"/>
  <c r="AD98957" i="1"/>
  <c r="AD98958" i="1"/>
  <c r="AD98959" i="1"/>
  <c r="AD98960" i="1"/>
  <c r="AD98961" i="1"/>
  <c r="AD98962" i="1"/>
  <c r="AD98963" i="1"/>
  <c r="AD98964" i="1"/>
  <c r="AD98965" i="1"/>
  <c r="AD98966" i="1"/>
  <c r="AD98967" i="1"/>
  <c r="AD98968" i="1"/>
  <c r="AD98969" i="1"/>
  <c r="AD98970" i="1"/>
  <c r="AD98971" i="1"/>
  <c r="AD98972" i="1"/>
  <c r="AD98973" i="1"/>
  <c r="AD98974" i="1"/>
  <c r="AD98975" i="1"/>
  <c r="AD98976" i="1"/>
  <c r="AD98977" i="1"/>
  <c r="AD98978" i="1"/>
  <c r="AD98979" i="1"/>
  <c r="AD98980" i="1"/>
  <c r="AD98981" i="1"/>
  <c r="AD98982" i="1"/>
  <c r="AD98983" i="1"/>
  <c r="AD98984" i="1"/>
  <c r="AD98985" i="1"/>
  <c r="AD98986" i="1"/>
  <c r="AD98987" i="1"/>
  <c r="AD98988" i="1"/>
  <c r="AD98989" i="1"/>
  <c r="AD98990" i="1"/>
  <c r="AD98991" i="1"/>
  <c r="AD98992" i="1"/>
  <c r="AD98993" i="1"/>
  <c r="AD98994" i="1"/>
  <c r="AD98995" i="1"/>
  <c r="AD98996" i="1"/>
  <c r="AD98997" i="1"/>
  <c r="AD98998" i="1"/>
  <c r="AD98999" i="1"/>
  <c r="AD99000" i="1"/>
  <c r="AD99001" i="1"/>
  <c r="AD99002" i="1"/>
  <c r="AD99003" i="1"/>
  <c r="AD99004" i="1"/>
  <c r="AD99005" i="1"/>
  <c r="AD99006" i="1"/>
  <c r="AD99007" i="1"/>
  <c r="AD99008" i="1"/>
  <c r="AD99009" i="1"/>
  <c r="AD99010" i="1"/>
  <c r="AD99011" i="1"/>
  <c r="AD99012" i="1"/>
  <c r="AD99013" i="1"/>
  <c r="AD99014" i="1"/>
  <c r="AD99015" i="1"/>
  <c r="AD99016" i="1"/>
  <c r="AD99017" i="1"/>
  <c r="AD99018" i="1"/>
  <c r="AD99019" i="1"/>
  <c r="AD99020" i="1"/>
  <c r="AD99021" i="1"/>
  <c r="AD99022" i="1"/>
  <c r="AD99023" i="1"/>
  <c r="AD99024" i="1"/>
  <c r="AD99025" i="1"/>
  <c r="AD99026" i="1"/>
  <c r="AD99027" i="1"/>
  <c r="AD99028" i="1"/>
  <c r="AD99029" i="1"/>
  <c r="AD99030" i="1"/>
  <c r="AD99031" i="1"/>
  <c r="AD99032" i="1"/>
  <c r="AD99033" i="1"/>
  <c r="AD99034" i="1"/>
  <c r="AD99035" i="1"/>
  <c r="AD99036" i="1"/>
  <c r="AD99037" i="1"/>
  <c r="AD99038" i="1"/>
  <c r="AD99039" i="1"/>
  <c r="AD99040" i="1"/>
  <c r="AD99041" i="1"/>
  <c r="AD99042" i="1"/>
  <c r="AD99043" i="1"/>
  <c r="AD99044" i="1"/>
  <c r="AD99045" i="1"/>
  <c r="AD99046" i="1"/>
  <c r="AD99047" i="1"/>
  <c r="AD99048" i="1"/>
  <c r="AD99049" i="1"/>
  <c r="AD99050" i="1"/>
  <c r="AD99051" i="1"/>
  <c r="AD99052" i="1"/>
  <c r="AD99053" i="1"/>
  <c r="AD99054" i="1"/>
  <c r="AD99055" i="1"/>
  <c r="AD99056" i="1"/>
  <c r="AD99057" i="1"/>
  <c r="AD99058" i="1"/>
  <c r="AD99059" i="1"/>
  <c r="AD99060" i="1"/>
  <c r="AD99061" i="1"/>
  <c r="AD99062" i="1"/>
  <c r="AD99063" i="1"/>
  <c r="AD99064" i="1"/>
  <c r="AD99065" i="1"/>
  <c r="AD99066" i="1"/>
  <c r="AD99067" i="1"/>
  <c r="AD99068" i="1"/>
  <c r="AD99069" i="1"/>
  <c r="AD99070" i="1"/>
  <c r="AD99071" i="1"/>
  <c r="AD99072" i="1"/>
  <c r="AD99073" i="1"/>
  <c r="AD99074" i="1"/>
  <c r="AD99075" i="1"/>
  <c r="AD99076" i="1"/>
  <c r="AD99077" i="1"/>
  <c r="AD99078" i="1"/>
  <c r="AD99079" i="1"/>
  <c r="AD99080" i="1"/>
  <c r="AD99081" i="1"/>
  <c r="AD99082" i="1"/>
  <c r="AD99083" i="1"/>
  <c r="AD99084" i="1"/>
  <c r="AD99085" i="1"/>
  <c r="AD99086" i="1"/>
  <c r="AD99087" i="1"/>
  <c r="AD99088" i="1"/>
  <c r="AD99089" i="1"/>
  <c r="AD99090" i="1"/>
  <c r="AD99091" i="1"/>
  <c r="AD99092" i="1"/>
  <c r="AD99093" i="1"/>
  <c r="AD99094" i="1"/>
  <c r="AD99095" i="1"/>
  <c r="AD99096" i="1"/>
  <c r="AD99097" i="1"/>
  <c r="AD99098" i="1"/>
  <c r="AD99099" i="1"/>
  <c r="AD99100" i="1"/>
  <c r="AD99101" i="1"/>
  <c r="AD99102" i="1"/>
  <c r="AD99103" i="1"/>
  <c r="AD99104" i="1"/>
  <c r="AD99105" i="1"/>
  <c r="AD99106" i="1"/>
  <c r="AD99107" i="1"/>
  <c r="AD99108" i="1"/>
  <c r="AD99109" i="1"/>
  <c r="AD99110" i="1"/>
  <c r="AD99111" i="1"/>
  <c r="AD99112" i="1"/>
  <c r="AD99113" i="1"/>
  <c r="AD99114" i="1"/>
  <c r="AD99115" i="1"/>
  <c r="AD99116" i="1"/>
  <c r="AD99117" i="1"/>
  <c r="AD99118" i="1"/>
  <c r="AD99119" i="1"/>
  <c r="AD99120" i="1"/>
  <c r="AD99121" i="1"/>
  <c r="AD99122" i="1"/>
  <c r="AD99123" i="1"/>
  <c r="AD99124" i="1"/>
  <c r="AD99125" i="1"/>
  <c r="AD99126" i="1"/>
  <c r="AD99127" i="1"/>
  <c r="AD99128" i="1"/>
  <c r="AD99129" i="1"/>
  <c r="AD99130" i="1"/>
  <c r="AD99131" i="1"/>
  <c r="AD99132" i="1"/>
  <c r="AD99133" i="1"/>
  <c r="AD99134" i="1"/>
  <c r="AD99135" i="1"/>
  <c r="AD99136" i="1"/>
  <c r="AD99137" i="1"/>
  <c r="AD99138" i="1"/>
  <c r="AD99139" i="1"/>
  <c r="AD99140" i="1"/>
  <c r="AD99141" i="1"/>
  <c r="AD99142" i="1"/>
  <c r="AD99143" i="1"/>
  <c r="AD99144" i="1"/>
  <c r="AD99145" i="1"/>
  <c r="AD99146" i="1"/>
  <c r="AD99147" i="1"/>
  <c r="AD99148" i="1"/>
  <c r="AD99149" i="1"/>
  <c r="AD99150" i="1"/>
  <c r="AD99151" i="1"/>
  <c r="AD99152" i="1"/>
  <c r="AD99153" i="1"/>
  <c r="AD99154" i="1"/>
  <c r="AD99155" i="1"/>
  <c r="AD99156" i="1"/>
  <c r="AD99157" i="1"/>
  <c r="AD99158" i="1"/>
  <c r="AD99159" i="1"/>
  <c r="AD99160" i="1"/>
  <c r="AD99161" i="1"/>
  <c r="AD99162" i="1"/>
  <c r="AD99163" i="1"/>
  <c r="AD99164" i="1"/>
  <c r="AD99165" i="1"/>
  <c r="AD99166" i="1"/>
  <c r="AD99167" i="1"/>
  <c r="AD99168" i="1"/>
  <c r="AD99169" i="1"/>
  <c r="AD99170" i="1"/>
  <c r="AD99171" i="1"/>
  <c r="AD99172" i="1"/>
  <c r="AD99173" i="1"/>
  <c r="AD99174" i="1"/>
  <c r="AD99175" i="1"/>
  <c r="AD99176" i="1"/>
  <c r="AD99177" i="1"/>
  <c r="AD99178" i="1"/>
  <c r="AD99179" i="1"/>
  <c r="AD99180" i="1"/>
  <c r="AD99181" i="1"/>
  <c r="AD99182" i="1"/>
  <c r="AD99183" i="1"/>
  <c r="AD99184" i="1"/>
  <c r="AD99185" i="1"/>
  <c r="AD99186" i="1"/>
  <c r="AD99187" i="1"/>
  <c r="AD99188" i="1"/>
  <c r="AD99189" i="1"/>
  <c r="AD99190" i="1"/>
  <c r="AD99191" i="1"/>
  <c r="AD99192" i="1"/>
  <c r="AD99193" i="1"/>
  <c r="AD99194" i="1"/>
  <c r="AD99195" i="1"/>
  <c r="AD99196" i="1"/>
  <c r="AD99197" i="1"/>
  <c r="AD99198" i="1"/>
  <c r="AD99199" i="1"/>
  <c r="AD99200" i="1"/>
  <c r="AD99201" i="1"/>
  <c r="AD99202" i="1"/>
  <c r="AD99203" i="1"/>
  <c r="AD99204" i="1"/>
  <c r="AD99205" i="1"/>
  <c r="AD99206" i="1"/>
  <c r="AD99207" i="1"/>
  <c r="AD99208" i="1"/>
  <c r="AD99209" i="1"/>
  <c r="AD99210" i="1"/>
  <c r="AD99211" i="1"/>
  <c r="AD99212" i="1"/>
  <c r="AD99213" i="1"/>
  <c r="AD99214" i="1"/>
  <c r="AD99215" i="1"/>
  <c r="AD99216" i="1"/>
  <c r="AD99217" i="1"/>
  <c r="AD99218" i="1"/>
  <c r="AD99219" i="1"/>
  <c r="AD99220" i="1"/>
  <c r="AD99221" i="1"/>
  <c r="AD99222" i="1"/>
  <c r="AD99223" i="1"/>
  <c r="AD99224" i="1"/>
  <c r="AD99225" i="1"/>
  <c r="AD99226" i="1"/>
  <c r="AD99227" i="1"/>
  <c r="AD99228" i="1"/>
  <c r="AD99229" i="1"/>
  <c r="AD99230" i="1"/>
  <c r="AD99231" i="1"/>
  <c r="AD99232" i="1"/>
  <c r="AD99233" i="1"/>
  <c r="AD99234" i="1"/>
  <c r="AD99235" i="1"/>
  <c r="AD99236" i="1"/>
  <c r="AD99237" i="1"/>
  <c r="AD99238" i="1"/>
  <c r="AD99239" i="1"/>
  <c r="AD99240" i="1"/>
  <c r="AD99241" i="1"/>
  <c r="AD99242" i="1"/>
  <c r="AD99243" i="1"/>
  <c r="AD99244" i="1"/>
  <c r="AD99245" i="1"/>
  <c r="AD99246" i="1"/>
  <c r="AD99247" i="1"/>
  <c r="AD99248" i="1"/>
  <c r="AD99249" i="1"/>
  <c r="AD99250" i="1"/>
  <c r="AD99251" i="1"/>
  <c r="AD99252" i="1"/>
  <c r="AD99253" i="1"/>
  <c r="AD99254" i="1"/>
  <c r="AD99255" i="1"/>
  <c r="AD99256" i="1"/>
  <c r="AD99257" i="1"/>
  <c r="AD99258" i="1"/>
  <c r="AD99259" i="1"/>
  <c r="AD99260" i="1"/>
  <c r="AD99261" i="1"/>
  <c r="AD99262" i="1"/>
  <c r="AD99263" i="1"/>
  <c r="AD99264" i="1"/>
  <c r="AD99265" i="1"/>
  <c r="AD99266" i="1"/>
  <c r="AD99267" i="1"/>
  <c r="AD99268" i="1"/>
  <c r="AD99269" i="1"/>
  <c r="AD99270" i="1"/>
  <c r="AD99271" i="1"/>
  <c r="AD99272" i="1"/>
  <c r="AD99273" i="1"/>
  <c r="AD99274" i="1"/>
  <c r="AD99275" i="1"/>
  <c r="AD99276" i="1"/>
  <c r="AD99277" i="1"/>
  <c r="AD99278" i="1"/>
  <c r="AD99279" i="1"/>
  <c r="AD99280" i="1"/>
  <c r="AD99281" i="1"/>
  <c r="AD99282" i="1"/>
  <c r="AD99283" i="1"/>
  <c r="AD99284" i="1"/>
  <c r="AD99285" i="1"/>
  <c r="AD99286" i="1"/>
  <c r="AD99287" i="1"/>
  <c r="AD99288" i="1"/>
  <c r="AD99289" i="1"/>
  <c r="AD99290" i="1"/>
  <c r="AD99291" i="1"/>
  <c r="AD99292" i="1"/>
  <c r="AD99293" i="1"/>
  <c r="AD99294" i="1"/>
  <c r="AD99295" i="1"/>
  <c r="AD99296" i="1"/>
  <c r="AD99297" i="1"/>
  <c r="AD99298" i="1"/>
  <c r="AD99299" i="1"/>
  <c r="AD99300" i="1"/>
  <c r="AD99301" i="1"/>
  <c r="AD99302" i="1"/>
  <c r="AD99303" i="1"/>
  <c r="AD99304" i="1"/>
  <c r="AD99305" i="1"/>
  <c r="AD99306" i="1"/>
  <c r="AD99307" i="1"/>
  <c r="AD99308" i="1"/>
  <c r="AD99309" i="1"/>
  <c r="AD99310" i="1"/>
  <c r="AD99311" i="1"/>
  <c r="AD99312" i="1"/>
  <c r="AD99313" i="1"/>
  <c r="AD99314" i="1"/>
  <c r="AD99315" i="1"/>
  <c r="AD99316" i="1"/>
  <c r="AD99317" i="1"/>
  <c r="AD99318" i="1"/>
  <c r="AD99319" i="1"/>
  <c r="AD99320" i="1"/>
  <c r="AD99321" i="1"/>
  <c r="AD99322" i="1"/>
  <c r="AD99323" i="1"/>
  <c r="AD99324" i="1"/>
  <c r="AD99325" i="1"/>
  <c r="AD99326" i="1"/>
  <c r="AD99327" i="1"/>
  <c r="AD99328" i="1"/>
  <c r="AD99329" i="1"/>
  <c r="AD99330" i="1"/>
  <c r="AD99331" i="1"/>
  <c r="AD99332" i="1"/>
  <c r="AD99333" i="1"/>
  <c r="AD99334" i="1"/>
  <c r="AD99335" i="1"/>
  <c r="AD99336" i="1"/>
  <c r="AD99337" i="1"/>
  <c r="AD99338" i="1"/>
  <c r="AD99339" i="1"/>
  <c r="AD99340" i="1"/>
  <c r="AD99341" i="1"/>
  <c r="AD99342" i="1"/>
  <c r="AD99343" i="1"/>
  <c r="AD99344" i="1"/>
  <c r="AD99345" i="1"/>
  <c r="AD99346" i="1"/>
  <c r="AD99347" i="1"/>
  <c r="AD99348" i="1"/>
  <c r="AD99349" i="1"/>
  <c r="AD99350" i="1"/>
  <c r="AD99351" i="1"/>
  <c r="AD99352" i="1"/>
  <c r="AD99353" i="1"/>
  <c r="AD99354" i="1"/>
  <c r="AD99355" i="1"/>
  <c r="AD99356" i="1"/>
  <c r="AD99357" i="1"/>
  <c r="AD99358" i="1"/>
  <c r="AD99359" i="1"/>
  <c r="AD99360" i="1"/>
  <c r="AD99361" i="1"/>
  <c r="AD99362" i="1"/>
  <c r="AD99363" i="1"/>
  <c r="AD99364" i="1"/>
  <c r="AD99365" i="1"/>
  <c r="AD99366" i="1"/>
  <c r="AD99367" i="1"/>
  <c r="AD99368" i="1"/>
  <c r="AD99369" i="1"/>
  <c r="AD99370" i="1"/>
  <c r="AD99371" i="1"/>
  <c r="AD99372" i="1"/>
  <c r="AD99373" i="1"/>
  <c r="AD99374" i="1"/>
  <c r="AD99375" i="1"/>
  <c r="AD99376" i="1"/>
  <c r="AD99377" i="1"/>
  <c r="AD99378" i="1"/>
  <c r="AD99379" i="1"/>
  <c r="AD99380" i="1"/>
  <c r="AD99381" i="1"/>
  <c r="AD99382" i="1"/>
  <c r="AD99383" i="1"/>
  <c r="AD99384" i="1"/>
  <c r="AD99385" i="1"/>
  <c r="AD99386" i="1"/>
  <c r="AD99387" i="1"/>
  <c r="AD99388" i="1"/>
  <c r="AD99389" i="1"/>
  <c r="AD99390" i="1"/>
  <c r="AD99391" i="1"/>
  <c r="AD99392" i="1"/>
  <c r="AD99393" i="1"/>
  <c r="AD99394" i="1"/>
  <c r="AD99395" i="1"/>
  <c r="AD99396" i="1"/>
  <c r="AD99397" i="1"/>
  <c r="AD99398" i="1"/>
  <c r="AD99399" i="1"/>
  <c r="AD99400" i="1"/>
  <c r="AD99401" i="1"/>
  <c r="AD99402" i="1"/>
  <c r="AD99403" i="1"/>
  <c r="AD99404" i="1"/>
  <c r="AD99405" i="1"/>
  <c r="AD99406" i="1"/>
  <c r="AD99407" i="1"/>
  <c r="AD99408" i="1"/>
  <c r="AD99409" i="1"/>
  <c r="AD99410" i="1"/>
  <c r="AD99411" i="1"/>
  <c r="AD99412" i="1"/>
  <c r="AD99413" i="1"/>
  <c r="AD99414" i="1"/>
  <c r="AD99415" i="1"/>
  <c r="AD99416" i="1"/>
  <c r="AD99417" i="1"/>
  <c r="AD99418" i="1"/>
  <c r="AD99419" i="1"/>
  <c r="AD99420" i="1"/>
  <c r="AD99421" i="1"/>
  <c r="AD99422" i="1"/>
  <c r="AD99423" i="1"/>
  <c r="AD99424" i="1"/>
  <c r="AD99425" i="1"/>
  <c r="AD99426" i="1"/>
  <c r="AD99427" i="1"/>
  <c r="AD99428" i="1"/>
  <c r="AD99429" i="1"/>
  <c r="AD99430" i="1"/>
  <c r="AD99431" i="1"/>
  <c r="AD99432" i="1"/>
  <c r="AD99433" i="1"/>
  <c r="AD99434" i="1"/>
  <c r="AD99435" i="1"/>
  <c r="AD99436" i="1"/>
  <c r="AD99437" i="1"/>
  <c r="AD99438" i="1"/>
  <c r="AD99439" i="1"/>
  <c r="AD99440" i="1"/>
  <c r="AD99441" i="1"/>
  <c r="AD99442" i="1"/>
  <c r="AD99443" i="1"/>
  <c r="AD99444" i="1"/>
  <c r="AD99445" i="1"/>
  <c r="AD99446" i="1"/>
  <c r="AD99447" i="1"/>
  <c r="AD99448" i="1"/>
  <c r="AD99449" i="1"/>
  <c r="AD99450" i="1"/>
  <c r="AD99451" i="1"/>
  <c r="AD99452" i="1"/>
  <c r="AD99453" i="1"/>
  <c r="AD99454" i="1"/>
  <c r="AD99455" i="1"/>
  <c r="AD99456" i="1"/>
  <c r="AD99457" i="1"/>
  <c r="AD99458" i="1"/>
  <c r="AD99459" i="1"/>
  <c r="AD99460" i="1"/>
  <c r="AD99461" i="1"/>
  <c r="AD99462" i="1"/>
  <c r="AD99463" i="1"/>
  <c r="AD99464" i="1"/>
  <c r="AD99465" i="1"/>
  <c r="AD99466" i="1"/>
  <c r="AD99467" i="1"/>
  <c r="AD99468" i="1"/>
  <c r="AD99469" i="1"/>
  <c r="AD99470" i="1"/>
  <c r="AD99471" i="1"/>
  <c r="AD99472" i="1"/>
  <c r="AD99473" i="1"/>
  <c r="AD99474" i="1"/>
  <c r="AD99475" i="1"/>
  <c r="AD99476" i="1"/>
  <c r="AD99477" i="1"/>
  <c r="AD99478" i="1"/>
  <c r="AD99479" i="1"/>
  <c r="AD99480" i="1"/>
  <c r="AD99481" i="1"/>
  <c r="AD99482" i="1"/>
  <c r="AD99483" i="1"/>
  <c r="AD99484" i="1"/>
  <c r="AD99485" i="1"/>
  <c r="AD99486" i="1"/>
  <c r="AD99487" i="1"/>
  <c r="AD99488" i="1"/>
  <c r="AD99489" i="1"/>
  <c r="AD99490" i="1"/>
  <c r="AD99491" i="1"/>
  <c r="AD99492" i="1"/>
  <c r="AD99493" i="1"/>
  <c r="AD99494" i="1"/>
  <c r="AD99495" i="1"/>
  <c r="AD99496" i="1"/>
  <c r="AD99497" i="1"/>
  <c r="AD99498" i="1"/>
  <c r="AD99499" i="1"/>
  <c r="AD99500" i="1"/>
  <c r="AD99501" i="1"/>
  <c r="AD99502" i="1"/>
  <c r="AD99503" i="1"/>
  <c r="AD99504" i="1"/>
  <c r="AD99505" i="1"/>
  <c r="AD99506" i="1"/>
  <c r="AD99507" i="1"/>
  <c r="AD99508" i="1"/>
  <c r="AD99509" i="1"/>
  <c r="AD99510" i="1"/>
  <c r="AD99511" i="1"/>
  <c r="AD99512" i="1"/>
  <c r="AD99513" i="1"/>
  <c r="AD99514" i="1"/>
  <c r="AD99515" i="1"/>
  <c r="AD99516" i="1"/>
  <c r="AD99517" i="1"/>
  <c r="AD99518" i="1"/>
  <c r="AD99519" i="1"/>
  <c r="AD99520" i="1"/>
  <c r="AD99521" i="1"/>
  <c r="AD99522" i="1"/>
  <c r="AD99523" i="1"/>
  <c r="AD99524" i="1"/>
  <c r="AD99525" i="1"/>
  <c r="AD99526" i="1"/>
  <c r="AD99527" i="1"/>
  <c r="AD99528" i="1"/>
  <c r="AD99529" i="1"/>
  <c r="AD99530" i="1"/>
  <c r="AD99531" i="1"/>
  <c r="AD99532" i="1"/>
  <c r="AD99533" i="1"/>
  <c r="AD99534" i="1"/>
  <c r="AD99535" i="1"/>
  <c r="AD99536" i="1"/>
  <c r="AD99537" i="1"/>
  <c r="AD99538" i="1"/>
  <c r="AD99539" i="1"/>
  <c r="AD99540" i="1"/>
  <c r="AD99541" i="1"/>
  <c r="AD99542" i="1"/>
  <c r="AD99543" i="1"/>
  <c r="AD99544" i="1"/>
  <c r="AD99545" i="1"/>
  <c r="AD99546" i="1"/>
  <c r="AD99547" i="1"/>
  <c r="AD99548" i="1"/>
  <c r="AD99549" i="1"/>
  <c r="AD99550" i="1"/>
  <c r="AD99551" i="1"/>
  <c r="AD99552" i="1"/>
  <c r="AD99553" i="1"/>
  <c r="AD99554" i="1"/>
  <c r="AD99555" i="1"/>
  <c r="AD99556" i="1"/>
  <c r="AD99557" i="1"/>
  <c r="AD99558" i="1"/>
  <c r="AD99559" i="1"/>
  <c r="AD99560" i="1"/>
  <c r="AD99561" i="1"/>
  <c r="AD99562" i="1"/>
  <c r="AD99563" i="1"/>
  <c r="AD99564" i="1"/>
  <c r="AD99565" i="1"/>
  <c r="AD99566" i="1"/>
  <c r="AD99567" i="1"/>
  <c r="AD99568" i="1"/>
  <c r="AD99569" i="1"/>
  <c r="AD99570" i="1"/>
  <c r="AD99571" i="1"/>
  <c r="AD99572" i="1"/>
  <c r="AD99573" i="1"/>
  <c r="AD99574" i="1"/>
  <c r="AD99575" i="1"/>
  <c r="AD99576" i="1"/>
  <c r="AD99577" i="1"/>
  <c r="AD99578" i="1"/>
  <c r="AD99579" i="1"/>
  <c r="AD99580" i="1"/>
  <c r="AD99581" i="1"/>
  <c r="AD99582" i="1"/>
  <c r="AD99583" i="1"/>
  <c r="AD99584" i="1"/>
  <c r="AD99585" i="1"/>
  <c r="AD99586" i="1"/>
  <c r="AD99587" i="1"/>
  <c r="AD99588" i="1"/>
  <c r="AD99589" i="1"/>
  <c r="AD99590" i="1"/>
  <c r="AD99591" i="1"/>
  <c r="AD99592" i="1"/>
  <c r="AD99593" i="1"/>
  <c r="AD99594" i="1"/>
  <c r="AD99595" i="1"/>
  <c r="AD99596" i="1"/>
  <c r="AD99597" i="1"/>
  <c r="AD99598" i="1"/>
  <c r="AD99599" i="1"/>
  <c r="AD99600" i="1"/>
  <c r="AD99601" i="1"/>
  <c r="AD99602" i="1"/>
  <c r="AD99603" i="1"/>
  <c r="AD99604" i="1"/>
  <c r="AD99605" i="1"/>
  <c r="AD99606" i="1"/>
  <c r="AD99607" i="1"/>
  <c r="AD99608" i="1"/>
  <c r="AD99609" i="1"/>
  <c r="AD99610" i="1"/>
  <c r="AD99611" i="1"/>
  <c r="AD99612" i="1"/>
  <c r="AD99613" i="1"/>
  <c r="AD99614" i="1"/>
  <c r="AD99615" i="1"/>
  <c r="AD99616" i="1"/>
  <c r="AD99617" i="1"/>
  <c r="AD99618" i="1"/>
  <c r="AD99619" i="1"/>
  <c r="AD99620" i="1"/>
  <c r="AD99621" i="1"/>
  <c r="AD99622" i="1"/>
  <c r="AD99623" i="1"/>
  <c r="AD99624" i="1"/>
  <c r="AD99625" i="1"/>
  <c r="AD99626" i="1"/>
  <c r="AD99627" i="1"/>
  <c r="AD99628" i="1"/>
  <c r="AD99629" i="1"/>
  <c r="AD99630" i="1"/>
  <c r="AD99631" i="1"/>
  <c r="AD99632" i="1"/>
  <c r="AD99633" i="1"/>
  <c r="AD99634" i="1"/>
  <c r="AD99635" i="1"/>
  <c r="AD99636" i="1"/>
  <c r="AD99637" i="1"/>
  <c r="AD99638" i="1"/>
  <c r="AD99639" i="1"/>
  <c r="AD99640" i="1"/>
  <c r="AD99641" i="1"/>
  <c r="AD99642" i="1"/>
  <c r="AD99643" i="1"/>
  <c r="AD99644" i="1"/>
  <c r="AD99645" i="1"/>
  <c r="AD99646" i="1"/>
  <c r="AD99647" i="1"/>
  <c r="AD99648" i="1"/>
  <c r="AD99649" i="1"/>
  <c r="AD99650" i="1"/>
  <c r="AD99651" i="1"/>
  <c r="AD99652" i="1"/>
  <c r="AD99653" i="1"/>
  <c r="AD99654" i="1"/>
  <c r="AD99655" i="1"/>
  <c r="AD99656" i="1"/>
  <c r="AD99657" i="1"/>
  <c r="AD99658" i="1"/>
  <c r="AD99659" i="1"/>
  <c r="AD99660" i="1"/>
  <c r="AD99661" i="1"/>
  <c r="AD99662" i="1"/>
  <c r="AD99663" i="1"/>
  <c r="AD99664" i="1"/>
  <c r="AD99665" i="1"/>
  <c r="AD99666" i="1"/>
  <c r="AD99667" i="1"/>
  <c r="AD99668" i="1"/>
  <c r="AD99669" i="1"/>
  <c r="AD99670" i="1"/>
  <c r="AD99671" i="1"/>
  <c r="AD99672" i="1"/>
  <c r="AD99673" i="1"/>
  <c r="AD99674" i="1"/>
  <c r="AD99675" i="1"/>
  <c r="AD99676" i="1"/>
  <c r="AD99677" i="1"/>
  <c r="AD99678" i="1"/>
  <c r="AD99679" i="1"/>
  <c r="AD99680" i="1"/>
  <c r="AD99681" i="1"/>
  <c r="AD99682" i="1"/>
  <c r="AD99683" i="1"/>
  <c r="AD99684" i="1"/>
  <c r="AD99685" i="1"/>
  <c r="AD99686" i="1"/>
  <c r="AD99687" i="1"/>
  <c r="AD99688" i="1"/>
  <c r="AD99689" i="1"/>
  <c r="AD99690" i="1"/>
  <c r="AD99691" i="1"/>
  <c r="AD99692" i="1"/>
  <c r="AD99693" i="1"/>
  <c r="AD99694" i="1"/>
  <c r="AD99695" i="1"/>
  <c r="AD99696" i="1"/>
  <c r="AD99697" i="1"/>
  <c r="AD99698" i="1"/>
  <c r="AD99699" i="1"/>
  <c r="AD99700" i="1"/>
  <c r="AD99701" i="1"/>
  <c r="AD99702" i="1"/>
  <c r="AD99703" i="1"/>
  <c r="AD99704" i="1"/>
  <c r="AD99705" i="1"/>
  <c r="AD99706" i="1"/>
  <c r="AD99707" i="1"/>
  <c r="AD99708" i="1"/>
  <c r="AD99709" i="1"/>
  <c r="AD99710" i="1"/>
  <c r="AD99711" i="1"/>
  <c r="AD99712" i="1"/>
  <c r="AD99713" i="1"/>
  <c r="AD99714" i="1"/>
  <c r="AD99715" i="1"/>
  <c r="AD99716" i="1"/>
  <c r="AD99717" i="1"/>
  <c r="AD99718" i="1"/>
  <c r="AD99719" i="1"/>
  <c r="AD99720" i="1"/>
  <c r="AD99721" i="1"/>
  <c r="AD99722" i="1"/>
  <c r="AD99723" i="1"/>
  <c r="AD99724" i="1"/>
  <c r="AD99725" i="1"/>
  <c r="AD99726" i="1"/>
  <c r="AD99727" i="1"/>
  <c r="AD99728" i="1"/>
  <c r="AD99729" i="1"/>
  <c r="AD99730" i="1"/>
  <c r="AD99731" i="1"/>
  <c r="AD99732" i="1"/>
  <c r="AD99733" i="1"/>
  <c r="AD99734" i="1"/>
  <c r="AD99735" i="1"/>
  <c r="AD99736" i="1"/>
  <c r="AD99737" i="1"/>
  <c r="AD99738" i="1"/>
  <c r="AD99739" i="1"/>
  <c r="AD99740" i="1"/>
  <c r="AD99741" i="1"/>
  <c r="AD99742" i="1"/>
  <c r="AD99743" i="1"/>
  <c r="AD99744" i="1"/>
  <c r="AD99745" i="1"/>
  <c r="AD99746" i="1"/>
  <c r="AD99747" i="1"/>
  <c r="AD99748" i="1"/>
  <c r="AD99749" i="1"/>
  <c r="AD99750" i="1"/>
  <c r="AD99751" i="1"/>
  <c r="AD99752" i="1"/>
  <c r="AD99753" i="1"/>
  <c r="AD99754" i="1"/>
  <c r="AD99755" i="1"/>
  <c r="AD99756" i="1"/>
  <c r="AD99757" i="1"/>
  <c r="AD99758" i="1"/>
  <c r="AD99759" i="1"/>
  <c r="AD99760" i="1"/>
  <c r="AD99761" i="1"/>
  <c r="AD99762" i="1"/>
  <c r="AD99763" i="1"/>
  <c r="AD99764" i="1"/>
  <c r="AD99765" i="1"/>
  <c r="AD99766" i="1"/>
  <c r="AD99767" i="1"/>
  <c r="AD99768" i="1"/>
  <c r="AD99769" i="1"/>
  <c r="AD99770" i="1"/>
  <c r="AD99771" i="1"/>
  <c r="AD99772" i="1"/>
  <c r="AD99773" i="1"/>
  <c r="AD99774" i="1"/>
  <c r="AD99775" i="1"/>
  <c r="AD99776" i="1"/>
  <c r="AD99777" i="1"/>
  <c r="AD99778" i="1"/>
  <c r="AD99779" i="1"/>
  <c r="AD99780" i="1"/>
  <c r="AD99781" i="1"/>
  <c r="AD99782" i="1"/>
  <c r="AD99783" i="1"/>
  <c r="AD99784" i="1"/>
  <c r="AD99785" i="1"/>
  <c r="AD99786" i="1"/>
  <c r="AD99787" i="1"/>
  <c r="AD99788" i="1"/>
  <c r="AD99789" i="1"/>
  <c r="AD99790" i="1"/>
  <c r="AD99791" i="1"/>
  <c r="AD99792" i="1"/>
  <c r="AD99793" i="1"/>
  <c r="AD99794" i="1"/>
  <c r="AD99795" i="1"/>
  <c r="AD99796" i="1"/>
  <c r="AD99797" i="1"/>
  <c r="AD99798" i="1"/>
  <c r="AD99799" i="1"/>
  <c r="AD99800" i="1"/>
  <c r="AD99801" i="1"/>
  <c r="AD99802" i="1"/>
  <c r="AD99803" i="1"/>
  <c r="AD99804" i="1"/>
  <c r="AD99805" i="1"/>
  <c r="AD99806" i="1"/>
  <c r="AD99807" i="1"/>
  <c r="AD99808" i="1"/>
  <c r="AD99809" i="1"/>
  <c r="AD99810" i="1"/>
  <c r="AD99811" i="1"/>
  <c r="AD99812" i="1"/>
  <c r="AD99813" i="1"/>
  <c r="AD99814" i="1"/>
  <c r="AD99815" i="1"/>
  <c r="AD99816" i="1"/>
  <c r="AD99817" i="1"/>
  <c r="AD99818" i="1"/>
  <c r="AD99819" i="1"/>
  <c r="AD99820" i="1"/>
  <c r="AD99821" i="1"/>
  <c r="AD99822" i="1"/>
  <c r="AD99823" i="1"/>
  <c r="AD99824" i="1"/>
  <c r="AD99825" i="1"/>
  <c r="AD99826" i="1"/>
  <c r="AD99827" i="1"/>
  <c r="AD99828" i="1"/>
  <c r="AD99829" i="1"/>
  <c r="AD99830" i="1"/>
  <c r="AD99831" i="1"/>
  <c r="AD99832" i="1"/>
  <c r="AD99833" i="1"/>
  <c r="AD99834" i="1"/>
  <c r="AD99835" i="1"/>
  <c r="AD99836" i="1"/>
  <c r="AD99837" i="1"/>
  <c r="AD99838" i="1"/>
  <c r="AD99839" i="1"/>
  <c r="AD99840" i="1"/>
  <c r="AD99841" i="1"/>
  <c r="AD99842" i="1"/>
  <c r="AD99843" i="1"/>
  <c r="AD99844" i="1"/>
  <c r="AD99845" i="1"/>
  <c r="AD99846" i="1"/>
  <c r="AD99847" i="1"/>
  <c r="AD99848" i="1"/>
  <c r="AD99849" i="1"/>
  <c r="AD99850" i="1"/>
  <c r="AD99851" i="1"/>
  <c r="AD99852" i="1"/>
  <c r="AD99853" i="1"/>
  <c r="AD99854" i="1"/>
  <c r="AD99855" i="1"/>
  <c r="AD99856" i="1"/>
  <c r="AD99857" i="1"/>
  <c r="AD99858" i="1"/>
  <c r="AD99859" i="1"/>
  <c r="AD99860" i="1"/>
  <c r="AD99861" i="1"/>
  <c r="AD99862" i="1"/>
  <c r="AD99863" i="1"/>
  <c r="AD99864" i="1"/>
  <c r="AD99865" i="1"/>
  <c r="AD99866" i="1"/>
  <c r="AD99867" i="1"/>
  <c r="AD99868" i="1"/>
  <c r="AD99869" i="1"/>
  <c r="AD99870" i="1"/>
  <c r="AD99871" i="1"/>
  <c r="AD99872" i="1"/>
  <c r="AD99873" i="1"/>
  <c r="AD99874" i="1"/>
  <c r="AD99875" i="1"/>
  <c r="AD99876" i="1"/>
  <c r="AD99877" i="1"/>
  <c r="AD99878" i="1"/>
  <c r="AD99879" i="1"/>
  <c r="AD99880" i="1"/>
  <c r="AD99881" i="1"/>
  <c r="AD99882" i="1"/>
  <c r="AD99883" i="1"/>
  <c r="AD99884" i="1"/>
  <c r="AD99885" i="1"/>
  <c r="AD99886" i="1"/>
  <c r="AD99887" i="1"/>
  <c r="AD99888" i="1"/>
  <c r="AD99889" i="1"/>
  <c r="AD99890" i="1"/>
  <c r="AD99891" i="1"/>
  <c r="AD99892" i="1"/>
  <c r="AD99893" i="1"/>
  <c r="AD99894" i="1"/>
  <c r="AD99895" i="1"/>
  <c r="AD99896" i="1"/>
  <c r="AD99897" i="1"/>
  <c r="AD99898" i="1"/>
  <c r="AD99899" i="1"/>
  <c r="AD99900" i="1"/>
  <c r="AD99901" i="1"/>
  <c r="AD99902" i="1"/>
  <c r="AD99903" i="1"/>
  <c r="AD99904" i="1"/>
  <c r="AD99905" i="1"/>
  <c r="AD99906" i="1"/>
  <c r="AD99907" i="1"/>
  <c r="AD99908" i="1"/>
  <c r="AD99909" i="1"/>
  <c r="AD99910" i="1"/>
  <c r="AD99911" i="1"/>
  <c r="AD99912" i="1"/>
  <c r="AD99913" i="1"/>
  <c r="AD99914" i="1"/>
  <c r="AD99915" i="1"/>
  <c r="AD99916" i="1"/>
  <c r="AD99917" i="1"/>
  <c r="AD99918" i="1"/>
  <c r="AD99919" i="1"/>
  <c r="AD99920" i="1"/>
  <c r="AD99921" i="1"/>
  <c r="AD99922" i="1"/>
  <c r="AD99923" i="1"/>
  <c r="AD99924" i="1"/>
  <c r="AD99925" i="1"/>
  <c r="AD99926" i="1"/>
  <c r="AD99927" i="1"/>
  <c r="AD99928" i="1"/>
  <c r="AD99929" i="1"/>
  <c r="AD99930" i="1"/>
  <c r="AD99931" i="1"/>
  <c r="AD99932" i="1"/>
  <c r="AD99933" i="1"/>
  <c r="AD99934" i="1"/>
  <c r="AD99935" i="1"/>
  <c r="AD99936" i="1"/>
  <c r="AD99937" i="1"/>
  <c r="AD99938" i="1"/>
  <c r="AD99939" i="1"/>
  <c r="AD99940" i="1"/>
  <c r="AD99941" i="1"/>
  <c r="AD99942" i="1"/>
  <c r="AD99943" i="1"/>
  <c r="AD99944" i="1"/>
  <c r="AD99945" i="1"/>
  <c r="AD99946" i="1"/>
  <c r="AD99947" i="1"/>
  <c r="AD99948" i="1"/>
  <c r="AD99949" i="1"/>
  <c r="AD99950" i="1"/>
  <c r="AD99951" i="1"/>
  <c r="AD99952" i="1"/>
  <c r="AD99953" i="1"/>
  <c r="AD99954" i="1"/>
  <c r="AD99955" i="1"/>
  <c r="AD99956" i="1"/>
  <c r="AD99957" i="1"/>
  <c r="AD99958" i="1"/>
  <c r="AD99959" i="1"/>
  <c r="AD99960" i="1"/>
  <c r="AD99961" i="1"/>
  <c r="AD99962" i="1"/>
  <c r="AD99963" i="1"/>
  <c r="AD99964" i="1"/>
  <c r="AD99965" i="1"/>
  <c r="AD99966" i="1"/>
  <c r="AD99967" i="1"/>
  <c r="AD99968" i="1"/>
  <c r="AD99969" i="1"/>
  <c r="AD99970" i="1"/>
  <c r="AD99971" i="1"/>
  <c r="AD99972" i="1"/>
  <c r="AD99973" i="1"/>
  <c r="AD99974" i="1"/>
  <c r="AD99975" i="1"/>
  <c r="AD99976" i="1"/>
  <c r="AD99977" i="1"/>
  <c r="AD99978" i="1"/>
  <c r="AD99979" i="1"/>
  <c r="AD99980" i="1"/>
  <c r="AD99981" i="1"/>
  <c r="AD99982" i="1"/>
  <c r="AD99983" i="1"/>
  <c r="AD99984" i="1"/>
  <c r="AD99985" i="1"/>
  <c r="AD99986" i="1"/>
  <c r="AD99987" i="1"/>
  <c r="AD99988" i="1"/>
  <c r="AD99989" i="1"/>
  <c r="AD99990" i="1"/>
  <c r="AD99991" i="1"/>
  <c r="AD99992" i="1"/>
  <c r="AD99993" i="1"/>
  <c r="AD99994" i="1"/>
  <c r="AD99995" i="1"/>
  <c r="AD99996" i="1"/>
  <c r="AD99997" i="1"/>
  <c r="AD99998" i="1"/>
  <c r="AD99999" i="1"/>
  <c r="AD100000" i="1"/>
  <c r="AD100001" i="1"/>
  <c r="AD100002" i="1"/>
  <c r="AD100003" i="1"/>
  <c r="AD100004" i="1"/>
  <c r="AD100005" i="1"/>
  <c r="AD100006" i="1"/>
  <c r="AD100007" i="1"/>
  <c r="AD100008" i="1"/>
  <c r="AD100009" i="1"/>
  <c r="AD100010" i="1"/>
  <c r="AD100011" i="1"/>
  <c r="AD100012" i="1"/>
  <c r="AD100013" i="1"/>
  <c r="AD100014" i="1"/>
  <c r="AD100015" i="1"/>
  <c r="AD100016" i="1"/>
  <c r="AD100017" i="1"/>
  <c r="AD100018" i="1"/>
  <c r="AD100019" i="1"/>
  <c r="AD100020" i="1"/>
  <c r="AD100021" i="1"/>
  <c r="AD100022" i="1"/>
  <c r="AD100023" i="1"/>
  <c r="AD100024" i="1"/>
  <c r="AD100025" i="1"/>
  <c r="AD100026" i="1"/>
  <c r="AD100027" i="1"/>
  <c r="AD100028" i="1"/>
  <c r="AD100029" i="1"/>
  <c r="AD100030" i="1"/>
  <c r="AD100031" i="1"/>
  <c r="AD100032" i="1"/>
  <c r="AD100033" i="1"/>
  <c r="AD100034" i="1"/>
  <c r="AD100035" i="1"/>
  <c r="AD100036" i="1"/>
  <c r="AD100037" i="1"/>
  <c r="AD100038" i="1"/>
  <c r="AD100039" i="1"/>
  <c r="AD100040" i="1"/>
  <c r="AD100041" i="1"/>
  <c r="AD100042" i="1"/>
  <c r="AD100043" i="1"/>
  <c r="AD100044" i="1"/>
  <c r="AD100045" i="1"/>
  <c r="AD100046" i="1"/>
  <c r="AD100047" i="1"/>
  <c r="AD100048" i="1"/>
  <c r="AD100049" i="1"/>
  <c r="AD100050" i="1"/>
  <c r="AD100051" i="1"/>
  <c r="AD100052" i="1"/>
  <c r="AD100053" i="1"/>
  <c r="AD100054" i="1"/>
  <c r="AD100055" i="1"/>
  <c r="AD100056" i="1"/>
  <c r="AD100057" i="1"/>
  <c r="AD100058" i="1"/>
  <c r="AD100059" i="1"/>
  <c r="AD100060" i="1"/>
  <c r="AD100061" i="1"/>
  <c r="AD100062" i="1"/>
  <c r="AD100063" i="1"/>
  <c r="AD100064" i="1"/>
  <c r="AD100065" i="1"/>
  <c r="AD100066" i="1"/>
  <c r="AD100067" i="1"/>
  <c r="AD100068" i="1"/>
  <c r="AD100069" i="1"/>
  <c r="AD100070" i="1"/>
  <c r="AD100071" i="1"/>
  <c r="AD100072" i="1"/>
  <c r="AD100073" i="1"/>
  <c r="AD100074" i="1"/>
  <c r="AD100075" i="1"/>
  <c r="AD100076" i="1"/>
  <c r="AD100077" i="1"/>
  <c r="AD100078" i="1"/>
  <c r="AD100079" i="1"/>
  <c r="AD100080" i="1"/>
  <c r="AD100081" i="1"/>
  <c r="AD100082" i="1"/>
  <c r="AD100083" i="1"/>
  <c r="AD100084" i="1"/>
  <c r="AD100085" i="1"/>
  <c r="AD100086" i="1"/>
  <c r="AD100087" i="1"/>
  <c r="AD100088" i="1"/>
  <c r="AD100089" i="1"/>
  <c r="AD100090" i="1"/>
  <c r="AD100091" i="1"/>
  <c r="AD100092" i="1"/>
  <c r="AD100093" i="1"/>
  <c r="AD100094" i="1"/>
  <c r="AD100095" i="1"/>
  <c r="AD100096" i="1"/>
  <c r="AD100097" i="1"/>
  <c r="AD100098" i="1"/>
  <c r="AD100099" i="1"/>
  <c r="AD100100" i="1"/>
  <c r="AD100101" i="1"/>
  <c r="AD100102" i="1"/>
  <c r="AD100103" i="1"/>
  <c r="AD100104" i="1"/>
  <c r="AD100105" i="1"/>
  <c r="AD100106" i="1"/>
  <c r="AD100107" i="1"/>
  <c r="AD100108" i="1"/>
  <c r="AD100109" i="1"/>
  <c r="AD100110" i="1"/>
  <c r="AD100111" i="1"/>
  <c r="AD100112" i="1"/>
  <c r="AD100113" i="1"/>
  <c r="AD100114" i="1"/>
  <c r="AD100115" i="1"/>
  <c r="AD100116" i="1"/>
  <c r="AD100117" i="1"/>
  <c r="AD100118" i="1"/>
  <c r="AD100119" i="1"/>
  <c r="AD100120" i="1"/>
  <c r="AD100121" i="1"/>
  <c r="AD100122" i="1"/>
  <c r="AD100123" i="1"/>
  <c r="AD100124" i="1"/>
  <c r="AD100125" i="1"/>
  <c r="AD100126" i="1"/>
  <c r="AD100127" i="1"/>
  <c r="AD100128" i="1"/>
  <c r="AD100129" i="1"/>
  <c r="AD100130" i="1"/>
  <c r="AD100131" i="1"/>
  <c r="AD100132" i="1"/>
  <c r="AD100133" i="1"/>
  <c r="AD100134" i="1"/>
  <c r="AD100135" i="1"/>
  <c r="AD100136" i="1"/>
  <c r="AD100137" i="1"/>
  <c r="AD100138" i="1"/>
  <c r="AD100139" i="1"/>
  <c r="AD100140" i="1"/>
  <c r="AD100141" i="1"/>
  <c r="AD100142" i="1"/>
  <c r="AD100143" i="1"/>
  <c r="AD100144" i="1"/>
  <c r="AD100145" i="1"/>
  <c r="AD100146" i="1"/>
  <c r="AD100147" i="1"/>
  <c r="AD100148" i="1"/>
  <c r="AD100149" i="1"/>
  <c r="AD100150" i="1"/>
  <c r="AD100151" i="1"/>
  <c r="AD100152" i="1"/>
  <c r="AD100153" i="1"/>
  <c r="AD100154" i="1"/>
  <c r="AD100155" i="1"/>
  <c r="AD100156" i="1"/>
  <c r="AD100157" i="1"/>
  <c r="AD100158" i="1"/>
  <c r="AD100159" i="1"/>
  <c r="AD100160" i="1"/>
  <c r="AD100161" i="1"/>
  <c r="AD100162" i="1"/>
  <c r="AD100163" i="1"/>
  <c r="AD100164" i="1"/>
  <c r="AD100165" i="1"/>
  <c r="AD100166" i="1"/>
  <c r="AD100167" i="1"/>
  <c r="AD100168" i="1"/>
  <c r="AD100169" i="1"/>
  <c r="AD100170" i="1"/>
  <c r="AD100171" i="1"/>
  <c r="AD100172" i="1"/>
  <c r="AD100173" i="1"/>
  <c r="AD100174" i="1"/>
  <c r="AD100175" i="1"/>
  <c r="AD100176" i="1"/>
  <c r="AD100177" i="1"/>
  <c r="AD100178" i="1"/>
  <c r="AD100179" i="1"/>
  <c r="AD100180" i="1"/>
  <c r="AD100181" i="1"/>
  <c r="AD100182" i="1"/>
  <c r="AD100183" i="1"/>
  <c r="AD100184" i="1"/>
  <c r="AD100185" i="1"/>
  <c r="AD100186" i="1"/>
  <c r="AD100187" i="1"/>
  <c r="AD100188" i="1"/>
  <c r="AD100189" i="1"/>
  <c r="AD100190" i="1"/>
  <c r="AD100191" i="1"/>
  <c r="AD100192" i="1"/>
  <c r="AD100193" i="1"/>
  <c r="AD100194" i="1"/>
  <c r="AD100195" i="1"/>
  <c r="AD100196" i="1"/>
  <c r="AD100197" i="1"/>
  <c r="AD100198" i="1"/>
  <c r="AD100199" i="1"/>
  <c r="AD100200" i="1"/>
  <c r="AD100201" i="1"/>
  <c r="AD100202" i="1"/>
  <c r="AD100203" i="1"/>
  <c r="AD100204" i="1"/>
  <c r="AD100205" i="1"/>
  <c r="AD100206" i="1"/>
  <c r="AD100207" i="1"/>
  <c r="AD100208" i="1"/>
  <c r="AD100209" i="1"/>
  <c r="AD100210" i="1"/>
  <c r="AD100211" i="1"/>
  <c r="AD100212" i="1"/>
  <c r="AD100213" i="1"/>
  <c r="AD100214" i="1"/>
  <c r="AD100215" i="1"/>
  <c r="AD100216" i="1"/>
  <c r="AD100217" i="1"/>
  <c r="AD100218" i="1"/>
  <c r="AD100219" i="1"/>
  <c r="AD100220" i="1"/>
  <c r="AD100221" i="1"/>
  <c r="AD100222" i="1"/>
  <c r="AD100223" i="1"/>
  <c r="AD100224" i="1"/>
  <c r="AD100225" i="1"/>
  <c r="AD100226" i="1"/>
  <c r="AD100227" i="1"/>
  <c r="AD100228" i="1"/>
  <c r="AD100229" i="1"/>
  <c r="AD100230" i="1"/>
  <c r="AD100231" i="1"/>
  <c r="AD100232" i="1"/>
  <c r="AD100233" i="1"/>
  <c r="AD100234" i="1"/>
  <c r="AD100235" i="1"/>
  <c r="AD100236" i="1"/>
  <c r="AD100237" i="1"/>
  <c r="AD100238" i="1"/>
  <c r="AD100239" i="1"/>
  <c r="AD100240" i="1"/>
  <c r="AD100241" i="1"/>
  <c r="AD100242" i="1"/>
  <c r="AD100243" i="1"/>
  <c r="AD100244" i="1"/>
  <c r="AD100245" i="1"/>
  <c r="AD100246" i="1"/>
  <c r="AD100247" i="1"/>
  <c r="AD100248" i="1"/>
  <c r="AD100249" i="1"/>
  <c r="AD100250" i="1"/>
  <c r="AD100251" i="1"/>
  <c r="AD100252" i="1"/>
  <c r="AD100253" i="1"/>
  <c r="AD100254" i="1"/>
  <c r="AD100255" i="1"/>
  <c r="AD100256" i="1"/>
  <c r="AD100257" i="1"/>
  <c r="AD100258" i="1"/>
  <c r="AD100259" i="1"/>
  <c r="AD100260" i="1"/>
  <c r="AD100261" i="1"/>
  <c r="AD100262" i="1"/>
  <c r="AD100263" i="1"/>
  <c r="AD100264" i="1"/>
  <c r="AD100265" i="1"/>
  <c r="AD100266" i="1"/>
  <c r="AD100267" i="1"/>
  <c r="AD100268" i="1"/>
  <c r="AD100269" i="1"/>
  <c r="AD100270" i="1"/>
  <c r="AD100271" i="1"/>
  <c r="AD100272" i="1"/>
  <c r="AD100273" i="1"/>
  <c r="AD100274" i="1"/>
  <c r="AD100275" i="1"/>
  <c r="AD100276" i="1"/>
  <c r="AD100277" i="1"/>
  <c r="AD100278" i="1"/>
  <c r="AD100279" i="1"/>
  <c r="AD100280" i="1"/>
  <c r="AD100281" i="1"/>
  <c r="AD100282" i="1"/>
  <c r="AD100283" i="1"/>
  <c r="AD100284" i="1"/>
  <c r="AD100285" i="1"/>
  <c r="AD100286" i="1"/>
  <c r="AD100287" i="1"/>
  <c r="AD100288" i="1"/>
  <c r="AD100289" i="1"/>
  <c r="AD100290" i="1"/>
  <c r="AD100291" i="1"/>
  <c r="AD100292" i="1"/>
  <c r="AD100293" i="1"/>
  <c r="AD100294" i="1"/>
  <c r="AD100295" i="1"/>
  <c r="AD100296" i="1"/>
  <c r="AD100297" i="1"/>
  <c r="AD100298" i="1"/>
  <c r="AD100299" i="1"/>
  <c r="AD100300" i="1"/>
  <c r="AD100301" i="1"/>
  <c r="AD100302" i="1"/>
  <c r="AD100303" i="1"/>
  <c r="AD100304" i="1"/>
  <c r="AD100305" i="1"/>
  <c r="AD100306" i="1"/>
  <c r="AD100307" i="1"/>
  <c r="AD100308" i="1"/>
  <c r="AD100309" i="1"/>
  <c r="AD100310" i="1"/>
  <c r="AD100311" i="1"/>
  <c r="AD100312" i="1"/>
  <c r="AD100313" i="1"/>
  <c r="AD100314" i="1"/>
  <c r="AD100315" i="1"/>
  <c r="AD100316" i="1"/>
  <c r="AD100317" i="1"/>
  <c r="AD100318" i="1"/>
  <c r="AD100319" i="1"/>
  <c r="AD100320" i="1"/>
  <c r="AD100321" i="1"/>
  <c r="AD100322" i="1"/>
  <c r="AD100323" i="1"/>
  <c r="AD100324" i="1"/>
  <c r="AD100325" i="1"/>
  <c r="AD100326" i="1"/>
  <c r="AD100327" i="1"/>
  <c r="AD100328" i="1"/>
  <c r="AD100329" i="1"/>
  <c r="AD100330" i="1"/>
  <c r="AD100331" i="1"/>
  <c r="AD100332" i="1"/>
  <c r="AD100333" i="1"/>
  <c r="AD100334" i="1"/>
  <c r="AD100335" i="1"/>
  <c r="AD100336" i="1"/>
  <c r="AD100337" i="1"/>
  <c r="AD100338" i="1"/>
  <c r="AD100339" i="1"/>
  <c r="AD100340" i="1"/>
  <c r="AD100341" i="1"/>
  <c r="AD100342" i="1"/>
  <c r="AD100343" i="1"/>
  <c r="AD100344" i="1"/>
  <c r="AD100345" i="1"/>
  <c r="AD100346" i="1"/>
  <c r="AD100347" i="1"/>
  <c r="AD100348" i="1"/>
  <c r="AD100349" i="1"/>
  <c r="AD100350" i="1"/>
  <c r="AD100351" i="1"/>
  <c r="AD100352" i="1"/>
  <c r="AD100353" i="1"/>
  <c r="AD100354" i="1"/>
  <c r="AD100355" i="1"/>
  <c r="AD100356" i="1"/>
  <c r="AD100357" i="1"/>
  <c r="AD100358" i="1"/>
  <c r="AD100359" i="1"/>
  <c r="AD100360" i="1"/>
  <c r="AD100361" i="1"/>
  <c r="AD100362" i="1"/>
  <c r="AD100363" i="1"/>
  <c r="AD100364" i="1"/>
  <c r="AD100365" i="1"/>
  <c r="AD100366" i="1"/>
  <c r="AD100367" i="1"/>
  <c r="AD100368" i="1"/>
  <c r="AD100369" i="1"/>
  <c r="AD100370" i="1"/>
  <c r="AD100371" i="1"/>
  <c r="AD100372" i="1"/>
  <c r="AD100373" i="1"/>
  <c r="AD100374" i="1"/>
  <c r="AD100375" i="1"/>
  <c r="AD100376" i="1"/>
  <c r="AD100377" i="1"/>
  <c r="AD100378" i="1"/>
  <c r="AD100379" i="1"/>
  <c r="AD100380" i="1"/>
  <c r="AD100381" i="1"/>
  <c r="AD100382" i="1"/>
  <c r="AD100383" i="1"/>
  <c r="AD100384" i="1"/>
  <c r="AD100385" i="1"/>
  <c r="AD100386" i="1"/>
  <c r="AD100387" i="1"/>
  <c r="AD100388" i="1"/>
  <c r="AD100389" i="1"/>
  <c r="AD100390" i="1"/>
  <c r="AD100391" i="1"/>
  <c r="AD100392" i="1"/>
  <c r="AD100393" i="1"/>
  <c r="AD100394" i="1"/>
  <c r="AD100395" i="1"/>
  <c r="AD100396" i="1"/>
  <c r="AD100397" i="1"/>
  <c r="AD100398" i="1"/>
  <c r="AD100399" i="1"/>
  <c r="AD100400" i="1"/>
  <c r="AD100401" i="1"/>
  <c r="AD100402" i="1"/>
  <c r="AD100403" i="1"/>
  <c r="AD100404" i="1"/>
  <c r="AD100405" i="1"/>
  <c r="AD100406" i="1"/>
  <c r="AD100407" i="1"/>
  <c r="AD100408" i="1"/>
  <c r="AD100409" i="1"/>
  <c r="AD100410" i="1"/>
  <c r="AD100411" i="1"/>
  <c r="AD100412" i="1"/>
  <c r="AD100413" i="1"/>
  <c r="AD100414" i="1"/>
  <c r="AD100415" i="1"/>
  <c r="AD100416" i="1"/>
  <c r="AD100417" i="1"/>
  <c r="AD100418" i="1"/>
  <c r="AD100419" i="1"/>
  <c r="AD100420" i="1"/>
  <c r="AD100421" i="1"/>
  <c r="AD100422" i="1"/>
  <c r="AD100423" i="1"/>
  <c r="AD100424" i="1"/>
  <c r="AD100425" i="1"/>
  <c r="AD100426" i="1"/>
  <c r="AD100427" i="1"/>
  <c r="AD100428" i="1"/>
  <c r="AD100429" i="1"/>
  <c r="AD100430" i="1"/>
  <c r="AD100431" i="1"/>
  <c r="AD100432" i="1"/>
  <c r="AD100433" i="1"/>
  <c r="AD100434" i="1"/>
  <c r="AD100435" i="1"/>
  <c r="AD100436" i="1"/>
  <c r="AD100437" i="1"/>
  <c r="AD100438" i="1"/>
  <c r="AD100439" i="1"/>
  <c r="AD100440" i="1"/>
  <c r="AD100441" i="1"/>
  <c r="AD100442" i="1"/>
  <c r="AD100443" i="1"/>
  <c r="AD100444" i="1"/>
  <c r="AD100445" i="1"/>
  <c r="AD100446" i="1"/>
  <c r="AD100447" i="1"/>
  <c r="AD100448" i="1"/>
  <c r="AD100449" i="1"/>
  <c r="AD100450" i="1"/>
  <c r="AD100451" i="1"/>
  <c r="AD100452" i="1"/>
  <c r="AD100453" i="1"/>
  <c r="AD100454" i="1"/>
  <c r="AD100455" i="1"/>
  <c r="AD100456" i="1"/>
  <c r="AD100457" i="1"/>
  <c r="AD100458" i="1"/>
  <c r="AD100459" i="1"/>
  <c r="AD100460" i="1"/>
  <c r="AD100461" i="1"/>
  <c r="AD100462" i="1"/>
  <c r="AD100463" i="1"/>
  <c r="AD100464" i="1"/>
  <c r="AD100465" i="1"/>
  <c r="AD100466" i="1"/>
  <c r="AD100467" i="1"/>
  <c r="AD100468" i="1"/>
  <c r="AD100469" i="1"/>
  <c r="AD100470" i="1"/>
  <c r="AD100471" i="1"/>
  <c r="AD100472" i="1"/>
  <c r="AD100473" i="1"/>
  <c r="AD100474" i="1"/>
  <c r="AD100475" i="1"/>
  <c r="AD100476" i="1"/>
  <c r="AD100477" i="1"/>
  <c r="AD100478" i="1"/>
  <c r="AD100479" i="1"/>
  <c r="AD100480" i="1"/>
  <c r="AD100481" i="1"/>
  <c r="AD100482" i="1"/>
  <c r="AD100483" i="1"/>
  <c r="AD100484" i="1"/>
  <c r="AD100485" i="1"/>
  <c r="AD100486" i="1"/>
  <c r="AD100487" i="1"/>
  <c r="AD100488" i="1"/>
  <c r="AD100489" i="1"/>
  <c r="AD100490" i="1"/>
  <c r="AD100491" i="1"/>
  <c r="AD100492" i="1"/>
  <c r="AD100493" i="1"/>
  <c r="AD100494" i="1"/>
  <c r="AD100495" i="1"/>
  <c r="AD100496" i="1"/>
  <c r="AD100497" i="1"/>
  <c r="AD100498" i="1"/>
  <c r="AD100499" i="1"/>
  <c r="AD100500" i="1"/>
  <c r="AD100501" i="1"/>
  <c r="AD100502" i="1"/>
  <c r="AD100503" i="1"/>
  <c r="AD100504" i="1"/>
  <c r="AD100505" i="1"/>
  <c r="AD100506" i="1"/>
  <c r="AD100507" i="1"/>
  <c r="AD100508" i="1"/>
  <c r="AD100509" i="1"/>
  <c r="AD100510" i="1"/>
  <c r="AD100511" i="1"/>
  <c r="AD100512" i="1"/>
  <c r="AD100513" i="1"/>
  <c r="AD100514" i="1"/>
  <c r="AD100515" i="1"/>
  <c r="AD100516" i="1"/>
  <c r="AD100517" i="1"/>
  <c r="AD100518" i="1"/>
  <c r="AD100519" i="1"/>
  <c r="AD100520" i="1"/>
  <c r="AD100521" i="1"/>
  <c r="AD100522" i="1"/>
  <c r="AD100523" i="1"/>
  <c r="AD100524" i="1"/>
  <c r="AD100525" i="1"/>
  <c r="AD100526" i="1"/>
  <c r="AD100527" i="1"/>
  <c r="AD100528" i="1"/>
  <c r="AD100529" i="1"/>
  <c r="AD100530" i="1"/>
  <c r="AD100531" i="1"/>
  <c r="AD100532" i="1"/>
  <c r="AD100533" i="1"/>
  <c r="AD100534" i="1"/>
  <c r="AD100535" i="1"/>
  <c r="AD100536" i="1"/>
  <c r="AD100537" i="1"/>
  <c r="AD100538" i="1"/>
  <c r="AD100539" i="1"/>
  <c r="AD100540" i="1"/>
  <c r="AD100541" i="1"/>
  <c r="AD100542" i="1"/>
  <c r="AD100543" i="1"/>
  <c r="AD100544" i="1"/>
  <c r="AD100545" i="1"/>
  <c r="AD100546" i="1"/>
  <c r="AD100547" i="1"/>
  <c r="AD100548" i="1"/>
  <c r="AD100549" i="1"/>
  <c r="AD100550" i="1"/>
  <c r="AD100551" i="1"/>
  <c r="AD100552" i="1"/>
  <c r="AD100553" i="1"/>
  <c r="AD100554" i="1"/>
  <c r="AD100555" i="1"/>
  <c r="AD100556" i="1"/>
  <c r="AD100557" i="1"/>
  <c r="AD100558" i="1"/>
  <c r="AD100559" i="1"/>
  <c r="AD100560" i="1"/>
  <c r="AD100561" i="1"/>
  <c r="AD100562" i="1"/>
  <c r="AD100563" i="1"/>
  <c r="AD100564" i="1"/>
  <c r="AD100565" i="1"/>
  <c r="AD100566" i="1"/>
  <c r="AD100567" i="1"/>
  <c r="AD100568" i="1"/>
  <c r="AD100569" i="1"/>
  <c r="AD100570" i="1"/>
  <c r="AD100571" i="1"/>
  <c r="AD100572" i="1"/>
  <c r="AD100573" i="1"/>
  <c r="AD100574" i="1"/>
  <c r="AD100575" i="1"/>
  <c r="AD100576" i="1"/>
  <c r="AD100577" i="1"/>
  <c r="AD100578" i="1"/>
  <c r="AD100579" i="1"/>
  <c r="AD100580" i="1"/>
  <c r="AD100581" i="1"/>
  <c r="AD100582" i="1"/>
  <c r="AD100583" i="1"/>
  <c r="AD100584" i="1"/>
  <c r="AD100585" i="1"/>
  <c r="AD100586" i="1"/>
  <c r="AD100587" i="1"/>
  <c r="AD100588" i="1"/>
  <c r="AD100589" i="1"/>
  <c r="AD100590" i="1"/>
  <c r="AD100591" i="1"/>
  <c r="AD100592" i="1"/>
  <c r="AD100593" i="1"/>
  <c r="AD100594" i="1"/>
  <c r="AD100595" i="1"/>
  <c r="AD100596" i="1"/>
  <c r="AD100597" i="1"/>
  <c r="AD100598" i="1"/>
  <c r="AD100599" i="1"/>
  <c r="AD100600" i="1"/>
  <c r="AD100601" i="1"/>
  <c r="AD100602" i="1"/>
  <c r="AD100603" i="1"/>
  <c r="AD100604" i="1"/>
  <c r="AD100605" i="1"/>
  <c r="AD100606" i="1"/>
  <c r="AD100607" i="1"/>
  <c r="AD100608" i="1"/>
  <c r="AD100609" i="1"/>
  <c r="AD100610" i="1"/>
  <c r="AD100611" i="1"/>
  <c r="AD100612" i="1"/>
  <c r="AD100613" i="1"/>
  <c r="AD100614" i="1"/>
  <c r="AD100615" i="1"/>
  <c r="AD100616" i="1"/>
  <c r="AD100617" i="1"/>
  <c r="AD100618" i="1"/>
  <c r="AD100619" i="1"/>
  <c r="AD100620" i="1"/>
  <c r="AD100621" i="1"/>
  <c r="AD100622" i="1"/>
  <c r="AD100623" i="1"/>
  <c r="AD100624" i="1"/>
  <c r="AD100625" i="1"/>
  <c r="AD100626" i="1"/>
  <c r="AD100627" i="1"/>
  <c r="AD100628" i="1"/>
  <c r="AD100629" i="1"/>
  <c r="AD100630" i="1"/>
  <c r="AD100631" i="1"/>
  <c r="AD100632" i="1"/>
  <c r="AD100633" i="1"/>
  <c r="AD100634" i="1"/>
  <c r="AD100635" i="1"/>
  <c r="AD100636" i="1"/>
  <c r="AD100637" i="1"/>
  <c r="AD100638" i="1"/>
  <c r="AD100639" i="1"/>
  <c r="AD100640" i="1"/>
  <c r="AD100641" i="1"/>
  <c r="AD100642" i="1"/>
  <c r="AD100643" i="1"/>
  <c r="AD100644" i="1"/>
  <c r="AD100645" i="1"/>
  <c r="AD100646" i="1"/>
  <c r="AD100647" i="1"/>
  <c r="AD100648" i="1"/>
  <c r="AD100649" i="1"/>
  <c r="AD100650" i="1"/>
  <c r="AD100651" i="1"/>
  <c r="AD100652" i="1"/>
  <c r="AD100653" i="1"/>
  <c r="AD100654" i="1"/>
  <c r="AD100655" i="1"/>
  <c r="AD100656" i="1"/>
  <c r="AD100657" i="1"/>
  <c r="AD100658" i="1"/>
  <c r="AD100659" i="1"/>
  <c r="AD100660" i="1"/>
  <c r="AD100661" i="1"/>
  <c r="AD100662" i="1"/>
  <c r="AD100663" i="1"/>
  <c r="AD100664" i="1"/>
  <c r="AD100665" i="1"/>
  <c r="AD100666" i="1"/>
  <c r="AD100667" i="1"/>
  <c r="AD100668" i="1"/>
  <c r="AD100669" i="1"/>
  <c r="AD100670" i="1"/>
  <c r="AD100671" i="1"/>
  <c r="AD100672" i="1"/>
  <c r="AD100673" i="1"/>
  <c r="AD100674" i="1"/>
  <c r="AD100675" i="1"/>
  <c r="AD100676" i="1"/>
  <c r="AD100677" i="1"/>
  <c r="AD100678" i="1"/>
  <c r="AD100679" i="1"/>
  <c r="AD100680" i="1"/>
  <c r="AD100681" i="1"/>
  <c r="AD100682" i="1"/>
  <c r="AD100683" i="1"/>
  <c r="AD100684" i="1"/>
  <c r="AD100685" i="1"/>
  <c r="AD100686" i="1"/>
  <c r="AD100687" i="1"/>
  <c r="AD100688" i="1"/>
  <c r="AD100689" i="1"/>
  <c r="AD100690" i="1"/>
  <c r="AD100691" i="1"/>
  <c r="AD100692" i="1"/>
  <c r="AD100693" i="1"/>
  <c r="AD100694" i="1"/>
  <c r="AD100695" i="1"/>
  <c r="AD100696" i="1"/>
  <c r="AD100697" i="1"/>
  <c r="AD100698" i="1"/>
  <c r="AD100699" i="1"/>
  <c r="AD100700" i="1"/>
  <c r="AD100701" i="1"/>
  <c r="AD100702" i="1"/>
  <c r="AD100703" i="1"/>
  <c r="AD100704" i="1"/>
  <c r="AD100705" i="1"/>
  <c r="AD100706" i="1"/>
  <c r="AD100707" i="1"/>
  <c r="AD100708" i="1"/>
  <c r="AD100709" i="1"/>
  <c r="AD100710" i="1"/>
  <c r="AD100711" i="1"/>
  <c r="AD100712" i="1"/>
  <c r="AD100713" i="1"/>
  <c r="AD100714" i="1"/>
  <c r="AD100715" i="1"/>
  <c r="AD100716" i="1"/>
  <c r="AD100717" i="1"/>
  <c r="AD100718" i="1"/>
  <c r="AD100719" i="1"/>
  <c r="AD100720" i="1"/>
  <c r="AD100721" i="1"/>
  <c r="AD100722" i="1"/>
  <c r="AD100723" i="1"/>
  <c r="AD100724" i="1"/>
  <c r="AD100725" i="1"/>
  <c r="AD100726" i="1"/>
  <c r="AD100727" i="1"/>
  <c r="AD100728" i="1"/>
  <c r="AD100729" i="1"/>
  <c r="AD100730" i="1"/>
  <c r="AD100731" i="1"/>
  <c r="AD100732" i="1"/>
  <c r="AD100733" i="1"/>
  <c r="AD100734" i="1"/>
  <c r="AD100735" i="1"/>
  <c r="AD100736" i="1"/>
  <c r="AD100737" i="1"/>
  <c r="AD100738" i="1"/>
  <c r="AD100739" i="1"/>
  <c r="AD100740" i="1"/>
  <c r="AD100741" i="1"/>
  <c r="AD100742" i="1"/>
  <c r="AD100743" i="1"/>
  <c r="AD100744" i="1"/>
  <c r="AD100745" i="1"/>
  <c r="AD100746" i="1"/>
  <c r="AD100747" i="1"/>
  <c r="AD100748" i="1"/>
  <c r="AD100749" i="1"/>
  <c r="AD100750" i="1"/>
  <c r="AD100751" i="1"/>
  <c r="AD100752" i="1"/>
  <c r="AD100753" i="1"/>
  <c r="AD100754" i="1"/>
  <c r="AD100755" i="1"/>
  <c r="AD100756" i="1"/>
  <c r="AD100757" i="1"/>
  <c r="AD100758" i="1"/>
  <c r="AD100759" i="1"/>
  <c r="AD100760" i="1"/>
  <c r="AD100761" i="1"/>
  <c r="AD100762" i="1"/>
  <c r="AD100763" i="1"/>
  <c r="AD100764" i="1"/>
  <c r="AD100765" i="1"/>
  <c r="AD100766" i="1"/>
  <c r="AD100767" i="1"/>
  <c r="AD100768" i="1"/>
  <c r="AD100769" i="1"/>
  <c r="AD100770" i="1"/>
  <c r="AD100771" i="1"/>
  <c r="AD100772" i="1"/>
  <c r="AD100773" i="1"/>
  <c r="AD100774" i="1"/>
  <c r="AD100775" i="1"/>
  <c r="AD100776" i="1"/>
  <c r="AD100777" i="1"/>
  <c r="AD100778" i="1"/>
  <c r="AD100779" i="1"/>
  <c r="AD100780" i="1"/>
  <c r="AD100781" i="1"/>
  <c r="AD100782" i="1"/>
  <c r="AD100783" i="1"/>
  <c r="AD100784" i="1"/>
  <c r="AD100785" i="1"/>
  <c r="AD100786" i="1"/>
  <c r="AD100787" i="1"/>
  <c r="AD100788" i="1"/>
  <c r="AD100789" i="1"/>
  <c r="AD100790" i="1"/>
  <c r="AD100791" i="1"/>
  <c r="AD100792" i="1"/>
  <c r="AD100793" i="1"/>
  <c r="AD100794" i="1"/>
  <c r="AD100795" i="1"/>
  <c r="AD100796" i="1"/>
  <c r="AD100797" i="1"/>
  <c r="AD100798" i="1"/>
  <c r="AD100799" i="1"/>
  <c r="AD100800" i="1"/>
  <c r="AD100801" i="1"/>
  <c r="AD100802" i="1"/>
  <c r="AD100803" i="1"/>
  <c r="AD100804" i="1"/>
  <c r="AD100805" i="1"/>
  <c r="AD100806" i="1"/>
  <c r="AD100807" i="1"/>
  <c r="AD100808" i="1"/>
  <c r="AD100809" i="1"/>
  <c r="AD100810" i="1"/>
  <c r="AD100811" i="1"/>
  <c r="AD100812" i="1"/>
  <c r="AD100813" i="1"/>
  <c r="AD100814" i="1"/>
  <c r="AD100815" i="1"/>
  <c r="AD100816" i="1"/>
  <c r="AD100817" i="1"/>
  <c r="AD100818" i="1"/>
  <c r="AD100819" i="1"/>
  <c r="AD100820" i="1"/>
  <c r="AD100821" i="1"/>
  <c r="AD100822" i="1"/>
  <c r="AD100823" i="1"/>
  <c r="AD100824" i="1"/>
  <c r="AD100825" i="1"/>
  <c r="AD100826" i="1"/>
  <c r="AD100827" i="1"/>
  <c r="AD100828" i="1"/>
  <c r="AD100829" i="1"/>
  <c r="AD100830" i="1"/>
  <c r="AD100831" i="1"/>
  <c r="AD100832" i="1"/>
  <c r="AD100833" i="1"/>
  <c r="AD100834" i="1"/>
  <c r="AD100835" i="1"/>
  <c r="AD100836" i="1"/>
  <c r="AD100837" i="1"/>
  <c r="AD100838" i="1"/>
  <c r="AD100839" i="1"/>
  <c r="AD100840" i="1"/>
  <c r="AD100841" i="1"/>
  <c r="AD100842" i="1"/>
  <c r="AD100843" i="1"/>
  <c r="AD100844" i="1"/>
  <c r="AD100845" i="1"/>
  <c r="AD100846" i="1"/>
  <c r="AD100847" i="1"/>
  <c r="AD100848" i="1"/>
  <c r="AD100849" i="1"/>
  <c r="AD100850" i="1"/>
  <c r="AD100851" i="1"/>
  <c r="AD100852" i="1"/>
  <c r="AD100853" i="1"/>
  <c r="AD100854" i="1"/>
  <c r="AD100855" i="1"/>
  <c r="AD100856" i="1"/>
  <c r="AD100857" i="1"/>
  <c r="AD100858" i="1"/>
  <c r="AD100859" i="1"/>
  <c r="AD100860" i="1"/>
  <c r="AD100861" i="1"/>
  <c r="AD100862" i="1"/>
  <c r="AD100863" i="1"/>
  <c r="AD100864" i="1"/>
  <c r="AD100865" i="1"/>
  <c r="AD100866" i="1"/>
  <c r="AD100867" i="1"/>
  <c r="AD100868" i="1"/>
  <c r="AD100869" i="1"/>
  <c r="AD100870" i="1"/>
  <c r="AD100871" i="1"/>
  <c r="AD100872" i="1"/>
  <c r="AD100873" i="1"/>
  <c r="AD100874" i="1"/>
  <c r="AD100875" i="1"/>
  <c r="AD100876" i="1"/>
  <c r="AD100877" i="1"/>
  <c r="AD100878" i="1"/>
  <c r="AD100879" i="1"/>
  <c r="AD100880" i="1"/>
  <c r="AD100881" i="1"/>
  <c r="AD100882" i="1"/>
  <c r="AD100883" i="1"/>
  <c r="AD100884" i="1"/>
  <c r="AD100885" i="1"/>
  <c r="AD100886" i="1"/>
  <c r="AD100887" i="1"/>
  <c r="AD100888" i="1"/>
  <c r="AD100889" i="1"/>
  <c r="AD100890" i="1"/>
  <c r="AD100891" i="1"/>
  <c r="AD100892" i="1"/>
  <c r="AD100893" i="1"/>
  <c r="AD100894" i="1"/>
  <c r="AD100895" i="1"/>
  <c r="AD100896" i="1"/>
  <c r="AD100897" i="1"/>
  <c r="AD100898" i="1"/>
  <c r="AD100899" i="1"/>
  <c r="AD100900" i="1"/>
  <c r="AD100901" i="1"/>
  <c r="AD100902" i="1"/>
  <c r="AD100903" i="1"/>
  <c r="AD100904" i="1"/>
  <c r="AD100905" i="1"/>
  <c r="AD100906" i="1"/>
  <c r="AD100907" i="1"/>
  <c r="AD100908" i="1"/>
  <c r="AD100909" i="1"/>
  <c r="AD100910" i="1"/>
  <c r="AD100911" i="1"/>
  <c r="AD100912" i="1"/>
  <c r="AD100913" i="1"/>
  <c r="AD100914" i="1"/>
  <c r="AD100915" i="1"/>
  <c r="AD100916" i="1"/>
  <c r="AD100917" i="1"/>
  <c r="AD100918" i="1"/>
  <c r="AD100919" i="1"/>
  <c r="AD100920" i="1"/>
  <c r="AD100921" i="1"/>
  <c r="AD100922" i="1"/>
  <c r="AD100923" i="1"/>
  <c r="AD100924" i="1"/>
  <c r="AD100925" i="1"/>
  <c r="AD100926" i="1"/>
  <c r="AD100927" i="1"/>
  <c r="AD100928" i="1"/>
  <c r="AD100929" i="1"/>
  <c r="AD100930" i="1"/>
  <c r="AD100931" i="1"/>
  <c r="AD100932" i="1"/>
  <c r="AD100933" i="1"/>
  <c r="AD100934" i="1"/>
  <c r="AD100935" i="1"/>
  <c r="AD100936" i="1"/>
  <c r="AD100937" i="1"/>
  <c r="AD100938" i="1"/>
  <c r="AD100939" i="1"/>
  <c r="AD100940" i="1"/>
  <c r="AD100941" i="1"/>
  <c r="AD100942" i="1"/>
  <c r="AD100943" i="1"/>
  <c r="AD100944" i="1"/>
  <c r="AD100945" i="1"/>
  <c r="AD100946" i="1"/>
  <c r="AD100947" i="1"/>
  <c r="AD100948" i="1"/>
  <c r="AD100949" i="1"/>
  <c r="AD100950" i="1"/>
  <c r="AD100951" i="1"/>
  <c r="AD100952" i="1"/>
  <c r="AD100953" i="1"/>
  <c r="AD100954" i="1"/>
  <c r="AD100955" i="1"/>
  <c r="AD100956" i="1"/>
  <c r="AD100957" i="1"/>
  <c r="AD100958" i="1"/>
  <c r="AD100959" i="1"/>
  <c r="AD100960" i="1"/>
  <c r="AD100961" i="1"/>
  <c r="AD100962" i="1"/>
  <c r="AD100963" i="1"/>
  <c r="AD100964" i="1"/>
  <c r="AD100965" i="1"/>
  <c r="AD100966" i="1"/>
  <c r="AD100967" i="1"/>
  <c r="AD100968" i="1"/>
  <c r="AD100969" i="1"/>
  <c r="AD100970" i="1"/>
  <c r="AD100971" i="1"/>
  <c r="AD100972" i="1"/>
  <c r="AD100973" i="1"/>
  <c r="AD100974" i="1"/>
  <c r="AD100975" i="1"/>
  <c r="AD100976" i="1"/>
  <c r="AD100977" i="1"/>
  <c r="AD100978" i="1"/>
  <c r="AD100979" i="1"/>
  <c r="AD100980" i="1"/>
  <c r="AD100981" i="1"/>
  <c r="AD100982" i="1"/>
  <c r="AD100983" i="1"/>
  <c r="AD100984" i="1"/>
  <c r="AD100985" i="1"/>
  <c r="AD100986" i="1"/>
  <c r="AD100987" i="1"/>
  <c r="AD100988" i="1"/>
  <c r="AD100989" i="1"/>
  <c r="AD100990" i="1"/>
  <c r="AD100991" i="1"/>
  <c r="AD100992" i="1"/>
  <c r="AD100993" i="1"/>
  <c r="AD100994" i="1"/>
  <c r="AD100995" i="1"/>
  <c r="AD100996" i="1"/>
  <c r="AD100997" i="1"/>
  <c r="AD100998" i="1"/>
  <c r="AD100999" i="1"/>
  <c r="AD101000" i="1"/>
  <c r="AD101001" i="1"/>
  <c r="AD101002" i="1"/>
  <c r="AD101003" i="1"/>
  <c r="AD101004" i="1"/>
  <c r="AD101005" i="1"/>
  <c r="AD101006" i="1"/>
  <c r="AD101007" i="1"/>
  <c r="AD101008" i="1"/>
  <c r="AD101009" i="1"/>
  <c r="AD101010" i="1"/>
  <c r="AD101011" i="1"/>
  <c r="AD101012" i="1"/>
  <c r="AD101013" i="1"/>
  <c r="AD101014" i="1"/>
  <c r="AD101015" i="1"/>
  <c r="AD101016" i="1"/>
  <c r="AD101017" i="1"/>
  <c r="AD101018" i="1"/>
  <c r="AD101019" i="1"/>
  <c r="AD101020" i="1"/>
  <c r="AD101021" i="1"/>
  <c r="AD101022" i="1"/>
  <c r="AD101023" i="1"/>
  <c r="AD101024" i="1"/>
  <c r="AD101025" i="1"/>
  <c r="AD101026" i="1"/>
  <c r="AD101027" i="1"/>
  <c r="AD101028" i="1"/>
  <c r="AD101029" i="1"/>
  <c r="AD101030" i="1"/>
  <c r="AD101031" i="1"/>
  <c r="AD101032" i="1"/>
  <c r="AD101033" i="1"/>
  <c r="AD101034" i="1"/>
  <c r="AD101035" i="1"/>
  <c r="AD101036" i="1"/>
  <c r="AD101037" i="1"/>
  <c r="AD101038" i="1"/>
  <c r="AD101039" i="1"/>
  <c r="AD101040" i="1"/>
  <c r="AD101041" i="1"/>
  <c r="AD101042" i="1"/>
  <c r="AD101043" i="1"/>
  <c r="AD101044" i="1"/>
  <c r="AD101045" i="1"/>
  <c r="AD101046" i="1"/>
  <c r="AD101047" i="1"/>
  <c r="AD101048" i="1"/>
  <c r="AD101049" i="1"/>
  <c r="AD101050" i="1"/>
  <c r="AD101051" i="1"/>
  <c r="AD101052" i="1"/>
  <c r="AD101053" i="1"/>
  <c r="AD101054" i="1"/>
  <c r="AD101055" i="1"/>
  <c r="AD101056" i="1"/>
  <c r="AD101057" i="1"/>
  <c r="AD101058" i="1"/>
  <c r="AD101059" i="1"/>
  <c r="AD101060" i="1"/>
  <c r="AD101061" i="1"/>
  <c r="AD101062" i="1"/>
  <c r="AD101063" i="1"/>
  <c r="AD101064" i="1"/>
  <c r="AD101065" i="1"/>
  <c r="AD101066" i="1"/>
  <c r="AD101067" i="1"/>
  <c r="AD101068" i="1"/>
  <c r="AD101069" i="1"/>
  <c r="AD101070" i="1"/>
  <c r="AD101071" i="1"/>
  <c r="AD101072" i="1"/>
  <c r="AD101073" i="1"/>
  <c r="AD101074" i="1"/>
  <c r="AD101075" i="1"/>
  <c r="AD101076" i="1"/>
  <c r="AD101077" i="1"/>
  <c r="AD101078" i="1"/>
  <c r="AD101079" i="1"/>
  <c r="AD101080" i="1"/>
  <c r="AD101081" i="1"/>
  <c r="AD101082" i="1"/>
  <c r="AD101083" i="1"/>
  <c r="AD101084" i="1"/>
  <c r="AD101085" i="1"/>
  <c r="AD101086" i="1"/>
  <c r="AD101087" i="1"/>
  <c r="AD101088" i="1"/>
  <c r="AD101089" i="1"/>
  <c r="AD101090" i="1"/>
  <c r="AD101091" i="1"/>
  <c r="AD101092" i="1"/>
  <c r="AD101093" i="1"/>
  <c r="AD101094" i="1"/>
  <c r="AD101095" i="1"/>
  <c r="AD101096" i="1"/>
  <c r="AD101097" i="1"/>
  <c r="AD101098" i="1"/>
  <c r="AD101099" i="1"/>
  <c r="AD101100" i="1"/>
  <c r="AD101101" i="1"/>
  <c r="AD101102" i="1"/>
  <c r="AD101103" i="1"/>
  <c r="AD101104" i="1"/>
  <c r="AD101105" i="1"/>
  <c r="AD101106" i="1"/>
  <c r="AD101107" i="1"/>
  <c r="AD101108" i="1"/>
  <c r="AD101109" i="1"/>
  <c r="AD101110" i="1"/>
  <c r="AD101111" i="1"/>
  <c r="AD101112" i="1"/>
  <c r="AD101113" i="1"/>
  <c r="AD101114" i="1"/>
  <c r="AD101115" i="1"/>
  <c r="AD101116" i="1"/>
  <c r="AD101117" i="1"/>
  <c r="AD101118" i="1"/>
  <c r="AD101119" i="1"/>
  <c r="AD101120" i="1"/>
  <c r="AD101121" i="1"/>
  <c r="AD101122" i="1"/>
  <c r="AD101123" i="1"/>
  <c r="AD101124" i="1"/>
  <c r="AD101125" i="1"/>
  <c r="AD101126" i="1"/>
  <c r="AD101127" i="1"/>
  <c r="AD101128" i="1"/>
  <c r="AD101129" i="1"/>
  <c r="AD101130" i="1"/>
  <c r="AD101131" i="1"/>
  <c r="AD101132" i="1"/>
  <c r="AD101133" i="1"/>
  <c r="AD101134" i="1"/>
  <c r="AD101135" i="1"/>
  <c r="AD101136" i="1"/>
  <c r="AD101137" i="1"/>
  <c r="AD101138" i="1"/>
  <c r="AD101139" i="1"/>
  <c r="AD101140" i="1"/>
  <c r="AD101141" i="1"/>
  <c r="AD101142" i="1"/>
  <c r="AD101143" i="1"/>
  <c r="AD101144" i="1"/>
  <c r="AD101145" i="1"/>
  <c r="AD101146" i="1"/>
  <c r="AD101147" i="1"/>
  <c r="AD101148" i="1"/>
  <c r="AD101149" i="1"/>
  <c r="AD101150" i="1"/>
  <c r="AD101151" i="1"/>
  <c r="AD101152" i="1"/>
  <c r="AD101153" i="1"/>
  <c r="AD101154" i="1"/>
  <c r="AD101155" i="1"/>
  <c r="AD101156" i="1"/>
  <c r="AD101157" i="1"/>
  <c r="AD101158" i="1"/>
  <c r="AD101159" i="1"/>
  <c r="AD101160" i="1"/>
  <c r="AD101161" i="1"/>
  <c r="AD101162" i="1"/>
  <c r="AD101163" i="1"/>
  <c r="AD101164" i="1"/>
  <c r="AD101165" i="1"/>
  <c r="AD101166" i="1"/>
  <c r="AD101167" i="1"/>
  <c r="AD101168" i="1"/>
  <c r="AD101169" i="1"/>
  <c r="AD101170" i="1"/>
  <c r="AD101171" i="1"/>
  <c r="AD101172" i="1"/>
  <c r="AD101173" i="1"/>
  <c r="AD101174" i="1"/>
  <c r="AD101175" i="1"/>
  <c r="AD101176" i="1"/>
  <c r="AD101177" i="1"/>
  <c r="AD101178" i="1"/>
  <c r="AD101179" i="1"/>
  <c r="AD101180" i="1"/>
  <c r="AD101181" i="1"/>
  <c r="AD101182" i="1"/>
  <c r="AD101183" i="1"/>
  <c r="AD101184" i="1"/>
  <c r="AD101185" i="1"/>
  <c r="AD101186" i="1"/>
  <c r="AD101187" i="1"/>
  <c r="AD101188" i="1"/>
  <c r="AD101189" i="1"/>
  <c r="AD101190" i="1"/>
  <c r="AD101191" i="1"/>
  <c r="AD101192" i="1"/>
  <c r="AD101193" i="1"/>
  <c r="AD101194" i="1"/>
  <c r="AD101195" i="1"/>
  <c r="AD101196" i="1"/>
  <c r="AD101197" i="1"/>
  <c r="AD101198" i="1"/>
  <c r="AD101199" i="1"/>
  <c r="AD101200" i="1"/>
  <c r="AD101201" i="1"/>
  <c r="AD101202" i="1"/>
  <c r="AD101203" i="1"/>
  <c r="AD101204" i="1"/>
  <c r="AD101205" i="1"/>
  <c r="AD101206" i="1"/>
  <c r="AD101207" i="1"/>
  <c r="AD101208" i="1"/>
  <c r="AD101209" i="1"/>
  <c r="AD101210" i="1"/>
  <c r="AD101211" i="1"/>
  <c r="AD101212" i="1"/>
  <c r="AD101213" i="1"/>
  <c r="AD101214" i="1"/>
  <c r="AD101215" i="1"/>
  <c r="AD101216" i="1"/>
  <c r="AD101217" i="1"/>
  <c r="AD101218" i="1"/>
  <c r="AD101219" i="1"/>
  <c r="AD101220" i="1"/>
  <c r="AD101221" i="1"/>
  <c r="AD101222" i="1"/>
  <c r="AD101223" i="1"/>
  <c r="AD101224" i="1"/>
  <c r="AD101225" i="1"/>
  <c r="AD101226" i="1"/>
  <c r="AD101227" i="1"/>
  <c r="AD101228" i="1"/>
  <c r="AD101229" i="1"/>
  <c r="AD101230" i="1"/>
  <c r="AD101231" i="1"/>
  <c r="AD101232" i="1"/>
  <c r="AD101233" i="1"/>
  <c r="AD101234" i="1"/>
  <c r="AD101235" i="1"/>
  <c r="AD101236" i="1"/>
  <c r="AD101237" i="1"/>
  <c r="AD101238" i="1"/>
  <c r="AD101239" i="1"/>
  <c r="AD101240" i="1"/>
  <c r="AD101241" i="1"/>
  <c r="AD101242" i="1"/>
  <c r="AD101243" i="1"/>
  <c r="AD101244" i="1"/>
  <c r="AD101245" i="1"/>
  <c r="AD101246" i="1"/>
  <c r="AD101247" i="1"/>
  <c r="AD101248" i="1"/>
  <c r="AD101249" i="1"/>
  <c r="AD101250" i="1"/>
  <c r="AD101251" i="1"/>
  <c r="AD101252" i="1"/>
  <c r="AD101253" i="1"/>
  <c r="AD101254" i="1"/>
  <c r="AD101255" i="1"/>
  <c r="AD101256" i="1"/>
  <c r="AD101257" i="1"/>
  <c r="AD101258" i="1"/>
  <c r="AD101259" i="1"/>
  <c r="AD101260" i="1"/>
  <c r="AD101261" i="1"/>
  <c r="AD101262" i="1"/>
  <c r="AD101263" i="1"/>
  <c r="AD101264" i="1"/>
  <c r="AD101265" i="1"/>
  <c r="AD101266" i="1"/>
  <c r="AD101267" i="1"/>
  <c r="AD101268" i="1"/>
  <c r="AD101269" i="1"/>
  <c r="AD101270" i="1"/>
  <c r="AD101271" i="1"/>
  <c r="AD101272" i="1"/>
  <c r="AD101273" i="1"/>
  <c r="AD101274" i="1"/>
  <c r="AD101275" i="1"/>
  <c r="AD101276" i="1"/>
  <c r="AD101277" i="1"/>
  <c r="AD101278" i="1"/>
  <c r="AD101279" i="1"/>
  <c r="AD101280" i="1"/>
  <c r="AD101281" i="1"/>
  <c r="AD101282" i="1"/>
  <c r="AD101283" i="1"/>
  <c r="AD101284" i="1"/>
  <c r="AD101285" i="1"/>
  <c r="AD101286" i="1"/>
  <c r="AD101287" i="1"/>
  <c r="AD101288" i="1"/>
  <c r="AD101289" i="1"/>
  <c r="AD101290" i="1"/>
  <c r="AD101291" i="1"/>
  <c r="AD101292" i="1"/>
  <c r="AD101293" i="1"/>
  <c r="AD101294" i="1"/>
  <c r="AD101295" i="1"/>
  <c r="AD101296" i="1"/>
  <c r="AD101297" i="1"/>
  <c r="AD101298" i="1"/>
  <c r="AD101299" i="1"/>
  <c r="AD101300" i="1"/>
  <c r="AD101301" i="1"/>
  <c r="AD101302" i="1"/>
  <c r="AD101303" i="1"/>
  <c r="AD101304" i="1"/>
  <c r="AD101305" i="1"/>
  <c r="AD101306" i="1"/>
  <c r="AD101307" i="1"/>
  <c r="AD101308" i="1"/>
  <c r="AD101309" i="1"/>
  <c r="AD101310" i="1"/>
  <c r="AD101311" i="1"/>
  <c r="AD101312" i="1"/>
  <c r="AD101313" i="1"/>
  <c r="AD101314" i="1"/>
  <c r="AD101315" i="1"/>
  <c r="AD101316" i="1"/>
  <c r="AD101317" i="1"/>
  <c r="AD101318" i="1"/>
  <c r="AD101319" i="1"/>
  <c r="AD101320" i="1"/>
  <c r="AD101321" i="1"/>
  <c r="AD101322" i="1"/>
  <c r="AD101323" i="1"/>
  <c r="AD101324" i="1"/>
  <c r="AD101325" i="1"/>
  <c r="AD101326" i="1"/>
  <c r="AD101327" i="1"/>
  <c r="AD101328" i="1"/>
  <c r="AD101329" i="1"/>
  <c r="AD101330" i="1"/>
  <c r="AD101331" i="1"/>
  <c r="AD101332" i="1"/>
  <c r="AD101333" i="1"/>
  <c r="AD101334" i="1"/>
  <c r="AD101335" i="1"/>
  <c r="AD101336" i="1"/>
  <c r="AD101337" i="1"/>
  <c r="AD101338" i="1"/>
  <c r="AD101339" i="1"/>
  <c r="AD101340" i="1"/>
  <c r="AD101341" i="1"/>
  <c r="AD101342" i="1"/>
  <c r="AD101343" i="1"/>
  <c r="AD101344" i="1"/>
  <c r="AD101345" i="1"/>
  <c r="AD101346" i="1"/>
  <c r="AD101347" i="1"/>
  <c r="AD101348" i="1"/>
  <c r="AD101349" i="1"/>
  <c r="AD101350" i="1"/>
  <c r="AD101351" i="1"/>
  <c r="AD101352" i="1"/>
  <c r="AD101353" i="1"/>
  <c r="AD101354" i="1"/>
  <c r="AD101355" i="1"/>
  <c r="AD101356" i="1"/>
  <c r="AD101357" i="1"/>
  <c r="AD101358" i="1"/>
  <c r="AD101359" i="1"/>
  <c r="AD101360" i="1"/>
  <c r="AD101361" i="1"/>
  <c r="AD101362" i="1"/>
  <c r="AD101363" i="1"/>
  <c r="AD101364" i="1"/>
  <c r="AD101365" i="1"/>
  <c r="AD101366" i="1"/>
  <c r="AD101367" i="1"/>
  <c r="AD101368" i="1"/>
  <c r="AD101369" i="1"/>
  <c r="AD101370" i="1"/>
  <c r="AD101371" i="1"/>
  <c r="AD101372" i="1"/>
  <c r="AD101373" i="1"/>
  <c r="AD101374" i="1"/>
  <c r="AD101375" i="1"/>
  <c r="AD101376" i="1"/>
  <c r="AD101377" i="1"/>
  <c r="AD101378" i="1"/>
  <c r="AD101379" i="1"/>
  <c r="AD101380" i="1"/>
  <c r="AD101381" i="1"/>
  <c r="AD101382" i="1"/>
  <c r="AD101383" i="1"/>
  <c r="AD101384" i="1"/>
  <c r="AD101385" i="1"/>
  <c r="AD101386" i="1"/>
  <c r="AD101387" i="1"/>
  <c r="AD101388" i="1"/>
  <c r="AD101389" i="1"/>
  <c r="AD101390" i="1"/>
  <c r="AD101391" i="1"/>
  <c r="AD101392" i="1"/>
  <c r="AD101393" i="1"/>
  <c r="AD101394" i="1"/>
  <c r="AD101395" i="1"/>
  <c r="AD101396" i="1"/>
  <c r="AD101397" i="1"/>
  <c r="AD101398" i="1"/>
  <c r="AD101399" i="1"/>
  <c r="AD101400" i="1"/>
  <c r="AD101401" i="1"/>
  <c r="AD101402" i="1"/>
  <c r="AD101403" i="1"/>
  <c r="AD101404" i="1"/>
  <c r="AD101405" i="1"/>
  <c r="AD101406" i="1"/>
  <c r="AD101407" i="1"/>
  <c r="AD101408" i="1"/>
  <c r="AD101409" i="1"/>
  <c r="AD101410" i="1"/>
  <c r="AD101411" i="1"/>
  <c r="AD101412" i="1"/>
  <c r="AD101413" i="1"/>
  <c r="AD101414" i="1"/>
  <c r="AD101415" i="1"/>
  <c r="AD101416" i="1"/>
  <c r="AD101417" i="1"/>
  <c r="AD101418" i="1"/>
  <c r="AD101419" i="1"/>
  <c r="AD101420" i="1"/>
  <c r="AD101421" i="1"/>
  <c r="AD101422" i="1"/>
  <c r="AD101423" i="1"/>
  <c r="AD101424" i="1"/>
  <c r="AD101425" i="1"/>
  <c r="AD101426" i="1"/>
  <c r="AD101427" i="1"/>
  <c r="AD101428" i="1"/>
  <c r="AD101429" i="1"/>
  <c r="AD101430" i="1"/>
  <c r="AD101431" i="1"/>
  <c r="AD101432" i="1"/>
  <c r="AD101433" i="1"/>
  <c r="AD101434" i="1"/>
  <c r="AD101435" i="1"/>
  <c r="AD101436" i="1"/>
  <c r="AD101437" i="1"/>
  <c r="AD101438" i="1"/>
  <c r="AD101439" i="1"/>
  <c r="AD101440" i="1"/>
  <c r="AD101441" i="1"/>
  <c r="AD101442" i="1"/>
  <c r="AD101443" i="1"/>
  <c r="AD101444" i="1"/>
  <c r="AD101445" i="1"/>
  <c r="AD101446" i="1"/>
  <c r="AD101447" i="1"/>
  <c r="AD101448" i="1"/>
  <c r="AD101449" i="1"/>
  <c r="AD101450" i="1"/>
  <c r="AD101451" i="1"/>
  <c r="AD101452" i="1"/>
  <c r="AD101453" i="1"/>
  <c r="AD101454" i="1"/>
  <c r="AD101455" i="1"/>
  <c r="AD101456" i="1"/>
  <c r="AD101457" i="1"/>
  <c r="AD101458" i="1"/>
  <c r="AD101459" i="1"/>
  <c r="AD101460" i="1"/>
  <c r="AD101461" i="1"/>
  <c r="AD101462" i="1"/>
  <c r="AD101463" i="1"/>
  <c r="AD101464" i="1"/>
  <c r="AD101465" i="1"/>
  <c r="AD101466" i="1"/>
  <c r="AD101467" i="1"/>
  <c r="AD101468" i="1"/>
  <c r="AD101469" i="1"/>
  <c r="AD101470" i="1"/>
  <c r="AD101471" i="1"/>
  <c r="AD101472" i="1"/>
  <c r="AD101473" i="1"/>
  <c r="AD101474" i="1"/>
  <c r="AD101475" i="1"/>
  <c r="AD101476" i="1"/>
  <c r="AD101477" i="1"/>
  <c r="AD101478" i="1"/>
  <c r="AD101479" i="1"/>
  <c r="AD101480" i="1"/>
  <c r="AD101481" i="1"/>
  <c r="AD101482" i="1"/>
  <c r="AD101483" i="1"/>
  <c r="AD101484" i="1"/>
  <c r="AD101485" i="1"/>
  <c r="AD101486" i="1"/>
  <c r="AD101487" i="1"/>
  <c r="AD101488" i="1"/>
  <c r="AD101489" i="1"/>
  <c r="AD101490" i="1"/>
  <c r="AD101491" i="1"/>
  <c r="AD101492" i="1"/>
  <c r="AD101493" i="1"/>
  <c r="AD101494" i="1"/>
  <c r="AD101495" i="1"/>
  <c r="AD101496" i="1"/>
  <c r="AD101497" i="1"/>
  <c r="AD101498" i="1"/>
  <c r="AD101499" i="1"/>
  <c r="AD101500" i="1"/>
  <c r="AD101501" i="1"/>
  <c r="AD101502" i="1"/>
  <c r="AD101503" i="1"/>
  <c r="AD101504" i="1"/>
  <c r="AD101505" i="1"/>
  <c r="AD101506" i="1"/>
  <c r="AD101507" i="1"/>
  <c r="AD101508" i="1"/>
  <c r="AD101509" i="1"/>
  <c r="AD101510" i="1"/>
  <c r="AD101511" i="1"/>
  <c r="AD101512" i="1"/>
  <c r="AD101513" i="1"/>
  <c r="AD101514" i="1"/>
  <c r="AD101515" i="1"/>
  <c r="AD101516" i="1"/>
  <c r="AD101517" i="1"/>
  <c r="AD101518" i="1"/>
  <c r="AD101519" i="1"/>
  <c r="AD101520" i="1"/>
  <c r="AD101521" i="1"/>
  <c r="AD101522" i="1"/>
  <c r="AD101523" i="1"/>
  <c r="AD101524" i="1"/>
  <c r="AD101525" i="1"/>
  <c r="AD101526" i="1"/>
  <c r="AD101527" i="1"/>
  <c r="AD101528" i="1"/>
  <c r="AD101529" i="1"/>
  <c r="AD101530" i="1"/>
  <c r="AD101531" i="1"/>
  <c r="AD101532" i="1"/>
  <c r="AD101533" i="1"/>
  <c r="AD101534" i="1"/>
  <c r="AD101535" i="1"/>
  <c r="AD101536" i="1"/>
  <c r="AD101537" i="1"/>
  <c r="AD101538" i="1"/>
  <c r="AD101539" i="1"/>
  <c r="AD101540" i="1"/>
  <c r="AD101541" i="1"/>
  <c r="AD101542" i="1"/>
  <c r="AD101543" i="1"/>
  <c r="AD101544" i="1"/>
  <c r="AD101545" i="1"/>
  <c r="AD101546" i="1"/>
  <c r="AD101547" i="1"/>
  <c r="AD101548" i="1"/>
  <c r="AD101549" i="1"/>
  <c r="AD101550" i="1"/>
  <c r="AD101551" i="1"/>
  <c r="AD101552" i="1"/>
  <c r="AD101553" i="1"/>
  <c r="AD101554" i="1"/>
  <c r="AD101555" i="1"/>
  <c r="AD101556" i="1"/>
  <c r="AD101557" i="1"/>
  <c r="AD101558" i="1"/>
  <c r="AD101559" i="1"/>
  <c r="AD101560" i="1"/>
  <c r="AD101561" i="1"/>
  <c r="AD101562" i="1"/>
  <c r="AD101563" i="1"/>
  <c r="AD101564" i="1"/>
  <c r="AD101565" i="1"/>
  <c r="AD101566" i="1"/>
  <c r="AD101567" i="1"/>
  <c r="AD101568" i="1"/>
  <c r="AD101569" i="1"/>
  <c r="AD101570" i="1"/>
  <c r="AD101571" i="1"/>
  <c r="AD101572" i="1"/>
  <c r="AD101573" i="1"/>
  <c r="AD101574" i="1"/>
  <c r="AD101575" i="1"/>
  <c r="AD101576" i="1"/>
  <c r="AD101577" i="1"/>
  <c r="AD101578" i="1"/>
  <c r="AD101579" i="1"/>
  <c r="AD101580" i="1"/>
  <c r="AD101581" i="1"/>
  <c r="AD101582" i="1"/>
  <c r="AD101583" i="1"/>
  <c r="AD101584" i="1"/>
  <c r="AD101585" i="1"/>
  <c r="AD101586" i="1"/>
  <c r="AD101587" i="1"/>
  <c r="AD101588" i="1"/>
  <c r="AD101589" i="1"/>
  <c r="AD101590" i="1"/>
  <c r="AD101591" i="1"/>
  <c r="AD101592" i="1"/>
  <c r="AD101593" i="1"/>
  <c r="AD101594" i="1"/>
  <c r="AD101595" i="1"/>
  <c r="AD101596" i="1"/>
  <c r="AD101597" i="1"/>
  <c r="AD101598" i="1"/>
  <c r="AD101599" i="1"/>
  <c r="AD101600" i="1"/>
  <c r="AD101601" i="1"/>
  <c r="AD101602" i="1"/>
  <c r="AD101603" i="1"/>
  <c r="AD101604" i="1"/>
  <c r="AD101605" i="1"/>
  <c r="AD101606" i="1"/>
  <c r="AD101607" i="1"/>
  <c r="AD101608" i="1"/>
  <c r="AD101609" i="1"/>
  <c r="AD101610" i="1"/>
  <c r="AD101611" i="1"/>
  <c r="AD101612" i="1"/>
  <c r="AD101613" i="1"/>
  <c r="AD101614" i="1"/>
  <c r="AD101615" i="1"/>
  <c r="AD101616" i="1"/>
  <c r="AD101617" i="1"/>
  <c r="AD101618" i="1"/>
  <c r="AD101619" i="1"/>
  <c r="AD101620" i="1"/>
  <c r="AD101621" i="1"/>
  <c r="AD101622" i="1"/>
  <c r="AD101623" i="1"/>
  <c r="AD101624" i="1"/>
  <c r="AD101625" i="1"/>
  <c r="AD101626" i="1"/>
  <c r="AD101627" i="1"/>
  <c r="AD101628" i="1"/>
  <c r="AD101629" i="1"/>
  <c r="AD101630" i="1"/>
  <c r="AD101631" i="1"/>
  <c r="AD101632" i="1"/>
  <c r="AD101633" i="1"/>
  <c r="AD101634" i="1"/>
  <c r="AD101635" i="1"/>
  <c r="AD101636" i="1"/>
  <c r="AD101637" i="1"/>
  <c r="AD101638" i="1"/>
  <c r="AD101639" i="1"/>
  <c r="AD101640" i="1"/>
  <c r="AD101641" i="1"/>
  <c r="AD101642" i="1"/>
  <c r="AD101643" i="1"/>
  <c r="AD101644" i="1"/>
  <c r="AD101645" i="1"/>
  <c r="AD101646" i="1"/>
  <c r="AD101647" i="1"/>
  <c r="AD101648" i="1"/>
  <c r="AD101649" i="1"/>
  <c r="AD101650" i="1"/>
  <c r="AD101651" i="1"/>
  <c r="AD101652" i="1"/>
  <c r="AD101653" i="1"/>
  <c r="AD101654" i="1"/>
  <c r="AD101655" i="1"/>
  <c r="AD101656" i="1"/>
  <c r="AD101657" i="1"/>
  <c r="AD101658" i="1"/>
  <c r="AD101659" i="1"/>
  <c r="AD101660" i="1"/>
  <c r="AD101661" i="1"/>
  <c r="AD101662" i="1"/>
  <c r="AD101663" i="1"/>
  <c r="AD101664" i="1"/>
  <c r="AD101665" i="1"/>
  <c r="AD101666" i="1"/>
  <c r="AD101667" i="1"/>
  <c r="AD101668" i="1"/>
  <c r="AD101669" i="1"/>
  <c r="AD101670" i="1"/>
  <c r="AD101671" i="1"/>
  <c r="AD101672" i="1"/>
  <c r="AD101673" i="1"/>
  <c r="AD101674" i="1"/>
  <c r="AD101675" i="1"/>
  <c r="AD101676" i="1"/>
  <c r="AD101677" i="1"/>
  <c r="AD101678" i="1"/>
  <c r="AD101679" i="1"/>
  <c r="AD101680" i="1"/>
  <c r="AD101681" i="1"/>
  <c r="AD101682" i="1"/>
  <c r="AD101683" i="1"/>
  <c r="AD101684" i="1"/>
  <c r="AD101685" i="1"/>
  <c r="AD101686" i="1"/>
  <c r="AD101687" i="1"/>
  <c r="AD101688" i="1"/>
  <c r="AD101689" i="1"/>
  <c r="AD101690" i="1"/>
  <c r="AD101691" i="1"/>
  <c r="AD101692" i="1"/>
  <c r="AD101693" i="1"/>
  <c r="AD101694" i="1"/>
  <c r="AD101695" i="1"/>
  <c r="AD101696" i="1"/>
  <c r="AD101697" i="1"/>
  <c r="AD101698" i="1"/>
  <c r="AD101699" i="1"/>
  <c r="AD101700" i="1"/>
  <c r="AD101701" i="1"/>
  <c r="AD101702" i="1"/>
  <c r="AD101703" i="1"/>
  <c r="AD101704" i="1"/>
  <c r="AD101705" i="1"/>
  <c r="AD101706" i="1"/>
  <c r="AD101707" i="1"/>
  <c r="AD101708" i="1"/>
  <c r="AD101709" i="1"/>
  <c r="AD101710" i="1"/>
  <c r="AD101711" i="1"/>
  <c r="AD101712" i="1"/>
  <c r="AD101713" i="1"/>
  <c r="AD101714" i="1"/>
  <c r="AD101715" i="1"/>
  <c r="AD101716" i="1"/>
  <c r="AD101717" i="1"/>
  <c r="AD101718" i="1"/>
  <c r="AD101719" i="1"/>
  <c r="AD101720" i="1"/>
  <c r="AD101721" i="1"/>
  <c r="AD101722" i="1"/>
  <c r="AD101723" i="1"/>
  <c r="AD101724" i="1"/>
  <c r="AD101725" i="1"/>
  <c r="AD101726" i="1"/>
  <c r="AD101727" i="1"/>
  <c r="AD101728" i="1"/>
  <c r="AD101729" i="1"/>
  <c r="AD101730" i="1"/>
  <c r="AD101731" i="1"/>
  <c r="AD101732" i="1"/>
  <c r="AD101733" i="1"/>
  <c r="AD101734" i="1"/>
  <c r="AD101735" i="1"/>
  <c r="AD101736" i="1"/>
  <c r="AD101737" i="1"/>
  <c r="AD101738" i="1"/>
  <c r="AD101739" i="1"/>
  <c r="AD101740" i="1"/>
  <c r="AD101741" i="1"/>
  <c r="AD101742" i="1"/>
  <c r="AD101743" i="1"/>
  <c r="AD101744" i="1"/>
  <c r="AD101745" i="1"/>
  <c r="AD101746" i="1"/>
  <c r="AD101747" i="1"/>
  <c r="AD101748" i="1"/>
  <c r="AD101749" i="1"/>
  <c r="AD101750" i="1"/>
  <c r="AD101751" i="1"/>
  <c r="AD101752" i="1"/>
  <c r="AD101753" i="1"/>
  <c r="AD101754" i="1"/>
  <c r="AD101755" i="1"/>
  <c r="AD101756" i="1"/>
  <c r="AD101757" i="1"/>
  <c r="AD101758" i="1"/>
  <c r="AD101759" i="1"/>
  <c r="AD101760" i="1"/>
  <c r="AD101761" i="1"/>
  <c r="AD101762" i="1"/>
  <c r="AD101763" i="1"/>
  <c r="AD101764" i="1"/>
  <c r="AD101765" i="1"/>
  <c r="AD101766" i="1"/>
  <c r="AD101767" i="1"/>
  <c r="AD101768" i="1"/>
  <c r="AD101769" i="1"/>
  <c r="AD101770" i="1"/>
  <c r="AD101771" i="1"/>
  <c r="AD101772" i="1"/>
  <c r="AD101773" i="1"/>
  <c r="AD101774" i="1"/>
  <c r="AD101775" i="1"/>
  <c r="AD101776" i="1"/>
  <c r="AD101777" i="1"/>
  <c r="AD101778" i="1"/>
  <c r="AD101779" i="1"/>
  <c r="AD101780" i="1"/>
  <c r="AD101781" i="1"/>
  <c r="AD101782" i="1"/>
  <c r="AD101783" i="1"/>
  <c r="AD101784" i="1"/>
  <c r="AD101785" i="1"/>
  <c r="AD101786" i="1"/>
  <c r="AD101787" i="1"/>
  <c r="AD101788" i="1"/>
  <c r="AD101789" i="1"/>
  <c r="AD101790" i="1"/>
  <c r="AD101791" i="1"/>
  <c r="AD101792" i="1"/>
  <c r="AD101793" i="1"/>
  <c r="AD101794" i="1"/>
  <c r="AD101795" i="1"/>
  <c r="AD101796" i="1"/>
  <c r="AD101797" i="1"/>
  <c r="AD101798" i="1"/>
  <c r="AD101799" i="1"/>
  <c r="AD101800" i="1"/>
  <c r="AD101801" i="1"/>
  <c r="AD101802" i="1"/>
  <c r="AD101803" i="1"/>
  <c r="AD101804" i="1"/>
  <c r="AD101805" i="1"/>
  <c r="AD101806" i="1"/>
  <c r="AD101807" i="1"/>
  <c r="AD101808" i="1"/>
  <c r="AD101809" i="1"/>
  <c r="AD101810" i="1"/>
  <c r="AD101811" i="1"/>
  <c r="AD101812" i="1"/>
  <c r="AD101813" i="1"/>
  <c r="AD101814" i="1"/>
  <c r="AD101815" i="1"/>
  <c r="AD101816" i="1"/>
  <c r="AD101817" i="1"/>
  <c r="AD101818" i="1"/>
  <c r="AD101819" i="1"/>
  <c r="AD101820" i="1"/>
  <c r="AD101821" i="1"/>
  <c r="AD101822" i="1"/>
  <c r="AD101823" i="1"/>
  <c r="AD101824" i="1"/>
  <c r="AD101825" i="1"/>
  <c r="AD101826" i="1"/>
  <c r="AD101827" i="1"/>
  <c r="AD101828" i="1"/>
  <c r="AD101829" i="1"/>
  <c r="AD101830" i="1"/>
  <c r="AD101831" i="1"/>
  <c r="AD101832" i="1"/>
  <c r="AD101833" i="1"/>
  <c r="AD101834" i="1"/>
  <c r="AD101835" i="1"/>
  <c r="AD101836" i="1"/>
  <c r="AD101837" i="1"/>
  <c r="AD101838" i="1"/>
  <c r="AD101839" i="1"/>
  <c r="AD101840" i="1"/>
  <c r="AD101841" i="1"/>
  <c r="AD101842" i="1"/>
  <c r="AD101843" i="1"/>
  <c r="AD101844" i="1"/>
  <c r="AD101845" i="1"/>
  <c r="AD101846" i="1"/>
  <c r="AD101847" i="1"/>
  <c r="AD101848" i="1"/>
  <c r="AD101849" i="1"/>
  <c r="AD101850" i="1"/>
  <c r="AD101851" i="1"/>
  <c r="AD101852" i="1"/>
  <c r="AD101853" i="1"/>
  <c r="AD101854" i="1"/>
  <c r="AD101855" i="1"/>
  <c r="AD101856" i="1"/>
  <c r="AD101857" i="1"/>
  <c r="AD101858" i="1"/>
  <c r="AD101859" i="1"/>
  <c r="AD101860" i="1"/>
  <c r="AD101861" i="1"/>
  <c r="AD101862" i="1"/>
  <c r="AD101863" i="1"/>
  <c r="AD101864" i="1"/>
  <c r="AD101865" i="1"/>
  <c r="AD101866" i="1"/>
  <c r="AD101867" i="1"/>
  <c r="AD101868" i="1"/>
  <c r="AD101869" i="1"/>
  <c r="AD101870" i="1"/>
  <c r="AD101871" i="1"/>
  <c r="AD101872" i="1"/>
  <c r="AD101873" i="1"/>
  <c r="AD101874" i="1"/>
  <c r="AD101875" i="1"/>
  <c r="AD101876" i="1"/>
  <c r="AD101877" i="1"/>
  <c r="AD101878" i="1"/>
  <c r="AD101879" i="1"/>
  <c r="AD101880" i="1"/>
  <c r="AD101881" i="1"/>
  <c r="AD101882" i="1"/>
  <c r="AD101883" i="1"/>
  <c r="AD101884" i="1"/>
  <c r="AD101885" i="1"/>
  <c r="AD101886" i="1"/>
  <c r="AD101887" i="1"/>
  <c r="AD101888" i="1"/>
  <c r="AD101889" i="1"/>
  <c r="AD101890" i="1"/>
  <c r="AD101891" i="1"/>
  <c r="AD101892" i="1"/>
  <c r="AD101893" i="1"/>
  <c r="AD101894" i="1"/>
  <c r="AD101895" i="1"/>
  <c r="AD101896" i="1"/>
  <c r="AD101897" i="1"/>
  <c r="AD101898" i="1"/>
  <c r="AD101899" i="1"/>
  <c r="AD101900" i="1"/>
  <c r="AD101901" i="1"/>
  <c r="AD101902" i="1"/>
  <c r="AD101903" i="1"/>
  <c r="AD101904" i="1"/>
  <c r="AD101905" i="1"/>
  <c r="AD101906" i="1"/>
  <c r="AD101907" i="1"/>
  <c r="AD101908" i="1"/>
  <c r="AD101909" i="1"/>
  <c r="AD101910" i="1"/>
  <c r="AD101911" i="1"/>
  <c r="AD101912" i="1"/>
  <c r="AD101913" i="1"/>
  <c r="AD101914" i="1"/>
  <c r="AD101915" i="1"/>
  <c r="AD101916" i="1"/>
  <c r="AD101917" i="1"/>
  <c r="AD101918" i="1"/>
  <c r="AD101919" i="1"/>
  <c r="AD101920" i="1"/>
  <c r="AD101921" i="1"/>
  <c r="AD101922" i="1"/>
  <c r="AD101923" i="1"/>
  <c r="AD101924" i="1"/>
  <c r="AD101925" i="1"/>
  <c r="AD101926" i="1"/>
  <c r="AD101927" i="1"/>
  <c r="AD101928" i="1"/>
  <c r="AD101929" i="1"/>
  <c r="AD101930" i="1"/>
  <c r="AD101931" i="1"/>
  <c r="AD101932" i="1"/>
  <c r="AD101933" i="1"/>
  <c r="AD101934" i="1"/>
  <c r="AD101935" i="1"/>
  <c r="AD101936" i="1"/>
  <c r="AD101937" i="1"/>
  <c r="AD101938" i="1"/>
  <c r="AD101939" i="1"/>
  <c r="AD101940" i="1"/>
  <c r="AD101941" i="1"/>
  <c r="AD101942" i="1"/>
  <c r="AD101943" i="1"/>
  <c r="AD101944" i="1"/>
  <c r="AD101945" i="1"/>
  <c r="AD101946" i="1"/>
  <c r="AD101947" i="1"/>
  <c r="AD101948" i="1"/>
  <c r="AD101949" i="1"/>
  <c r="AD101950" i="1"/>
  <c r="AD101951" i="1"/>
  <c r="AD101952" i="1"/>
  <c r="AD101953" i="1"/>
  <c r="AD101954" i="1"/>
  <c r="AD101955" i="1"/>
  <c r="AD101956" i="1"/>
  <c r="AD101957" i="1"/>
  <c r="AD101958" i="1"/>
  <c r="AD101959" i="1"/>
  <c r="AD101960" i="1"/>
  <c r="AD101961" i="1"/>
  <c r="AD101962" i="1"/>
  <c r="AD101963" i="1"/>
  <c r="AD101964" i="1"/>
  <c r="AD101965" i="1"/>
  <c r="AD101966" i="1"/>
  <c r="AD101967" i="1"/>
  <c r="AD101968" i="1"/>
  <c r="AD101969" i="1"/>
  <c r="AD101970" i="1"/>
  <c r="AD101971" i="1"/>
  <c r="AD101972" i="1"/>
  <c r="AD101973" i="1"/>
  <c r="AD101974" i="1"/>
  <c r="AD101975" i="1"/>
  <c r="AD101976" i="1"/>
  <c r="AD101977" i="1"/>
  <c r="AD101978" i="1"/>
  <c r="AD101979" i="1"/>
  <c r="AD101980" i="1"/>
  <c r="AD101981" i="1"/>
  <c r="AD101982" i="1"/>
  <c r="AD101983" i="1"/>
  <c r="AD101984" i="1"/>
  <c r="AD101985" i="1"/>
  <c r="AD101986" i="1"/>
  <c r="AD101987" i="1"/>
  <c r="AD101988" i="1"/>
  <c r="AD101989" i="1"/>
  <c r="AD101990" i="1"/>
  <c r="AD101991" i="1"/>
  <c r="AD101992" i="1"/>
  <c r="AD101993" i="1"/>
  <c r="AD101994" i="1"/>
  <c r="AD101995" i="1"/>
  <c r="AD101996" i="1"/>
  <c r="AD101997" i="1"/>
  <c r="AD101998" i="1"/>
  <c r="AD101999" i="1"/>
  <c r="AD102000" i="1"/>
  <c r="AD102001" i="1"/>
  <c r="AD102002" i="1"/>
  <c r="AD102003" i="1"/>
  <c r="AD102004" i="1"/>
  <c r="AD102005" i="1"/>
  <c r="AD102006" i="1"/>
  <c r="AD102007" i="1"/>
  <c r="AD102008" i="1"/>
  <c r="AD102009" i="1"/>
  <c r="AD102010" i="1"/>
  <c r="AD102011" i="1"/>
  <c r="AD102012" i="1"/>
  <c r="AD102013" i="1"/>
  <c r="AD102014" i="1"/>
  <c r="AD102015" i="1"/>
  <c r="AD102016" i="1"/>
  <c r="AD102017" i="1"/>
  <c r="AD102018" i="1"/>
  <c r="AD102019" i="1"/>
  <c r="AD102020" i="1"/>
  <c r="AD102021" i="1"/>
  <c r="AD102022" i="1"/>
  <c r="AD102023" i="1"/>
  <c r="AD102024" i="1"/>
  <c r="AD102025" i="1"/>
  <c r="AD102026" i="1"/>
  <c r="AD102027" i="1"/>
  <c r="AD102028" i="1"/>
  <c r="AD102029" i="1"/>
  <c r="AD102030" i="1"/>
  <c r="AD102031" i="1"/>
  <c r="AD102032" i="1"/>
  <c r="AD102033" i="1"/>
  <c r="AD102034" i="1"/>
  <c r="AD102035" i="1"/>
  <c r="AD102036" i="1"/>
  <c r="AD102037" i="1"/>
  <c r="AD102038" i="1"/>
  <c r="AD102039" i="1"/>
  <c r="AD102040" i="1"/>
  <c r="AD102041" i="1"/>
  <c r="AD102042" i="1"/>
  <c r="AD102043" i="1"/>
  <c r="AD102044" i="1"/>
  <c r="AD102045" i="1"/>
  <c r="AD102046" i="1"/>
  <c r="AD102047" i="1"/>
  <c r="AD102048" i="1"/>
  <c r="AD102049" i="1"/>
  <c r="AD102050" i="1"/>
  <c r="AD102051" i="1"/>
  <c r="AD102052" i="1"/>
  <c r="AD102053" i="1"/>
  <c r="AD102054" i="1"/>
  <c r="AD102055" i="1"/>
  <c r="AD102056" i="1"/>
  <c r="AD102057" i="1"/>
  <c r="AD102058" i="1"/>
  <c r="AD102059" i="1"/>
  <c r="AD102060" i="1"/>
  <c r="AD102061" i="1"/>
  <c r="AD102062" i="1"/>
  <c r="AD102063" i="1"/>
  <c r="AD102064" i="1"/>
  <c r="AD102065" i="1"/>
  <c r="AD102066" i="1"/>
  <c r="AD102067" i="1"/>
  <c r="AD102068" i="1"/>
  <c r="AD102069" i="1"/>
  <c r="AD102070" i="1"/>
  <c r="AD102071" i="1"/>
  <c r="AD102072" i="1"/>
  <c r="AD102073" i="1"/>
  <c r="AD102074" i="1"/>
  <c r="AD102075" i="1"/>
  <c r="AD102076" i="1"/>
  <c r="AD102077" i="1"/>
  <c r="AD102078" i="1"/>
  <c r="AD102079" i="1"/>
  <c r="AD102080" i="1"/>
  <c r="AD102081" i="1"/>
  <c r="AD102082" i="1"/>
  <c r="AD102083" i="1"/>
  <c r="AD102084" i="1"/>
  <c r="AD102085" i="1"/>
  <c r="AD102086" i="1"/>
  <c r="AD102087" i="1"/>
  <c r="AD102088" i="1"/>
  <c r="AD102089" i="1"/>
  <c r="AD102090" i="1"/>
  <c r="AD102091" i="1"/>
  <c r="AD102092" i="1"/>
  <c r="AD102093" i="1"/>
  <c r="AD102094" i="1"/>
  <c r="AD102095" i="1"/>
  <c r="AD102096" i="1"/>
  <c r="AD102097" i="1"/>
  <c r="AD102098" i="1"/>
  <c r="AD102099" i="1"/>
  <c r="AD102100" i="1"/>
  <c r="AD102101" i="1"/>
  <c r="AD102102" i="1"/>
  <c r="AD102103" i="1"/>
  <c r="AD102104" i="1"/>
  <c r="AD102105" i="1"/>
  <c r="AD102106" i="1"/>
  <c r="AD102107" i="1"/>
  <c r="AD102108" i="1"/>
  <c r="AD102109" i="1"/>
  <c r="AD102110" i="1"/>
  <c r="AD102111" i="1"/>
  <c r="AD102112" i="1"/>
  <c r="AD102113" i="1"/>
  <c r="AD102114" i="1"/>
  <c r="AD102115" i="1"/>
  <c r="AD102116" i="1"/>
  <c r="AD102117" i="1"/>
  <c r="AD102118" i="1"/>
  <c r="AD102119" i="1"/>
  <c r="AD102120" i="1"/>
  <c r="AD102121" i="1"/>
  <c r="AD102122" i="1"/>
  <c r="AD102123" i="1"/>
  <c r="AD102124" i="1"/>
  <c r="AD102125" i="1"/>
  <c r="AD102126" i="1"/>
  <c r="AD102127" i="1"/>
  <c r="AD102128" i="1"/>
  <c r="AD102129" i="1"/>
  <c r="AD102130" i="1"/>
  <c r="AD102131" i="1"/>
  <c r="AD102132" i="1"/>
  <c r="AD102133" i="1"/>
  <c r="AD102134" i="1"/>
  <c r="AD102135" i="1"/>
  <c r="AD102136" i="1"/>
  <c r="AD102137" i="1"/>
  <c r="AD102138" i="1"/>
  <c r="AD102139" i="1"/>
  <c r="AD102140" i="1"/>
  <c r="AD102141" i="1"/>
  <c r="AD102142" i="1"/>
  <c r="AD102143" i="1"/>
  <c r="AD102144" i="1"/>
  <c r="AD102145" i="1"/>
  <c r="AD102146" i="1"/>
  <c r="AD102147" i="1"/>
  <c r="AD102148" i="1"/>
  <c r="AD102149" i="1"/>
  <c r="AD102150" i="1"/>
  <c r="AD102151" i="1"/>
  <c r="AD102152" i="1"/>
  <c r="AD102153" i="1"/>
  <c r="AD102154" i="1"/>
  <c r="AD102155" i="1"/>
  <c r="AD102156" i="1"/>
  <c r="AD102157" i="1"/>
  <c r="AD102158" i="1"/>
  <c r="AD102159" i="1"/>
  <c r="AD102160" i="1"/>
  <c r="AD102161" i="1"/>
  <c r="AD102162" i="1"/>
  <c r="AD102163" i="1"/>
  <c r="AD102164" i="1"/>
  <c r="AD102165" i="1"/>
  <c r="AD102166" i="1"/>
  <c r="AD102167" i="1"/>
  <c r="AD102168" i="1"/>
  <c r="AD102169" i="1"/>
  <c r="AD102170" i="1"/>
  <c r="AD102171" i="1"/>
  <c r="AD102172" i="1"/>
  <c r="AD102173" i="1"/>
  <c r="AD102174" i="1"/>
  <c r="AD102175" i="1"/>
  <c r="AD102176" i="1"/>
  <c r="AD102177" i="1"/>
  <c r="AD102178" i="1"/>
  <c r="AD102179" i="1"/>
  <c r="AD102180" i="1"/>
  <c r="AD102181" i="1"/>
  <c r="AD102182" i="1"/>
  <c r="AD102183" i="1"/>
  <c r="AD102184" i="1"/>
  <c r="AD102185" i="1"/>
  <c r="AD102186" i="1"/>
  <c r="AD102187" i="1"/>
  <c r="AD102188" i="1"/>
  <c r="AD102189" i="1"/>
  <c r="AD102190" i="1"/>
  <c r="AD102191" i="1"/>
  <c r="AD102192" i="1"/>
  <c r="AD102193" i="1"/>
  <c r="AD102194" i="1"/>
  <c r="AD102195" i="1"/>
  <c r="AD102196" i="1"/>
  <c r="AD102197" i="1"/>
  <c r="AD102198" i="1"/>
  <c r="AD102199" i="1"/>
  <c r="AD102200" i="1"/>
  <c r="AD102201" i="1"/>
  <c r="AD102202" i="1"/>
  <c r="AD102203" i="1"/>
  <c r="AD102204" i="1"/>
  <c r="AD102205" i="1"/>
  <c r="AD102206" i="1"/>
  <c r="AD102207" i="1"/>
  <c r="AD102208" i="1"/>
  <c r="AD102209" i="1"/>
  <c r="AD102210" i="1"/>
  <c r="AD102211" i="1"/>
  <c r="AD102212" i="1"/>
  <c r="AD102213" i="1"/>
  <c r="AD102214" i="1"/>
  <c r="AD102215" i="1"/>
  <c r="AD102216" i="1"/>
  <c r="AD102217" i="1"/>
  <c r="AD102218" i="1"/>
  <c r="AD102219" i="1"/>
  <c r="AD102220" i="1"/>
  <c r="AD102221" i="1"/>
  <c r="AD102222" i="1"/>
  <c r="AD102223" i="1"/>
  <c r="AD102224" i="1"/>
  <c r="AD102225" i="1"/>
  <c r="AD102226" i="1"/>
  <c r="AD102227" i="1"/>
  <c r="AD102228" i="1"/>
  <c r="AD102229" i="1"/>
  <c r="AD102230" i="1"/>
  <c r="AD102231" i="1"/>
  <c r="AD102232" i="1"/>
  <c r="AD102233" i="1"/>
  <c r="AD102234" i="1"/>
  <c r="AD102235" i="1"/>
  <c r="AD102236" i="1"/>
  <c r="AD102237" i="1"/>
  <c r="AD102238" i="1"/>
  <c r="AD102239" i="1"/>
  <c r="AD102240" i="1"/>
  <c r="AD102241" i="1"/>
  <c r="AD102242" i="1"/>
  <c r="AD102243" i="1"/>
  <c r="AD102244" i="1"/>
  <c r="AD102245" i="1"/>
  <c r="AD102246" i="1"/>
  <c r="AD102247" i="1"/>
  <c r="AD102248" i="1"/>
  <c r="AD102249" i="1"/>
  <c r="AD102250" i="1"/>
  <c r="AD102251" i="1"/>
  <c r="AD102252" i="1"/>
  <c r="AD102253" i="1"/>
  <c r="AD102254" i="1"/>
  <c r="AD102255" i="1"/>
  <c r="AD102256" i="1"/>
  <c r="AD102257" i="1"/>
  <c r="AD102258" i="1"/>
  <c r="AD102259" i="1"/>
  <c r="AD102260" i="1"/>
  <c r="AD102261" i="1"/>
  <c r="AD102262" i="1"/>
  <c r="AD102263" i="1"/>
  <c r="AD102264" i="1"/>
  <c r="AD102265" i="1"/>
  <c r="AD102266" i="1"/>
  <c r="AD102267" i="1"/>
  <c r="AD102268" i="1"/>
  <c r="AD102269" i="1"/>
  <c r="AD102270" i="1"/>
  <c r="AD102271" i="1"/>
  <c r="AD102272" i="1"/>
  <c r="AD102273" i="1"/>
  <c r="AD102274" i="1"/>
  <c r="AD102275" i="1"/>
  <c r="AD102276" i="1"/>
  <c r="AD102277" i="1"/>
  <c r="AD102278" i="1"/>
  <c r="AD102279" i="1"/>
  <c r="AD102280" i="1"/>
  <c r="AD102281" i="1"/>
  <c r="AD102282" i="1"/>
  <c r="AD102283" i="1"/>
  <c r="AD102284" i="1"/>
  <c r="AD102285" i="1"/>
  <c r="AD102286" i="1"/>
  <c r="AD102287" i="1"/>
  <c r="AD102288" i="1"/>
  <c r="AD102289" i="1"/>
  <c r="AD102290" i="1"/>
  <c r="AD102291" i="1"/>
  <c r="AD102292" i="1"/>
  <c r="AD102293" i="1"/>
  <c r="AD102294" i="1"/>
  <c r="AD102295" i="1"/>
  <c r="AD102296" i="1"/>
  <c r="AD102297" i="1"/>
  <c r="AD102298" i="1"/>
  <c r="AD102299" i="1"/>
  <c r="AD102300" i="1"/>
  <c r="AD102301" i="1"/>
  <c r="AD102302" i="1"/>
  <c r="AD102303" i="1"/>
  <c r="AD102304" i="1"/>
  <c r="AD102305" i="1"/>
  <c r="AD102306" i="1"/>
  <c r="AD102307" i="1"/>
  <c r="AD102308" i="1"/>
  <c r="AD102309" i="1"/>
  <c r="AD102310" i="1"/>
  <c r="AD102311" i="1"/>
  <c r="AD102312" i="1"/>
  <c r="AD102313" i="1"/>
  <c r="AD102314" i="1"/>
  <c r="AD102315" i="1"/>
  <c r="AD102316" i="1"/>
  <c r="AD102317" i="1"/>
  <c r="AD102318" i="1"/>
  <c r="AD102319" i="1"/>
  <c r="AD102320" i="1"/>
  <c r="AD102321" i="1"/>
  <c r="AD102322" i="1"/>
  <c r="AD102323" i="1"/>
  <c r="AD102324" i="1"/>
  <c r="AD102325" i="1"/>
  <c r="AD102326" i="1"/>
  <c r="AD102327" i="1"/>
  <c r="AD102328" i="1"/>
  <c r="AD102329" i="1"/>
  <c r="AD102330" i="1"/>
  <c r="AD102331" i="1"/>
  <c r="AD102332" i="1"/>
  <c r="AD102333" i="1"/>
  <c r="AD102334" i="1"/>
  <c r="AD102335" i="1"/>
  <c r="AD102336" i="1"/>
  <c r="AD102337" i="1"/>
  <c r="AD102338" i="1"/>
  <c r="AD102339" i="1"/>
  <c r="AD102340" i="1"/>
  <c r="AD102341" i="1"/>
  <c r="AD102342" i="1"/>
  <c r="AD102343" i="1"/>
  <c r="AD102344" i="1"/>
  <c r="AD102345" i="1"/>
  <c r="AD102346" i="1"/>
  <c r="AD102347" i="1"/>
  <c r="AD102348" i="1"/>
  <c r="AD102349" i="1"/>
  <c r="AD102350" i="1"/>
  <c r="AD102351" i="1"/>
  <c r="AD102352" i="1"/>
  <c r="AD102353" i="1"/>
  <c r="AD102354" i="1"/>
  <c r="AD102355" i="1"/>
  <c r="AD102356" i="1"/>
  <c r="AD102357" i="1"/>
  <c r="AD102358" i="1"/>
  <c r="AD102359" i="1"/>
  <c r="AD102360" i="1"/>
  <c r="AD102361" i="1"/>
  <c r="AD102362" i="1"/>
  <c r="AD102363" i="1"/>
  <c r="AD102364" i="1"/>
  <c r="AD102365" i="1"/>
  <c r="AD102366" i="1"/>
  <c r="AD102367" i="1"/>
  <c r="AD102368" i="1"/>
  <c r="AD102369" i="1"/>
  <c r="AD102370" i="1"/>
  <c r="AD102371" i="1"/>
  <c r="AD102372" i="1"/>
  <c r="AD102373" i="1"/>
  <c r="AD102374" i="1"/>
  <c r="AD102375" i="1"/>
  <c r="AD102376" i="1"/>
  <c r="AD102377" i="1"/>
  <c r="AD102378" i="1"/>
  <c r="AD102379" i="1"/>
  <c r="AD102380" i="1"/>
  <c r="AD102381" i="1"/>
  <c r="AD102382" i="1"/>
  <c r="AD102383" i="1"/>
  <c r="AD102384" i="1"/>
  <c r="AD102385" i="1"/>
  <c r="AD102386" i="1"/>
  <c r="AD102387" i="1"/>
  <c r="AD102388" i="1"/>
  <c r="AD102389" i="1"/>
  <c r="AD102390" i="1"/>
  <c r="AD102391" i="1"/>
  <c r="AD102392" i="1"/>
  <c r="AD102393" i="1"/>
  <c r="AD102394" i="1"/>
  <c r="AD102395" i="1"/>
  <c r="AD102396" i="1"/>
  <c r="AD102397" i="1"/>
  <c r="AD102398" i="1"/>
  <c r="AD102399" i="1"/>
  <c r="AD102400" i="1"/>
  <c r="AD102401" i="1"/>
  <c r="AD102402" i="1"/>
  <c r="AD102403" i="1"/>
  <c r="AD102404" i="1"/>
  <c r="AD102405" i="1"/>
  <c r="AD102406" i="1"/>
  <c r="AD102407" i="1"/>
  <c r="AD102408" i="1"/>
  <c r="AD102409" i="1"/>
  <c r="AD102410" i="1"/>
  <c r="AD102411" i="1"/>
  <c r="AD102412" i="1"/>
  <c r="AD102413" i="1"/>
  <c r="AD102414" i="1"/>
  <c r="AD102415" i="1"/>
  <c r="AD102416" i="1"/>
  <c r="AD102417" i="1"/>
  <c r="AD102418" i="1"/>
  <c r="AD102419" i="1"/>
  <c r="AD102420" i="1"/>
  <c r="AD102421" i="1"/>
  <c r="AD102422" i="1"/>
  <c r="AD102423" i="1"/>
  <c r="AD102424" i="1"/>
  <c r="AD102425" i="1"/>
  <c r="AD102426" i="1"/>
  <c r="AD102427" i="1"/>
  <c r="AD102428" i="1"/>
  <c r="AD102429" i="1"/>
  <c r="AD102430" i="1"/>
  <c r="AD102431" i="1"/>
  <c r="AD102432" i="1"/>
  <c r="AD102433" i="1"/>
  <c r="AD102434" i="1"/>
  <c r="AD102435" i="1"/>
  <c r="AD102436" i="1"/>
  <c r="AD102437" i="1"/>
  <c r="AD102438" i="1"/>
  <c r="AD102439" i="1"/>
  <c r="AD102440" i="1"/>
  <c r="AD102441" i="1"/>
  <c r="AD102442" i="1"/>
  <c r="AD102443" i="1"/>
  <c r="AD102444" i="1"/>
  <c r="AD102445" i="1"/>
  <c r="AD102446" i="1"/>
  <c r="AD102447" i="1"/>
  <c r="AD102448" i="1"/>
  <c r="AD102449" i="1"/>
  <c r="AD102450" i="1"/>
  <c r="AD102451" i="1"/>
  <c r="AD102452" i="1"/>
  <c r="AD102453" i="1"/>
  <c r="AD102454" i="1"/>
  <c r="AD102455" i="1"/>
  <c r="AD102456" i="1"/>
  <c r="AD102457" i="1"/>
  <c r="AD102458" i="1"/>
  <c r="AD102459" i="1"/>
  <c r="AD102460" i="1"/>
  <c r="AD102461" i="1"/>
  <c r="AD102462" i="1"/>
  <c r="AD102463" i="1"/>
  <c r="AD102464" i="1"/>
  <c r="AD102465" i="1"/>
  <c r="AD102466" i="1"/>
  <c r="AD102467" i="1"/>
  <c r="AD102468" i="1"/>
  <c r="AD102469" i="1"/>
  <c r="AD102470" i="1"/>
  <c r="AD102471" i="1"/>
  <c r="AD102472" i="1"/>
  <c r="AD102473" i="1"/>
  <c r="AD102474" i="1"/>
  <c r="AD102475" i="1"/>
  <c r="AD102476" i="1"/>
  <c r="AD102477" i="1"/>
  <c r="AD102478" i="1"/>
  <c r="AD102479" i="1"/>
  <c r="AD102480" i="1"/>
  <c r="AD102481" i="1"/>
  <c r="AD102482" i="1"/>
  <c r="AD102483" i="1"/>
  <c r="AD102484" i="1"/>
  <c r="AD102485" i="1"/>
  <c r="AD102486" i="1"/>
  <c r="AD102487" i="1"/>
  <c r="AD102488" i="1"/>
  <c r="AD102489" i="1"/>
  <c r="AD102490" i="1"/>
  <c r="AD102491" i="1"/>
  <c r="AD102492" i="1"/>
  <c r="AD102493" i="1"/>
  <c r="AD102494" i="1"/>
  <c r="AD102495" i="1"/>
  <c r="AD102496" i="1"/>
  <c r="AD102497" i="1"/>
  <c r="AD102498" i="1"/>
  <c r="AD102499" i="1"/>
  <c r="AD102500" i="1"/>
  <c r="AD102501" i="1"/>
  <c r="AD102502" i="1"/>
  <c r="AD102503" i="1"/>
  <c r="AD102504" i="1"/>
  <c r="AD102505" i="1"/>
  <c r="AD102506" i="1"/>
  <c r="AD102507" i="1"/>
  <c r="AD102508" i="1"/>
  <c r="AD102509" i="1"/>
  <c r="AD102510" i="1"/>
  <c r="AD102511" i="1"/>
  <c r="AD102512" i="1"/>
  <c r="AD102513" i="1"/>
  <c r="AD102514" i="1"/>
  <c r="AD102515" i="1"/>
  <c r="AD102516" i="1"/>
  <c r="AD102517" i="1"/>
  <c r="AD102518" i="1"/>
  <c r="AD102519" i="1"/>
  <c r="AD102520" i="1"/>
  <c r="AD102521" i="1"/>
  <c r="AD102522" i="1"/>
  <c r="AD102523" i="1"/>
  <c r="AD102524" i="1"/>
  <c r="AD102525" i="1"/>
  <c r="AD102526" i="1"/>
  <c r="AD102527" i="1"/>
  <c r="AD102528" i="1"/>
  <c r="AD102529" i="1"/>
  <c r="AD102530" i="1"/>
  <c r="AD102531" i="1"/>
  <c r="AD102532" i="1"/>
  <c r="AD102533" i="1"/>
  <c r="AD102534" i="1"/>
  <c r="AD102535" i="1"/>
  <c r="AD102536" i="1"/>
  <c r="AD102537" i="1"/>
  <c r="AD102538" i="1"/>
  <c r="AD102539" i="1"/>
  <c r="AD102540" i="1"/>
  <c r="AD102541" i="1"/>
  <c r="AD102542" i="1"/>
  <c r="AD102543" i="1"/>
  <c r="AD102544" i="1"/>
  <c r="AD102545" i="1"/>
  <c r="AD102546" i="1"/>
  <c r="AD102547" i="1"/>
  <c r="AD102548" i="1"/>
  <c r="AD102549" i="1"/>
  <c r="AD102550" i="1"/>
  <c r="AD102551" i="1"/>
  <c r="AD102552" i="1"/>
  <c r="AD102553" i="1"/>
  <c r="AD102554" i="1"/>
  <c r="AD102555" i="1"/>
  <c r="AD102556" i="1"/>
  <c r="AD102557" i="1"/>
  <c r="AD102558" i="1"/>
  <c r="AD102559" i="1"/>
  <c r="AD102560" i="1"/>
  <c r="AD102561" i="1"/>
  <c r="AD102562" i="1"/>
  <c r="AD102563" i="1"/>
  <c r="AD102564" i="1"/>
  <c r="AD102565" i="1"/>
  <c r="AD102566" i="1"/>
  <c r="AD102567" i="1"/>
  <c r="AD102568" i="1"/>
  <c r="AD102569" i="1"/>
  <c r="AD102570" i="1"/>
  <c r="AD102571" i="1"/>
  <c r="AD102572" i="1"/>
  <c r="AD102573" i="1"/>
  <c r="AD102574" i="1"/>
  <c r="AD102575" i="1"/>
  <c r="AD102576" i="1"/>
  <c r="AD102577" i="1"/>
  <c r="AD102578" i="1"/>
  <c r="AD102579" i="1"/>
  <c r="AD102580" i="1"/>
  <c r="AD102581" i="1"/>
  <c r="AD102582" i="1"/>
  <c r="AD102583" i="1"/>
  <c r="AD102584" i="1"/>
  <c r="AD102585" i="1"/>
  <c r="AD102586" i="1"/>
  <c r="AD102587" i="1"/>
  <c r="AD102588" i="1"/>
  <c r="AD102589" i="1"/>
  <c r="AD102590" i="1"/>
  <c r="AD102591" i="1"/>
  <c r="AD102592" i="1"/>
  <c r="AD102593" i="1"/>
  <c r="AD102594" i="1"/>
  <c r="AD102595" i="1"/>
  <c r="AD102596" i="1"/>
  <c r="AD102597" i="1"/>
  <c r="AD102598" i="1"/>
  <c r="AD102599" i="1"/>
  <c r="AD102600" i="1"/>
  <c r="AD102601" i="1"/>
  <c r="AD102602" i="1"/>
  <c r="AD102603" i="1"/>
  <c r="AD102604" i="1"/>
  <c r="AD102605" i="1"/>
  <c r="AD102606" i="1"/>
  <c r="AD102607" i="1"/>
  <c r="AD102608" i="1"/>
  <c r="AD102609" i="1"/>
  <c r="AD102610" i="1"/>
  <c r="AD102611" i="1"/>
  <c r="AD102612" i="1"/>
  <c r="AD102613" i="1"/>
  <c r="AD102614" i="1"/>
  <c r="AD102615" i="1"/>
  <c r="AD102616" i="1"/>
  <c r="AD102617" i="1"/>
  <c r="AD102618" i="1"/>
  <c r="AD102619" i="1"/>
  <c r="AD102620" i="1"/>
  <c r="AD102621" i="1"/>
  <c r="AD102622" i="1"/>
  <c r="AD102623" i="1"/>
  <c r="AD102624" i="1"/>
  <c r="AD102625" i="1"/>
  <c r="AD102626" i="1"/>
  <c r="AD102627" i="1"/>
  <c r="AD102628" i="1"/>
  <c r="AD102629" i="1"/>
  <c r="AD102630" i="1"/>
  <c r="AD102631" i="1"/>
  <c r="AD102632" i="1"/>
  <c r="AD102633" i="1"/>
  <c r="AD102634" i="1"/>
  <c r="AD102635" i="1"/>
  <c r="AD102636" i="1"/>
  <c r="AD102637" i="1"/>
  <c r="AD102638" i="1"/>
  <c r="AD102639" i="1"/>
  <c r="AD102640" i="1"/>
  <c r="AD102641" i="1"/>
  <c r="AD102642" i="1"/>
  <c r="AD102643" i="1"/>
  <c r="AD102644" i="1"/>
  <c r="AD102645" i="1"/>
  <c r="AD102646" i="1"/>
  <c r="AD102647" i="1"/>
  <c r="AD102648" i="1"/>
  <c r="AD102649" i="1"/>
  <c r="AD102650" i="1"/>
  <c r="AD102651" i="1"/>
  <c r="AD102652" i="1"/>
  <c r="AD102653" i="1"/>
  <c r="AD102654" i="1"/>
  <c r="AD102655" i="1"/>
  <c r="AD102656" i="1"/>
  <c r="AD102657" i="1"/>
  <c r="AD102658" i="1"/>
  <c r="AD102659" i="1"/>
  <c r="AD102660" i="1"/>
  <c r="AD102661" i="1"/>
  <c r="AD102662" i="1"/>
  <c r="AD102663" i="1"/>
  <c r="AD102664" i="1"/>
  <c r="AD102665" i="1"/>
  <c r="AD102666" i="1"/>
  <c r="AD102667" i="1"/>
  <c r="AD102668" i="1"/>
  <c r="AD102669" i="1"/>
  <c r="AD102670" i="1"/>
  <c r="AD102671" i="1"/>
  <c r="AD102672" i="1"/>
  <c r="AD102673" i="1"/>
  <c r="AD102674" i="1"/>
  <c r="AD102675" i="1"/>
  <c r="AD102676" i="1"/>
  <c r="AD102677" i="1"/>
  <c r="AD102678" i="1"/>
  <c r="AD102679" i="1"/>
  <c r="AD102680" i="1"/>
  <c r="AD102681" i="1"/>
  <c r="AD102682" i="1"/>
  <c r="AD102683" i="1"/>
  <c r="AD102684" i="1"/>
  <c r="AD102685" i="1"/>
  <c r="AD102686" i="1"/>
  <c r="AD102687" i="1"/>
  <c r="AD102688" i="1"/>
  <c r="AD102689" i="1"/>
  <c r="AD102690" i="1"/>
  <c r="AD102691" i="1"/>
  <c r="AD102692" i="1"/>
  <c r="AD102693" i="1"/>
  <c r="AD102694" i="1"/>
  <c r="AD102695" i="1"/>
  <c r="AD102696" i="1"/>
  <c r="AD102697" i="1"/>
  <c r="AD102698" i="1"/>
  <c r="AD102699" i="1"/>
  <c r="AD102700" i="1"/>
  <c r="AD102701" i="1"/>
  <c r="AD102702" i="1"/>
  <c r="AD102703" i="1"/>
  <c r="AD102704" i="1"/>
  <c r="AD102705" i="1"/>
  <c r="AD102706" i="1"/>
  <c r="AD102707" i="1"/>
  <c r="AD102708" i="1"/>
  <c r="AD102709" i="1"/>
  <c r="AD102710" i="1"/>
  <c r="AD102711" i="1"/>
  <c r="AD102712" i="1"/>
  <c r="AD102713" i="1"/>
  <c r="AD102714" i="1"/>
  <c r="AD102715" i="1"/>
  <c r="AD102716" i="1"/>
  <c r="AD102717" i="1"/>
  <c r="AD102718" i="1"/>
  <c r="AD102719" i="1"/>
  <c r="AD102720" i="1"/>
  <c r="AD102721" i="1"/>
  <c r="AD102722" i="1"/>
  <c r="AD102723" i="1"/>
  <c r="AD102724" i="1"/>
  <c r="AD102725" i="1"/>
  <c r="AD102726" i="1"/>
  <c r="AD102727" i="1"/>
  <c r="AD102728" i="1"/>
  <c r="AD102729" i="1"/>
  <c r="AD102730" i="1"/>
  <c r="AD102731" i="1"/>
  <c r="AD102732" i="1"/>
  <c r="AD102733" i="1"/>
  <c r="AD102734" i="1"/>
  <c r="AD102735" i="1"/>
  <c r="AD102736" i="1"/>
  <c r="AD102737" i="1"/>
  <c r="AD102738" i="1"/>
  <c r="AD102739" i="1"/>
  <c r="AD102740" i="1"/>
  <c r="AD102741" i="1"/>
  <c r="AD102742" i="1"/>
  <c r="AD102743" i="1"/>
  <c r="AD102744" i="1"/>
  <c r="AD102745" i="1"/>
  <c r="AD102746" i="1"/>
  <c r="AD102747" i="1"/>
  <c r="AD102748" i="1"/>
  <c r="AD102749" i="1"/>
  <c r="AD102750" i="1"/>
  <c r="AD102751" i="1"/>
  <c r="AD102752" i="1"/>
  <c r="AD102753" i="1"/>
  <c r="AD102754" i="1"/>
  <c r="AD102755" i="1"/>
  <c r="AD102756" i="1"/>
  <c r="AD102757" i="1"/>
  <c r="AD102758" i="1"/>
  <c r="AD102759" i="1"/>
  <c r="AD102760" i="1"/>
  <c r="AD102761" i="1"/>
  <c r="AD102762" i="1"/>
  <c r="AD102763" i="1"/>
  <c r="AD102764" i="1"/>
  <c r="AD102765" i="1"/>
  <c r="AD102766" i="1"/>
  <c r="AD102767" i="1"/>
  <c r="AD102768" i="1"/>
  <c r="AD102769" i="1"/>
  <c r="AD102770" i="1"/>
  <c r="AD102771" i="1"/>
  <c r="AD102772" i="1"/>
  <c r="AD102773" i="1"/>
  <c r="AD102774" i="1"/>
  <c r="AD102775" i="1"/>
  <c r="AD102776" i="1"/>
  <c r="AD102777" i="1"/>
  <c r="AD102778" i="1"/>
  <c r="AD102779" i="1"/>
  <c r="AD102780" i="1"/>
  <c r="AD102781" i="1"/>
  <c r="AD102782" i="1"/>
  <c r="AD102783" i="1"/>
  <c r="AD102784" i="1"/>
  <c r="AD102785" i="1"/>
  <c r="AD102786" i="1"/>
  <c r="AD102787" i="1"/>
  <c r="AD102788" i="1"/>
  <c r="AD102789" i="1"/>
  <c r="AD102790" i="1"/>
  <c r="AD102791" i="1"/>
  <c r="AD102792" i="1"/>
  <c r="AD102793" i="1"/>
  <c r="AD102794" i="1"/>
  <c r="AD102795" i="1"/>
  <c r="AD102796" i="1"/>
  <c r="AD102797" i="1"/>
  <c r="AD102798" i="1"/>
  <c r="AD102799" i="1"/>
  <c r="AD102800" i="1"/>
  <c r="AD102801" i="1"/>
  <c r="AD102802" i="1"/>
  <c r="AD102803" i="1"/>
  <c r="AD102804" i="1"/>
  <c r="AD102805" i="1"/>
  <c r="AD102806" i="1"/>
  <c r="AD102807" i="1"/>
  <c r="AD102808" i="1"/>
  <c r="AD102809" i="1"/>
  <c r="AD102810" i="1"/>
  <c r="AD102811" i="1"/>
  <c r="AD102812" i="1"/>
  <c r="AD102813" i="1"/>
  <c r="AD102814" i="1"/>
  <c r="AD102815" i="1"/>
  <c r="AD102816" i="1"/>
  <c r="AD102817" i="1"/>
  <c r="AD102818" i="1"/>
  <c r="AD102819" i="1"/>
  <c r="AD102820" i="1"/>
  <c r="AD102821" i="1"/>
  <c r="AD102822" i="1"/>
  <c r="AD102823" i="1"/>
  <c r="AD102824" i="1"/>
  <c r="AD102825" i="1"/>
  <c r="AD102826" i="1"/>
  <c r="AD102827" i="1"/>
  <c r="AD102828" i="1"/>
  <c r="AD102829" i="1"/>
  <c r="AD102830" i="1"/>
  <c r="AD102831" i="1"/>
  <c r="AD102832" i="1"/>
  <c r="AD102833" i="1"/>
  <c r="AD102834" i="1"/>
  <c r="AD102835" i="1"/>
  <c r="AD102836" i="1"/>
  <c r="AD102837" i="1"/>
  <c r="AD102838" i="1"/>
  <c r="AD102839" i="1"/>
  <c r="AD102840" i="1"/>
  <c r="AD102841" i="1"/>
  <c r="AD102842" i="1"/>
  <c r="AD102843" i="1"/>
  <c r="AD102844" i="1"/>
  <c r="AD102845" i="1"/>
  <c r="AD102846" i="1"/>
  <c r="AD102847" i="1"/>
  <c r="AD102848" i="1"/>
  <c r="AD102849" i="1"/>
  <c r="AD102850" i="1"/>
  <c r="AD102851" i="1"/>
  <c r="AD102852" i="1"/>
  <c r="AD102853" i="1"/>
  <c r="AD102854" i="1"/>
  <c r="AD102855" i="1"/>
  <c r="AD102856" i="1"/>
  <c r="AD102857" i="1"/>
  <c r="AD102858" i="1"/>
  <c r="AD102859" i="1"/>
  <c r="AD102860" i="1"/>
  <c r="AD102861" i="1"/>
  <c r="AD102862" i="1"/>
  <c r="AD102863" i="1"/>
  <c r="AD102864" i="1"/>
  <c r="AD102865" i="1"/>
  <c r="AD102866" i="1"/>
  <c r="AD102867" i="1"/>
  <c r="AD102868" i="1"/>
  <c r="AD102869" i="1"/>
  <c r="AD102870" i="1"/>
  <c r="AD102871" i="1"/>
  <c r="AD102872" i="1"/>
  <c r="AD102873" i="1"/>
  <c r="AD102874" i="1"/>
  <c r="AD102875" i="1"/>
  <c r="AD102876" i="1"/>
  <c r="AD102877" i="1"/>
  <c r="AD102878" i="1"/>
  <c r="AD102879" i="1"/>
  <c r="AD102880" i="1"/>
  <c r="AD102881" i="1"/>
  <c r="AD102882" i="1"/>
  <c r="AD102883" i="1"/>
  <c r="AD102884" i="1"/>
  <c r="AD102885" i="1"/>
  <c r="AD102886" i="1"/>
  <c r="AD102887" i="1"/>
  <c r="AD102888" i="1"/>
  <c r="AD102889" i="1"/>
  <c r="AD102890" i="1"/>
  <c r="AD102891" i="1"/>
  <c r="AD102892" i="1"/>
  <c r="AD102893" i="1"/>
  <c r="AD102894" i="1"/>
  <c r="AD102895" i="1"/>
  <c r="AD102896" i="1"/>
  <c r="AD102897" i="1"/>
  <c r="AD102898" i="1"/>
  <c r="AD102899" i="1"/>
  <c r="AD102900" i="1"/>
  <c r="AD102901" i="1"/>
  <c r="AD102902" i="1"/>
  <c r="AD102903" i="1"/>
  <c r="AD102904" i="1"/>
  <c r="AD102905" i="1"/>
  <c r="AD102906" i="1"/>
  <c r="AD102907" i="1"/>
  <c r="AD102908" i="1"/>
  <c r="AD102909" i="1"/>
  <c r="AD102910" i="1"/>
  <c r="AD102911" i="1"/>
  <c r="AD102912" i="1"/>
  <c r="AD102913" i="1"/>
  <c r="AD102914" i="1"/>
  <c r="AD102915" i="1"/>
  <c r="AD102916" i="1"/>
  <c r="AD102917" i="1"/>
  <c r="AD102918" i="1"/>
  <c r="AD102919" i="1"/>
  <c r="AD102920" i="1"/>
  <c r="AD102921" i="1"/>
  <c r="AD102922" i="1"/>
  <c r="AD102923" i="1"/>
  <c r="AD102924" i="1"/>
  <c r="AD102925" i="1"/>
  <c r="AD102926" i="1"/>
  <c r="AD102927" i="1"/>
  <c r="AD102928" i="1"/>
  <c r="AD102929" i="1"/>
  <c r="AD102930" i="1"/>
  <c r="AD102931" i="1"/>
  <c r="AD102932" i="1"/>
  <c r="AD102933" i="1"/>
  <c r="AD102934" i="1"/>
  <c r="AD102935" i="1"/>
  <c r="AD102936" i="1"/>
  <c r="AD102937" i="1"/>
  <c r="AD102938" i="1"/>
  <c r="AD102939" i="1"/>
  <c r="AD102940" i="1"/>
  <c r="AD102941" i="1"/>
  <c r="AD102942" i="1"/>
  <c r="AD102943" i="1"/>
  <c r="AD102944" i="1"/>
  <c r="AD102945" i="1"/>
  <c r="AD102946" i="1"/>
  <c r="AD102947" i="1"/>
  <c r="AD102948" i="1"/>
  <c r="AD102949" i="1"/>
  <c r="AD102950" i="1"/>
  <c r="AD102951" i="1"/>
  <c r="AD102952" i="1"/>
  <c r="AD102953" i="1"/>
  <c r="AD102954" i="1"/>
  <c r="AD102955" i="1"/>
  <c r="AD102956" i="1"/>
  <c r="AD102957" i="1"/>
  <c r="AD102958" i="1"/>
  <c r="AD102959" i="1"/>
  <c r="AD102960" i="1"/>
  <c r="AD102961" i="1"/>
  <c r="AD102962" i="1"/>
  <c r="AD102963" i="1"/>
  <c r="AD102964" i="1"/>
  <c r="AD102965" i="1"/>
  <c r="AD102966" i="1"/>
  <c r="AD102967" i="1"/>
  <c r="AD102968" i="1"/>
  <c r="AD102969" i="1"/>
  <c r="AD102970" i="1"/>
  <c r="AD102971" i="1"/>
  <c r="AD102972" i="1"/>
  <c r="AD102973" i="1"/>
  <c r="AD102974" i="1"/>
  <c r="AD102975" i="1"/>
  <c r="AD102976" i="1"/>
  <c r="AD102977" i="1"/>
  <c r="AD102978" i="1"/>
  <c r="AD102979" i="1"/>
  <c r="AD102980" i="1"/>
  <c r="AD102981" i="1"/>
  <c r="AD102982" i="1"/>
  <c r="AD102983" i="1"/>
  <c r="AD102984" i="1"/>
  <c r="AD102985" i="1"/>
  <c r="AD102986" i="1"/>
  <c r="AD102987" i="1"/>
  <c r="AD102988" i="1"/>
  <c r="AD102989" i="1"/>
  <c r="AD102990" i="1"/>
  <c r="AD102991" i="1"/>
  <c r="AD102992" i="1"/>
  <c r="AD102993" i="1"/>
  <c r="AD102994" i="1"/>
  <c r="AD102995" i="1"/>
  <c r="AD102996" i="1"/>
  <c r="AD102997" i="1"/>
  <c r="AD102998" i="1"/>
  <c r="AD102999" i="1"/>
  <c r="AD103000" i="1"/>
  <c r="AD103001" i="1"/>
  <c r="AD103002" i="1"/>
  <c r="AD103003" i="1"/>
  <c r="AD103004" i="1"/>
  <c r="AD103005" i="1"/>
  <c r="AD103006" i="1"/>
  <c r="AD103007" i="1"/>
  <c r="AD103008" i="1"/>
  <c r="AD103009" i="1"/>
  <c r="AD103010" i="1"/>
  <c r="AD103011" i="1"/>
  <c r="AD103012" i="1"/>
  <c r="AD103013" i="1"/>
  <c r="AD103014" i="1"/>
  <c r="AD103015" i="1"/>
  <c r="AD103016" i="1"/>
  <c r="AD103017" i="1"/>
  <c r="AD103018" i="1"/>
  <c r="AD103019" i="1"/>
  <c r="AD103020" i="1"/>
  <c r="AD103021" i="1"/>
  <c r="AD103022" i="1"/>
  <c r="AD103023" i="1"/>
  <c r="AD103024" i="1"/>
  <c r="AD103025" i="1"/>
  <c r="AD103026" i="1"/>
  <c r="AD103027" i="1"/>
  <c r="AD103028" i="1"/>
  <c r="AD103029" i="1"/>
  <c r="AD103030" i="1"/>
  <c r="AD103031" i="1"/>
  <c r="AD103032" i="1"/>
  <c r="AD103033" i="1"/>
  <c r="AD103034" i="1"/>
  <c r="AD103035" i="1"/>
  <c r="AD103036" i="1"/>
  <c r="AD103037" i="1"/>
  <c r="AD103038" i="1"/>
  <c r="AD103039" i="1"/>
  <c r="AD103040" i="1"/>
  <c r="AD103041" i="1"/>
  <c r="AD103042" i="1"/>
  <c r="AD103043" i="1"/>
  <c r="AD103044" i="1"/>
  <c r="AD103045" i="1"/>
  <c r="AD103046" i="1"/>
  <c r="AD103047" i="1"/>
  <c r="AD103048" i="1"/>
  <c r="AD103049" i="1"/>
  <c r="AD103050" i="1"/>
  <c r="AD103051" i="1"/>
  <c r="AD103052" i="1"/>
  <c r="AD103053" i="1"/>
  <c r="AD103054" i="1"/>
  <c r="AD103055" i="1"/>
  <c r="AD103056" i="1"/>
  <c r="AD103057" i="1"/>
  <c r="AD103058" i="1"/>
  <c r="AD103059" i="1"/>
  <c r="AD103060" i="1"/>
  <c r="AD103061" i="1"/>
  <c r="AD103062" i="1"/>
  <c r="AD103063" i="1"/>
  <c r="AD103064" i="1"/>
  <c r="AD103065" i="1"/>
  <c r="AD103066" i="1"/>
  <c r="AD103067" i="1"/>
  <c r="AD103068" i="1"/>
  <c r="AD103069" i="1"/>
  <c r="AD103070" i="1"/>
  <c r="AD103071" i="1"/>
  <c r="AD103072" i="1"/>
  <c r="AD103073" i="1"/>
  <c r="AD103074" i="1"/>
  <c r="AD103075" i="1"/>
  <c r="AD103076" i="1"/>
  <c r="AD103077" i="1"/>
  <c r="AD103078" i="1"/>
  <c r="AD103079" i="1"/>
  <c r="AD103080" i="1"/>
  <c r="AD103081" i="1"/>
  <c r="AD103082" i="1"/>
  <c r="AD103083" i="1"/>
  <c r="AD103084" i="1"/>
  <c r="AD103085" i="1"/>
  <c r="AD103086" i="1"/>
  <c r="AD103087" i="1"/>
  <c r="AD103088" i="1"/>
  <c r="AD103089" i="1"/>
  <c r="AD103090" i="1"/>
  <c r="AD103091" i="1"/>
  <c r="AD103092" i="1"/>
  <c r="AD103093" i="1"/>
  <c r="AD103094" i="1"/>
  <c r="AD103095" i="1"/>
  <c r="AD103096" i="1"/>
  <c r="AD103097" i="1"/>
  <c r="AD103098" i="1"/>
  <c r="AD103099" i="1"/>
  <c r="AD103100" i="1"/>
  <c r="AD103101" i="1"/>
  <c r="AD103102" i="1"/>
  <c r="AD103103" i="1"/>
  <c r="AD103104" i="1"/>
  <c r="AD103105" i="1"/>
  <c r="AD103106" i="1"/>
  <c r="AD103107" i="1"/>
  <c r="AD103108" i="1"/>
  <c r="AD103109" i="1"/>
  <c r="AD103110" i="1"/>
  <c r="AD103111" i="1"/>
  <c r="AD103112" i="1"/>
  <c r="AD103113" i="1"/>
  <c r="AD103114" i="1"/>
  <c r="AD103115" i="1"/>
  <c r="AD103116" i="1"/>
  <c r="AD103117" i="1"/>
  <c r="AD103118" i="1"/>
  <c r="AD103119" i="1"/>
  <c r="AD103120" i="1"/>
  <c r="AD103121" i="1"/>
  <c r="AD103122" i="1"/>
  <c r="AD103123" i="1"/>
  <c r="AD103124" i="1"/>
  <c r="AD103125" i="1"/>
  <c r="AD103126" i="1"/>
  <c r="AD103127" i="1"/>
  <c r="AD103128" i="1"/>
  <c r="AD103129" i="1"/>
  <c r="AD103130" i="1"/>
  <c r="AD103131" i="1"/>
  <c r="AD103132" i="1"/>
  <c r="AD103133" i="1"/>
  <c r="AD103134" i="1"/>
  <c r="AD103135" i="1"/>
  <c r="AD103136" i="1"/>
  <c r="AD103137" i="1"/>
  <c r="AD103138" i="1"/>
  <c r="AD103139" i="1"/>
  <c r="AD103140" i="1"/>
  <c r="AD103141" i="1"/>
  <c r="AD103142" i="1"/>
  <c r="AD103143" i="1"/>
  <c r="AD103144" i="1"/>
  <c r="AD103145" i="1"/>
  <c r="AD103146" i="1"/>
  <c r="AD103147" i="1"/>
  <c r="AD103148" i="1"/>
  <c r="AD103149" i="1"/>
  <c r="AD103150" i="1"/>
  <c r="AD103151" i="1"/>
  <c r="AD103152" i="1"/>
  <c r="AD103153" i="1"/>
  <c r="AD103154" i="1"/>
  <c r="AD103155" i="1"/>
  <c r="AD103156" i="1"/>
  <c r="AD103157" i="1"/>
  <c r="AD103158" i="1"/>
  <c r="AD103159" i="1"/>
  <c r="AD103160" i="1"/>
  <c r="AD103161" i="1"/>
  <c r="AD103162" i="1"/>
  <c r="AD103163" i="1"/>
  <c r="AD103164" i="1"/>
  <c r="AD103165" i="1"/>
  <c r="AD103166" i="1"/>
  <c r="AD103167" i="1"/>
  <c r="AD103168" i="1"/>
  <c r="AD103169" i="1"/>
  <c r="AD103170" i="1"/>
  <c r="AD103171" i="1"/>
  <c r="AD103172" i="1"/>
  <c r="AD103173" i="1"/>
  <c r="AD103174" i="1"/>
  <c r="AD103175" i="1"/>
  <c r="AD103176" i="1"/>
  <c r="AD103177" i="1"/>
  <c r="AD103178" i="1"/>
  <c r="AD103179" i="1"/>
  <c r="AD103180" i="1"/>
  <c r="AD103181" i="1"/>
  <c r="AD103182" i="1"/>
  <c r="AD103183" i="1"/>
  <c r="AD103184" i="1"/>
  <c r="AD103185" i="1"/>
  <c r="AD103186" i="1"/>
  <c r="AD103187" i="1"/>
  <c r="AD103188" i="1"/>
  <c r="AD103189" i="1"/>
  <c r="AD103190" i="1"/>
  <c r="AD103191" i="1"/>
  <c r="AD103192" i="1"/>
  <c r="AD103193" i="1"/>
  <c r="AD103194" i="1"/>
  <c r="AD103195" i="1"/>
  <c r="AD103196" i="1"/>
  <c r="AD103197" i="1"/>
  <c r="AD103198" i="1"/>
  <c r="AD103199" i="1"/>
  <c r="AD103200" i="1"/>
  <c r="AD103201" i="1"/>
  <c r="AD103202" i="1"/>
  <c r="AD103203" i="1"/>
  <c r="AD103204" i="1"/>
  <c r="AD103205" i="1"/>
  <c r="AD103206" i="1"/>
  <c r="AD103207" i="1"/>
  <c r="AD103208" i="1"/>
  <c r="AD103209" i="1"/>
  <c r="AD103210" i="1"/>
  <c r="AD103211" i="1"/>
  <c r="AD103212" i="1"/>
  <c r="AD103213" i="1"/>
  <c r="AD103214" i="1"/>
  <c r="AD103215" i="1"/>
  <c r="AD103216" i="1"/>
  <c r="AD103217" i="1"/>
  <c r="AD103218" i="1"/>
  <c r="AD103219" i="1"/>
  <c r="AD103220" i="1"/>
  <c r="AD103221" i="1"/>
  <c r="AD103222" i="1"/>
  <c r="AD103223" i="1"/>
  <c r="AD103224" i="1"/>
  <c r="AD103225" i="1"/>
  <c r="AD103226" i="1"/>
  <c r="AD103227" i="1"/>
  <c r="AD103228" i="1"/>
  <c r="AD103229" i="1"/>
  <c r="AD103230" i="1"/>
  <c r="AD103231" i="1"/>
  <c r="AD103232" i="1"/>
  <c r="AD103233" i="1"/>
  <c r="AD103234" i="1"/>
  <c r="AD103235" i="1"/>
  <c r="AD103236" i="1"/>
  <c r="AD103237" i="1"/>
  <c r="AD103238" i="1"/>
  <c r="AD103239" i="1"/>
  <c r="AD103240" i="1"/>
  <c r="AD103241" i="1"/>
  <c r="AD103242" i="1"/>
  <c r="AD103243" i="1"/>
  <c r="AD103244" i="1"/>
  <c r="AD103245" i="1"/>
  <c r="AD103246" i="1"/>
  <c r="AD103247" i="1"/>
  <c r="AD103248" i="1"/>
  <c r="AD103249" i="1"/>
  <c r="AD103250" i="1"/>
  <c r="AD103251" i="1"/>
  <c r="AD103252" i="1"/>
  <c r="AD103253" i="1"/>
  <c r="AD103254" i="1"/>
  <c r="AD103255" i="1"/>
  <c r="AD103256" i="1"/>
  <c r="AD103257" i="1"/>
  <c r="AD103258" i="1"/>
  <c r="AD103259" i="1"/>
  <c r="AD103260" i="1"/>
  <c r="AD103261" i="1"/>
  <c r="AD103262" i="1"/>
  <c r="AD103263" i="1"/>
  <c r="AD103264" i="1"/>
  <c r="AD103265" i="1"/>
  <c r="AD103266" i="1"/>
  <c r="AD103267" i="1"/>
  <c r="AD103268" i="1"/>
  <c r="AD103269" i="1"/>
  <c r="AD103270" i="1"/>
  <c r="AD103271" i="1"/>
  <c r="AD103272" i="1"/>
  <c r="AD103273" i="1"/>
  <c r="AD103274" i="1"/>
  <c r="AD103275" i="1"/>
  <c r="AD103276" i="1"/>
  <c r="AD103277" i="1"/>
  <c r="AD103278" i="1"/>
  <c r="AD103279" i="1"/>
  <c r="AD103280" i="1"/>
  <c r="AD103281" i="1"/>
  <c r="AD103282" i="1"/>
  <c r="AD103283" i="1"/>
  <c r="AD103284" i="1"/>
  <c r="AD103285" i="1"/>
  <c r="AD103286" i="1"/>
  <c r="AD103287" i="1"/>
  <c r="AD103288" i="1"/>
  <c r="AD103289" i="1"/>
  <c r="AD103290" i="1"/>
  <c r="AD103291" i="1"/>
  <c r="AD103292" i="1"/>
  <c r="AD103293" i="1"/>
  <c r="AD103294" i="1"/>
  <c r="AD103295" i="1"/>
  <c r="AD103296" i="1"/>
  <c r="AD103297" i="1"/>
  <c r="AD103298" i="1"/>
  <c r="AD103299" i="1"/>
  <c r="AD103300" i="1"/>
  <c r="AD103301" i="1"/>
  <c r="AD103302" i="1"/>
  <c r="AD103303" i="1"/>
  <c r="AD103304" i="1"/>
  <c r="AD103305" i="1"/>
  <c r="AD103306" i="1"/>
  <c r="AD103307" i="1"/>
  <c r="AD103308" i="1"/>
  <c r="AD103309" i="1"/>
  <c r="AD103310" i="1"/>
  <c r="AD103311" i="1"/>
  <c r="AD103312" i="1"/>
  <c r="AD103313" i="1"/>
  <c r="AD103314" i="1"/>
  <c r="AD103315" i="1"/>
  <c r="AD103316" i="1"/>
  <c r="AD103317" i="1"/>
  <c r="AD103318" i="1"/>
  <c r="AD103319" i="1"/>
  <c r="AD103320" i="1"/>
  <c r="AD103321" i="1"/>
  <c r="AD103322" i="1"/>
  <c r="AD103323" i="1"/>
  <c r="AD103324" i="1"/>
  <c r="AD103325" i="1"/>
  <c r="AD103326" i="1"/>
  <c r="AD103327" i="1"/>
  <c r="AD103328" i="1"/>
  <c r="AD103329" i="1"/>
  <c r="AD103330" i="1"/>
  <c r="AD103331" i="1"/>
  <c r="AD103332" i="1"/>
  <c r="AD103333" i="1"/>
  <c r="AD103334" i="1"/>
  <c r="AD103335" i="1"/>
  <c r="AD103336" i="1"/>
  <c r="AD103337" i="1"/>
  <c r="AD103338" i="1"/>
  <c r="AD103339" i="1"/>
  <c r="AD103340" i="1"/>
  <c r="AD103341" i="1"/>
  <c r="AD103342" i="1"/>
  <c r="AD103343" i="1"/>
  <c r="AD103344" i="1"/>
  <c r="AD103345" i="1"/>
  <c r="AD103346" i="1"/>
  <c r="AD103347" i="1"/>
  <c r="AD103348" i="1"/>
  <c r="AD103349" i="1"/>
  <c r="AD103350" i="1"/>
  <c r="AD103351" i="1"/>
  <c r="AD103352" i="1"/>
  <c r="AD103353" i="1"/>
  <c r="AD103354" i="1"/>
  <c r="AD103355" i="1"/>
  <c r="AD103356" i="1"/>
  <c r="AD103357" i="1"/>
  <c r="AD103358" i="1"/>
  <c r="AD103359" i="1"/>
  <c r="AD103360" i="1"/>
  <c r="AD103361" i="1"/>
  <c r="AD103362" i="1"/>
  <c r="AD103363" i="1"/>
  <c r="AD103364" i="1"/>
  <c r="AD103365" i="1"/>
  <c r="AD103366" i="1"/>
  <c r="AD103367" i="1"/>
  <c r="AD103368" i="1"/>
  <c r="AD103369" i="1"/>
  <c r="AD103370" i="1"/>
  <c r="AD103371" i="1"/>
  <c r="AD103372" i="1"/>
  <c r="AD103373" i="1"/>
  <c r="AD103374" i="1"/>
  <c r="AD103375" i="1"/>
  <c r="AD103376" i="1"/>
  <c r="AD103377" i="1"/>
  <c r="AD103378" i="1"/>
  <c r="AD103379" i="1"/>
  <c r="AD103380" i="1"/>
  <c r="AD103381" i="1"/>
  <c r="AD103382" i="1"/>
  <c r="AD103383" i="1"/>
  <c r="AD103384" i="1"/>
  <c r="AD103385" i="1"/>
  <c r="AD103386" i="1"/>
  <c r="AD103387" i="1"/>
  <c r="AD103388" i="1"/>
  <c r="AD103389" i="1"/>
  <c r="AD103390" i="1"/>
  <c r="AD103391" i="1"/>
  <c r="AD103392" i="1"/>
  <c r="AD103393" i="1"/>
  <c r="AD103394" i="1"/>
  <c r="AD103395" i="1"/>
  <c r="AD103396" i="1"/>
  <c r="AD103397" i="1"/>
  <c r="AD103398" i="1"/>
  <c r="AD103399" i="1"/>
  <c r="AD103400" i="1"/>
  <c r="AD103401" i="1"/>
  <c r="AD103402" i="1"/>
  <c r="AD103403" i="1"/>
  <c r="AD103404" i="1"/>
  <c r="AD103405" i="1"/>
  <c r="AD103406" i="1"/>
  <c r="AD103407" i="1"/>
  <c r="AD103408" i="1"/>
  <c r="AD103409" i="1"/>
  <c r="AD103410" i="1"/>
  <c r="AD103411" i="1"/>
  <c r="AD103412" i="1"/>
  <c r="AD103413" i="1"/>
  <c r="AD103414" i="1"/>
  <c r="AD103415" i="1"/>
  <c r="AD103416" i="1"/>
  <c r="AD103417" i="1"/>
  <c r="AD103418" i="1"/>
  <c r="AD103419" i="1"/>
  <c r="AD103420" i="1"/>
  <c r="AD103421" i="1"/>
  <c r="AD103422" i="1"/>
  <c r="AD103423" i="1"/>
  <c r="AD103424" i="1"/>
  <c r="AD103425" i="1"/>
  <c r="AD103426" i="1"/>
  <c r="AD103427" i="1"/>
  <c r="AD103428" i="1"/>
  <c r="AD103429" i="1"/>
  <c r="AD103430" i="1"/>
  <c r="AD103431" i="1"/>
  <c r="AD103432" i="1"/>
  <c r="AD103433" i="1"/>
  <c r="AD103434" i="1"/>
  <c r="AD103435" i="1"/>
  <c r="AD103436" i="1"/>
  <c r="AD103437" i="1"/>
  <c r="AD103438" i="1"/>
  <c r="AD103439" i="1"/>
  <c r="AD103440" i="1"/>
  <c r="AD103441" i="1"/>
  <c r="AD103442" i="1"/>
  <c r="AD103443" i="1"/>
  <c r="AD103444" i="1"/>
  <c r="AD103445" i="1"/>
  <c r="AD103446" i="1"/>
  <c r="AD103447" i="1"/>
  <c r="AD103448" i="1"/>
  <c r="AD103449" i="1"/>
  <c r="AD103450" i="1"/>
  <c r="AD103451" i="1"/>
  <c r="AD103452" i="1"/>
  <c r="AD103453" i="1"/>
  <c r="AD103454" i="1"/>
  <c r="AD103455" i="1"/>
  <c r="AD103456" i="1"/>
  <c r="AD103457" i="1"/>
  <c r="AD103458" i="1"/>
  <c r="AD103459" i="1"/>
  <c r="AD103460" i="1"/>
  <c r="AD103461" i="1"/>
  <c r="AD103462" i="1"/>
  <c r="AD103463" i="1"/>
  <c r="AD103464" i="1"/>
  <c r="AD103465" i="1"/>
  <c r="AD103466" i="1"/>
  <c r="AD103467" i="1"/>
  <c r="AD103468" i="1"/>
  <c r="AD103469" i="1"/>
  <c r="AD103470" i="1"/>
  <c r="AD103471" i="1"/>
  <c r="AD103472" i="1"/>
  <c r="AD103473" i="1"/>
  <c r="AD103474" i="1"/>
  <c r="AD103475" i="1"/>
  <c r="AD103476" i="1"/>
  <c r="AD103477" i="1"/>
  <c r="AD103478" i="1"/>
  <c r="AD103479" i="1"/>
  <c r="AD103480" i="1"/>
  <c r="AD103481" i="1"/>
  <c r="AD103482" i="1"/>
  <c r="AD103483" i="1"/>
  <c r="AD103484" i="1"/>
  <c r="AD103485" i="1"/>
  <c r="AD103486" i="1"/>
  <c r="AD103487" i="1"/>
  <c r="AD103488" i="1"/>
  <c r="AD103489" i="1"/>
  <c r="AD103490" i="1"/>
  <c r="AD103491" i="1"/>
  <c r="AD103492" i="1"/>
  <c r="AD103493" i="1"/>
  <c r="AD103494" i="1"/>
  <c r="AD103495" i="1"/>
  <c r="AD103496" i="1"/>
  <c r="AD103497" i="1"/>
  <c r="AD103498" i="1"/>
  <c r="AD103499" i="1"/>
  <c r="AD103500" i="1"/>
  <c r="AD103501" i="1"/>
  <c r="AD103502" i="1"/>
  <c r="AD103503" i="1"/>
  <c r="AD103504" i="1"/>
  <c r="AD103505" i="1"/>
  <c r="AD103506" i="1"/>
  <c r="AD103507" i="1"/>
  <c r="AD103508" i="1"/>
  <c r="AD103509" i="1"/>
  <c r="AD103510" i="1"/>
  <c r="AD103511" i="1"/>
  <c r="AD103512" i="1"/>
  <c r="AD103513" i="1"/>
  <c r="AD103514" i="1"/>
  <c r="AD103515" i="1"/>
  <c r="AD103516" i="1"/>
  <c r="AD103517" i="1"/>
  <c r="AD103518" i="1"/>
  <c r="AD103519" i="1"/>
  <c r="AD103520" i="1"/>
  <c r="AD103521" i="1"/>
  <c r="AD103522" i="1"/>
  <c r="AD103523" i="1"/>
  <c r="AD103524" i="1"/>
  <c r="AD103525" i="1"/>
  <c r="AD103526" i="1"/>
  <c r="AD103527" i="1"/>
  <c r="AD103528" i="1"/>
  <c r="AD103529" i="1"/>
  <c r="AD103530" i="1"/>
  <c r="AD103531" i="1"/>
  <c r="AD103532" i="1"/>
  <c r="AD103533" i="1"/>
  <c r="AD103534" i="1"/>
  <c r="AD103535" i="1"/>
  <c r="AD103536" i="1"/>
  <c r="AD103537" i="1"/>
  <c r="AD103538" i="1"/>
  <c r="AD103539" i="1"/>
  <c r="AD103540" i="1"/>
  <c r="AD103541" i="1"/>
  <c r="AD103542" i="1"/>
  <c r="AD103543" i="1"/>
  <c r="AD103544" i="1"/>
  <c r="AD103545" i="1"/>
  <c r="AD103546" i="1"/>
  <c r="AD103547" i="1"/>
  <c r="AD103548" i="1"/>
  <c r="AD103549" i="1"/>
  <c r="AD103550" i="1"/>
  <c r="AD103551" i="1"/>
  <c r="AD103552" i="1"/>
  <c r="AD103553" i="1"/>
  <c r="AD103554" i="1"/>
  <c r="AD103555" i="1"/>
  <c r="AD103556" i="1"/>
  <c r="AD103557" i="1"/>
  <c r="AD103558" i="1"/>
  <c r="AD103559" i="1"/>
  <c r="AD103560" i="1"/>
  <c r="AD103561" i="1"/>
  <c r="AD103562" i="1"/>
  <c r="AD103563" i="1"/>
  <c r="AD103564" i="1"/>
  <c r="AD103565" i="1"/>
  <c r="AD103566" i="1"/>
  <c r="AD103567" i="1"/>
  <c r="AD103568" i="1"/>
  <c r="AD103569" i="1"/>
  <c r="AD103570" i="1"/>
  <c r="AD103571" i="1"/>
  <c r="AD103572" i="1"/>
  <c r="AD103573" i="1"/>
  <c r="AD103574" i="1"/>
  <c r="AD103575" i="1"/>
  <c r="AD103576" i="1"/>
  <c r="AD103577" i="1"/>
  <c r="AD103578" i="1"/>
  <c r="AD103579" i="1"/>
  <c r="AD103580" i="1"/>
  <c r="AD103581" i="1"/>
  <c r="AD103582" i="1"/>
  <c r="AD103583" i="1"/>
  <c r="AD103584" i="1"/>
  <c r="AD103585" i="1"/>
  <c r="AD103586" i="1"/>
  <c r="AD103587" i="1"/>
  <c r="AD103588" i="1"/>
  <c r="AD103589" i="1"/>
  <c r="AD103590" i="1"/>
  <c r="AD103591" i="1"/>
  <c r="AD103592" i="1"/>
  <c r="AD103593" i="1"/>
  <c r="AD103594" i="1"/>
  <c r="AD103595" i="1"/>
  <c r="AD103596" i="1"/>
  <c r="AD103597" i="1"/>
  <c r="AD103598" i="1"/>
  <c r="AD103599" i="1"/>
  <c r="AD103600" i="1"/>
  <c r="AD103601" i="1"/>
  <c r="AD103602" i="1"/>
  <c r="AD103603" i="1"/>
  <c r="AD103604" i="1"/>
  <c r="AD103605" i="1"/>
  <c r="AD103606" i="1"/>
  <c r="AD103607" i="1"/>
  <c r="AD103608" i="1"/>
  <c r="AD103609" i="1"/>
  <c r="AD103610" i="1"/>
  <c r="AD103611" i="1"/>
  <c r="AD103612" i="1"/>
  <c r="AD103613" i="1"/>
  <c r="AD103614" i="1"/>
  <c r="AD103615" i="1"/>
  <c r="AD103616" i="1"/>
  <c r="AD103617" i="1"/>
  <c r="AD103618" i="1"/>
  <c r="AD103619" i="1"/>
  <c r="AD103620" i="1"/>
  <c r="AD103621" i="1"/>
  <c r="AD103622" i="1"/>
  <c r="AD103623" i="1"/>
  <c r="AD103624" i="1"/>
  <c r="AD103625" i="1"/>
  <c r="AD103626" i="1"/>
  <c r="AD103627" i="1"/>
  <c r="AD103628" i="1"/>
  <c r="AD103629" i="1"/>
  <c r="AD103630" i="1"/>
  <c r="AD103631" i="1"/>
  <c r="AD103632" i="1"/>
  <c r="AD103633" i="1"/>
  <c r="AD103634" i="1"/>
  <c r="AD103635" i="1"/>
  <c r="AD103636" i="1"/>
  <c r="AD103637" i="1"/>
  <c r="AD103638" i="1"/>
  <c r="AD103639" i="1"/>
  <c r="AD103640" i="1"/>
  <c r="AD103641" i="1"/>
  <c r="AD103642" i="1"/>
  <c r="AD103643" i="1"/>
  <c r="AD103644" i="1"/>
  <c r="AD103645" i="1"/>
  <c r="AD103646" i="1"/>
  <c r="AD103647" i="1"/>
  <c r="AD103648" i="1"/>
  <c r="AD103649" i="1"/>
  <c r="AD103650" i="1"/>
  <c r="AD103651" i="1"/>
  <c r="AD103652" i="1"/>
  <c r="AD103653" i="1"/>
  <c r="AD103654" i="1"/>
  <c r="AD103655" i="1"/>
  <c r="AD103656" i="1"/>
  <c r="AD103657" i="1"/>
  <c r="AD103658" i="1"/>
  <c r="AD103659" i="1"/>
  <c r="AD103660" i="1"/>
  <c r="AD103661" i="1"/>
  <c r="AD103662" i="1"/>
  <c r="AD103663" i="1"/>
  <c r="AD103664" i="1"/>
  <c r="AD103665" i="1"/>
  <c r="AD103666" i="1"/>
  <c r="AD103667" i="1"/>
  <c r="AD103668" i="1"/>
  <c r="AD103669" i="1"/>
  <c r="AD103670" i="1"/>
  <c r="AD103671" i="1"/>
  <c r="AD103672" i="1"/>
  <c r="AD103673" i="1"/>
  <c r="AD103674" i="1"/>
  <c r="AD103675" i="1"/>
  <c r="AD103676" i="1"/>
  <c r="AD103677" i="1"/>
  <c r="AD103678" i="1"/>
  <c r="AD103679" i="1"/>
  <c r="AD103680" i="1"/>
  <c r="AD103681" i="1"/>
  <c r="AD103682" i="1"/>
  <c r="AD103683" i="1"/>
  <c r="AD103684" i="1"/>
  <c r="AD103685" i="1"/>
  <c r="AD103686" i="1"/>
  <c r="AD103687" i="1"/>
  <c r="AD103688" i="1"/>
  <c r="AD103689" i="1"/>
  <c r="AD103690" i="1"/>
  <c r="AD103691" i="1"/>
  <c r="AD103692" i="1"/>
  <c r="AD103693" i="1"/>
  <c r="AD103694" i="1"/>
  <c r="AD103695" i="1"/>
  <c r="AD103696" i="1"/>
  <c r="AD103697" i="1"/>
  <c r="AD103698" i="1"/>
  <c r="AD103699" i="1"/>
  <c r="AD103700" i="1"/>
  <c r="AD103701" i="1"/>
  <c r="AD103702" i="1"/>
  <c r="AD103703" i="1"/>
  <c r="AD103704" i="1"/>
  <c r="AD103705" i="1"/>
  <c r="AD103706" i="1"/>
  <c r="AD103707" i="1"/>
  <c r="AD103708" i="1"/>
  <c r="AD103709" i="1"/>
  <c r="AD103710" i="1"/>
  <c r="AD103711" i="1"/>
  <c r="AD103712" i="1"/>
  <c r="AD103713" i="1"/>
  <c r="AD103714" i="1"/>
  <c r="AD103715" i="1"/>
  <c r="AD103716" i="1"/>
  <c r="AD103717" i="1"/>
  <c r="AD103718" i="1"/>
  <c r="AD103719" i="1"/>
  <c r="AD103720" i="1"/>
  <c r="AD103721" i="1"/>
  <c r="AD103722" i="1"/>
  <c r="AD103723" i="1"/>
  <c r="AD103724" i="1"/>
  <c r="AD103725" i="1"/>
  <c r="AD103726" i="1"/>
  <c r="AD103727" i="1"/>
  <c r="AD103728" i="1"/>
  <c r="AD103729" i="1"/>
  <c r="AD103730" i="1"/>
  <c r="AD103731" i="1"/>
  <c r="AD103732" i="1"/>
  <c r="AD103733" i="1"/>
  <c r="AD103734" i="1"/>
  <c r="AD103735" i="1"/>
  <c r="AD103736" i="1"/>
  <c r="AD103737" i="1"/>
  <c r="AD103738" i="1"/>
  <c r="AD103739" i="1"/>
  <c r="AD103740" i="1"/>
  <c r="AD103741" i="1"/>
  <c r="AD103742" i="1"/>
  <c r="AD103743" i="1"/>
  <c r="AD103744" i="1"/>
  <c r="AD103745" i="1"/>
  <c r="AD103746" i="1"/>
  <c r="AD103747" i="1"/>
  <c r="AD103748" i="1"/>
  <c r="AD103749" i="1"/>
  <c r="AD103750" i="1"/>
  <c r="AD103751" i="1"/>
  <c r="AD103752" i="1"/>
  <c r="AD103753" i="1"/>
  <c r="AD103754" i="1"/>
  <c r="AD103755" i="1"/>
  <c r="AD103756" i="1"/>
  <c r="AD103757" i="1"/>
  <c r="AD103758" i="1"/>
  <c r="AD103759" i="1"/>
  <c r="AD103760" i="1"/>
  <c r="AD103761" i="1"/>
  <c r="AD103762" i="1"/>
  <c r="AD103763" i="1"/>
  <c r="AD103764" i="1"/>
  <c r="AD103765" i="1"/>
  <c r="AD103766" i="1"/>
  <c r="AD103767" i="1"/>
  <c r="AD103768" i="1"/>
  <c r="AD103769" i="1"/>
  <c r="AD103770" i="1"/>
  <c r="AD103771" i="1"/>
  <c r="AD103772" i="1"/>
  <c r="AD103773" i="1"/>
  <c r="AD103774" i="1"/>
  <c r="AD103775" i="1"/>
  <c r="AD103776" i="1"/>
  <c r="AD103777" i="1"/>
  <c r="AD103778" i="1"/>
  <c r="AD103779" i="1"/>
  <c r="AD103780" i="1"/>
  <c r="AD103781" i="1"/>
  <c r="AD103782" i="1"/>
  <c r="AD103783" i="1"/>
  <c r="AD103784" i="1"/>
  <c r="AD103785" i="1"/>
  <c r="AD103786" i="1"/>
  <c r="AD103787" i="1"/>
  <c r="AD103788" i="1"/>
  <c r="AD103789" i="1"/>
  <c r="AD103790" i="1"/>
  <c r="AD103791" i="1"/>
  <c r="AD103792" i="1"/>
  <c r="AD103793" i="1"/>
  <c r="AD103794" i="1"/>
  <c r="AD103795" i="1"/>
  <c r="AD103796" i="1"/>
  <c r="AD103797" i="1"/>
  <c r="AD103798" i="1"/>
  <c r="AD103799" i="1"/>
  <c r="AD103800" i="1"/>
  <c r="AD103801" i="1"/>
  <c r="AD103802" i="1"/>
  <c r="AD103803" i="1"/>
  <c r="AD103804" i="1"/>
  <c r="AD103805" i="1"/>
  <c r="AD103806" i="1"/>
  <c r="AD103807" i="1"/>
  <c r="AD103808" i="1"/>
  <c r="AD103809" i="1"/>
  <c r="AD103810" i="1"/>
  <c r="AD103811" i="1"/>
  <c r="AD103812" i="1"/>
  <c r="AD103813" i="1"/>
  <c r="AD103814" i="1"/>
  <c r="AD103815" i="1"/>
  <c r="AD103816" i="1"/>
  <c r="AD103817" i="1"/>
  <c r="AD103818" i="1"/>
  <c r="AD103819" i="1"/>
  <c r="AD103820" i="1"/>
  <c r="AD103821" i="1"/>
  <c r="AD103822" i="1"/>
  <c r="AD103823" i="1"/>
  <c r="AD103824" i="1"/>
  <c r="AD103825" i="1"/>
  <c r="AD103826" i="1"/>
  <c r="AD103827" i="1"/>
  <c r="AD103828" i="1"/>
  <c r="AD103829" i="1"/>
  <c r="AD103830" i="1"/>
  <c r="AD103831" i="1"/>
  <c r="AD103832" i="1"/>
  <c r="AD103833" i="1"/>
  <c r="AD103834" i="1"/>
  <c r="AD103835" i="1"/>
  <c r="AD103836" i="1"/>
  <c r="AD103837" i="1"/>
  <c r="AD103838" i="1"/>
  <c r="AD103839" i="1"/>
  <c r="AD103840" i="1"/>
  <c r="AD103841" i="1"/>
  <c r="AD103842" i="1"/>
  <c r="AD103843" i="1"/>
  <c r="AD103844" i="1"/>
  <c r="AD103845" i="1"/>
  <c r="AD103846" i="1"/>
  <c r="AD103847" i="1"/>
  <c r="AD103848" i="1"/>
  <c r="AD103849" i="1"/>
  <c r="AD103850" i="1"/>
  <c r="AD103851" i="1"/>
  <c r="AD103852" i="1"/>
  <c r="AD103853" i="1"/>
  <c r="AD103854" i="1"/>
  <c r="AD103855" i="1"/>
  <c r="AD103856" i="1"/>
  <c r="AD103857" i="1"/>
  <c r="AD103858" i="1"/>
  <c r="AD103859" i="1"/>
  <c r="AD103860" i="1"/>
  <c r="AD103861" i="1"/>
  <c r="AD103862" i="1"/>
  <c r="AD103863" i="1"/>
  <c r="AD103864" i="1"/>
  <c r="AD103865" i="1"/>
  <c r="AD103866" i="1"/>
  <c r="AD103867" i="1"/>
  <c r="AD103868" i="1"/>
  <c r="AD103869" i="1"/>
  <c r="AD103870" i="1"/>
  <c r="AD103871" i="1"/>
  <c r="AD103872" i="1"/>
  <c r="AD103873" i="1"/>
  <c r="AD103874" i="1"/>
  <c r="AD103875" i="1"/>
  <c r="AD103876" i="1"/>
  <c r="AD103877" i="1"/>
  <c r="AD103878" i="1"/>
  <c r="AD103879" i="1"/>
  <c r="AD103880" i="1"/>
  <c r="AD103881" i="1"/>
  <c r="AD103882" i="1"/>
  <c r="AD103883" i="1"/>
  <c r="AD103884" i="1"/>
  <c r="AD103885" i="1"/>
  <c r="AD103886" i="1"/>
  <c r="AD103887" i="1"/>
  <c r="AD103888" i="1"/>
  <c r="AD103889" i="1"/>
  <c r="AD103890" i="1"/>
  <c r="AD103891" i="1"/>
  <c r="AD103892" i="1"/>
  <c r="AD103893" i="1"/>
  <c r="AD103894" i="1"/>
  <c r="AD103895" i="1"/>
  <c r="AD103896" i="1"/>
  <c r="AD103897" i="1"/>
  <c r="AD103898" i="1"/>
  <c r="AD103899" i="1"/>
  <c r="AD103900" i="1"/>
  <c r="AD103901" i="1"/>
  <c r="AD103902" i="1"/>
  <c r="AD103903" i="1"/>
  <c r="AD103904" i="1"/>
  <c r="AD103905" i="1"/>
  <c r="AD103906" i="1"/>
  <c r="AD103907" i="1"/>
  <c r="AD103908" i="1"/>
  <c r="AD103909" i="1"/>
  <c r="AD103910" i="1"/>
  <c r="AD103911" i="1"/>
  <c r="AD103912" i="1"/>
  <c r="AD103913" i="1"/>
  <c r="AD103914" i="1"/>
  <c r="AD103915" i="1"/>
  <c r="AD103916" i="1"/>
  <c r="AD103917" i="1"/>
  <c r="AD103918" i="1"/>
  <c r="AD103919" i="1"/>
  <c r="AD103920" i="1"/>
  <c r="AD103921" i="1"/>
  <c r="AD103922" i="1"/>
  <c r="AD103923" i="1"/>
  <c r="AD103924" i="1"/>
  <c r="AD103925" i="1"/>
  <c r="AD103926" i="1"/>
  <c r="AD103927" i="1"/>
  <c r="AD103928" i="1"/>
  <c r="AD103929" i="1"/>
  <c r="AD103930" i="1"/>
  <c r="AD103931" i="1"/>
  <c r="AD103932" i="1"/>
  <c r="AD103933" i="1"/>
  <c r="AD103934" i="1"/>
  <c r="AD103935" i="1"/>
  <c r="AD103936" i="1"/>
  <c r="AD103937" i="1"/>
  <c r="AD103938" i="1"/>
  <c r="AD103939" i="1"/>
  <c r="AD103940" i="1"/>
  <c r="AD103941" i="1"/>
  <c r="AD103942" i="1"/>
  <c r="AD103943" i="1"/>
  <c r="AD103944" i="1"/>
  <c r="AD103945" i="1"/>
  <c r="AD103946" i="1"/>
  <c r="AD103947" i="1"/>
  <c r="AD103948" i="1"/>
  <c r="AD103949" i="1"/>
  <c r="AD103950" i="1"/>
  <c r="AD103951" i="1"/>
  <c r="AD103952" i="1"/>
  <c r="AD103953" i="1"/>
  <c r="AD103954" i="1"/>
  <c r="AD103955" i="1"/>
  <c r="AD103956" i="1"/>
  <c r="AD103957" i="1"/>
  <c r="AD103958" i="1"/>
  <c r="AD103959" i="1"/>
  <c r="AD103960" i="1"/>
  <c r="AD103961" i="1"/>
  <c r="AD103962" i="1"/>
  <c r="AD103963" i="1"/>
  <c r="AD103964" i="1"/>
  <c r="AD103965" i="1"/>
  <c r="AD103966" i="1"/>
  <c r="AD103967" i="1"/>
  <c r="AD103968" i="1"/>
  <c r="AD103969" i="1"/>
  <c r="AD103970" i="1"/>
  <c r="AD103971" i="1"/>
  <c r="AD103972" i="1"/>
  <c r="AD103973" i="1"/>
  <c r="AD103974" i="1"/>
  <c r="AD103975" i="1"/>
  <c r="AD103976" i="1"/>
  <c r="AD103977" i="1"/>
  <c r="AD103978" i="1"/>
  <c r="AD103979" i="1"/>
  <c r="AD103980" i="1"/>
  <c r="AD103981" i="1"/>
  <c r="AD103982" i="1"/>
  <c r="AD103983" i="1"/>
  <c r="AD103984" i="1"/>
  <c r="AD103985" i="1"/>
  <c r="AD103986" i="1"/>
  <c r="AD103987" i="1"/>
  <c r="AD103988" i="1"/>
  <c r="AD103989" i="1"/>
  <c r="AD103990" i="1"/>
  <c r="AD103991" i="1"/>
  <c r="AD103992" i="1"/>
  <c r="AD103993" i="1"/>
  <c r="AD103994" i="1"/>
  <c r="AD103995" i="1"/>
  <c r="AD103996" i="1"/>
  <c r="AD103997" i="1"/>
  <c r="AD103998" i="1"/>
  <c r="AD103999" i="1"/>
  <c r="AD104000" i="1"/>
  <c r="AD104001" i="1"/>
  <c r="AD104002" i="1"/>
  <c r="AD104003" i="1"/>
  <c r="AD104004" i="1"/>
  <c r="AD104005" i="1"/>
  <c r="AD104006" i="1"/>
  <c r="AD104007" i="1"/>
  <c r="AD104008" i="1"/>
  <c r="AD104009" i="1"/>
  <c r="AD104010" i="1"/>
  <c r="AD104011" i="1"/>
  <c r="AD104012" i="1"/>
  <c r="AD104013" i="1"/>
  <c r="AD104014" i="1"/>
  <c r="AD104015" i="1"/>
  <c r="AD104016" i="1"/>
  <c r="AD104017" i="1"/>
  <c r="AD104018" i="1"/>
  <c r="AD104019" i="1"/>
  <c r="AD104020" i="1"/>
  <c r="AD104021" i="1"/>
  <c r="AD104022" i="1"/>
  <c r="AD104023" i="1"/>
  <c r="AD104024" i="1"/>
  <c r="AD104025" i="1"/>
  <c r="AD104026" i="1"/>
  <c r="AD104027" i="1"/>
  <c r="AD104028" i="1"/>
  <c r="AD104029" i="1"/>
  <c r="AD104030" i="1"/>
  <c r="AD104031" i="1"/>
  <c r="AD104032" i="1"/>
  <c r="AD104033" i="1"/>
  <c r="AD104034" i="1"/>
  <c r="AD104035" i="1"/>
  <c r="AD104036" i="1"/>
  <c r="AD104037" i="1"/>
  <c r="AD104038" i="1"/>
  <c r="AD104039" i="1"/>
  <c r="AD104040" i="1"/>
  <c r="AD104041" i="1"/>
  <c r="AD104042" i="1"/>
  <c r="AD104043" i="1"/>
  <c r="AD104044" i="1"/>
  <c r="AD104045" i="1"/>
  <c r="AD104046" i="1"/>
  <c r="AD104047" i="1"/>
  <c r="AD104048" i="1"/>
  <c r="AD104049" i="1"/>
  <c r="AD104050" i="1"/>
  <c r="AD104051" i="1"/>
  <c r="AD104052" i="1"/>
  <c r="AD104053" i="1"/>
  <c r="AD104054" i="1"/>
  <c r="AD104055" i="1"/>
  <c r="AD104056" i="1"/>
  <c r="AD104057" i="1"/>
  <c r="AD104058" i="1"/>
  <c r="AD104059" i="1"/>
  <c r="AD104060" i="1"/>
  <c r="AD104061" i="1"/>
  <c r="AD104062" i="1"/>
  <c r="AD104063" i="1"/>
  <c r="AD104064" i="1"/>
  <c r="AD104065" i="1"/>
  <c r="AD104066" i="1"/>
  <c r="AD104067" i="1"/>
  <c r="AD104068" i="1"/>
  <c r="AD104069" i="1"/>
  <c r="AD104070" i="1"/>
  <c r="AD104071" i="1"/>
  <c r="AD104072" i="1"/>
  <c r="AD104073" i="1"/>
  <c r="AD104074" i="1"/>
  <c r="AD104075" i="1"/>
  <c r="AD104076" i="1"/>
  <c r="AD104077" i="1"/>
  <c r="AD104078" i="1"/>
  <c r="AD104079" i="1"/>
  <c r="AD104080" i="1"/>
  <c r="AD104081" i="1"/>
  <c r="AD104082" i="1"/>
  <c r="AD104083" i="1"/>
  <c r="AD104084" i="1"/>
  <c r="AD104085" i="1"/>
  <c r="AD104086" i="1"/>
  <c r="AD104087" i="1"/>
  <c r="AD104088" i="1"/>
  <c r="AD104089" i="1"/>
  <c r="AD104090" i="1"/>
  <c r="AD104091" i="1"/>
  <c r="AD104092" i="1"/>
  <c r="AD104093" i="1"/>
  <c r="AD104094" i="1"/>
  <c r="AD104095" i="1"/>
  <c r="AD104096" i="1"/>
  <c r="AD104097" i="1"/>
  <c r="AD104098" i="1"/>
  <c r="AD104099" i="1"/>
  <c r="AD104100" i="1"/>
  <c r="AD104101" i="1"/>
  <c r="AD104102" i="1"/>
  <c r="AD104103" i="1"/>
  <c r="AD104104" i="1"/>
  <c r="AD104105" i="1"/>
  <c r="AD104106" i="1"/>
  <c r="AD104107" i="1"/>
  <c r="AD104108" i="1"/>
  <c r="AD104109" i="1"/>
  <c r="AD104110" i="1"/>
  <c r="AD104111" i="1"/>
  <c r="AD104112" i="1"/>
  <c r="AD104113" i="1"/>
  <c r="AD104114" i="1"/>
  <c r="AD104115" i="1"/>
  <c r="AD104116" i="1"/>
  <c r="AD104117" i="1"/>
  <c r="AD104118" i="1"/>
  <c r="AD104119" i="1"/>
  <c r="AD104120" i="1"/>
  <c r="AD104121" i="1"/>
  <c r="AD104122" i="1"/>
  <c r="AD104123" i="1"/>
  <c r="AD104124" i="1"/>
  <c r="AD104125" i="1"/>
  <c r="AD104126" i="1"/>
  <c r="AD104127" i="1"/>
  <c r="AD104128" i="1"/>
  <c r="AD104129" i="1"/>
  <c r="AD104130" i="1"/>
  <c r="AD104131" i="1"/>
  <c r="AD104132" i="1"/>
  <c r="AD104133" i="1"/>
  <c r="AD104134" i="1"/>
  <c r="AD104135" i="1"/>
  <c r="AD104136" i="1"/>
  <c r="AD104137" i="1"/>
  <c r="AD104138" i="1"/>
  <c r="AD104139" i="1"/>
  <c r="AD104140" i="1"/>
  <c r="AD104141" i="1"/>
  <c r="AD104142" i="1"/>
  <c r="AD104143" i="1"/>
  <c r="AD104144" i="1"/>
  <c r="AD104145" i="1"/>
  <c r="AD104146" i="1"/>
  <c r="AD104147" i="1"/>
  <c r="AD104148" i="1"/>
  <c r="AD104149" i="1"/>
  <c r="AD104150" i="1"/>
  <c r="AD104151" i="1"/>
  <c r="AD104152" i="1"/>
  <c r="AD104153" i="1"/>
  <c r="AD104154" i="1"/>
  <c r="AD104155" i="1"/>
  <c r="AD104156" i="1"/>
  <c r="AD104157" i="1"/>
  <c r="AD104158" i="1"/>
  <c r="AD104159" i="1"/>
  <c r="AD104160" i="1"/>
  <c r="AD104161" i="1"/>
  <c r="AD104162" i="1"/>
  <c r="AD104163" i="1"/>
  <c r="AD104164" i="1"/>
  <c r="AD104165" i="1"/>
  <c r="AD104166" i="1"/>
  <c r="AD104167" i="1"/>
  <c r="AD104168" i="1"/>
  <c r="AD104169" i="1"/>
  <c r="AD104170" i="1"/>
  <c r="AD104171" i="1"/>
  <c r="AD104172" i="1"/>
  <c r="AD104173" i="1"/>
  <c r="AD104174" i="1"/>
  <c r="AD104175" i="1"/>
  <c r="AD104176" i="1"/>
  <c r="AD104177" i="1"/>
  <c r="AD104178" i="1"/>
  <c r="AD104179" i="1"/>
  <c r="AD104180" i="1"/>
  <c r="AD104181" i="1"/>
  <c r="AD104182" i="1"/>
  <c r="AD104183" i="1"/>
  <c r="AD104184" i="1"/>
  <c r="AD104185" i="1"/>
  <c r="AD104186" i="1"/>
  <c r="AD104187" i="1"/>
  <c r="AD104188" i="1"/>
  <c r="AD104189" i="1"/>
  <c r="AD104190" i="1"/>
  <c r="AD104191" i="1"/>
  <c r="AD104192" i="1"/>
  <c r="AD104193" i="1"/>
  <c r="AD104194" i="1"/>
  <c r="AD104195" i="1"/>
  <c r="AD104196" i="1"/>
  <c r="AD104197" i="1"/>
  <c r="AD104198" i="1"/>
  <c r="AD104199" i="1"/>
  <c r="AD104200" i="1"/>
  <c r="AD104201" i="1"/>
  <c r="AD104202" i="1"/>
  <c r="AD104203" i="1"/>
  <c r="AD104204" i="1"/>
  <c r="AD104205" i="1"/>
  <c r="AD104206" i="1"/>
  <c r="AD104207" i="1"/>
  <c r="AD104208" i="1"/>
  <c r="AD104209" i="1"/>
  <c r="AD104210" i="1"/>
  <c r="AD104211" i="1"/>
  <c r="AD104212" i="1"/>
  <c r="AD104213" i="1"/>
  <c r="AD104214" i="1"/>
  <c r="AD104215" i="1"/>
  <c r="AD104216" i="1"/>
  <c r="AD104217" i="1"/>
  <c r="AD104218" i="1"/>
  <c r="AD104219" i="1"/>
  <c r="AD104220" i="1"/>
  <c r="AD104221" i="1"/>
  <c r="AD104222" i="1"/>
  <c r="AD104223" i="1"/>
  <c r="AD104224" i="1"/>
  <c r="AD104225" i="1"/>
  <c r="AD104226" i="1"/>
  <c r="AD104227" i="1"/>
  <c r="AD104228" i="1"/>
  <c r="AD104229" i="1"/>
  <c r="AD104230" i="1"/>
  <c r="AD104231" i="1"/>
  <c r="AD104232" i="1"/>
  <c r="AD104233" i="1"/>
  <c r="AD104234" i="1"/>
  <c r="AD104235" i="1"/>
  <c r="AD104236" i="1"/>
  <c r="AD104237" i="1"/>
  <c r="AD104238" i="1"/>
  <c r="AD104239" i="1"/>
  <c r="AD104240" i="1"/>
  <c r="AD104241" i="1"/>
  <c r="AD104242" i="1"/>
  <c r="AD104243" i="1"/>
  <c r="AD104244" i="1"/>
  <c r="AD104245" i="1"/>
  <c r="AD104246" i="1"/>
  <c r="AD104247" i="1"/>
  <c r="AD104248" i="1"/>
  <c r="AD104249" i="1"/>
  <c r="AD104250" i="1"/>
  <c r="AD104251" i="1"/>
  <c r="AD104252" i="1"/>
  <c r="AD104253" i="1"/>
  <c r="AD104254" i="1"/>
  <c r="AD104255" i="1"/>
  <c r="AD104256" i="1"/>
  <c r="AD104257" i="1"/>
  <c r="AD104258" i="1"/>
  <c r="AD104259" i="1"/>
  <c r="AD104260" i="1"/>
  <c r="AD104261" i="1"/>
  <c r="AD104262" i="1"/>
  <c r="AD104263" i="1"/>
  <c r="AD104264" i="1"/>
  <c r="AD104265" i="1"/>
  <c r="AD104266" i="1"/>
  <c r="AD104267" i="1"/>
  <c r="AD104268" i="1"/>
  <c r="AD104269" i="1"/>
  <c r="AD104270" i="1"/>
  <c r="AD104271" i="1"/>
  <c r="AD104272" i="1"/>
  <c r="AD104273" i="1"/>
  <c r="AD104274" i="1"/>
  <c r="AD104275" i="1"/>
  <c r="AD104276" i="1"/>
  <c r="AD104277" i="1"/>
  <c r="AD104278" i="1"/>
  <c r="AD104279" i="1"/>
  <c r="AD104280" i="1"/>
  <c r="AD104281" i="1"/>
  <c r="AD104282" i="1"/>
  <c r="AD104283" i="1"/>
  <c r="AD104284" i="1"/>
  <c r="AD104285" i="1"/>
  <c r="AD104286" i="1"/>
  <c r="AD104287" i="1"/>
  <c r="AD104288" i="1"/>
  <c r="AD104289" i="1"/>
  <c r="AD104290" i="1"/>
  <c r="AD104291" i="1"/>
  <c r="AD104292" i="1"/>
  <c r="AD104293" i="1"/>
  <c r="AD104294" i="1"/>
  <c r="AD104295" i="1"/>
  <c r="AD104296" i="1"/>
  <c r="AD104297" i="1"/>
  <c r="AD104298" i="1"/>
  <c r="AD104299" i="1"/>
  <c r="AD104300" i="1"/>
  <c r="AD104301" i="1"/>
  <c r="AD104302" i="1"/>
  <c r="AD104303" i="1"/>
  <c r="AD104304" i="1"/>
  <c r="AD104305" i="1"/>
  <c r="AD104306" i="1"/>
  <c r="AD104307" i="1"/>
  <c r="AD104308" i="1"/>
  <c r="AD104309" i="1"/>
  <c r="AD104310" i="1"/>
  <c r="AD104311" i="1"/>
  <c r="AD104312" i="1"/>
  <c r="AD104313" i="1"/>
  <c r="AD104314" i="1"/>
  <c r="AD104315" i="1"/>
  <c r="AD104316" i="1"/>
  <c r="AD104317" i="1"/>
  <c r="AD104318" i="1"/>
  <c r="AD104319" i="1"/>
  <c r="AD104320" i="1"/>
  <c r="AD104321" i="1"/>
  <c r="AD104322" i="1"/>
  <c r="AD104323" i="1"/>
  <c r="AD104324" i="1"/>
  <c r="AD104325" i="1"/>
  <c r="AD104326" i="1"/>
  <c r="AD104327" i="1"/>
  <c r="AD104328" i="1"/>
  <c r="AD104329" i="1"/>
  <c r="AD104330" i="1"/>
  <c r="AD104331" i="1"/>
  <c r="AD104332" i="1"/>
  <c r="AD104333" i="1"/>
  <c r="AD104334" i="1"/>
  <c r="AD104335" i="1"/>
  <c r="AD104336" i="1"/>
  <c r="AD104337" i="1"/>
  <c r="AD104338" i="1"/>
  <c r="AD104339" i="1"/>
  <c r="AD104340" i="1"/>
  <c r="AD104341" i="1"/>
  <c r="AD104342" i="1"/>
  <c r="AD104343" i="1"/>
  <c r="AD104344" i="1"/>
  <c r="AD104345" i="1"/>
  <c r="AD104346" i="1"/>
  <c r="AD104347" i="1"/>
  <c r="AD104348" i="1"/>
  <c r="AD104349" i="1"/>
  <c r="AD104350" i="1"/>
  <c r="AD104351" i="1"/>
  <c r="AD104352" i="1"/>
  <c r="AD104353" i="1"/>
  <c r="AD104354" i="1"/>
  <c r="AD104355" i="1"/>
  <c r="AD104356" i="1"/>
  <c r="AD104357" i="1"/>
  <c r="AD104358" i="1"/>
  <c r="AD104359" i="1"/>
  <c r="AD104360" i="1"/>
  <c r="AD104361" i="1"/>
  <c r="AD104362" i="1"/>
  <c r="AD104363" i="1"/>
  <c r="AD104364" i="1"/>
  <c r="AD104365" i="1"/>
  <c r="AD104366" i="1"/>
  <c r="AD104367" i="1"/>
  <c r="AD104368" i="1"/>
  <c r="AD104369" i="1"/>
  <c r="AD104370" i="1"/>
  <c r="AD104371" i="1"/>
  <c r="AD104372" i="1"/>
  <c r="AD104373" i="1"/>
  <c r="AD104374" i="1"/>
  <c r="AD104375" i="1"/>
  <c r="AD104376" i="1"/>
  <c r="AD104377" i="1"/>
  <c r="AD104378" i="1"/>
  <c r="AD104379" i="1"/>
  <c r="AD104380" i="1"/>
  <c r="AD104381" i="1"/>
  <c r="AD104382" i="1"/>
  <c r="AD104383" i="1"/>
  <c r="AD104384" i="1"/>
  <c r="AD104385" i="1"/>
  <c r="AD104386" i="1"/>
  <c r="AD104387" i="1"/>
  <c r="AD104388" i="1"/>
  <c r="AD104389" i="1"/>
  <c r="AD104390" i="1"/>
  <c r="AD104391" i="1"/>
  <c r="AD104392" i="1"/>
  <c r="AD104393" i="1"/>
  <c r="AD104394" i="1"/>
  <c r="AD104395" i="1"/>
  <c r="AD104396" i="1"/>
  <c r="AD104397" i="1"/>
  <c r="AD104398" i="1"/>
  <c r="AD104399" i="1"/>
  <c r="AD104400" i="1"/>
  <c r="AD104401" i="1"/>
  <c r="AD104402" i="1"/>
  <c r="AD104403" i="1"/>
  <c r="AD104404" i="1"/>
  <c r="AD104405" i="1"/>
  <c r="AD104406" i="1"/>
  <c r="AD104407" i="1"/>
  <c r="AD104408" i="1"/>
  <c r="AD104409" i="1"/>
  <c r="AD104410" i="1"/>
  <c r="AD104411" i="1"/>
  <c r="AD104412" i="1"/>
  <c r="AD104413" i="1"/>
  <c r="AD104414" i="1"/>
  <c r="AD104415" i="1"/>
  <c r="AD104416" i="1"/>
  <c r="AD104417" i="1"/>
  <c r="AD104418" i="1"/>
  <c r="AD104419" i="1"/>
  <c r="AD104420" i="1"/>
  <c r="AD104421" i="1"/>
  <c r="AD104422" i="1"/>
  <c r="AD104423" i="1"/>
  <c r="AD104424" i="1"/>
  <c r="AD104425" i="1"/>
  <c r="AD104426" i="1"/>
  <c r="AD104427" i="1"/>
  <c r="AD104428" i="1"/>
  <c r="AD104429" i="1"/>
  <c r="AD104430" i="1"/>
  <c r="AD104431" i="1"/>
  <c r="AD104432" i="1"/>
  <c r="AD104433" i="1"/>
  <c r="AD104434" i="1"/>
  <c r="AD104435" i="1"/>
  <c r="AD104436" i="1"/>
  <c r="AD104437" i="1"/>
  <c r="AD104438" i="1"/>
  <c r="AD104439" i="1"/>
  <c r="AD104440" i="1"/>
  <c r="AD104441" i="1"/>
  <c r="AD104442" i="1"/>
  <c r="AD104443" i="1"/>
  <c r="AD104444" i="1"/>
  <c r="AD104445" i="1"/>
  <c r="AD104446" i="1"/>
  <c r="AD104447" i="1"/>
  <c r="AD104448" i="1"/>
  <c r="AD104449" i="1"/>
  <c r="AD104450" i="1"/>
  <c r="AD104451" i="1"/>
  <c r="AD104452" i="1"/>
  <c r="AD104453" i="1"/>
  <c r="AD104454" i="1"/>
  <c r="AD104455" i="1"/>
  <c r="AD104456" i="1"/>
  <c r="AD104457" i="1"/>
  <c r="AD104458" i="1"/>
  <c r="AD104459" i="1"/>
  <c r="AD104460" i="1"/>
  <c r="AD104461" i="1"/>
  <c r="AD104462" i="1"/>
  <c r="AD104463" i="1"/>
  <c r="AD104464" i="1"/>
  <c r="AD104465" i="1"/>
  <c r="AD104466" i="1"/>
  <c r="AD104467" i="1"/>
  <c r="AD104468" i="1"/>
  <c r="AD104469" i="1"/>
  <c r="AD104470" i="1"/>
  <c r="AD104471" i="1"/>
  <c r="AD104472" i="1"/>
  <c r="AD104473" i="1"/>
  <c r="AD104474" i="1"/>
  <c r="AD104475" i="1"/>
  <c r="AD104476" i="1"/>
  <c r="AD104477" i="1"/>
  <c r="AD104478" i="1"/>
  <c r="AD104479" i="1"/>
  <c r="AD104480" i="1"/>
  <c r="AD104481" i="1"/>
  <c r="AD104482" i="1"/>
  <c r="AD104483" i="1"/>
  <c r="AD104484" i="1"/>
  <c r="AD104485" i="1"/>
  <c r="AD104486" i="1"/>
  <c r="AD104487" i="1"/>
  <c r="AD104488" i="1"/>
  <c r="AD104489" i="1"/>
  <c r="AD104490" i="1"/>
  <c r="AD104491" i="1"/>
  <c r="AD104492" i="1"/>
  <c r="AD104493" i="1"/>
  <c r="AD104494" i="1"/>
  <c r="AD104495" i="1"/>
  <c r="AD104496" i="1"/>
  <c r="AD104497" i="1"/>
  <c r="AD104498" i="1"/>
  <c r="AD104499" i="1"/>
  <c r="AD104500" i="1"/>
  <c r="AD104501" i="1"/>
  <c r="AD104502" i="1"/>
  <c r="AD104503" i="1"/>
  <c r="AD104504" i="1"/>
  <c r="AD104505" i="1"/>
  <c r="AD104506" i="1"/>
  <c r="AD104507" i="1"/>
  <c r="AD104508" i="1"/>
  <c r="AD104509" i="1"/>
  <c r="AD104510" i="1"/>
  <c r="AD104511" i="1"/>
  <c r="AD104512" i="1"/>
  <c r="AD104513" i="1"/>
  <c r="AD104514" i="1"/>
  <c r="AD104515" i="1"/>
  <c r="AD104516" i="1"/>
  <c r="AD104517" i="1"/>
  <c r="AD104518" i="1"/>
  <c r="AD104519" i="1"/>
  <c r="AD104520" i="1"/>
  <c r="AD104521" i="1"/>
  <c r="AD104522" i="1"/>
  <c r="AD104523" i="1"/>
  <c r="AD104524" i="1"/>
  <c r="AD104525" i="1"/>
  <c r="AD104526" i="1"/>
  <c r="AD104527" i="1"/>
  <c r="AD104528" i="1"/>
  <c r="AD104529" i="1"/>
  <c r="AD104530" i="1"/>
  <c r="AD104531" i="1"/>
  <c r="AD104532" i="1"/>
  <c r="AD104533" i="1"/>
  <c r="AD104534" i="1"/>
  <c r="AD104535" i="1"/>
  <c r="AD104536" i="1"/>
  <c r="AD104537" i="1"/>
  <c r="AD104538" i="1"/>
  <c r="AD104539" i="1"/>
  <c r="AD104540" i="1"/>
  <c r="AD104541" i="1"/>
  <c r="AD104542" i="1"/>
  <c r="AD104543" i="1"/>
  <c r="AD104544" i="1"/>
  <c r="AD104545" i="1"/>
  <c r="AD104546" i="1"/>
  <c r="AD104547" i="1"/>
  <c r="AD104548" i="1"/>
  <c r="AD104549" i="1"/>
  <c r="AD104550" i="1"/>
  <c r="AD104551" i="1"/>
  <c r="AD104552" i="1"/>
  <c r="AD104553" i="1"/>
  <c r="AD104554" i="1"/>
  <c r="AD104555" i="1"/>
  <c r="AD104556" i="1"/>
  <c r="AD104557" i="1"/>
  <c r="AD104558" i="1"/>
  <c r="AD104559" i="1"/>
  <c r="AD104560" i="1"/>
  <c r="AD104561" i="1"/>
  <c r="AD104562" i="1"/>
  <c r="AD104563" i="1"/>
  <c r="AD104564" i="1"/>
  <c r="AD104565" i="1"/>
  <c r="AD104566" i="1"/>
  <c r="AD104567" i="1"/>
  <c r="AD104568" i="1"/>
  <c r="AD104569" i="1"/>
  <c r="AD104570" i="1"/>
  <c r="AD104571" i="1"/>
  <c r="AD104572" i="1"/>
  <c r="AD104573" i="1"/>
  <c r="AD104574" i="1"/>
  <c r="AD104575" i="1"/>
  <c r="AD104576" i="1"/>
  <c r="AD104577" i="1"/>
  <c r="AD104578" i="1"/>
  <c r="AD104579" i="1"/>
  <c r="AD104580" i="1"/>
  <c r="AD104581" i="1"/>
  <c r="AD104582" i="1"/>
  <c r="AD104583" i="1"/>
  <c r="AD104584" i="1"/>
  <c r="AD104585" i="1"/>
  <c r="AD104586" i="1"/>
  <c r="AD104587" i="1"/>
  <c r="AD104588" i="1"/>
  <c r="AD104589" i="1"/>
  <c r="AD104590" i="1"/>
  <c r="AD104591" i="1"/>
  <c r="AD104592" i="1"/>
  <c r="AD104593" i="1"/>
  <c r="AD104594" i="1"/>
  <c r="AD104595" i="1"/>
  <c r="AD104596" i="1"/>
  <c r="AD104597" i="1"/>
  <c r="AD104598" i="1"/>
  <c r="AD104599" i="1"/>
  <c r="AD104600" i="1"/>
  <c r="AD104601" i="1"/>
  <c r="AD104602" i="1"/>
  <c r="AD104603" i="1"/>
  <c r="AD104604" i="1"/>
  <c r="AD104605" i="1"/>
  <c r="AD104606" i="1"/>
  <c r="AD104607" i="1"/>
  <c r="AD104608" i="1"/>
  <c r="AD104609" i="1"/>
  <c r="AD104610" i="1"/>
  <c r="AD104611" i="1"/>
  <c r="AD104612" i="1"/>
  <c r="AD104613" i="1"/>
  <c r="AD104614" i="1"/>
  <c r="AD104615" i="1"/>
  <c r="AD104616" i="1"/>
  <c r="AD104617" i="1"/>
  <c r="AD104618" i="1"/>
  <c r="AD104619" i="1"/>
  <c r="AD104620" i="1"/>
  <c r="AD104621" i="1"/>
  <c r="AD104622" i="1"/>
  <c r="AD104623" i="1"/>
  <c r="AD104624" i="1"/>
  <c r="AD104625" i="1"/>
  <c r="AD104626" i="1"/>
  <c r="AD104627" i="1"/>
  <c r="AD104628" i="1"/>
  <c r="AD104629" i="1"/>
  <c r="AD104630" i="1"/>
  <c r="AD104631" i="1"/>
  <c r="AD104632" i="1"/>
  <c r="AD104633" i="1"/>
  <c r="AD104634" i="1"/>
  <c r="AD104635" i="1"/>
  <c r="AD104636" i="1"/>
  <c r="AD104637" i="1"/>
  <c r="AD104638" i="1"/>
  <c r="AD104639" i="1"/>
  <c r="AD104640" i="1"/>
  <c r="AD104641" i="1"/>
  <c r="AD104642" i="1"/>
  <c r="AD104643" i="1"/>
  <c r="AD104644" i="1"/>
  <c r="AD104645" i="1"/>
  <c r="AD104646" i="1"/>
  <c r="AD104647" i="1"/>
  <c r="AD104648" i="1"/>
  <c r="AD104649" i="1"/>
  <c r="AD104650" i="1"/>
  <c r="AD104651" i="1"/>
  <c r="AD104652" i="1"/>
  <c r="AD104653" i="1"/>
  <c r="AD104654" i="1"/>
  <c r="AD104655" i="1"/>
  <c r="AD104656" i="1"/>
  <c r="AD104657" i="1"/>
  <c r="AD104658" i="1"/>
  <c r="AD104659" i="1"/>
  <c r="AD104660" i="1"/>
  <c r="AD104661" i="1"/>
  <c r="AD104662" i="1"/>
  <c r="AD104663" i="1"/>
  <c r="AD104664" i="1"/>
  <c r="AD104665" i="1"/>
  <c r="AD104666" i="1"/>
  <c r="AD104667" i="1"/>
  <c r="AD104668" i="1"/>
  <c r="AD104669" i="1"/>
  <c r="AD104670" i="1"/>
  <c r="AD104671" i="1"/>
  <c r="AD104672" i="1"/>
  <c r="AD104673" i="1"/>
  <c r="AD104674" i="1"/>
  <c r="AD104675" i="1"/>
  <c r="AD104676" i="1"/>
  <c r="AD104677" i="1"/>
  <c r="AD104678" i="1"/>
  <c r="AD104679" i="1"/>
  <c r="AD104680" i="1"/>
  <c r="AD104681" i="1"/>
  <c r="AD104682" i="1"/>
  <c r="AD104683" i="1"/>
  <c r="AD104684" i="1"/>
  <c r="AD104685" i="1"/>
  <c r="AD104686" i="1"/>
  <c r="AD104687" i="1"/>
  <c r="AD104688" i="1"/>
  <c r="AD104689" i="1"/>
  <c r="AD104690" i="1"/>
  <c r="AD104691" i="1"/>
  <c r="AD104692" i="1"/>
  <c r="AD104693" i="1"/>
  <c r="AD104694" i="1"/>
  <c r="AD104695" i="1"/>
  <c r="AD104696" i="1"/>
  <c r="AD104697" i="1"/>
  <c r="AD104698" i="1"/>
  <c r="AD104699" i="1"/>
  <c r="AD104700" i="1"/>
  <c r="AD104701" i="1"/>
  <c r="AD104702" i="1"/>
  <c r="AD104703" i="1"/>
  <c r="AD104704" i="1"/>
  <c r="AD104705" i="1"/>
  <c r="AD104706" i="1"/>
  <c r="AD104707" i="1"/>
  <c r="AD104708" i="1"/>
  <c r="AD104709" i="1"/>
  <c r="AD104710" i="1"/>
  <c r="AD104711" i="1"/>
  <c r="AD104712" i="1"/>
  <c r="AD104713" i="1"/>
  <c r="AD104714" i="1"/>
  <c r="AD104715" i="1"/>
  <c r="AD104716" i="1"/>
  <c r="AD104717" i="1"/>
  <c r="AD104718" i="1"/>
  <c r="AD104719" i="1"/>
  <c r="AD104720" i="1"/>
  <c r="AD104721" i="1"/>
  <c r="AD104722" i="1"/>
  <c r="AD104723" i="1"/>
  <c r="AD104724" i="1"/>
  <c r="AD104725" i="1"/>
  <c r="AD104726" i="1"/>
  <c r="AD104727" i="1"/>
  <c r="AD104728" i="1"/>
  <c r="AD104729" i="1"/>
  <c r="AD104730" i="1"/>
  <c r="AD104731" i="1"/>
  <c r="AD104732" i="1"/>
  <c r="AD104733" i="1"/>
  <c r="AD104734" i="1"/>
  <c r="AD104735" i="1"/>
  <c r="AD104736" i="1"/>
  <c r="AD104737" i="1"/>
  <c r="AD104738" i="1"/>
  <c r="AD104739" i="1"/>
  <c r="AD104740" i="1"/>
  <c r="AD104741" i="1"/>
  <c r="AD104742" i="1"/>
  <c r="AD104743" i="1"/>
  <c r="AD104744" i="1"/>
  <c r="AD104745" i="1"/>
  <c r="AD104746" i="1"/>
  <c r="AD104747" i="1"/>
  <c r="AD104748" i="1"/>
  <c r="AD104749" i="1"/>
  <c r="AD104750" i="1"/>
  <c r="AD104751" i="1"/>
  <c r="AD104752" i="1"/>
  <c r="AD104753" i="1"/>
  <c r="AD104754" i="1"/>
  <c r="AD104755" i="1"/>
  <c r="AD104756" i="1"/>
  <c r="AD104757" i="1"/>
  <c r="AD104758" i="1"/>
  <c r="AD104759" i="1"/>
  <c r="AD104760" i="1"/>
  <c r="AD104761" i="1"/>
  <c r="AD104762" i="1"/>
  <c r="AD104763" i="1"/>
  <c r="AD104764" i="1"/>
  <c r="AD104765" i="1"/>
  <c r="AD104766" i="1"/>
  <c r="AD104767" i="1"/>
  <c r="AD104768" i="1"/>
  <c r="AD104769" i="1"/>
  <c r="AD104770" i="1"/>
  <c r="AD104771" i="1"/>
  <c r="AD104772" i="1"/>
  <c r="AD104773" i="1"/>
  <c r="AD104774" i="1"/>
  <c r="AD104775" i="1"/>
  <c r="AD104776" i="1"/>
  <c r="AD104777" i="1"/>
  <c r="AD104778" i="1"/>
  <c r="AD104779" i="1"/>
  <c r="AD104780" i="1"/>
  <c r="AD104781" i="1"/>
  <c r="AD104782" i="1"/>
  <c r="AD104783" i="1"/>
  <c r="AD104784" i="1"/>
  <c r="AD104785" i="1"/>
  <c r="AD104786" i="1"/>
  <c r="AD104787" i="1"/>
  <c r="AD104788" i="1"/>
  <c r="AD104789" i="1"/>
  <c r="AD104790" i="1"/>
  <c r="AD104791" i="1"/>
  <c r="AD104792" i="1"/>
  <c r="AD104793" i="1"/>
  <c r="AD104794" i="1"/>
  <c r="AD104795" i="1"/>
  <c r="AD104796" i="1"/>
  <c r="AD104797" i="1"/>
  <c r="AD104798" i="1"/>
  <c r="AD104799" i="1"/>
  <c r="AD104800" i="1"/>
  <c r="AD104801" i="1"/>
  <c r="AD104802" i="1"/>
  <c r="AD104803" i="1"/>
  <c r="AD104804" i="1"/>
  <c r="AD104805" i="1"/>
  <c r="AD104806" i="1"/>
  <c r="AD104807" i="1"/>
  <c r="AD104808" i="1"/>
  <c r="AD104809" i="1"/>
  <c r="AD104810" i="1"/>
  <c r="AD104811" i="1"/>
  <c r="AD104812" i="1"/>
  <c r="AD104813" i="1"/>
  <c r="AD104814" i="1"/>
  <c r="AD104815" i="1"/>
  <c r="AD104816" i="1"/>
  <c r="AD104817" i="1"/>
  <c r="AD104818" i="1"/>
  <c r="AD104819" i="1"/>
  <c r="AD104820" i="1"/>
  <c r="AD104821" i="1"/>
  <c r="AD104822" i="1"/>
  <c r="AD104823" i="1"/>
  <c r="AD104824" i="1"/>
  <c r="AD104825" i="1"/>
  <c r="AD104826" i="1"/>
  <c r="AD104827" i="1"/>
  <c r="AD104828" i="1"/>
  <c r="AD104829" i="1"/>
  <c r="AD104830" i="1"/>
  <c r="AD104831" i="1"/>
  <c r="AD104832" i="1"/>
  <c r="AD104833" i="1"/>
  <c r="AD104834" i="1"/>
  <c r="AD104835" i="1"/>
  <c r="AD104836" i="1"/>
  <c r="AD104837" i="1"/>
  <c r="AD104838" i="1"/>
  <c r="AD104839" i="1"/>
  <c r="AD104840" i="1"/>
  <c r="AD104841" i="1"/>
  <c r="AD104842" i="1"/>
  <c r="AD104843" i="1"/>
  <c r="AD104844" i="1"/>
  <c r="AD104845" i="1"/>
  <c r="AD104846" i="1"/>
  <c r="AD104847" i="1"/>
  <c r="AD104848" i="1"/>
  <c r="AD104849" i="1"/>
  <c r="AD104850" i="1"/>
  <c r="AD104851" i="1"/>
  <c r="AD104852" i="1"/>
  <c r="AD104853" i="1"/>
  <c r="AD104854" i="1"/>
  <c r="AD104855" i="1"/>
  <c r="AD104856" i="1"/>
  <c r="AD104857" i="1"/>
  <c r="AD104858" i="1"/>
  <c r="AD104859" i="1"/>
  <c r="AD104860" i="1"/>
  <c r="AD104861" i="1"/>
  <c r="AD104862" i="1"/>
  <c r="AD104863" i="1"/>
  <c r="AD104864" i="1"/>
  <c r="AD104865" i="1"/>
  <c r="AD104866" i="1"/>
  <c r="AD104867" i="1"/>
  <c r="AD104868" i="1"/>
  <c r="AD104869" i="1"/>
  <c r="AD104870" i="1"/>
  <c r="AD104871" i="1"/>
  <c r="AD104872" i="1"/>
  <c r="AD104873" i="1"/>
  <c r="AD104874" i="1"/>
  <c r="AD104875" i="1"/>
  <c r="AD104876" i="1"/>
  <c r="AD104877" i="1"/>
  <c r="AD104878" i="1"/>
  <c r="AD104879" i="1"/>
  <c r="AD104880" i="1"/>
  <c r="AD104881" i="1"/>
  <c r="AD104882" i="1"/>
  <c r="AD104883" i="1"/>
  <c r="AD104884" i="1"/>
  <c r="AD104885" i="1"/>
  <c r="AD104886" i="1"/>
  <c r="AD104887" i="1"/>
  <c r="AD104888" i="1"/>
  <c r="AD104889" i="1"/>
  <c r="AD104890" i="1"/>
  <c r="AD104891" i="1"/>
  <c r="AD104892" i="1"/>
  <c r="AD104893" i="1"/>
  <c r="AD104894" i="1"/>
  <c r="AD104895" i="1"/>
  <c r="AD104896" i="1"/>
  <c r="AD104897" i="1"/>
  <c r="AD104898" i="1"/>
  <c r="AD104899" i="1"/>
  <c r="AD104900" i="1"/>
  <c r="AD104901" i="1"/>
  <c r="AD104902" i="1"/>
  <c r="AD104903" i="1"/>
  <c r="AD104904" i="1"/>
  <c r="AD104905" i="1"/>
  <c r="AD104906" i="1"/>
  <c r="AD104907" i="1"/>
  <c r="AD104908" i="1"/>
  <c r="AD104909" i="1"/>
  <c r="AD104910" i="1"/>
  <c r="AD104911" i="1"/>
  <c r="AD104912" i="1"/>
  <c r="AD104913" i="1"/>
  <c r="AD104914" i="1"/>
  <c r="AD104915" i="1"/>
  <c r="AD104916" i="1"/>
  <c r="AD104917" i="1"/>
  <c r="AD104918" i="1"/>
  <c r="AD104919" i="1"/>
  <c r="AD104920" i="1"/>
  <c r="AD104921" i="1"/>
  <c r="AD104922" i="1"/>
  <c r="AD104923" i="1"/>
  <c r="AD104924" i="1"/>
  <c r="AD104925" i="1"/>
  <c r="AD104926" i="1"/>
  <c r="AD104927" i="1"/>
  <c r="AD104928" i="1"/>
  <c r="AD104929" i="1"/>
  <c r="AD104930" i="1"/>
  <c r="AD104931" i="1"/>
  <c r="AD104932" i="1"/>
  <c r="AD104933" i="1"/>
  <c r="AD104934" i="1"/>
  <c r="AD104935" i="1"/>
  <c r="AD104936" i="1"/>
  <c r="AD104937" i="1"/>
  <c r="AD104938" i="1"/>
  <c r="AD104939" i="1"/>
  <c r="AD104940" i="1"/>
  <c r="AD104941" i="1"/>
  <c r="AD104942" i="1"/>
  <c r="AD104943" i="1"/>
  <c r="AD104944" i="1"/>
  <c r="AD104945" i="1"/>
  <c r="AD104946" i="1"/>
  <c r="AD104947" i="1"/>
  <c r="AD104948" i="1"/>
  <c r="AD104949" i="1"/>
  <c r="AD104950" i="1"/>
  <c r="AD104951" i="1"/>
  <c r="AD104952" i="1"/>
  <c r="AD104953" i="1"/>
  <c r="AD104954" i="1"/>
  <c r="AD104955" i="1"/>
  <c r="AD104956" i="1"/>
  <c r="AD104957" i="1"/>
  <c r="AD104958" i="1"/>
  <c r="AD104959" i="1"/>
  <c r="AD104960" i="1"/>
  <c r="AD104961" i="1"/>
  <c r="AD104962" i="1"/>
  <c r="AD104963" i="1"/>
  <c r="AD104964" i="1"/>
  <c r="AD104965" i="1"/>
  <c r="AD104966" i="1"/>
  <c r="AD104967" i="1"/>
  <c r="AD104968" i="1"/>
  <c r="AD104969" i="1"/>
  <c r="AD104970" i="1"/>
  <c r="AD104971" i="1"/>
  <c r="AD104972" i="1"/>
  <c r="AD104973" i="1"/>
  <c r="AD104974" i="1"/>
  <c r="AD104975" i="1"/>
  <c r="AD104976" i="1"/>
  <c r="AD104977" i="1"/>
  <c r="AD104978" i="1"/>
  <c r="AD104979" i="1"/>
  <c r="AD104980" i="1"/>
  <c r="AD104981" i="1"/>
  <c r="AD104982" i="1"/>
  <c r="AD104983" i="1"/>
  <c r="AD104984" i="1"/>
  <c r="AD104985" i="1"/>
  <c r="AD104986" i="1"/>
  <c r="AD104987" i="1"/>
  <c r="AD104988" i="1"/>
  <c r="AD104989" i="1"/>
  <c r="AD104990" i="1"/>
  <c r="AD104991" i="1"/>
  <c r="AD104992" i="1"/>
  <c r="AD104993" i="1"/>
  <c r="AD104994" i="1"/>
  <c r="AD104995" i="1"/>
  <c r="AD104996" i="1"/>
  <c r="AD104997" i="1"/>
  <c r="AD104998" i="1"/>
  <c r="AD104999" i="1"/>
  <c r="AD105000" i="1"/>
  <c r="AD105001" i="1"/>
  <c r="AD105002" i="1"/>
  <c r="AD105003" i="1"/>
  <c r="AD105004" i="1"/>
  <c r="AD105005" i="1"/>
  <c r="AD105006" i="1"/>
  <c r="AD105007" i="1"/>
  <c r="AD105008" i="1"/>
  <c r="AD105009" i="1"/>
  <c r="AD105010" i="1"/>
  <c r="AD105011" i="1"/>
  <c r="AD105012" i="1"/>
  <c r="AD105013" i="1"/>
  <c r="AD105014" i="1"/>
  <c r="AD105015" i="1"/>
  <c r="AD105016" i="1"/>
  <c r="AD105017" i="1"/>
  <c r="AD105018" i="1"/>
  <c r="AD105019" i="1"/>
  <c r="AD105020" i="1"/>
  <c r="AD105021" i="1"/>
  <c r="AD105022" i="1"/>
  <c r="AD105023" i="1"/>
  <c r="AD105024" i="1"/>
  <c r="AD105025" i="1"/>
  <c r="AD105026" i="1"/>
  <c r="AD105027" i="1"/>
  <c r="AD105028" i="1"/>
  <c r="AD105029" i="1"/>
  <c r="AD105030" i="1"/>
  <c r="AD105031" i="1"/>
  <c r="AD105032" i="1"/>
  <c r="AD105033" i="1"/>
  <c r="AD105034" i="1"/>
  <c r="AD105035" i="1"/>
  <c r="AD105036" i="1"/>
  <c r="AD105037" i="1"/>
  <c r="AD105038" i="1"/>
  <c r="AD105039" i="1"/>
  <c r="AD105040" i="1"/>
  <c r="AD105041" i="1"/>
  <c r="AD105042" i="1"/>
  <c r="AD105043" i="1"/>
  <c r="AD105044" i="1"/>
  <c r="AD105045" i="1"/>
  <c r="AD105046" i="1"/>
  <c r="AD105047" i="1"/>
  <c r="AD105048" i="1"/>
  <c r="AD105049" i="1"/>
  <c r="AD105050" i="1"/>
  <c r="AD105051" i="1"/>
  <c r="AD105052" i="1"/>
  <c r="AD105053" i="1"/>
  <c r="AD105054" i="1"/>
  <c r="AD105055" i="1"/>
  <c r="AD105056" i="1"/>
  <c r="AD105057" i="1"/>
  <c r="AD105058" i="1"/>
  <c r="AD105059" i="1"/>
  <c r="AD105060" i="1"/>
  <c r="AD105061" i="1"/>
  <c r="AD105062" i="1"/>
  <c r="AD105063" i="1"/>
  <c r="AD105064" i="1"/>
  <c r="AD105065" i="1"/>
  <c r="AD105066" i="1"/>
  <c r="AD105067" i="1"/>
  <c r="AD105068" i="1"/>
  <c r="AD105069" i="1"/>
  <c r="AD105070" i="1"/>
  <c r="AD105071" i="1"/>
  <c r="AD105072" i="1"/>
  <c r="AD105073" i="1"/>
  <c r="AD105074" i="1"/>
  <c r="AD105075" i="1"/>
  <c r="AD105076" i="1"/>
  <c r="AD105077" i="1"/>
  <c r="AD105078" i="1"/>
  <c r="AD105079" i="1"/>
  <c r="AD105080" i="1"/>
  <c r="AD105081" i="1"/>
  <c r="AD105082" i="1"/>
  <c r="AD105083" i="1"/>
  <c r="AD105084" i="1"/>
  <c r="AD105085" i="1"/>
  <c r="AD105086" i="1"/>
  <c r="AD105087" i="1"/>
  <c r="AD105088" i="1"/>
  <c r="AD105089" i="1"/>
  <c r="AD105090" i="1"/>
  <c r="AD105091" i="1"/>
  <c r="AD105092" i="1"/>
  <c r="AD105093" i="1"/>
  <c r="AD105094" i="1"/>
  <c r="AD105095" i="1"/>
  <c r="AD105096" i="1"/>
  <c r="AD105097" i="1"/>
  <c r="AD105098" i="1"/>
  <c r="AD105099" i="1"/>
  <c r="AD105100" i="1"/>
  <c r="AD105101" i="1"/>
  <c r="AD105102" i="1"/>
  <c r="AD105103" i="1"/>
  <c r="AD105104" i="1"/>
  <c r="AD105105" i="1"/>
  <c r="AD105106" i="1"/>
  <c r="AD105107" i="1"/>
  <c r="AD105108" i="1"/>
  <c r="AD105109" i="1"/>
  <c r="AD105110" i="1"/>
  <c r="AD105111" i="1"/>
  <c r="AD105112" i="1"/>
  <c r="AD105113" i="1"/>
  <c r="AD105114" i="1"/>
  <c r="AD105115" i="1"/>
  <c r="AD105116" i="1"/>
  <c r="AD105117" i="1"/>
  <c r="AD105118" i="1"/>
  <c r="AD105119" i="1"/>
  <c r="AD105120" i="1"/>
  <c r="AD105121" i="1"/>
  <c r="AD105122" i="1"/>
  <c r="AD105123" i="1"/>
  <c r="AD105124" i="1"/>
  <c r="AD105125" i="1"/>
  <c r="AD105126" i="1"/>
  <c r="AD105127" i="1"/>
  <c r="AD105128" i="1"/>
  <c r="AD105129" i="1"/>
  <c r="AD105130" i="1"/>
  <c r="AD105131" i="1"/>
  <c r="AD105132" i="1"/>
  <c r="AD105133" i="1"/>
  <c r="AD105134" i="1"/>
  <c r="AD105135" i="1"/>
  <c r="AD105136" i="1"/>
  <c r="AD105137" i="1"/>
  <c r="AD105138" i="1"/>
  <c r="AD105139" i="1"/>
  <c r="AD105140" i="1"/>
  <c r="AD105141" i="1"/>
  <c r="AD105142" i="1"/>
  <c r="AD105143" i="1"/>
  <c r="AD105144" i="1"/>
  <c r="AD105145" i="1"/>
  <c r="AD105146" i="1"/>
  <c r="AD105147" i="1"/>
  <c r="AD105148" i="1"/>
  <c r="AD105149" i="1"/>
  <c r="AD105150" i="1"/>
  <c r="AD105151" i="1"/>
  <c r="AD105152" i="1"/>
  <c r="AD105153" i="1"/>
  <c r="AD105154" i="1"/>
  <c r="AD105155" i="1"/>
  <c r="AD105156" i="1"/>
  <c r="AD105157" i="1"/>
  <c r="AD105158" i="1"/>
  <c r="AD105159" i="1"/>
  <c r="AD105160" i="1"/>
  <c r="AD105161" i="1"/>
  <c r="AD105162" i="1"/>
  <c r="AD105163" i="1"/>
  <c r="AD105164" i="1"/>
  <c r="AD105165" i="1"/>
  <c r="AD105166" i="1"/>
  <c r="AD105167" i="1"/>
  <c r="AD105168" i="1"/>
  <c r="AD105169" i="1"/>
  <c r="AD105170" i="1"/>
  <c r="AD105171" i="1"/>
  <c r="AD105172" i="1"/>
  <c r="AD105173" i="1"/>
  <c r="AD105174" i="1"/>
  <c r="AD105175" i="1"/>
  <c r="AD105176" i="1"/>
  <c r="AD105177" i="1"/>
  <c r="AD105178" i="1"/>
  <c r="AD105179" i="1"/>
  <c r="AD105180" i="1"/>
  <c r="AD105181" i="1"/>
  <c r="AD105182" i="1"/>
  <c r="AD105183" i="1"/>
  <c r="AD105184" i="1"/>
  <c r="AD105185" i="1"/>
  <c r="AD105186" i="1"/>
  <c r="AD105187" i="1"/>
  <c r="AD105188" i="1"/>
  <c r="AD105189" i="1"/>
  <c r="AD105190" i="1"/>
  <c r="AD105191" i="1"/>
  <c r="AD105192" i="1"/>
  <c r="AD105193" i="1"/>
  <c r="AD105194" i="1"/>
  <c r="AD105195" i="1"/>
  <c r="AD105196" i="1"/>
  <c r="AD105197" i="1"/>
  <c r="AD105198" i="1"/>
  <c r="AD105199" i="1"/>
  <c r="AD105200" i="1"/>
  <c r="AD105201" i="1"/>
  <c r="AD105202" i="1"/>
  <c r="AD105203" i="1"/>
  <c r="AD105204" i="1"/>
  <c r="AD105205" i="1"/>
  <c r="AD105206" i="1"/>
  <c r="AD105207" i="1"/>
  <c r="AD105208" i="1"/>
  <c r="AD105209" i="1"/>
  <c r="AD105210" i="1"/>
  <c r="AD105211" i="1"/>
  <c r="AD105212" i="1"/>
  <c r="AD105213" i="1"/>
  <c r="AD105214" i="1"/>
  <c r="AD105215" i="1"/>
  <c r="AD105216" i="1"/>
  <c r="AD105217" i="1"/>
  <c r="AD105218" i="1"/>
  <c r="AD105219" i="1"/>
  <c r="AD105220" i="1"/>
  <c r="AD105221" i="1"/>
  <c r="AD105222" i="1"/>
  <c r="AD105223" i="1"/>
  <c r="AD105224" i="1"/>
  <c r="AD105225" i="1"/>
  <c r="AD105226" i="1"/>
  <c r="AD105227" i="1"/>
  <c r="AD105228" i="1"/>
  <c r="AD105229" i="1"/>
  <c r="AD105230" i="1"/>
  <c r="AD105231" i="1"/>
  <c r="AD105232" i="1"/>
  <c r="AD105233" i="1"/>
  <c r="AD105234" i="1"/>
  <c r="AD105235" i="1"/>
  <c r="AD105236" i="1"/>
  <c r="AD105237" i="1"/>
  <c r="AD105238" i="1"/>
  <c r="AD105239" i="1"/>
  <c r="AD105240" i="1"/>
  <c r="AD105241" i="1"/>
  <c r="AD105242" i="1"/>
  <c r="AD105243" i="1"/>
  <c r="AD105244" i="1"/>
  <c r="AD105245" i="1"/>
  <c r="AD105246" i="1"/>
  <c r="AD105247" i="1"/>
  <c r="AD105248" i="1"/>
  <c r="AD105249" i="1"/>
  <c r="AD105250" i="1"/>
  <c r="AD105251" i="1"/>
  <c r="AD105252" i="1"/>
  <c r="AD105253" i="1"/>
  <c r="AD105254" i="1"/>
  <c r="AD105255" i="1"/>
  <c r="AD105256" i="1"/>
  <c r="AD105257" i="1"/>
  <c r="AD105258" i="1"/>
  <c r="AD105259" i="1"/>
  <c r="AD105260" i="1"/>
  <c r="AD105261" i="1"/>
  <c r="AD105262" i="1"/>
  <c r="AD105263" i="1"/>
  <c r="AD105264" i="1"/>
  <c r="AD105265" i="1"/>
  <c r="AD105266" i="1"/>
  <c r="AD105267" i="1"/>
  <c r="AD105268" i="1"/>
  <c r="AD105269" i="1"/>
  <c r="AD105270" i="1"/>
  <c r="AD105271" i="1"/>
  <c r="AD105272" i="1"/>
  <c r="AD105273" i="1"/>
  <c r="AD105274" i="1"/>
  <c r="AD105275" i="1"/>
  <c r="AD105276" i="1"/>
  <c r="AD105277" i="1"/>
  <c r="AD105278" i="1"/>
  <c r="AD105279" i="1"/>
  <c r="AD105280" i="1"/>
  <c r="AD105281" i="1"/>
  <c r="AD105282" i="1"/>
  <c r="AD105283" i="1"/>
  <c r="AD105284" i="1"/>
  <c r="AD105285" i="1"/>
  <c r="AD105286" i="1"/>
  <c r="AD105287" i="1"/>
  <c r="AD105288" i="1"/>
  <c r="AD105289" i="1"/>
  <c r="AD105290" i="1"/>
  <c r="AD105291" i="1"/>
  <c r="AD105292" i="1"/>
  <c r="AD105293" i="1"/>
  <c r="AD105294" i="1"/>
  <c r="AD105295" i="1"/>
  <c r="AD105296" i="1"/>
  <c r="AD105297" i="1"/>
  <c r="AD105298" i="1"/>
  <c r="AD105299" i="1"/>
  <c r="AD105300" i="1"/>
  <c r="AD105301" i="1"/>
  <c r="AD105302" i="1"/>
  <c r="AD105303" i="1"/>
  <c r="AD105304" i="1"/>
  <c r="AD105305" i="1"/>
  <c r="AD105306" i="1"/>
  <c r="AD105307" i="1"/>
  <c r="AD105308" i="1"/>
  <c r="AD105309" i="1"/>
  <c r="AD105310" i="1"/>
  <c r="AD105311" i="1"/>
  <c r="AD105312" i="1"/>
  <c r="AD105313" i="1"/>
  <c r="AD105314" i="1"/>
  <c r="AD105315" i="1"/>
  <c r="AD105316" i="1"/>
  <c r="AD105317" i="1"/>
  <c r="AD105318" i="1"/>
  <c r="AD105319" i="1"/>
  <c r="AD105320" i="1"/>
  <c r="AD105321" i="1"/>
  <c r="AD105322" i="1"/>
  <c r="AD105323" i="1"/>
  <c r="AD105324" i="1"/>
  <c r="AD105325" i="1"/>
  <c r="AD105326" i="1"/>
  <c r="AD105327" i="1"/>
  <c r="AD105328" i="1"/>
  <c r="AD105329" i="1"/>
  <c r="AD105330" i="1"/>
  <c r="AD105331" i="1"/>
  <c r="AD105332" i="1"/>
  <c r="AD105333" i="1"/>
  <c r="AD105334" i="1"/>
  <c r="AD105335" i="1"/>
  <c r="AD105336" i="1"/>
  <c r="AD105337" i="1"/>
  <c r="AD105338" i="1"/>
  <c r="AD105339" i="1"/>
  <c r="AD105340" i="1"/>
  <c r="AD105341" i="1"/>
  <c r="AD105342" i="1"/>
  <c r="AD105343" i="1"/>
  <c r="AD105344" i="1"/>
  <c r="AD105345" i="1"/>
  <c r="AD105346" i="1"/>
  <c r="AD105347" i="1"/>
  <c r="AD105348" i="1"/>
  <c r="AD105349" i="1"/>
  <c r="AD105350" i="1"/>
  <c r="AD105351" i="1"/>
  <c r="AD105352" i="1"/>
  <c r="AD105353" i="1"/>
  <c r="AD105354" i="1"/>
  <c r="AD105355" i="1"/>
  <c r="AD105356" i="1"/>
  <c r="AD105357" i="1"/>
  <c r="AD105358" i="1"/>
  <c r="AD105359" i="1"/>
  <c r="AD105360" i="1"/>
  <c r="AD105361" i="1"/>
  <c r="AD105362" i="1"/>
  <c r="AD105363" i="1"/>
  <c r="AD105364" i="1"/>
  <c r="AD105365" i="1"/>
  <c r="AD105366" i="1"/>
  <c r="AD105367" i="1"/>
  <c r="AD105368" i="1"/>
  <c r="AD105369" i="1"/>
  <c r="AD105370" i="1"/>
  <c r="AD105371" i="1"/>
  <c r="AD105372" i="1"/>
  <c r="AD105373" i="1"/>
  <c r="AD105374" i="1"/>
  <c r="AD105375" i="1"/>
  <c r="AD105376" i="1"/>
  <c r="AD105377" i="1"/>
  <c r="AD105378" i="1"/>
  <c r="AD105379" i="1"/>
  <c r="AD105380" i="1"/>
  <c r="AD105381" i="1"/>
  <c r="AD105382" i="1"/>
  <c r="AD105383" i="1"/>
  <c r="AD105384" i="1"/>
  <c r="AD105385" i="1"/>
  <c r="AD105386" i="1"/>
  <c r="AD105387" i="1"/>
  <c r="AD105388" i="1"/>
  <c r="AD105389" i="1"/>
  <c r="AD105390" i="1"/>
  <c r="AD105391" i="1"/>
  <c r="AD105392" i="1"/>
  <c r="AD105393" i="1"/>
  <c r="AD105394" i="1"/>
  <c r="AD105395" i="1"/>
  <c r="AD105396" i="1"/>
  <c r="AD105397" i="1"/>
  <c r="AD105398" i="1"/>
  <c r="AD105399" i="1"/>
  <c r="AD105400" i="1"/>
  <c r="AD105401" i="1"/>
  <c r="AD105402" i="1"/>
  <c r="AD105403" i="1"/>
  <c r="AD105404" i="1"/>
  <c r="AD105405" i="1"/>
  <c r="AD105406" i="1"/>
  <c r="AD105407" i="1"/>
  <c r="AD105408" i="1"/>
  <c r="AD105409" i="1"/>
  <c r="AD105410" i="1"/>
  <c r="AD105411" i="1"/>
  <c r="AD105412" i="1"/>
  <c r="AD105413" i="1"/>
  <c r="AD105414" i="1"/>
  <c r="AD105415" i="1"/>
  <c r="AD105416" i="1"/>
  <c r="AD105417" i="1"/>
  <c r="AD105418" i="1"/>
  <c r="AD105419" i="1"/>
  <c r="AD105420" i="1"/>
  <c r="AD105421" i="1"/>
  <c r="AD105422" i="1"/>
  <c r="AD105423" i="1"/>
  <c r="AD105424" i="1"/>
  <c r="AD105425" i="1"/>
  <c r="AD105426" i="1"/>
  <c r="AD105427" i="1"/>
  <c r="AD105428" i="1"/>
  <c r="AD105429" i="1"/>
  <c r="AD105430" i="1"/>
  <c r="AD105431" i="1"/>
  <c r="AD105432" i="1"/>
  <c r="AD105433" i="1"/>
  <c r="AD105434" i="1"/>
  <c r="AD105435" i="1"/>
  <c r="AD105436" i="1"/>
  <c r="AD105437" i="1"/>
  <c r="AD105438" i="1"/>
  <c r="AD105439" i="1"/>
  <c r="AD105440" i="1"/>
  <c r="AD105441" i="1"/>
  <c r="AD105442" i="1"/>
  <c r="AD105443" i="1"/>
  <c r="AD105444" i="1"/>
  <c r="AD105445" i="1"/>
  <c r="AD105446" i="1"/>
  <c r="AD105447" i="1"/>
  <c r="AD105448" i="1"/>
  <c r="AD105449" i="1"/>
  <c r="AD105450" i="1"/>
  <c r="AD105451" i="1"/>
  <c r="AD105452" i="1"/>
  <c r="AD105453" i="1"/>
  <c r="AD105454" i="1"/>
  <c r="AD105455" i="1"/>
  <c r="AD105456" i="1"/>
  <c r="AD105457" i="1"/>
  <c r="AD105458" i="1"/>
  <c r="AD105459" i="1"/>
  <c r="AD105460" i="1"/>
  <c r="AD105461" i="1"/>
  <c r="AD105462" i="1"/>
  <c r="AD105463" i="1"/>
  <c r="AD105464" i="1"/>
  <c r="AD105465" i="1"/>
  <c r="AD105466" i="1"/>
  <c r="AD105467" i="1"/>
  <c r="AD105468" i="1"/>
  <c r="AD105469" i="1"/>
  <c r="AD105470" i="1"/>
  <c r="AD105471" i="1"/>
  <c r="AD105472" i="1"/>
  <c r="AD105473" i="1"/>
  <c r="AD105474" i="1"/>
  <c r="AD105475" i="1"/>
  <c r="AD105476" i="1"/>
  <c r="AD105477" i="1"/>
  <c r="AD105478" i="1"/>
  <c r="AD105479" i="1"/>
  <c r="AD105480" i="1"/>
  <c r="AD105481" i="1"/>
  <c r="AD105482" i="1"/>
  <c r="AD105483" i="1"/>
  <c r="AD105484" i="1"/>
  <c r="AD105485" i="1"/>
  <c r="AD105486" i="1"/>
  <c r="AD105487" i="1"/>
  <c r="AD105488" i="1"/>
  <c r="AD105489" i="1"/>
  <c r="AD105490" i="1"/>
  <c r="AD105491" i="1"/>
  <c r="AD105492" i="1"/>
  <c r="AD105493" i="1"/>
  <c r="AD105494" i="1"/>
  <c r="AD105495" i="1"/>
  <c r="AD105496" i="1"/>
  <c r="AD105497" i="1"/>
  <c r="AD105498" i="1"/>
  <c r="AD105499" i="1"/>
  <c r="AD105500" i="1"/>
  <c r="AD105501" i="1"/>
  <c r="AD105502" i="1"/>
  <c r="AD105503" i="1"/>
  <c r="AD105504" i="1"/>
  <c r="AD105505" i="1"/>
  <c r="AD105506" i="1"/>
  <c r="AD105507" i="1"/>
  <c r="AD105508" i="1"/>
  <c r="AD105509" i="1"/>
  <c r="AD105510" i="1"/>
  <c r="AD105511" i="1"/>
  <c r="AD105512" i="1"/>
  <c r="AD105513" i="1"/>
  <c r="AD105514" i="1"/>
  <c r="AD105515" i="1"/>
  <c r="AD105516" i="1"/>
  <c r="AD105517" i="1"/>
  <c r="AD105518" i="1"/>
  <c r="AD105519" i="1"/>
  <c r="AD105520" i="1"/>
  <c r="AD105521" i="1"/>
  <c r="AD105522" i="1"/>
  <c r="AD105523" i="1"/>
  <c r="AD105524" i="1"/>
  <c r="AD105525" i="1"/>
  <c r="AD105526" i="1"/>
  <c r="AD105527" i="1"/>
  <c r="AD105528" i="1"/>
  <c r="AD105529" i="1"/>
  <c r="AD105530" i="1"/>
  <c r="AD105531" i="1"/>
  <c r="AD105532" i="1"/>
  <c r="AD105533" i="1"/>
  <c r="AD105534" i="1"/>
  <c r="AD105535" i="1"/>
  <c r="AD105536" i="1"/>
  <c r="AD105537" i="1"/>
  <c r="AD105538" i="1"/>
  <c r="AD105539" i="1"/>
  <c r="AD105540" i="1"/>
  <c r="AD105541" i="1"/>
  <c r="AD105542" i="1"/>
  <c r="AD105543" i="1"/>
  <c r="AD105544" i="1"/>
  <c r="AD105545" i="1"/>
  <c r="AD105546" i="1"/>
  <c r="AD105547" i="1"/>
  <c r="AD105548" i="1"/>
  <c r="AD105549" i="1"/>
  <c r="AD105550" i="1"/>
  <c r="AD105551" i="1"/>
  <c r="AD105552" i="1"/>
  <c r="AD105553" i="1"/>
  <c r="AD105554" i="1"/>
  <c r="AD105555" i="1"/>
  <c r="AD105556" i="1"/>
  <c r="AD105557" i="1"/>
  <c r="AD105558" i="1"/>
  <c r="AD105559" i="1"/>
  <c r="AD105560" i="1"/>
  <c r="AD105561" i="1"/>
  <c r="AD105562" i="1"/>
  <c r="AD105563" i="1"/>
  <c r="AD105564" i="1"/>
  <c r="AD105565" i="1"/>
  <c r="AD105566" i="1"/>
  <c r="AD105567" i="1"/>
  <c r="AD105568" i="1"/>
  <c r="AD105569" i="1"/>
  <c r="AD105570" i="1"/>
  <c r="AD105571" i="1"/>
  <c r="AD105572" i="1"/>
  <c r="AD105573" i="1"/>
  <c r="AD105574" i="1"/>
  <c r="AD105575" i="1"/>
  <c r="AD105576" i="1"/>
  <c r="AD105577" i="1"/>
  <c r="AD105578" i="1"/>
  <c r="AD105579" i="1"/>
  <c r="AD105580" i="1"/>
  <c r="AD105581" i="1"/>
  <c r="AD105582" i="1"/>
  <c r="AD105583" i="1"/>
  <c r="AD105584" i="1"/>
  <c r="AD105585" i="1"/>
  <c r="AD105586" i="1"/>
  <c r="AD105587" i="1"/>
  <c r="AD105588" i="1"/>
  <c r="AD105589" i="1"/>
  <c r="AD105590" i="1"/>
  <c r="AD105591" i="1"/>
  <c r="AD105592" i="1"/>
  <c r="AD105593" i="1"/>
  <c r="AD105594" i="1"/>
  <c r="AD105595" i="1"/>
  <c r="AD105596" i="1"/>
  <c r="AD105597" i="1"/>
  <c r="AD105598" i="1"/>
  <c r="AD105599" i="1"/>
  <c r="AD105600" i="1"/>
  <c r="AD105601" i="1"/>
  <c r="AD105602" i="1"/>
  <c r="AD105603" i="1"/>
  <c r="AD105604" i="1"/>
  <c r="AD105605" i="1"/>
  <c r="AD105606" i="1"/>
  <c r="AD105607" i="1"/>
  <c r="AD105608" i="1"/>
  <c r="AD105609" i="1"/>
  <c r="AD105610" i="1"/>
  <c r="AD105611" i="1"/>
  <c r="AD105612" i="1"/>
  <c r="AD105613" i="1"/>
  <c r="AD105614" i="1"/>
  <c r="AD105615" i="1"/>
  <c r="AD105616" i="1"/>
  <c r="AD105617" i="1"/>
  <c r="AD105618" i="1"/>
  <c r="AD105619" i="1"/>
  <c r="AD105620" i="1"/>
  <c r="AD105621" i="1"/>
  <c r="AD105622" i="1"/>
  <c r="AD105623" i="1"/>
  <c r="AD105624" i="1"/>
  <c r="AD105625" i="1"/>
  <c r="AD105626" i="1"/>
  <c r="AD105627" i="1"/>
  <c r="AD105628" i="1"/>
  <c r="AD105629" i="1"/>
  <c r="AD105630" i="1"/>
  <c r="AD105631" i="1"/>
  <c r="AD105632" i="1"/>
  <c r="AD105633" i="1"/>
  <c r="AD105634" i="1"/>
  <c r="AD105635" i="1"/>
  <c r="AD105636" i="1"/>
  <c r="AD105637" i="1"/>
  <c r="AD105638" i="1"/>
  <c r="AD105639" i="1"/>
  <c r="AD105640" i="1"/>
  <c r="AD105641" i="1"/>
  <c r="AD105642" i="1"/>
  <c r="AD105643" i="1"/>
  <c r="AD105644" i="1"/>
  <c r="AD105645" i="1"/>
  <c r="AD105646" i="1"/>
  <c r="AD105647" i="1"/>
  <c r="AD105648" i="1"/>
  <c r="AD105649" i="1"/>
  <c r="AD105650" i="1"/>
  <c r="AD105651" i="1"/>
  <c r="AD105652" i="1"/>
  <c r="AD105653" i="1"/>
  <c r="AD105654" i="1"/>
  <c r="AD105655" i="1"/>
  <c r="AD105656" i="1"/>
  <c r="AD105657" i="1"/>
  <c r="AD105658" i="1"/>
  <c r="AD105659" i="1"/>
  <c r="AD105660" i="1"/>
  <c r="AD105661" i="1"/>
  <c r="AD105662" i="1"/>
  <c r="AD105663" i="1"/>
  <c r="AD105664" i="1"/>
  <c r="AD105665" i="1"/>
  <c r="AD105666" i="1"/>
  <c r="AD105667" i="1"/>
  <c r="AD105668" i="1"/>
  <c r="AD105669" i="1"/>
  <c r="AD105670" i="1"/>
  <c r="AD105671" i="1"/>
  <c r="AD105672" i="1"/>
  <c r="AD105673" i="1"/>
  <c r="AD105674" i="1"/>
  <c r="AD105675" i="1"/>
  <c r="AD105676" i="1"/>
  <c r="AD105677" i="1"/>
  <c r="AD105678" i="1"/>
  <c r="AD105679" i="1"/>
  <c r="AD105680" i="1"/>
  <c r="AD105681" i="1"/>
  <c r="AD105682" i="1"/>
  <c r="AD105683" i="1"/>
  <c r="AD105684" i="1"/>
  <c r="AD105685" i="1"/>
  <c r="AD105686" i="1"/>
  <c r="AD105687" i="1"/>
  <c r="AD105688" i="1"/>
  <c r="AD105689" i="1"/>
  <c r="AD105690" i="1"/>
  <c r="AD105691" i="1"/>
  <c r="AD105692" i="1"/>
  <c r="AD105693" i="1"/>
  <c r="AD105694" i="1"/>
  <c r="AD105695" i="1"/>
  <c r="AD105696" i="1"/>
  <c r="AD105697" i="1"/>
  <c r="AD105698" i="1"/>
  <c r="AD105699" i="1"/>
  <c r="AD105700" i="1"/>
  <c r="AD105701" i="1"/>
  <c r="AD105702" i="1"/>
  <c r="AD105703" i="1"/>
  <c r="AD105704" i="1"/>
  <c r="AD105705" i="1"/>
  <c r="AD105706" i="1"/>
  <c r="AD105707" i="1"/>
  <c r="AD105708" i="1"/>
  <c r="AD105709" i="1"/>
  <c r="AD105710" i="1"/>
  <c r="AD105711" i="1"/>
  <c r="AD105712" i="1"/>
  <c r="AD105713" i="1"/>
  <c r="AD105714" i="1"/>
  <c r="AD105715" i="1"/>
  <c r="AD105716" i="1"/>
  <c r="AD105717" i="1"/>
  <c r="AD105718" i="1"/>
  <c r="AD105719" i="1"/>
  <c r="AD105720" i="1"/>
  <c r="AD105721" i="1"/>
  <c r="AD105722" i="1"/>
  <c r="AD105723" i="1"/>
  <c r="AD105724" i="1"/>
  <c r="AD105725" i="1"/>
  <c r="AD105726" i="1"/>
  <c r="AD105727" i="1"/>
  <c r="AD105728" i="1"/>
  <c r="AD105729" i="1"/>
  <c r="AD105730" i="1"/>
  <c r="AD105731" i="1"/>
  <c r="AD105732" i="1"/>
  <c r="AD105733" i="1"/>
  <c r="AD105734" i="1"/>
  <c r="AD105735" i="1"/>
  <c r="AD105736" i="1"/>
  <c r="AD105737" i="1"/>
  <c r="AD105738" i="1"/>
  <c r="AD105739" i="1"/>
  <c r="AD105740" i="1"/>
  <c r="AD105741" i="1"/>
  <c r="AD105742" i="1"/>
  <c r="AD105743" i="1"/>
  <c r="AD105744" i="1"/>
  <c r="AD105745" i="1"/>
  <c r="AD105746" i="1"/>
  <c r="AD105747" i="1"/>
  <c r="AD105748" i="1"/>
  <c r="AD105749" i="1"/>
  <c r="AD105750" i="1"/>
  <c r="AD105751" i="1"/>
  <c r="AD105752" i="1"/>
  <c r="AD105753" i="1"/>
  <c r="AD105754" i="1"/>
  <c r="AD105755" i="1"/>
  <c r="AD105756" i="1"/>
  <c r="AD105757" i="1"/>
  <c r="AD105758" i="1"/>
  <c r="AD105759" i="1"/>
  <c r="AD105760" i="1"/>
  <c r="AD105761" i="1"/>
  <c r="AD105762" i="1"/>
  <c r="AD105763" i="1"/>
  <c r="AD105764" i="1"/>
  <c r="AD105765" i="1"/>
  <c r="AD105766" i="1"/>
  <c r="AD105767" i="1"/>
  <c r="AD105768" i="1"/>
  <c r="AD105769" i="1"/>
  <c r="AD105770" i="1"/>
  <c r="AD105771" i="1"/>
  <c r="AD105772" i="1"/>
  <c r="AD105773" i="1"/>
  <c r="AD105774" i="1"/>
  <c r="AD105775" i="1"/>
  <c r="AD105776" i="1"/>
  <c r="AD105777" i="1"/>
  <c r="AD105778" i="1"/>
  <c r="AD105779" i="1"/>
  <c r="AD105780" i="1"/>
  <c r="AD105781" i="1"/>
  <c r="AD105782" i="1"/>
  <c r="AD105783" i="1"/>
  <c r="AD105784" i="1"/>
  <c r="AD105785" i="1"/>
  <c r="AD105786" i="1"/>
  <c r="AD105787" i="1"/>
  <c r="AD105788" i="1"/>
  <c r="AD105789" i="1"/>
  <c r="AD105790" i="1"/>
  <c r="AD105791" i="1"/>
  <c r="AD105792" i="1"/>
  <c r="AD105793" i="1"/>
  <c r="AD105794" i="1"/>
  <c r="AD105795" i="1"/>
  <c r="AD105796" i="1"/>
  <c r="AD105797" i="1"/>
  <c r="AD105798" i="1"/>
  <c r="AD105799" i="1"/>
  <c r="AD105800" i="1"/>
  <c r="AD105801" i="1"/>
  <c r="AD105802" i="1"/>
  <c r="AD105803" i="1"/>
  <c r="AD105804" i="1"/>
  <c r="AD105805" i="1"/>
  <c r="AD105806" i="1"/>
  <c r="AD105807" i="1"/>
  <c r="AD105808" i="1"/>
  <c r="AD105809" i="1"/>
  <c r="AD105810" i="1"/>
  <c r="AD105811" i="1"/>
  <c r="AD105812" i="1"/>
  <c r="AD105813" i="1"/>
  <c r="AD105814" i="1"/>
  <c r="AD105815" i="1"/>
  <c r="AD105816" i="1"/>
  <c r="AD105817" i="1"/>
  <c r="AD105818" i="1"/>
  <c r="AD105819" i="1"/>
  <c r="AD105820" i="1"/>
  <c r="AD105821" i="1"/>
  <c r="AD105822" i="1"/>
  <c r="AD105823" i="1"/>
  <c r="AD105824" i="1"/>
  <c r="AD105825" i="1"/>
  <c r="AD105826" i="1"/>
  <c r="AD105827" i="1"/>
  <c r="AD105828" i="1"/>
  <c r="AD105829" i="1"/>
  <c r="AD105830" i="1"/>
  <c r="AD105831" i="1"/>
  <c r="AD105832" i="1"/>
  <c r="AD105833" i="1"/>
  <c r="AD105834" i="1"/>
  <c r="AD105835" i="1"/>
  <c r="AD105836" i="1"/>
  <c r="AD105837" i="1"/>
  <c r="AD105838" i="1"/>
  <c r="AD105839" i="1"/>
  <c r="AD105840" i="1"/>
  <c r="AD105841" i="1"/>
  <c r="AD105842" i="1"/>
  <c r="AD105843" i="1"/>
  <c r="AD105844" i="1"/>
  <c r="AD105845" i="1"/>
  <c r="AD105846" i="1"/>
  <c r="AD105847" i="1"/>
  <c r="AD105848" i="1"/>
  <c r="AD105849" i="1"/>
  <c r="AD105850" i="1"/>
  <c r="AD105851" i="1"/>
  <c r="AD105852" i="1"/>
  <c r="AD105853" i="1"/>
  <c r="AD105854" i="1"/>
  <c r="AD105855" i="1"/>
  <c r="AD105856" i="1"/>
  <c r="AD105857" i="1"/>
  <c r="AD105858" i="1"/>
  <c r="AD105859" i="1"/>
  <c r="AD105860" i="1"/>
  <c r="AD105861" i="1"/>
  <c r="AD105862" i="1"/>
  <c r="AD105863" i="1"/>
  <c r="AD105864" i="1"/>
  <c r="AD105865" i="1"/>
  <c r="AD105866" i="1"/>
  <c r="AD105867" i="1"/>
  <c r="AD105868" i="1"/>
  <c r="AD105869" i="1"/>
  <c r="AD105870" i="1"/>
  <c r="AD105871" i="1"/>
  <c r="AD105872" i="1"/>
  <c r="AD105873" i="1"/>
  <c r="AD105874" i="1"/>
  <c r="AD105875" i="1"/>
  <c r="AD105876" i="1"/>
  <c r="AD105877" i="1"/>
  <c r="AD105878" i="1"/>
  <c r="AD105879" i="1"/>
  <c r="AD105880" i="1"/>
  <c r="AD105881" i="1"/>
  <c r="AD105882" i="1"/>
  <c r="AD105883" i="1"/>
  <c r="AD105884" i="1"/>
  <c r="AD105885" i="1"/>
  <c r="AD105886" i="1"/>
  <c r="AD105887" i="1"/>
  <c r="AD105888" i="1"/>
  <c r="AD105889" i="1"/>
  <c r="AD105890" i="1"/>
  <c r="AD105891" i="1"/>
  <c r="AD105892" i="1"/>
  <c r="AD105893" i="1"/>
  <c r="AD105894" i="1"/>
  <c r="AD105895" i="1"/>
  <c r="AD105896" i="1"/>
  <c r="AD105897" i="1"/>
  <c r="AD105898" i="1"/>
  <c r="AD105899" i="1"/>
  <c r="AD105900" i="1"/>
  <c r="AD105901" i="1"/>
  <c r="AD105902" i="1"/>
  <c r="AD105903" i="1"/>
  <c r="AD105904" i="1"/>
  <c r="AD105905" i="1"/>
  <c r="AD105906" i="1"/>
  <c r="AD105907" i="1"/>
  <c r="AD105908" i="1"/>
  <c r="AD105909" i="1"/>
  <c r="AD105910" i="1"/>
  <c r="AD105911" i="1"/>
  <c r="AD105912" i="1"/>
  <c r="AD105913" i="1"/>
  <c r="AD105914" i="1"/>
  <c r="AD105915" i="1"/>
  <c r="AD105916" i="1"/>
  <c r="AD105917" i="1"/>
  <c r="AD105918" i="1"/>
  <c r="AD105919" i="1"/>
  <c r="AD105920" i="1"/>
  <c r="AD105921" i="1"/>
  <c r="AD105922" i="1"/>
  <c r="AD105923" i="1"/>
  <c r="AD105924" i="1"/>
  <c r="AD105925" i="1"/>
  <c r="AD105926" i="1"/>
  <c r="AD105927" i="1"/>
  <c r="AD105928" i="1"/>
  <c r="AD105929" i="1"/>
  <c r="AD105930" i="1"/>
  <c r="AD105931" i="1"/>
  <c r="AD105932" i="1"/>
  <c r="AD105933" i="1"/>
  <c r="AD105934" i="1"/>
  <c r="AD105935" i="1"/>
  <c r="AD105936" i="1"/>
  <c r="AD105937" i="1"/>
  <c r="AD105938" i="1"/>
  <c r="AD105939" i="1"/>
  <c r="AD105940" i="1"/>
  <c r="AD105941" i="1"/>
  <c r="AD105942" i="1"/>
  <c r="AD105943" i="1"/>
  <c r="AD105944" i="1"/>
  <c r="AD105945" i="1"/>
  <c r="AD105946" i="1"/>
  <c r="AD105947" i="1"/>
  <c r="AD105948" i="1"/>
  <c r="AD105949" i="1"/>
  <c r="AD105950" i="1"/>
  <c r="AD105951" i="1"/>
  <c r="AD105952" i="1"/>
  <c r="AD105953" i="1"/>
  <c r="AD105954" i="1"/>
  <c r="AD105955" i="1"/>
  <c r="AD105956" i="1"/>
  <c r="AD105957" i="1"/>
  <c r="AD105958" i="1"/>
  <c r="AD105959" i="1"/>
  <c r="AD105960" i="1"/>
  <c r="AD105961" i="1"/>
  <c r="AD105962" i="1"/>
  <c r="AD105963" i="1"/>
  <c r="AD105964" i="1"/>
  <c r="AD105965" i="1"/>
  <c r="AD105966" i="1"/>
  <c r="AD105967" i="1"/>
  <c r="AD105968" i="1"/>
  <c r="AD105969" i="1"/>
  <c r="AD105970" i="1"/>
  <c r="AD105971" i="1"/>
  <c r="AD105972" i="1"/>
  <c r="AD105973" i="1"/>
  <c r="AD105974" i="1"/>
  <c r="AD105975" i="1"/>
  <c r="AD105976" i="1"/>
  <c r="AD105977" i="1"/>
  <c r="AD105978" i="1"/>
  <c r="AD105979" i="1"/>
  <c r="AD105980" i="1"/>
  <c r="AD105981" i="1"/>
  <c r="AD105982" i="1"/>
  <c r="AD105983" i="1"/>
  <c r="AD105984" i="1"/>
  <c r="AD105985" i="1"/>
  <c r="AD105986" i="1"/>
  <c r="AD105987" i="1"/>
  <c r="AD105988" i="1"/>
  <c r="AD105989" i="1"/>
  <c r="AD105990" i="1"/>
  <c r="AD105991" i="1"/>
  <c r="AD105992" i="1"/>
  <c r="AD105993" i="1"/>
  <c r="AD105994" i="1"/>
  <c r="AD105995" i="1"/>
  <c r="AD105996" i="1"/>
  <c r="AD105997" i="1"/>
  <c r="AD105998" i="1"/>
  <c r="AD105999" i="1"/>
  <c r="AD106000" i="1"/>
  <c r="AD106001" i="1"/>
  <c r="AD106002" i="1"/>
  <c r="AD106003" i="1"/>
  <c r="AD106004" i="1"/>
  <c r="AD106005" i="1"/>
  <c r="AD106006" i="1"/>
  <c r="AD106007" i="1"/>
  <c r="AD106008" i="1"/>
  <c r="AD106009" i="1"/>
  <c r="AD106010" i="1"/>
  <c r="AD106011" i="1"/>
  <c r="AD106012" i="1"/>
  <c r="AD106013" i="1"/>
  <c r="AD106014" i="1"/>
  <c r="AD106015" i="1"/>
  <c r="AD106016" i="1"/>
  <c r="AD106017" i="1"/>
  <c r="AD106018" i="1"/>
  <c r="AD106019" i="1"/>
  <c r="AD106020" i="1"/>
  <c r="AD106021" i="1"/>
  <c r="AD106022" i="1"/>
  <c r="AD106023" i="1"/>
  <c r="AD106024" i="1"/>
  <c r="AD106025" i="1"/>
  <c r="AD106026" i="1"/>
  <c r="AD106027" i="1"/>
  <c r="AD106028" i="1"/>
  <c r="AD106029" i="1"/>
  <c r="AD106030" i="1"/>
  <c r="AD106031" i="1"/>
  <c r="AD106032" i="1"/>
  <c r="AD106033" i="1"/>
  <c r="AD106034" i="1"/>
  <c r="AD106035" i="1"/>
  <c r="AD106036" i="1"/>
  <c r="AD106037" i="1"/>
  <c r="AD106038" i="1"/>
  <c r="AD106039" i="1"/>
  <c r="AD106040" i="1"/>
  <c r="AD106041" i="1"/>
  <c r="AD106042" i="1"/>
  <c r="AD106043" i="1"/>
  <c r="AD106044" i="1"/>
  <c r="AD106045" i="1"/>
  <c r="AD106046" i="1"/>
  <c r="AD106047" i="1"/>
  <c r="AD106048" i="1"/>
  <c r="AD106049" i="1"/>
  <c r="AD106050" i="1"/>
  <c r="AD106051" i="1"/>
  <c r="AD106052" i="1"/>
  <c r="AD106053" i="1"/>
  <c r="AD106054" i="1"/>
  <c r="AD106055" i="1"/>
  <c r="AD106056" i="1"/>
  <c r="AD106057" i="1"/>
  <c r="AD106058" i="1"/>
  <c r="AD106059" i="1"/>
  <c r="AD106060" i="1"/>
  <c r="AD106061" i="1"/>
  <c r="AD106062" i="1"/>
  <c r="AD106063" i="1"/>
  <c r="AD106064" i="1"/>
  <c r="AD106065" i="1"/>
  <c r="AD106066" i="1"/>
  <c r="AD106067" i="1"/>
  <c r="AD106068" i="1"/>
  <c r="AD106069" i="1"/>
  <c r="AD106070" i="1"/>
  <c r="AD106071" i="1"/>
  <c r="AD106072" i="1"/>
  <c r="AD106073" i="1"/>
  <c r="AD106074" i="1"/>
  <c r="AD106075" i="1"/>
  <c r="AD106076" i="1"/>
  <c r="AD106077" i="1"/>
  <c r="AD106078" i="1"/>
  <c r="AD106079" i="1"/>
  <c r="AD106080" i="1"/>
  <c r="AD106081" i="1"/>
  <c r="AD106082" i="1"/>
  <c r="AD106083" i="1"/>
  <c r="AD106084" i="1"/>
  <c r="AD106085" i="1"/>
  <c r="AD106086" i="1"/>
  <c r="AD106087" i="1"/>
  <c r="AD106088" i="1"/>
  <c r="AD106089" i="1"/>
  <c r="AD106090" i="1"/>
  <c r="AD106091" i="1"/>
  <c r="AD106092" i="1"/>
  <c r="AD106093" i="1"/>
  <c r="AD106094" i="1"/>
  <c r="AD106095" i="1"/>
  <c r="AD106096" i="1"/>
  <c r="AD106097" i="1"/>
  <c r="AD106098" i="1"/>
  <c r="AD106099" i="1"/>
  <c r="AD106100" i="1"/>
  <c r="AD106101" i="1"/>
  <c r="AD106102" i="1"/>
  <c r="AD106103" i="1"/>
  <c r="AD106104" i="1"/>
  <c r="AD106105" i="1"/>
  <c r="AD106106" i="1"/>
  <c r="AD106107" i="1"/>
  <c r="AD106108" i="1"/>
  <c r="AD106109" i="1"/>
  <c r="AD106110" i="1"/>
  <c r="AD106111" i="1"/>
  <c r="AD106112" i="1"/>
  <c r="AD106113" i="1"/>
  <c r="AD106114" i="1"/>
  <c r="AD106115" i="1"/>
  <c r="AD106116" i="1"/>
  <c r="AD106117" i="1"/>
  <c r="AD106118" i="1"/>
  <c r="AD106119" i="1"/>
  <c r="AD106120" i="1"/>
  <c r="AD106121" i="1"/>
  <c r="AD106122" i="1"/>
  <c r="AD106123" i="1"/>
  <c r="AD106124" i="1"/>
  <c r="AD106125" i="1"/>
  <c r="AD106126" i="1"/>
  <c r="AD106127" i="1"/>
  <c r="AD106128" i="1"/>
  <c r="AD106129" i="1"/>
  <c r="AD106130" i="1"/>
  <c r="AD106131" i="1"/>
  <c r="AD106132" i="1"/>
  <c r="AD106133" i="1"/>
  <c r="AD106134" i="1"/>
  <c r="AD106135" i="1"/>
  <c r="AD106136" i="1"/>
  <c r="AD106137" i="1"/>
  <c r="AD106138" i="1"/>
  <c r="AD106139" i="1"/>
  <c r="AD106140" i="1"/>
  <c r="AD106141" i="1"/>
  <c r="AD106142" i="1"/>
  <c r="AD106143" i="1"/>
  <c r="AD106144" i="1"/>
  <c r="AD106145" i="1"/>
  <c r="AD106146" i="1"/>
  <c r="AD106147" i="1"/>
  <c r="AD106148" i="1"/>
  <c r="AD106149" i="1"/>
  <c r="AD106150" i="1"/>
  <c r="AD106151" i="1"/>
  <c r="AD106152" i="1"/>
  <c r="AD106153" i="1"/>
  <c r="AD106154" i="1"/>
  <c r="AD106155" i="1"/>
  <c r="AD106156" i="1"/>
  <c r="AD106157" i="1"/>
  <c r="AD106158" i="1"/>
  <c r="AD106159" i="1"/>
  <c r="AD106160" i="1"/>
  <c r="AD106161" i="1"/>
  <c r="AD106162" i="1"/>
  <c r="AD106163" i="1"/>
  <c r="AD106164" i="1"/>
  <c r="AD106165" i="1"/>
  <c r="AD106166" i="1"/>
  <c r="AD106167" i="1"/>
  <c r="AD106168" i="1"/>
  <c r="AD106169" i="1"/>
  <c r="AD106170" i="1"/>
  <c r="AD106171" i="1"/>
  <c r="AD106172" i="1"/>
  <c r="AD106173" i="1"/>
  <c r="AD106174" i="1"/>
  <c r="AD106175" i="1"/>
  <c r="AD106176" i="1"/>
  <c r="AD106177" i="1"/>
  <c r="AD106178" i="1"/>
  <c r="AD106179" i="1"/>
  <c r="AD106180" i="1"/>
  <c r="AD106181" i="1"/>
  <c r="AD106182" i="1"/>
  <c r="AD106183" i="1"/>
  <c r="AD106184" i="1"/>
  <c r="AD106185" i="1"/>
  <c r="AD106186" i="1"/>
  <c r="AD106187" i="1"/>
  <c r="AD106188" i="1"/>
  <c r="AD106189" i="1"/>
  <c r="AD106190" i="1"/>
  <c r="AD106191" i="1"/>
  <c r="AD106192" i="1"/>
  <c r="AD106193" i="1"/>
  <c r="AD106194" i="1"/>
  <c r="AD106195" i="1"/>
  <c r="AD106196" i="1"/>
  <c r="AD106197" i="1"/>
  <c r="AD106198" i="1"/>
  <c r="AD106199" i="1"/>
  <c r="AD106200" i="1"/>
  <c r="AD106201" i="1"/>
  <c r="AD106202" i="1"/>
  <c r="AD106203" i="1"/>
  <c r="AD106204" i="1"/>
  <c r="AD106205" i="1"/>
  <c r="AD106206" i="1"/>
  <c r="AD106207" i="1"/>
  <c r="AD106208" i="1"/>
  <c r="AD106209" i="1"/>
  <c r="AD106210" i="1"/>
  <c r="AD106211" i="1"/>
  <c r="AD106212" i="1"/>
  <c r="AD106213" i="1"/>
  <c r="AD106214" i="1"/>
  <c r="AD106215" i="1"/>
  <c r="AD106216" i="1"/>
  <c r="AD106217" i="1"/>
  <c r="AD106218" i="1"/>
  <c r="AD106219" i="1"/>
  <c r="AD106220" i="1"/>
  <c r="AD106221" i="1"/>
  <c r="AD106222" i="1"/>
  <c r="AD106223" i="1"/>
  <c r="AD106224" i="1"/>
  <c r="AD106225" i="1"/>
  <c r="AD106226" i="1"/>
  <c r="AD106227" i="1"/>
  <c r="AD106228" i="1"/>
  <c r="AD106229" i="1"/>
  <c r="AD106230" i="1"/>
  <c r="AD106231" i="1"/>
  <c r="AD106232" i="1"/>
  <c r="AD106233" i="1"/>
  <c r="AD106234" i="1"/>
  <c r="AD106235" i="1"/>
  <c r="AD106236" i="1"/>
  <c r="AD106237" i="1"/>
  <c r="AD106238" i="1"/>
  <c r="AD106239" i="1"/>
  <c r="AD106240" i="1"/>
  <c r="AD106241" i="1"/>
  <c r="AD106242" i="1"/>
  <c r="AD106243" i="1"/>
  <c r="AD106244" i="1"/>
  <c r="AD106245" i="1"/>
  <c r="AD106246" i="1"/>
  <c r="AD106247" i="1"/>
  <c r="AD106248" i="1"/>
  <c r="AD106249" i="1"/>
  <c r="AD106250" i="1"/>
  <c r="AD106251" i="1"/>
  <c r="AD106252" i="1"/>
  <c r="AD106253" i="1"/>
  <c r="AD106254" i="1"/>
  <c r="AD106255" i="1"/>
  <c r="AD106256" i="1"/>
  <c r="AD106257" i="1"/>
  <c r="AD106258" i="1"/>
  <c r="AD106259" i="1"/>
  <c r="AD106260" i="1"/>
  <c r="AD106261" i="1"/>
  <c r="AD106262" i="1"/>
  <c r="AD106263" i="1"/>
  <c r="AD106264" i="1"/>
  <c r="AD106265" i="1"/>
  <c r="AD106266" i="1"/>
  <c r="AD106267" i="1"/>
  <c r="AD106268" i="1"/>
  <c r="AD106269" i="1"/>
  <c r="AD106270" i="1"/>
  <c r="AD106271" i="1"/>
  <c r="AD106272" i="1"/>
  <c r="AD106273" i="1"/>
  <c r="AD106274" i="1"/>
  <c r="AD106275" i="1"/>
  <c r="AD106276" i="1"/>
  <c r="AD106277" i="1"/>
  <c r="AD106278" i="1"/>
  <c r="AD106279" i="1"/>
  <c r="AD106280" i="1"/>
  <c r="AD106281" i="1"/>
  <c r="AD106282" i="1"/>
  <c r="AD106283" i="1"/>
  <c r="AD106284" i="1"/>
  <c r="AD106285" i="1"/>
  <c r="AD106286" i="1"/>
  <c r="AD106287" i="1"/>
  <c r="AD106288" i="1"/>
  <c r="AD106289" i="1"/>
  <c r="AD106290" i="1"/>
  <c r="AD106291" i="1"/>
  <c r="AD106292" i="1"/>
  <c r="AD106293" i="1"/>
  <c r="AD106294" i="1"/>
  <c r="AD106295" i="1"/>
  <c r="AD106296" i="1"/>
  <c r="AD106297" i="1"/>
  <c r="AD106298" i="1"/>
  <c r="AD106299" i="1"/>
  <c r="AD106300" i="1"/>
  <c r="AD106301" i="1"/>
  <c r="AD106302" i="1"/>
  <c r="AD106303" i="1"/>
  <c r="AD106304" i="1"/>
  <c r="AD106305" i="1"/>
  <c r="AD106306" i="1"/>
  <c r="AD106307" i="1"/>
  <c r="AD106308" i="1"/>
  <c r="AD106309" i="1"/>
  <c r="AD106310" i="1"/>
  <c r="AD106311" i="1"/>
  <c r="AD106312" i="1"/>
  <c r="AD106313" i="1"/>
  <c r="AD106314" i="1"/>
  <c r="AD106315" i="1"/>
  <c r="AD106316" i="1"/>
  <c r="AD106317" i="1"/>
  <c r="AD106318" i="1"/>
  <c r="AD106319" i="1"/>
  <c r="AD106320" i="1"/>
  <c r="AD106321" i="1"/>
  <c r="AD106322" i="1"/>
  <c r="AD106323" i="1"/>
  <c r="AD106324" i="1"/>
  <c r="AD106325" i="1"/>
  <c r="AD106326" i="1"/>
  <c r="AD106327" i="1"/>
  <c r="AD106328" i="1"/>
  <c r="AD106329" i="1"/>
  <c r="AD106330" i="1"/>
  <c r="AD106331" i="1"/>
  <c r="AD106332" i="1"/>
  <c r="AD106333" i="1"/>
  <c r="AD106334" i="1"/>
  <c r="AD106335" i="1"/>
  <c r="AD106336" i="1"/>
  <c r="AD106337" i="1"/>
  <c r="AD106338" i="1"/>
  <c r="AD106339" i="1"/>
  <c r="AD106340" i="1"/>
  <c r="AD106341" i="1"/>
  <c r="AD106342" i="1"/>
  <c r="AD106343" i="1"/>
  <c r="AD106344" i="1"/>
  <c r="AD106345" i="1"/>
  <c r="AD106346" i="1"/>
  <c r="AD106347" i="1"/>
  <c r="AD106348" i="1"/>
  <c r="AD106349" i="1"/>
  <c r="AD106350" i="1"/>
  <c r="AD106351" i="1"/>
  <c r="AD106352" i="1"/>
  <c r="AD106353" i="1"/>
  <c r="AD106354" i="1"/>
  <c r="AD106355" i="1"/>
  <c r="AD106356" i="1"/>
  <c r="AD106357" i="1"/>
  <c r="AD106358" i="1"/>
  <c r="AD106359" i="1"/>
  <c r="AD106360" i="1"/>
  <c r="AD106361" i="1"/>
  <c r="AD106362" i="1"/>
  <c r="AD106363" i="1"/>
  <c r="AD106364" i="1"/>
  <c r="AD106365" i="1"/>
  <c r="AD106366" i="1"/>
  <c r="AD106367" i="1"/>
  <c r="AD106368" i="1"/>
  <c r="AD106369" i="1"/>
  <c r="AD106370" i="1"/>
  <c r="AD106371" i="1"/>
  <c r="AD106372" i="1"/>
  <c r="AD106373" i="1"/>
  <c r="AD106374" i="1"/>
  <c r="AD106375" i="1"/>
  <c r="AD106376" i="1"/>
  <c r="AD106377" i="1"/>
  <c r="AD106378" i="1"/>
  <c r="AD106379" i="1"/>
  <c r="AD106380" i="1"/>
  <c r="AD106381" i="1"/>
  <c r="AD106382" i="1"/>
  <c r="AD106383" i="1"/>
  <c r="AD106384" i="1"/>
  <c r="AD106385" i="1"/>
  <c r="AD106386" i="1"/>
  <c r="AD106387" i="1"/>
  <c r="AD106388" i="1"/>
  <c r="AD106389" i="1"/>
  <c r="AD106390" i="1"/>
  <c r="AD106391" i="1"/>
  <c r="AD106392" i="1"/>
  <c r="AD106393" i="1"/>
  <c r="AD106394" i="1"/>
  <c r="AD106395" i="1"/>
  <c r="AD106396" i="1"/>
  <c r="AD106397" i="1"/>
  <c r="AD106398" i="1"/>
  <c r="AD106399" i="1"/>
  <c r="AD106400" i="1"/>
  <c r="AD106401" i="1"/>
  <c r="AD106402" i="1"/>
  <c r="AD106403" i="1"/>
  <c r="AD106404" i="1"/>
  <c r="AD106405" i="1"/>
  <c r="AD106406" i="1"/>
  <c r="AD106407" i="1"/>
  <c r="AD106408" i="1"/>
  <c r="AD106409" i="1"/>
  <c r="AD106410" i="1"/>
  <c r="AD106411" i="1"/>
  <c r="AD106412" i="1"/>
  <c r="AD106413" i="1"/>
  <c r="AD106414" i="1"/>
  <c r="AD106415" i="1"/>
  <c r="AD106416" i="1"/>
  <c r="AD106417" i="1"/>
  <c r="AD106418" i="1"/>
  <c r="AD106419" i="1"/>
  <c r="AD106420" i="1"/>
  <c r="AD106421" i="1"/>
  <c r="AD106422" i="1"/>
  <c r="AD106423" i="1"/>
  <c r="AD106424" i="1"/>
  <c r="AD106425" i="1"/>
  <c r="AD106426" i="1"/>
  <c r="AD106427" i="1"/>
  <c r="AD106428" i="1"/>
  <c r="AD106429" i="1"/>
  <c r="AD106430" i="1"/>
  <c r="AD106431" i="1"/>
  <c r="AD106432" i="1"/>
  <c r="AD106433" i="1"/>
  <c r="AD106434" i="1"/>
  <c r="AD106435" i="1"/>
  <c r="AD106436" i="1"/>
  <c r="AD106437" i="1"/>
  <c r="AD106438" i="1"/>
  <c r="AD106439" i="1"/>
  <c r="AD106440" i="1"/>
  <c r="AD106441" i="1"/>
  <c r="AD106442" i="1"/>
  <c r="AD106443" i="1"/>
  <c r="AD106444" i="1"/>
  <c r="AD106445" i="1"/>
  <c r="AD106446" i="1"/>
  <c r="AD106447" i="1"/>
  <c r="AD106448" i="1"/>
  <c r="AD106449" i="1"/>
  <c r="AD106450" i="1"/>
  <c r="AD106451" i="1"/>
  <c r="AD106452" i="1"/>
  <c r="AD106453" i="1"/>
  <c r="AD106454" i="1"/>
  <c r="AD106455" i="1"/>
  <c r="AD106456" i="1"/>
  <c r="AD106457" i="1"/>
  <c r="AD106458" i="1"/>
  <c r="AD106459" i="1"/>
  <c r="AD106460" i="1"/>
  <c r="AD106461" i="1"/>
  <c r="AD106462" i="1"/>
  <c r="AD106463" i="1"/>
  <c r="AD106464" i="1"/>
  <c r="AD106465" i="1"/>
  <c r="AD106466" i="1"/>
  <c r="AD106467" i="1"/>
  <c r="AD106468" i="1"/>
  <c r="AD106469" i="1"/>
  <c r="AD106470" i="1"/>
  <c r="AD106471" i="1"/>
  <c r="AD106472" i="1"/>
  <c r="AD106473" i="1"/>
  <c r="AD106474" i="1"/>
  <c r="AD106475" i="1"/>
  <c r="AD106476" i="1"/>
  <c r="AD106477" i="1"/>
  <c r="AD106478" i="1"/>
  <c r="AD106479" i="1"/>
  <c r="AD106480" i="1"/>
  <c r="AD106481" i="1"/>
  <c r="AD106482" i="1"/>
  <c r="AD106483" i="1"/>
  <c r="AD106484" i="1"/>
  <c r="AD106485" i="1"/>
  <c r="AD106486" i="1"/>
  <c r="AD106487" i="1"/>
  <c r="AD106488" i="1"/>
  <c r="AD106489" i="1"/>
  <c r="AD106490" i="1"/>
  <c r="AD106491" i="1"/>
  <c r="AD106492" i="1"/>
  <c r="AD106493" i="1"/>
  <c r="AD106494" i="1"/>
  <c r="AD106495" i="1"/>
  <c r="AD106496" i="1"/>
  <c r="AD106497" i="1"/>
  <c r="AD106498" i="1"/>
  <c r="AD106499" i="1"/>
  <c r="AD106500" i="1"/>
  <c r="AD106501" i="1"/>
  <c r="AD106502" i="1"/>
  <c r="AD106503" i="1"/>
  <c r="AD106504" i="1"/>
  <c r="AD106505" i="1"/>
  <c r="AD106506" i="1"/>
  <c r="AD106507" i="1"/>
  <c r="AD106508" i="1"/>
  <c r="AD106509" i="1"/>
  <c r="AD106510" i="1"/>
  <c r="AD106511" i="1"/>
  <c r="AD106512" i="1"/>
  <c r="AD106513" i="1"/>
  <c r="AD106514" i="1"/>
  <c r="AD106515" i="1"/>
  <c r="AD106516" i="1"/>
  <c r="AD106517" i="1"/>
  <c r="AD106518" i="1"/>
  <c r="AD106519" i="1"/>
  <c r="AD106520" i="1"/>
  <c r="AD106521" i="1"/>
  <c r="AD106522" i="1"/>
  <c r="AD106523" i="1"/>
  <c r="AD106524" i="1"/>
  <c r="AD106525" i="1"/>
  <c r="AD106526" i="1"/>
  <c r="AD106527" i="1"/>
  <c r="AD106528" i="1"/>
  <c r="AD106529" i="1"/>
  <c r="AD106530" i="1"/>
  <c r="AD106531" i="1"/>
  <c r="AD106532" i="1"/>
  <c r="AD106533" i="1"/>
  <c r="AD106534" i="1"/>
  <c r="AD106535" i="1"/>
  <c r="AD106536" i="1"/>
  <c r="AD106537" i="1"/>
  <c r="AD106538" i="1"/>
  <c r="AD106539" i="1"/>
  <c r="AD106540" i="1"/>
  <c r="AD106541" i="1"/>
  <c r="AD106542" i="1"/>
  <c r="AD106543" i="1"/>
  <c r="AD106544" i="1"/>
  <c r="AD106545" i="1"/>
  <c r="AD106546" i="1"/>
  <c r="AD106547" i="1"/>
  <c r="AD106548" i="1"/>
  <c r="AD106549" i="1"/>
  <c r="AD106550" i="1"/>
  <c r="AD106551" i="1"/>
  <c r="AD106552" i="1"/>
  <c r="AD106553" i="1"/>
  <c r="AD106554" i="1"/>
  <c r="AD106555" i="1"/>
  <c r="AD106556" i="1"/>
  <c r="AD106557" i="1"/>
  <c r="AD106558" i="1"/>
  <c r="AD106559" i="1"/>
  <c r="AD106560" i="1"/>
  <c r="AD106561" i="1"/>
  <c r="AD106562" i="1"/>
  <c r="AD106563" i="1"/>
  <c r="AD106564" i="1"/>
  <c r="AD106565" i="1"/>
  <c r="AD106566" i="1"/>
  <c r="AD106567" i="1"/>
  <c r="AD106568" i="1"/>
  <c r="AD106569" i="1"/>
  <c r="AD106570" i="1"/>
  <c r="AD106571" i="1"/>
  <c r="AD106572" i="1"/>
  <c r="AD106573" i="1"/>
  <c r="AD106574" i="1"/>
  <c r="AD106575" i="1"/>
  <c r="AD106576" i="1"/>
  <c r="AD106577" i="1"/>
  <c r="AD106578" i="1"/>
  <c r="AD106579" i="1"/>
  <c r="AD106580" i="1"/>
  <c r="AD106581" i="1"/>
  <c r="AD106582" i="1"/>
  <c r="AD106583" i="1"/>
  <c r="AD106584" i="1"/>
  <c r="AD106585" i="1"/>
  <c r="AD106586" i="1"/>
  <c r="AD106587" i="1"/>
  <c r="AD106588" i="1"/>
  <c r="AD106589" i="1"/>
  <c r="AD106590" i="1"/>
  <c r="AD106591" i="1"/>
  <c r="AD106592" i="1"/>
  <c r="AD106593" i="1"/>
  <c r="AD106594" i="1"/>
  <c r="AD106595" i="1"/>
  <c r="AD106596" i="1"/>
  <c r="AD106597" i="1"/>
  <c r="AD106598" i="1"/>
  <c r="AD106599" i="1"/>
  <c r="AD106600" i="1"/>
  <c r="AD106601" i="1"/>
  <c r="AD106602" i="1"/>
  <c r="AD106603" i="1"/>
  <c r="AD106604" i="1"/>
  <c r="AD106605" i="1"/>
  <c r="AD106606" i="1"/>
  <c r="AD106607" i="1"/>
  <c r="AD106608" i="1"/>
  <c r="AD106609" i="1"/>
  <c r="AD106610" i="1"/>
  <c r="AD106611" i="1"/>
  <c r="AD106612" i="1"/>
  <c r="AD106613" i="1"/>
  <c r="AD106614" i="1"/>
  <c r="AD106615" i="1"/>
  <c r="AD106616" i="1"/>
  <c r="AD106617" i="1"/>
  <c r="AD106618" i="1"/>
  <c r="AD106619" i="1"/>
  <c r="AD106620" i="1"/>
  <c r="AD106621" i="1"/>
  <c r="AD106622" i="1"/>
  <c r="AD106623" i="1"/>
  <c r="AD106624" i="1"/>
  <c r="AD106625" i="1"/>
  <c r="AD106626" i="1"/>
  <c r="AD106627" i="1"/>
  <c r="AD106628" i="1"/>
  <c r="AD106629" i="1"/>
  <c r="AD106630" i="1"/>
  <c r="AD106631" i="1"/>
  <c r="AD106632" i="1"/>
  <c r="AD106633" i="1"/>
  <c r="AD106634" i="1"/>
  <c r="AD106635" i="1"/>
  <c r="AD106636" i="1"/>
  <c r="AD106637" i="1"/>
  <c r="AD106638" i="1"/>
  <c r="AD106639" i="1"/>
  <c r="AD106640" i="1"/>
  <c r="AD106641" i="1"/>
  <c r="AD106642" i="1"/>
  <c r="AD106643" i="1"/>
  <c r="AD106644" i="1"/>
  <c r="AD106645" i="1"/>
  <c r="AD106646" i="1"/>
  <c r="AD106647" i="1"/>
  <c r="AD106648" i="1"/>
  <c r="AD106649" i="1"/>
  <c r="AD106650" i="1"/>
  <c r="AD106651" i="1"/>
  <c r="AD106652" i="1"/>
  <c r="AD106653" i="1"/>
  <c r="AD106654" i="1"/>
  <c r="AD106655" i="1"/>
  <c r="AD106656" i="1"/>
  <c r="AD106657" i="1"/>
  <c r="AD106658" i="1"/>
  <c r="AD106659" i="1"/>
  <c r="AD106660" i="1"/>
  <c r="AD106661" i="1"/>
  <c r="AD106662" i="1"/>
  <c r="AD106663" i="1"/>
  <c r="AD106664" i="1"/>
  <c r="AD106665" i="1"/>
  <c r="AD106666" i="1"/>
  <c r="AD106667" i="1"/>
  <c r="AD106668" i="1"/>
  <c r="AD106669" i="1"/>
  <c r="AD106670" i="1"/>
  <c r="AD106671" i="1"/>
  <c r="AD106672" i="1"/>
  <c r="AD106673" i="1"/>
  <c r="AD106674" i="1"/>
  <c r="AD106675" i="1"/>
  <c r="AD106676" i="1"/>
  <c r="AD106677" i="1"/>
  <c r="AD106678" i="1"/>
  <c r="AD106679" i="1"/>
  <c r="AD106680" i="1"/>
  <c r="AD106681" i="1"/>
  <c r="AD106682" i="1"/>
  <c r="AD106683" i="1"/>
  <c r="AD106684" i="1"/>
  <c r="AD106685" i="1"/>
  <c r="AD106686" i="1"/>
  <c r="AD106687" i="1"/>
  <c r="AD106688" i="1"/>
  <c r="AD106689" i="1"/>
  <c r="AD106690" i="1"/>
  <c r="AD106691" i="1"/>
  <c r="AD106692" i="1"/>
  <c r="AD106693" i="1"/>
  <c r="AD106694" i="1"/>
  <c r="AD106695" i="1"/>
  <c r="AD106696" i="1"/>
  <c r="AD106697" i="1"/>
  <c r="AD106698" i="1"/>
  <c r="AD106699" i="1"/>
  <c r="AD106700" i="1"/>
  <c r="AD106701" i="1"/>
  <c r="AD106702" i="1"/>
  <c r="AD106703" i="1"/>
  <c r="AD106704" i="1"/>
  <c r="AD106705" i="1"/>
  <c r="AD106706" i="1"/>
  <c r="AD106707" i="1"/>
  <c r="AD106708" i="1"/>
  <c r="AD106709" i="1"/>
  <c r="AD106710" i="1"/>
  <c r="AD106711" i="1"/>
  <c r="AD106712" i="1"/>
  <c r="AD106713" i="1"/>
  <c r="AD106714" i="1"/>
  <c r="AD106715" i="1"/>
  <c r="AD106716" i="1"/>
  <c r="AD106717" i="1"/>
  <c r="AD106718" i="1"/>
  <c r="AD106719" i="1"/>
  <c r="AD106720" i="1"/>
  <c r="AD106721" i="1"/>
  <c r="AD106722" i="1"/>
  <c r="AD106723" i="1"/>
  <c r="AD106724" i="1"/>
  <c r="AD106725" i="1"/>
  <c r="AD106726" i="1"/>
  <c r="AD106727" i="1"/>
  <c r="AD106728" i="1"/>
  <c r="AD106729" i="1"/>
  <c r="AD106730" i="1"/>
  <c r="AD106731" i="1"/>
  <c r="AD106732" i="1"/>
  <c r="AD106733" i="1"/>
  <c r="AD106734" i="1"/>
  <c r="AD106735" i="1"/>
  <c r="AD106736" i="1"/>
  <c r="AD106737" i="1"/>
  <c r="AD106738" i="1"/>
  <c r="AD106739" i="1"/>
  <c r="AD106740" i="1"/>
  <c r="AD106741" i="1"/>
  <c r="AD106742" i="1"/>
  <c r="AD106743" i="1"/>
  <c r="AD106744" i="1"/>
  <c r="AD106745" i="1"/>
  <c r="AD106746" i="1"/>
  <c r="AD106747" i="1"/>
  <c r="AD106748" i="1"/>
  <c r="AD106749" i="1"/>
  <c r="AD106750" i="1"/>
  <c r="AD106751" i="1"/>
  <c r="AD106752" i="1"/>
  <c r="AD106753" i="1"/>
  <c r="AD106754" i="1"/>
  <c r="AD106755" i="1"/>
  <c r="AD106756" i="1"/>
  <c r="AD106757" i="1"/>
  <c r="AD106758" i="1"/>
  <c r="AD106759" i="1"/>
  <c r="AD106760" i="1"/>
  <c r="AD106761" i="1"/>
  <c r="AD106762" i="1"/>
  <c r="AD106763" i="1"/>
  <c r="AD106764" i="1"/>
  <c r="AD106765" i="1"/>
  <c r="AD106766" i="1"/>
  <c r="AD106767" i="1"/>
  <c r="AD106768" i="1"/>
  <c r="AD106769" i="1"/>
  <c r="AD106770" i="1"/>
  <c r="AD106771" i="1"/>
  <c r="AD106772" i="1"/>
  <c r="AD106773" i="1"/>
  <c r="AD106774" i="1"/>
  <c r="AD106775" i="1"/>
  <c r="AD106776" i="1"/>
  <c r="AD106777" i="1"/>
  <c r="AD106778" i="1"/>
  <c r="AD106779" i="1"/>
  <c r="AD106780" i="1"/>
  <c r="AD106781" i="1"/>
  <c r="AD106782" i="1"/>
  <c r="AD106783" i="1"/>
  <c r="AD106784" i="1"/>
  <c r="AD106785" i="1"/>
  <c r="AD106786" i="1"/>
  <c r="AD106787" i="1"/>
  <c r="AD106788" i="1"/>
  <c r="AD106789" i="1"/>
  <c r="AD106790" i="1"/>
  <c r="AD106791" i="1"/>
  <c r="AD106792" i="1"/>
  <c r="AD106793" i="1"/>
  <c r="AD106794" i="1"/>
  <c r="AD106795" i="1"/>
  <c r="AD106796" i="1"/>
  <c r="AD106797" i="1"/>
  <c r="AD106798" i="1"/>
  <c r="AD106799" i="1"/>
  <c r="AD106800" i="1"/>
  <c r="AD106801" i="1"/>
  <c r="AD106802" i="1"/>
  <c r="AD106803" i="1"/>
  <c r="AD106804" i="1"/>
  <c r="AD106805" i="1"/>
  <c r="AD106806" i="1"/>
  <c r="AD106807" i="1"/>
  <c r="AD106808" i="1"/>
  <c r="AD106809" i="1"/>
  <c r="AD106810" i="1"/>
  <c r="AD106811" i="1"/>
  <c r="AD106812" i="1"/>
  <c r="AD106813" i="1"/>
  <c r="AD106814" i="1"/>
  <c r="AD106815" i="1"/>
  <c r="AD106816" i="1"/>
  <c r="AD106817" i="1"/>
  <c r="AD106818" i="1"/>
  <c r="AD106819" i="1"/>
  <c r="AD106820" i="1"/>
  <c r="AD106821" i="1"/>
  <c r="AD106822" i="1"/>
  <c r="AD106823" i="1"/>
  <c r="AD106824" i="1"/>
  <c r="AD106825" i="1"/>
  <c r="AD106826" i="1"/>
  <c r="AD106827" i="1"/>
  <c r="AD106828" i="1"/>
  <c r="AD106829" i="1"/>
  <c r="AD106830" i="1"/>
  <c r="AD106831" i="1"/>
  <c r="AD106832" i="1"/>
  <c r="AD106833" i="1"/>
  <c r="AD106834" i="1"/>
  <c r="AD106835" i="1"/>
  <c r="AD106836" i="1"/>
  <c r="AD106837" i="1"/>
  <c r="AD106838" i="1"/>
  <c r="AD106839" i="1"/>
  <c r="AD106840" i="1"/>
  <c r="AD106841" i="1"/>
  <c r="AD106842" i="1"/>
  <c r="AD106843" i="1"/>
  <c r="AD106844" i="1"/>
  <c r="AD106845" i="1"/>
  <c r="AD106846" i="1"/>
  <c r="AD106847" i="1"/>
  <c r="AD106848" i="1"/>
  <c r="AD106849" i="1"/>
  <c r="AD106850" i="1"/>
  <c r="AD106851" i="1"/>
  <c r="AD106852" i="1"/>
  <c r="AD106853" i="1"/>
  <c r="AD106854" i="1"/>
  <c r="AD106855" i="1"/>
  <c r="AD106856" i="1"/>
  <c r="AD106857" i="1"/>
  <c r="AD106858" i="1"/>
  <c r="AD106859" i="1"/>
  <c r="AD106860" i="1"/>
  <c r="AD106861" i="1"/>
  <c r="AD106862" i="1"/>
  <c r="AD106863" i="1"/>
  <c r="AD106864" i="1"/>
  <c r="AD106865" i="1"/>
  <c r="AD106866" i="1"/>
  <c r="AD106867" i="1"/>
  <c r="AD106868" i="1"/>
  <c r="AD106869" i="1"/>
  <c r="AD106870" i="1"/>
  <c r="AD106871" i="1"/>
  <c r="AD106872" i="1"/>
  <c r="AD106873" i="1"/>
  <c r="AD106874" i="1"/>
  <c r="AD106875" i="1"/>
  <c r="AD106876" i="1"/>
  <c r="AD106877" i="1"/>
  <c r="AD106878" i="1"/>
  <c r="AD106879" i="1"/>
  <c r="AD106880" i="1"/>
  <c r="AD106881" i="1"/>
  <c r="AD106882" i="1"/>
  <c r="AD106883" i="1"/>
  <c r="AD106884" i="1"/>
  <c r="AD106885" i="1"/>
  <c r="AD106886" i="1"/>
  <c r="AD106887" i="1"/>
  <c r="AD106888" i="1"/>
  <c r="AD106889" i="1"/>
  <c r="AD106890" i="1"/>
  <c r="AD106891" i="1"/>
  <c r="AD106892" i="1"/>
  <c r="AD106893" i="1"/>
  <c r="AD106894" i="1"/>
  <c r="AD106895" i="1"/>
  <c r="AD106896" i="1"/>
  <c r="AD106897" i="1"/>
  <c r="AD106898" i="1"/>
  <c r="AD106899" i="1"/>
  <c r="AD106900" i="1"/>
  <c r="AD106901" i="1"/>
  <c r="AD106902" i="1"/>
  <c r="AD106903" i="1"/>
  <c r="AD106904" i="1"/>
  <c r="AD106905" i="1"/>
  <c r="AD106906" i="1"/>
  <c r="AD106907" i="1"/>
  <c r="AD106908" i="1"/>
  <c r="AD106909" i="1"/>
  <c r="AD106910" i="1"/>
  <c r="AD106911" i="1"/>
  <c r="AD106912" i="1"/>
  <c r="AD106913" i="1"/>
  <c r="AD106914" i="1"/>
  <c r="AD106915" i="1"/>
  <c r="AD106916" i="1"/>
  <c r="AD106917" i="1"/>
  <c r="AD106918" i="1"/>
  <c r="AD106919" i="1"/>
  <c r="AD106920" i="1"/>
  <c r="AD106921" i="1"/>
  <c r="AD106922" i="1"/>
  <c r="AD106923" i="1"/>
  <c r="AD106924" i="1"/>
  <c r="AD106925" i="1"/>
  <c r="AD106926" i="1"/>
  <c r="AD106927" i="1"/>
  <c r="AD106928" i="1"/>
  <c r="AD106929" i="1"/>
  <c r="AD106930" i="1"/>
  <c r="AD106931" i="1"/>
  <c r="AD106932" i="1"/>
  <c r="AD106933" i="1"/>
  <c r="AD106934" i="1"/>
  <c r="AD106935" i="1"/>
  <c r="AD106936" i="1"/>
  <c r="AD106937" i="1"/>
  <c r="AD106938" i="1"/>
  <c r="AD106939" i="1"/>
  <c r="AD106940" i="1"/>
  <c r="AD106941" i="1"/>
  <c r="AD106942" i="1"/>
  <c r="AD106943" i="1"/>
  <c r="AD106944" i="1"/>
  <c r="AD106945" i="1"/>
  <c r="AD106946" i="1"/>
  <c r="AD106947" i="1"/>
  <c r="AD106948" i="1"/>
  <c r="AD106949" i="1"/>
  <c r="AD106950" i="1"/>
  <c r="AD106951" i="1"/>
  <c r="AD106952" i="1"/>
  <c r="AD106953" i="1"/>
  <c r="AD106954" i="1"/>
  <c r="AD106955" i="1"/>
  <c r="AD106956" i="1"/>
  <c r="AD106957" i="1"/>
  <c r="AD106958" i="1"/>
  <c r="AD106959" i="1"/>
  <c r="AD106960" i="1"/>
  <c r="AD106961" i="1"/>
  <c r="AD106962" i="1"/>
  <c r="AD106963" i="1"/>
  <c r="AD106964" i="1"/>
  <c r="AD106965" i="1"/>
  <c r="AD106966" i="1"/>
  <c r="AD106967" i="1"/>
  <c r="AD106968" i="1"/>
  <c r="AD106969" i="1"/>
  <c r="AD106970" i="1"/>
  <c r="AD106971" i="1"/>
  <c r="AD106972" i="1"/>
  <c r="AD106973" i="1"/>
  <c r="AD106974" i="1"/>
  <c r="AD106975" i="1"/>
  <c r="AD106976" i="1"/>
  <c r="AD106977" i="1"/>
  <c r="AD106978" i="1"/>
  <c r="AD106979" i="1"/>
  <c r="AD106980" i="1"/>
  <c r="AD106981" i="1"/>
  <c r="AD106982" i="1"/>
  <c r="AD106983" i="1"/>
  <c r="AD106984" i="1"/>
  <c r="AD106985" i="1"/>
  <c r="AD106986" i="1"/>
  <c r="AD106987" i="1"/>
  <c r="AD106988" i="1"/>
  <c r="AD106989" i="1"/>
  <c r="AD106990" i="1"/>
  <c r="AD106991" i="1"/>
  <c r="AD106992" i="1"/>
  <c r="AD106993" i="1"/>
  <c r="AD106994" i="1"/>
  <c r="AD106995" i="1"/>
  <c r="AD106996" i="1"/>
  <c r="AD106997" i="1"/>
  <c r="AD106998" i="1"/>
  <c r="AD106999" i="1"/>
  <c r="AD107000" i="1"/>
  <c r="AD107001" i="1"/>
  <c r="AD107002" i="1"/>
  <c r="AD107003" i="1"/>
  <c r="AD107004" i="1"/>
  <c r="AD107005" i="1"/>
  <c r="AD107006" i="1"/>
  <c r="AD107007" i="1"/>
  <c r="AD107008" i="1"/>
  <c r="AD107009" i="1"/>
  <c r="AD107010" i="1"/>
  <c r="AD107011" i="1"/>
  <c r="AD107012" i="1"/>
  <c r="AD107013" i="1"/>
  <c r="AD107014" i="1"/>
  <c r="AD107015" i="1"/>
  <c r="AD107016" i="1"/>
  <c r="AD107017" i="1"/>
  <c r="AD107018" i="1"/>
  <c r="AD107019" i="1"/>
  <c r="AD107020" i="1"/>
  <c r="AD107021" i="1"/>
  <c r="AD107022" i="1"/>
  <c r="AD107023" i="1"/>
  <c r="AD107024" i="1"/>
  <c r="AD107025" i="1"/>
  <c r="AD107026" i="1"/>
  <c r="AD107027" i="1"/>
  <c r="AD107028" i="1"/>
  <c r="AD107029" i="1"/>
  <c r="AD107030" i="1"/>
  <c r="AD107031" i="1"/>
  <c r="AD107032" i="1"/>
  <c r="AD107033" i="1"/>
  <c r="AD107034" i="1"/>
  <c r="AD107035" i="1"/>
  <c r="AD107036" i="1"/>
  <c r="AD107037" i="1"/>
  <c r="AD107038" i="1"/>
  <c r="AD107039" i="1"/>
  <c r="AD107040" i="1"/>
  <c r="AD107041" i="1"/>
  <c r="AD107042" i="1"/>
  <c r="AD107043" i="1"/>
  <c r="AD107044" i="1"/>
  <c r="AD107045" i="1"/>
  <c r="AD107046" i="1"/>
  <c r="AD107047" i="1"/>
  <c r="AD107048" i="1"/>
  <c r="AD107049" i="1"/>
  <c r="AD107050" i="1"/>
  <c r="AD107051" i="1"/>
  <c r="AD107052" i="1"/>
  <c r="AD107053" i="1"/>
  <c r="AD107054" i="1"/>
  <c r="AD107055" i="1"/>
  <c r="AD107056" i="1"/>
  <c r="AD107057" i="1"/>
  <c r="AD107058" i="1"/>
  <c r="AD107059" i="1"/>
  <c r="AD107060" i="1"/>
  <c r="AD107061" i="1"/>
  <c r="AD107062" i="1"/>
  <c r="AD107063" i="1"/>
  <c r="AD107064" i="1"/>
  <c r="AD107065" i="1"/>
  <c r="AD107066" i="1"/>
  <c r="AD107067" i="1"/>
  <c r="AD107068" i="1"/>
  <c r="AD107069" i="1"/>
  <c r="AD107070" i="1"/>
  <c r="AD107071" i="1"/>
  <c r="AD107072" i="1"/>
  <c r="AD107073" i="1"/>
  <c r="AD107074" i="1"/>
  <c r="AD107075" i="1"/>
  <c r="AD107076" i="1"/>
  <c r="AD107077" i="1"/>
  <c r="AD107078" i="1"/>
  <c r="AD107079" i="1"/>
  <c r="AD107080" i="1"/>
  <c r="AD107081" i="1"/>
  <c r="AD107082" i="1"/>
  <c r="AD107083" i="1"/>
  <c r="AD107084" i="1"/>
  <c r="AD107085" i="1"/>
  <c r="AD107086" i="1"/>
  <c r="AD107087" i="1"/>
  <c r="AD107088" i="1"/>
  <c r="AD107089" i="1"/>
  <c r="AD107090" i="1"/>
  <c r="AD107091" i="1"/>
  <c r="AD107092" i="1"/>
  <c r="AD107093" i="1"/>
  <c r="AD107094" i="1"/>
  <c r="AD107095" i="1"/>
  <c r="AD107096" i="1"/>
  <c r="AD107097" i="1"/>
  <c r="AD107098" i="1"/>
  <c r="AD107099" i="1"/>
  <c r="AD107100" i="1"/>
  <c r="AD107101" i="1"/>
  <c r="AD107102" i="1"/>
  <c r="AD107103" i="1"/>
  <c r="AD107104" i="1"/>
  <c r="AD107105" i="1"/>
  <c r="AD107106" i="1"/>
  <c r="AD107107" i="1"/>
  <c r="AD107108" i="1"/>
  <c r="AD107109" i="1"/>
  <c r="AD107110" i="1"/>
  <c r="AD107111" i="1"/>
  <c r="AD107112" i="1"/>
  <c r="AD107113" i="1"/>
  <c r="AD107114" i="1"/>
  <c r="AD107115" i="1"/>
  <c r="AD107116" i="1"/>
  <c r="AD107117" i="1"/>
  <c r="AD107118" i="1"/>
  <c r="AD107119" i="1"/>
  <c r="AD107120" i="1"/>
  <c r="AD107121" i="1"/>
  <c r="AD107122" i="1"/>
  <c r="AD107123" i="1"/>
  <c r="AD107124" i="1"/>
  <c r="AD107125" i="1"/>
  <c r="AD107126" i="1"/>
  <c r="AD107127" i="1"/>
  <c r="AD107128" i="1"/>
  <c r="AD107129" i="1"/>
  <c r="AD107130" i="1"/>
  <c r="AD107131" i="1"/>
  <c r="AD107132" i="1"/>
  <c r="AD107133" i="1"/>
  <c r="AD107134" i="1"/>
  <c r="AD107135" i="1"/>
  <c r="AD107136" i="1"/>
  <c r="AD107137" i="1"/>
  <c r="AD107138" i="1"/>
  <c r="AD107139" i="1"/>
  <c r="AD107140" i="1"/>
  <c r="AD107141" i="1"/>
  <c r="AD107142" i="1"/>
  <c r="AD107143" i="1"/>
  <c r="AD107144" i="1"/>
  <c r="AD107145" i="1"/>
  <c r="AD107146" i="1"/>
  <c r="AD107147" i="1"/>
  <c r="AD107148" i="1"/>
  <c r="AD107149" i="1"/>
  <c r="AD107150" i="1"/>
  <c r="AD107151" i="1"/>
  <c r="AD107152" i="1"/>
  <c r="AD107153" i="1"/>
  <c r="AD107154" i="1"/>
  <c r="AD107155" i="1"/>
  <c r="AD107156" i="1"/>
  <c r="AD107157" i="1"/>
  <c r="AD107158" i="1"/>
  <c r="AD107159" i="1"/>
  <c r="AD107160" i="1"/>
  <c r="AD107161" i="1"/>
  <c r="AD107162" i="1"/>
  <c r="AD107163" i="1"/>
  <c r="AD107164" i="1"/>
  <c r="AD107165" i="1"/>
  <c r="AD107166" i="1"/>
  <c r="AD107167" i="1"/>
  <c r="AD107168" i="1"/>
  <c r="AD107169" i="1"/>
  <c r="AD107170" i="1"/>
  <c r="AD107171" i="1"/>
  <c r="AD107172" i="1"/>
  <c r="AD107173" i="1"/>
  <c r="AD107174" i="1"/>
  <c r="AD107175" i="1"/>
  <c r="AD107176" i="1"/>
  <c r="AD107177" i="1"/>
  <c r="AD107178" i="1"/>
  <c r="AD107179" i="1"/>
  <c r="AD107180" i="1"/>
  <c r="AD107181" i="1"/>
  <c r="AD107182" i="1"/>
  <c r="AD107183" i="1"/>
  <c r="AD107184" i="1"/>
  <c r="AD107185" i="1"/>
  <c r="AD107186" i="1"/>
  <c r="AD107187" i="1"/>
  <c r="AD107188" i="1"/>
  <c r="AD107189" i="1"/>
  <c r="AD107190" i="1"/>
  <c r="AD107191" i="1"/>
  <c r="AD107192" i="1"/>
  <c r="AD107193" i="1"/>
  <c r="AD107194" i="1"/>
  <c r="AD107195" i="1"/>
  <c r="AD107196" i="1"/>
  <c r="AD107197" i="1"/>
  <c r="AD107198" i="1"/>
  <c r="AD107199" i="1"/>
  <c r="AD107200" i="1"/>
  <c r="AD107201" i="1"/>
  <c r="AD107202" i="1"/>
  <c r="AD107203" i="1"/>
  <c r="AD107204" i="1"/>
  <c r="AD107205" i="1"/>
  <c r="AD107206" i="1"/>
  <c r="AD107207" i="1"/>
  <c r="AD107208" i="1"/>
  <c r="AD107209" i="1"/>
  <c r="AD107210" i="1"/>
  <c r="AD107211" i="1"/>
  <c r="AD107212" i="1"/>
  <c r="AD107213" i="1"/>
  <c r="AD107214" i="1"/>
  <c r="AD107215" i="1"/>
  <c r="AD107216" i="1"/>
  <c r="AD107217" i="1"/>
  <c r="AD107218" i="1"/>
  <c r="AD107219" i="1"/>
  <c r="AD107220" i="1"/>
  <c r="AD107221" i="1"/>
  <c r="AD107222" i="1"/>
  <c r="AD107223" i="1"/>
  <c r="AD107224" i="1"/>
  <c r="AD107225" i="1"/>
  <c r="AD107226" i="1"/>
  <c r="AD107227" i="1"/>
  <c r="AD107228" i="1"/>
  <c r="AD107229" i="1"/>
  <c r="AD107230" i="1"/>
  <c r="AD107231" i="1"/>
  <c r="AD107232" i="1"/>
  <c r="AD107233" i="1"/>
  <c r="AD107234" i="1"/>
  <c r="AD107235" i="1"/>
  <c r="AD107236" i="1"/>
  <c r="AD107237" i="1"/>
  <c r="AD107238" i="1"/>
  <c r="AD107239" i="1"/>
  <c r="AD107240" i="1"/>
  <c r="AD107241" i="1"/>
  <c r="AD107242" i="1"/>
  <c r="AD107243" i="1"/>
  <c r="AD107244" i="1"/>
  <c r="AD107245" i="1"/>
  <c r="AD107246" i="1"/>
  <c r="AD107247" i="1"/>
  <c r="AD107248" i="1"/>
  <c r="AD107249" i="1"/>
  <c r="AD107250" i="1"/>
  <c r="AD107251" i="1"/>
  <c r="AD107252" i="1"/>
  <c r="AD107253" i="1"/>
  <c r="AD107254" i="1"/>
  <c r="AD107255" i="1"/>
  <c r="AD107256" i="1"/>
  <c r="AD107257" i="1"/>
  <c r="AD107258" i="1"/>
  <c r="AD107259" i="1"/>
  <c r="AD107260" i="1"/>
  <c r="AD107261" i="1"/>
  <c r="AD107262" i="1"/>
  <c r="AD107263" i="1"/>
  <c r="AD107264" i="1"/>
  <c r="AD107265" i="1"/>
  <c r="AD107266" i="1"/>
  <c r="AD107267" i="1"/>
  <c r="AD107268" i="1"/>
  <c r="AD107269" i="1"/>
  <c r="AD107270" i="1"/>
  <c r="AD107271" i="1"/>
  <c r="AD107272" i="1"/>
  <c r="AD107273" i="1"/>
  <c r="AD107274" i="1"/>
  <c r="AD107275" i="1"/>
  <c r="AD107276" i="1"/>
  <c r="AD107277" i="1"/>
  <c r="AD107278" i="1"/>
  <c r="AD107279" i="1"/>
  <c r="AD107280" i="1"/>
  <c r="AD107281" i="1"/>
  <c r="AD107282" i="1"/>
  <c r="AD107283" i="1"/>
  <c r="AD107284" i="1"/>
  <c r="AD107285" i="1"/>
  <c r="AD107286" i="1"/>
  <c r="AD107287" i="1"/>
  <c r="AD107288" i="1"/>
  <c r="AD107289" i="1"/>
  <c r="AD107290" i="1"/>
  <c r="AD107291" i="1"/>
  <c r="AD107292" i="1"/>
  <c r="AD107293" i="1"/>
  <c r="AD107294" i="1"/>
  <c r="AD107295" i="1"/>
  <c r="AD107296" i="1"/>
  <c r="AD107297" i="1"/>
  <c r="AD107298" i="1"/>
  <c r="AD107299" i="1"/>
  <c r="AD107300" i="1"/>
  <c r="AD107301" i="1"/>
  <c r="AD107302" i="1"/>
  <c r="AD107303" i="1"/>
  <c r="AD107304" i="1"/>
  <c r="AD107305" i="1"/>
  <c r="AD107306" i="1"/>
  <c r="AD107307" i="1"/>
  <c r="AD107308" i="1"/>
  <c r="AD107309" i="1"/>
  <c r="AD107310" i="1"/>
  <c r="AD107311" i="1"/>
  <c r="AD107312" i="1"/>
  <c r="AD107313" i="1"/>
  <c r="AD107314" i="1"/>
  <c r="AD107315" i="1"/>
  <c r="AD107316" i="1"/>
  <c r="AD107317" i="1"/>
  <c r="AD107318" i="1"/>
  <c r="AD107319" i="1"/>
  <c r="AD107320" i="1"/>
  <c r="AD107321" i="1"/>
  <c r="AD107322" i="1"/>
  <c r="AD107323" i="1"/>
  <c r="AD107324" i="1"/>
  <c r="AD107325" i="1"/>
  <c r="AD107326" i="1"/>
  <c r="AD107327" i="1"/>
  <c r="AD107328" i="1"/>
  <c r="AD107329" i="1"/>
  <c r="AD107330" i="1"/>
  <c r="AD107331" i="1"/>
  <c r="AD107332" i="1"/>
  <c r="AD107333" i="1"/>
  <c r="AD107334" i="1"/>
  <c r="AD107335" i="1"/>
  <c r="AD107336" i="1"/>
  <c r="AD107337" i="1"/>
  <c r="AD107338" i="1"/>
  <c r="AD107339" i="1"/>
  <c r="AD107340" i="1"/>
  <c r="AD107341" i="1"/>
  <c r="AD107342" i="1"/>
  <c r="AD107343" i="1"/>
  <c r="AD107344" i="1"/>
  <c r="AD107345" i="1"/>
  <c r="AD107346" i="1"/>
  <c r="AD107347" i="1"/>
  <c r="AD107348" i="1"/>
  <c r="AD107349" i="1"/>
  <c r="AD107350" i="1"/>
  <c r="AD107351" i="1"/>
  <c r="AD107352" i="1"/>
  <c r="AD107353" i="1"/>
  <c r="AD107354" i="1"/>
  <c r="AD107355" i="1"/>
  <c r="AD107356" i="1"/>
  <c r="AD107357" i="1"/>
  <c r="AD107358" i="1"/>
  <c r="AD107359" i="1"/>
  <c r="AD107360" i="1"/>
  <c r="AD107361" i="1"/>
  <c r="AD107362" i="1"/>
  <c r="AD107363" i="1"/>
  <c r="AD107364" i="1"/>
  <c r="AD107365" i="1"/>
  <c r="AD107366" i="1"/>
  <c r="AD107367" i="1"/>
  <c r="AD107368" i="1"/>
  <c r="AD107369" i="1"/>
  <c r="AD107370" i="1"/>
  <c r="AD107371" i="1"/>
  <c r="AD107372" i="1"/>
  <c r="AD107373" i="1"/>
  <c r="AD107374" i="1"/>
  <c r="AD107375" i="1"/>
  <c r="AD107376" i="1"/>
  <c r="AD107377" i="1"/>
  <c r="AD107378" i="1"/>
  <c r="AD107379" i="1"/>
  <c r="AD107380" i="1"/>
  <c r="AD107381" i="1"/>
  <c r="AD107382" i="1"/>
  <c r="AD107383" i="1"/>
  <c r="AD107384" i="1"/>
  <c r="AD107385" i="1"/>
  <c r="AD107386" i="1"/>
  <c r="AD107387" i="1"/>
  <c r="AD107388" i="1"/>
  <c r="AD107389" i="1"/>
  <c r="AD107390" i="1"/>
  <c r="AD107391" i="1"/>
  <c r="AD107392" i="1"/>
  <c r="AD107393" i="1"/>
  <c r="AD107394" i="1"/>
  <c r="AD107395" i="1"/>
  <c r="AD107396" i="1"/>
  <c r="AD107397" i="1"/>
  <c r="AD107398" i="1"/>
  <c r="AD107399" i="1"/>
  <c r="AD107400" i="1"/>
  <c r="AD107401" i="1"/>
  <c r="AD107402" i="1"/>
  <c r="AD107403" i="1"/>
  <c r="AD107404" i="1"/>
  <c r="AD107405" i="1"/>
  <c r="AD107406" i="1"/>
  <c r="AD107407" i="1"/>
  <c r="AD107408" i="1"/>
  <c r="AD107409" i="1"/>
  <c r="AD107410" i="1"/>
  <c r="AD107411" i="1"/>
  <c r="AD107412" i="1"/>
  <c r="AD107413" i="1"/>
  <c r="AD107414" i="1"/>
  <c r="AD107415" i="1"/>
  <c r="AD107416" i="1"/>
  <c r="AD107417" i="1"/>
  <c r="AD107418" i="1"/>
  <c r="AD107419" i="1"/>
  <c r="AD107420" i="1"/>
  <c r="AD107421" i="1"/>
  <c r="AD107422" i="1"/>
  <c r="AD107423" i="1"/>
  <c r="AD107424" i="1"/>
  <c r="AD107425" i="1"/>
  <c r="AD107426" i="1"/>
  <c r="AD107427" i="1"/>
  <c r="AD107428" i="1"/>
  <c r="AD107429" i="1"/>
  <c r="AD107430" i="1"/>
  <c r="AD107431" i="1"/>
  <c r="AD107432" i="1"/>
  <c r="AD107433" i="1"/>
  <c r="AD107434" i="1"/>
  <c r="AD107435" i="1"/>
  <c r="AD107436" i="1"/>
  <c r="AD107437" i="1"/>
  <c r="AD107438" i="1"/>
  <c r="AD107439" i="1"/>
  <c r="AD107440" i="1"/>
  <c r="AD107441" i="1"/>
  <c r="AD107442" i="1"/>
  <c r="AD107443" i="1"/>
  <c r="AD107444" i="1"/>
  <c r="AD107445" i="1"/>
  <c r="AD107446" i="1"/>
  <c r="AD107447" i="1"/>
  <c r="AD107448" i="1"/>
  <c r="AD107449" i="1"/>
  <c r="AD107450" i="1"/>
  <c r="AD107451" i="1"/>
  <c r="AD107452" i="1"/>
  <c r="AD107453" i="1"/>
  <c r="AD107454" i="1"/>
  <c r="AD107455" i="1"/>
  <c r="AD107456" i="1"/>
  <c r="AD107457" i="1"/>
  <c r="AD107458" i="1"/>
  <c r="AD107459" i="1"/>
  <c r="AD107460" i="1"/>
  <c r="AD107461" i="1"/>
  <c r="AD107462" i="1"/>
  <c r="AD107463" i="1"/>
  <c r="AD107464" i="1"/>
  <c r="AD107465" i="1"/>
  <c r="AD107466" i="1"/>
  <c r="AD107467" i="1"/>
  <c r="AD107468" i="1"/>
  <c r="AD107469" i="1"/>
  <c r="AD107470" i="1"/>
  <c r="AD107471" i="1"/>
  <c r="AD107472" i="1"/>
  <c r="AD107473" i="1"/>
  <c r="AD107474" i="1"/>
  <c r="AD107475" i="1"/>
  <c r="AD107476" i="1"/>
  <c r="AD107477" i="1"/>
  <c r="AD107478" i="1"/>
  <c r="AD107479" i="1"/>
  <c r="AD107480" i="1"/>
  <c r="AD107481" i="1"/>
  <c r="AD107482" i="1"/>
  <c r="AD107483" i="1"/>
  <c r="AD107484" i="1"/>
  <c r="AD107485" i="1"/>
  <c r="AD107486" i="1"/>
  <c r="AD107487" i="1"/>
  <c r="AD107488" i="1"/>
  <c r="AD107489" i="1"/>
  <c r="AD107490" i="1"/>
  <c r="AD107491" i="1"/>
  <c r="AD107492" i="1"/>
  <c r="AD107493" i="1"/>
  <c r="AD107494" i="1"/>
  <c r="AD107495" i="1"/>
  <c r="AD107496" i="1"/>
  <c r="AD107497" i="1"/>
  <c r="AD107498" i="1"/>
  <c r="AD107499" i="1"/>
  <c r="AD107500" i="1"/>
  <c r="AD107501" i="1"/>
  <c r="AD107502" i="1"/>
  <c r="AD107503" i="1"/>
  <c r="AD107504" i="1"/>
  <c r="AD107505" i="1"/>
  <c r="AD107506" i="1"/>
  <c r="AD107507" i="1"/>
  <c r="AD107508" i="1"/>
  <c r="AD107509" i="1"/>
  <c r="AD107510" i="1"/>
  <c r="AD107511" i="1"/>
  <c r="AD107512" i="1"/>
  <c r="AD107513" i="1"/>
  <c r="AD107514" i="1"/>
  <c r="AD107515" i="1"/>
  <c r="AD107516" i="1"/>
  <c r="AD107517" i="1"/>
  <c r="AD107518" i="1"/>
  <c r="AD107519" i="1"/>
  <c r="AD107520" i="1"/>
  <c r="AD107521" i="1"/>
  <c r="AD107522" i="1"/>
  <c r="AD107523" i="1"/>
  <c r="AD107524" i="1"/>
  <c r="AD107525" i="1"/>
  <c r="AD107526" i="1"/>
  <c r="AD107527" i="1"/>
  <c r="AD107528" i="1"/>
  <c r="AD107529" i="1"/>
  <c r="AD107530" i="1"/>
  <c r="AD107531" i="1"/>
  <c r="AD107532" i="1"/>
  <c r="AD107533" i="1"/>
  <c r="AD107534" i="1"/>
  <c r="AD107535" i="1"/>
  <c r="AD107536" i="1"/>
  <c r="AD107537" i="1"/>
  <c r="AD107538" i="1"/>
  <c r="AD107539" i="1"/>
  <c r="AD107540" i="1"/>
  <c r="AD107541" i="1"/>
  <c r="AD107542" i="1"/>
  <c r="AD107543" i="1"/>
  <c r="AD107544" i="1"/>
  <c r="AD107545" i="1"/>
  <c r="AD107546" i="1"/>
  <c r="AD107547" i="1"/>
  <c r="AD107548" i="1"/>
  <c r="AD107549" i="1"/>
  <c r="AD107550" i="1"/>
  <c r="AD107551" i="1"/>
  <c r="AD107552" i="1"/>
  <c r="AD107553" i="1"/>
  <c r="AD107554" i="1"/>
  <c r="AD107555" i="1"/>
  <c r="AD107556" i="1"/>
  <c r="AD107557" i="1"/>
  <c r="AD107558" i="1"/>
  <c r="AD107559" i="1"/>
  <c r="AD107560" i="1"/>
  <c r="AD107561" i="1"/>
  <c r="AD107562" i="1"/>
  <c r="AD107563" i="1"/>
  <c r="AD107564" i="1"/>
  <c r="AD107565" i="1"/>
  <c r="AD107566" i="1"/>
  <c r="AD107567" i="1"/>
  <c r="AD107568" i="1"/>
  <c r="AD107569" i="1"/>
  <c r="AD107570" i="1"/>
  <c r="AD107571" i="1"/>
  <c r="AD107572" i="1"/>
  <c r="AD107573" i="1"/>
  <c r="AD107574" i="1"/>
  <c r="AD107575" i="1"/>
  <c r="AD107576" i="1"/>
  <c r="AD107577" i="1"/>
  <c r="AD107578" i="1"/>
  <c r="AD107579" i="1"/>
  <c r="AD107580" i="1"/>
  <c r="AD107581" i="1"/>
  <c r="AD107582" i="1"/>
  <c r="AD107583" i="1"/>
  <c r="AD107584" i="1"/>
  <c r="AD107585" i="1"/>
  <c r="AD107586" i="1"/>
  <c r="AD107587" i="1"/>
  <c r="AD107588" i="1"/>
  <c r="AD107589" i="1"/>
  <c r="AD107590" i="1"/>
  <c r="AD107591" i="1"/>
  <c r="AD107592" i="1"/>
  <c r="AD107593" i="1"/>
  <c r="AD107594" i="1"/>
  <c r="AD107595" i="1"/>
  <c r="AD107596" i="1"/>
  <c r="AD107597" i="1"/>
  <c r="AD107598" i="1"/>
  <c r="AD107599" i="1"/>
  <c r="AD107600" i="1"/>
  <c r="AD107601" i="1"/>
  <c r="AD107602" i="1"/>
  <c r="AD107603" i="1"/>
  <c r="AD107604" i="1"/>
  <c r="AD107605" i="1"/>
  <c r="AD107606" i="1"/>
  <c r="AD107607" i="1"/>
  <c r="AD107608" i="1"/>
  <c r="AD107609" i="1"/>
  <c r="AD107610" i="1"/>
  <c r="AD107611" i="1"/>
  <c r="AD107612" i="1"/>
  <c r="AD107613" i="1"/>
  <c r="AD107614" i="1"/>
  <c r="AD107615" i="1"/>
  <c r="AD107616" i="1"/>
  <c r="AD107617" i="1"/>
  <c r="AD107618" i="1"/>
  <c r="AD107619" i="1"/>
  <c r="AD107620" i="1"/>
  <c r="AD107621" i="1"/>
  <c r="AD107622" i="1"/>
  <c r="AD107623" i="1"/>
  <c r="AD107624" i="1"/>
  <c r="AD107625" i="1"/>
  <c r="AD107626" i="1"/>
  <c r="AD107627" i="1"/>
  <c r="AD107628" i="1"/>
  <c r="AD107629" i="1"/>
  <c r="AD107630" i="1"/>
  <c r="AD107631" i="1"/>
  <c r="AD107632" i="1"/>
  <c r="AD107633" i="1"/>
  <c r="AD107634" i="1"/>
  <c r="AD107635" i="1"/>
  <c r="AD107636" i="1"/>
  <c r="AD107637" i="1"/>
  <c r="AD107638" i="1"/>
  <c r="AD107639" i="1"/>
  <c r="AD107640" i="1"/>
  <c r="AD107641" i="1"/>
  <c r="AD107642" i="1"/>
  <c r="AD107643" i="1"/>
  <c r="AD107644" i="1"/>
  <c r="AD107645" i="1"/>
  <c r="AD107646" i="1"/>
  <c r="AD107647" i="1"/>
  <c r="AD107648" i="1"/>
  <c r="AD107649" i="1"/>
  <c r="AD107650" i="1"/>
  <c r="AD107651" i="1"/>
  <c r="AD107652" i="1"/>
  <c r="AD107653" i="1"/>
  <c r="AD107654" i="1"/>
  <c r="AD107655" i="1"/>
  <c r="AD107656" i="1"/>
  <c r="AD107657" i="1"/>
  <c r="AD107658" i="1"/>
  <c r="AD107659" i="1"/>
  <c r="AD107660" i="1"/>
  <c r="AD107661" i="1"/>
  <c r="AD107662" i="1"/>
  <c r="AD107663" i="1"/>
  <c r="AD107664" i="1"/>
  <c r="AD107665" i="1"/>
  <c r="AD107666" i="1"/>
  <c r="AD107667" i="1"/>
  <c r="AD107668" i="1"/>
  <c r="AD107669" i="1"/>
  <c r="AD107670" i="1"/>
  <c r="AD107671" i="1"/>
  <c r="AD107672" i="1"/>
  <c r="AD107673" i="1"/>
  <c r="AD107674" i="1"/>
  <c r="AD107675" i="1"/>
  <c r="AD107676" i="1"/>
  <c r="AD107677" i="1"/>
  <c r="AD107678" i="1"/>
  <c r="AD107679" i="1"/>
  <c r="AD107680" i="1"/>
  <c r="AD107681" i="1"/>
  <c r="AD107682" i="1"/>
  <c r="AD107683" i="1"/>
  <c r="AD107684" i="1"/>
  <c r="AD107685" i="1"/>
  <c r="AD107686" i="1"/>
  <c r="AD107687" i="1"/>
  <c r="AD107688" i="1"/>
  <c r="AD107689" i="1"/>
  <c r="AD107690" i="1"/>
  <c r="AD107691" i="1"/>
  <c r="AD107692" i="1"/>
  <c r="AD107693" i="1"/>
  <c r="AD107694" i="1"/>
  <c r="AD107695" i="1"/>
  <c r="AD107696" i="1"/>
  <c r="AD107697" i="1"/>
  <c r="AD107698" i="1"/>
  <c r="AD107699" i="1"/>
  <c r="AD107700" i="1"/>
  <c r="AD107701" i="1"/>
  <c r="AD107702" i="1"/>
  <c r="AD107703" i="1"/>
  <c r="AD107704" i="1"/>
  <c r="AD107705" i="1"/>
  <c r="AD107706" i="1"/>
  <c r="AD107707" i="1"/>
  <c r="AD107708" i="1"/>
  <c r="AD107709" i="1"/>
  <c r="AD107710" i="1"/>
  <c r="AD107711" i="1"/>
  <c r="AD107712" i="1"/>
  <c r="AD107713" i="1"/>
  <c r="AD107714" i="1"/>
  <c r="AD107715" i="1"/>
  <c r="AD107716" i="1"/>
  <c r="AD107717" i="1"/>
  <c r="AD107718" i="1"/>
  <c r="AD107719" i="1"/>
  <c r="AD107720" i="1"/>
  <c r="AD107721" i="1"/>
  <c r="AD107722" i="1"/>
  <c r="AD107723" i="1"/>
  <c r="AD107724" i="1"/>
  <c r="AD107725" i="1"/>
  <c r="AD107726" i="1"/>
  <c r="AD107727" i="1"/>
  <c r="AD107728" i="1"/>
  <c r="AD107729" i="1"/>
  <c r="AD107730" i="1"/>
  <c r="AD107731" i="1"/>
  <c r="AD107732" i="1"/>
  <c r="AD107733" i="1"/>
  <c r="AD107734" i="1"/>
  <c r="AD107735" i="1"/>
  <c r="AD107736" i="1"/>
  <c r="AD107737" i="1"/>
  <c r="AD107738" i="1"/>
  <c r="AD107739" i="1"/>
  <c r="AD107740" i="1"/>
  <c r="AD107741" i="1"/>
  <c r="AD107742" i="1"/>
  <c r="AD107743" i="1"/>
  <c r="AD107744" i="1"/>
  <c r="AD107745" i="1"/>
  <c r="AD107746" i="1"/>
  <c r="AD107747" i="1"/>
  <c r="AD107748" i="1"/>
  <c r="AD107749" i="1"/>
  <c r="AD107750" i="1"/>
  <c r="AD107751" i="1"/>
  <c r="AD107752" i="1"/>
  <c r="AD107753" i="1"/>
  <c r="AD107754" i="1"/>
  <c r="AD107755" i="1"/>
  <c r="AD107756" i="1"/>
  <c r="AD107757" i="1"/>
  <c r="AD107758" i="1"/>
  <c r="AD107759" i="1"/>
  <c r="AD107760" i="1"/>
  <c r="AD107761" i="1"/>
  <c r="AD107762" i="1"/>
  <c r="AD107763" i="1"/>
  <c r="AD107764" i="1"/>
  <c r="AD107765" i="1"/>
  <c r="AD107766" i="1"/>
  <c r="AD107767" i="1"/>
  <c r="AD107768" i="1"/>
  <c r="AD107769" i="1"/>
  <c r="AD107770" i="1"/>
  <c r="AD107771" i="1"/>
  <c r="AD107772" i="1"/>
  <c r="AD107773" i="1"/>
  <c r="AD107774" i="1"/>
  <c r="AD107775" i="1"/>
  <c r="AD107776" i="1"/>
  <c r="AD107777" i="1"/>
  <c r="AD107778" i="1"/>
  <c r="AD107779" i="1"/>
  <c r="AD107780" i="1"/>
  <c r="AD107781" i="1"/>
  <c r="AD107782" i="1"/>
  <c r="AD107783" i="1"/>
  <c r="AD107784" i="1"/>
  <c r="AD107785" i="1"/>
  <c r="AD107786" i="1"/>
  <c r="AD107787" i="1"/>
  <c r="AD107788" i="1"/>
  <c r="AD107789" i="1"/>
  <c r="AD107790" i="1"/>
  <c r="AD107791" i="1"/>
  <c r="AD107792" i="1"/>
  <c r="AD107793" i="1"/>
  <c r="AD107794" i="1"/>
  <c r="AD107795" i="1"/>
  <c r="AD107796" i="1"/>
  <c r="AD107797" i="1"/>
  <c r="AD107798" i="1"/>
  <c r="AD107799" i="1"/>
  <c r="AD107800" i="1"/>
  <c r="AD107801" i="1"/>
  <c r="AD107802" i="1"/>
  <c r="AD107803" i="1"/>
  <c r="AD107804" i="1"/>
  <c r="AD107805" i="1"/>
  <c r="AD107806" i="1"/>
  <c r="AD107807" i="1"/>
  <c r="AD107808" i="1"/>
  <c r="AD107809" i="1"/>
  <c r="AD107810" i="1"/>
  <c r="AD107811" i="1"/>
  <c r="AD107812" i="1"/>
  <c r="AD107813" i="1"/>
  <c r="AD107814" i="1"/>
  <c r="AD107815" i="1"/>
  <c r="AD107816" i="1"/>
  <c r="AD107817" i="1"/>
  <c r="AD107818" i="1"/>
  <c r="AD107819" i="1"/>
  <c r="AD107820" i="1"/>
  <c r="AD107821" i="1"/>
  <c r="AD107822" i="1"/>
  <c r="AD107823" i="1"/>
  <c r="AD107824" i="1"/>
  <c r="AD107825" i="1"/>
  <c r="AD107826" i="1"/>
  <c r="AD107827" i="1"/>
  <c r="AD107828" i="1"/>
  <c r="AD107829" i="1"/>
  <c r="AD107830" i="1"/>
  <c r="AD107831" i="1"/>
  <c r="AD107832" i="1"/>
  <c r="AD107833" i="1"/>
  <c r="AD107834" i="1"/>
  <c r="AD107835" i="1"/>
  <c r="AD107836" i="1"/>
  <c r="AD107837" i="1"/>
  <c r="AD107838" i="1"/>
  <c r="AD107839" i="1"/>
  <c r="AD107840" i="1"/>
  <c r="AD107841" i="1"/>
  <c r="AD107842" i="1"/>
  <c r="AD107843" i="1"/>
  <c r="AD107844" i="1"/>
  <c r="AD107845" i="1"/>
  <c r="AD107846" i="1"/>
  <c r="AD107847" i="1"/>
  <c r="AD107848" i="1"/>
  <c r="AD107849" i="1"/>
  <c r="AD107850" i="1"/>
  <c r="AD107851" i="1"/>
  <c r="AD107852" i="1"/>
  <c r="AD107853" i="1"/>
  <c r="AD107854" i="1"/>
  <c r="AD107855" i="1"/>
  <c r="AD107856" i="1"/>
  <c r="AD107857" i="1"/>
  <c r="AD107858" i="1"/>
  <c r="AD107859" i="1"/>
  <c r="AD107860" i="1"/>
  <c r="AD107861" i="1"/>
  <c r="AD107862" i="1"/>
  <c r="AD107863" i="1"/>
  <c r="AD107864" i="1"/>
  <c r="AD107865" i="1"/>
  <c r="AD107866" i="1"/>
  <c r="AD107867" i="1"/>
  <c r="AD107868" i="1"/>
  <c r="AD107869" i="1"/>
  <c r="AD107870" i="1"/>
  <c r="AD107871" i="1"/>
  <c r="AD107872" i="1"/>
  <c r="AD107873" i="1"/>
  <c r="AD107874" i="1"/>
  <c r="AD107875" i="1"/>
  <c r="AD107876" i="1"/>
  <c r="AD107877" i="1"/>
  <c r="AD107878" i="1"/>
  <c r="AD107879" i="1"/>
  <c r="AD107880" i="1"/>
  <c r="AD107881" i="1"/>
  <c r="AD107882" i="1"/>
  <c r="AD107883" i="1"/>
  <c r="AD107884" i="1"/>
  <c r="AD107885" i="1"/>
  <c r="AD107886" i="1"/>
  <c r="AD107887" i="1"/>
  <c r="AD107888" i="1"/>
  <c r="AD107889" i="1"/>
  <c r="AD107890" i="1"/>
  <c r="AD107891" i="1"/>
  <c r="AD107892" i="1"/>
  <c r="AD107893" i="1"/>
  <c r="AD107894" i="1"/>
  <c r="AD107895" i="1"/>
  <c r="AD107896" i="1"/>
  <c r="AD107897" i="1"/>
  <c r="AD107898" i="1"/>
  <c r="AD107899" i="1"/>
  <c r="AD107900" i="1"/>
  <c r="AD107901" i="1"/>
  <c r="AD107902" i="1"/>
  <c r="AD107903" i="1"/>
  <c r="AD107904" i="1"/>
  <c r="AD107905" i="1"/>
  <c r="AD107906" i="1"/>
  <c r="AD107907" i="1"/>
  <c r="AD107908" i="1"/>
  <c r="AD107909" i="1"/>
  <c r="AD107910" i="1"/>
  <c r="AD107911" i="1"/>
  <c r="AD107912" i="1"/>
  <c r="AD107913" i="1"/>
  <c r="AD107914" i="1"/>
  <c r="AD107915" i="1"/>
  <c r="AD107916" i="1"/>
  <c r="AD107917" i="1"/>
  <c r="AD107918" i="1"/>
  <c r="AD107919" i="1"/>
  <c r="AD107920" i="1"/>
  <c r="AD107921" i="1"/>
  <c r="AD107922" i="1"/>
  <c r="AD107923" i="1"/>
  <c r="AD107924" i="1"/>
  <c r="AD107925" i="1"/>
  <c r="AD107926" i="1"/>
  <c r="AD107927" i="1"/>
  <c r="AD107928" i="1"/>
  <c r="AD107929" i="1"/>
  <c r="AD107930" i="1"/>
  <c r="AD107931" i="1"/>
  <c r="AD107932" i="1"/>
  <c r="AD107933" i="1"/>
  <c r="AD107934" i="1"/>
  <c r="AD107935" i="1"/>
  <c r="AD107936" i="1"/>
  <c r="AD107937" i="1"/>
  <c r="AD107938" i="1"/>
  <c r="AD107939" i="1"/>
  <c r="AD107940" i="1"/>
  <c r="AD107941" i="1"/>
  <c r="AD107942" i="1"/>
  <c r="AD107943" i="1"/>
  <c r="AD107944" i="1"/>
  <c r="AD107945" i="1"/>
  <c r="AD107946" i="1"/>
  <c r="AD107947" i="1"/>
  <c r="AD107948" i="1"/>
  <c r="AD107949" i="1"/>
  <c r="AD107950" i="1"/>
  <c r="AD107951" i="1"/>
  <c r="AD107952" i="1"/>
  <c r="AD107953" i="1"/>
  <c r="AD107954" i="1"/>
  <c r="AD107955" i="1"/>
  <c r="AD107956" i="1"/>
  <c r="AD107957" i="1"/>
  <c r="AD107958" i="1"/>
  <c r="AD107959" i="1"/>
  <c r="AD107960" i="1"/>
  <c r="AD107961" i="1"/>
  <c r="AD107962" i="1"/>
  <c r="AD107963" i="1"/>
  <c r="AD107964" i="1"/>
  <c r="AD107965" i="1"/>
  <c r="AD107966" i="1"/>
  <c r="AD107967" i="1"/>
  <c r="AD107968" i="1"/>
  <c r="AD107969" i="1"/>
  <c r="AD107970" i="1"/>
  <c r="AD107971" i="1"/>
  <c r="AD107972" i="1"/>
  <c r="AD107973" i="1"/>
  <c r="AD107974" i="1"/>
  <c r="AD107975" i="1"/>
  <c r="AD107976" i="1"/>
  <c r="AD107977" i="1"/>
  <c r="AD107978" i="1"/>
  <c r="AD107979" i="1"/>
  <c r="AD107980" i="1"/>
  <c r="AD107981" i="1"/>
  <c r="AD107982" i="1"/>
  <c r="AD107983" i="1"/>
  <c r="AD107984" i="1"/>
  <c r="AD107985" i="1"/>
  <c r="AD107986" i="1"/>
  <c r="AD107987" i="1"/>
  <c r="AD107988" i="1"/>
  <c r="AD107989" i="1"/>
  <c r="AD107990" i="1"/>
  <c r="AD107991" i="1"/>
  <c r="AD107992" i="1"/>
  <c r="AD107993" i="1"/>
  <c r="AD107994" i="1"/>
  <c r="AD107995" i="1"/>
  <c r="AD107996" i="1"/>
  <c r="AD107997" i="1"/>
  <c r="AD107998" i="1"/>
  <c r="AD107999" i="1"/>
  <c r="AD108000" i="1"/>
  <c r="AD108001" i="1"/>
  <c r="AD108002" i="1"/>
  <c r="AD108003" i="1"/>
  <c r="AD108004" i="1"/>
  <c r="AD108005" i="1"/>
  <c r="AD108006" i="1"/>
  <c r="AD108007" i="1"/>
  <c r="AD108008" i="1"/>
  <c r="AD108009" i="1"/>
  <c r="AD108010" i="1"/>
  <c r="AD108011" i="1"/>
  <c r="AD108012" i="1"/>
  <c r="AD108013" i="1"/>
  <c r="AD108014" i="1"/>
  <c r="AD108015" i="1"/>
  <c r="AD108016" i="1"/>
  <c r="AD108017" i="1"/>
  <c r="AD108018" i="1"/>
  <c r="AD108019" i="1"/>
  <c r="AD108020" i="1"/>
  <c r="AD108021" i="1"/>
  <c r="AD108022" i="1"/>
  <c r="AD108023" i="1"/>
  <c r="AD108024" i="1"/>
  <c r="AD108025" i="1"/>
  <c r="AD108026" i="1"/>
  <c r="AD108027" i="1"/>
  <c r="AD108028" i="1"/>
  <c r="AD108029" i="1"/>
  <c r="AD108030" i="1"/>
  <c r="AD108031" i="1"/>
  <c r="AD108032" i="1"/>
  <c r="AD108033" i="1"/>
  <c r="AD108034" i="1"/>
  <c r="AD108035" i="1"/>
  <c r="AD108036" i="1"/>
  <c r="AD108037" i="1"/>
  <c r="AD108038" i="1"/>
  <c r="AD108039" i="1"/>
  <c r="AD108040" i="1"/>
  <c r="AD108041" i="1"/>
  <c r="AD108042" i="1"/>
  <c r="AD108043" i="1"/>
  <c r="AD108044" i="1"/>
  <c r="AD108045" i="1"/>
  <c r="AD108046" i="1"/>
  <c r="AD108047" i="1"/>
  <c r="AD108048" i="1"/>
  <c r="AD108049" i="1"/>
  <c r="AD108050" i="1"/>
  <c r="AD108051" i="1"/>
  <c r="AD108052" i="1"/>
  <c r="AD108053" i="1"/>
  <c r="AD108054" i="1"/>
  <c r="AD108055" i="1"/>
  <c r="AD108056" i="1"/>
  <c r="AD108057" i="1"/>
  <c r="AD108058" i="1"/>
  <c r="AD108059" i="1"/>
  <c r="AD108060" i="1"/>
  <c r="AD108061" i="1"/>
  <c r="AD108062" i="1"/>
  <c r="AD108063" i="1"/>
  <c r="AD108064" i="1"/>
  <c r="AD108065" i="1"/>
  <c r="AD108066" i="1"/>
  <c r="AD108067" i="1"/>
  <c r="AD108068" i="1"/>
  <c r="AD108069" i="1"/>
  <c r="AD108070" i="1"/>
  <c r="AD108071" i="1"/>
  <c r="AD108072" i="1"/>
  <c r="AD108073" i="1"/>
  <c r="AD108074" i="1"/>
  <c r="AD108075" i="1"/>
  <c r="AD108076" i="1"/>
  <c r="AD108077" i="1"/>
  <c r="AD108078" i="1"/>
  <c r="AD108079" i="1"/>
  <c r="AD108080" i="1"/>
  <c r="AD108081" i="1"/>
  <c r="AD108082" i="1"/>
  <c r="AD108083" i="1"/>
  <c r="AD108084" i="1"/>
  <c r="AD108085" i="1"/>
  <c r="AD108086" i="1"/>
  <c r="AD108087" i="1"/>
  <c r="AD108088" i="1"/>
  <c r="AD108089" i="1"/>
  <c r="AD108090" i="1"/>
  <c r="AD108091" i="1"/>
  <c r="AD108092" i="1"/>
  <c r="AD108093" i="1"/>
  <c r="AD108094" i="1"/>
  <c r="AD108095" i="1"/>
  <c r="AD108096" i="1"/>
  <c r="AD108097" i="1"/>
  <c r="AD108098" i="1"/>
  <c r="AD108099" i="1"/>
  <c r="AD108100" i="1"/>
  <c r="AD108101" i="1"/>
  <c r="AD108102" i="1"/>
  <c r="AD108103" i="1"/>
  <c r="AD108104" i="1"/>
  <c r="AD108105" i="1"/>
  <c r="AD108106" i="1"/>
  <c r="AD108107" i="1"/>
  <c r="AD108108" i="1"/>
  <c r="AD108109" i="1"/>
  <c r="AD108110" i="1"/>
  <c r="AD108111" i="1"/>
  <c r="AD108112" i="1"/>
  <c r="AD108113" i="1"/>
  <c r="AD108114" i="1"/>
  <c r="AD108115" i="1"/>
  <c r="AD108116" i="1"/>
  <c r="AD108117" i="1"/>
  <c r="AD108118" i="1"/>
  <c r="AD108119" i="1"/>
  <c r="AD108120" i="1"/>
  <c r="AD108121" i="1"/>
  <c r="AD108122" i="1"/>
  <c r="AD108123" i="1"/>
  <c r="AD108124" i="1"/>
  <c r="AD108125" i="1"/>
  <c r="AD108126" i="1"/>
  <c r="AD108127" i="1"/>
  <c r="AD108128" i="1"/>
  <c r="AD108129" i="1"/>
  <c r="AD108130" i="1"/>
  <c r="AD108131" i="1"/>
  <c r="AD108132" i="1"/>
  <c r="AD108133" i="1"/>
  <c r="AD108134" i="1"/>
  <c r="AD108135" i="1"/>
  <c r="AD108136" i="1"/>
  <c r="AD108137" i="1"/>
  <c r="AD108138" i="1"/>
  <c r="AD108139" i="1"/>
  <c r="AD108140" i="1"/>
  <c r="AD108141" i="1"/>
  <c r="AD108142" i="1"/>
  <c r="AD108143" i="1"/>
  <c r="AD108144" i="1"/>
  <c r="AD108145" i="1"/>
  <c r="AD108146" i="1"/>
  <c r="AD108147" i="1"/>
  <c r="AD108148" i="1"/>
  <c r="AD108149" i="1"/>
  <c r="AD108150" i="1"/>
  <c r="AD108151" i="1"/>
  <c r="AD108152" i="1"/>
  <c r="AD108153" i="1"/>
  <c r="AD108154" i="1"/>
  <c r="AD108155" i="1"/>
  <c r="AD108156" i="1"/>
  <c r="AD108157" i="1"/>
  <c r="AD108158" i="1"/>
  <c r="AD108159" i="1"/>
  <c r="AD108160" i="1"/>
  <c r="AD108161" i="1"/>
  <c r="AD108162" i="1"/>
  <c r="AD108163" i="1"/>
  <c r="AD108164" i="1"/>
  <c r="AD108165" i="1"/>
  <c r="AD108166" i="1"/>
  <c r="AD108167" i="1"/>
  <c r="AD108168" i="1"/>
  <c r="AD108169" i="1"/>
  <c r="AD108170" i="1"/>
  <c r="AD108171" i="1"/>
  <c r="AD108172" i="1"/>
  <c r="AD108173" i="1"/>
  <c r="AD108174" i="1"/>
  <c r="AD108175" i="1"/>
  <c r="AD108176" i="1"/>
  <c r="AD108177" i="1"/>
  <c r="AD108178" i="1"/>
  <c r="AD108179" i="1"/>
  <c r="AD108180" i="1"/>
  <c r="AD108181" i="1"/>
  <c r="AD108182" i="1"/>
  <c r="AD108183" i="1"/>
  <c r="AD108184" i="1"/>
  <c r="AD108185" i="1"/>
  <c r="AD108186" i="1"/>
  <c r="AD108187" i="1"/>
  <c r="AD108188" i="1"/>
  <c r="AD108189" i="1"/>
  <c r="AD108190" i="1"/>
  <c r="AD108191" i="1"/>
  <c r="AD108192" i="1"/>
  <c r="AD108193" i="1"/>
  <c r="AD108194" i="1"/>
  <c r="AD108195" i="1"/>
  <c r="AD108196" i="1"/>
  <c r="AD108197" i="1"/>
  <c r="AD108198" i="1"/>
  <c r="AD108199" i="1"/>
  <c r="AD108200" i="1"/>
  <c r="AD108201" i="1"/>
  <c r="AD108202" i="1"/>
  <c r="AD108203" i="1"/>
  <c r="AD108204" i="1"/>
  <c r="AD108205" i="1"/>
  <c r="AD108206" i="1"/>
  <c r="AD108207" i="1"/>
  <c r="AD108208" i="1"/>
  <c r="AD108209" i="1"/>
  <c r="AD108210" i="1"/>
  <c r="AD108211" i="1"/>
  <c r="AD108212" i="1"/>
  <c r="AD108213" i="1"/>
  <c r="AD108214" i="1"/>
  <c r="AD108215" i="1"/>
  <c r="AD108216" i="1"/>
  <c r="AD108217" i="1"/>
  <c r="AD108218" i="1"/>
  <c r="AD108219" i="1"/>
  <c r="AD108220" i="1"/>
  <c r="AD108221" i="1"/>
  <c r="AD108222" i="1"/>
  <c r="AD108223" i="1"/>
  <c r="AD108224" i="1"/>
  <c r="AD108225" i="1"/>
  <c r="AD108226" i="1"/>
  <c r="AD108227" i="1"/>
  <c r="AD108228" i="1"/>
  <c r="AD108229" i="1"/>
  <c r="AD108230" i="1"/>
  <c r="AD108231" i="1"/>
  <c r="AD108232" i="1"/>
  <c r="AD108233" i="1"/>
  <c r="AD108234" i="1"/>
  <c r="AD108235" i="1"/>
  <c r="AD108236" i="1"/>
  <c r="AD108237" i="1"/>
  <c r="AD108238" i="1"/>
  <c r="AD108239" i="1"/>
  <c r="AD108240" i="1"/>
  <c r="AD108241" i="1"/>
  <c r="AD108242" i="1"/>
  <c r="AD108243" i="1"/>
  <c r="AD108244" i="1"/>
  <c r="AD108245" i="1"/>
  <c r="AD108246" i="1"/>
  <c r="AD108247" i="1"/>
  <c r="AD108248" i="1"/>
  <c r="AD108249" i="1"/>
  <c r="AD108250" i="1"/>
  <c r="AD108251" i="1"/>
  <c r="AD108252" i="1"/>
  <c r="AD108253" i="1"/>
  <c r="AD108254" i="1"/>
  <c r="AD108255" i="1"/>
  <c r="AD108256" i="1"/>
  <c r="AD108257" i="1"/>
  <c r="AD108258" i="1"/>
  <c r="AD108259" i="1"/>
  <c r="AD108260" i="1"/>
  <c r="AD108261" i="1"/>
  <c r="AD108262" i="1"/>
  <c r="AD108263" i="1"/>
  <c r="AD108264" i="1"/>
  <c r="AD108265" i="1"/>
  <c r="AD108266" i="1"/>
  <c r="AD108267" i="1"/>
  <c r="AD108268" i="1"/>
  <c r="AD108269" i="1"/>
  <c r="AD108270" i="1"/>
  <c r="AD108271" i="1"/>
  <c r="AD108272" i="1"/>
  <c r="AD108273" i="1"/>
  <c r="AD108274" i="1"/>
  <c r="AD108275" i="1"/>
  <c r="AD108276" i="1"/>
  <c r="AD108277" i="1"/>
  <c r="AD108278" i="1"/>
  <c r="AD108279" i="1"/>
  <c r="AD108280" i="1"/>
  <c r="AD108281" i="1"/>
  <c r="AD108282" i="1"/>
  <c r="AD108283" i="1"/>
  <c r="AD108284" i="1"/>
  <c r="AD108285" i="1"/>
  <c r="AD108286" i="1"/>
  <c r="AD108287" i="1"/>
  <c r="AD108288" i="1"/>
  <c r="AD108289" i="1"/>
  <c r="AD108290" i="1"/>
  <c r="AD108291" i="1"/>
  <c r="AD108292" i="1"/>
  <c r="AD108293" i="1"/>
  <c r="AD108294" i="1"/>
  <c r="AD108295" i="1"/>
  <c r="AD108296" i="1"/>
  <c r="AD108297" i="1"/>
  <c r="AD108298" i="1"/>
  <c r="AD108299" i="1"/>
  <c r="AD108300" i="1"/>
  <c r="AD108301" i="1"/>
  <c r="AD108302" i="1"/>
  <c r="AD108303" i="1"/>
  <c r="AD108304" i="1"/>
  <c r="AD108305" i="1"/>
  <c r="AD108306" i="1"/>
  <c r="AD108307" i="1"/>
  <c r="AD108308" i="1"/>
  <c r="AD108309" i="1"/>
  <c r="AD108310" i="1"/>
  <c r="AD108311" i="1"/>
  <c r="AD108312" i="1"/>
  <c r="AD108313" i="1"/>
  <c r="AD108314" i="1"/>
  <c r="AD108315" i="1"/>
  <c r="AD108316" i="1"/>
  <c r="AD108317" i="1"/>
  <c r="AD108318" i="1"/>
  <c r="AD108319" i="1"/>
  <c r="AD108320" i="1"/>
  <c r="AD108321" i="1"/>
  <c r="AD108322" i="1"/>
  <c r="AD108323" i="1"/>
  <c r="AD108324" i="1"/>
  <c r="AD108325" i="1"/>
  <c r="AD108326" i="1"/>
  <c r="AD108327" i="1"/>
  <c r="AD108328" i="1"/>
  <c r="AD108329" i="1"/>
  <c r="AD108330" i="1"/>
  <c r="AD108331" i="1"/>
  <c r="AD108332" i="1"/>
  <c r="AD108333" i="1"/>
  <c r="AD108334" i="1"/>
  <c r="AD108335" i="1"/>
  <c r="AD108336" i="1"/>
  <c r="AD108337" i="1"/>
  <c r="AD108338" i="1"/>
  <c r="AD108339" i="1"/>
  <c r="AD108340" i="1"/>
  <c r="AD108341" i="1"/>
  <c r="AD108342" i="1"/>
  <c r="AD108343" i="1"/>
  <c r="AD108344" i="1"/>
  <c r="AD108345" i="1"/>
  <c r="AD108346" i="1"/>
  <c r="AD108347" i="1"/>
  <c r="AD108348" i="1"/>
  <c r="AD108349" i="1"/>
  <c r="AD108350" i="1"/>
  <c r="AD108351" i="1"/>
  <c r="AD108352" i="1"/>
  <c r="AD108353" i="1"/>
  <c r="AD108354" i="1"/>
  <c r="AD108355" i="1"/>
  <c r="AD108356" i="1"/>
  <c r="AD108357" i="1"/>
  <c r="AD108358" i="1"/>
  <c r="AD108359" i="1"/>
  <c r="AD108360" i="1"/>
  <c r="AD108361" i="1"/>
  <c r="AD108362" i="1"/>
  <c r="AD108363" i="1"/>
  <c r="AD108364" i="1"/>
  <c r="AD108365" i="1"/>
  <c r="AD108366" i="1"/>
  <c r="AD108367" i="1"/>
  <c r="AD108368" i="1"/>
  <c r="AD108369" i="1"/>
  <c r="AD108370" i="1"/>
  <c r="AD108371" i="1"/>
  <c r="AD108372" i="1"/>
  <c r="AD108373" i="1"/>
  <c r="AD108374" i="1"/>
  <c r="AD108375" i="1"/>
  <c r="AD108376" i="1"/>
  <c r="AD108377" i="1"/>
  <c r="AD108378" i="1"/>
  <c r="AD108379" i="1"/>
  <c r="AD108380" i="1"/>
  <c r="AD108381" i="1"/>
  <c r="AD108382" i="1"/>
  <c r="AD108383" i="1"/>
  <c r="AD108384" i="1"/>
  <c r="AD108385" i="1"/>
  <c r="AD108386" i="1"/>
  <c r="AD108387" i="1"/>
  <c r="AD108388" i="1"/>
  <c r="AD108389" i="1"/>
  <c r="AD108390" i="1"/>
  <c r="AD108391" i="1"/>
  <c r="AD108392" i="1"/>
  <c r="AD108393" i="1"/>
  <c r="AD108394" i="1"/>
  <c r="AD108395" i="1"/>
  <c r="AD108396" i="1"/>
  <c r="AD108397" i="1"/>
  <c r="AD108398" i="1"/>
  <c r="AD108399" i="1"/>
  <c r="AD108400" i="1"/>
  <c r="AD108401" i="1"/>
  <c r="AD108402" i="1"/>
  <c r="AD108403" i="1"/>
  <c r="AD108404" i="1"/>
  <c r="AD108405" i="1"/>
  <c r="AD108406" i="1"/>
  <c r="AD108407" i="1"/>
  <c r="AD108408" i="1"/>
  <c r="AD108409" i="1"/>
  <c r="AD108410" i="1"/>
  <c r="AD108411" i="1"/>
  <c r="AD108412" i="1"/>
  <c r="AD108413" i="1"/>
  <c r="AD108414" i="1"/>
  <c r="AD108415" i="1"/>
  <c r="AD108416" i="1"/>
  <c r="AD108417" i="1"/>
  <c r="AD108418" i="1"/>
  <c r="AD108419" i="1"/>
  <c r="AD108420" i="1"/>
  <c r="AD108421" i="1"/>
  <c r="AD108422" i="1"/>
  <c r="AD108423" i="1"/>
  <c r="AD108424" i="1"/>
  <c r="AD108425" i="1"/>
  <c r="AD108426" i="1"/>
  <c r="AD108427" i="1"/>
  <c r="AD108428" i="1"/>
  <c r="AD108429" i="1"/>
  <c r="AD108430" i="1"/>
  <c r="AD108431" i="1"/>
  <c r="AD108432" i="1"/>
  <c r="AD108433" i="1"/>
  <c r="AD108434" i="1"/>
  <c r="AD108435" i="1"/>
  <c r="AD108436" i="1"/>
  <c r="AD108437" i="1"/>
  <c r="AD108438" i="1"/>
  <c r="AD108439" i="1"/>
  <c r="AD108440" i="1"/>
  <c r="AD108441" i="1"/>
  <c r="AD108442" i="1"/>
  <c r="AD108443" i="1"/>
  <c r="AD108444" i="1"/>
  <c r="AD108445" i="1"/>
  <c r="AD108446" i="1"/>
  <c r="AD108447" i="1"/>
  <c r="AD108448" i="1"/>
  <c r="AD108449" i="1"/>
  <c r="AD108450" i="1"/>
  <c r="AD108451" i="1"/>
  <c r="AD108452" i="1"/>
  <c r="AD108453" i="1"/>
  <c r="AD108454" i="1"/>
  <c r="AD108455" i="1"/>
  <c r="AD108456" i="1"/>
  <c r="AD108457" i="1"/>
  <c r="AD108458" i="1"/>
  <c r="AD108459" i="1"/>
  <c r="AD108460" i="1"/>
  <c r="AD108461" i="1"/>
  <c r="AD108462" i="1"/>
  <c r="AD108463" i="1"/>
  <c r="AD108464" i="1"/>
  <c r="AD108465" i="1"/>
  <c r="AD108466" i="1"/>
  <c r="AD108467" i="1"/>
  <c r="AD108468" i="1"/>
  <c r="AD108469" i="1"/>
  <c r="AD108470" i="1"/>
  <c r="AD108471" i="1"/>
  <c r="AD108472" i="1"/>
  <c r="AD108473" i="1"/>
  <c r="AD108474" i="1"/>
  <c r="AD108475" i="1"/>
  <c r="AD108476" i="1"/>
  <c r="AD108477" i="1"/>
  <c r="AD108478" i="1"/>
  <c r="AD108479" i="1"/>
  <c r="AD108480" i="1"/>
  <c r="AD108481" i="1"/>
  <c r="AD108482" i="1"/>
  <c r="AD108483" i="1"/>
  <c r="AD108484" i="1"/>
  <c r="AD108485" i="1"/>
  <c r="AD108486" i="1"/>
  <c r="AD108487" i="1"/>
  <c r="AD108488" i="1"/>
  <c r="AD108489" i="1"/>
  <c r="AD108490" i="1"/>
  <c r="AD108491" i="1"/>
  <c r="AD108492" i="1"/>
  <c r="AD108493" i="1"/>
  <c r="AD108494" i="1"/>
  <c r="AD108495" i="1"/>
  <c r="AD108496" i="1"/>
  <c r="AD108497" i="1"/>
  <c r="AD108498" i="1"/>
  <c r="AD108499" i="1"/>
  <c r="AD108500" i="1"/>
  <c r="AD108501" i="1"/>
  <c r="AD108502" i="1"/>
  <c r="AD108503" i="1"/>
  <c r="AD108504" i="1"/>
  <c r="AD108505" i="1"/>
  <c r="AD108506" i="1"/>
  <c r="AD108507" i="1"/>
  <c r="AD108508" i="1"/>
  <c r="AD108509" i="1"/>
  <c r="AD108510" i="1"/>
  <c r="AD108511" i="1"/>
  <c r="AD108512" i="1"/>
  <c r="AD108513" i="1"/>
  <c r="AD108514" i="1"/>
  <c r="AD108515" i="1"/>
  <c r="AD108516" i="1"/>
  <c r="AD108517" i="1"/>
  <c r="AD108518" i="1"/>
  <c r="AD108519" i="1"/>
  <c r="AD108520" i="1"/>
  <c r="AD108521" i="1"/>
  <c r="AD108522" i="1"/>
  <c r="AD108523" i="1"/>
  <c r="AD108524" i="1"/>
  <c r="AD108525" i="1"/>
  <c r="AD108526" i="1"/>
  <c r="AD108527" i="1"/>
  <c r="AD108528" i="1"/>
  <c r="AD108529" i="1"/>
  <c r="AD108530" i="1"/>
  <c r="AD108531" i="1"/>
  <c r="AD108532" i="1"/>
  <c r="AD108533" i="1"/>
  <c r="AD108534" i="1"/>
  <c r="AD108535" i="1"/>
  <c r="AD108536" i="1"/>
  <c r="AD108537" i="1"/>
  <c r="AD108538" i="1"/>
  <c r="AD108539" i="1"/>
  <c r="AD108540" i="1"/>
  <c r="AD108541" i="1"/>
  <c r="AD108542" i="1"/>
  <c r="AD108543" i="1"/>
  <c r="AD108544" i="1"/>
  <c r="AD108545" i="1"/>
  <c r="AD108546" i="1"/>
  <c r="AD108547" i="1"/>
  <c r="AD108548" i="1"/>
  <c r="AD108549" i="1"/>
  <c r="AD108550" i="1"/>
  <c r="AD108551" i="1"/>
  <c r="AD108552" i="1"/>
  <c r="AD108553" i="1"/>
  <c r="AD108554" i="1"/>
  <c r="AD108555" i="1"/>
  <c r="AD108556" i="1"/>
  <c r="AD108557" i="1"/>
  <c r="AD108558" i="1"/>
  <c r="AD108559" i="1"/>
  <c r="AD108560" i="1"/>
  <c r="AD108561" i="1"/>
  <c r="AD108562" i="1"/>
  <c r="AD108563" i="1"/>
  <c r="AD108564" i="1"/>
  <c r="AD108565" i="1"/>
  <c r="AD108566" i="1"/>
  <c r="AD108567" i="1"/>
  <c r="AD108568" i="1"/>
  <c r="AD108569" i="1"/>
  <c r="AD108570" i="1"/>
  <c r="AD108571" i="1"/>
  <c r="AD108572" i="1"/>
  <c r="AD108573" i="1"/>
  <c r="AD108574" i="1"/>
  <c r="AD108575" i="1"/>
  <c r="AD108576" i="1"/>
  <c r="AD108577" i="1"/>
  <c r="AD108578" i="1"/>
  <c r="AD108579" i="1"/>
  <c r="AD108580" i="1"/>
  <c r="AD108581" i="1"/>
  <c r="AD108582" i="1"/>
  <c r="AD108583" i="1"/>
  <c r="AD108584" i="1"/>
  <c r="AD108585" i="1"/>
  <c r="AD108586" i="1"/>
  <c r="AD108587" i="1"/>
  <c r="AD108588" i="1"/>
  <c r="AD108589" i="1"/>
  <c r="AD108590" i="1"/>
  <c r="AD108591" i="1"/>
  <c r="AD108592" i="1"/>
  <c r="AD108593" i="1"/>
  <c r="AD108594" i="1"/>
  <c r="AD108595" i="1"/>
  <c r="AD108596" i="1"/>
  <c r="AD108597" i="1"/>
  <c r="AD108598" i="1"/>
  <c r="AD108599" i="1"/>
  <c r="AD108600" i="1"/>
  <c r="AD108601" i="1"/>
  <c r="AD108602" i="1"/>
  <c r="AD108603" i="1"/>
  <c r="AD108604" i="1"/>
  <c r="AD108605" i="1"/>
  <c r="AD108606" i="1"/>
  <c r="AD108607" i="1"/>
  <c r="AD108608" i="1"/>
  <c r="AD108609" i="1"/>
  <c r="AD108610" i="1"/>
  <c r="AD108611" i="1"/>
  <c r="AD108612" i="1"/>
  <c r="AD108613" i="1"/>
  <c r="AD108614" i="1"/>
  <c r="AD108615" i="1"/>
  <c r="AD108616" i="1"/>
  <c r="AD108617" i="1"/>
  <c r="AD108618" i="1"/>
  <c r="AD108619" i="1"/>
  <c r="AD108620" i="1"/>
  <c r="AD108621" i="1"/>
  <c r="AD108622" i="1"/>
  <c r="AD108623" i="1"/>
  <c r="AD108624" i="1"/>
  <c r="AD108625" i="1"/>
  <c r="AD108626" i="1"/>
  <c r="AD108627" i="1"/>
  <c r="AD108628" i="1"/>
  <c r="AD108629" i="1"/>
  <c r="AD108630" i="1"/>
  <c r="AD108631" i="1"/>
  <c r="AD108632" i="1"/>
  <c r="AD108633" i="1"/>
  <c r="AD108634" i="1"/>
  <c r="AD108635" i="1"/>
  <c r="AD108636" i="1"/>
  <c r="AD108637" i="1"/>
  <c r="AD108638" i="1"/>
  <c r="AD108639" i="1"/>
  <c r="AD108640" i="1"/>
  <c r="AD108641" i="1"/>
  <c r="AD108642" i="1"/>
  <c r="AD108643" i="1"/>
  <c r="AD108644" i="1"/>
  <c r="AD108645" i="1"/>
  <c r="AD108646" i="1"/>
  <c r="AD108647" i="1"/>
  <c r="AD108648" i="1"/>
  <c r="AD108649" i="1"/>
  <c r="AD108650" i="1"/>
  <c r="AD108651" i="1"/>
  <c r="AD108652" i="1"/>
  <c r="AD108653" i="1"/>
  <c r="AD108654" i="1"/>
  <c r="AD108655" i="1"/>
  <c r="AD108656" i="1"/>
  <c r="AD108657" i="1"/>
  <c r="AD108658" i="1"/>
  <c r="AD108659" i="1"/>
  <c r="AD108660" i="1"/>
  <c r="AD108661" i="1"/>
  <c r="AD108662" i="1"/>
  <c r="AD108663" i="1"/>
  <c r="AD108664" i="1"/>
  <c r="AD108665" i="1"/>
  <c r="AD108666" i="1"/>
  <c r="AD108667" i="1"/>
  <c r="AD108668" i="1"/>
  <c r="AD108669" i="1"/>
  <c r="AD108670" i="1"/>
  <c r="AD108671" i="1"/>
  <c r="AD108672" i="1"/>
  <c r="AD108673" i="1"/>
  <c r="AD108674" i="1"/>
  <c r="AD108675" i="1"/>
  <c r="AD108676" i="1"/>
  <c r="AD108677" i="1"/>
  <c r="AD108678" i="1"/>
  <c r="AD108679" i="1"/>
  <c r="AD108680" i="1"/>
  <c r="AD108681" i="1"/>
  <c r="AD108682" i="1"/>
  <c r="AD108683" i="1"/>
  <c r="AD108684" i="1"/>
  <c r="AD108685" i="1"/>
  <c r="AD108686" i="1"/>
  <c r="AD108687" i="1"/>
  <c r="AD108688" i="1"/>
  <c r="AD108689" i="1"/>
  <c r="AD108690" i="1"/>
  <c r="AD108691" i="1"/>
  <c r="AD108692" i="1"/>
  <c r="AD108693" i="1"/>
  <c r="AD108694" i="1"/>
  <c r="AD108695" i="1"/>
  <c r="AD108696" i="1"/>
  <c r="AD108697" i="1"/>
  <c r="AD108698" i="1"/>
  <c r="AD108699" i="1"/>
  <c r="AD108700" i="1"/>
  <c r="AD108701" i="1"/>
  <c r="AD108702" i="1"/>
  <c r="AD108703" i="1"/>
  <c r="AD108704" i="1"/>
  <c r="AD108705" i="1"/>
  <c r="AD108706" i="1"/>
  <c r="AD108707" i="1"/>
  <c r="AD108708" i="1"/>
  <c r="AD108709" i="1"/>
  <c r="AD108710" i="1"/>
  <c r="AD108711" i="1"/>
  <c r="AD108712" i="1"/>
  <c r="AD108713" i="1"/>
  <c r="AD108714" i="1"/>
  <c r="AD108715" i="1"/>
  <c r="AD108716" i="1"/>
  <c r="AD108717" i="1"/>
  <c r="AD108718" i="1"/>
  <c r="AD108719" i="1"/>
  <c r="AD108720" i="1"/>
  <c r="AD108721" i="1"/>
  <c r="AD108722" i="1"/>
  <c r="AD108723" i="1"/>
  <c r="AD108724" i="1"/>
  <c r="AD108725" i="1"/>
  <c r="AD108726" i="1"/>
  <c r="AD108727" i="1"/>
  <c r="AD108728" i="1"/>
  <c r="AD108729" i="1"/>
  <c r="AD108730" i="1"/>
  <c r="AD108731" i="1"/>
  <c r="AD108732" i="1"/>
  <c r="AD108733" i="1"/>
  <c r="AD108734" i="1"/>
  <c r="AD108735" i="1"/>
  <c r="AD108736" i="1"/>
  <c r="AD108737" i="1"/>
  <c r="AD108738" i="1"/>
  <c r="AD108739" i="1"/>
  <c r="AD108740" i="1"/>
  <c r="AD108741" i="1"/>
  <c r="AD108742" i="1"/>
  <c r="AD108743" i="1"/>
  <c r="AD108744" i="1"/>
  <c r="AD108745" i="1"/>
  <c r="AD108746" i="1"/>
  <c r="AD108747" i="1"/>
  <c r="AD108748" i="1"/>
  <c r="AD108749" i="1"/>
  <c r="AD108750" i="1"/>
  <c r="AD108751" i="1"/>
  <c r="AD108752" i="1"/>
  <c r="AD108753" i="1"/>
  <c r="AD108754" i="1"/>
  <c r="AD108755" i="1"/>
  <c r="AD108756" i="1"/>
  <c r="AD108757" i="1"/>
  <c r="AD108758" i="1"/>
  <c r="AD108759" i="1"/>
  <c r="AD108760" i="1"/>
  <c r="AD108761" i="1"/>
  <c r="AD108762" i="1"/>
  <c r="AD108763" i="1"/>
  <c r="AD108764" i="1"/>
  <c r="AD108765" i="1"/>
  <c r="AD108766" i="1"/>
  <c r="AD108767" i="1"/>
  <c r="AD108768" i="1"/>
  <c r="AD108769" i="1"/>
  <c r="AD108770" i="1"/>
  <c r="AD108771" i="1"/>
  <c r="AD108772" i="1"/>
  <c r="AD108773" i="1"/>
  <c r="AD108774" i="1"/>
  <c r="AD108775" i="1"/>
  <c r="AD108776" i="1"/>
  <c r="AD108777" i="1"/>
  <c r="AD108778" i="1"/>
  <c r="AD108779" i="1"/>
  <c r="AD108780" i="1"/>
  <c r="AD108781" i="1"/>
  <c r="AD108782" i="1"/>
  <c r="AD108783" i="1"/>
  <c r="AD108784" i="1"/>
  <c r="AD108785" i="1"/>
  <c r="AD108786" i="1"/>
  <c r="AD108787" i="1"/>
  <c r="AD108788" i="1"/>
  <c r="AD108789" i="1"/>
  <c r="AD108790" i="1"/>
  <c r="AD108791" i="1"/>
  <c r="AD108792" i="1"/>
  <c r="AD108793" i="1"/>
  <c r="AD108794" i="1"/>
  <c r="AD108795" i="1"/>
  <c r="AD108796" i="1"/>
  <c r="AD108797" i="1"/>
  <c r="AD108798" i="1"/>
  <c r="AD108799" i="1"/>
  <c r="AD108800" i="1"/>
  <c r="AD108801" i="1"/>
  <c r="AD108802" i="1"/>
  <c r="AD108803" i="1"/>
  <c r="AD108804" i="1"/>
  <c r="AD108805" i="1"/>
  <c r="AD108806" i="1"/>
  <c r="AD108807" i="1"/>
  <c r="AD108808" i="1"/>
  <c r="AD108809" i="1"/>
  <c r="AD108810" i="1"/>
  <c r="AD108811" i="1"/>
  <c r="AD108812" i="1"/>
  <c r="AD108813" i="1"/>
  <c r="AD108814" i="1"/>
  <c r="AD108815" i="1"/>
  <c r="AD108816" i="1"/>
  <c r="AD108817" i="1"/>
  <c r="AD108818" i="1"/>
  <c r="AD108819" i="1"/>
  <c r="AD108820" i="1"/>
  <c r="AD108821" i="1"/>
  <c r="AD108822" i="1"/>
  <c r="AD108823" i="1"/>
  <c r="AD108824" i="1"/>
  <c r="AD108825" i="1"/>
  <c r="AD108826" i="1"/>
  <c r="AD108827" i="1"/>
  <c r="AD108828" i="1"/>
  <c r="AD108829" i="1"/>
  <c r="AD108830" i="1"/>
  <c r="AD108831" i="1"/>
  <c r="AD108832" i="1"/>
  <c r="AD108833" i="1"/>
  <c r="AD108834" i="1"/>
  <c r="AD108835" i="1"/>
  <c r="AD108836" i="1"/>
  <c r="AD108837" i="1"/>
  <c r="AD108838" i="1"/>
  <c r="AD108839" i="1"/>
  <c r="AD108840" i="1"/>
  <c r="AD108841" i="1"/>
  <c r="AD108842" i="1"/>
  <c r="AD108843" i="1"/>
  <c r="AD108844" i="1"/>
  <c r="AD108845" i="1"/>
  <c r="AD108846" i="1"/>
  <c r="AD108847" i="1"/>
  <c r="AD108848" i="1"/>
  <c r="AD108849" i="1"/>
  <c r="AD108850" i="1"/>
  <c r="AD108851" i="1"/>
  <c r="AD108852" i="1"/>
  <c r="AD108853" i="1"/>
  <c r="AD108854" i="1"/>
  <c r="AD108855" i="1"/>
  <c r="AD108856" i="1"/>
  <c r="AD108857" i="1"/>
  <c r="AD108858" i="1"/>
  <c r="AD108859" i="1"/>
  <c r="AD108860" i="1"/>
  <c r="AD108861" i="1"/>
  <c r="AD108862" i="1"/>
  <c r="AD108863" i="1"/>
  <c r="AD108864" i="1"/>
  <c r="AD108865" i="1"/>
  <c r="AD108866" i="1"/>
  <c r="AD108867" i="1"/>
  <c r="AD108868" i="1"/>
  <c r="AD108869" i="1"/>
  <c r="AD108870" i="1"/>
  <c r="AD108871" i="1"/>
  <c r="AD108872" i="1"/>
  <c r="AD108873" i="1"/>
  <c r="AD108874" i="1"/>
  <c r="AD108875" i="1"/>
  <c r="AD108876" i="1"/>
  <c r="AD108877" i="1"/>
  <c r="AD108878" i="1"/>
  <c r="AD108879" i="1"/>
  <c r="AD108880" i="1"/>
  <c r="AD108881" i="1"/>
  <c r="AD108882" i="1"/>
  <c r="AD108883" i="1"/>
  <c r="AD108884" i="1"/>
  <c r="AD108885" i="1"/>
  <c r="AD108886" i="1"/>
  <c r="AD108887" i="1"/>
  <c r="AD108888" i="1"/>
  <c r="AD108889" i="1"/>
  <c r="AD108890" i="1"/>
  <c r="AD108891" i="1"/>
  <c r="AD108892" i="1"/>
  <c r="AD108893" i="1"/>
  <c r="AD108894" i="1"/>
  <c r="AD108895" i="1"/>
  <c r="AD108896" i="1"/>
  <c r="AD108897" i="1"/>
  <c r="AD108898" i="1"/>
  <c r="AD108899" i="1"/>
  <c r="AD108900" i="1"/>
  <c r="AD108901" i="1"/>
  <c r="AD108902" i="1"/>
  <c r="AD108903" i="1"/>
  <c r="AD108904" i="1"/>
  <c r="AD108905" i="1"/>
  <c r="AD108906" i="1"/>
  <c r="AD108907" i="1"/>
  <c r="AD108908" i="1"/>
  <c r="AD108909" i="1"/>
  <c r="AD108910" i="1"/>
  <c r="AD108911" i="1"/>
  <c r="AD108912" i="1"/>
  <c r="AD108913" i="1"/>
  <c r="AD108914" i="1"/>
  <c r="AD108915" i="1"/>
  <c r="AD108916" i="1"/>
  <c r="AD108917" i="1"/>
  <c r="AD108918" i="1"/>
  <c r="AD108919" i="1"/>
  <c r="AD108920" i="1"/>
  <c r="AD108921" i="1"/>
  <c r="AD108922" i="1"/>
  <c r="AD108923" i="1"/>
  <c r="AD108924" i="1"/>
  <c r="AD108925" i="1"/>
  <c r="AD108926" i="1"/>
  <c r="AD108927" i="1"/>
  <c r="AD108928" i="1"/>
  <c r="AD108929" i="1"/>
  <c r="AD108930" i="1"/>
  <c r="AD108931" i="1"/>
  <c r="AD108932" i="1"/>
  <c r="AD108933" i="1"/>
  <c r="AD108934" i="1"/>
  <c r="AD108935" i="1"/>
  <c r="AD108936" i="1"/>
  <c r="AD108937" i="1"/>
  <c r="AD108938" i="1"/>
  <c r="AD108939" i="1"/>
  <c r="AD108940" i="1"/>
  <c r="AD108941" i="1"/>
  <c r="AD108942" i="1"/>
  <c r="AD108943" i="1"/>
  <c r="AD108944" i="1"/>
  <c r="AD108945" i="1"/>
  <c r="AD108946" i="1"/>
  <c r="AD108947" i="1"/>
  <c r="AD108948" i="1"/>
  <c r="AD108949" i="1"/>
  <c r="AD108950" i="1"/>
  <c r="AD108951" i="1"/>
  <c r="AD108952" i="1"/>
  <c r="AD108953" i="1"/>
  <c r="AD108954" i="1"/>
  <c r="AD108955" i="1"/>
  <c r="AD108956" i="1"/>
  <c r="AD108957" i="1"/>
  <c r="AD108958" i="1"/>
  <c r="AD108959" i="1"/>
  <c r="AD108960" i="1"/>
  <c r="AD108961" i="1"/>
  <c r="AD108962" i="1"/>
  <c r="AD108963" i="1"/>
  <c r="AD108964" i="1"/>
  <c r="AD108965" i="1"/>
  <c r="AD108966" i="1"/>
  <c r="AD108967" i="1"/>
  <c r="AD108968" i="1"/>
  <c r="AD108969" i="1"/>
  <c r="AD108970" i="1"/>
  <c r="AD108971" i="1"/>
  <c r="AD108972" i="1"/>
  <c r="AD108973" i="1"/>
  <c r="AD108974" i="1"/>
  <c r="AD108975" i="1"/>
  <c r="AD108976" i="1"/>
  <c r="AD108977" i="1"/>
  <c r="AD108978" i="1"/>
  <c r="AD108979" i="1"/>
  <c r="AD108980" i="1"/>
  <c r="AD108981" i="1"/>
  <c r="AD108982" i="1"/>
  <c r="AD108983" i="1"/>
  <c r="AD108984" i="1"/>
  <c r="AD108985" i="1"/>
  <c r="AD108986" i="1"/>
  <c r="AD108987" i="1"/>
  <c r="AD108988" i="1"/>
  <c r="AD108989" i="1"/>
  <c r="AD108990" i="1"/>
  <c r="AD108991" i="1"/>
  <c r="AD108992" i="1"/>
  <c r="AD108993" i="1"/>
  <c r="AD108994" i="1"/>
  <c r="AD108995" i="1"/>
  <c r="AD108996" i="1"/>
  <c r="AD108997" i="1"/>
  <c r="AD108998" i="1"/>
  <c r="AD108999" i="1"/>
  <c r="AD109000" i="1"/>
  <c r="AD109001" i="1"/>
  <c r="AD109002" i="1"/>
  <c r="AD109003" i="1"/>
  <c r="AD109004" i="1"/>
  <c r="AD109005" i="1"/>
  <c r="AD109006" i="1"/>
  <c r="AD109007" i="1"/>
  <c r="AD109008" i="1"/>
  <c r="AD109009" i="1"/>
  <c r="AD109010" i="1"/>
  <c r="AD109011" i="1"/>
  <c r="AD109012" i="1"/>
  <c r="AD109013" i="1"/>
  <c r="AD109014" i="1"/>
  <c r="AD109015" i="1"/>
  <c r="AD109016" i="1"/>
  <c r="AD109017" i="1"/>
  <c r="AD109018" i="1"/>
  <c r="AD109019" i="1"/>
  <c r="AD109020" i="1"/>
  <c r="AD109021" i="1"/>
  <c r="AD109022" i="1"/>
  <c r="AD109023" i="1"/>
  <c r="AD109024" i="1"/>
  <c r="AD109025" i="1"/>
  <c r="AD109026" i="1"/>
  <c r="AD109027" i="1"/>
  <c r="AD109028" i="1"/>
  <c r="AD109029" i="1"/>
  <c r="AD109030" i="1"/>
  <c r="AD109031" i="1"/>
  <c r="AD109032" i="1"/>
  <c r="AD109033" i="1"/>
  <c r="AD109034" i="1"/>
  <c r="AD109035" i="1"/>
  <c r="AD109036" i="1"/>
  <c r="AD109037" i="1"/>
  <c r="AD109038" i="1"/>
  <c r="AD109039" i="1"/>
  <c r="AD109040" i="1"/>
  <c r="AD109041" i="1"/>
  <c r="AD109042" i="1"/>
  <c r="AD109043" i="1"/>
  <c r="AD109044" i="1"/>
  <c r="AD109045" i="1"/>
  <c r="AD109046" i="1"/>
  <c r="AD109047" i="1"/>
  <c r="AD109048" i="1"/>
  <c r="AD109049" i="1"/>
  <c r="AD109050" i="1"/>
  <c r="AD109051" i="1"/>
  <c r="AD109052" i="1"/>
  <c r="AD109053" i="1"/>
  <c r="AD109054" i="1"/>
  <c r="AD109055" i="1"/>
  <c r="AD109056" i="1"/>
  <c r="AD109057" i="1"/>
  <c r="AD109058" i="1"/>
  <c r="AD109059" i="1"/>
  <c r="AD109060" i="1"/>
  <c r="AD109061" i="1"/>
  <c r="AD109062" i="1"/>
  <c r="AD109063" i="1"/>
  <c r="AD109064" i="1"/>
  <c r="AD109065" i="1"/>
  <c r="AD109066" i="1"/>
  <c r="AD109067" i="1"/>
  <c r="AD109068" i="1"/>
  <c r="AD109069" i="1"/>
  <c r="AD109070" i="1"/>
  <c r="AD109071" i="1"/>
  <c r="AD109072" i="1"/>
  <c r="AD109073" i="1"/>
  <c r="AD109074" i="1"/>
  <c r="AD109075" i="1"/>
  <c r="AD109076" i="1"/>
  <c r="AD109077" i="1"/>
  <c r="AD109078" i="1"/>
  <c r="AD109079" i="1"/>
  <c r="AD109080" i="1"/>
  <c r="AD109081" i="1"/>
  <c r="AD109082" i="1"/>
  <c r="AD109083" i="1"/>
  <c r="AD109084" i="1"/>
  <c r="AD109085" i="1"/>
  <c r="AD109086" i="1"/>
  <c r="AD109087" i="1"/>
  <c r="AD109088" i="1"/>
  <c r="AD109089" i="1"/>
  <c r="AD109090" i="1"/>
  <c r="AD109091" i="1"/>
  <c r="AD109092" i="1"/>
  <c r="AD109093" i="1"/>
  <c r="AD109094" i="1"/>
  <c r="AD109095" i="1"/>
  <c r="AD109096" i="1"/>
  <c r="AD109097" i="1"/>
  <c r="AD109098" i="1"/>
  <c r="AD109099" i="1"/>
  <c r="AD109100" i="1"/>
  <c r="AD109101" i="1"/>
  <c r="AD109102" i="1"/>
  <c r="AD109103" i="1"/>
  <c r="AD109104" i="1"/>
  <c r="AD109105" i="1"/>
  <c r="AD109106" i="1"/>
  <c r="AD109107" i="1"/>
  <c r="AD109108" i="1"/>
  <c r="AD109109" i="1"/>
  <c r="AD109110" i="1"/>
  <c r="AD109111" i="1"/>
  <c r="AD109112" i="1"/>
  <c r="AD109113" i="1"/>
  <c r="AD109114" i="1"/>
  <c r="AD109115" i="1"/>
  <c r="AD109116" i="1"/>
  <c r="AD109117" i="1"/>
  <c r="AD109118" i="1"/>
  <c r="AD109119" i="1"/>
  <c r="AD109120" i="1"/>
  <c r="AD109121" i="1"/>
  <c r="AD109122" i="1"/>
  <c r="AD109123" i="1"/>
  <c r="AD109124" i="1"/>
  <c r="AD109125" i="1"/>
  <c r="AD109126" i="1"/>
  <c r="AD109127" i="1"/>
  <c r="AD109128" i="1"/>
  <c r="AD109129" i="1"/>
  <c r="AD109130" i="1"/>
  <c r="AD109131" i="1"/>
  <c r="AD109132" i="1"/>
  <c r="AD109133" i="1"/>
  <c r="AD109134" i="1"/>
  <c r="AD109135" i="1"/>
  <c r="AD109136" i="1"/>
  <c r="AD109137" i="1"/>
  <c r="AD109138" i="1"/>
  <c r="AD109139" i="1"/>
  <c r="AD109140" i="1"/>
  <c r="AD109141" i="1"/>
  <c r="AD109142" i="1"/>
  <c r="AD109143" i="1"/>
  <c r="AD109144" i="1"/>
  <c r="AD109145" i="1"/>
  <c r="AD109146" i="1"/>
  <c r="AD109147" i="1"/>
  <c r="AD109148" i="1"/>
  <c r="AD109149" i="1"/>
  <c r="AD109150" i="1"/>
  <c r="AD109151" i="1"/>
  <c r="AD109152" i="1"/>
  <c r="AD109153" i="1"/>
  <c r="AD109154" i="1"/>
  <c r="AD109155" i="1"/>
  <c r="AD109156" i="1"/>
  <c r="AD109157" i="1"/>
  <c r="AD109158" i="1"/>
  <c r="AD109159" i="1"/>
  <c r="AD109160" i="1"/>
  <c r="AD109161" i="1"/>
  <c r="AD109162" i="1"/>
  <c r="AD109163" i="1"/>
  <c r="AD109164" i="1"/>
  <c r="AD109165" i="1"/>
  <c r="AD109166" i="1"/>
  <c r="AD109167" i="1"/>
  <c r="AD109168" i="1"/>
  <c r="AD109169" i="1"/>
  <c r="AD109170" i="1"/>
  <c r="AD109171" i="1"/>
  <c r="AD109172" i="1"/>
  <c r="AD109173" i="1"/>
  <c r="AD109174" i="1"/>
  <c r="AD109175" i="1"/>
  <c r="AD109176" i="1"/>
  <c r="AD109177" i="1"/>
  <c r="AD109178" i="1"/>
  <c r="AD109179" i="1"/>
  <c r="AD109180" i="1"/>
  <c r="AD109181" i="1"/>
  <c r="AD109182" i="1"/>
  <c r="AD109183" i="1"/>
  <c r="AD109184" i="1"/>
  <c r="AD109185" i="1"/>
  <c r="AD109186" i="1"/>
  <c r="AD109187" i="1"/>
  <c r="AD109188" i="1"/>
  <c r="AD109189" i="1"/>
  <c r="AD109190" i="1"/>
  <c r="AD109191" i="1"/>
  <c r="AD109192" i="1"/>
  <c r="AD109193" i="1"/>
  <c r="AD109194" i="1"/>
  <c r="AD109195" i="1"/>
  <c r="AD109196" i="1"/>
  <c r="AD109197" i="1"/>
  <c r="AD109198" i="1"/>
  <c r="AD109199" i="1"/>
  <c r="AD109200" i="1"/>
  <c r="AD109201" i="1"/>
  <c r="AD109202" i="1"/>
  <c r="AD109203" i="1"/>
  <c r="AD109204" i="1"/>
  <c r="AD109205" i="1"/>
  <c r="AD109206" i="1"/>
  <c r="AD109207" i="1"/>
  <c r="AD109208" i="1"/>
  <c r="AD109209" i="1"/>
  <c r="AD109210" i="1"/>
  <c r="AD109211" i="1"/>
  <c r="AD109212" i="1"/>
  <c r="AD109213" i="1"/>
  <c r="AD109214" i="1"/>
  <c r="AD109215" i="1"/>
  <c r="AD109216" i="1"/>
  <c r="AD109217" i="1"/>
  <c r="AD109218" i="1"/>
  <c r="AD109219" i="1"/>
  <c r="AD109220" i="1"/>
  <c r="AD109221" i="1"/>
  <c r="AD109222" i="1"/>
  <c r="AD109223" i="1"/>
  <c r="AD109224" i="1"/>
  <c r="AD109225" i="1"/>
  <c r="AD109226" i="1"/>
  <c r="AD109227" i="1"/>
  <c r="AD109228" i="1"/>
  <c r="AD109229" i="1"/>
  <c r="AD109230" i="1"/>
  <c r="AD109231" i="1"/>
  <c r="AD109232" i="1"/>
  <c r="AD109233" i="1"/>
  <c r="AD109234" i="1"/>
  <c r="AD109235" i="1"/>
  <c r="AD109236" i="1"/>
  <c r="AD109237" i="1"/>
  <c r="AD109238" i="1"/>
  <c r="AD109239" i="1"/>
  <c r="AD109240" i="1"/>
  <c r="AD109241" i="1"/>
  <c r="AD109242" i="1"/>
  <c r="AD109243" i="1"/>
  <c r="AD109244" i="1"/>
  <c r="AD109245" i="1"/>
  <c r="AD109246" i="1"/>
  <c r="AD109247" i="1"/>
  <c r="AD109248" i="1"/>
  <c r="AD109249" i="1"/>
  <c r="AD109250" i="1"/>
  <c r="AD109251" i="1"/>
  <c r="AD109252" i="1"/>
  <c r="AD109253" i="1"/>
  <c r="AD109254" i="1"/>
  <c r="AD109255" i="1"/>
  <c r="AD109256" i="1"/>
  <c r="AD109257" i="1"/>
  <c r="AD109258" i="1"/>
  <c r="AD109259" i="1"/>
  <c r="AD109260" i="1"/>
  <c r="AD109261" i="1"/>
  <c r="AD109262" i="1"/>
  <c r="AD109263" i="1"/>
  <c r="AD109264" i="1"/>
  <c r="AD109265" i="1"/>
  <c r="AD109266" i="1"/>
  <c r="AD109267" i="1"/>
  <c r="AD109268" i="1"/>
  <c r="AD109269" i="1"/>
  <c r="AD109270" i="1"/>
  <c r="AD109271" i="1"/>
  <c r="AD109272" i="1"/>
  <c r="AD109273" i="1"/>
  <c r="AD109274" i="1"/>
  <c r="AD109275" i="1"/>
  <c r="AD109276" i="1"/>
  <c r="AD109277" i="1"/>
  <c r="AD109278" i="1"/>
  <c r="AD109279" i="1"/>
  <c r="AD109280" i="1"/>
  <c r="AD109281" i="1"/>
  <c r="AD109282" i="1"/>
  <c r="AD109283" i="1"/>
  <c r="AD109284" i="1"/>
  <c r="AD109285" i="1"/>
  <c r="AD109286" i="1"/>
  <c r="AD109287" i="1"/>
  <c r="AD109288" i="1"/>
  <c r="AD109289" i="1"/>
  <c r="AD109290" i="1"/>
  <c r="AD109291" i="1"/>
  <c r="AD109292" i="1"/>
  <c r="AD109293" i="1"/>
  <c r="AD109294" i="1"/>
  <c r="AD109295" i="1"/>
  <c r="AD109296" i="1"/>
  <c r="AD109297" i="1"/>
  <c r="AD109298" i="1"/>
  <c r="AD109299" i="1"/>
  <c r="AD109300" i="1"/>
  <c r="AD109301" i="1"/>
  <c r="AD109302" i="1"/>
  <c r="AD109303" i="1"/>
  <c r="AD109304" i="1"/>
  <c r="AD109305" i="1"/>
  <c r="AD109306" i="1"/>
  <c r="AD109307" i="1"/>
  <c r="AD109308" i="1"/>
  <c r="AD109309" i="1"/>
  <c r="AD109310" i="1"/>
  <c r="AD109311" i="1"/>
  <c r="AD109312" i="1"/>
  <c r="AD109313" i="1"/>
  <c r="AD109314" i="1"/>
  <c r="AD109315" i="1"/>
  <c r="AD109316" i="1"/>
  <c r="AD109317" i="1"/>
  <c r="AD109318" i="1"/>
  <c r="AD109319" i="1"/>
  <c r="AD109320" i="1"/>
  <c r="AD109321" i="1"/>
  <c r="AD109322" i="1"/>
  <c r="AD109323" i="1"/>
  <c r="AD109324" i="1"/>
  <c r="AD109325" i="1"/>
  <c r="AD109326" i="1"/>
  <c r="AD109327" i="1"/>
  <c r="AD109328" i="1"/>
  <c r="AD109329" i="1"/>
  <c r="AD109330" i="1"/>
  <c r="AD109331" i="1"/>
  <c r="AD109332" i="1"/>
  <c r="AD109333" i="1"/>
  <c r="AD109334" i="1"/>
  <c r="AD109335" i="1"/>
  <c r="AD109336" i="1"/>
  <c r="AD109337" i="1"/>
  <c r="AD109338" i="1"/>
  <c r="AD109339" i="1"/>
  <c r="AD109340" i="1"/>
  <c r="AD109341" i="1"/>
  <c r="AD109342" i="1"/>
  <c r="AD109343" i="1"/>
  <c r="AD109344" i="1"/>
  <c r="AD109345" i="1"/>
  <c r="AD109346" i="1"/>
  <c r="AD109347" i="1"/>
  <c r="AD109348" i="1"/>
  <c r="AD109349" i="1"/>
  <c r="AD109350" i="1"/>
  <c r="AD109351" i="1"/>
  <c r="AD109352" i="1"/>
  <c r="AD109353" i="1"/>
  <c r="AD109354" i="1"/>
  <c r="AD109355" i="1"/>
  <c r="AD109356" i="1"/>
  <c r="AD109357" i="1"/>
  <c r="AD109358" i="1"/>
  <c r="AD109359" i="1"/>
  <c r="AD109360" i="1"/>
  <c r="AD109361" i="1"/>
  <c r="AD109362" i="1"/>
  <c r="AD109363" i="1"/>
  <c r="AD109364" i="1"/>
  <c r="AD109365" i="1"/>
  <c r="AD109366" i="1"/>
  <c r="AD109367" i="1"/>
  <c r="AD109368" i="1"/>
  <c r="AD109369" i="1"/>
  <c r="AD109370" i="1"/>
  <c r="AD109371" i="1"/>
  <c r="AD109372" i="1"/>
  <c r="AD109373" i="1"/>
  <c r="AD109374" i="1"/>
  <c r="AD109375" i="1"/>
  <c r="AD109376" i="1"/>
  <c r="AD109377" i="1"/>
  <c r="AD109378" i="1"/>
  <c r="AD109379" i="1"/>
  <c r="AD109380" i="1"/>
  <c r="AD109381" i="1"/>
  <c r="AD109382" i="1"/>
  <c r="AD109383" i="1"/>
  <c r="AD109384" i="1"/>
  <c r="AD109385" i="1"/>
  <c r="AD109386" i="1"/>
  <c r="AD109387" i="1"/>
  <c r="AD109388" i="1"/>
  <c r="AD109389" i="1"/>
  <c r="AD109390" i="1"/>
  <c r="AD109391" i="1"/>
  <c r="AD109392" i="1"/>
  <c r="AD109393" i="1"/>
  <c r="AD109394" i="1"/>
  <c r="AD109395" i="1"/>
  <c r="AD109396" i="1"/>
  <c r="AD109397" i="1"/>
  <c r="AD109398" i="1"/>
  <c r="AD109399" i="1"/>
  <c r="AD109400" i="1"/>
  <c r="AD109401" i="1"/>
  <c r="AD109402" i="1"/>
  <c r="AD109403" i="1"/>
  <c r="AD109404" i="1"/>
  <c r="AD109405" i="1"/>
  <c r="AD109406" i="1"/>
  <c r="AD109407" i="1"/>
  <c r="AD109408" i="1"/>
  <c r="AD109409" i="1"/>
  <c r="AD109410" i="1"/>
  <c r="AD109411" i="1"/>
  <c r="AD109412" i="1"/>
  <c r="AD109413" i="1"/>
  <c r="AD109414" i="1"/>
  <c r="AD109415" i="1"/>
  <c r="AD109416" i="1"/>
  <c r="AD109417" i="1"/>
  <c r="AD109418" i="1"/>
  <c r="AD109419" i="1"/>
  <c r="AD109420" i="1"/>
  <c r="AD109421" i="1"/>
  <c r="AD109422" i="1"/>
  <c r="AD109423" i="1"/>
  <c r="AD109424" i="1"/>
  <c r="AD109425" i="1"/>
  <c r="AD109426" i="1"/>
  <c r="AD109427" i="1"/>
  <c r="AD109428" i="1"/>
  <c r="AD109429" i="1"/>
  <c r="AD109430" i="1"/>
  <c r="AD109431" i="1"/>
  <c r="AD109432" i="1"/>
  <c r="AD109433" i="1"/>
  <c r="AD109434" i="1"/>
  <c r="AD109435" i="1"/>
  <c r="AD109436" i="1"/>
  <c r="AD109437" i="1"/>
  <c r="AD109438" i="1"/>
  <c r="AD109439" i="1"/>
  <c r="AD109440" i="1"/>
  <c r="AD109441" i="1"/>
  <c r="AD109442" i="1"/>
  <c r="AD109443" i="1"/>
  <c r="AD109444" i="1"/>
  <c r="AD109445" i="1"/>
  <c r="AD109446" i="1"/>
  <c r="AD109447" i="1"/>
  <c r="AD109448" i="1"/>
  <c r="AD109449" i="1"/>
  <c r="AD109450" i="1"/>
  <c r="AD109451" i="1"/>
  <c r="AD109452" i="1"/>
  <c r="AD109453" i="1"/>
  <c r="AD109454" i="1"/>
  <c r="AD109455" i="1"/>
  <c r="AD109456" i="1"/>
  <c r="AD109457" i="1"/>
  <c r="AD109458" i="1"/>
  <c r="AD109459" i="1"/>
  <c r="AD109460" i="1"/>
  <c r="AD109461" i="1"/>
  <c r="AD109462" i="1"/>
  <c r="AD109463" i="1"/>
  <c r="AD109464" i="1"/>
  <c r="AD109465" i="1"/>
  <c r="AD109466" i="1"/>
  <c r="AD109467" i="1"/>
  <c r="AD109468" i="1"/>
  <c r="AD109469" i="1"/>
  <c r="AD109470" i="1"/>
  <c r="AD109471" i="1"/>
  <c r="AD109472" i="1"/>
  <c r="AD109473" i="1"/>
  <c r="AD109474" i="1"/>
  <c r="AD109475" i="1"/>
  <c r="AD109476" i="1"/>
  <c r="AD109477" i="1"/>
  <c r="AD109478" i="1"/>
  <c r="AD109479" i="1"/>
  <c r="AD109480" i="1"/>
  <c r="AD109481" i="1"/>
  <c r="AD109482" i="1"/>
  <c r="AD109483" i="1"/>
  <c r="AD109484" i="1"/>
  <c r="AD109485" i="1"/>
  <c r="AD109486" i="1"/>
  <c r="AD109487" i="1"/>
  <c r="AD109488" i="1"/>
  <c r="AD109489" i="1"/>
  <c r="AD109490" i="1"/>
  <c r="AD109491" i="1"/>
  <c r="AD109492" i="1"/>
  <c r="AD109493" i="1"/>
  <c r="AD109494" i="1"/>
  <c r="AD109495" i="1"/>
  <c r="AD109496" i="1"/>
  <c r="AD109497" i="1"/>
  <c r="AD109498" i="1"/>
  <c r="AD109499" i="1"/>
  <c r="AD109500" i="1"/>
  <c r="AD109501" i="1"/>
  <c r="AD109502" i="1"/>
  <c r="AD109503" i="1"/>
  <c r="AD109504" i="1"/>
  <c r="AD109505" i="1"/>
  <c r="AD109506" i="1"/>
  <c r="AD109507" i="1"/>
  <c r="AD109508" i="1"/>
  <c r="AD109509" i="1"/>
  <c r="AD109510" i="1"/>
  <c r="AD109511" i="1"/>
  <c r="AD109512" i="1"/>
  <c r="AD109513" i="1"/>
  <c r="AD109514" i="1"/>
  <c r="AD109515" i="1"/>
  <c r="AD109516" i="1"/>
  <c r="AD109517" i="1"/>
  <c r="AD109518" i="1"/>
  <c r="AD109519" i="1"/>
  <c r="AD109520" i="1"/>
  <c r="AD109521" i="1"/>
  <c r="AD109522" i="1"/>
  <c r="AD109523" i="1"/>
  <c r="AD109524" i="1"/>
  <c r="AD109525" i="1"/>
  <c r="AD109526" i="1"/>
  <c r="AD109527" i="1"/>
  <c r="AD109528" i="1"/>
  <c r="AD109529" i="1"/>
  <c r="AD109530" i="1"/>
  <c r="AD109531" i="1"/>
  <c r="AD109532" i="1"/>
  <c r="AD109533" i="1"/>
  <c r="AD109534" i="1"/>
  <c r="AD109535" i="1"/>
  <c r="AD109536" i="1"/>
  <c r="AD109537" i="1"/>
  <c r="AD109538" i="1"/>
  <c r="AD109539" i="1"/>
  <c r="AD109540" i="1"/>
  <c r="AD109541" i="1"/>
  <c r="AD109542" i="1"/>
  <c r="AD109543" i="1"/>
  <c r="AD109544" i="1"/>
  <c r="AD109545" i="1"/>
  <c r="AD109546" i="1"/>
  <c r="AD109547" i="1"/>
  <c r="AD109548" i="1"/>
  <c r="AD109549" i="1"/>
  <c r="AD109550" i="1"/>
  <c r="AD109551" i="1"/>
  <c r="AD109552" i="1"/>
  <c r="AD109553" i="1"/>
  <c r="AD109554" i="1"/>
  <c r="AD109555" i="1"/>
  <c r="AD109556" i="1"/>
  <c r="AD109557" i="1"/>
  <c r="AD109558" i="1"/>
  <c r="AD109559" i="1"/>
  <c r="AD109560" i="1"/>
  <c r="AD109561" i="1"/>
  <c r="AD109562" i="1"/>
  <c r="AD109563" i="1"/>
  <c r="AD109564" i="1"/>
  <c r="AD109565" i="1"/>
  <c r="AD109566" i="1"/>
  <c r="AD109567" i="1"/>
  <c r="AD109568" i="1"/>
  <c r="AD109569" i="1"/>
  <c r="AD109570" i="1"/>
  <c r="AD109571" i="1"/>
  <c r="AD109572" i="1"/>
  <c r="AD109573" i="1"/>
  <c r="AD109574" i="1"/>
  <c r="AD109575" i="1"/>
  <c r="AD109576" i="1"/>
  <c r="AD109577" i="1"/>
  <c r="AD109578" i="1"/>
  <c r="AD109579" i="1"/>
  <c r="AD109580" i="1"/>
  <c r="AD109581" i="1"/>
  <c r="AD109582" i="1"/>
  <c r="AD109583" i="1"/>
  <c r="AD109584" i="1"/>
  <c r="AD109585" i="1"/>
  <c r="AD109586" i="1"/>
  <c r="AD109587" i="1"/>
  <c r="AD109588" i="1"/>
  <c r="AD109589" i="1"/>
  <c r="AD109590" i="1"/>
  <c r="AD109591" i="1"/>
  <c r="AD109592" i="1"/>
  <c r="AD109593" i="1"/>
  <c r="AD109594" i="1"/>
  <c r="AD109595" i="1"/>
  <c r="AD109596" i="1"/>
  <c r="AD109597" i="1"/>
  <c r="AD109598" i="1"/>
  <c r="AD109599" i="1"/>
  <c r="AD109600" i="1"/>
  <c r="AD109601" i="1"/>
  <c r="AD109602" i="1"/>
  <c r="AD109603" i="1"/>
  <c r="AD109604" i="1"/>
  <c r="AD109605" i="1"/>
  <c r="AD109606" i="1"/>
  <c r="AD109607" i="1"/>
  <c r="AD109608" i="1"/>
  <c r="AD109609" i="1"/>
  <c r="AD109610" i="1"/>
  <c r="AD109611" i="1"/>
  <c r="AD109612" i="1"/>
  <c r="AD109613" i="1"/>
  <c r="AD109614" i="1"/>
  <c r="AD109615" i="1"/>
  <c r="AD109616" i="1"/>
  <c r="AD109617" i="1"/>
  <c r="AD109618" i="1"/>
  <c r="AD109619" i="1"/>
  <c r="AD109620" i="1"/>
  <c r="AD109621" i="1"/>
  <c r="AD109622" i="1"/>
  <c r="AD109623" i="1"/>
  <c r="AD109624" i="1"/>
  <c r="AD109625" i="1"/>
  <c r="AD109626" i="1"/>
  <c r="AD109627" i="1"/>
  <c r="AD109628" i="1"/>
  <c r="AD109629" i="1"/>
  <c r="AD109630" i="1"/>
  <c r="AD109631" i="1"/>
  <c r="AD109632" i="1"/>
  <c r="AD109633" i="1"/>
  <c r="AD109634" i="1"/>
  <c r="AD109635" i="1"/>
  <c r="AD109636" i="1"/>
  <c r="AD109637" i="1"/>
  <c r="AD109638" i="1"/>
  <c r="AD109639" i="1"/>
  <c r="AD109640" i="1"/>
  <c r="AD109641" i="1"/>
  <c r="AD109642" i="1"/>
  <c r="AD109643" i="1"/>
  <c r="AD109644" i="1"/>
  <c r="AD109645" i="1"/>
  <c r="AD109646" i="1"/>
  <c r="AD109647" i="1"/>
  <c r="AD109648" i="1"/>
  <c r="AD109649" i="1"/>
  <c r="AD109650" i="1"/>
  <c r="AD109651" i="1"/>
  <c r="AD109652" i="1"/>
  <c r="AD109653" i="1"/>
  <c r="AD109654" i="1"/>
  <c r="AD109655" i="1"/>
  <c r="AD109656" i="1"/>
  <c r="AD109657" i="1"/>
  <c r="AD109658" i="1"/>
  <c r="AD109659" i="1"/>
  <c r="AD109660" i="1"/>
  <c r="AD109661" i="1"/>
  <c r="AD109662" i="1"/>
  <c r="AD109663" i="1"/>
  <c r="AD109664" i="1"/>
  <c r="AD109665" i="1"/>
  <c r="AD109666" i="1"/>
  <c r="AD109667" i="1"/>
  <c r="AD109668" i="1"/>
  <c r="AD109669" i="1"/>
  <c r="AD109670" i="1"/>
  <c r="AD109671" i="1"/>
  <c r="AD109672" i="1"/>
  <c r="AD109673" i="1"/>
  <c r="AD109674" i="1"/>
  <c r="AD109675" i="1"/>
  <c r="AD109676" i="1"/>
  <c r="AD109677" i="1"/>
  <c r="AD109678" i="1"/>
  <c r="AD109679" i="1"/>
  <c r="AD109680" i="1"/>
  <c r="AD109681" i="1"/>
  <c r="AD109682" i="1"/>
  <c r="AD109683" i="1"/>
  <c r="AD109684" i="1"/>
  <c r="AD109685" i="1"/>
  <c r="AD109686" i="1"/>
  <c r="AD109687" i="1"/>
  <c r="AD109688" i="1"/>
  <c r="AD109689" i="1"/>
  <c r="AD109690" i="1"/>
  <c r="AD109691" i="1"/>
  <c r="AD109692" i="1"/>
  <c r="AD109693" i="1"/>
  <c r="AD109694" i="1"/>
  <c r="AD109695" i="1"/>
  <c r="AD109696" i="1"/>
  <c r="AD109697" i="1"/>
  <c r="AD109698" i="1"/>
  <c r="AD109699" i="1"/>
  <c r="AD109700" i="1"/>
  <c r="AD109701" i="1"/>
  <c r="AD109702" i="1"/>
  <c r="AD109703" i="1"/>
  <c r="AD109704" i="1"/>
  <c r="AD109705" i="1"/>
  <c r="AD109706" i="1"/>
  <c r="AD109707" i="1"/>
  <c r="AD109708" i="1"/>
  <c r="AD109709" i="1"/>
  <c r="AD109710" i="1"/>
  <c r="AD109711" i="1"/>
  <c r="AD109712" i="1"/>
  <c r="AD109713" i="1"/>
  <c r="AD109714" i="1"/>
  <c r="AD109715" i="1"/>
  <c r="AD109716" i="1"/>
  <c r="AD109717" i="1"/>
  <c r="AD109718" i="1"/>
  <c r="AD109719" i="1"/>
  <c r="AD109720" i="1"/>
  <c r="AD109721" i="1"/>
  <c r="AD109722" i="1"/>
  <c r="AD109723" i="1"/>
  <c r="AD109724" i="1"/>
  <c r="AD109725" i="1"/>
  <c r="AD109726" i="1"/>
  <c r="AD109727" i="1"/>
  <c r="AD109728" i="1"/>
  <c r="AD109729" i="1"/>
  <c r="AD109730" i="1"/>
  <c r="AD109731" i="1"/>
  <c r="AD109732" i="1"/>
  <c r="AD109733" i="1"/>
  <c r="AD109734" i="1"/>
  <c r="AD109735" i="1"/>
  <c r="AD109736" i="1"/>
  <c r="AD109737" i="1"/>
  <c r="AD109738" i="1"/>
  <c r="AD109739" i="1"/>
  <c r="AD109740" i="1"/>
  <c r="AD109741" i="1"/>
  <c r="AD109742" i="1"/>
  <c r="AD109743" i="1"/>
  <c r="AD109744" i="1"/>
  <c r="AD109745" i="1"/>
  <c r="AD109746" i="1"/>
  <c r="AD109747" i="1"/>
  <c r="AD109748" i="1"/>
  <c r="AD109749" i="1"/>
  <c r="AD109750" i="1"/>
  <c r="AD109751" i="1"/>
  <c r="AD109752" i="1"/>
  <c r="AD109753" i="1"/>
  <c r="AD109754" i="1"/>
  <c r="AD109755" i="1"/>
  <c r="AD109756" i="1"/>
  <c r="AD109757" i="1"/>
  <c r="AD109758" i="1"/>
  <c r="AD109759" i="1"/>
  <c r="AD109760" i="1"/>
  <c r="AD109761" i="1"/>
  <c r="AD109762" i="1"/>
  <c r="AD109763" i="1"/>
  <c r="AD109764" i="1"/>
  <c r="AD109765" i="1"/>
  <c r="AD109766" i="1"/>
  <c r="AD109767" i="1"/>
  <c r="AD109768" i="1"/>
  <c r="AD109769" i="1"/>
  <c r="AD109770" i="1"/>
  <c r="AD109771" i="1"/>
  <c r="AD109772" i="1"/>
  <c r="AD109773" i="1"/>
  <c r="AD109774" i="1"/>
  <c r="AD109775" i="1"/>
  <c r="AD109776" i="1"/>
  <c r="AD109777" i="1"/>
  <c r="AD109778" i="1"/>
  <c r="AD109779" i="1"/>
  <c r="AD109780" i="1"/>
  <c r="AD109781" i="1"/>
  <c r="AD109782" i="1"/>
  <c r="AD109783" i="1"/>
  <c r="AD109784" i="1"/>
  <c r="AD109785" i="1"/>
  <c r="AD109786" i="1"/>
  <c r="AD109787" i="1"/>
  <c r="AD109788" i="1"/>
  <c r="AD109789" i="1"/>
  <c r="AD109790" i="1"/>
  <c r="AD109791" i="1"/>
  <c r="AD109792" i="1"/>
  <c r="AD109793" i="1"/>
  <c r="AD109794" i="1"/>
  <c r="AD109795" i="1"/>
  <c r="AD109796" i="1"/>
  <c r="AD109797" i="1"/>
  <c r="AD109798" i="1"/>
  <c r="AD109799" i="1"/>
  <c r="AD109800" i="1"/>
  <c r="AD109801" i="1"/>
  <c r="AD109802" i="1"/>
  <c r="AD109803" i="1"/>
  <c r="AD109804" i="1"/>
  <c r="AD109805" i="1"/>
  <c r="AD109806" i="1"/>
  <c r="AD109807" i="1"/>
  <c r="AD109808" i="1"/>
  <c r="AD109809" i="1"/>
  <c r="AD109810" i="1"/>
  <c r="AD109811" i="1"/>
  <c r="AD109812" i="1"/>
  <c r="AD109813" i="1"/>
  <c r="AD109814" i="1"/>
  <c r="AD109815" i="1"/>
  <c r="AD109816" i="1"/>
  <c r="AD109817" i="1"/>
  <c r="AD109818" i="1"/>
  <c r="AD109819" i="1"/>
  <c r="AD109820" i="1"/>
  <c r="AD109821" i="1"/>
  <c r="AD109822" i="1"/>
  <c r="AD109823" i="1"/>
  <c r="AD109824" i="1"/>
  <c r="AD109825" i="1"/>
  <c r="AD109826" i="1"/>
  <c r="AD109827" i="1"/>
  <c r="AD109828" i="1"/>
  <c r="AD109829" i="1"/>
  <c r="AD109830" i="1"/>
  <c r="AD109831" i="1"/>
  <c r="AD109832" i="1"/>
  <c r="AD109833" i="1"/>
  <c r="AD109834" i="1"/>
  <c r="AD109835" i="1"/>
  <c r="AD109836" i="1"/>
  <c r="AD109837" i="1"/>
  <c r="AD109838" i="1"/>
  <c r="AD109839" i="1"/>
  <c r="AD109840" i="1"/>
  <c r="AD109841" i="1"/>
  <c r="AD109842" i="1"/>
  <c r="AD109843" i="1"/>
  <c r="AD109844" i="1"/>
  <c r="AD109845" i="1"/>
  <c r="AD109846" i="1"/>
  <c r="AD109847" i="1"/>
  <c r="AD109848" i="1"/>
  <c r="AD109849" i="1"/>
  <c r="AD109850" i="1"/>
  <c r="AD109851" i="1"/>
  <c r="AD109852" i="1"/>
  <c r="AD109853" i="1"/>
  <c r="AD109854" i="1"/>
  <c r="AD109855" i="1"/>
  <c r="AD109856" i="1"/>
  <c r="AD109857" i="1"/>
  <c r="AD109858" i="1"/>
  <c r="AD109859" i="1"/>
  <c r="AD109860" i="1"/>
  <c r="AD109861" i="1"/>
  <c r="AD109862" i="1"/>
  <c r="AD109863" i="1"/>
  <c r="AD109864" i="1"/>
  <c r="AD109865" i="1"/>
  <c r="AD109866" i="1"/>
  <c r="AD109867" i="1"/>
  <c r="AD109868" i="1"/>
  <c r="AD109869" i="1"/>
  <c r="AD109870" i="1"/>
  <c r="AD109871" i="1"/>
  <c r="AD109872" i="1"/>
  <c r="AD109873" i="1"/>
  <c r="AD109874" i="1"/>
  <c r="AD109875" i="1"/>
  <c r="AD109876" i="1"/>
  <c r="AD109877" i="1"/>
  <c r="AD109878" i="1"/>
  <c r="AD109879" i="1"/>
  <c r="AD109880" i="1"/>
  <c r="AD109881" i="1"/>
  <c r="AD109882" i="1"/>
  <c r="AD109883" i="1"/>
  <c r="AD109884" i="1"/>
  <c r="AD109885" i="1"/>
  <c r="AD109886" i="1"/>
  <c r="AD109887" i="1"/>
  <c r="AD109888" i="1"/>
  <c r="AD109889" i="1"/>
  <c r="AD109890" i="1"/>
  <c r="AD109891" i="1"/>
  <c r="AD109892" i="1"/>
  <c r="AD109893" i="1"/>
  <c r="AD109894" i="1"/>
  <c r="AD109895" i="1"/>
  <c r="AD109896" i="1"/>
  <c r="AD109897" i="1"/>
  <c r="AD109898" i="1"/>
  <c r="AD109899" i="1"/>
  <c r="AD109900" i="1"/>
  <c r="AD109901" i="1"/>
  <c r="AD109902" i="1"/>
  <c r="AD109903" i="1"/>
  <c r="AD109904" i="1"/>
  <c r="AD109905" i="1"/>
  <c r="AD109906" i="1"/>
  <c r="AD109907" i="1"/>
  <c r="AD109908" i="1"/>
  <c r="AD109909" i="1"/>
  <c r="AD109910" i="1"/>
  <c r="AD109911" i="1"/>
  <c r="AD109912" i="1"/>
  <c r="AD109913" i="1"/>
  <c r="AD109914" i="1"/>
  <c r="AD109915" i="1"/>
  <c r="AD109916" i="1"/>
  <c r="AD109917" i="1"/>
  <c r="AD109918" i="1"/>
  <c r="AD109919" i="1"/>
  <c r="AD109920" i="1"/>
  <c r="AD109921" i="1"/>
  <c r="AD109922" i="1"/>
  <c r="AD109923" i="1"/>
  <c r="AD109924" i="1"/>
  <c r="AD109925" i="1"/>
  <c r="AD109926" i="1"/>
  <c r="AD109927" i="1"/>
  <c r="AD109928" i="1"/>
  <c r="AD109929" i="1"/>
  <c r="AD109930" i="1"/>
  <c r="AD109931" i="1"/>
  <c r="AD109932" i="1"/>
  <c r="AD109933" i="1"/>
  <c r="AD109934" i="1"/>
  <c r="AD109935" i="1"/>
  <c r="AD109936" i="1"/>
  <c r="AD109937" i="1"/>
  <c r="AD109938" i="1"/>
  <c r="AD109939" i="1"/>
  <c r="AD109940" i="1"/>
  <c r="AD109941" i="1"/>
  <c r="AD109942" i="1"/>
  <c r="AD109943" i="1"/>
  <c r="AD109944" i="1"/>
  <c r="AD109945" i="1"/>
  <c r="AD109946" i="1"/>
  <c r="AD109947" i="1"/>
  <c r="AD109948" i="1"/>
  <c r="AD109949" i="1"/>
  <c r="AD109950" i="1"/>
  <c r="AD109951" i="1"/>
  <c r="AD109952" i="1"/>
  <c r="AD109953" i="1"/>
  <c r="AD109954" i="1"/>
  <c r="AD109955" i="1"/>
  <c r="AD109956" i="1"/>
  <c r="AD109957" i="1"/>
  <c r="AD109958" i="1"/>
  <c r="AD109959" i="1"/>
  <c r="AD109960" i="1"/>
  <c r="AD109961" i="1"/>
  <c r="AD109962" i="1"/>
  <c r="AD109963" i="1"/>
  <c r="AD109964" i="1"/>
  <c r="AD109965" i="1"/>
  <c r="AD109966" i="1"/>
  <c r="AD109967" i="1"/>
  <c r="AD109968" i="1"/>
  <c r="AD109969" i="1"/>
  <c r="AD109970" i="1"/>
  <c r="AD109971" i="1"/>
  <c r="AD109972" i="1"/>
  <c r="AD109973" i="1"/>
  <c r="AD109974" i="1"/>
  <c r="AD109975" i="1"/>
  <c r="AD109976" i="1"/>
  <c r="AD109977" i="1"/>
  <c r="AD109978" i="1"/>
  <c r="AD109979" i="1"/>
  <c r="AD109980" i="1"/>
  <c r="AD109981" i="1"/>
  <c r="AD109982" i="1"/>
  <c r="AD109983" i="1"/>
  <c r="AD109984" i="1"/>
  <c r="AD109985" i="1"/>
  <c r="AD109986" i="1"/>
  <c r="AD109987" i="1"/>
  <c r="AD109988" i="1"/>
  <c r="AD109989" i="1"/>
  <c r="AD109990" i="1"/>
  <c r="AD109991" i="1"/>
  <c r="AD109992" i="1"/>
  <c r="AD109993" i="1"/>
  <c r="AD109994" i="1"/>
  <c r="AD109995" i="1"/>
  <c r="AD109996" i="1"/>
  <c r="AD109997" i="1"/>
  <c r="AD109998" i="1"/>
  <c r="AD109999" i="1"/>
  <c r="AD110000" i="1"/>
  <c r="AD110001" i="1"/>
  <c r="AD110002" i="1"/>
  <c r="AD110003" i="1"/>
  <c r="AD110004" i="1"/>
  <c r="AD110005" i="1"/>
  <c r="AD110006" i="1"/>
  <c r="AD110007" i="1"/>
  <c r="AD110008" i="1"/>
  <c r="AD110009" i="1"/>
  <c r="AD110010" i="1"/>
  <c r="AD110011" i="1"/>
  <c r="AD110012" i="1"/>
  <c r="AD110013" i="1"/>
  <c r="AD110014" i="1"/>
  <c r="AD110015" i="1"/>
  <c r="AD110016" i="1"/>
  <c r="AD110017" i="1"/>
  <c r="AD110018" i="1"/>
  <c r="AD110019" i="1"/>
  <c r="AD110020" i="1"/>
  <c r="AD110021" i="1"/>
  <c r="AD110022" i="1"/>
  <c r="AD110023" i="1"/>
  <c r="AD110024" i="1"/>
  <c r="AD110025" i="1"/>
  <c r="AD110026" i="1"/>
  <c r="AD110027" i="1"/>
  <c r="AD110028" i="1"/>
  <c r="AD110029" i="1"/>
  <c r="AD110030" i="1"/>
  <c r="AD110031" i="1"/>
  <c r="AD110032" i="1"/>
  <c r="AD110033" i="1"/>
  <c r="AD110034" i="1"/>
  <c r="AD110035" i="1"/>
  <c r="AD110036" i="1"/>
  <c r="AD110037" i="1"/>
  <c r="AD110038" i="1"/>
  <c r="AD110039" i="1"/>
  <c r="AD110040" i="1"/>
  <c r="AD110041" i="1"/>
  <c r="AD110042" i="1"/>
  <c r="AD110043" i="1"/>
  <c r="AD110044" i="1"/>
  <c r="AD110045" i="1"/>
  <c r="AD110046" i="1"/>
  <c r="AD110047" i="1"/>
  <c r="AD110048" i="1"/>
  <c r="AD110049" i="1"/>
  <c r="AD110050" i="1"/>
  <c r="AD110051" i="1"/>
  <c r="AD110052" i="1"/>
  <c r="AD110053" i="1"/>
  <c r="AD110054" i="1"/>
  <c r="AD110055" i="1"/>
  <c r="AD110056" i="1"/>
  <c r="AD110057" i="1"/>
  <c r="AD110058" i="1"/>
  <c r="AD110059" i="1"/>
  <c r="AD110060" i="1"/>
  <c r="AD110061" i="1"/>
  <c r="AD110062" i="1"/>
  <c r="AD110063" i="1"/>
  <c r="AD110064" i="1"/>
  <c r="AD110065" i="1"/>
  <c r="AD110066" i="1"/>
  <c r="AD110067" i="1"/>
  <c r="AD110068" i="1"/>
  <c r="AD110069" i="1"/>
  <c r="AD110070" i="1"/>
  <c r="AD110071" i="1"/>
  <c r="AD110072" i="1"/>
  <c r="AD110073" i="1"/>
  <c r="AD110074" i="1"/>
  <c r="AD110075" i="1"/>
  <c r="AD110076" i="1"/>
  <c r="AD110077" i="1"/>
  <c r="AD110078" i="1"/>
  <c r="AD110079" i="1"/>
  <c r="AD110080" i="1"/>
  <c r="AD110081" i="1"/>
  <c r="AD110082" i="1"/>
  <c r="AD110083" i="1"/>
  <c r="AD110084" i="1"/>
  <c r="AD110085" i="1"/>
  <c r="AD110086" i="1"/>
  <c r="AD110087" i="1"/>
  <c r="AD110088" i="1"/>
  <c r="AD110089" i="1"/>
  <c r="AD110090" i="1"/>
  <c r="AD110091" i="1"/>
  <c r="AD110092" i="1"/>
  <c r="AD110093" i="1"/>
  <c r="AD110094" i="1"/>
  <c r="AD110095" i="1"/>
  <c r="AD110096" i="1"/>
  <c r="AD110097" i="1"/>
  <c r="AD110098" i="1"/>
  <c r="AD110099" i="1"/>
  <c r="AD110100" i="1"/>
  <c r="AD110101" i="1"/>
  <c r="AD110102" i="1"/>
  <c r="AD110103" i="1"/>
  <c r="AD110104" i="1"/>
  <c r="AD110105" i="1"/>
  <c r="AD110106" i="1"/>
  <c r="AD110107" i="1"/>
  <c r="AD110108" i="1"/>
  <c r="AD110109" i="1"/>
  <c r="AD110110" i="1"/>
  <c r="AD110111" i="1"/>
  <c r="AD110112" i="1"/>
  <c r="AD110113" i="1"/>
  <c r="AD110114" i="1"/>
  <c r="AD110115" i="1"/>
  <c r="AD110116" i="1"/>
  <c r="AD110117" i="1"/>
  <c r="AD110118" i="1"/>
  <c r="AD110119" i="1"/>
  <c r="AD110120" i="1"/>
  <c r="AD110121" i="1"/>
  <c r="AD110122" i="1"/>
  <c r="AD110123" i="1"/>
  <c r="AD110124" i="1"/>
  <c r="AD110125" i="1"/>
  <c r="AD110126" i="1"/>
  <c r="AD110127" i="1"/>
  <c r="AD110128" i="1"/>
  <c r="AD110129" i="1"/>
  <c r="AD110130" i="1"/>
  <c r="AD110131" i="1"/>
  <c r="AD110132" i="1"/>
  <c r="AD110133" i="1"/>
  <c r="AD110134" i="1"/>
  <c r="AD110135" i="1"/>
  <c r="AD110136" i="1"/>
  <c r="AD110137" i="1"/>
  <c r="AD110138" i="1"/>
  <c r="AD110139" i="1"/>
  <c r="AD110140" i="1"/>
  <c r="AD110141" i="1"/>
  <c r="AD110142" i="1"/>
  <c r="AD110143" i="1"/>
  <c r="AD110144" i="1"/>
  <c r="AD110145" i="1"/>
  <c r="AD110146" i="1"/>
  <c r="AD110147" i="1"/>
  <c r="AD110148" i="1"/>
  <c r="AD110149" i="1"/>
  <c r="AD110150" i="1"/>
  <c r="AD110151" i="1"/>
  <c r="AD110152" i="1"/>
  <c r="AD110153" i="1"/>
  <c r="AD110154" i="1"/>
  <c r="AD110155" i="1"/>
  <c r="AD110156" i="1"/>
  <c r="AD110157" i="1"/>
  <c r="AD110158" i="1"/>
  <c r="AD110159" i="1"/>
  <c r="AD110160" i="1"/>
  <c r="AD110161" i="1"/>
  <c r="AD110162" i="1"/>
  <c r="AD110163" i="1"/>
  <c r="AD110164" i="1"/>
  <c r="AD110165" i="1"/>
  <c r="AD110166" i="1"/>
  <c r="AD110167" i="1"/>
  <c r="AD110168" i="1"/>
  <c r="AD110169" i="1"/>
  <c r="AD110170" i="1"/>
  <c r="AD110171" i="1"/>
  <c r="AD110172" i="1"/>
  <c r="AD110173" i="1"/>
  <c r="AD110174" i="1"/>
  <c r="AD110175" i="1"/>
  <c r="AD110176" i="1"/>
  <c r="AD110177" i="1"/>
  <c r="AD110178" i="1"/>
  <c r="AD110179" i="1"/>
  <c r="AD110180" i="1"/>
  <c r="AD110181" i="1"/>
  <c r="AD110182" i="1"/>
  <c r="AD110183" i="1"/>
  <c r="AD110184" i="1"/>
  <c r="AD110185" i="1"/>
  <c r="AD110186" i="1"/>
  <c r="AD110187" i="1"/>
  <c r="AD110188" i="1"/>
  <c r="AD110189" i="1"/>
  <c r="AD110190" i="1"/>
  <c r="AD110191" i="1"/>
  <c r="AD110192" i="1"/>
  <c r="AD110193" i="1"/>
  <c r="AD110194" i="1"/>
  <c r="AD110195" i="1"/>
  <c r="AD110196" i="1"/>
  <c r="AD110197" i="1"/>
  <c r="AD110198" i="1"/>
  <c r="AD110199" i="1"/>
  <c r="AD110200" i="1"/>
  <c r="AD110201" i="1"/>
  <c r="AD110202" i="1"/>
  <c r="AD110203" i="1"/>
  <c r="AD110204" i="1"/>
  <c r="AD110205" i="1"/>
  <c r="AD110206" i="1"/>
  <c r="AD110207" i="1"/>
  <c r="AD110208" i="1"/>
  <c r="AD110209" i="1"/>
  <c r="AD110210" i="1"/>
  <c r="AD110211" i="1"/>
  <c r="AD110212" i="1"/>
  <c r="AD110213" i="1"/>
  <c r="AD110214" i="1"/>
  <c r="AD110215" i="1"/>
  <c r="AD110216" i="1"/>
  <c r="AD110217" i="1"/>
  <c r="AD110218" i="1"/>
  <c r="AD110219" i="1"/>
  <c r="AD110220" i="1"/>
  <c r="AD110221" i="1"/>
  <c r="AD110222" i="1"/>
  <c r="AD110223" i="1"/>
  <c r="AD110224" i="1"/>
  <c r="AD110225" i="1"/>
  <c r="AD110226" i="1"/>
  <c r="AD110227" i="1"/>
  <c r="AD110228" i="1"/>
  <c r="AD110229" i="1"/>
  <c r="AD110230" i="1"/>
  <c r="AD110231" i="1"/>
  <c r="AD110232" i="1"/>
  <c r="AD110233" i="1"/>
  <c r="AD110234" i="1"/>
  <c r="AD110235" i="1"/>
  <c r="AD110236" i="1"/>
  <c r="AD110237" i="1"/>
  <c r="AD110238" i="1"/>
  <c r="AD110239" i="1"/>
  <c r="AD110240" i="1"/>
  <c r="AD110241" i="1"/>
  <c r="AD110242" i="1"/>
  <c r="AD110243" i="1"/>
  <c r="AD110244" i="1"/>
  <c r="AD110245" i="1"/>
  <c r="AD110246" i="1"/>
  <c r="AD110247" i="1"/>
  <c r="AD110248" i="1"/>
  <c r="AD110249" i="1"/>
  <c r="AD110250" i="1"/>
  <c r="AD110251" i="1"/>
  <c r="AD110252" i="1"/>
  <c r="AD110253" i="1"/>
  <c r="AD110254" i="1"/>
  <c r="AD110255" i="1"/>
  <c r="AD110256" i="1"/>
  <c r="AD110257" i="1"/>
  <c r="AD110258" i="1"/>
  <c r="AD110259" i="1"/>
  <c r="AD110260" i="1"/>
  <c r="AD110261" i="1"/>
  <c r="AD110262" i="1"/>
  <c r="AD110263" i="1"/>
  <c r="AD110264" i="1"/>
  <c r="AD110265" i="1"/>
  <c r="AD110266" i="1"/>
  <c r="AD110267" i="1"/>
  <c r="AD110268" i="1"/>
  <c r="AD110269" i="1"/>
  <c r="AD110270" i="1"/>
  <c r="AD110271" i="1"/>
  <c r="AD110272" i="1"/>
  <c r="AD110273" i="1"/>
  <c r="AD110274" i="1"/>
  <c r="AD110275" i="1"/>
  <c r="AD110276" i="1"/>
  <c r="AD110277" i="1"/>
  <c r="AD110278" i="1"/>
  <c r="AD110279" i="1"/>
  <c r="AD110280" i="1"/>
  <c r="AD110281" i="1"/>
  <c r="AD110282" i="1"/>
  <c r="AD110283" i="1"/>
  <c r="AD110284" i="1"/>
  <c r="AD110285" i="1"/>
  <c r="AD110286" i="1"/>
  <c r="AD110287" i="1"/>
  <c r="AD110288" i="1"/>
  <c r="AD110289" i="1"/>
  <c r="AD110290" i="1"/>
  <c r="AD110291" i="1"/>
  <c r="AD110292" i="1"/>
  <c r="AD110293" i="1"/>
  <c r="AD110294" i="1"/>
  <c r="AD110295" i="1"/>
  <c r="AD110296" i="1"/>
  <c r="AD110297" i="1"/>
  <c r="AD110298" i="1"/>
  <c r="AD110299" i="1"/>
  <c r="AD110300" i="1"/>
  <c r="AD110301" i="1"/>
  <c r="AD110302" i="1"/>
  <c r="AD110303" i="1"/>
  <c r="AD110304" i="1"/>
  <c r="AD110305" i="1"/>
  <c r="AD110306" i="1"/>
  <c r="AD110307" i="1"/>
  <c r="AD110308" i="1"/>
  <c r="AD110309" i="1"/>
  <c r="AD110310" i="1"/>
  <c r="AD110311" i="1"/>
  <c r="AD110312" i="1"/>
  <c r="AD110313" i="1"/>
  <c r="AD110314" i="1"/>
  <c r="AD110315" i="1"/>
  <c r="AD110316" i="1"/>
  <c r="AD110317" i="1"/>
  <c r="AD110318" i="1"/>
  <c r="AD110319" i="1"/>
  <c r="AD110320" i="1"/>
  <c r="AD110321" i="1"/>
  <c r="AD110322" i="1"/>
  <c r="AD110323" i="1"/>
  <c r="AD110324" i="1"/>
  <c r="AD110325" i="1"/>
  <c r="AD110326" i="1"/>
  <c r="AD110327" i="1"/>
  <c r="AD110328" i="1"/>
  <c r="AD110329" i="1"/>
  <c r="AD110330" i="1"/>
  <c r="AD110331" i="1"/>
  <c r="AD110332" i="1"/>
  <c r="AD110333" i="1"/>
  <c r="AD110334" i="1"/>
  <c r="AD110335" i="1"/>
  <c r="AD110336" i="1"/>
  <c r="AD110337" i="1"/>
  <c r="AD110338" i="1"/>
  <c r="AD110339" i="1"/>
  <c r="AD110340" i="1"/>
  <c r="AD110341" i="1"/>
  <c r="AD110342" i="1"/>
  <c r="AD110343" i="1"/>
  <c r="AD110344" i="1"/>
  <c r="AD110345" i="1"/>
  <c r="AD110346" i="1"/>
  <c r="AD110347" i="1"/>
  <c r="AD110348" i="1"/>
  <c r="AD110349" i="1"/>
  <c r="AD110350" i="1"/>
  <c r="AD110351" i="1"/>
  <c r="AD110352" i="1"/>
  <c r="AD110353" i="1"/>
  <c r="AD110354" i="1"/>
  <c r="AD110355" i="1"/>
  <c r="AD110356" i="1"/>
  <c r="AD110357" i="1"/>
  <c r="AD110358" i="1"/>
  <c r="AD110359" i="1"/>
  <c r="AD110360" i="1"/>
  <c r="AD110361" i="1"/>
  <c r="AD110362" i="1"/>
  <c r="AD110363" i="1"/>
  <c r="AD110364" i="1"/>
  <c r="AD110365" i="1"/>
  <c r="AD110366" i="1"/>
  <c r="AD110367" i="1"/>
  <c r="AD110368" i="1"/>
  <c r="AD110369" i="1"/>
  <c r="AD110370" i="1"/>
  <c r="AD110371" i="1"/>
  <c r="AD110372" i="1"/>
  <c r="AD110373" i="1"/>
  <c r="AD110374" i="1"/>
  <c r="AD110375" i="1"/>
  <c r="AD110376" i="1"/>
  <c r="AD110377" i="1"/>
  <c r="AD110378" i="1"/>
  <c r="AD110379" i="1"/>
  <c r="AD110380" i="1"/>
  <c r="AD110381" i="1"/>
  <c r="AD110382" i="1"/>
  <c r="AD110383" i="1"/>
  <c r="AD110384" i="1"/>
  <c r="AD110385" i="1"/>
  <c r="AD110386" i="1"/>
  <c r="AD110387" i="1"/>
  <c r="AD110388" i="1"/>
  <c r="AD110389" i="1"/>
  <c r="AD110390" i="1"/>
  <c r="AD110391" i="1"/>
  <c r="AD110392" i="1"/>
  <c r="AD110393" i="1"/>
  <c r="AD110394" i="1"/>
  <c r="AD110395" i="1"/>
  <c r="AD110396" i="1"/>
  <c r="AD110397" i="1"/>
  <c r="AD110398" i="1"/>
  <c r="AD110399" i="1"/>
  <c r="AD110400" i="1"/>
  <c r="AD110401" i="1"/>
  <c r="AD110402" i="1"/>
  <c r="AD110403" i="1"/>
  <c r="AD110404" i="1"/>
  <c r="AD110405" i="1"/>
  <c r="AD110406" i="1"/>
  <c r="AD110407" i="1"/>
  <c r="AD110408" i="1"/>
  <c r="AD110409" i="1"/>
  <c r="AD110410" i="1"/>
  <c r="AD110411" i="1"/>
  <c r="AD110412" i="1"/>
  <c r="AD110413" i="1"/>
  <c r="AD110414" i="1"/>
  <c r="AD110415" i="1"/>
  <c r="AD110416" i="1"/>
  <c r="AD110417" i="1"/>
  <c r="AD110418" i="1"/>
  <c r="AD110419" i="1"/>
  <c r="AD110420" i="1"/>
  <c r="AD110421" i="1"/>
  <c r="AD110422" i="1"/>
  <c r="AD110423" i="1"/>
  <c r="AD110424" i="1"/>
  <c r="AD110425" i="1"/>
  <c r="AD110426" i="1"/>
  <c r="AD110427" i="1"/>
  <c r="AD110428" i="1"/>
  <c r="AD110429" i="1"/>
  <c r="AD110430" i="1"/>
  <c r="AD110431" i="1"/>
  <c r="AD110432" i="1"/>
  <c r="AD110433" i="1"/>
  <c r="AD110434" i="1"/>
  <c r="AD110435" i="1"/>
  <c r="AD110436" i="1"/>
  <c r="AD110437" i="1"/>
  <c r="AD110438" i="1"/>
  <c r="AD110439" i="1"/>
  <c r="AD110440" i="1"/>
  <c r="AD110441" i="1"/>
  <c r="AD110442" i="1"/>
  <c r="AD110443" i="1"/>
  <c r="AD110444" i="1"/>
  <c r="AD110445" i="1"/>
  <c r="AD110446" i="1"/>
  <c r="AD110447" i="1"/>
  <c r="AD110448" i="1"/>
  <c r="AD110449" i="1"/>
  <c r="AD110450" i="1"/>
  <c r="AD110451" i="1"/>
  <c r="AD110452" i="1"/>
  <c r="AD110453" i="1"/>
  <c r="AD110454" i="1"/>
  <c r="AD110455" i="1"/>
  <c r="AD110456" i="1"/>
  <c r="AD110457" i="1"/>
  <c r="AD110458" i="1"/>
  <c r="AD110459" i="1"/>
  <c r="AD110460" i="1"/>
  <c r="AD110461" i="1"/>
  <c r="AD110462" i="1"/>
  <c r="AD110463" i="1"/>
  <c r="AD110464" i="1"/>
  <c r="AD110465" i="1"/>
  <c r="AD110466" i="1"/>
  <c r="AD110467" i="1"/>
  <c r="AD110468" i="1"/>
  <c r="AD110469" i="1"/>
  <c r="AD110470" i="1"/>
  <c r="AD110471" i="1"/>
  <c r="AD110472" i="1"/>
  <c r="AD110473" i="1"/>
  <c r="AD110474" i="1"/>
  <c r="AD110475" i="1"/>
  <c r="AD110476" i="1"/>
  <c r="AD110477" i="1"/>
  <c r="AD110478" i="1"/>
  <c r="AD110479" i="1"/>
  <c r="AD110480" i="1"/>
  <c r="AD110481" i="1"/>
  <c r="AD110482" i="1"/>
  <c r="AD110483" i="1"/>
  <c r="AD110484" i="1"/>
  <c r="AD110485" i="1"/>
  <c r="AD110486" i="1"/>
  <c r="AD110487" i="1"/>
  <c r="AD110488" i="1"/>
  <c r="AD110489" i="1"/>
  <c r="AD110490" i="1"/>
  <c r="AD110491" i="1"/>
  <c r="AD110492" i="1"/>
  <c r="AD110493" i="1"/>
  <c r="AD110494" i="1"/>
  <c r="AD110495" i="1"/>
  <c r="AD110496" i="1"/>
  <c r="AD110497" i="1"/>
  <c r="AD110498" i="1"/>
  <c r="AD110499" i="1"/>
  <c r="AD110500" i="1"/>
  <c r="AD110501" i="1"/>
  <c r="AD110502" i="1"/>
  <c r="AD110503" i="1"/>
  <c r="AD110504" i="1"/>
  <c r="AD110505" i="1"/>
  <c r="AD110506" i="1"/>
  <c r="AD110507" i="1"/>
  <c r="AD110508" i="1"/>
  <c r="AD110509" i="1"/>
  <c r="AD110510" i="1"/>
  <c r="AD110511" i="1"/>
  <c r="AD110512" i="1"/>
  <c r="AD110513" i="1"/>
  <c r="AD110514" i="1"/>
  <c r="AD110515" i="1"/>
  <c r="AD110516" i="1"/>
  <c r="AD110517" i="1"/>
  <c r="AD110518" i="1"/>
  <c r="AD110519" i="1"/>
  <c r="AD110520" i="1"/>
  <c r="AD110521" i="1"/>
  <c r="AD110522" i="1"/>
  <c r="AD110523" i="1"/>
  <c r="AD110524" i="1"/>
  <c r="AD110525" i="1"/>
  <c r="AD110526" i="1"/>
  <c r="AD110527" i="1"/>
  <c r="AD110528" i="1"/>
  <c r="AD110529" i="1"/>
  <c r="AD110530" i="1"/>
  <c r="AD110531" i="1"/>
  <c r="AD110532" i="1"/>
  <c r="AD110533" i="1"/>
  <c r="AD110534" i="1"/>
  <c r="AD110535" i="1"/>
  <c r="AD110536" i="1"/>
  <c r="AD110537" i="1"/>
  <c r="AD110538" i="1"/>
  <c r="AD110539" i="1"/>
  <c r="AD110540" i="1"/>
  <c r="AD110541" i="1"/>
  <c r="AD110542" i="1"/>
  <c r="AD110543" i="1"/>
  <c r="AD110544" i="1"/>
  <c r="AD110545" i="1"/>
  <c r="AD110546" i="1"/>
  <c r="AD110547" i="1"/>
  <c r="AD110548" i="1"/>
  <c r="AD110549" i="1"/>
  <c r="AD110550" i="1"/>
  <c r="AD110551" i="1"/>
  <c r="AD110552" i="1"/>
  <c r="AD110553" i="1"/>
  <c r="AD110554" i="1"/>
  <c r="AD110555" i="1"/>
  <c r="AD110556" i="1"/>
  <c r="AD110557" i="1"/>
  <c r="AD110558" i="1"/>
  <c r="AD110559" i="1"/>
  <c r="AD110560" i="1"/>
  <c r="AD110561" i="1"/>
  <c r="AD110562" i="1"/>
  <c r="AD110563" i="1"/>
  <c r="AD110564" i="1"/>
  <c r="AD110565" i="1"/>
  <c r="AD110566" i="1"/>
  <c r="AD110567" i="1"/>
  <c r="AD110568" i="1"/>
  <c r="AD110569" i="1"/>
  <c r="AD110570" i="1"/>
  <c r="AD110571" i="1"/>
  <c r="AD110572" i="1"/>
  <c r="AD110573" i="1"/>
  <c r="AD110574" i="1"/>
  <c r="AD110575" i="1"/>
  <c r="AD110576" i="1"/>
  <c r="AD110577" i="1"/>
  <c r="AD110578" i="1"/>
  <c r="AD110579" i="1"/>
  <c r="AD110580" i="1"/>
  <c r="AD110581" i="1"/>
  <c r="AD110582" i="1"/>
  <c r="AD110583" i="1"/>
  <c r="AD110584" i="1"/>
  <c r="AD110585" i="1"/>
  <c r="AD110586" i="1"/>
  <c r="AD110587" i="1"/>
  <c r="AD110588" i="1"/>
  <c r="AD110589" i="1"/>
  <c r="AD110590" i="1"/>
  <c r="AD110591" i="1"/>
  <c r="AD110592" i="1"/>
  <c r="AD110593" i="1"/>
  <c r="AD110594" i="1"/>
  <c r="AD110595" i="1"/>
  <c r="AD110596" i="1"/>
  <c r="AD110597" i="1"/>
  <c r="AD110598" i="1"/>
  <c r="AD110599" i="1"/>
  <c r="AD110600" i="1"/>
  <c r="AD110601" i="1"/>
  <c r="AD110602" i="1"/>
  <c r="AD110603" i="1"/>
  <c r="AD110604" i="1"/>
  <c r="AD110605" i="1"/>
  <c r="AD110606" i="1"/>
  <c r="AD110607" i="1"/>
  <c r="AD110608" i="1"/>
  <c r="AD110609" i="1"/>
  <c r="AD110610" i="1"/>
  <c r="AD110611" i="1"/>
  <c r="AD110612" i="1"/>
  <c r="AD110613" i="1"/>
  <c r="AD110614" i="1"/>
  <c r="AD110615" i="1"/>
  <c r="AD110616" i="1"/>
  <c r="AD110617" i="1"/>
  <c r="AD110618" i="1"/>
  <c r="AD110619" i="1"/>
  <c r="AD110620" i="1"/>
  <c r="AD110621" i="1"/>
  <c r="AD110622" i="1"/>
  <c r="AD110623" i="1"/>
  <c r="AD110624" i="1"/>
  <c r="AD110625" i="1"/>
  <c r="AD110626" i="1"/>
  <c r="AD110627" i="1"/>
  <c r="AD110628" i="1"/>
  <c r="AD110629" i="1"/>
  <c r="AD110630" i="1"/>
  <c r="AD110631" i="1"/>
  <c r="AD110632" i="1"/>
  <c r="AD110633" i="1"/>
  <c r="AD110634" i="1"/>
  <c r="AD110635" i="1"/>
  <c r="AD110636" i="1"/>
  <c r="AD110637" i="1"/>
  <c r="AD110638" i="1"/>
  <c r="AD110639" i="1"/>
  <c r="AD110640" i="1"/>
  <c r="AD110641" i="1"/>
  <c r="AD110642" i="1"/>
  <c r="AD110643" i="1"/>
  <c r="AD110644" i="1"/>
  <c r="AD110645" i="1"/>
  <c r="AD110646" i="1"/>
  <c r="AD110647" i="1"/>
  <c r="AD110648" i="1"/>
  <c r="AD110649" i="1"/>
  <c r="AD110650" i="1"/>
  <c r="AD110651" i="1"/>
  <c r="AD110652" i="1"/>
  <c r="AD110653" i="1"/>
  <c r="AD110654" i="1"/>
  <c r="AD110655" i="1"/>
  <c r="AD110656" i="1"/>
  <c r="AD110657" i="1"/>
  <c r="AD110658" i="1"/>
  <c r="AD110659" i="1"/>
  <c r="AD110660" i="1"/>
  <c r="AD110661" i="1"/>
  <c r="AD110662" i="1"/>
  <c r="AD110663" i="1"/>
  <c r="AD110664" i="1"/>
  <c r="AD110665" i="1"/>
  <c r="AD110666" i="1"/>
  <c r="AD110667" i="1"/>
  <c r="AD110668" i="1"/>
  <c r="AD110669" i="1"/>
  <c r="AD110670" i="1"/>
  <c r="AD110671" i="1"/>
  <c r="AD110672" i="1"/>
  <c r="AD110673" i="1"/>
  <c r="AD110674" i="1"/>
  <c r="AD110675" i="1"/>
  <c r="AD110676" i="1"/>
  <c r="AD110677" i="1"/>
  <c r="AD110678" i="1"/>
  <c r="AD110679" i="1"/>
  <c r="AD110680" i="1"/>
  <c r="AD110681" i="1"/>
  <c r="AD110682" i="1"/>
  <c r="AD110683" i="1"/>
  <c r="AD110684" i="1"/>
  <c r="AD110685" i="1"/>
  <c r="AD110686" i="1"/>
  <c r="AD110687" i="1"/>
  <c r="AD110688" i="1"/>
  <c r="AD110689" i="1"/>
  <c r="AD110690" i="1"/>
  <c r="AD110691" i="1"/>
  <c r="AD110692" i="1"/>
  <c r="AD110693" i="1"/>
  <c r="AD110694" i="1"/>
  <c r="AD110695" i="1"/>
  <c r="AD110696" i="1"/>
  <c r="AD110697" i="1"/>
  <c r="AD110698" i="1"/>
  <c r="AD110699" i="1"/>
  <c r="AD110700" i="1"/>
  <c r="AD110701" i="1"/>
  <c r="AD110702" i="1"/>
  <c r="AD110703" i="1"/>
  <c r="AD110704" i="1"/>
  <c r="AD110705" i="1"/>
  <c r="AD110706" i="1"/>
  <c r="AD110707" i="1"/>
  <c r="AD110708" i="1"/>
  <c r="AD110709" i="1"/>
  <c r="AD110710" i="1"/>
  <c r="AD110711" i="1"/>
  <c r="AD110712" i="1"/>
  <c r="AD110713" i="1"/>
  <c r="AD110714" i="1"/>
  <c r="AD110715" i="1"/>
  <c r="AD110716" i="1"/>
  <c r="AD110717" i="1"/>
  <c r="AD110718" i="1"/>
  <c r="AD110719" i="1"/>
  <c r="AD110720" i="1"/>
  <c r="AD110721" i="1"/>
  <c r="AD110722" i="1"/>
  <c r="AD110723" i="1"/>
  <c r="AD110724" i="1"/>
  <c r="AD110725" i="1"/>
  <c r="AD110726" i="1"/>
  <c r="AD110727" i="1"/>
  <c r="AD110728" i="1"/>
  <c r="AD110729" i="1"/>
  <c r="AD110730" i="1"/>
  <c r="AD110731" i="1"/>
  <c r="AD110732" i="1"/>
  <c r="AD110733" i="1"/>
  <c r="AD110734" i="1"/>
  <c r="AD110735" i="1"/>
  <c r="AD110736" i="1"/>
  <c r="AD110737" i="1"/>
  <c r="AD110738" i="1"/>
  <c r="AD110739" i="1"/>
  <c r="AD110740" i="1"/>
  <c r="AD110741" i="1"/>
  <c r="AD110742" i="1"/>
  <c r="AD110743" i="1"/>
  <c r="AD110744" i="1"/>
  <c r="AD110745" i="1"/>
  <c r="AD110746" i="1"/>
  <c r="AD110747" i="1"/>
  <c r="AD110748" i="1"/>
  <c r="AD110749" i="1"/>
  <c r="AD110750" i="1"/>
  <c r="AD110751" i="1"/>
  <c r="AD110752" i="1"/>
  <c r="AD110753" i="1"/>
  <c r="AD110754" i="1"/>
  <c r="AD110755" i="1"/>
  <c r="AD110756" i="1"/>
  <c r="AD110757" i="1"/>
  <c r="AD110758" i="1"/>
  <c r="AD110759" i="1"/>
  <c r="AD110760" i="1"/>
  <c r="AD110761" i="1"/>
  <c r="AD110762" i="1"/>
  <c r="AD110763" i="1"/>
  <c r="AD110764" i="1"/>
  <c r="AD110765" i="1"/>
  <c r="AD110766" i="1"/>
  <c r="AD110767" i="1"/>
  <c r="AD110768" i="1"/>
  <c r="AD110769" i="1"/>
  <c r="AD110770" i="1"/>
  <c r="AD110771" i="1"/>
  <c r="AD110772" i="1"/>
  <c r="AD110773" i="1"/>
  <c r="AD110774" i="1"/>
  <c r="AD110775" i="1"/>
  <c r="AD110776" i="1"/>
  <c r="AD110777" i="1"/>
  <c r="AD110778" i="1"/>
  <c r="AD110779" i="1"/>
  <c r="AD110780" i="1"/>
  <c r="AD110781" i="1"/>
  <c r="AD110782" i="1"/>
  <c r="AD110783" i="1"/>
  <c r="AD110784" i="1"/>
  <c r="AD110785" i="1"/>
  <c r="AD110786" i="1"/>
  <c r="AD110787" i="1"/>
  <c r="AD110788" i="1"/>
  <c r="AD110789" i="1"/>
  <c r="AD110790" i="1"/>
  <c r="AD110791" i="1"/>
  <c r="AD110792" i="1"/>
  <c r="AD110793" i="1"/>
  <c r="AD110794" i="1"/>
  <c r="AD110795" i="1"/>
  <c r="AD110796" i="1"/>
  <c r="AD110797" i="1"/>
  <c r="AD110798" i="1"/>
  <c r="AD110799" i="1"/>
  <c r="AD110800" i="1"/>
  <c r="AD110801" i="1"/>
  <c r="AD110802" i="1"/>
  <c r="AD110803" i="1"/>
  <c r="AD110804" i="1"/>
  <c r="AD110805" i="1"/>
  <c r="AD110806" i="1"/>
  <c r="AD110807" i="1"/>
  <c r="AD110808" i="1"/>
  <c r="AD110809" i="1"/>
  <c r="AD110810" i="1"/>
  <c r="AD110811" i="1"/>
  <c r="AD110812" i="1"/>
  <c r="AD110813" i="1"/>
  <c r="AD110814" i="1"/>
  <c r="AD110815" i="1"/>
  <c r="AD110816" i="1"/>
  <c r="AD110817" i="1"/>
  <c r="AD110818" i="1"/>
  <c r="AD110819" i="1"/>
  <c r="AD110820" i="1"/>
  <c r="AD110821" i="1"/>
  <c r="AD110822" i="1"/>
  <c r="AD110823" i="1"/>
  <c r="AD110824" i="1"/>
  <c r="AD110825" i="1"/>
  <c r="AD110826" i="1"/>
  <c r="AD110827" i="1"/>
  <c r="AD110828" i="1"/>
  <c r="AD110829" i="1"/>
  <c r="AD110830" i="1"/>
  <c r="AD110831" i="1"/>
  <c r="AD110832" i="1"/>
  <c r="AD110833" i="1"/>
  <c r="AD110834" i="1"/>
  <c r="AD110835" i="1"/>
  <c r="AD110836" i="1"/>
  <c r="AD110837" i="1"/>
  <c r="AD110838" i="1"/>
  <c r="AD110839" i="1"/>
  <c r="AD110840" i="1"/>
  <c r="AD110841" i="1"/>
  <c r="AD110842" i="1"/>
  <c r="AD110843" i="1"/>
  <c r="AD110844" i="1"/>
  <c r="AD110845" i="1"/>
  <c r="AD110846" i="1"/>
  <c r="AD110847" i="1"/>
  <c r="AD110848" i="1"/>
  <c r="AD110849" i="1"/>
  <c r="AD110850" i="1"/>
  <c r="AD110851" i="1"/>
  <c r="AD110852" i="1"/>
  <c r="AD110853" i="1"/>
  <c r="AD110854" i="1"/>
  <c r="AD110855" i="1"/>
  <c r="AD110856" i="1"/>
  <c r="AD110857" i="1"/>
  <c r="AD110858" i="1"/>
  <c r="AD110859" i="1"/>
  <c r="AD110860" i="1"/>
  <c r="AD110861" i="1"/>
  <c r="AD110862" i="1"/>
  <c r="AD110863" i="1"/>
  <c r="AD110864" i="1"/>
  <c r="AD110865" i="1"/>
  <c r="AD110866" i="1"/>
  <c r="AD110867" i="1"/>
  <c r="AD110868" i="1"/>
  <c r="AD110869" i="1"/>
  <c r="AD110870" i="1"/>
  <c r="AD110871" i="1"/>
  <c r="AD110872" i="1"/>
  <c r="AD110873" i="1"/>
  <c r="AD110874" i="1"/>
  <c r="AD110875" i="1"/>
  <c r="AD110876" i="1"/>
  <c r="AD110877" i="1"/>
  <c r="AD110878" i="1"/>
  <c r="AD110879" i="1"/>
  <c r="AD110880" i="1"/>
  <c r="AD110881" i="1"/>
  <c r="AD110882" i="1"/>
  <c r="AD110883" i="1"/>
  <c r="AD110884" i="1"/>
  <c r="AD110885" i="1"/>
  <c r="AD110886" i="1"/>
  <c r="AD110887" i="1"/>
  <c r="AD110888" i="1"/>
  <c r="AD110889" i="1"/>
  <c r="AD110890" i="1"/>
  <c r="AD110891" i="1"/>
  <c r="AD110892" i="1"/>
  <c r="AD110893" i="1"/>
  <c r="AD110894" i="1"/>
  <c r="AD110895" i="1"/>
  <c r="AD110896" i="1"/>
  <c r="AD110897" i="1"/>
  <c r="AD110898" i="1"/>
  <c r="AD110899" i="1"/>
  <c r="AD110900" i="1"/>
  <c r="AD110901" i="1"/>
  <c r="AD110902" i="1"/>
  <c r="AD110903" i="1"/>
  <c r="AD110904" i="1"/>
  <c r="AD110905" i="1"/>
  <c r="AD110906" i="1"/>
  <c r="AD110907" i="1"/>
  <c r="AD110908" i="1"/>
  <c r="AD110909" i="1"/>
  <c r="AD110910" i="1"/>
  <c r="AD110911" i="1"/>
  <c r="AD110912" i="1"/>
  <c r="AD110913" i="1"/>
  <c r="AD110914" i="1"/>
  <c r="AD110915" i="1"/>
  <c r="AD110916" i="1"/>
  <c r="AD110917" i="1"/>
  <c r="AD110918" i="1"/>
  <c r="AD110919" i="1"/>
  <c r="AD110920" i="1"/>
  <c r="AD110921" i="1"/>
  <c r="AD110922" i="1"/>
  <c r="AD110923" i="1"/>
  <c r="AD110924" i="1"/>
  <c r="AD110925" i="1"/>
  <c r="AD110926" i="1"/>
  <c r="AD110927" i="1"/>
  <c r="AD110928" i="1"/>
  <c r="AD110929" i="1"/>
  <c r="AD110930" i="1"/>
  <c r="AD110931" i="1"/>
  <c r="AD110932" i="1"/>
  <c r="AD110933" i="1"/>
  <c r="AD110934" i="1"/>
  <c r="AD110935" i="1"/>
  <c r="AD110936" i="1"/>
  <c r="AD110937" i="1"/>
  <c r="AD110938" i="1"/>
  <c r="AD110939" i="1"/>
  <c r="AD110940" i="1"/>
  <c r="AD110941" i="1"/>
  <c r="AD110942" i="1"/>
  <c r="AD110943" i="1"/>
  <c r="AD110944" i="1"/>
  <c r="AD110945" i="1"/>
  <c r="AD110946" i="1"/>
  <c r="AD110947" i="1"/>
  <c r="AD110948" i="1"/>
  <c r="AD110949" i="1"/>
  <c r="AD110950" i="1"/>
  <c r="AD110951" i="1"/>
  <c r="AD110952" i="1"/>
  <c r="AD110953" i="1"/>
  <c r="AD110954" i="1"/>
  <c r="AD110955" i="1"/>
  <c r="AD110956" i="1"/>
  <c r="AD110957" i="1"/>
  <c r="AD110958" i="1"/>
  <c r="AD110959" i="1"/>
  <c r="AD110960" i="1"/>
  <c r="AD110961" i="1"/>
  <c r="AD110962" i="1"/>
  <c r="AD110963" i="1"/>
  <c r="AD110964" i="1"/>
  <c r="AD110965" i="1"/>
  <c r="AD110966" i="1"/>
  <c r="AD110967" i="1"/>
  <c r="AD110968" i="1"/>
  <c r="AD110969" i="1"/>
  <c r="AD110970" i="1"/>
  <c r="AD110971" i="1"/>
  <c r="AD110972" i="1"/>
  <c r="AD110973" i="1"/>
  <c r="AD110974" i="1"/>
  <c r="AD110975" i="1"/>
  <c r="AD110976" i="1"/>
  <c r="AD110977" i="1"/>
  <c r="AD110978" i="1"/>
  <c r="AD110979" i="1"/>
  <c r="AD110980" i="1"/>
  <c r="AD110981" i="1"/>
  <c r="AD110982" i="1"/>
  <c r="AD110983" i="1"/>
  <c r="AD110984" i="1"/>
  <c r="AD110985" i="1"/>
  <c r="AD110986" i="1"/>
  <c r="AD110987" i="1"/>
  <c r="AD110988" i="1"/>
  <c r="AD110989" i="1"/>
  <c r="AD110990" i="1"/>
  <c r="AD110991" i="1"/>
  <c r="AD110992" i="1"/>
  <c r="AD110993" i="1"/>
  <c r="AD110994" i="1"/>
  <c r="AD110995" i="1"/>
  <c r="AD110996" i="1"/>
  <c r="AD110997" i="1"/>
  <c r="AD110998" i="1"/>
  <c r="AD110999" i="1"/>
  <c r="AD111000" i="1"/>
  <c r="AD111001" i="1"/>
  <c r="AD111002" i="1"/>
  <c r="AD111003" i="1"/>
  <c r="AD111004" i="1"/>
  <c r="AD111005" i="1"/>
  <c r="AD111006" i="1"/>
  <c r="AD111007" i="1"/>
  <c r="AD111008" i="1"/>
  <c r="AD111009" i="1"/>
  <c r="AD111010" i="1"/>
  <c r="AD111011" i="1"/>
  <c r="AD111012" i="1"/>
  <c r="AD111013" i="1"/>
  <c r="AD111014" i="1"/>
  <c r="AD111015" i="1"/>
  <c r="AD111016" i="1"/>
  <c r="AD111017" i="1"/>
  <c r="AD111018" i="1"/>
  <c r="AD111019" i="1"/>
  <c r="AD111020" i="1"/>
  <c r="AD111021" i="1"/>
  <c r="AD111022" i="1"/>
  <c r="AD111023" i="1"/>
  <c r="AD111024" i="1"/>
  <c r="AD111025" i="1"/>
  <c r="AD111026" i="1"/>
  <c r="AD111027" i="1"/>
  <c r="AD111028" i="1"/>
  <c r="AD111029" i="1"/>
  <c r="AD111030" i="1"/>
  <c r="AD111031" i="1"/>
  <c r="AD111032" i="1"/>
  <c r="AD111033" i="1"/>
  <c r="AD111034" i="1"/>
  <c r="AD111035" i="1"/>
  <c r="AD111036" i="1"/>
  <c r="AD111037" i="1"/>
  <c r="AD111038" i="1"/>
  <c r="AD111039" i="1"/>
  <c r="AD111040" i="1"/>
  <c r="AD111041" i="1"/>
  <c r="AD111042" i="1"/>
  <c r="AD111043" i="1"/>
  <c r="AD111044" i="1"/>
  <c r="AD111045" i="1"/>
  <c r="AD111046" i="1"/>
  <c r="AD111047" i="1"/>
  <c r="AD111048" i="1"/>
  <c r="AD111049" i="1"/>
  <c r="AD111050" i="1"/>
  <c r="AD111051" i="1"/>
  <c r="AD111052" i="1"/>
  <c r="AD111053" i="1"/>
  <c r="AD111054" i="1"/>
  <c r="AD111055" i="1"/>
  <c r="AD111056" i="1"/>
  <c r="AD111057" i="1"/>
  <c r="AD111058" i="1"/>
  <c r="AD111059" i="1"/>
  <c r="AD111060" i="1"/>
  <c r="AD111061" i="1"/>
  <c r="AD111062" i="1"/>
  <c r="AD111063" i="1"/>
  <c r="AD111064" i="1"/>
  <c r="AD111065" i="1"/>
  <c r="AD111066" i="1"/>
  <c r="AD111067" i="1"/>
  <c r="AD111068" i="1"/>
  <c r="AD111069" i="1"/>
  <c r="AD111070" i="1"/>
  <c r="AD111071" i="1"/>
  <c r="AD111072" i="1"/>
  <c r="AD111073" i="1"/>
  <c r="AD111074" i="1"/>
  <c r="AD111075" i="1"/>
  <c r="AD111076" i="1"/>
  <c r="AD111077" i="1"/>
  <c r="AD111078" i="1"/>
  <c r="AD111079" i="1"/>
  <c r="AD111080" i="1"/>
  <c r="AD111081" i="1"/>
  <c r="AD111082" i="1"/>
  <c r="AD111083" i="1"/>
  <c r="AD111084" i="1"/>
  <c r="AD111085" i="1"/>
  <c r="AD111086" i="1"/>
  <c r="AD111087" i="1"/>
  <c r="AD111088" i="1"/>
  <c r="AD111089" i="1"/>
  <c r="AD111090" i="1"/>
  <c r="AD111091" i="1"/>
  <c r="AD111092" i="1"/>
  <c r="AD111093" i="1"/>
  <c r="AD111094" i="1"/>
  <c r="AD111095" i="1"/>
  <c r="AD111096" i="1"/>
  <c r="AD111097" i="1"/>
  <c r="AD111098" i="1"/>
  <c r="AD111099" i="1"/>
  <c r="AD111100" i="1"/>
  <c r="AD111101" i="1"/>
  <c r="AD111102" i="1"/>
  <c r="AD111103" i="1"/>
  <c r="AD111104" i="1"/>
  <c r="AD111105" i="1"/>
  <c r="AD111106" i="1"/>
  <c r="AD111107" i="1"/>
  <c r="AD111108" i="1"/>
  <c r="AD111109" i="1"/>
  <c r="AD111110" i="1"/>
  <c r="AD111111" i="1"/>
  <c r="AD111112" i="1"/>
  <c r="AD111113" i="1"/>
  <c r="AD111114" i="1"/>
  <c r="AD111115" i="1"/>
  <c r="AD111116" i="1"/>
  <c r="AD111117" i="1"/>
  <c r="AD111118" i="1"/>
  <c r="AD111119" i="1"/>
  <c r="AD111120" i="1"/>
  <c r="AD111121" i="1"/>
  <c r="AD111122" i="1"/>
  <c r="AD111123" i="1"/>
  <c r="AD111124" i="1"/>
  <c r="AD111125" i="1"/>
  <c r="AD111126" i="1"/>
  <c r="AD111127" i="1"/>
  <c r="AD111128" i="1"/>
  <c r="AD111129" i="1"/>
  <c r="AD111130" i="1"/>
  <c r="AD111131" i="1"/>
  <c r="AD111132" i="1"/>
  <c r="AD111133" i="1"/>
  <c r="AD111134" i="1"/>
  <c r="AD111135" i="1"/>
  <c r="AD111136" i="1"/>
  <c r="AD111137" i="1"/>
  <c r="AD111138" i="1"/>
  <c r="AD111139" i="1"/>
  <c r="AD111140" i="1"/>
  <c r="AD111141" i="1"/>
  <c r="AD111142" i="1"/>
  <c r="AD111143" i="1"/>
  <c r="AD111144" i="1"/>
  <c r="AD111145" i="1"/>
  <c r="AD111146" i="1"/>
  <c r="AD111147" i="1"/>
  <c r="AD111148" i="1"/>
  <c r="AD111149" i="1"/>
  <c r="AD111150" i="1"/>
  <c r="AD111151" i="1"/>
  <c r="AD111152" i="1"/>
  <c r="AD111153" i="1"/>
  <c r="AD111154" i="1"/>
  <c r="AD111155" i="1"/>
  <c r="AD111156" i="1"/>
  <c r="AD111157" i="1"/>
  <c r="AD111158" i="1"/>
  <c r="AD111159" i="1"/>
  <c r="AD111160" i="1"/>
  <c r="AD111161" i="1"/>
  <c r="AD111162" i="1"/>
  <c r="AD111163" i="1"/>
  <c r="AD111164" i="1"/>
  <c r="AD111165" i="1"/>
  <c r="AD111166" i="1"/>
  <c r="AD111167" i="1"/>
  <c r="AD111168" i="1"/>
  <c r="AD111169" i="1"/>
  <c r="AD111170" i="1"/>
  <c r="AD111171" i="1"/>
  <c r="AD111172" i="1"/>
  <c r="AD111173" i="1"/>
  <c r="AD111174" i="1"/>
  <c r="AD111175" i="1"/>
  <c r="AD111176" i="1"/>
  <c r="AD111177" i="1"/>
  <c r="AD111178" i="1"/>
  <c r="AD111179" i="1"/>
  <c r="AD111180" i="1"/>
  <c r="AD111181" i="1"/>
  <c r="AD111182" i="1"/>
  <c r="AD111183" i="1"/>
  <c r="AD111184" i="1"/>
  <c r="AD111185" i="1"/>
  <c r="AD111186" i="1"/>
  <c r="AD111187" i="1"/>
  <c r="AD111188" i="1"/>
  <c r="AD111189" i="1"/>
  <c r="AD111190" i="1"/>
  <c r="AD111191" i="1"/>
  <c r="AD111192" i="1"/>
  <c r="AD111193" i="1"/>
  <c r="AD111194" i="1"/>
  <c r="AD111195" i="1"/>
  <c r="AD111196" i="1"/>
  <c r="AD111197" i="1"/>
  <c r="AD111198" i="1"/>
  <c r="AD111199" i="1"/>
  <c r="AD111200" i="1"/>
  <c r="AD111201" i="1"/>
  <c r="AD111202" i="1"/>
  <c r="AD111203" i="1"/>
  <c r="AD111204" i="1"/>
  <c r="AD111205" i="1"/>
  <c r="AD111206" i="1"/>
  <c r="AD111207" i="1"/>
  <c r="AD111208" i="1"/>
  <c r="AD111209" i="1"/>
  <c r="AD111210" i="1"/>
  <c r="AD111211" i="1"/>
  <c r="AD111212" i="1"/>
  <c r="AD111213" i="1"/>
  <c r="AD111214" i="1"/>
  <c r="AD111215" i="1"/>
  <c r="AD111216" i="1"/>
  <c r="AD111217" i="1"/>
  <c r="AD111218" i="1"/>
  <c r="AD111219" i="1"/>
  <c r="AD111220" i="1"/>
  <c r="AD111221" i="1"/>
  <c r="AD111222" i="1"/>
  <c r="AD111223" i="1"/>
  <c r="AD111224" i="1"/>
  <c r="AD111225" i="1"/>
  <c r="AD111226" i="1"/>
  <c r="AD111227" i="1"/>
  <c r="AD111228" i="1"/>
  <c r="AD111229" i="1"/>
  <c r="AD111230" i="1"/>
  <c r="AD111231" i="1"/>
  <c r="AD111232" i="1"/>
  <c r="AD111233" i="1"/>
  <c r="AD111234" i="1"/>
  <c r="AD111235" i="1"/>
  <c r="AD111236" i="1"/>
  <c r="AD111237" i="1"/>
  <c r="AD111238" i="1"/>
  <c r="AD111239" i="1"/>
  <c r="AD111240" i="1"/>
  <c r="AD111241" i="1"/>
  <c r="AD111242" i="1"/>
  <c r="AD111243" i="1"/>
  <c r="AD111244" i="1"/>
  <c r="AD111245" i="1"/>
  <c r="AD111246" i="1"/>
  <c r="AD111247" i="1"/>
  <c r="AD111248" i="1"/>
  <c r="AD111249" i="1"/>
  <c r="AD111250" i="1"/>
  <c r="AD111251" i="1"/>
  <c r="AD111252" i="1"/>
  <c r="AD111253" i="1"/>
  <c r="AD111254" i="1"/>
  <c r="AD111255" i="1"/>
  <c r="AD111256" i="1"/>
  <c r="AD111257" i="1"/>
  <c r="AD111258" i="1"/>
  <c r="AD111259" i="1"/>
  <c r="AD111260" i="1"/>
  <c r="AD111261" i="1"/>
  <c r="AD111262" i="1"/>
  <c r="AD111263" i="1"/>
  <c r="AD111264" i="1"/>
  <c r="AD111265" i="1"/>
  <c r="AD111266" i="1"/>
  <c r="AD111267" i="1"/>
  <c r="AD111268" i="1"/>
  <c r="AD111269" i="1"/>
  <c r="AD111270" i="1"/>
  <c r="AD111271" i="1"/>
  <c r="AD111272" i="1"/>
  <c r="AD111273" i="1"/>
  <c r="AD111274" i="1"/>
  <c r="AD111275" i="1"/>
  <c r="AD111276" i="1"/>
  <c r="AD111277" i="1"/>
  <c r="AD111278" i="1"/>
  <c r="AD111279" i="1"/>
  <c r="AD111280" i="1"/>
  <c r="AD111281" i="1"/>
  <c r="AD111282" i="1"/>
  <c r="AD111283" i="1"/>
  <c r="AD111284" i="1"/>
  <c r="AD111285" i="1"/>
  <c r="AD111286" i="1"/>
  <c r="AD111287" i="1"/>
  <c r="AD111288" i="1"/>
  <c r="AD111289" i="1"/>
  <c r="AD111290" i="1"/>
  <c r="AD111291" i="1"/>
  <c r="AD111292" i="1"/>
  <c r="AD111293" i="1"/>
  <c r="AD111294" i="1"/>
  <c r="AD111295" i="1"/>
  <c r="AD111296" i="1"/>
  <c r="AD111297" i="1"/>
  <c r="AD111298" i="1"/>
  <c r="AD111299" i="1"/>
  <c r="AD111300" i="1"/>
  <c r="AD111301" i="1"/>
  <c r="AD111302" i="1"/>
  <c r="AD111303" i="1"/>
  <c r="AD111304" i="1"/>
  <c r="AD111305" i="1"/>
  <c r="AD111306" i="1"/>
  <c r="AD111307" i="1"/>
  <c r="AD111308" i="1"/>
  <c r="AD111309" i="1"/>
  <c r="AD111310" i="1"/>
  <c r="AD111311" i="1"/>
  <c r="AD111312" i="1"/>
  <c r="AD111313" i="1"/>
  <c r="AD111314" i="1"/>
  <c r="AD111315" i="1"/>
  <c r="AD111316" i="1"/>
  <c r="AD111317" i="1"/>
  <c r="AD111318" i="1"/>
  <c r="AD111319" i="1"/>
  <c r="AD111320" i="1"/>
  <c r="AD111321" i="1"/>
  <c r="AD111322" i="1"/>
  <c r="AD111323" i="1"/>
  <c r="AD111324" i="1"/>
  <c r="AD111325" i="1"/>
  <c r="AD111326" i="1"/>
  <c r="AD111327" i="1"/>
  <c r="AD111328" i="1"/>
  <c r="AD111329" i="1"/>
  <c r="AD111330" i="1"/>
  <c r="AD111331" i="1"/>
  <c r="AD111332" i="1"/>
  <c r="AD111333" i="1"/>
  <c r="AD111334" i="1"/>
  <c r="AD111335" i="1"/>
  <c r="AD111336" i="1"/>
  <c r="AD111337" i="1"/>
  <c r="AD111338" i="1"/>
  <c r="AD111339" i="1"/>
  <c r="AD111340" i="1"/>
  <c r="AD111341" i="1"/>
  <c r="AD111342" i="1"/>
  <c r="AD111343" i="1"/>
  <c r="AD111344" i="1"/>
  <c r="AD111345" i="1"/>
  <c r="AD111346" i="1"/>
  <c r="AD111347" i="1"/>
  <c r="AD111348" i="1"/>
  <c r="AD111349" i="1"/>
  <c r="AD111350" i="1"/>
  <c r="AD111351" i="1"/>
  <c r="AD111352" i="1"/>
  <c r="AD111353" i="1"/>
  <c r="AD111354" i="1"/>
  <c r="AD111355" i="1"/>
  <c r="AD111356" i="1"/>
  <c r="AD111357" i="1"/>
  <c r="AD111358" i="1"/>
  <c r="AD111359" i="1"/>
  <c r="AD111360" i="1"/>
  <c r="AD111361" i="1"/>
  <c r="AD111362" i="1"/>
  <c r="AD111363" i="1"/>
  <c r="AD111364" i="1"/>
  <c r="AD111365" i="1"/>
  <c r="AD111366" i="1"/>
  <c r="AD111367" i="1"/>
  <c r="AD111368" i="1"/>
  <c r="AD111369" i="1"/>
  <c r="AD111370" i="1"/>
  <c r="AD111371" i="1"/>
  <c r="AD111372" i="1"/>
  <c r="AD111373" i="1"/>
  <c r="AD111374" i="1"/>
  <c r="AD111375" i="1"/>
  <c r="AD111376" i="1"/>
  <c r="AD111377" i="1"/>
  <c r="AD111378" i="1"/>
  <c r="AD111379" i="1"/>
  <c r="AD111380" i="1"/>
  <c r="AD111381" i="1"/>
  <c r="AD111382" i="1"/>
  <c r="AD111383" i="1"/>
  <c r="AD111384" i="1"/>
  <c r="AD111385" i="1"/>
  <c r="AD111386" i="1"/>
  <c r="AD111387" i="1"/>
  <c r="AD111388" i="1"/>
  <c r="AD111389" i="1"/>
  <c r="AD111390" i="1"/>
  <c r="AD111391" i="1"/>
  <c r="AD111392" i="1"/>
  <c r="AD111393" i="1"/>
  <c r="AD111394" i="1"/>
  <c r="AD111395" i="1"/>
  <c r="AD111396" i="1"/>
  <c r="AD111397" i="1"/>
  <c r="AD111398" i="1"/>
  <c r="AD111399" i="1"/>
  <c r="AD111400" i="1"/>
  <c r="AD111401" i="1"/>
  <c r="AD111402" i="1"/>
  <c r="AD111403" i="1"/>
  <c r="AD111404" i="1"/>
  <c r="AD111405" i="1"/>
  <c r="AD111406" i="1"/>
  <c r="AD111407" i="1"/>
  <c r="AD111408" i="1"/>
  <c r="AD111409" i="1"/>
  <c r="AD111410" i="1"/>
  <c r="AD111411" i="1"/>
  <c r="AD111412" i="1"/>
  <c r="AD111413" i="1"/>
  <c r="AD111414" i="1"/>
  <c r="AD111415" i="1"/>
  <c r="AD111416" i="1"/>
  <c r="AD111417" i="1"/>
  <c r="AD111418" i="1"/>
  <c r="AD111419" i="1"/>
  <c r="AD111420" i="1"/>
  <c r="AD111421" i="1"/>
  <c r="AD111422" i="1"/>
  <c r="AD111423" i="1"/>
  <c r="AD111424" i="1"/>
  <c r="AD111425" i="1"/>
  <c r="AD111426" i="1"/>
  <c r="AD111427" i="1"/>
  <c r="AD111428" i="1"/>
  <c r="AD111429" i="1"/>
  <c r="AD111430" i="1"/>
  <c r="AD111431" i="1"/>
  <c r="AD111432" i="1"/>
  <c r="AD111433" i="1"/>
  <c r="AD111434" i="1"/>
  <c r="AD111435" i="1"/>
  <c r="AD111436" i="1"/>
  <c r="AD111437" i="1"/>
  <c r="AD111438" i="1"/>
  <c r="AD111439" i="1"/>
  <c r="AD111440" i="1"/>
  <c r="AD111441" i="1"/>
  <c r="AD111442" i="1"/>
  <c r="AD111443" i="1"/>
  <c r="AD111444" i="1"/>
  <c r="AD111445" i="1"/>
  <c r="AD111446" i="1"/>
  <c r="AD111447" i="1"/>
  <c r="AD111448" i="1"/>
  <c r="AD111449" i="1"/>
  <c r="AD111450" i="1"/>
  <c r="AD111451" i="1"/>
  <c r="AD111452" i="1"/>
  <c r="AD111453" i="1"/>
  <c r="AD111454" i="1"/>
  <c r="AD111455" i="1"/>
  <c r="AD111456" i="1"/>
  <c r="AD111457" i="1"/>
  <c r="AD111458" i="1"/>
  <c r="AD111459" i="1"/>
  <c r="AD111460" i="1"/>
  <c r="AD111461" i="1"/>
  <c r="AD111462" i="1"/>
  <c r="AD111463" i="1"/>
  <c r="AD111464" i="1"/>
  <c r="AD111465" i="1"/>
  <c r="AD111466" i="1"/>
  <c r="AD111467" i="1"/>
  <c r="AD111468" i="1"/>
  <c r="AD111469" i="1"/>
  <c r="AD111470" i="1"/>
  <c r="AD111471" i="1"/>
  <c r="AD111472" i="1"/>
  <c r="AD111473" i="1"/>
  <c r="AD111474" i="1"/>
  <c r="AD111475" i="1"/>
  <c r="AD111476" i="1"/>
  <c r="AD111477" i="1"/>
  <c r="AD111478" i="1"/>
  <c r="AD111479" i="1"/>
  <c r="AD111480" i="1"/>
  <c r="AD111481" i="1"/>
  <c r="AD111482" i="1"/>
  <c r="AD111483" i="1"/>
  <c r="AD111484" i="1"/>
  <c r="AD111485" i="1"/>
  <c r="AD111486" i="1"/>
  <c r="AD111487" i="1"/>
  <c r="AD111488" i="1"/>
  <c r="AD111489" i="1"/>
  <c r="AD111490" i="1"/>
  <c r="AD111491" i="1"/>
  <c r="AD111492" i="1"/>
  <c r="AD111493" i="1"/>
  <c r="AD111494" i="1"/>
  <c r="AD111495" i="1"/>
  <c r="AD111496" i="1"/>
  <c r="AD111497" i="1"/>
  <c r="AD111498" i="1"/>
  <c r="AD111499" i="1"/>
  <c r="AD111500" i="1"/>
  <c r="AD111501" i="1"/>
  <c r="AD111502" i="1"/>
  <c r="AD111503" i="1"/>
  <c r="AD111504" i="1"/>
  <c r="AD111505" i="1"/>
  <c r="AD111506" i="1"/>
  <c r="AD111507" i="1"/>
  <c r="AD111508" i="1"/>
  <c r="AD111509" i="1"/>
  <c r="AD111510" i="1"/>
  <c r="AD111511" i="1"/>
  <c r="AD111512" i="1"/>
  <c r="AD111513" i="1"/>
  <c r="AD111514" i="1"/>
  <c r="AD111515" i="1"/>
  <c r="AD111516" i="1"/>
  <c r="AD111517" i="1"/>
  <c r="AD111518" i="1"/>
  <c r="AD111519" i="1"/>
  <c r="AD111520" i="1"/>
  <c r="AD111521" i="1"/>
  <c r="AD111522" i="1"/>
  <c r="AD111523" i="1"/>
  <c r="AD111524" i="1"/>
  <c r="AD111525" i="1"/>
  <c r="AD111526" i="1"/>
  <c r="AD111527" i="1"/>
  <c r="AD111528" i="1"/>
  <c r="AD111529" i="1"/>
  <c r="AD111530" i="1"/>
  <c r="AD111531" i="1"/>
  <c r="AD111532" i="1"/>
  <c r="AD111533" i="1"/>
  <c r="AD111534" i="1"/>
  <c r="AD111535" i="1"/>
  <c r="AD111536" i="1"/>
  <c r="AD111537" i="1"/>
  <c r="AD111538" i="1"/>
  <c r="AD111539" i="1"/>
  <c r="AD111540" i="1"/>
  <c r="AD111541" i="1"/>
  <c r="AD111542" i="1"/>
  <c r="AD111543" i="1"/>
  <c r="AD111544" i="1"/>
  <c r="AD111545" i="1"/>
  <c r="AD111546" i="1"/>
  <c r="AD111547" i="1"/>
  <c r="AD111548" i="1"/>
  <c r="AD111549" i="1"/>
  <c r="AD111550" i="1"/>
  <c r="AD111551" i="1"/>
  <c r="AD111552" i="1"/>
  <c r="AD111553" i="1"/>
  <c r="AD111554" i="1"/>
  <c r="AD111555" i="1"/>
  <c r="AD111556" i="1"/>
  <c r="AD111557" i="1"/>
  <c r="AD111558" i="1"/>
  <c r="AD111559" i="1"/>
  <c r="AD111560" i="1"/>
  <c r="AD111561" i="1"/>
  <c r="AD111562" i="1"/>
  <c r="AD111563" i="1"/>
  <c r="AD111564" i="1"/>
  <c r="AD111565" i="1"/>
  <c r="AD111566" i="1"/>
  <c r="AD111567" i="1"/>
  <c r="AD111568" i="1"/>
  <c r="AD111569" i="1"/>
  <c r="AD111570" i="1"/>
  <c r="AD111571" i="1"/>
  <c r="AD111572" i="1"/>
  <c r="AD111573" i="1"/>
  <c r="AD111574" i="1"/>
  <c r="AD111575" i="1"/>
  <c r="AD111576" i="1"/>
  <c r="AD111577" i="1"/>
  <c r="AD111578" i="1"/>
  <c r="AD111579" i="1"/>
  <c r="AD111580" i="1"/>
  <c r="AD111581" i="1"/>
  <c r="AD111582" i="1"/>
  <c r="AD111583" i="1"/>
  <c r="AD111584" i="1"/>
  <c r="AD111585" i="1"/>
  <c r="AD111586" i="1"/>
  <c r="AD111587" i="1"/>
  <c r="AD111588" i="1"/>
  <c r="AD111589" i="1"/>
  <c r="AD111590" i="1"/>
  <c r="AD111591" i="1"/>
  <c r="AD111592" i="1"/>
  <c r="AD111593" i="1"/>
  <c r="AD111594" i="1"/>
  <c r="AD111595" i="1"/>
  <c r="AD111596" i="1"/>
  <c r="AD111597" i="1"/>
  <c r="AD111598" i="1"/>
  <c r="AD111599" i="1"/>
  <c r="AD111600" i="1"/>
  <c r="AD111601" i="1"/>
  <c r="AD111602" i="1"/>
  <c r="AD111603" i="1"/>
  <c r="AD111604" i="1"/>
  <c r="AD111605" i="1"/>
  <c r="AD111606" i="1"/>
  <c r="AD111607" i="1"/>
  <c r="AD111608" i="1"/>
  <c r="AD111609" i="1"/>
  <c r="AD111610" i="1"/>
  <c r="AD111611" i="1"/>
  <c r="AD111612" i="1"/>
  <c r="AD111613" i="1"/>
  <c r="AD111614" i="1"/>
  <c r="AD111615" i="1"/>
  <c r="AD111616" i="1"/>
  <c r="AD111617" i="1"/>
  <c r="AD111618" i="1"/>
  <c r="AD111619" i="1"/>
  <c r="AD111620" i="1"/>
  <c r="AD111621" i="1"/>
  <c r="AD111622" i="1"/>
  <c r="AD111623" i="1"/>
  <c r="AD111624" i="1"/>
  <c r="AD111625" i="1"/>
  <c r="AD111626" i="1"/>
  <c r="AD111627" i="1"/>
  <c r="AD111628" i="1"/>
  <c r="AD111629" i="1"/>
  <c r="AD111630" i="1"/>
  <c r="AD111631" i="1"/>
  <c r="AD111632" i="1"/>
  <c r="AD111633" i="1"/>
  <c r="AD111634" i="1"/>
  <c r="AD111635" i="1"/>
  <c r="AD111636" i="1"/>
  <c r="AD111637" i="1"/>
  <c r="AD111638" i="1"/>
  <c r="AD111639" i="1"/>
  <c r="AD111640" i="1"/>
  <c r="AD111641" i="1"/>
  <c r="AD111642" i="1"/>
  <c r="AD111643" i="1"/>
  <c r="AD111644" i="1"/>
  <c r="AD111645" i="1"/>
  <c r="AD111646" i="1"/>
  <c r="AD111647" i="1"/>
  <c r="AD111648" i="1"/>
  <c r="AD111649" i="1"/>
  <c r="AD111650" i="1"/>
  <c r="AD111651" i="1"/>
  <c r="AD111652" i="1"/>
  <c r="AD111653" i="1"/>
  <c r="AD111654" i="1"/>
  <c r="AD111655" i="1"/>
  <c r="AD111656" i="1"/>
  <c r="AD111657" i="1"/>
  <c r="AD111658" i="1"/>
  <c r="AD111659" i="1"/>
  <c r="AD111660" i="1"/>
  <c r="AD111661" i="1"/>
  <c r="AD111662" i="1"/>
  <c r="AD111663" i="1"/>
  <c r="AD111664" i="1"/>
  <c r="AD111665" i="1"/>
  <c r="AD111666" i="1"/>
  <c r="AD111667" i="1"/>
  <c r="AD111668" i="1"/>
  <c r="AD111669" i="1"/>
  <c r="AD111670" i="1"/>
  <c r="AD111671" i="1"/>
  <c r="AD111672" i="1"/>
  <c r="AD111673" i="1"/>
  <c r="AD111674" i="1"/>
  <c r="AD111675" i="1"/>
  <c r="AD111676" i="1"/>
  <c r="AD111677" i="1"/>
  <c r="AD111678" i="1"/>
  <c r="AD111679" i="1"/>
  <c r="AD111680" i="1"/>
  <c r="AD111681" i="1"/>
  <c r="AD111682" i="1"/>
  <c r="AD111683" i="1"/>
  <c r="AD111684" i="1"/>
  <c r="AD111685" i="1"/>
  <c r="AD111686" i="1"/>
  <c r="AD111687" i="1"/>
  <c r="AD111688" i="1"/>
  <c r="AD111689" i="1"/>
  <c r="AD111690" i="1"/>
  <c r="AD111691" i="1"/>
  <c r="AD111692" i="1"/>
  <c r="AD111693" i="1"/>
  <c r="AD111694" i="1"/>
  <c r="AD111695" i="1"/>
  <c r="AD111696" i="1"/>
  <c r="AD111697" i="1"/>
  <c r="AD111698" i="1"/>
  <c r="AD111699" i="1"/>
  <c r="AD111700" i="1"/>
  <c r="AD111701" i="1"/>
  <c r="AD111702" i="1"/>
  <c r="AD111703" i="1"/>
  <c r="AD111704" i="1"/>
  <c r="AD111705" i="1"/>
  <c r="AD111706" i="1"/>
  <c r="AD111707" i="1"/>
  <c r="AD111708" i="1"/>
  <c r="AD111709" i="1"/>
  <c r="AD111710" i="1"/>
  <c r="AD111711" i="1"/>
  <c r="AD111712" i="1"/>
  <c r="AD111713" i="1"/>
  <c r="AD111714" i="1"/>
  <c r="AD111715" i="1"/>
  <c r="AD111716" i="1"/>
  <c r="AD111717" i="1"/>
  <c r="AD111718" i="1"/>
  <c r="AD111719" i="1"/>
  <c r="AD111720" i="1"/>
  <c r="AD111721" i="1"/>
  <c r="AD111722" i="1"/>
  <c r="AD111723" i="1"/>
  <c r="AD111724" i="1"/>
  <c r="AD111725" i="1"/>
  <c r="AD111726" i="1"/>
  <c r="AD111727" i="1"/>
  <c r="AD111728" i="1"/>
  <c r="AD111729" i="1"/>
  <c r="AD111730" i="1"/>
  <c r="AD111731" i="1"/>
  <c r="AD111732" i="1"/>
  <c r="AD111733" i="1"/>
  <c r="AD111734" i="1"/>
  <c r="AD111735" i="1"/>
  <c r="AD111736" i="1"/>
  <c r="AD111737" i="1"/>
  <c r="AD111738" i="1"/>
  <c r="AD111739" i="1"/>
  <c r="AD111740" i="1"/>
  <c r="AD111741" i="1"/>
  <c r="AD111742" i="1"/>
  <c r="AD111743" i="1"/>
  <c r="AD111744" i="1"/>
  <c r="AD111745" i="1"/>
  <c r="AD111746" i="1"/>
  <c r="AD111747" i="1"/>
  <c r="AD111748" i="1"/>
  <c r="AD111749" i="1"/>
  <c r="AD111750" i="1"/>
  <c r="AD111751" i="1"/>
  <c r="AD111752" i="1"/>
  <c r="AD111753" i="1"/>
  <c r="AD111754" i="1"/>
  <c r="AD111755" i="1"/>
  <c r="AD111756" i="1"/>
  <c r="AD111757" i="1"/>
  <c r="AD111758" i="1"/>
  <c r="AD111759" i="1"/>
  <c r="AD111760" i="1"/>
  <c r="AD111761" i="1"/>
  <c r="AD111762" i="1"/>
  <c r="AD111763" i="1"/>
  <c r="AD111764" i="1"/>
  <c r="AD111765" i="1"/>
  <c r="AD111766" i="1"/>
  <c r="AD111767" i="1"/>
  <c r="AD111768" i="1"/>
  <c r="AD111769" i="1"/>
  <c r="AD111770" i="1"/>
  <c r="AD111771" i="1"/>
  <c r="AD111772" i="1"/>
  <c r="AD111773" i="1"/>
  <c r="AD111774" i="1"/>
  <c r="AD111775" i="1"/>
  <c r="AD111776" i="1"/>
  <c r="AD111777" i="1"/>
  <c r="AD111778" i="1"/>
  <c r="AD111779" i="1"/>
  <c r="AD111780" i="1"/>
  <c r="AD111781" i="1"/>
  <c r="AD111782" i="1"/>
  <c r="AD111783" i="1"/>
  <c r="AD111784" i="1"/>
  <c r="AD111785" i="1"/>
  <c r="AD111786" i="1"/>
  <c r="AD111787" i="1"/>
  <c r="AD111788" i="1"/>
  <c r="AD111789" i="1"/>
  <c r="AD111790" i="1"/>
  <c r="AD111791" i="1"/>
  <c r="AD111792" i="1"/>
  <c r="AD111793" i="1"/>
  <c r="AD111794" i="1"/>
  <c r="AD111795" i="1"/>
  <c r="AD111796" i="1"/>
  <c r="AD111797" i="1"/>
  <c r="AD111798" i="1"/>
  <c r="AD111799" i="1"/>
  <c r="AD111800" i="1"/>
  <c r="AD111801" i="1"/>
  <c r="AD111802" i="1"/>
  <c r="AD111803" i="1"/>
  <c r="AD111804" i="1"/>
  <c r="AD111805" i="1"/>
  <c r="AD111806" i="1"/>
  <c r="AD111807" i="1"/>
  <c r="AD111808" i="1"/>
  <c r="AD111809" i="1"/>
  <c r="AD111810" i="1"/>
  <c r="AD111811" i="1"/>
  <c r="AD111812" i="1"/>
  <c r="AD111813" i="1"/>
  <c r="AD111814" i="1"/>
  <c r="AD111815" i="1"/>
  <c r="AD111816" i="1"/>
  <c r="AD111817" i="1"/>
  <c r="AD111818" i="1"/>
  <c r="AD111819" i="1"/>
  <c r="AD111820" i="1"/>
  <c r="AD111821" i="1"/>
  <c r="AD111822" i="1"/>
  <c r="AD111823" i="1"/>
  <c r="AD111824" i="1"/>
  <c r="AD111825" i="1"/>
  <c r="AD111826" i="1"/>
  <c r="AD111827" i="1"/>
  <c r="AD111828" i="1"/>
  <c r="AD111829" i="1"/>
  <c r="AD111830" i="1"/>
  <c r="AD111831" i="1"/>
  <c r="AD111832" i="1"/>
  <c r="AD111833" i="1"/>
  <c r="AD111834" i="1"/>
  <c r="AD111835" i="1"/>
  <c r="AD111836" i="1"/>
  <c r="AD111837" i="1"/>
  <c r="AD111838" i="1"/>
  <c r="AD111839" i="1"/>
  <c r="AD111840" i="1"/>
  <c r="AD111841" i="1"/>
  <c r="AD111842" i="1"/>
  <c r="AD111843" i="1"/>
  <c r="AD111844" i="1"/>
  <c r="AD111845" i="1"/>
  <c r="AD111846" i="1"/>
  <c r="AD111847" i="1"/>
  <c r="AD111848" i="1"/>
  <c r="AD111849" i="1"/>
  <c r="AD111850" i="1"/>
  <c r="AD111851" i="1"/>
  <c r="AD111852" i="1"/>
  <c r="AD111853" i="1"/>
  <c r="AD111854" i="1"/>
  <c r="AD111855" i="1"/>
  <c r="AD111856" i="1"/>
  <c r="AD111857" i="1"/>
  <c r="AD111858" i="1"/>
  <c r="AD111859" i="1"/>
  <c r="AD111860" i="1"/>
  <c r="AD111861" i="1"/>
  <c r="AD111862" i="1"/>
  <c r="AD111863" i="1"/>
  <c r="AD111864" i="1"/>
  <c r="AD111865" i="1"/>
  <c r="AD111866" i="1"/>
  <c r="AD111867" i="1"/>
  <c r="AD111868" i="1"/>
  <c r="AD111869" i="1"/>
  <c r="AD111870" i="1"/>
  <c r="AD111871" i="1"/>
  <c r="AD111872" i="1"/>
  <c r="AD111873" i="1"/>
  <c r="AD111874" i="1"/>
  <c r="AD111875" i="1"/>
  <c r="AD111876" i="1"/>
  <c r="AD111877" i="1"/>
  <c r="AD111878" i="1"/>
  <c r="AD111879" i="1"/>
  <c r="AD111880" i="1"/>
  <c r="AD111881" i="1"/>
  <c r="AD111882" i="1"/>
  <c r="AD111883" i="1"/>
  <c r="AD111884" i="1"/>
  <c r="AD111885" i="1"/>
  <c r="AD111886" i="1"/>
  <c r="AD111887" i="1"/>
  <c r="AD111888" i="1"/>
  <c r="AD111889" i="1"/>
  <c r="AD111890" i="1"/>
  <c r="AD111891" i="1"/>
  <c r="AD111892" i="1"/>
  <c r="AD111893" i="1"/>
  <c r="AD111894" i="1"/>
  <c r="AD111895" i="1"/>
  <c r="AD111896" i="1"/>
  <c r="AD111897" i="1"/>
  <c r="AD111898" i="1"/>
  <c r="AD111899" i="1"/>
  <c r="AD111900" i="1"/>
  <c r="AD111901" i="1"/>
  <c r="AD111902" i="1"/>
  <c r="AD111903" i="1"/>
  <c r="AD111904" i="1"/>
  <c r="AD111905" i="1"/>
  <c r="AD111906" i="1"/>
  <c r="AD111907" i="1"/>
  <c r="AD111908" i="1"/>
  <c r="AD111909" i="1"/>
  <c r="AD111910" i="1"/>
  <c r="AD111911" i="1"/>
  <c r="AD111912" i="1"/>
  <c r="AD111913" i="1"/>
  <c r="AD111914" i="1"/>
  <c r="AD111915" i="1"/>
  <c r="AD111916" i="1"/>
  <c r="AD111917" i="1"/>
  <c r="AD111918" i="1"/>
  <c r="AD111919" i="1"/>
  <c r="AD111920" i="1"/>
  <c r="AD111921" i="1"/>
  <c r="AD111922" i="1"/>
  <c r="AD111923" i="1"/>
  <c r="AD111924" i="1"/>
  <c r="AD111925" i="1"/>
  <c r="AD111926" i="1"/>
  <c r="AD111927" i="1"/>
  <c r="AD111928" i="1"/>
  <c r="AD111929" i="1"/>
  <c r="AD111930" i="1"/>
  <c r="AD111931" i="1"/>
  <c r="AD111932" i="1"/>
  <c r="AD111933" i="1"/>
  <c r="AD111934" i="1"/>
  <c r="AD111935" i="1"/>
  <c r="AD111936" i="1"/>
  <c r="AD111937" i="1"/>
  <c r="AD111938" i="1"/>
  <c r="AD111939" i="1"/>
  <c r="AD111940" i="1"/>
  <c r="AD111941" i="1"/>
  <c r="AD111942" i="1"/>
  <c r="AD111943" i="1"/>
  <c r="AD111944" i="1"/>
  <c r="AD111945" i="1"/>
  <c r="AD111946" i="1"/>
  <c r="AD111947" i="1"/>
  <c r="AD111948" i="1"/>
  <c r="AD111949" i="1"/>
  <c r="AD111950" i="1"/>
  <c r="AD111951" i="1"/>
  <c r="AD111952" i="1"/>
  <c r="AD111953" i="1"/>
  <c r="AD111954" i="1"/>
  <c r="AD111955" i="1"/>
  <c r="AD111956" i="1"/>
  <c r="AD111957" i="1"/>
  <c r="AD111958" i="1"/>
  <c r="AD111959" i="1"/>
  <c r="AD111960" i="1"/>
  <c r="AD111961" i="1"/>
  <c r="AD111962" i="1"/>
  <c r="AD111963" i="1"/>
  <c r="AD111964" i="1"/>
  <c r="AD111965" i="1"/>
  <c r="AD111966" i="1"/>
  <c r="AD111967" i="1"/>
  <c r="AD111968" i="1"/>
  <c r="AD111969" i="1"/>
  <c r="AD111970" i="1"/>
  <c r="AD111971" i="1"/>
  <c r="AD111972" i="1"/>
  <c r="AD111973" i="1"/>
  <c r="AD111974" i="1"/>
  <c r="AD111975" i="1"/>
  <c r="AD111976" i="1"/>
  <c r="AD111977" i="1"/>
  <c r="AD111978" i="1"/>
  <c r="AD111979" i="1"/>
  <c r="AD111980" i="1"/>
  <c r="AD111981" i="1"/>
  <c r="AD111982" i="1"/>
  <c r="AD111983" i="1"/>
  <c r="AD111984" i="1"/>
  <c r="AD111985" i="1"/>
  <c r="AD111986" i="1"/>
  <c r="AD111987" i="1"/>
  <c r="AD111988" i="1"/>
  <c r="AD111989" i="1"/>
  <c r="AD111990" i="1"/>
  <c r="AD111991" i="1"/>
  <c r="AD111992" i="1"/>
  <c r="AD111993" i="1"/>
  <c r="AD111994" i="1"/>
  <c r="AD111995" i="1"/>
  <c r="AD111996" i="1"/>
  <c r="AD111997" i="1"/>
  <c r="AD111998" i="1"/>
  <c r="AD111999" i="1"/>
  <c r="AD112000" i="1"/>
  <c r="AD112001" i="1"/>
  <c r="AD112002" i="1"/>
  <c r="AD112003" i="1"/>
  <c r="AD112004" i="1"/>
  <c r="AD112005" i="1"/>
  <c r="AD112006" i="1"/>
  <c r="AD112007" i="1"/>
  <c r="AD112008" i="1"/>
  <c r="AD112009" i="1"/>
  <c r="AD112010" i="1"/>
  <c r="AD112011" i="1"/>
  <c r="AD112012" i="1"/>
  <c r="AD112013" i="1"/>
  <c r="AD112014" i="1"/>
  <c r="AD112015" i="1"/>
  <c r="AD112016" i="1"/>
  <c r="AD112017" i="1"/>
  <c r="AD112018" i="1"/>
  <c r="AD112019" i="1"/>
  <c r="AD112020" i="1"/>
  <c r="AD112021" i="1"/>
  <c r="AD112022" i="1"/>
  <c r="AD112023" i="1"/>
  <c r="AD112024" i="1"/>
  <c r="AD112025" i="1"/>
  <c r="AD112026" i="1"/>
  <c r="AD112027" i="1"/>
  <c r="AD112028" i="1"/>
  <c r="AD112029" i="1"/>
  <c r="AD112030" i="1"/>
  <c r="AD112031" i="1"/>
  <c r="AD112032" i="1"/>
  <c r="AD112033" i="1"/>
  <c r="AD112034" i="1"/>
  <c r="AD112035" i="1"/>
  <c r="AD112036" i="1"/>
  <c r="AD112037" i="1"/>
  <c r="AD112038" i="1"/>
  <c r="AD112039" i="1"/>
  <c r="AD112040" i="1"/>
  <c r="AD112041" i="1"/>
  <c r="AD112042" i="1"/>
  <c r="AD112043" i="1"/>
  <c r="AD112044" i="1"/>
  <c r="AD112045" i="1"/>
  <c r="AD112046" i="1"/>
  <c r="AD112047" i="1"/>
  <c r="AD112048" i="1"/>
  <c r="AD112049" i="1"/>
  <c r="AD112050" i="1"/>
  <c r="AD112051" i="1"/>
  <c r="AD112052" i="1"/>
  <c r="AD112053" i="1"/>
  <c r="AD112054" i="1"/>
  <c r="AD112055" i="1"/>
  <c r="AD112056" i="1"/>
  <c r="AD112057" i="1"/>
  <c r="AD112058" i="1"/>
  <c r="AD112059" i="1"/>
  <c r="AD112060" i="1"/>
  <c r="AD112061" i="1"/>
  <c r="AD112062" i="1"/>
  <c r="AD112063" i="1"/>
  <c r="AD112064" i="1"/>
  <c r="AD112065" i="1"/>
  <c r="AD112066" i="1"/>
  <c r="AD112067" i="1"/>
  <c r="AD112068" i="1"/>
  <c r="AD112069" i="1"/>
  <c r="AD112070" i="1"/>
  <c r="AD112071" i="1"/>
  <c r="AD112072" i="1"/>
  <c r="AD112073" i="1"/>
  <c r="AD112074" i="1"/>
  <c r="AD112075" i="1"/>
  <c r="AD112076" i="1"/>
  <c r="AD112077" i="1"/>
  <c r="AD112078" i="1"/>
  <c r="AD112079" i="1"/>
  <c r="AD112080" i="1"/>
  <c r="AD112081" i="1"/>
  <c r="AD112082" i="1"/>
  <c r="AD112083" i="1"/>
  <c r="AD112084" i="1"/>
  <c r="AD112085" i="1"/>
  <c r="AD112086" i="1"/>
  <c r="AD112087" i="1"/>
  <c r="AD112088" i="1"/>
  <c r="AD112089" i="1"/>
  <c r="AD112090" i="1"/>
  <c r="AD112091" i="1"/>
  <c r="AD112092" i="1"/>
  <c r="AD112093" i="1"/>
  <c r="AD112094" i="1"/>
  <c r="AD112095" i="1"/>
  <c r="AD112096" i="1"/>
  <c r="AD112097" i="1"/>
  <c r="AD112098" i="1"/>
  <c r="AD112099" i="1"/>
  <c r="AD112100" i="1"/>
  <c r="AD112101" i="1"/>
  <c r="AD112102" i="1"/>
  <c r="AD112103" i="1"/>
  <c r="AD112104" i="1"/>
  <c r="AD112105" i="1"/>
  <c r="AD112106" i="1"/>
  <c r="AD112107" i="1"/>
  <c r="AD112108" i="1"/>
  <c r="AD112109" i="1"/>
  <c r="AD112110" i="1"/>
  <c r="AD112111" i="1"/>
  <c r="AD112112" i="1"/>
  <c r="AD112113" i="1"/>
  <c r="AD112114" i="1"/>
  <c r="AD112115" i="1"/>
  <c r="AD112116" i="1"/>
  <c r="AD112117" i="1"/>
  <c r="AD112118" i="1"/>
  <c r="AD112119" i="1"/>
  <c r="AD112120" i="1"/>
  <c r="AD112121" i="1"/>
  <c r="AD112122" i="1"/>
  <c r="AD112123" i="1"/>
  <c r="AD112124" i="1"/>
  <c r="AD112125" i="1"/>
  <c r="AD112126" i="1"/>
  <c r="AD112127" i="1"/>
  <c r="AD112128" i="1"/>
  <c r="AD112129" i="1"/>
  <c r="AD112130" i="1"/>
  <c r="AD112131" i="1"/>
  <c r="AD112132" i="1"/>
  <c r="AD112133" i="1"/>
  <c r="AD112134" i="1"/>
  <c r="AD112135" i="1"/>
  <c r="AD112136" i="1"/>
  <c r="AD112137" i="1"/>
  <c r="AD112138" i="1"/>
  <c r="AD112139" i="1"/>
  <c r="AD112140" i="1"/>
  <c r="AD112141" i="1"/>
  <c r="AD112142" i="1"/>
  <c r="AD112143" i="1"/>
  <c r="AD112144" i="1"/>
  <c r="AD112145" i="1"/>
  <c r="AD112146" i="1"/>
  <c r="AD112147" i="1"/>
  <c r="AD112148" i="1"/>
  <c r="AD112149" i="1"/>
  <c r="AD112150" i="1"/>
  <c r="AD112151" i="1"/>
  <c r="AD112152" i="1"/>
  <c r="AD112153" i="1"/>
  <c r="AD112154" i="1"/>
  <c r="AD112155" i="1"/>
  <c r="AD112156" i="1"/>
  <c r="AD112157" i="1"/>
  <c r="AD112158" i="1"/>
  <c r="AD112159" i="1"/>
  <c r="AD112160" i="1"/>
  <c r="AD112161" i="1"/>
  <c r="AD112162" i="1"/>
  <c r="AD112163" i="1"/>
  <c r="AD112164" i="1"/>
  <c r="AD112165" i="1"/>
  <c r="AD112166" i="1"/>
  <c r="AD112167" i="1"/>
  <c r="AD112168" i="1"/>
  <c r="AD112169" i="1"/>
  <c r="AD112170" i="1"/>
  <c r="AD112171" i="1"/>
  <c r="AD112172" i="1"/>
  <c r="AD112173" i="1"/>
  <c r="AD112174" i="1"/>
  <c r="AD112175" i="1"/>
  <c r="AD112176" i="1"/>
  <c r="AD112177" i="1"/>
  <c r="AD112178" i="1"/>
  <c r="AD112179" i="1"/>
  <c r="AD112180" i="1"/>
  <c r="AD112181" i="1"/>
  <c r="AD112182" i="1"/>
  <c r="AD112183" i="1"/>
  <c r="AD112184" i="1"/>
  <c r="AD112185" i="1"/>
  <c r="AD112186" i="1"/>
  <c r="AD112187" i="1"/>
  <c r="AD112188" i="1"/>
  <c r="AD112189" i="1"/>
  <c r="AD112190" i="1"/>
  <c r="AD112191" i="1"/>
  <c r="AD112192" i="1"/>
  <c r="AD112193" i="1"/>
  <c r="AD112194" i="1"/>
  <c r="AD112195" i="1"/>
  <c r="AD112196" i="1"/>
  <c r="AD112197" i="1"/>
  <c r="AD112198" i="1"/>
  <c r="AD112199" i="1"/>
  <c r="AD112200" i="1"/>
  <c r="AD112201" i="1"/>
  <c r="AD112202" i="1"/>
  <c r="AD112203" i="1"/>
  <c r="AD112204" i="1"/>
  <c r="AD112205" i="1"/>
  <c r="AD112206" i="1"/>
  <c r="AD112207" i="1"/>
  <c r="AD112208" i="1"/>
  <c r="AD112209" i="1"/>
  <c r="AD112210" i="1"/>
  <c r="AD112211" i="1"/>
  <c r="AD112212" i="1"/>
  <c r="AD112213" i="1"/>
  <c r="AD112214" i="1"/>
  <c r="AD112215" i="1"/>
  <c r="AD112216" i="1"/>
  <c r="AD112217" i="1"/>
  <c r="AD112218" i="1"/>
  <c r="AD112219" i="1"/>
  <c r="AD112220" i="1"/>
  <c r="AD112221" i="1"/>
  <c r="AD112222" i="1"/>
  <c r="AD112223" i="1"/>
  <c r="AD112224" i="1"/>
  <c r="AD112225" i="1"/>
  <c r="AD112226" i="1"/>
  <c r="AD112227" i="1"/>
  <c r="AD112228" i="1"/>
  <c r="AD112229" i="1"/>
  <c r="AD112230" i="1"/>
  <c r="AD112231" i="1"/>
  <c r="AD112232" i="1"/>
  <c r="AD112233" i="1"/>
  <c r="AD112234" i="1"/>
  <c r="AD112235" i="1"/>
  <c r="AD112236" i="1"/>
  <c r="AD112237" i="1"/>
  <c r="AD112238" i="1"/>
  <c r="AD112239" i="1"/>
  <c r="AD112240" i="1"/>
  <c r="AD112241" i="1"/>
  <c r="AD112242" i="1"/>
  <c r="AD112243" i="1"/>
  <c r="AD112244" i="1"/>
  <c r="AD112245" i="1"/>
  <c r="AD112246" i="1"/>
  <c r="AD112247" i="1"/>
  <c r="AD112248" i="1"/>
  <c r="AD112249" i="1"/>
  <c r="AD112250" i="1"/>
  <c r="AD112251" i="1"/>
  <c r="AD112252" i="1"/>
  <c r="AD112253" i="1"/>
  <c r="AD112254" i="1"/>
  <c r="AD112255" i="1"/>
  <c r="AD112256" i="1"/>
  <c r="AD112257" i="1"/>
  <c r="AD112258" i="1"/>
  <c r="AD112259" i="1"/>
  <c r="AD112260" i="1"/>
  <c r="AD112261" i="1"/>
  <c r="AD112262" i="1"/>
  <c r="AD112263" i="1"/>
  <c r="AD112264" i="1"/>
  <c r="AD112265" i="1"/>
  <c r="AD112266" i="1"/>
  <c r="AD112267" i="1"/>
  <c r="AD112268" i="1"/>
  <c r="AD112269" i="1"/>
  <c r="AD112270" i="1"/>
  <c r="AD112271" i="1"/>
  <c r="AD112272" i="1"/>
  <c r="AD112273" i="1"/>
  <c r="AD112274" i="1"/>
  <c r="AD112275" i="1"/>
  <c r="AD112276" i="1"/>
  <c r="AD112277" i="1"/>
  <c r="AD112278" i="1"/>
  <c r="AD112279" i="1"/>
  <c r="AD112280" i="1"/>
  <c r="AD112281" i="1"/>
  <c r="AD112282" i="1"/>
  <c r="AD112283" i="1"/>
  <c r="AD112284" i="1"/>
  <c r="AD112285" i="1"/>
  <c r="AD112286" i="1"/>
  <c r="AD112287" i="1"/>
  <c r="AD112288" i="1"/>
  <c r="AD112289" i="1"/>
  <c r="AD112290" i="1"/>
  <c r="AD112291" i="1"/>
  <c r="AD112292" i="1"/>
  <c r="AD112293" i="1"/>
  <c r="AD112294" i="1"/>
  <c r="AD112295" i="1"/>
  <c r="AD112296" i="1"/>
  <c r="AD112297" i="1"/>
  <c r="AD112298" i="1"/>
  <c r="AD112299" i="1"/>
  <c r="AD112300" i="1"/>
  <c r="AD112301" i="1"/>
  <c r="AD112302" i="1"/>
  <c r="AD112303" i="1"/>
  <c r="AD112304" i="1"/>
  <c r="AD112305" i="1"/>
  <c r="AD112306" i="1"/>
  <c r="AD112307" i="1"/>
  <c r="AD112308" i="1"/>
  <c r="AD112309" i="1"/>
  <c r="AD112310" i="1"/>
  <c r="AD112311" i="1"/>
  <c r="AD112312" i="1"/>
  <c r="AD112313" i="1"/>
  <c r="AD112314" i="1"/>
  <c r="AD112315" i="1"/>
  <c r="AD112316" i="1"/>
  <c r="AD112317" i="1"/>
  <c r="AD112318" i="1"/>
  <c r="AD112319" i="1"/>
  <c r="AD112320" i="1"/>
  <c r="AD112321" i="1"/>
  <c r="AD112322" i="1"/>
  <c r="AD112323" i="1"/>
  <c r="AD112324" i="1"/>
  <c r="AD112325" i="1"/>
  <c r="AD112326" i="1"/>
  <c r="AD112327" i="1"/>
  <c r="AD112328" i="1"/>
  <c r="AD112329" i="1"/>
  <c r="AD112330" i="1"/>
  <c r="AD112331" i="1"/>
  <c r="AD112332" i="1"/>
  <c r="AD112333" i="1"/>
  <c r="AD112334" i="1"/>
  <c r="AD112335" i="1"/>
  <c r="AD112336" i="1"/>
  <c r="AD112337" i="1"/>
  <c r="AD112338" i="1"/>
  <c r="AD112339" i="1"/>
  <c r="AD112340" i="1"/>
  <c r="AD112341" i="1"/>
  <c r="AD112342" i="1"/>
  <c r="AD112343" i="1"/>
  <c r="AD112344" i="1"/>
  <c r="AD112345" i="1"/>
  <c r="AD112346" i="1"/>
  <c r="AD112347" i="1"/>
  <c r="AD112348" i="1"/>
  <c r="AD112349" i="1"/>
  <c r="AD112350" i="1"/>
  <c r="AD112351" i="1"/>
  <c r="AD112352" i="1"/>
  <c r="AD112353" i="1"/>
  <c r="AD112354" i="1"/>
  <c r="AD112355" i="1"/>
  <c r="AD112356" i="1"/>
  <c r="AD112357" i="1"/>
  <c r="AD112358" i="1"/>
  <c r="AD112359" i="1"/>
  <c r="AD112360" i="1"/>
  <c r="AD112361" i="1"/>
  <c r="AD112362" i="1"/>
  <c r="AD112363" i="1"/>
  <c r="AD112364" i="1"/>
  <c r="AD112365" i="1"/>
  <c r="AD112366" i="1"/>
  <c r="AD112367" i="1"/>
  <c r="AD112368" i="1"/>
  <c r="AD112369" i="1"/>
  <c r="AD112370" i="1"/>
  <c r="AD112371" i="1"/>
  <c r="AD112372" i="1"/>
  <c r="AD112373" i="1"/>
  <c r="AD112374" i="1"/>
  <c r="AD112375" i="1"/>
  <c r="AD112376" i="1"/>
  <c r="AD112377" i="1"/>
  <c r="AD112378" i="1"/>
  <c r="AD112379" i="1"/>
  <c r="AD112380" i="1"/>
  <c r="AD112381" i="1"/>
  <c r="AD112382" i="1"/>
  <c r="AD112383" i="1"/>
  <c r="AD112384" i="1"/>
  <c r="AD112385" i="1"/>
  <c r="AD112386" i="1"/>
  <c r="AD112387" i="1"/>
  <c r="AD112388" i="1"/>
  <c r="AD112389" i="1"/>
  <c r="AD112390" i="1"/>
  <c r="AD112391" i="1"/>
  <c r="AD112392" i="1"/>
  <c r="AD112393" i="1"/>
  <c r="AD112394" i="1"/>
  <c r="AD112395" i="1"/>
  <c r="AD112396" i="1"/>
  <c r="AD112397" i="1"/>
  <c r="AD112398" i="1"/>
  <c r="AD112399" i="1"/>
  <c r="AD112400" i="1"/>
  <c r="AD112401" i="1"/>
  <c r="AD112402" i="1"/>
  <c r="AD112403" i="1"/>
  <c r="AD112404" i="1"/>
  <c r="AD112405" i="1"/>
  <c r="AD112406" i="1"/>
  <c r="AD112407" i="1"/>
  <c r="AD112408" i="1"/>
  <c r="AD112409" i="1"/>
  <c r="AD112410" i="1"/>
  <c r="AD112411" i="1"/>
  <c r="AD112412" i="1"/>
  <c r="AD112413" i="1"/>
  <c r="AD112414" i="1"/>
  <c r="AD112415" i="1"/>
  <c r="AD112416" i="1"/>
  <c r="AD112417" i="1"/>
  <c r="AD112418" i="1"/>
  <c r="AD112419" i="1"/>
  <c r="AD112420" i="1"/>
  <c r="AD112421" i="1"/>
  <c r="AD112422" i="1"/>
  <c r="AD112423" i="1"/>
  <c r="AD112424" i="1"/>
  <c r="AD112425" i="1"/>
  <c r="AD112426" i="1"/>
  <c r="AD112427" i="1"/>
  <c r="AD112428" i="1"/>
  <c r="AD112429" i="1"/>
  <c r="AD112430" i="1"/>
  <c r="AD112431" i="1"/>
  <c r="AD112432" i="1"/>
  <c r="AD112433" i="1"/>
  <c r="AD112434" i="1"/>
  <c r="AD112435" i="1"/>
  <c r="AD112436" i="1"/>
  <c r="AD112437" i="1"/>
  <c r="AD112438" i="1"/>
  <c r="AD112439" i="1"/>
  <c r="AD112440" i="1"/>
  <c r="AD112441" i="1"/>
  <c r="AD112442" i="1"/>
  <c r="AD112443" i="1"/>
  <c r="AD112444" i="1"/>
  <c r="AD112445" i="1"/>
  <c r="AD112446" i="1"/>
  <c r="AD112447" i="1"/>
  <c r="AD112448" i="1"/>
  <c r="AD112449" i="1"/>
  <c r="AD112450" i="1"/>
  <c r="AD112451" i="1"/>
  <c r="AD112452" i="1"/>
  <c r="AD112453" i="1"/>
  <c r="AD112454" i="1"/>
  <c r="AD112455" i="1"/>
  <c r="AD112456" i="1"/>
  <c r="AD112457" i="1"/>
  <c r="AD112458" i="1"/>
  <c r="AD112459" i="1"/>
  <c r="AD112460" i="1"/>
  <c r="AD112461" i="1"/>
  <c r="AD112462" i="1"/>
  <c r="AD112463" i="1"/>
  <c r="AD112464" i="1"/>
  <c r="AD112465" i="1"/>
  <c r="AD112466" i="1"/>
  <c r="AD112467" i="1"/>
  <c r="AD112468" i="1"/>
  <c r="AD112469" i="1"/>
  <c r="AD112470" i="1"/>
  <c r="AD112471" i="1"/>
  <c r="AD112472" i="1"/>
  <c r="AD112473" i="1"/>
  <c r="AD112474" i="1"/>
  <c r="AD112475" i="1"/>
  <c r="AD112476" i="1"/>
  <c r="AD112477" i="1"/>
  <c r="AD112478" i="1"/>
  <c r="AD112479" i="1"/>
  <c r="AD112480" i="1"/>
  <c r="AD112481" i="1"/>
  <c r="AD112482" i="1"/>
  <c r="AD112483" i="1"/>
  <c r="AD112484" i="1"/>
  <c r="AD112485" i="1"/>
  <c r="AD112486" i="1"/>
  <c r="AD112487" i="1"/>
  <c r="AD112488" i="1"/>
  <c r="AD112489" i="1"/>
  <c r="AD112490" i="1"/>
  <c r="AD112491" i="1"/>
  <c r="AD112492" i="1"/>
  <c r="AD112493" i="1"/>
  <c r="AD112494" i="1"/>
  <c r="AD112495" i="1"/>
  <c r="AD112496" i="1"/>
  <c r="AD112497" i="1"/>
  <c r="AD112498" i="1"/>
  <c r="AD112499" i="1"/>
  <c r="AD112500" i="1"/>
  <c r="AD112501" i="1"/>
  <c r="AD112502" i="1"/>
  <c r="AD112503" i="1"/>
  <c r="AD112504" i="1"/>
  <c r="AD112505" i="1"/>
  <c r="AD112506" i="1"/>
  <c r="AD112507" i="1"/>
  <c r="AD112508" i="1"/>
  <c r="AD112509" i="1"/>
  <c r="AD112510" i="1"/>
  <c r="AD112511" i="1"/>
  <c r="AD112512" i="1"/>
  <c r="AD112513" i="1"/>
  <c r="AD112514" i="1"/>
  <c r="AD112515" i="1"/>
  <c r="AD112516" i="1"/>
  <c r="AD112517" i="1"/>
  <c r="AD112518" i="1"/>
  <c r="AD112519" i="1"/>
  <c r="AD112520" i="1"/>
  <c r="AD112521" i="1"/>
  <c r="AD112522" i="1"/>
  <c r="AD112523" i="1"/>
  <c r="AD112524" i="1"/>
  <c r="AD112525" i="1"/>
  <c r="AD112526" i="1"/>
  <c r="AD112527" i="1"/>
  <c r="AD112528" i="1"/>
  <c r="AD112529" i="1"/>
  <c r="AD112530" i="1"/>
  <c r="AD112531" i="1"/>
  <c r="AD112532" i="1"/>
  <c r="AD112533" i="1"/>
  <c r="AD112534" i="1"/>
  <c r="AD112535" i="1"/>
  <c r="AD112536" i="1"/>
  <c r="AD112537" i="1"/>
  <c r="AD112538" i="1"/>
  <c r="AD112539" i="1"/>
  <c r="AD112540" i="1"/>
  <c r="AD112541" i="1"/>
  <c r="AD112542" i="1"/>
  <c r="AD112543" i="1"/>
  <c r="AD112544" i="1"/>
  <c r="AD112545" i="1"/>
  <c r="AD112546" i="1"/>
  <c r="AD112547" i="1"/>
  <c r="AD112548" i="1"/>
  <c r="AD112549" i="1"/>
  <c r="AD112550" i="1"/>
  <c r="AD112551" i="1"/>
  <c r="AD112552" i="1"/>
  <c r="AD112553" i="1"/>
  <c r="AD112554" i="1"/>
  <c r="AD112555" i="1"/>
  <c r="AD112556" i="1"/>
  <c r="AD112557" i="1"/>
  <c r="AD112558" i="1"/>
  <c r="AD112559" i="1"/>
  <c r="AD112560" i="1"/>
  <c r="AD112561" i="1"/>
  <c r="AD112562" i="1"/>
  <c r="AD112563" i="1"/>
  <c r="AD112564" i="1"/>
  <c r="AD112565" i="1"/>
  <c r="AD112566" i="1"/>
  <c r="AD112567" i="1"/>
  <c r="AD112568" i="1"/>
  <c r="AD112569" i="1"/>
  <c r="AD112570" i="1"/>
  <c r="AD112571" i="1"/>
  <c r="AD112572" i="1"/>
  <c r="AD112573" i="1"/>
  <c r="AD112574" i="1"/>
  <c r="AD112575" i="1"/>
  <c r="AD112576" i="1"/>
  <c r="AD112577" i="1"/>
  <c r="AD112578" i="1"/>
  <c r="AD112579" i="1"/>
  <c r="AD112580" i="1"/>
  <c r="AD112581" i="1"/>
  <c r="AD112582" i="1"/>
  <c r="AD112583" i="1"/>
  <c r="AD112584" i="1"/>
  <c r="AD112585" i="1"/>
  <c r="AD112586" i="1"/>
  <c r="AD112587" i="1"/>
  <c r="AD112588" i="1"/>
  <c r="AD112589" i="1"/>
  <c r="AD112590" i="1"/>
  <c r="AD112591" i="1"/>
  <c r="AD112592" i="1"/>
  <c r="AD112593" i="1"/>
  <c r="AD112594" i="1"/>
  <c r="AD112595" i="1"/>
  <c r="AD112596" i="1"/>
  <c r="AD112597" i="1"/>
  <c r="AD112598" i="1"/>
  <c r="AD112599" i="1"/>
  <c r="AD112600" i="1"/>
  <c r="AD112601" i="1"/>
  <c r="AD112602" i="1"/>
  <c r="AD112603" i="1"/>
  <c r="AD112604" i="1"/>
  <c r="AD112605" i="1"/>
  <c r="AD112606" i="1"/>
  <c r="AD112607" i="1"/>
  <c r="AD112608" i="1"/>
  <c r="AD112609" i="1"/>
  <c r="AD112610" i="1"/>
  <c r="AD112611" i="1"/>
  <c r="AD112612" i="1"/>
  <c r="AD112613" i="1"/>
  <c r="AD112614" i="1"/>
  <c r="AD112615" i="1"/>
  <c r="AD112616" i="1"/>
  <c r="AD112617" i="1"/>
  <c r="AD112618" i="1"/>
  <c r="AD112619" i="1"/>
  <c r="AD112620" i="1"/>
  <c r="AD112621" i="1"/>
  <c r="AD112622" i="1"/>
  <c r="AD112623" i="1"/>
  <c r="AD112624" i="1"/>
  <c r="AD112625" i="1"/>
  <c r="AD112626" i="1"/>
  <c r="AD112627" i="1"/>
  <c r="AD112628" i="1"/>
  <c r="AD112629" i="1"/>
  <c r="AD112630" i="1"/>
  <c r="AD112631" i="1"/>
  <c r="AD112632" i="1"/>
  <c r="AD112633" i="1"/>
  <c r="AD112634" i="1"/>
  <c r="AD112635" i="1"/>
  <c r="AD112636" i="1"/>
  <c r="AD112637" i="1"/>
  <c r="AD112638" i="1"/>
  <c r="AD112639" i="1"/>
  <c r="AD112640" i="1"/>
  <c r="AD112641" i="1"/>
  <c r="AD112642" i="1"/>
  <c r="AD112643" i="1"/>
  <c r="AD112644" i="1"/>
  <c r="AD112645" i="1"/>
  <c r="AD112646" i="1"/>
  <c r="AD112647" i="1"/>
  <c r="AD112648" i="1"/>
  <c r="AD112649" i="1"/>
  <c r="AD112650" i="1"/>
  <c r="AD112651" i="1"/>
  <c r="AD112652" i="1"/>
  <c r="AD112653" i="1"/>
  <c r="AD112654" i="1"/>
  <c r="AD112655" i="1"/>
  <c r="AD112656" i="1"/>
  <c r="AD112657" i="1"/>
  <c r="AD112658" i="1"/>
  <c r="AD112659" i="1"/>
  <c r="AD112660" i="1"/>
  <c r="AD112661" i="1"/>
  <c r="AD112662" i="1"/>
  <c r="AD112663" i="1"/>
  <c r="AD112664" i="1"/>
  <c r="AD112665" i="1"/>
  <c r="AD112666" i="1"/>
  <c r="AD112667" i="1"/>
  <c r="AD112668" i="1"/>
  <c r="AD112669" i="1"/>
  <c r="AD112670" i="1"/>
  <c r="AD112671" i="1"/>
  <c r="AD112672" i="1"/>
  <c r="AD112673" i="1"/>
  <c r="AD112674" i="1"/>
  <c r="AD112675" i="1"/>
  <c r="AD112676" i="1"/>
  <c r="AD112677" i="1"/>
  <c r="AD112678" i="1"/>
  <c r="AD112679" i="1"/>
  <c r="AD112680" i="1"/>
  <c r="AD112681" i="1"/>
  <c r="AD112682" i="1"/>
  <c r="AD112683" i="1"/>
  <c r="AD112684" i="1"/>
  <c r="AD112685" i="1"/>
  <c r="AD112686" i="1"/>
  <c r="AD112687" i="1"/>
  <c r="AD112688" i="1"/>
  <c r="AD112689" i="1"/>
  <c r="AD112690" i="1"/>
  <c r="AD112691" i="1"/>
  <c r="AD112692" i="1"/>
  <c r="AD112693" i="1"/>
  <c r="AD112694" i="1"/>
  <c r="AD112695" i="1"/>
  <c r="AD112696" i="1"/>
  <c r="AD112697" i="1"/>
  <c r="AD112698" i="1"/>
  <c r="AD112699" i="1"/>
  <c r="AD112700" i="1"/>
  <c r="AD112701" i="1"/>
  <c r="AD112702" i="1"/>
  <c r="AD112703" i="1"/>
  <c r="AD112704" i="1"/>
  <c r="AD112705" i="1"/>
  <c r="AD112706" i="1"/>
  <c r="AD112707" i="1"/>
  <c r="AD112708" i="1"/>
  <c r="AD112709" i="1"/>
  <c r="AD112710" i="1"/>
  <c r="AD112711" i="1"/>
  <c r="AD112712" i="1"/>
  <c r="AD112713" i="1"/>
  <c r="AD112714" i="1"/>
  <c r="AD112715" i="1"/>
  <c r="AD112716" i="1"/>
  <c r="AD112717" i="1"/>
  <c r="AD112718" i="1"/>
  <c r="AD112719" i="1"/>
  <c r="AD112720" i="1"/>
  <c r="AD112721" i="1"/>
  <c r="AD112722" i="1"/>
  <c r="AD112723" i="1"/>
  <c r="AD112724" i="1"/>
  <c r="AD112725" i="1"/>
  <c r="AD112726" i="1"/>
  <c r="AD112727" i="1"/>
  <c r="AD112728" i="1"/>
  <c r="AD112729" i="1"/>
  <c r="AD112730" i="1"/>
  <c r="AD112731" i="1"/>
  <c r="AD112732" i="1"/>
  <c r="AD112733" i="1"/>
  <c r="AD112734" i="1"/>
  <c r="AD112735" i="1"/>
  <c r="AD112736" i="1"/>
  <c r="AD112737" i="1"/>
  <c r="AD112738" i="1"/>
  <c r="AD112739" i="1"/>
  <c r="AD112740" i="1"/>
  <c r="AD112741" i="1"/>
  <c r="AD112742" i="1"/>
  <c r="AD112743" i="1"/>
  <c r="AD112744" i="1"/>
  <c r="AD112745" i="1"/>
  <c r="AD112746" i="1"/>
  <c r="AD112747" i="1"/>
  <c r="AD112748" i="1"/>
  <c r="AD112749" i="1"/>
  <c r="AD112750" i="1"/>
  <c r="AD112751" i="1"/>
  <c r="AD112752" i="1"/>
  <c r="AD112753" i="1"/>
  <c r="AD112754" i="1"/>
  <c r="AD112755" i="1"/>
  <c r="AD112756" i="1"/>
  <c r="AD112757" i="1"/>
  <c r="AD112758" i="1"/>
  <c r="AD112759" i="1"/>
  <c r="AD112760" i="1"/>
  <c r="AD112761" i="1"/>
  <c r="AD112762" i="1"/>
  <c r="AD112763" i="1"/>
  <c r="AD112764" i="1"/>
  <c r="AD112765" i="1"/>
  <c r="AD112766" i="1"/>
  <c r="AD112767" i="1"/>
  <c r="AD112768" i="1"/>
  <c r="AD112769" i="1"/>
  <c r="AD112770" i="1"/>
  <c r="AD112771" i="1"/>
  <c r="AD112772" i="1"/>
  <c r="AD112773" i="1"/>
  <c r="AD112774" i="1"/>
  <c r="AD112775" i="1"/>
  <c r="AD112776" i="1"/>
  <c r="AD112777" i="1"/>
  <c r="AD112778" i="1"/>
  <c r="AD112779" i="1"/>
  <c r="AD112780" i="1"/>
  <c r="AD112781" i="1"/>
  <c r="AD112782" i="1"/>
  <c r="AD112783" i="1"/>
  <c r="AD112784" i="1"/>
  <c r="AD112785" i="1"/>
  <c r="AD112786" i="1"/>
  <c r="AD112787" i="1"/>
  <c r="AD112788" i="1"/>
  <c r="AD112789" i="1"/>
  <c r="AD112790" i="1"/>
  <c r="AD112791" i="1"/>
  <c r="AD112792" i="1"/>
  <c r="AD112793" i="1"/>
  <c r="AD112794" i="1"/>
  <c r="AD112795" i="1"/>
  <c r="AD112796" i="1"/>
  <c r="AD112797" i="1"/>
  <c r="AD112798" i="1"/>
  <c r="AD112799" i="1"/>
  <c r="AD112800" i="1"/>
  <c r="AD112801" i="1"/>
  <c r="AD112802" i="1"/>
  <c r="AD112803" i="1"/>
  <c r="AD112804" i="1"/>
  <c r="AD112805" i="1"/>
  <c r="AD112806" i="1"/>
  <c r="AD112807" i="1"/>
  <c r="AD112808" i="1"/>
  <c r="AD112809" i="1"/>
  <c r="AD112810" i="1"/>
  <c r="AD112811" i="1"/>
  <c r="AD112812" i="1"/>
  <c r="AD112813" i="1"/>
  <c r="AD112814" i="1"/>
  <c r="AD112815" i="1"/>
  <c r="AD112816" i="1"/>
  <c r="AD112817" i="1"/>
  <c r="AD112818" i="1"/>
  <c r="AD112819" i="1"/>
  <c r="AD112820" i="1"/>
  <c r="AD112821" i="1"/>
  <c r="AD112822" i="1"/>
  <c r="AD112823" i="1"/>
  <c r="AD112824" i="1"/>
  <c r="AD112825" i="1"/>
  <c r="AD112826" i="1"/>
  <c r="AD112827" i="1"/>
  <c r="AD112828" i="1"/>
  <c r="AD112829" i="1"/>
  <c r="AD112830" i="1"/>
  <c r="AD112831" i="1"/>
  <c r="AD112832" i="1"/>
  <c r="AD112833" i="1"/>
  <c r="AD112834" i="1"/>
  <c r="AD112835" i="1"/>
  <c r="AD112836" i="1"/>
  <c r="AD112837" i="1"/>
  <c r="AD112838" i="1"/>
  <c r="AD112839" i="1"/>
  <c r="AD112840" i="1"/>
  <c r="AD112841" i="1"/>
  <c r="AD112842" i="1"/>
  <c r="AD112843" i="1"/>
  <c r="AD112844" i="1"/>
  <c r="AD112845" i="1"/>
  <c r="AD112846" i="1"/>
  <c r="AD112847" i="1"/>
  <c r="AD112848" i="1"/>
  <c r="AD112849" i="1"/>
  <c r="AD112850" i="1"/>
  <c r="AD112851" i="1"/>
  <c r="AD112852" i="1"/>
  <c r="AD112853" i="1"/>
  <c r="AD112854" i="1"/>
  <c r="AD112855" i="1"/>
  <c r="AD112856" i="1"/>
  <c r="AD112857" i="1"/>
  <c r="AD112858" i="1"/>
  <c r="AD112859" i="1"/>
  <c r="AD112860" i="1"/>
  <c r="AD112861" i="1"/>
  <c r="AD112862" i="1"/>
  <c r="AD112863" i="1"/>
  <c r="AD112864" i="1"/>
  <c r="AD112865" i="1"/>
  <c r="AD112866" i="1"/>
  <c r="AD112867" i="1"/>
  <c r="AD112868" i="1"/>
  <c r="AD112869" i="1"/>
  <c r="AD112870" i="1"/>
  <c r="AD112871" i="1"/>
  <c r="AD112872" i="1"/>
  <c r="AD112873" i="1"/>
  <c r="AD112874" i="1"/>
  <c r="AD112875" i="1"/>
  <c r="AD112876" i="1"/>
  <c r="AD112877" i="1"/>
  <c r="AD112878" i="1"/>
  <c r="AD112879" i="1"/>
  <c r="AD112880" i="1"/>
  <c r="AD112881" i="1"/>
  <c r="AD112882" i="1"/>
  <c r="AD112883" i="1"/>
  <c r="AD112884" i="1"/>
  <c r="AD112885" i="1"/>
  <c r="AD112886" i="1"/>
  <c r="AD112887" i="1"/>
  <c r="AD112888" i="1"/>
  <c r="AD112889" i="1"/>
  <c r="AD112890" i="1"/>
  <c r="AD112891" i="1"/>
  <c r="AD112892" i="1"/>
  <c r="AD112893" i="1"/>
  <c r="AD112894" i="1"/>
  <c r="AD112895" i="1"/>
  <c r="AD112896" i="1"/>
  <c r="AD112897" i="1"/>
  <c r="AD112898" i="1"/>
  <c r="AD112899" i="1"/>
  <c r="AD112900" i="1"/>
  <c r="AD112901" i="1"/>
  <c r="AD112902" i="1"/>
  <c r="AD112903" i="1"/>
  <c r="AD112904" i="1"/>
  <c r="AD112905" i="1"/>
  <c r="AD112906" i="1"/>
  <c r="AD112907" i="1"/>
  <c r="AD112908" i="1"/>
  <c r="AD112909" i="1"/>
  <c r="AD112910" i="1"/>
  <c r="AD112911" i="1"/>
  <c r="AD112912" i="1"/>
  <c r="AD112913" i="1"/>
  <c r="AD112914" i="1"/>
  <c r="AD112915" i="1"/>
  <c r="AD112916" i="1"/>
  <c r="AD112917" i="1"/>
  <c r="AD112918" i="1"/>
  <c r="AD112919" i="1"/>
  <c r="AD112920" i="1"/>
  <c r="AD112921" i="1"/>
  <c r="AD112922" i="1"/>
  <c r="AD112923" i="1"/>
  <c r="AD112924" i="1"/>
  <c r="AD112925" i="1"/>
  <c r="AD112926" i="1"/>
  <c r="AD112927" i="1"/>
  <c r="AD112928" i="1"/>
  <c r="AD112929" i="1"/>
  <c r="AD112930" i="1"/>
  <c r="AD112931" i="1"/>
  <c r="AD112932" i="1"/>
  <c r="AD112933" i="1"/>
  <c r="AD112934" i="1"/>
  <c r="AD112935" i="1"/>
  <c r="AD112936" i="1"/>
  <c r="AD112937" i="1"/>
  <c r="AD112938" i="1"/>
  <c r="AD112939" i="1"/>
  <c r="AD112940" i="1"/>
  <c r="AD112941" i="1"/>
  <c r="AD112942" i="1"/>
  <c r="AD112943" i="1"/>
  <c r="AD112944" i="1"/>
  <c r="AD112945" i="1"/>
  <c r="AD112946" i="1"/>
  <c r="AD112947" i="1"/>
  <c r="AD112948" i="1"/>
  <c r="AD112949" i="1"/>
  <c r="AD112950" i="1"/>
  <c r="AD112951" i="1"/>
  <c r="AD112952" i="1"/>
  <c r="AD112953" i="1"/>
  <c r="AD112954" i="1"/>
  <c r="AD112955" i="1"/>
  <c r="AD112956" i="1"/>
  <c r="AD112957" i="1"/>
  <c r="AD112958" i="1"/>
  <c r="AD112959" i="1"/>
  <c r="AD112960" i="1"/>
  <c r="AD112961" i="1"/>
  <c r="AD112962" i="1"/>
  <c r="AD112963" i="1"/>
  <c r="AD112964" i="1"/>
  <c r="AD112965" i="1"/>
  <c r="AD112966" i="1"/>
  <c r="AD112967" i="1"/>
  <c r="AD112968" i="1"/>
  <c r="AD112969" i="1"/>
  <c r="AD112970" i="1"/>
  <c r="AD112971" i="1"/>
  <c r="AD112972" i="1"/>
  <c r="AD112973" i="1"/>
  <c r="AD112974" i="1"/>
  <c r="AD112975" i="1"/>
  <c r="AD112976" i="1"/>
  <c r="AD112977" i="1"/>
  <c r="AD112978" i="1"/>
  <c r="AD112979" i="1"/>
  <c r="AD112980" i="1"/>
  <c r="AD112981" i="1"/>
  <c r="AD112982" i="1"/>
  <c r="AD112983" i="1"/>
  <c r="AD112984" i="1"/>
  <c r="AD112985" i="1"/>
  <c r="AD112986" i="1"/>
  <c r="AD112987" i="1"/>
  <c r="AD112988" i="1"/>
  <c r="AD112989" i="1"/>
  <c r="AD112990" i="1"/>
  <c r="AD112991" i="1"/>
  <c r="AD112992" i="1"/>
  <c r="AD112993" i="1"/>
  <c r="AD112994" i="1"/>
  <c r="AD112995" i="1"/>
  <c r="AD112996" i="1"/>
  <c r="AD112997" i="1"/>
  <c r="AD112998" i="1"/>
  <c r="AD112999" i="1"/>
  <c r="AD113000" i="1"/>
  <c r="AD113001" i="1"/>
  <c r="AD113002" i="1"/>
  <c r="AD113003" i="1"/>
  <c r="AD113004" i="1"/>
  <c r="AD113005" i="1"/>
  <c r="AD113006" i="1"/>
  <c r="AD113007" i="1"/>
  <c r="AD113008" i="1"/>
  <c r="AD113009" i="1"/>
  <c r="AD113010" i="1"/>
  <c r="AD113011" i="1"/>
  <c r="AD113012" i="1"/>
  <c r="AD113013" i="1"/>
  <c r="AD113014" i="1"/>
  <c r="AD113015" i="1"/>
  <c r="AD113016" i="1"/>
  <c r="AD113017" i="1"/>
  <c r="AD113018" i="1"/>
  <c r="AD113019" i="1"/>
  <c r="AD113020" i="1"/>
  <c r="AD113021" i="1"/>
  <c r="AD113022" i="1"/>
  <c r="AD113023" i="1"/>
  <c r="AD113024" i="1"/>
  <c r="AD113025" i="1"/>
  <c r="AD113026" i="1"/>
  <c r="AD113027" i="1"/>
  <c r="AD113028" i="1"/>
  <c r="AD113029" i="1"/>
  <c r="AD113030" i="1"/>
  <c r="AD113031" i="1"/>
  <c r="AD113032" i="1"/>
  <c r="AD113033" i="1"/>
  <c r="AD113034" i="1"/>
  <c r="AD113035" i="1"/>
  <c r="AD113036" i="1"/>
  <c r="AD113037" i="1"/>
  <c r="AD113038" i="1"/>
  <c r="AD113039" i="1"/>
  <c r="AD113040" i="1"/>
  <c r="AD113041" i="1"/>
  <c r="AD113042" i="1"/>
  <c r="AD113043" i="1"/>
  <c r="AD113044" i="1"/>
  <c r="AD113045" i="1"/>
  <c r="AD113046" i="1"/>
  <c r="AD113047" i="1"/>
  <c r="AD113048" i="1"/>
  <c r="AD113049" i="1"/>
  <c r="AD113050" i="1"/>
  <c r="AD113051" i="1"/>
  <c r="AD113052" i="1"/>
  <c r="AD113053" i="1"/>
  <c r="AD113054" i="1"/>
  <c r="AD113055" i="1"/>
  <c r="AD113056" i="1"/>
  <c r="AD113057" i="1"/>
  <c r="AD113058" i="1"/>
  <c r="AD113059" i="1"/>
  <c r="AD113060" i="1"/>
  <c r="AD113061" i="1"/>
  <c r="AD113062" i="1"/>
  <c r="AD113063" i="1"/>
  <c r="AD113064" i="1"/>
  <c r="AD113065" i="1"/>
  <c r="AD113066" i="1"/>
  <c r="AD113067" i="1"/>
  <c r="AD113068" i="1"/>
  <c r="AD113069" i="1"/>
  <c r="AD113070" i="1"/>
  <c r="AD113071" i="1"/>
  <c r="AD113072" i="1"/>
  <c r="AD113073" i="1"/>
  <c r="AD113074" i="1"/>
  <c r="AD113075" i="1"/>
  <c r="AD113076" i="1"/>
  <c r="AD113077" i="1"/>
  <c r="AD113078" i="1"/>
  <c r="AD113079" i="1"/>
  <c r="AD113080" i="1"/>
  <c r="AD113081" i="1"/>
  <c r="AD113082" i="1"/>
  <c r="AD113083" i="1"/>
  <c r="AD113084" i="1"/>
  <c r="AD113085" i="1"/>
  <c r="AD113086" i="1"/>
  <c r="AD113087" i="1"/>
  <c r="AD113088" i="1"/>
  <c r="AD113089" i="1"/>
  <c r="AD113090" i="1"/>
  <c r="AD113091" i="1"/>
  <c r="AD113092" i="1"/>
  <c r="AD113093" i="1"/>
  <c r="AD113094" i="1"/>
  <c r="AD113095" i="1"/>
  <c r="AD113096" i="1"/>
  <c r="AD113097" i="1"/>
  <c r="AD113098" i="1"/>
  <c r="AD113099" i="1"/>
  <c r="AD113100" i="1"/>
  <c r="AD113101" i="1"/>
  <c r="AD113102" i="1"/>
  <c r="AD113103" i="1"/>
  <c r="AD113104" i="1"/>
  <c r="AD113105" i="1"/>
  <c r="AD113106" i="1"/>
  <c r="AD113107" i="1"/>
  <c r="AD113108" i="1"/>
  <c r="AD113109" i="1"/>
  <c r="AD113110" i="1"/>
  <c r="AD113111" i="1"/>
  <c r="AD113112" i="1"/>
  <c r="AD113113" i="1"/>
  <c r="AD113114" i="1"/>
  <c r="AD113115" i="1"/>
  <c r="AD113116" i="1"/>
  <c r="AD113117" i="1"/>
  <c r="AD113118" i="1"/>
  <c r="AD113119" i="1"/>
  <c r="AD113120" i="1"/>
  <c r="AD113121" i="1"/>
  <c r="AD113122" i="1"/>
  <c r="AD113123" i="1"/>
  <c r="AD113124" i="1"/>
  <c r="AD113125" i="1"/>
  <c r="AD113126" i="1"/>
  <c r="AD113127" i="1"/>
  <c r="AD113128" i="1"/>
  <c r="AD113129" i="1"/>
  <c r="AD113130" i="1"/>
  <c r="AD113131" i="1"/>
  <c r="AD113132" i="1"/>
  <c r="AD113133" i="1"/>
  <c r="AD113134" i="1"/>
  <c r="AD113135" i="1"/>
  <c r="AD113136" i="1"/>
  <c r="AD113137" i="1"/>
  <c r="AD113138" i="1"/>
  <c r="AD113139" i="1"/>
  <c r="AD113140" i="1"/>
  <c r="AD113141" i="1"/>
  <c r="AD113142" i="1"/>
  <c r="AD113143" i="1"/>
  <c r="AD113144" i="1"/>
  <c r="AD113145" i="1"/>
  <c r="AD113146" i="1"/>
  <c r="AD113147" i="1"/>
  <c r="AD113148" i="1"/>
  <c r="AD113149" i="1"/>
  <c r="AD113150" i="1"/>
  <c r="AD113151" i="1"/>
  <c r="AD113152" i="1"/>
  <c r="AD113153" i="1"/>
  <c r="AD113154" i="1"/>
  <c r="AD113155" i="1"/>
  <c r="AD113156" i="1"/>
  <c r="AD113157" i="1"/>
  <c r="AD113158" i="1"/>
  <c r="AD113159" i="1"/>
  <c r="AD113160" i="1"/>
  <c r="AD113161" i="1"/>
  <c r="AD113162" i="1"/>
  <c r="AD113163" i="1"/>
  <c r="AD113164" i="1"/>
  <c r="AD113165" i="1"/>
  <c r="AD113166" i="1"/>
  <c r="AD113167" i="1"/>
  <c r="AD113168" i="1"/>
  <c r="AD113169" i="1"/>
  <c r="AD113170" i="1"/>
  <c r="AD113171" i="1"/>
  <c r="AD113172" i="1"/>
  <c r="AD113173" i="1"/>
  <c r="AD113174" i="1"/>
  <c r="AD113175" i="1"/>
  <c r="AD113176" i="1"/>
  <c r="AD113177" i="1"/>
  <c r="AD113178" i="1"/>
  <c r="AD113179" i="1"/>
  <c r="AD113180" i="1"/>
  <c r="AD113181" i="1"/>
  <c r="AD113182" i="1"/>
  <c r="AD113183" i="1"/>
  <c r="AD113184" i="1"/>
  <c r="AD113185" i="1"/>
  <c r="AD113186" i="1"/>
  <c r="AD113187" i="1"/>
  <c r="AD113188" i="1"/>
  <c r="AD113189" i="1"/>
  <c r="AD113190" i="1"/>
  <c r="AD113191" i="1"/>
  <c r="AD113192" i="1"/>
  <c r="AD113193" i="1"/>
  <c r="AD113194" i="1"/>
  <c r="AD113195" i="1"/>
  <c r="AD113196" i="1"/>
  <c r="AD113197" i="1"/>
  <c r="AD113198" i="1"/>
  <c r="AD113199" i="1"/>
  <c r="AD113200" i="1"/>
  <c r="AD113201" i="1"/>
  <c r="AD113202" i="1"/>
  <c r="AD113203" i="1"/>
  <c r="AD113204" i="1"/>
  <c r="AD113205" i="1"/>
  <c r="AD113206" i="1"/>
  <c r="AD113207" i="1"/>
  <c r="AD113208" i="1"/>
  <c r="AD113209" i="1"/>
  <c r="AD113210" i="1"/>
  <c r="AD113211" i="1"/>
  <c r="AD113212" i="1"/>
  <c r="AD113213" i="1"/>
  <c r="AD113214" i="1"/>
  <c r="AD113215" i="1"/>
  <c r="AD113216" i="1"/>
  <c r="AD113217" i="1"/>
  <c r="AD113218" i="1"/>
  <c r="AD113219" i="1"/>
  <c r="AD113220" i="1"/>
  <c r="AD113221" i="1"/>
  <c r="AD113222" i="1"/>
  <c r="AD113223" i="1"/>
  <c r="AD113224" i="1"/>
  <c r="AD113225" i="1"/>
  <c r="AD113226" i="1"/>
  <c r="AD113227" i="1"/>
  <c r="AD113228" i="1"/>
  <c r="AD113229" i="1"/>
  <c r="AD113230" i="1"/>
  <c r="AD113231" i="1"/>
  <c r="AD113232" i="1"/>
  <c r="AD113233" i="1"/>
  <c r="AD113234" i="1"/>
  <c r="AD113235" i="1"/>
  <c r="AD113236" i="1"/>
  <c r="AD113237" i="1"/>
  <c r="AD113238" i="1"/>
  <c r="AD113239" i="1"/>
  <c r="AD113240" i="1"/>
  <c r="AD113241" i="1"/>
  <c r="AD113242" i="1"/>
  <c r="AD113243" i="1"/>
  <c r="AD113244" i="1"/>
  <c r="AD113245" i="1"/>
  <c r="AD113246" i="1"/>
  <c r="AD113247" i="1"/>
  <c r="AD113248" i="1"/>
  <c r="AD113249" i="1"/>
  <c r="AD113250" i="1"/>
  <c r="AD113251" i="1"/>
  <c r="AD113252" i="1"/>
  <c r="AD113253" i="1"/>
  <c r="AD113254" i="1"/>
  <c r="AD113255" i="1"/>
  <c r="AD113256" i="1"/>
  <c r="AD113257" i="1"/>
  <c r="AD113258" i="1"/>
  <c r="AD113259" i="1"/>
  <c r="AD113260" i="1"/>
  <c r="AD113261" i="1"/>
  <c r="AD113262" i="1"/>
  <c r="AD113263" i="1"/>
  <c r="AD113264" i="1"/>
  <c r="AD113265" i="1"/>
  <c r="AD113266" i="1"/>
  <c r="AD113267" i="1"/>
  <c r="AD113268" i="1"/>
  <c r="AD113269" i="1"/>
  <c r="AD113270" i="1"/>
  <c r="AD113271" i="1"/>
  <c r="AD113272" i="1"/>
  <c r="AD113273" i="1"/>
  <c r="AD113274" i="1"/>
  <c r="AD113275" i="1"/>
  <c r="AD113276" i="1"/>
  <c r="AD113277" i="1"/>
  <c r="AD113278" i="1"/>
  <c r="AD113279" i="1"/>
  <c r="AD113280" i="1"/>
  <c r="AD113281" i="1"/>
  <c r="AD113282" i="1"/>
  <c r="AD113283" i="1"/>
  <c r="AD113284" i="1"/>
  <c r="AD113285" i="1"/>
  <c r="AD113286" i="1"/>
  <c r="AD113287" i="1"/>
  <c r="AD113288" i="1"/>
  <c r="AD113289" i="1"/>
  <c r="AD113290" i="1"/>
  <c r="AD113291" i="1"/>
  <c r="AD113292" i="1"/>
  <c r="AD113293" i="1"/>
  <c r="AD113294" i="1"/>
  <c r="AD113295" i="1"/>
  <c r="AD113296" i="1"/>
  <c r="AD113297" i="1"/>
  <c r="AD113298" i="1"/>
  <c r="AD113299" i="1"/>
  <c r="AD113300" i="1"/>
  <c r="AD113301" i="1"/>
  <c r="AD113302" i="1"/>
  <c r="AD113303" i="1"/>
  <c r="AD113304" i="1"/>
  <c r="AD113305" i="1"/>
  <c r="AD113306" i="1"/>
  <c r="AD113307" i="1"/>
  <c r="AD113308" i="1"/>
  <c r="AD113309" i="1"/>
  <c r="AD113310" i="1"/>
  <c r="AD113311" i="1"/>
  <c r="AD113312" i="1"/>
  <c r="AD113313" i="1"/>
  <c r="AD113314" i="1"/>
  <c r="AD113315" i="1"/>
  <c r="AD113316" i="1"/>
  <c r="AD113317" i="1"/>
  <c r="AD113318" i="1"/>
  <c r="AD113319" i="1"/>
  <c r="AD113320" i="1"/>
  <c r="AD113321" i="1"/>
  <c r="AD113322" i="1"/>
  <c r="AD113323" i="1"/>
  <c r="AD113324" i="1"/>
  <c r="AD113325" i="1"/>
  <c r="AD113326" i="1"/>
  <c r="AD113327" i="1"/>
  <c r="AD113328" i="1"/>
  <c r="AD113329" i="1"/>
  <c r="AD113330" i="1"/>
  <c r="AD113331" i="1"/>
  <c r="AD113332" i="1"/>
  <c r="AD113333" i="1"/>
  <c r="AD113334" i="1"/>
  <c r="AD113335" i="1"/>
  <c r="AD113336" i="1"/>
  <c r="AD113337" i="1"/>
  <c r="AD113338" i="1"/>
  <c r="AD113339" i="1"/>
  <c r="AD113340" i="1"/>
  <c r="AD113341" i="1"/>
  <c r="AD113342" i="1"/>
  <c r="AD113343" i="1"/>
  <c r="AD113344" i="1"/>
  <c r="AD113345" i="1"/>
  <c r="AD113346" i="1"/>
  <c r="AD113347" i="1"/>
  <c r="AD113348" i="1"/>
  <c r="AD113349" i="1"/>
  <c r="AD113350" i="1"/>
  <c r="AD113351" i="1"/>
  <c r="AD113352" i="1"/>
  <c r="AD113353" i="1"/>
  <c r="AD113354" i="1"/>
  <c r="AD113355" i="1"/>
  <c r="AD113356" i="1"/>
  <c r="AD113357" i="1"/>
  <c r="AD113358" i="1"/>
  <c r="AD113359" i="1"/>
  <c r="AD113360" i="1"/>
  <c r="AD113361" i="1"/>
  <c r="AD113362" i="1"/>
  <c r="AD113363" i="1"/>
  <c r="AD113364" i="1"/>
  <c r="AD113365" i="1"/>
  <c r="AD113366" i="1"/>
  <c r="AD113367" i="1"/>
  <c r="AD113368" i="1"/>
  <c r="AD113369" i="1"/>
  <c r="AD113370" i="1"/>
  <c r="AD113371" i="1"/>
  <c r="AD113372" i="1"/>
  <c r="AD113373" i="1"/>
  <c r="AD113374" i="1"/>
  <c r="AD113375" i="1"/>
  <c r="AD113376" i="1"/>
  <c r="AD113377" i="1"/>
  <c r="AD113378" i="1"/>
  <c r="AD113379" i="1"/>
  <c r="AD113380" i="1"/>
  <c r="AD113381" i="1"/>
  <c r="AD113382" i="1"/>
  <c r="AD113383" i="1"/>
  <c r="AD113384" i="1"/>
  <c r="AD113385" i="1"/>
  <c r="AD113386" i="1"/>
  <c r="AD113387" i="1"/>
  <c r="AD113388" i="1"/>
  <c r="AD113389" i="1"/>
  <c r="AD113390" i="1"/>
  <c r="AD113391" i="1"/>
  <c r="AD113392" i="1"/>
  <c r="AD113393" i="1"/>
  <c r="AD113394" i="1"/>
  <c r="AD113395" i="1"/>
  <c r="AD113396" i="1"/>
  <c r="AD113397" i="1"/>
  <c r="AD113398" i="1"/>
  <c r="AD113399" i="1"/>
  <c r="AD113400" i="1"/>
  <c r="AD113401" i="1"/>
  <c r="AD113402" i="1"/>
  <c r="AD113403" i="1"/>
  <c r="AD113404" i="1"/>
  <c r="AD113405" i="1"/>
  <c r="AD113406" i="1"/>
  <c r="AD113407" i="1"/>
  <c r="AD113408" i="1"/>
  <c r="AD113409" i="1"/>
  <c r="AD113410" i="1"/>
  <c r="AD113411" i="1"/>
  <c r="AD113412" i="1"/>
  <c r="AD113413" i="1"/>
  <c r="AD113414" i="1"/>
  <c r="AD113415" i="1"/>
  <c r="AD113416" i="1"/>
  <c r="AD113417" i="1"/>
  <c r="AD113418" i="1"/>
  <c r="AD113419" i="1"/>
  <c r="AD113420" i="1"/>
  <c r="AD113421" i="1"/>
  <c r="AD113422" i="1"/>
  <c r="AD113423" i="1"/>
  <c r="AD113424" i="1"/>
  <c r="AD113425" i="1"/>
  <c r="AD113426" i="1"/>
  <c r="AD113427" i="1"/>
  <c r="AD113428" i="1"/>
  <c r="AD113429" i="1"/>
  <c r="AD113430" i="1"/>
  <c r="AD113431" i="1"/>
  <c r="AD113432" i="1"/>
  <c r="AD113433" i="1"/>
  <c r="AD113434" i="1"/>
  <c r="AD113435" i="1"/>
  <c r="AD113436" i="1"/>
  <c r="AD113437" i="1"/>
  <c r="AD113438" i="1"/>
  <c r="AD113439" i="1"/>
  <c r="AD113440" i="1"/>
  <c r="AD113441" i="1"/>
  <c r="AD113442" i="1"/>
  <c r="AD113443" i="1"/>
  <c r="AD113444" i="1"/>
  <c r="AD113445" i="1"/>
  <c r="AD113446" i="1"/>
  <c r="AD113447" i="1"/>
  <c r="AD113448" i="1"/>
  <c r="AD113449" i="1"/>
  <c r="AD113450" i="1"/>
  <c r="AD113451" i="1"/>
  <c r="AD113452" i="1"/>
  <c r="AD113453" i="1"/>
  <c r="AD113454" i="1"/>
  <c r="AD113455" i="1"/>
  <c r="AD113456" i="1"/>
  <c r="AD113457" i="1"/>
  <c r="AD113458" i="1"/>
  <c r="AD113459" i="1"/>
  <c r="AD113460" i="1"/>
  <c r="AD113461" i="1"/>
  <c r="AD113462" i="1"/>
  <c r="AD113463" i="1"/>
  <c r="AD113464" i="1"/>
  <c r="AD113465" i="1"/>
  <c r="AD113466" i="1"/>
  <c r="AD113467" i="1"/>
  <c r="AD113468" i="1"/>
  <c r="AD113469" i="1"/>
  <c r="AD113470" i="1"/>
  <c r="AD113471" i="1"/>
  <c r="AD113472" i="1"/>
  <c r="AD113473" i="1"/>
  <c r="AD113474" i="1"/>
  <c r="AD113475" i="1"/>
  <c r="AD113476" i="1"/>
  <c r="AD113477" i="1"/>
  <c r="AD113478" i="1"/>
  <c r="AD113479" i="1"/>
  <c r="AD113480" i="1"/>
  <c r="AD113481" i="1"/>
  <c r="AD113482" i="1"/>
  <c r="AD113483" i="1"/>
  <c r="AD113484" i="1"/>
  <c r="AD113485" i="1"/>
  <c r="AD113486" i="1"/>
  <c r="AD113487" i="1"/>
  <c r="AD113488" i="1"/>
  <c r="AD113489" i="1"/>
  <c r="AD113490" i="1"/>
  <c r="AD113491" i="1"/>
  <c r="AD113492" i="1"/>
  <c r="AD113493" i="1"/>
  <c r="AD113494" i="1"/>
  <c r="AD113495" i="1"/>
  <c r="AD113496" i="1"/>
  <c r="AD113497" i="1"/>
  <c r="AD113498" i="1"/>
  <c r="AD113499" i="1"/>
  <c r="AD113500" i="1"/>
  <c r="AD113501" i="1"/>
  <c r="AD113502" i="1"/>
  <c r="AD113503" i="1"/>
  <c r="AD113504" i="1"/>
  <c r="AD113505" i="1"/>
  <c r="AD113506" i="1"/>
  <c r="AD113507" i="1"/>
  <c r="AD113508" i="1"/>
  <c r="AD113509" i="1"/>
  <c r="AD113510" i="1"/>
  <c r="AD113511" i="1"/>
  <c r="AD113512" i="1"/>
  <c r="AD113513" i="1"/>
  <c r="AD113514" i="1"/>
  <c r="AD113515" i="1"/>
  <c r="AD113516" i="1"/>
  <c r="AD113517" i="1"/>
  <c r="AD113518" i="1"/>
  <c r="AD113519" i="1"/>
  <c r="AD113520" i="1"/>
  <c r="AD113521" i="1"/>
  <c r="AD113522" i="1"/>
  <c r="AD113523" i="1"/>
  <c r="AD113524" i="1"/>
  <c r="AD113525" i="1"/>
  <c r="AD113526" i="1"/>
  <c r="AD113527" i="1"/>
  <c r="AD113528" i="1"/>
  <c r="AD113529" i="1"/>
  <c r="AD113530" i="1"/>
  <c r="AD113531" i="1"/>
  <c r="AD113532" i="1"/>
  <c r="AD113533" i="1"/>
  <c r="AD113534" i="1"/>
  <c r="AD113535" i="1"/>
  <c r="AD113536" i="1"/>
  <c r="AD113537" i="1"/>
  <c r="AD113538" i="1"/>
  <c r="AD113539" i="1"/>
  <c r="AD113540" i="1"/>
  <c r="AD113541" i="1"/>
  <c r="AD113542" i="1"/>
  <c r="AD113543" i="1"/>
  <c r="AD113544" i="1"/>
  <c r="AD113545" i="1"/>
  <c r="AD113546" i="1"/>
  <c r="AD113547" i="1"/>
  <c r="AD113548" i="1"/>
  <c r="AD113549" i="1"/>
  <c r="AD113550" i="1"/>
  <c r="AD113551" i="1"/>
  <c r="AD113552" i="1"/>
  <c r="AD113553" i="1"/>
  <c r="AD113554" i="1"/>
  <c r="AD113555" i="1"/>
  <c r="AD113556" i="1"/>
  <c r="AD113557" i="1"/>
  <c r="AD113558" i="1"/>
  <c r="AD113559" i="1"/>
  <c r="AD113560" i="1"/>
  <c r="AD113561" i="1"/>
  <c r="AD113562" i="1"/>
  <c r="AD113563" i="1"/>
  <c r="AD113564" i="1"/>
  <c r="AD113565" i="1"/>
  <c r="AD113566" i="1"/>
  <c r="AD113567" i="1"/>
  <c r="AD113568" i="1"/>
  <c r="AD113569" i="1"/>
  <c r="AD113570" i="1"/>
  <c r="AD113571" i="1"/>
  <c r="AD113572" i="1"/>
  <c r="AD113573" i="1"/>
  <c r="AD113574" i="1"/>
  <c r="AD113575" i="1"/>
  <c r="AD113576" i="1"/>
  <c r="AD113577" i="1"/>
  <c r="AD113578" i="1"/>
  <c r="AD113579" i="1"/>
  <c r="AD113580" i="1"/>
  <c r="AD113581" i="1"/>
  <c r="AD113582" i="1"/>
  <c r="AD113583" i="1"/>
  <c r="AD113584" i="1"/>
  <c r="AD113585" i="1"/>
  <c r="AD113586" i="1"/>
  <c r="AD113587" i="1"/>
  <c r="AD113588" i="1"/>
  <c r="AD113589" i="1"/>
  <c r="AD113590" i="1"/>
  <c r="AD113591" i="1"/>
  <c r="AD113592" i="1"/>
  <c r="AD113593" i="1"/>
  <c r="AD113594" i="1"/>
  <c r="AD113595" i="1"/>
  <c r="AD113596" i="1"/>
  <c r="AD113597" i="1"/>
  <c r="AD113598" i="1"/>
  <c r="AD113599" i="1"/>
  <c r="AD113600" i="1"/>
  <c r="AD113601" i="1"/>
  <c r="AD113602" i="1"/>
  <c r="AD113603" i="1"/>
  <c r="AD113604" i="1"/>
  <c r="AD113605" i="1"/>
  <c r="AD113606" i="1"/>
  <c r="AD113607" i="1"/>
  <c r="AD113608" i="1"/>
  <c r="AD113609" i="1"/>
  <c r="AD113610" i="1"/>
  <c r="AD113611" i="1"/>
  <c r="AD113612" i="1"/>
  <c r="AD113613" i="1"/>
  <c r="AD113614" i="1"/>
  <c r="AD113615" i="1"/>
  <c r="AD113616" i="1"/>
  <c r="AD113617" i="1"/>
  <c r="AD113618" i="1"/>
  <c r="AD113619" i="1"/>
  <c r="AD113620" i="1"/>
  <c r="AD113621" i="1"/>
  <c r="AD113622" i="1"/>
  <c r="AD113623" i="1"/>
  <c r="AD113624" i="1"/>
  <c r="AD113625" i="1"/>
  <c r="AD113626" i="1"/>
  <c r="AD113627" i="1"/>
  <c r="AD113628" i="1"/>
  <c r="AD113629" i="1"/>
  <c r="AD113630" i="1"/>
  <c r="AD113631" i="1"/>
  <c r="AD113632" i="1"/>
  <c r="AD113633" i="1"/>
  <c r="AD113634" i="1"/>
  <c r="AD113635" i="1"/>
  <c r="AD113636" i="1"/>
  <c r="AD113637" i="1"/>
  <c r="AD113638" i="1"/>
  <c r="AD113639" i="1"/>
  <c r="AD113640" i="1"/>
  <c r="AD113641" i="1"/>
  <c r="AD113642" i="1"/>
  <c r="AD113643" i="1"/>
  <c r="AD113644" i="1"/>
  <c r="AD113645" i="1"/>
  <c r="AD113646" i="1"/>
  <c r="AD113647" i="1"/>
  <c r="AD113648" i="1"/>
  <c r="AD113649" i="1"/>
  <c r="AD113650" i="1"/>
  <c r="AD113651" i="1"/>
  <c r="AD113652" i="1"/>
  <c r="AD113653" i="1"/>
  <c r="AD113654" i="1"/>
  <c r="AD113655" i="1"/>
  <c r="AD113656" i="1"/>
  <c r="AD113657" i="1"/>
  <c r="AD113658" i="1"/>
  <c r="AD113659" i="1"/>
  <c r="AD113660" i="1"/>
  <c r="AD113661" i="1"/>
  <c r="AD113662" i="1"/>
  <c r="AD113663" i="1"/>
  <c r="AD113664" i="1"/>
  <c r="AD113665" i="1"/>
  <c r="AD113666" i="1"/>
  <c r="AD113667" i="1"/>
  <c r="AD113668" i="1"/>
  <c r="AD113669" i="1"/>
  <c r="AD113670" i="1"/>
  <c r="AD113671" i="1"/>
  <c r="AD113672" i="1"/>
  <c r="AD113673" i="1"/>
  <c r="AD113674" i="1"/>
  <c r="AD113675" i="1"/>
  <c r="AD113676" i="1"/>
  <c r="AD113677" i="1"/>
  <c r="AD113678" i="1"/>
  <c r="AD113679" i="1"/>
  <c r="AD113680" i="1"/>
  <c r="AD113681" i="1"/>
  <c r="AD113682" i="1"/>
  <c r="AD113683" i="1"/>
  <c r="AD113684" i="1"/>
  <c r="AD113685" i="1"/>
  <c r="AD113686" i="1"/>
  <c r="AD113687" i="1"/>
  <c r="AD113688" i="1"/>
  <c r="AD113689" i="1"/>
  <c r="AD113690" i="1"/>
  <c r="AD113691" i="1"/>
  <c r="AD113692" i="1"/>
  <c r="AD113693" i="1"/>
  <c r="AD113694" i="1"/>
  <c r="AD113695" i="1"/>
  <c r="AD113696" i="1"/>
  <c r="AD113697" i="1"/>
  <c r="AD113698" i="1"/>
  <c r="AD113699" i="1"/>
  <c r="AD113700" i="1"/>
  <c r="AD113701" i="1"/>
  <c r="AD113702" i="1"/>
  <c r="AD113703" i="1"/>
  <c r="AD113704" i="1"/>
  <c r="AD113705" i="1"/>
  <c r="AD113706" i="1"/>
  <c r="AD113707" i="1"/>
  <c r="AD113708" i="1"/>
  <c r="AD113709" i="1"/>
  <c r="AD113710" i="1"/>
  <c r="AD113711" i="1"/>
  <c r="AD113712" i="1"/>
  <c r="AD113713" i="1"/>
  <c r="AD113714" i="1"/>
  <c r="AD113715" i="1"/>
  <c r="AD113716" i="1"/>
  <c r="AD113717" i="1"/>
  <c r="AD113718" i="1"/>
  <c r="AD113719" i="1"/>
  <c r="AD113720" i="1"/>
  <c r="AD113721" i="1"/>
  <c r="AD113722" i="1"/>
  <c r="AD113723" i="1"/>
  <c r="AD113724" i="1"/>
  <c r="AD113725" i="1"/>
  <c r="AD113726" i="1"/>
  <c r="AD113727" i="1"/>
  <c r="AD113728" i="1"/>
  <c r="AD113729" i="1"/>
  <c r="AD113730" i="1"/>
  <c r="AD113731" i="1"/>
  <c r="AD113732" i="1"/>
  <c r="AD113733" i="1"/>
  <c r="AD113734" i="1"/>
  <c r="AD113735" i="1"/>
  <c r="AD113736" i="1"/>
  <c r="AD113737" i="1"/>
  <c r="AD113738" i="1"/>
  <c r="AD113739" i="1"/>
  <c r="AD113740" i="1"/>
  <c r="AD113741" i="1"/>
  <c r="AD113742" i="1"/>
  <c r="AD113743" i="1"/>
  <c r="AD113744" i="1"/>
  <c r="AD113745" i="1"/>
  <c r="AD113746" i="1"/>
  <c r="AD113747" i="1"/>
  <c r="AD113748" i="1"/>
  <c r="AD113749" i="1"/>
  <c r="AD113750" i="1"/>
  <c r="AD113751" i="1"/>
  <c r="AD113752" i="1"/>
  <c r="AD113753" i="1"/>
  <c r="AD113754" i="1"/>
  <c r="AD113755" i="1"/>
  <c r="AD113756" i="1"/>
  <c r="AD113757" i="1"/>
  <c r="AD113758" i="1"/>
  <c r="AD113759" i="1"/>
  <c r="AD113760" i="1"/>
  <c r="AD113761" i="1"/>
  <c r="AD113762" i="1"/>
  <c r="AD113763" i="1"/>
  <c r="AD113764" i="1"/>
  <c r="AD113765" i="1"/>
  <c r="AD113766" i="1"/>
  <c r="AD113767" i="1"/>
  <c r="AD113768" i="1"/>
  <c r="AD113769" i="1"/>
  <c r="AD113770" i="1"/>
  <c r="AD113771" i="1"/>
  <c r="AD113772" i="1"/>
  <c r="AD113773" i="1"/>
  <c r="AD113774" i="1"/>
  <c r="AD113775" i="1"/>
  <c r="AD113776" i="1"/>
  <c r="AD113777" i="1"/>
  <c r="AD113778" i="1"/>
  <c r="AD113779" i="1"/>
  <c r="AD113780" i="1"/>
  <c r="AD113781" i="1"/>
  <c r="AD113782" i="1"/>
  <c r="AD113783" i="1"/>
  <c r="AD113784" i="1"/>
  <c r="AD113785" i="1"/>
  <c r="AD113786" i="1"/>
  <c r="AD113787" i="1"/>
  <c r="AD113788" i="1"/>
  <c r="AD113789" i="1"/>
  <c r="AD113790" i="1"/>
  <c r="AD113791" i="1"/>
  <c r="AD113792" i="1"/>
  <c r="AD113793" i="1"/>
  <c r="AD113794" i="1"/>
  <c r="AD113795" i="1"/>
  <c r="AD113796" i="1"/>
  <c r="AD113797" i="1"/>
  <c r="AD113798" i="1"/>
  <c r="AD113799" i="1"/>
  <c r="AD113800" i="1"/>
  <c r="AD113801" i="1"/>
  <c r="AD113802" i="1"/>
  <c r="AD113803" i="1"/>
  <c r="AD113804" i="1"/>
  <c r="AD113805" i="1"/>
  <c r="AD113806" i="1"/>
  <c r="AD113807" i="1"/>
  <c r="AD113808" i="1"/>
  <c r="AD113809" i="1"/>
  <c r="AD113810" i="1"/>
  <c r="AD113811" i="1"/>
  <c r="AD113812" i="1"/>
  <c r="AD113813" i="1"/>
  <c r="AD113814" i="1"/>
  <c r="AD113815" i="1"/>
  <c r="AD113816" i="1"/>
  <c r="AD113817" i="1"/>
  <c r="AD113818" i="1"/>
  <c r="AD113819" i="1"/>
  <c r="AD113820" i="1"/>
  <c r="AD113821" i="1"/>
  <c r="AD113822" i="1"/>
  <c r="AD113823" i="1"/>
  <c r="AD113824" i="1"/>
  <c r="AD113825" i="1"/>
  <c r="AD113826" i="1"/>
  <c r="AD113827" i="1"/>
  <c r="AD113828" i="1"/>
  <c r="AD113829" i="1"/>
  <c r="AD113830" i="1"/>
  <c r="AD113831" i="1"/>
  <c r="AD113832" i="1"/>
  <c r="AD113833" i="1"/>
  <c r="AD113834" i="1"/>
  <c r="AD113835" i="1"/>
  <c r="AD113836" i="1"/>
  <c r="AD113837" i="1"/>
  <c r="AD113838" i="1"/>
  <c r="AD113839" i="1"/>
  <c r="AD113840" i="1"/>
  <c r="AD113841" i="1"/>
  <c r="AD113842" i="1"/>
  <c r="AD113843" i="1"/>
  <c r="AD113844" i="1"/>
  <c r="AD113845" i="1"/>
  <c r="AD113846" i="1"/>
  <c r="AD113847" i="1"/>
  <c r="AD113848" i="1"/>
  <c r="AD113849" i="1"/>
  <c r="AD113850" i="1"/>
  <c r="AD113851" i="1"/>
  <c r="AD113852" i="1"/>
  <c r="AD113853" i="1"/>
  <c r="AD113854" i="1"/>
  <c r="AD113855" i="1"/>
  <c r="AD113856" i="1"/>
  <c r="AD113857" i="1"/>
  <c r="AD113858" i="1"/>
  <c r="AD113859" i="1"/>
  <c r="AD113860" i="1"/>
  <c r="AD113861" i="1"/>
  <c r="AD113862" i="1"/>
  <c r="AD113863" i="1"/>
  <c r="AD113864" i="1"/>
  <c r="AD113865" i="1"/>
  <c r="AD113866" i="1"/>
  <c r="AD113867" i="1"/>
  <c r="AD113868" i="1"/>
  <c r="AD113869" i="1"/>
  <c r="AD113870" i="1"/>
  <c r="AD113871" i="1"/>
  <c r="AD113872" i="1"/>
  <c r="AD113873" i="1"/>
  <c r="AD113874" i="1"/>
  <c r="AD113875" i="1"/>
  <c r="AD113876" i="1"/>
  <c r="AD113877" i="1"/>
  <c r="AD113878" i="1"/>
  <c r="AD113879" i="1"/>
  <c r="AD113880" i="1"/>
  <c r="AD113881" i="1"/>
  <c r="AD113882" i="1"/>
  <c r="AD113883" i="1"/>
  <c r="AD113884" i="1"/>
  <c r="AD113885" i="1"/>
  <c r="AD113886" i="1"/>
  <c r="AD113887" i="1"/>
  <c r="AD113888" i="1"/>
  <c r="AD113889" i="1"/>
  <c r="AD113890" i="1"/>
  <c r="AD113891" i="1"/>
  <c r="AD113892" i="1"/>
  <c r="AD113893" i="1"/>
  <c r="AD113894" i="1"/>
  <c r="AD113895" i="1"/>
  <c r="AD113896" i="1"/>
  <c r="AD113897" i="1"/>
  <c r="AD113898" i="1"/>
  <c r="AD113899" i="1"/>
  <c r="AD113900" i="1"/>
  <c r="AD113901" i="1"/>
  <c r="AD113902" i="1"/>
  <c r="AD113903" i="1"/>
  <c r="AD113904" i="1"/>
  <c r="AD113905" i="1"/>
  <c r="AD113906" i="1"/>
  <c r="AD113907" i="1"/>
  <c r="AD113908" i="1"/>
  <c r="AD113909" i="1"/>
  <c r="AD113910" i="1"/>
  <c r="AD113911" i="1"/>
  <c r="AD113912" i="1"/>
  <c r="AD113913" i="1"/>
  <c r="AD113914" i="1"/>
  <c r="AD113915" i="1"/>
  <c r="AD113916" i="1"/>
  <c r="AD113917" i="1"/>
  <c r="AD113918" i="1"/>
  <c r="AD113919" i="1"/>
  <c r="AD113920" i="1"/>
  <c r="AD113921" i="1"/>
  <c r="AD113922" i="1"/>
  <c r="AD113923" i="1"/>
  <c r="AD113924" i="1"/>
  <c r="AD113925" i="1"/>
  <c r="AD113926" i="1"/>
  <c r="AD113927" i="1"/>
  <c r="AD113928" i="1"/>
  <c r="AD113929" i="1"/>
  <c r="AD113930" i="1"/>
  <c r="AD113931" i="1"/>
  <c r="AD113932" i="1"/>
  <c r="AD113933" i="1"/>
  <c r="AD113934" i="1"/>
  <c r="AD113935" i="1"/>
  <c r="AD113936" i="1"/>
  <c r="AD113937" i="1"/>
  <c r="AD113938" i="1"/>
  <c r="AD113939" i="1"/>
  <c r="AD113940" i="1"/>
  <c r="AD113941" i="1"/>
  <c r="AD113942" i="1"/>
  <c r="AD113943" i="1"/>
  <c r="AD113944" i="1"/>
  <c r="AD113945" i="1"/>
  <c r="AD113946" i="1"/>
  <c r="AD113947" i="1"/>
  <c r="AD113948" i="1"/>
  <c r="AD113949" i="1"/>
  <c r="AD113950" i="1"/>
  <c r="AD113951" i="1"/>
  <c r="AD113952" i="1"/>
  <c r="AD113953" i="1"/>
  <c r="AD113954" i="1"/>
  <c r="AD113955" i="1"/>
  <c r="AD113956" i="1"/>
  <c r="AD113957" i="1"/>
  <c r="AD113958" i="1"/>
  <c r="AD113959" i="1"/>
  <c r="AD113960" i="1"/>
  <c r="AD113961" i="1"/>
  <c r="AD113962" i="1"/>
  <c r="AD113963" i="1"/>
  <c r="AD113964" i="1"/>
  <c r="AD113965" i="1"/>
  <c r="AD113966" i="1"/>
  <c r="AD113967" i="1"/>
  <c r="AD113968" i="1"/>
  <c r="AD113969" i="1"/>
  <c r="AD113970" i="1"/>
  <c r="AD113971" i="1"/>
  <c r="AD113972" i="1"/>
  <c r="AD113973" i="1"/>
  <c r="AD113974" i="1"/>
  <c r="AD113975" i="1"/>
  <c r="AD113976" i="1"/>
  <c r="AD113977" i="1"/>
  <c r="AD113978" i="1"/>
  <c r="AD113979" i="1"/>
  <c r="AD113980" i="1"/>
  <c r="AD113981" i="1"/>
  <c r="AD113982" i="1"/>
  <c r="AD113983" i="1"/>
  <c r="AD113984" i="1"/>
  <c r="AD113985" i="1"/>
  <c r="AD113986" i="1"/>
  <c r="AD113987" i="1"/>
  <c r="AD113988" i="1"/>
  <c r="AD113989" i="1"/>
  <c r="AD113990" i="1"/>
  <c r="AD113991" i="1"/>
  <c r="AD113992" i="1"/>
  <c r="AD113993" i="1"/>
  <c r="AD113994" i="1"/>
  <c r="AD113995" i="1"/>
  <c r="AD113996" i="1"/>
  <c r="AD113997" i="1"/>
  <c r="AD113998" i="1"/>
  <c r="AD113999" i="1"/>
  <c r="AD114000" i="1"/>
  <c r="AD114001" i="1"/>
  <c r="AD114002" i="1"/>
  <c r="AD114003" i="1"/>
  <c r="AD114004" i="1"/>
  <c r="AD114005" i="1"/>
  <c r="AD114006" i="1"/>
  <c r="AD114007" i="1"/>
  <c r="AD114008" i="1"/>
  <c r="AD114009" i="1"/>
  <c r="AD114010" i="1"/>
  <c r="AD114011" i="1"/>
  <c r="AD114012" i="1"/>
  <c r="AD114013" i="1"/>
  <c r="AD114014" i="1"/>
  <c r="AD114015" i="1"/>
  <c r="AD114016" i="1"/>
  <c r="AD114017" i="1"/>
  <c r="AD114018" i="1"/>
  <c r="AD114019" i="1"/>
  <c r="AD114020" i="1"/>
  <c r="AD114021" i="1"/>
  <c r="AD114022" i="1"/>
  <c r="AD114023" i="1"/>
  <c r="AD114024" i="1"/>
  <c r="AD114025" i="1"/>
  <c r="AD114026" i="1"/>
  <c r="AD114027" i="1"/>
  <c r="AD114028" i="1"/>
  <c r="AD114029" i="1"/>
  <c r="AD114030" i="1"/>
  <c r="AD114031" i="1"/>
  <c r="AD114032" i="1"/>
  <c r="AD114033" i="1"/>
  <c r="AD114034" i="1"/>
  <c r="AD114035" i="1"/>
  <c r="AD114036" i="1"/>
  <c r="AD114037" i="1"/>
  <c r="AD114038" i="1"/>
  <c r="AD114039" i="1"/>
  <c r="AD114040" i="1"/>
  <c r="AD114041" i="1"/>
  <c r="AD114042" i="1"/>
  <c r="AD114043" i="1"/>
  <c r="AD114044" i="1"/>
  <c r="AD114045" i="1"/>
  <c r="AD114046" i="1"/>
  <c r="AD114047" i="1"/>
  <c r="AD114048" i="1"/>
  <c r="AD114049" i="1"/>
  <c r="AD114050" i="1"/>
  <c r="AD114051" i="1"/>
  <c r="AD114052" i="1"/>
  <c r="AD114053" i="1"/>
  <c r="AD114054" i="1"/>
  <c r="AD114055" i="1"/>
  <c r="AD114056" i="1"/>
  <c r="AD114057" i="1"/>
  <c r="AD114058" i="1"/>
  <c r="AD114059" i="1"/>
  <c r="AD114060" i="1"/>
  <c r="AD114061" i="1"/>
  <c r="AD114062" i="1"/>
  <c r="AD114063" i="1"/>
  <c r="AD114064" i="1"/>
  <c r="AD114065" i="1"/>
  <c r="AD114066" i="1"/>
  <c r="AD114067" i="1"/>
  <c r="AD114068" i="1"/>
  <c r="AD114069" i="1"/>
  <c r="AD114070" i="1"/>
  <c r="AD114071" i="1"/>
  <c r="AD114072" i="1"/>
  <c r="AD114073" i="1"/>
  <c r="AD114074" i="1"/>
  <c r="AD114075" i="1"/>
  <c r="AD114076" i="1"/>
  <c r="AD114077" i="1"/>
  <c r="AD114078" i="1"/>
  <c r="AD114079" i="1"/>
  <c r="AD114080" i="1"/>
  <c r="AD114081" i="1"/>
  <c r="AD114082" i="1"/>
  <c r="AD114083" i="1"/>
  <c r="AD114084" i="1"/>
  <c r="AD114085" i="1"/>
  <c r="AD114086" i="1"/>
  <c r="AD114087" i="1"/>
  <c r="AD114088" i="1"/>
  <c r="AD114089" i="1"/>
  <c r="AD114090" i="1"/>
  <c r="AD114091" i="1"/>
  <c r="AD114092" i="1"/>
  <c r="AD114093" i="1"/>
  <c r="AD114094" i="1"/>
  <c r="AD114095" i="1"/>
  <c r="AD114096" i="1"/>
  <c r="AD114097" i="1"/>
  <c r="AD114098" i="1"/>
  <c r="AD114099" i="1"/>
  <c r="AD114100" i="1"/>
  <c r="AD114101" i="1"/>
  <c r="AD114102" i="1"/>
  <c r="AD114103" i="1"/>
  <c r="AD114104" i="1"/>
  <c r="AD114105" i="1"/>
  <c r="AD114106" i="1"/>
  <c r="AD114107" i="1"/>
  <c r="AD114108" i="1"/>
  <c r="AD114109" i="1"/>
  <c r="AD114110" i="1"/>
  <c r="AD114111" i="1"/>
  <c r="AD114112" i="1"/>
  <c r="AD114113" i="1"/>
  <c r="AD114114" i="1"/>
  <c r="AD114115" i="1"/>
  <c r="AD114116" i="1"/>
  <c r="AD114117" i="1"/>
  <c r="AD114118" i="1"/>
  <c r="AD114119" i="1"/>
  <c r="AD114120" i="1"/>
  <c r="AD114121" i="1"/>
  <c r="AD114122" i="1"/>
  <c r="AD114123" i="1"/>
  <c r="AD114124" i="1"/>
  <c r="AD114125" i="1"/>
  <c r="AD114126" i="1"/>
  <c r="AD114127" i="1"/>
  <c r="AD114128" i="1"/>
  <c r="AD114129" i="1"/>
  <c r="AD114130" i="1"/>
  <c r="AD114131" i="1"/>
  <c r="AD114132" i="1"/>
  <c r="AD114133" i="1"/>
  <c r="AD114134" i="1"/>
  <c r="AD114135" i="1"/>
  <c r="AD114136" i="1"/>
  <c r="AD114137" i="1"/>
  <c r="AD114138" i="1"/>
  <c r="AD114139" i="1"/>
  <c r="AD114140" i="1"/>
  <c r="AD114141" i="1"/>
  <c r="AD114142" i="1"/>
  <c r="AD114143" i="1"/>
  <c r="AD114144" i="1"/>
  <c r="AD114145" i="1"/>
  <c r="AD114146" i="1"/>
  <c r="AD114147" i="1"/>
  <c r="AD114148" i="1"/>
  <c r="AD114149" i="1"/>
  <c r="AD114150" i="1"/>
  <c r="AD114151" i="1"/>
  <c r="AD114152" i="1"/>
  <c r="AD114153" i="1"/>
  <c r="AD114154" i="1"/>
  <c r="AD114155" i="1"/>
  <c r="AD114156" i="1"/>
  <c r="AD114157" i="1"/>
  <c r="AD114158" i="1"/>
  <c r="AD114159" i="1"/>
  <c r="AD114160" i="1"/>
  <c r="AD114161" i="1"/>
  <c r="AD114162" i="1"/>
  <c r="AD114163" i="1"/>
  <c r="AD114164" i="1"/>
  <c r="AD114165" i="1"/>
  <c r="AD114166" i="1"/>
  <c r="AD114167" i="1"/>
  <c r="AD114168" i="1"/>
  <c r="AD114169" i="1"/>
  <c r="AD114170" i="1"/>
  <c r="AD114171" i="1"/>
  <c r="AD114172" i="1"/>
  <c r="AD114173" i="1"/>
  <c r="AD114174" i="1"/>
  <c r="AD114175" i="1"/>
  <c r="AD114176" i="1"/>
  <c r="AD114177" i="1"/>
  <c r="AD114178" i="1"/>
  <c r="AD114179" i="1"/>
  <c r="AD114180" i="1"/>
  <c r="AD114181" i="1"/>
  <c r="AD114182" i="1"/>
  <c r="AD114183" i="1"/>
  <c r="AD114184" i="1"/>
  <c r="AD114185" i="1"/>
  <c r="AD114186" i="1"/>
  <c r="AD114187" i="1"/>
  <c r="AD114188" i="1"/>
  <c r="AD114189" i="1"/>
  <c r="AD114190" i="1"/>
  <c r="AD114191" i="1"/>
  <c r="AD114192" i="1"/>
  <c r="AD114193" i="1"/>
  <c r="AD114194" i="1"/>
  <c r="AD114195" i="1"/>
  <c r="AD114196" i="1"/>
  <c r="AD114197" i="1"/>
  <c r="AD114198" i="1"/>
  <c r="AD114199" i="1"/>
  <c r="AD114200" i="1"/>
  <c r="AD114201" i="1"/>
  <c r="AD114202" i="1"/>
  <c r="AD114203" i="1"/>
  <c r="AD114204" i="1"/>
  <c r="AD114205" i="1"/>
  <c r="AD114206" i="1"/>
  <c r="AD114207" i="1"/>
  <c r="AD114208" i="1"/>
  <c r="AD114209" i="1"/>
  <c r="AD114210" i="1"/>
  <c r="AD114211" i="1"/>
  <c r="AD114212" i="1"/>
  <c r="AD114213" i="1"/>
  <c r="AD114214" i="1"/>
  <c r="AD114215" i="1"/>
  <c r="AD114216" i="1"/>
  <c r="AD114217" i="1"/>
  <c r="AD114218" i="1"/>
  <c r="AD114219" i="1"/>
  <c r="AD114220" i="1"/>
  <c r="AD114221" i="1"/>
  <c r="AD114222" i="1"/>
  <c r="AD114223" i="1"/>
  <c r="AD114224" i="1"/>
  <c r="AD114225" i="1"/>
  <c r="AD114226" i="1"/>
  <c r="AD114227" i="1"/>
  <c r="AD114228" i="1"/>
  <c r="AD114229" i="1"/>
  <c r="AD114230" i="1"/>
  <c r="AD114231" i="1"/>
  <c r="AD114232" i="1"/>
  <c r="AD114233" i="1"/>
  <c r="AD114234" i="1"/>
  <c r="AD114235" i="1"/>
  <c r="AD114236" i="1"/>
  <c r="AD114237" i="1"/>
  <c r="AD114238" i="1"/>
  <c r="AD114239" i="1"/>
  <c r="AD114240" i="1"/>
  <c r="AD114241" i="1"/>
  <c r="AD114242" i="1"/>
  <c r="AD114243" i="1"/>
  <c r="AD114244" i="1"/>
  <c r="AD114245" i="1"/>
  <c r="AD114246" i="1"/>
  <c r="AD114247" i="1"/>
  <c r="AD114248" i="1"/>
  <c r="AD114249" i="1"/>
  <c r="AD114250" i="1"/>
  <c r="AD114251" i="1"/>
  <c r="AD114252" i="1"/>
  <c r="AD114253" i="1"/>
  <c r="AD114254" i="1"/>
  <c r="AD114255" i="1"/>
  <c r="AD114256" i="1"/>
  <c r="AD114257" i="1"/>
  <c r="AD114258" i="1"/>
  <c r="AD114259" i="1"/>
  <c r="AD114260" i="1"/>
  <c r="AD114261" i="1"/>
  <c r="AD114262" i="1"/>
  <c r="AD114263" i="1"/>
  <c r="AD114264" i="1"/>
  <c r="AD114265" i="1"/>
  <c r="AD114266" i="1"/>
  <c r="AD114267" i="1"/>
  <c r="AD114268" i="1"/>
  <c r="AD114269" i="1"/>
  <c r="AD114270" i="1"/>
  <c r="AD114271" i="1"/>
  <c r="AD114272" i="1"/>
  <c r="AD114273" i="1"/>
  <c r="AD114274" i="1"/>
  <c r="AD114275" i="1"/>
  <c r="AD114276" i="1"/>
  <c r="AD114277" i="1"/>
  <c r="AD114278" i="1"/>
  <c r="AD114279" i="1"/>
  <c r="AD114280" i="1"/>
  <c r="AD114281" i="1"/>
  <c r="AD114282" i="1"/>
  <c r="AD114283" i="1"/>
  <c r="AD114284" i="1"/>
  <c r="AD114285" i="1"/>
  <c r="AD114286" i="1"/>
  <c r="AD114287" i="1"/>
  <c r="AD114288" i="1"/>
  <c r="AD114289" i="1"/>
  <c r="AD114290" i="1"/>
  <c r="AD114291" i="1"/>
  <c r="AD114292" i="1"/>
  <c r="AD114293" i="1"/>
  <c r="AD114294" i="1"/>
  <c r="AD114295" i="1"/>
  <c r="AD114296" i="1"/>
  <c r="AD114297" i="1"/>
  <c r="AD114298" i="1"/>
  <c r="AD114299" i="1"/>
  <c r="AD114300" i="1"/>
  <c r="AD114301" i="1"/>
  <c r="AD114302" i="1"/>
  <c r="AD114303" i="1"/>
  <c r="AD114304" i="1"/>
  <c r="AD114305" i="1"/>
  <c r="AD114306" i="1"/>
  <c r="AD114307" i="1"/>
  <c r="AD114308" i="1"/>
  <c r="AD114309" i="1"/>
  <c r="AD114310" i="1"/>
  <c r="AD114311" i="1"/>
  <c r="AD114312" i="1"/>
  <c r="AD114313" i="1"/>
  <c r="AD114314" i="1"/>
  <c r="AD114315" i="1"/>
  <c r="AD114316" i="1"/>
  <c r="AD114317" i="1"/>
  <c r="AD114318" i="1"/>
  <c r="AD114319" i="1"/>
  <c r="AD114320" i="1"/>
  <c r="AD114321" i="1"/>
  <c r="AD114322" i="1"/>
  <c r="AD114323" i="1"/>
  <c r="AD114324" i="1"/>
  <c r="AD114325" i="1"/>
  <c r="AD114326" i="1"/>
  <c r="AD114327" i="1"/>
  <c r="AD114328" i="1"/>
  <c r="AD114329" i="1"/>
  <c r="AD114330" i="1"/>
  <c r="AD114331" i="1"/>
  <c r="AD114332" i="1"/>
  <c r="AD114333" i="1"/>
  <c r="AD114334" i="1"/>
  <c r="AD114335" i="1"/>
  <c r="AD114336" i="1"/>
  <c r="AD114337" i="1"/>
  <c r="AD114338" i="1"/>
  <c r="AD114339" i="1"/>
  <c r="AD114340" i="1"/>
  <c r="AD114341" i="1"/>
  <c r="AD114342" i="1"/>
  <c r="AD114343" i="1"/>
  <c r="AD114344" i="1"/>
  <c r="AD114345" i="1"/>
  <c r="AD114346" i="1"/>
  <c r="AD114347" i="1"/>
  <c r="AD114348" i="1"/>
  <c r="AD114349" i="1"/>
  <c r="AD114350" i="1"/>
  <c r="AD114351" i="1"/>
  <c r="AD114352" i="1"/>
  <c r="AD114353" i="1"/>
  <c r="AD114354" i="1"/>
  <c r="AD114355" i="1"/>
  <c r="AD114356" i="1"/>
  <c r="AD114357" i="1"/>
  <c r="AD114358" i="1"/>
  <c r="AD114359" i="1"/>
  <c r="AD114360" i="1"/>
  <c r="AD114361" i="1"/>
  <c r="AD114362" i="1"/>
  <c r="AD114363" i="1"/>
  <c r="AD114364" i="1"/>
  <c r="AD114365" i="1"/>
  <c r="AD114366" i="1"/>
  <c r="AD114367" i="1"/>
  <c r="AD114368" i="1"/>
  <c r="AD114369" i="1"/>
  <c r="AD114370" i="1"/>
  <c r="AD114371" i="1"/>
  <c r="AD114372" i="1"/>
  <c r="AD114373" i="1"/>
  <c r="AD114374" i="1"/>
  <c r="AD114375" i="1"/>
  <c r="AD114376" i="1"/>
  <c r="AD114377" i="1"/>
  <c r="AD114378" i="1"/>
  <c r="AD114379" i="1"/>
  <c r="AD114380" i="1"/>
  <c r="AD114381" i="1"/>
  <c r="AD114382" i="1"/>
  <c r="AD114383" i="1"/>
  <c r="AD114384" i="1"/>
  <c r="AD114385" i="1"/>
  <c r="AD114386" i="1"/>
  <c r="AD114387" i="1"/>
  <c r="AD114388" i="1"/>
  <c r="AD114389" i="1"/>
  <c r="AD114390" i="1"/>
  <c r="AD114391" i="1"/>
  <c r="AD114392" i="1"/>
  <c r="AD114393" i="1"/>
  <c r="AD114394" i="1"/>
  <c r="AD114395" i="1"/>
  <c r="AD114396" i="1"/>
  <c r="AD114397" i="1"/>
  <c r="AD114398" i="1"/>
  <c r="AD114399" i="1"/>
  <c r="AD114400" i="1"/>
  <c r="AD114401" i="1"/>
  <c r="AD114402" i="1"/>
  <c r="AD114403" i="1"/>
  <c r="AD114404" i="1"/>
  <c r="AD114405" i="1"/>
  <c r="AD114406" i="1"/>
  <c r="AD114407" i="1"/>
  <c r="AD114408" i="1"/>
  <c r="AD114409" i="1"/>
  <c r="AD114410" i="1"/>
  <c r="AD114411" i="1"/>
  <c r="AD114412" i="1"/>
  <c r="AD114413" i="1"/>
  <c r="AD114414" i="1"/>
  <c r="AD114415" i="1"/>
  <c r="AD114416" i="1"/>
  <c r="AD114417" i="1"/>
  <c r="AD114418" i="1"/>
  <c r="AD114419" i="1"/>
  <c r="AD114420" i="1"/>
  <c r="AD114421" i="1"/>
  <c r="AD114422" i="1"/>
  <c r="AD114423" i="1"/>
  <c r="AD114424" i="1"/>
  <c r="AD114425" i="1"/>
  <c r="AD114426" i="1"/>
  <c r="AD114427" i="1"/>
  <c r="AD114428" i="1"/>
  <c r="AD114429" i="1"/>
  <c r="AD114430" i="1"/>
  <c r="AD114431" i="1"/>
  <c r="AD114432" i="1"/>
  <c r="AD114433" i="1"/>
  <c r="AD114434" i="1"/>
  <c r="AD114435" i="1"/>
  <c r="AD114436" i="1"/>
  <c r="AD114437" i="1"/>
  <c r="AD114438" i="1"/>
  <c r="AD114439" i="1"/>
  <c r="AD114440" i="1"/>
  <c r="AD114441" i="1"/>
  <c r="AD114442" i="1"/>
  <c r="AD114443" i="1"/>
  <c r="AD114444" i="1"/>
  <c r="AD114445" i="1"/>
  <c r="AD114446" i="1"/>
  <c r="AD114447" i="1"/>
  <c r="AD114448" i="1"/>
  <c r="AD114449" i="1"/>
  <c r="AD114450" i="1"/>
  <c r="AD114451" i="1"/>
  <c r="AD114452" i="1"/>
  <c r="AD114453" i="1"/>
  <c r="AD114454" i="1"/>
  <c r="AD114455" i="1"/>
  <c r="AD114456" i="1"/>
  <c r="AD114457" i="1"/>
  <c r="AD114458" i="1"/>
  <c r="AD114459" i="1"/>
  <c r="AD114460" i="1"/>
  <c r="AD114461" i="1"/>
  <c r="AD114462" i="1"/>
  <c r="AD114463" i="1"/>
  <c r="AD114464" i="1"/>
  <c r="AD114465" i="1"/>
  <c r="AD114466" i="1"/>
  <c r="AD114467" i="1"/>
  <c r="AD114468" i="1"/>
  <c r="AD114469" i="1"/>
  <c r="AD114470" i="1"/>
  <c r="AD114471" i="1"/>
  <c r="AD114472" i="1"/>
  <c r="AD114473" i="1"/>
  <c r="AD114474" i="1"/>
  <c r="AD114475" i="1"/>
  <c r="AD114476" i="1"/>
  <c r="AD114477" i="1"/>
  <c r="AD114478" i="1"/>
  <c r="AD114479" i="1"/>
  <c r="AD114480" i="1"/>
  <c r="AD114481" i="1"/>
  <c r="AD114482" i="1"/>
  <c r="AD114483" i="1"/>
  <c r="AD114484" i="1"/>
  <c r="AD114485" i="1"/>
  <c r="AD114486" i="1"/>
  <c r="AD114487" i="1"/>
  <c r="AD114488" i="1"/>
  <c r="AD114489" i="1"/>
  <c r="AD114490" i="1"/>
  <c r="AD114491" i="1"/>
  <c r="AD114492" i="1"/>
  <c r="AD114493" i="1"/>
  <c r="AD114494" i="1"/>
  <c r="AD114495" i="1"/>
  <c r="AD114496" i="1"/>
  <c r="AD114497" i="1"/>
  <c r="AD114498" i="1"/>
  <c r="AD114499" i="1"/>
  <c r="AD114500" i="1"/>
  <c r="AD114501" i="1"/>
  <c r="AD114502" i="1"/>
  <c r="AD114503" i="1"/>
  <c r="AD114504" i="1"/>
  <c r="AD114505" i="1"/>
  <c r="AD114506" i="1"/>
  <c r="AD114507" i="1"/>
  <c r="AD114508" i="1"/>
  <c r="AD114509" i="1"/>
  <c r="AD114510" i="1"/>
  <c r="AD114511" i="1"/>
  <c r="AD114512" i="1"/>
  <c r="AD114513" i="1"/>
  <c r="AD114514" i="1"/>
  <c r="AD114515" i="1"/>
  <c r="AD114516" i="1"/>
  <c r="AD114517" i="1"/>
  <c r="AD114518" i="1"/>
  <c r="AD114519" i="1"/>
  <c r="AD114520" i="1"/>
  <c r="AD114521" i="1"/>
  <c r="AD114522" i="1"/>
  <c r="AD114523" i="1"/>
  <c r="AD114524" i="1"/>
  <c r="AD114525" i="1"/>
  <c r="AD114526" i="1"/>
  <c r="AD114527" i="1"/>
  <c r="AD114528" i="1"/>
  <c r="AD114529" i="1"/>
  <c r="AD114530" i="1"/>
  <c r="AD114531" i="1"/>
  <c r="AD114532" i="1"/>
  <c r="AD114533" i="1"/>
  <c r="AD114534" i="1"/>
  <c r="AD114535" i="1"/>
  <c r="AD114536" i="1"/>
  <c r="AD114537" i="1"/>
  <c r="AD114538" i="1"/>
  <c r="AD114539" i="1"/>
  <c r="AD114540" i="1"/>
  <c r="AD114541" i="1"/>
  <c r="AD114542" i="1"/>
  <c r="AD114543" i="1"/>
  <c r="AD114544" i="1"/>
  <c r="AD114545" i="1"/>
  <c r="AD114546" i="1"/>
  <c r="AD114547" i="1"/>
  <c r="AD114548" i="1"/>
  <c r="AD114549" i="1"/>
  <c r="AD114550" i="1"/>
  <c r="AD114551" i="1"/>
  <c r="AD114552" i="1"/>
  <c r="AD114553" i="1"/>
  <c r="AD114554" i="1"/>
  <c r="AD114555" i="1"/>
  <c r="AD114556" i="1"/>
  <c r="AD114557" i="1"/>
  <c r="AD114558" i="1"/>
  <c r="AD114559" i="1"/>
  <c r="AD114560" i="1"/>
  <c r="AD114561" i="1"/>
  <c r="AD114562" i="1"/>
  <c r="AD114563" i="1"/>
  <c r="AD114564" i="1"/>
  <c r="AD114565" i="1"/>
  <c r="AD114566" i="1"/>
  <c r="AD114567" i="1"/>
  <c r="AD114568" i="1"/>
  <c r="AD114569" i="1"/>
  <c r="AD114570" i="1"/>
  <c r="AD114571" i="1"/>
  <c r="AD114572" i="1"/>
  <c r="AD114573" i="1"/>
  <c r="AD114574" i="1"/>
  <c r="AD114575" i="1"/>
  <c r="AD114576" i="1"/>
  <c r="AD114577" i="1"/>
  <c r="AD114578" i="1"/>
  <c r="AD114579" i="1"/>
  <c r="AD114580" i="1"/>
  <c r="AD114581" i="1"/>
  <c r="AD114582" i="1"/>
  <c r="AD114583" i="1"/>
  <c r="AD114584" i="1"/>
  <c r="AD114585" i="1"/>
  <c r="AD114586" i="1"/>
  <c r="AD114587" i="1"/>
  <c r="AD114588" i="1"/>
  <c r="AD114589" i="1"/>
  <c r="AD114590" i="1"/>
  <c r="AD114591" i="1"/>
  <c r="AD114592" i="1"/>
  <c r="AD114593" i="1"/>
  <c r="AD114594" i="1"/>
  <c r="AD114595" i="1"/>
  <c r="AD114596" i="1"/>
  <c r="AD114597" i="1"/>
  <c r="AD114598" i="1"/>
  <c r="AD114599" i="1"/>
  <c r="AD114600" i="1"/>
  <c r="AD114601" i="1"/>
  <c r="AD114602" i="1"/>
  <c r="AD114603" i="1"/>
  <c r="AD114604" i="1"/>
  <c r="AD114605" i="1"/>
  <c r="AD114606" i="1"/>
  <c r="AD114607" i="1"/>
  <c r="AD114608" i="1"/>
  <c r="AD114609" i="1"/>
  <c r="AD114610" i="1"/>
  <c r="AD114611" i="1"/>
  <c r="AD114612" i="1"/>
  <c r="AD114613" i="1"/>
  <c r="AD114614" i="1"/>
  <c r="AD114615" i="1"/>
  <c r="AD114616" i="1"/>
  <c r="AD114617" i="1"/>
  <c r="AD114618" i="1"/>
  <c r="AD114619" i="1"/>
  <c r="AD114620" i="1"/>
  <c r="AD114621" i="1"/>
  <c r="AD114622" i="1"/>
  <c r="AD114623" i="1"/>
  <c r="AD114624" i="1"/>
  <c r="AD114625" i="1"/>
  <c r="AD114626" i="1"/>
  <c r="AD114627" i="1"/>
  <c r="AD114628" i="1"/>
  <c r="AD114629" i="1"/>
  <c r="AD114630" i="1"/>
  <c r="AD114631" i="1"/>
  <c r="AD114632" i="1"/>
  <c r="AD114633" i="1"/>
  <c r="AD114634" i="1"/>
  <c r="AD114635" i="1"/>
  <c r="AD114636" i="1"/>
  <c r="AD114637" i="1"/>
  <c r="AD114638" i="1"/>
  <c r="AD114639" i="1"/>
  <c r="AD114640" i="1"/>
  <c r="AD114641" i="1"/>
  <c r="AD114642" i="1"/>
  <c r="AD114643" i="1"/>
  <c r="AD114644" i="1"/>
  <c r="AD114645" i="1"/>
  <c r="AD114646" i="1"/>
  <c r="AD114647" i="1"/>
  <c r="AD114648" i="1"/>
  <c r="AD114649" i="1"/>
  <c r="AD114650" i="1"/>
  <c r="AD114651" i="1"/>
  <c r="AD114652" i="1"/>
  <c r="AD114653" i="1"/>
  <c r="AD114654" i="1"/>
  <c r="AD114655" i="1"/>
  <c r="AD114656" i="1"/>
  <c r="AD114657" i="1"/>
  <c r="AD114658" i="1"/>
  <c r="AD114659" i="1"/>
  <c r="AD114660" i="1"/>
  <c r="AD114661" i="1"/>
  <c r="AD114662" i="1"/>
  <c r="AD114663" i="1"/>
  <c r="AD114664" i="1"/>
  <c r="AD114665" i="1"/>
  <c r="AD114666" i="1"/>
  <c r="AD114667" i="1"/>
  <c r="AD114668" i="1"/>
  <c r="AD114669" i="1"/>
  <c r="AD114670" i="1"/>
  <c r="AD114671" i="1"/>
  <c r="AD114672" i="1"/>
  <c r="AD114673" i="1"/>
  <c r="AD114674" i="1"/>
  <c r="AD114675" i="1"/>
  <c r="AD114676" i="1"/>
  <c r="AD114677" i="1"/>
  <c r="AD114678" i="1"/>
  <c r="AD114679" i="1"/>
  <c r="AD114680" i="1"/>
  <c r="AD114681" i="1"/>
  <c r="AD114682" i="1"/>
  <c r="AD114683" i="1"/>
  <c r="AD114684" i="1"/>
  <c r="AD114685" i="1"/>
  <c r="AD114686" i="1"/>
  <c r="AD114687" i="1"/>
  <c r="AD114688" i="1"/>
  <c r="AD114689" i="1"/>
  <c r="AD114690" i="1"/>
  <c r="AD114691" i="1"/>
  <c r="AD114692" i="1"/>
  <c r="AD114693" i="1"/>
  <c r="AD114694" i="1"/>
  <c r="AD114695" i="1"/>
  <c r="AD114696" i="1"/>
  <c r="AD114697" i="1"/>
  <c r="AD114698" i="1"/>
  <c r="AD114699" i="1"/>
  <c r="AD114700" i="1"/>
  <c r="AD114701" i="1"/>
  <c r="AD114702" i="1"/>
  <c r="AD114703" i="1"/>
  <c r="AD114704" i="1"/>
  <c r="AD114705" i="1"/>
  <c r="AD114706" i="1"/>
  <c r="AD114707" i="1"/>
  <c r="AD114708" i="1"/>
  <c r="AD114709" i="1"/>
  <c r="AD114710" i="1"/>
  <c r="AD114711" i="1"/>
  <c r="AD114712" i="1"/>
  <c r="AD114713" i="1"/>
  <c r="AD114714" i="1"/>
  <c r="AD114715" i="1"/>
  <c r="AD114716" i="1"/>
  <c r="AD114717" i="1"/>
  <c r="AD114718" i="1"/>
  <c r="AD114719" i="1"/>
  <c r="AD114720" i="1"/>
  <c r="AD114721" i="1"/>
  <c r="AD114722" i="1"/>
  <c r="AD114723" i="1"/>
  <c r="AD114724" i="1"/>
  <c r="AD114725" i="1"/>
  <c r="AD114726" i="1"/>
  <c r="AD114727" i="1"/>
  <c r="AD114728" i="1"/>
  <c r="AD114729" i="1"/>
  <c r="AD114730" i="1"/>
  <c r="AD114731" i="1"/>
  <c r="AD114732" i="1"/>
  <c r="AD114733" i="1"/>
  <c r="AD114734" i="1"/>
  <c r="AD114735" i="1"/>
  <c r="AD114736" i="1"/>
  <c r="AD114737" i="1"/>
  <c r="AD114738" i="1"/>
  <c r="AD114739" i="1"/>
  <c r="AD114740" i="1"/>
  <c r="AD114741" i="1"/>
  <c r="AD114742" i="1"/>
  <c r="AD114743" i="1"/>
  <c r="AD114744" i="1"/>
  <c r="AD114745" i="1"/>
  <c r="AD114746" i="1"/>
  <c r="AD114747" i="1"/>
  <c r="AD114748" i="1"/>
  <c r="AD114749" i="1"/>
  <c r="AD114750" i="1"/>
  <c r="AD114751" i="1"/>
  <c r="AD114752" i="1"/>
  <c r="AD114753" i="1"/>
  <c r="AD114754" i="1"/>
  <c r="AD114755" i="1"/>
  <c r="AD114756" i="1"/>
  <c r="AD114757" i="1"/>
  <c r="AD114758" i="1"/>
  <c r="AD114759" i="1"/>
  <c r="AD114760" i="1"/>
  <c r="AD114761" i="1"/>
  <c r="AD114762" i="1"/>
  <c r="AD114763" i="1"/>
  <c r="AD114764" i="1"/>
  <c r="AD114765" i="1"/>
  <c r="AD114766" i="1"/>
  <c r="AD114767" i="1"/>
  <c r="AD114768" i="1"/>
  <c r="AD114769" i="1"/>
  <c r="AD114770" i="1"/>
  <c r="AD114771" i="1"/>
  <c r="AD114772" i="1"/>
  <c r="AD114773" i="1"/>
  <c r="AD114774" i="1"/>
  <c r="AD114775" i="1"/>
  <c r="AD114776" i="1"/>
  <c r="AD114777" i="1"/>
  <c r="AD114778" i="1"/>
  <c r="AD114779" i="1"/>
  <c r="AD114780" i="1"/>
  <c r="AD114781" i="1"/>
  <c r="AD114782" i="1"/>
  <c r="AD114783" i="1"/>
  <c r="AD114784" i="1"/>
  <c r="AD114785" i="1"/>
  <c r="AD114786" i="1"/>
  <c r="AD114787" i="1"/>
  <c r="AD114788" i="1"/>
  <c r="AD114789" i="1"/>
  <c r="AD114790" i="1"/>
  <c r="AD114791" i="1"/>
  <c r="AD114792" i="1"/>
  <c r="AD114793" i="1"/>
  <c r="AD114794" i="1"/>
  <c r="AD114795" i="1"/>
  <c r="AD114796" i="1"/>
  <c r="AD114797" i="1"/>
  <c r="AD114798" i="1"/>
  <c r="AD114799" i="1"/>
  <c r="AD114800" i="1"/>
  <c r="AD114801" i="1"/>
  <c r="AD114802" i="1"/>
  <c r="AD114803" i="1"/>
  <c r="AD114804" i="1"/>
  <c r="AD114805" i="1"/>
  <c r="AD114806" i="1"/>
  <c r="AD114807" i="1"/>
  <c r="AD114808" i="1"/>
  <c r="AD114809" i="1"/>
  <c r="AD114810" i="1"/>
  <c r="AD114811" i="1"/>
  <c r="AD114812" i="1"/>
  <c r="AD114813" i="1"/>
  <c r="AD114814" i="1"/>
  <c r="AD114815" i="1"/>
  <c r="AD114816" i="1"/>
  <c r="AD114817" i="1"/>
  <c r="AD114818" i="1"/>
  <c r="AD114819" i="1"/>
  <c r="AD114820" i="1"/>
  <c r="AD114821" i="1"/>
  <c r="AD114822" i="1"/>
  <c r="AD114823" i="1"/>
  <c r="AD114824" i="1"/>
  <c r="AD114825" i="1"/>
  <c r="AD114826" i="1"/>
  <c r="AD114827" i="1"/>
  <c r="AD114828" i="1"/>
  <c r="AD114829" i="1"/>
  <c r="AD114830" i="1"/>
  <c r="AD114831" i="1"/>
  <c r="AD114832" i="1"/>
  <c r="AD114833" i="1"/>
  <c r="AD114834" i="1"/>
  <c r="AD114835" i="1"/>
  <c r="AD114836" i="1"/>
  <c r="AD114837" i="1"/>
  <c r="AD114838" i="1"/>
  <c r="AD114839" i="1"/>
  <c r="AD114840" i="1"/>
  <c r="AD114841" i="1"/>
  <c r="AD114842" i="1"/>
  <c r="AD114843" i="1"/>
  <c r="AD114844" i="1"/>
  <c r="AD114845" i="1"/>
  <c r="AD114846" i="1"/>
  <c r="AD114847" i="1"/>
  <c r="AD114848" i="1"/>
  <c r="AD114849" i="1"/>
  <c r="AD114850" i="1"/>
  <c r="AD114851" i="1"/>
  <c r="AD114852" i="1"/>
  <c r="AD114853" i="1"/>
  <c r="AD114854" i="1"/>
  <c r="AD114855" i="1"/>
  <c r="AD114856" i="1"/>
  <c r="AD114857" i="1"/>
  <c r="AD114858" i="1"/>
  <c r="AD114859" i="1"/>
  <c r="AD114860" i="1"/>
  <c r="AD114861" i="1"/>
  <c r="AD114862" i="1"/>
  <c r="AD114863" i="1"/>
  <c r="AD114864" i="1"/>
  <c r="AD114865" i="1"/>
  <c r="AD114866" i="1"/>
  <c r="AD114867" i="1"/>
  <c r="AD114868" i="1"/>
  <c r="AD114869" i="1"/>
  <c r="AD114870" i="1"/>
  <c r="AD114871" i="1"/>
  <c r="AD114872" i="1"/>
  <c r="AD114873" i="1"/>
  <c r="AD114874" i="1"/>
  <c r="AD114875" i="1"/>
  <c r="AD114876" i="1"/>
  <c r="AD114877" i="1"/>
  <c r="AD114878" i="1"/>
  <c r="AD114879" i="1"/>
  <c r="AD114880" i="1"/>
  <c r="AD114881" i="1"/>
  <c r="AD114882" i="1"/>
  <c r="AD114883" i="1"/>
  <c r="AD114884" i="1"/>
  <c r="AD114885" i="1"/>
  <c r="AD114886" i="1"/>
  <c r="AD114887" i="1"/>
  <c r="AD114888" i="1"/>
  <c r="AD114889" i="1"/>
  <c r="AD114890" i="1"/>
  <c r="AD114891" i="1"/>
  <c r="AD114892" i="1"/>
  <c r="AD114893" i="1"/>
  <c r="AD114894" i="1"/>
  <c r="AD114895" i="1"/>
  <c r="AD114896" i="1"/>
  <c r="AD114897" i="1"/>
  <c r="AD114898" i="1"/>
  <c r="AD114899" i="1"/>
  <c r="AD114900" i="1"/>
  <c r="AD114901" i="1"/>
  <c r="AD114902" i="1"/>
  <c r="AD114903" i="1"/>
  <c r="AD114904" i="1"/>
  <c r="AD114905" i="1"/>
  <c r="AD114906" i="1"/>
  <c r="AD114907" i="1"/>
  <c r="AD114908" i="1"/>
  <c r="AD114909" i="1"/>
  <c r="AD114910" i="1"/>
  <c r="AD114911" i="1"/>
  <c r="AD114912" i="1"/>
  <c r="AD114913" i="1"/>
  <c r="AD114914" i="1"/>
  <c r="AD114915" i="1"/>
  <c r="AD114916" i="1"/>
  <c r="AD114917" i="1"/>
  <c r="AD114918" i="1"/>
  <c r="AD114919" i="1"/>
  <c r="AD114920" i="1"/>
  <c r="AD114921" i="1"/>
  <c r="AD114922" i="1"/>
  <c r="AD114923" i="1"/>
  <c r="AD114924" i="1"/>
  <c r="AD114925" i="1"/>
  <c r="AD114926" i="1"/>
  <c r="AD114927" i="1"/>
  <c r="AD114928" i="1"/>
  <c r="AD114929" i="1"/>
  <c r="AD114930" i="1"/>
  <c r="AD114931" i="1"/>
  <c r="AD114932" i="1"/>
  <c r="AD114933" i="1"/>
  <c r="AD114934" i="1"/>
  <c r="AD114935" i="1"/>
  <c r="AD114936" i="1"/>
  <c r="AD114937" i="1"/>
  <c r="AD114938" i="1"/>
  <c r="AD114939" i="1"/>
  <c r="AD114940" i="1"/>
  <c r="AD114941" i="1"/>
  <c r="AD114942" i="1"/>
  <c r="AD114943" i="1"/>
  <c r="AD114944" i="1"/>
  <c r="AD114945" i="1"/>
  <c r="AD114946" i="1"/>
  <c r="AD114947" i="1"/>
  <c r="AD114948" i="1"/>
  <c r="AD114949" i="1"/>
  <c r="AD114950" i="1"/>
  <c r="AD114951" i="1"/>
  <c r="AD114952" i="1"/>
  <c r="AD114953" i="1"/>
  <c r="AD114954" i="1"/>
  <c r="AD114955" i="1"/>
  <c r="AD114956" i="1"/>
  <c r="AD114957" i="1"/>
  <c r="AD114958" i="1"/>
  <c r="AD114959" i="1"/>
  <c r="AD114960" i="1"/>
  <c r="AD114961" i="1"/>
  <c r="AD114962" i="1"/>
  <c r="AD114963" i="1"/>
  <c r="AD114964" i="1"/>
  <c r="AD114965" i="1"/>
  <c r="AD114966" i="1"/>
  <c r="AD114967" i="1"/>
  <c r="AD114968" i="1"/>
  <c r="AD114969" i="1"/>
  <c r="AD114970" i="1"/>
  <c r="AD114971" i="1"/>
  <c r="AD114972" i="1"/>
  <c r="AD114973" i="1"/>
  <c r="AD114974" i="1"/>
  <c r="AD114975" i="1"/>
  <c r="AD114976" i="1"/>
  <c r="AD114977" i="1"/>
  <c r="AD114978" i="1"/>
  <c r="AD114979" i="1"/>
  <c r="AD114980" i="1"/>
  <c r="AD114981" i="1"/>
  <c r="AD114982" i="1"/>
  <c r="AD114983" i="1"/>
  <c r="AD114984" i="1"/>
  <c r="AD114985" i="1"/>
  <c r="AD114986" i="1"/>
  <c r="AD114987" i="1"/>
  <c r="AD114988" i="1"/>
  <c r="AD114989" i="1"/>
  <c r="AD114990" i="1"/>
  <c r="AD114991" i="1"/>
  <c r="AD114992" i="1"/>
  <c r="AD114993" i="1"/>
  <c r="AD114994" i="1"/>
  <c r="AD114995" i="1"/>
  <c r="AD114996" i="1"/>
  <c r="AD114997" i="1"/>
  <c r="AD114998" i="1"/>
  <c r="AD114999" i="1"/>
  <c r="AD115000" i="1"/>
  <c r="AD115001" i="1"/>
  <c r="AD115002" i="1"/>
  <c r="AD115003" i="1"/>
  <c r="AD115004" i="1"/>
  <c r="AD115005" i="1"/>
  <c r="AD115006" i="1"/>
  <c r="AD115007" i="1"/>
  <c r="AD115008" i="1"/>
  <c r="AD115009" i="1"/>
  <c r="AD115010" i="1"/>
  <c r="AD115011" i="1"/>
  <c r="AD115012" i="1"/>
  <c r="AD115013" i="1"/>
  <c r="AD115014" i="1"/>
  <c r="AD115015" i="1"/>
  <c r="AD115016" i="1"/>
  <c r="AD115017" i="1"/>
  <c r="AD115018" i="1"/>
  <c r="AD115019" i="1"/>
  <c r="AD115020" i="1"/>
  <c r="AD115021" i="1"/>
  <c r="AD115022" i="1"/>
  <c r="AD115023" i="1"/>
  <c r="AD115024" i="1"/>
  <c r="AD115025" i="1"/>
  <c r="AD115026" i="1"/>
  <c r="AD115027" i="1"/>
  <c r="AD115028" i="1"/>
  <c r="AD115029" i="1"/>
  <c r="AD115030" i="1"/>
  <c r="AD115031" i="1"/>
  <c r="AD115032" i="1"/>
  <c r="AD115033" i="1"/>
  <c r="AD115034" i="1"/>
  <c r="AD115035" i="1"/>
  <c r="AD115036" i="1"/>
  <c r="AD115037" i="1"/>
  <c r="AD115038" i="1"/>
  <c r="AD115039" i="1"/>
  <c r="AD115040" i="1"/>
  <c r="AD115041" i="1"/>
  <c r="AD115042" i="1"/>
  <c r="AD115043" i="1"/>
  <c r="AD115044" i="1"/>
  <c r="AD115045" i="1"/>
  <c r="AD115046" i="1"/>
  <c r="AD115047" i="1"/>
  <c r="AD115048" i="1"/>
  <c r="AD115049" i="1"/>
  <c r="AD115050" i="1"/>
  <c r="AD115051" i="1"/>
  <c r="AD115052" i="1"/>
  <c r="AD115053" i="1"/>
  <c r="AD115054" i="1"/>
  <c r="AD115055" i="1"/>
  <c r="AD115056" i="1"/>
  <c r="AD115057" i="1"/>
  <c r="AD115058" i="1"/>
  <c r="AD115059" i="1"/>
  <c r="AD115060" i="1"/>
  <c r="AD115061" i="1"/>
  <c r="AD115062" i="1"/>
  <c r="AD115063" i="1"/>
  <c r="AD115064" i="1"/>
  <c r="AD115065" i="1"/>
  <c r="AD115066" i="1"/>
  <c r="AD115067" i="1"/>
  <c r="AD115068" i="1"/>
  <c r="AD115069" i="1"/>
  <c r="AD115070" i="1"/>
  <c r="AD115071" i="1"/>
  <c r="AD115072" i="1"/>
  <c r="AD115073" i="1"/>
  <c r="AD115074" i="1"/>
  <c r="AD115075" i="1"/>
  <c r="AD115076" i="1"/>
  <c r="AD115077" i="1"/>
  <c r="AD115078" i="1"/>
  <c r="AD115079" i="1"/>
  <c r="AD115080" i="1"/>
  <c r="AD115081" i="1"/>
  <c r="AD115082" i="1"/>
  <c r="AD115083" i="1"/>
  <c r="AD115084" i="1"/>
  <c r="AD115085" i="1"/>
  <c r="AD115086" i="1"/>
  <c r="AD115087" i="1"/>
  <c r="AD115088" i="1"/>
  <c r="AD115089" i="1"/>
  <c r="AD115090" i="1"/>
  <c r="AD115091" i="1"/>
  <c r="AD115092" i="1"/>
  <c r="AD115093" i="1"/>
  <c r="AD115094" i="1"/>
  <c r="AD115095" i="1"/>
  <c r="AD115096" i="1"/>
  <c r="AD115097" i="1"/>
  <c r="AD115098" i="1"/>
  <c r="AD115099" i="1"/>
  <c r="AD115100" i="1"/>
  <c r="AD115101" i="1"/>
  <c r="AD115102" i="1"/>
  <c r="AD115103" i="1"/>
  <c r="AD115104" i="1"/>
  <c r="AD115105" i="1"/>
  <c r="AD115106" i="1"/>
  <c r="AD115107" i="1"/>
  <c r="AD115108" i="1"/>
  <c r="AD115109" i="1"/>
  <c r="AD115110" i="1"/>
  <c r="AD115111" i="1"/>
  <c r="AD115112" i="1"/>
  <c r="AD115113" i="1"/>
  <c r="AD115114" i="1"/>
  <c r="AD115115" i="1"/>
  <c r="AD115116" i="1"/>
  <c r="AD115117" i="1"/>
  <c r="AD115118" i="1"/>
  <c r="AD115119" i="1"/>
  <c r="AD115120" i="1"/>
  <c r="AD115121" i="1"/>
  <c r="AD115122" i="1"/>
  <c r="AD115123" i="1"/>
  <c r="AD115124" i="1"/>
  <c r="AD115125" i="1"/>
  <c r="AD115126" i="1"/>
  <c r="AD115127" i="1"/>
  <c r="AD115128" i="1"/>
  <c r="AD115129" i="1"/>
  <c r="AD115130" i="1"/>
  <c r="AD115131" i="1"/>
  <c r="AD115132" i="1"/>
  <c r="AD115133" i="1"/>
  <c r="AD115134" i="1"/>
  <c r="AD115135" i="1"/>
  <c r="AD115136" i="1"/>
  <c r="AD115137" i="1"/>
  <c r="AD115138" i="1"/>
  <c r="AD115139" i="1"/>
  <c r="AD115140" i="1"/>
  <c r="AD115141" i="1"/>
  <c r="AD115142" i="1"/>
  <c r="AD115143" i="1"/>
  <c r="AD115144" i="1"/>
  <c r="AD115145" i="1"/>
  <c r="AD115146" i="1"/>
  <c r="AD115147" i="1"/>
  <c r="AD115148" i="1"/>
  <c r="AD115149" i="1"/>
  <c r="AD115150" i="1"/>
  <c r="AD115151" i="1"/>
  <c r="AD115152" i="1"/>
  <c r="AD115153" i="1"/>
  <c r="AD115154" i="1"/>
  <c r="AD115155" i="1"/>
  <c r="AD115156" i="1"/>
  <c r="AD115157" i="1"/>
  <c r="AD115158" i="1"/>
  <c r="AD115159" i="1"/>
  <c r="AD115160" i="1"/>
  <c r="AD115161" i="1"/>
  <c r="AD115162" i="1"/>
  <c r="AD115163" i="1"/>
  <c r="AD115164" i="1"/>
  <c r="AD115165" i="1"/>
  <c r="AD115166" i="1"/>
  <c r="AD115167" i="1"/>
  <c r="AD115168" i="1"/>
  <c r="AD115169" i="1"/>
  <c r="AD115170" i="1"/>
  <c r="AD115171" i="1"/>
  <c r="AD115172" i="1"/>
  <c r="AD115173" i="1"/>
  <c r="AD115174" i="1"/>
  <c r="AD115175" i="1"/>
  <c r="AD115176" i="1"/>
  <c r="AD115177" i="1"/>
  <c r="AD115178" i="1"/>
  <c r="AD115179" i="1"/>
  <c r="AD115180" i="1"/>
  <c r="AD115181" i="1"/>
  <c r="AD115182" i="1"/>
  <c r="AD115183" i="1"/>
  <c r="AD115184" i="1"/>
  <c r="AD115185" i="1"/>
  <c r="AD115186" i="1"/>
  <c r="AD115187" i="1"/>
  <c r="AD115188" i="1"/>
  <c r="AD115189" i="1"/>
  <c r="AD115190" i="1"/>
  <c r="AD115191" i="1"/>
  <c r="AD115192" i="1"/>
  <c r="AD115193" i="1"/>
  <c r="AD115194" i="1"/>
  <c r="AD115195" i="1"/>
  <c r="AD115196" i="1"/>
  <c r="AD115197" i="1"/>
  <c r="AD115198" i="1"/>
  <c r="AD115199" i="1"/>
  <c r="AD115200" i="1"/>
  <c r="AD115201" i="1"/>
  <c r="AD115202" i="1"/>
  <c r="AD115203" i="1"/>
  <c r="AD115204" i="1"/>
  <c r="AD115205" i="1"/>
  <c r="AD115206" i="1"/>
  <c r="AD115207" i="1"/>
  <c r="AD115208" i="1"/>
  <c r="AD115209" i="1"/>
  <c r="AD115210" i="1"/>
  <c r="AD115211" i="1"/>
  <c r="AD115212" i="1"/>
  <c r="AD115213" i="1"/>
  <c r="AD115214" i="1"/>
  <c r="AD115215" i="1"/>
  <c r="AD115216" i="1"/>
  <c r="AD115217" i="1"/>
  <c r="AD115218" i="1"/>
  <c r="AD115219" i="1"/>
  <c r="AD115220" i="1"/>
  <c r="AD115221" i="1"/>
  <c r="AD115222" i="1"/>
  <c r="AD115223" i="1"/>
  <c r="AD115224" i="1"/>
  <c r="AD115225" i="1"/>
  <c r="AD115226" i="1"/>
  <c r="AD115227" i="1"/>
  <c r="AD115228" i="1"/>
  <c r="AD115229" i="1"/>
  <c r="AD115230" i="1"/>
  <c r="AD115231" i="1"/>
  <c r="AD115232" i="1"/>
  <c r="AD115233" i="1"/>
  <c r="AD115234" i="1"/>
  <c r="AD115235" i="1"/>
  <c r="AD115236" i="1"/>
  <c r="AD115237" i="1"/>
  <c r="AD115238" i="1"/>
  <c r="AD115239" i="1"/>
  <c r="AD115240" i="1"/>
  <c r="AD115241" i="1"/>
  <c r="AD115242" i="1"/>
  <c r="AD115243" i="1"/>
  <c r="AD115244" i="1"/>
  <c r="AD115245" i="1"/>
  <c r="AD115246" i="1"/>
  <c r="AD115247" i="1"/>
  <c r="AD115248" i="1"/>
  <c r="AD115249" i="1"/>
  <c r="AD115250" i="1"/>
  <c r="AD115251" i="1"/>
  <c r="AD115252" i="1"/>
  <c r="AD115253" i="1"/>
  <c r="AD115254" i="1"/>
  <c r="AD115255" i="1"/>
  <c r="AD115256" i="1"/>
  <c r="AD115257" i="1"/>
  <c r="AD115258" i="1"/>
  <c r="AD115259" i="1"/>
  <c r="AD115260" i="1"/>
  <c r="AD115261" i="1"/>
  <c r="AD115262" i="1"/>
  <c r="AD115263" i="1"/>
  <c r="AD115264" i="1"/>
  <c r="AD115265" i="1"/>
  <c r="AD115266" i="1"/>
  <c r="AD115267" i="1"/>
  <c r="AD115268" i="1"/>
  <c r="AD115269" i="1"/>
  <c r="AD115270" i="1"/>
  <c r="AD115271" i="1"/>
  <c r="AD115272" i="1"/>
  <c r="AD115273" i="1"/>
  <c r="AD115274" i="1"/>
  <c r="AD115275" i="1"/>
  <c r="AD115276" i="1"/>
  <c r="AD115277" i="1"/>
  <c r="AD115278" i="1"/>
  <c r="AD115279" i="1"/>
  <c r="AD115280" i="1"/>
  <c r="AD115281" i="1"/>
  <c r="AD115282" i="1"/>
  <c r="AD115283" i="1"/>
  <c r="AD115284" i="1"/>
  <c r="AD115285" i="1"/>
  <c r="AD115286" i="1"/>
  <c r="AD115287" i="1"/>
  <c r="AD115288" i="1"/>
  <c r="AD115289" i="1"/>
  <c r="AD115290" i="1"/>
  <c r="AD115291" i="1"/>
  <c r="AD115292" i="1"/>
  <c r="AD115293" i="1"/>
  <c r="AD115294" i="1"/>
  <c r="AD115295" i="1"/>
  <c r="AD115296" i="1"/>
  <c r="AD115297" i="1"/>
  <c r="AD115298" i="1"/>
  <c r="AD115299" i="1"/>
  <c r="AD115300" i="1"/>
  <c r="AD115301" i="1"/>
  <c r="AD115302" i="1"/>
  <c r="AD115303" i="1"/>
  <c r="AD115304" i="1"/>
  <c r="AD115305" i="1"/>
  <c r="AD115306" i="1"/>
  <c r="AD115307" i="1"/>
  <c r="AD115308" i="1"/>
  <c r="AD115309" i="1"/>
  <c r="AD115310" i="1"/>
  <c r="AD115311" i="1"/>
  <c r="AD115312" i="1"/>
  <c r="AD115313" i="1"/>
  <c r="AD115314" i="1"/>
  <c r="AD115315" i="1"/>
  <c r="AD115316" i="1"/>
  <c r="AD115317" i="1"/>
  <c r="AD115318" i="1"/>
  <c r="AD115319" i="1"/>
  <c r="AD115320" i="1"/>
  <c r="AD115321" i="1"/>
  <c r="AD115322" i="1"/>
  <c r="AD115323" i="1"/>
  <c r="AD115324" i="1"/>
  <c r="AD115325" i="1"/>
  <c r="AD115326" i="1"/>
  <c r="AD115327" i="1"/>
  <c r="AD115328" i="1"/>
  <c r="AD115329" i="1"/>
  <c r="AD115330" i="1"/>
  <c r="AD115331" i="1"/>
  <c r="AD115332" i="1"/>
  <c r="AD115333" i="1"/>
  <c r="AD115334" i="1"/>
  <c r="AD115335" i="1"/>
  <c r="AD115336" i="1"/>
  <c r="AD115337" i="1"/>
  <c r="AD115338" i="1"/>
  <c r="AD115339" i="1"/>
  <c r="AD115340" i="1"/>
  <c r="AD115341" i="1"/>
  <c r="AD115342" i="1"/>
  <c r="AD115343" i="1"/>
  <c r="AD115344" i="1"/>
  <c r="AD115345" i="1"/>
  <c r="AD115346" i="1"/>
  <c r="AD115347" i="1"/>
  <c r="AD115348" i="1"/>
  <c r="AD115349" i="1"/>
  <c r="AD115350" i="1"/>
  <c r="AD115351" i="1"/>
  <c r="AD115352" i="1"/>
  <c r="AD115353" i="1"/>
  <c r="AD115354" i="1"/>
  <c r="AD115355" i="1"/>
  <c r="AD115356" i="1"/>
  <c r="AD115357" i="1"/>
  <c r="AD115358" i="1"/>
  <c r="AD115359" i="1"/>
  <c r="AD115360" i="1"/>
  <c r="AD115361" i="1"/>
  <c r="AD115362" i="1"/>
  <c r="AD115363" i="1"/>
  <c r="AD115364" i="1"/>
  <c r="AD115365" i="1"/>
  <c r="AD115366" i="1"/>
  <c r="AD115367" i="1"/>
  <c r="AD115368" i="1"/>
  <c r="AD115369" i="1"/>
  <c r="AD115370" i="1"/>
  <c r="AD115371" i="1"/>
  <c r="AD115372" i="1"/>
  <c r="AD115373" i="1"/>
  <c r="AD115374" i="1"/>
  <c r="AD115375" i="1"/>
  <c r="AD115376" i="1"/>
  <c r="AD115377" i="1"/>
  <c r="AD115378" i="1"/>
  <c r="AD115379" i="1"/>
  <c r="AD115380" i="1"/>
  <c r="AD115381" i="1"/>
  <c r="AD115382" i="1"/>
  <c r="AD115383" i="1"/>
  <c r="AD115384" i="1"/>
  <c r="AD115385" i="1"/>
  <c r="AD115386" i="1"/>
  <c r="AD115387" i="1"/>
  <c r="AD115388" i="1"/>
  <c r="AD115389" i="1"/>
  <c r="AD115390" i="1"/>
  <c r="AD115391" i="1"/>
  <c r="AD115392" i="1"/>
  <c r="AD115393" i="1"/>
  <c r="AD115394" i="1"/>
  <c r="AD115395" i="1"/>
  <c r="AD115396" i="1"/>
  <c r="AD115397" i="1"/>
  <c r="AD115398" i="1"/>
  <c r="AD115399" i="1"/>
  <c r="AD115400" i="1"/>
  <c r="AD115401" i="1"/>
  <c r="AD115402" i="1"/>
  <c r="AD115403" i="1"/>
  <c r="AD115404" i="1"/>
  <c r="AD115405" i="1"/>
  <c r="AD115406" i="1"/>
  <c r="AD115407" i="1"/>
  <c r="AD115408" i="1"/>
  <c r="AD115409" i="1"/>
  <c r="AD115410" i="1"/>
  <c r="AD115411" i="1"/>
  <c r="AD115412" i="1"/>
  <c r="AD115413" i="1"/>
  <c r="AD115414" i="1"/>
  <c r="AD115415" i="1"/>
  <c r="AD115416" i="1"/>
  <c r="AD115417" i="1"/>
  <c r="AD115418" i="1"/>
  <c r="AD115419" i="1"/>
  <c r="AD115420" i="1"/>
  <c r="AD115421" i="1"/>
  <c r="AD115422" i="1"/>
  <c r="AD115423" i="1"/>
  <c r="AD115424" i="1"/>
  <c r="AD115425" i="1"/>
  <c r="AD115426" i="1"/>
  <c r="AD115427" i="1"/>
  <c r="AD115428" i="1"/>
  <c r="AD115429" i="1"/>
  <c r="AD115430" i="1"/>
  <c r="AD115431" i="1"/>
  <c r="AD115432" i="1"/>
  <c r="AD115433" i="1"/>
  <c r="AD115434" i="1"/>
  <c r="AD115435" i="1"/>
  <c r="AD115436" i="1"/>
  <c r="AD115437" i="1"/>
  <c r="AD115438" i="1"/>
  <c r="AD115439" i="1"/>
  <c r="AD115440" i="1"/>
  <c r="AD115441" i="1"/>
  <c r="AD115442" i="1"/>
  <c r="AD115443" i="1"/>
  <c r="AD115444" i="1"/>
  <c r="AD115445" i="1"/>
  <c r="AD115446" i="1"/>
  <c r="AD115447" i="1"/>
  <c r="AD115448" i="1"/>
  <c r="AD115449" i="1"/>
  <c r="AD115450" i="1"/>
  <c r="AD115451" i="1"/>
  <c r="AD115452" i="1"/>
  <c r="AD115453" i="1"/>
  <c r="AD115454" i="1"/>
  <c r="AD115455" i="1"/>
  <c r="AD115456" i="1"/>
  <c r="AD115457" i="1"/>
  <c r="AD115458" i="1"/>
  <c r="AD115459" i="1"/>
  <c r="AD115460" i="1"/>
  <c r="AD115461" i="1"/>
  <c r="AD115462" i="1"/>
  <c r="AD115463" i="1"/>
  <c r="AD115464" i="1"/>
  <c r="AD115465" i="1"/>
  <c r="AD115466" i="1"/>
  <c r="AD115467" i="1"/>
  <c r="AD115468" i="1"/>
  <c r="AD115469" i="1"/>
  <c r="AD115470" i="1"/>
  <c r="AD115471" i="1"/>
  <c r="AD115472" i="1"/>
  <c r="AD115473" i="1"/>
  <c r="AD115474" i="1"/>
  <c r="AD115475" i="1"/>
  <c r="AD115476" i="1"/>
  <c r="AD115477" i="1"/>
  <c r="AD115478" i="1"/>
  <c r="AD115479" i="1"/>
  <c r="AD115480" i="1"/>
  <c r="AD115481" i="1"/>
  <c r="AD115482" i="1"/>
  <c r="AD115483" i="1"/>
  <c r="AD115484" i="1"/>
  <c r="AD115485" i="1"/>
  <c r="AD115486" i="1"/>
  <c r="AD115487" i="1"/>
  <c r="AD115488" i="1"/>
  <c r="AD115489" i="1"/>
  <c r="AD115490" i="1"/>
  <c r="AD115491" i="1"/>
  <c r="AD115492" i="1"/>
  <c r="AD115493" i="1"/>
  <c r="AD115494" i="1"/>
  <c r="AD115495" i="1"/>
  <c r="AD115496" i="1"/>
  <c r="AD115497" i="1"/>
  <c r="AD115498" i="1"/>
  <c r="AD115499" i="1"/>
  <c r="AD115500" i="1"/>
  <c r="AD115501" i="1"/>
  <c r="AD115502" i="1"/>
  <c r="AD115503" i="1"/>
  <c r="AD115504" i="1"/>
  <c r="AD115505" i="1"/>
  <c r="AD115506" i="1"/>
  <c r="AD115507" i="1"/>
  <c r="AD115508" i="1"/>
  <c r="AD115509" i="1"/>
  <c r="AD115510" i="1"/>
  <c r="AD115511" i="1"/>
  <c r="AD115512" i="1"/>
  <c r="AD115513" i="1"/>
  <c r="AD115514" i="1"/>
  <c r="AD115515" i="1"/>
  <c r="AD115516" i="1"/>
  <c r="AD115517" i="1"/>
  <c r="AD115518" i="1"/>
  <c r="AD115519" i="1"/>
  <c r="AD115520" i="1"/>
  <c r="AD115521" i="1"/>
  <c r="AD115522" i="1"/>
  <c r="AD115523" i="1"/>
  <c r="AD115524" i="1"/>
  <c r="AD115525" i="1"/>
  <c r="AD115526" i="1"/>
  <c r="AD115527" i="1"/>
  <c r="AD115528" i="1"/>
  <c r="AD115529" i="1"/>
  <c r="AD115530" i="1"/>
  <c r="AD115531" i="1"/>
  <c r="AD115532" i="1"/>
  <c r="AD115533" i="1"/>
  <c r="AD115534" i="1"/>
  <c r="AD115535" i="1"/>
  <c r="AD115536" i="1"/>
  <c r="AD115537" i="1"/>
  <c r="AD115538" i="1"/>
  <c r="AD115539" i="1"/>
  <c r="AD115540" i="1"/>
  <c r="AD115541" i="1"/>
  <c r="AD115542" i="1"/>
  <c r="AD115543" i="1"/>
  <c r="AD115544" i="1"/>
  <c r="AD115545" i="1"/>
  <c r="AD115546" i="1"/>
  <c r="AD115547" i="1"/>
  <c r="AD115548" i="1"/>
  <c r="AD115549" i="1"/>
  <c r="AD115550" i="1"/>
  <c r="AD115551" i="1"/>
  <c r="AD115552" i="1"/>
  <c r="AD115553" i="1"/>
  <c r="AD115554" i="1"/>
  <c r="AD115555" i="1"/>
  <c r="AD115556" i="1"/>
  <c r="AD115557" i="1"/>
  <c r="AD115558" i="1"/>
  <c r="AD115559" i="1"/>
  <c r="AD115560" i="1"/>
  <c r="AD115561" i="1"/>
  <c r="AD115562" i="1"/>
  <c r="AD115563" i="1"/>
  <c r="AD115564" i="1"/>
  <c r="AD115565" i="1"/>
  <c r="AD115566" i="1"/>
  <c r="AD115567" i="1"/>
  <c r="AD115568" i="1"/>
  <c r="AD115569" i="1"/>
  <c r="AD115570" i="1"/>
  <c r="AD115571" i="1"/>
  <c r="AD115572" i="1"/>
  <c r="AD115573" i="1"/>
  <c r="AD115574" i="1"/>
  <c r="AD115575" i="1"/>
  <c r="AD115576" i="1"/>
  <c r="AD115577" i="1"/>
  <c r="AD115578" i="1"/>
  <c r="AD115579" i="1"/>
  <c r="AD115580" i="1"/>
  <c r="AD115581" i="1"/>
  <c r="AD115582" i="1"/>
  <c r="AD115583" i="1"/>
  <c r="AD115584" i="1"/>
  <c r="AD115585" i="1"/>
  <c r="AD115586" i="1"/>
  <c r="AD115587" i="1"/>
  <c r="AD115588" i="1"/>
  <c r="AD115589" i="1"/>
  <c r="AD115590" i="1"/>
  <c r="AD115591" i="1"/>
  <c r="AD115592" i="1"/>
  <c r="AD115593" i="1"/>
  <c r="AD115594" i="1"/>
  <c r="AD115595" i="1"/>
  <c r="AD115596" i="1"/>
  <c r="AD115597" i="1"/>
  <c r="AD115598" i="1"/>
  <c r="AD115599" i="1"/>
  <c r="AD115600" i="1"/>
  <c r="AD115601" i="1"/>
  <c r="AD115602" i="1"/>
  <c r="AD115603" i="1"/>
  <c r="AD115604" i="1"/>
  <c r="AD115605" i="1"/>
  <c r="AD115606" i="1"/>
  <c r="AD115607" i="1"/>
  <c r="AD115608" i="1"/>
  <c r="AD115609" i="1"/>
  <c r="AD115610" i="1"/>
  <c r="AD115611" i="1"/>
  <c r="AD115612" i="1"/>
  <c r="AD115613" i="1"/>
  <c r="AD115614" i="1"/>
  <c r="AD115615" i="1"/>
  <c r="AD115616" i="1"/>
  <c r="AD115617" i="1"/>
  <c r="AD115618" i="1"/>
  <c r="AD115619" i="1"/>
  <c r="AD115620" i="1"/>
  <c r="AD115621" i="1"/>
  <c r="AD115622" i="1"/>
  <c r="AD115623" i="1"/>
  <c r="AD115624" i="1"/>
  <c r="AD115625" i="1"/>
  <c r="AD115626" i="1"/>
  <c r="AD115627" i="1"/>
  <c r="AD115628" i="1"/>
  <c r="AD115629" i="1"/>
  <c r="AD115630" i="1"/>
  <c r="AD115631" i="1"/>
  <c r="AD115632" i="1"/>
  <c r="AD115633" i="1"/>
  <c r="AD115634" i="1"/>
  <c r="AD115635" i="1"/>
  <c r="AD115636" i="1"/>
  <c r="AD115637" i="1"/>
  <c r="AD115638" i="1"/>
  <c r="AD115639" i="1"/>
  <c r="AD115640" i="1"/>
  <c r="AD115641" i="1"/>
  <c r="AD115642" i="1"/>
  <c r="AD115643" i="1"/>
  <c r="AD115644" i="1"/>
  <c r="AD115645" i="1"/>
  <c r="AD115646" i="1"/>
  <c r="AD115647" i="1"/>
  <c r="AD115648" i="1"/>
  <c r="AD115649" i="1"/>
  <c r="AD115650" i="1"/>
  <c r="AD115651" i="1"/>
  <c r="AD115652" i="1"/>
  <c r="AD115653" i="1"/>
  <c r="AD115654" i="1"/>
  <c r="AD115655" i="1"/>
  <c r="AD115656" i="1"/>
  <c r="AD115657" i="1"/>
  <c r="AD115658" i="1"/>
  <c r="AD115659" i="1"/>
  <c r="AD115660" i="1"/>
  <c r="AD115661" i="1"/>
  <c r="AD115662" i="1"/>
  <c r="AD115663" i="1"/>
  <c r="AD115664" i="1"/>
  <c r="AD115665" i="1"/>
  <c r="AD115666" i="1"/>
  <c r="AD115667" i="1"/>
  <c r="AD115668" i="1"/>
  <c r="AD115669" i="1"/>
  <c r="AD115670" i="1"/>
  <c r="AD115671" i="1"/>
  <c r="AD115672" i="1"/>
  <c r="AD115673" i="1"/>
  <c r="AD115674" i="1"/>
  <c r="AD115675" i="1"/>
  <c r="AD115676" i="1"/>
  <c r="AD115677" i="1"/>
  <c r="AD115678" i="1"/>
  <c r="AD115679" i="1"/>
  <c r="AD115680" i="1"/>
  <c r="AD115681" i="1"/>
  <c r="AD115682" i="1"/>
  <c r="AD115683" i="1"/>
  <c r="AD115684" i="1"/>
  <c r="AD115685" i="1"/>
  <c r="AD115686" i="1"/>
  <c r="AD115687" i="1"/>
  <c r="AD115688" i="1"/>
  <c r="AD115689" i="1"/>
  <c r="AD115690" i="1"/>
  <c r="AD115691" i="1"/>
  <c r="AD115692" i="1"/>
  <c r="AD115693" i="1"/>
  <c r="AD115694" i="1"/>
  <c r="AD115695" i="1"/>
  <c r="AD115696" i="1"/>
  <c r="AD115697" i="1"/>
  <c r="AD115698" i="1"/>
  <c r="AD115699" i="1"/>
  <c r="AD115700" i="1"/>
  <c r="AD115701" i="1"/>
  <c r="AD115702" i="1"/>
  <c r="AD115703" i="1"/>
  <c r="AD115704" i="1"/>
  <c r="AD115705" i="1"/>
  <c r="AD115706" i="1"/>
  <c r="AD115707" i="1"/>
  <c r="AD115708" i="1"/>
  <c r="AD115709" i="1"/>
  <c r="AD115710" i="1"/>
  <c r="AD115711" i="1"/>
  <c r="AD115712" i="1"/>
  <c r="AD115713" i="1"/>
  <c r="AD115714" i="1"/>
  <c r="AD115715" i="1"/>
  <c r="AD115716" i="1"/>
  <c r="AD115717" i="1"/>
  <c r="AD115718" i="1"/>
  <c r="AD115719" i="1"/>
  <c r="AD115720" i="1"/>
  <c r="AD115721" i="1"/>
  <c r="AD115722" i="1"/>
  <c r="AD115723" i="1"/>
  <c r="AD115724" i="1"/>
  <c r="AD115725" i="1"/>
  <c r="AD115726" i="1"/>
  <c r="AD115727" i="1"/>
  <c r="AD115728" i="1"/>
  <c r="AD115729" i="1"/>
  <c r="AD115730" i="1"/>
  <c r="AD115731" i="1"/>
  <c r="AD115732" i="1"/>
  <c r="AD115733" i="1"/>
  <c r="AD115734" i="1"/>
  <c r="AD115735" i="1"/>
  <c r="AD115736" i="1"/>
  <c r="AD115737" i="1"/>
  <c r="AD115738" i="1"/>
  <c r="AD115739" i="1"/>
  <c r="AD115740" i="1"/>
  <c r="AD115741" i="1"/>
  <c r="AD115742" i="1"/>
  <c r="AD115743" i="1"/>
  <c r="AD115744" i="1"/>
  <c r="AD115745" i="1"/>
  <c r="AD115746" i="1"/>
  <c r="AD115747" i="1"/>
  <c r="AD115748" i="1"/>
  <c r="AD115749" i="1"/>
  <c r="AD115750" i="1"/>
  <c r="AD115751" i="1"/>
  <c r="AD115752" i="1"/>
  <c r="AD115753" i="1"/>
  <c r="AD115754" i="1"/>
  <c r="AD115755" i="1"/>
  <c r="AD115756" i="1"/>
  <c r="AD115757" i="1"/>
  <c r="AD115758" i="1"/>
  <c r="AD115759" i="1"/>
  <c r="AD115760" i="1"/>
  <c r="AD115761" i="1"/>
  <c r="AD115762" i="1"/>
  <c r="AD115763" i="1"/>
  <c r="AD115764" i="1"/>
  <c r="AD115765" i="1"/>
  <c r="AD115766" i="1"/>
  <c r="AD115767" i="1"/>
  <c r="AD115768" i="1"/>
  <c r="AD115769" i="1"/>
  <c r="AD115770" i="1"/>
  <c r="AD115771" i="1"/>
  <c r="AD115772" i="1"/>
  <c r="AD115773" i="1"/>
  <c r="AD115774" i="1"/>
  <c r="AD115775" i="1"/>
  <c r="AD115776" i="1"/>
  <c r="AD115777" i="1"/>
  <c r="AD115778" i="1"/>
  <c r="AD115779" i="1"/>
  <c r="AD115780" i="1"/>
  <c r="AD115781" i="1"/>
  <c r="AD115782" i="1"/>
  <c r="AD115783" i="1"/>
  <c r="AD115784" i="1"/>
  <c r="AD115785" i="1"/>
  <c r="AD115786" i="1"/>
  <c r="AD115787" i="1"/>
  <c r="AD115788" i="1"/>
  <c r="AD115789" i="1"/>
  <c r="AD115790" i="1"/>
  <c r="AD115791" i="1"/>
  <c r="AD115792" i="1"/>
  <c r="AD115793" i="1"/>
  <c r="AD115794" i="1"/>
  <c r="AD115795" i="1"/>
  <c r="AD115796" i="1"/>
  <c r="AD115797" i="1"/>
  <c r="AD115798" i="1"/>
  <c r="AD115799" i="1"/>
  <c r="AD115800" i="1"/>
  <c r="AD115801" i="1"/>
  <c r="AD115802" i="1"/>
  <c r="AD115803" i="1"/>
  <c r="AD115804" i="1"/>
  <c r="AD115805" i="1"/>
  <c r="AD115806" i="1"/>
  <c r="AD115807" i="1"/>
  <c r="AD115808" i="1"/>
  <c r="AD115809" i="1"/>
  <c r="AD115810" i="1"/>
  <c r="AD115811" i="1"/>
  <c r="AD115812" i="1"/>
  <c r="AD115813" i="1"/>
  <c r="AD115814" i="1"/>
  <c r="AD115815" i="1"/>
  <c r="AD115816" i="1"/>
  <c r="AD115817" i="1"/>
  <c r="AD115818" i="1"/>
  <c r="AD115819" i="1"/>
  <c r="AD115820" i="1"/>
  <c r="AD115821" i="1"/>
  <c r="AD115822" i="1"/>
  <c r="AD115823" i="1"/>
  <c r="AD115824" i="1"/>
  <c r="AD115825" i="1"/>
  <c r="AD115826" i="1"/>
  <c r="AD115827" i="1"/>
  <c r="AD115828" i="1"/>
  <c r="AD115829" i="1"/>
  <c r="AD115830" i="1"/>
  <c r="AD115831" i="1"/>
  <c r="AD115832" i="1"/>
  <c r="AD115833" i="1"/>
  <c r="AD115834" i="1"/>
  <c r="AD115835" i="1"/>
  <c r="AD115836" i="1"/>
  <c r="AD115837" i="1"/>
  <c r="AD115838" i="1"/>
  <c r="AD115839" i="1"/>
  <c r="AD115840" i="1"/>
  <c r="AD115841" i="1"/>
  <c r="AD115842" i="1"/>
  <c r="AD115843" i="1"/>
  <c r="AD115844" i="1"/>
  <c r="AD115845" i="1"/>
  <c r="AD115846" i="1"/>
  <c r="AD115847" i="1"/>
  <c r="AD115848" i="1"/>
  <c r="AD115849" i="1"/>
  <c r="AD115850" i="1"/>
  <c r="AD115851" i="1"/>
  <c r="AD115852" i="1"/>
  <c r="AD115853" i="1"/>
  <c r="AD115854" i="1"/>
  <c r="AD115855" i="1"/>
  <c r="AD115856" i="1"/>
  <c r="AD115857" i="1"/>
  <c r="AD115858" i="1"/>
  <c r="AD115859" i="1"/>
  <c r="AD115860" i="1"/>
  <c r="AD115861" i="1"/>
  <c r="AD115862" i="1"/>
  <c r="AD115863" i="1"/>
  <c r="AD115864" i="1"/>
  <c r="AD115865" i="1"/>
  <c r="AD115866" i="1"/>
  <c r="AD115867" i="1"/>
  <c r="AD115868" i="1"/>
  <c r="AD115869" i="1"/>
  <c r="AD115870" i="1"/>
  <c r="AD115871" i="1"/>
  <c r="AD115872" i="1"/>
  <c r="AD115873" i="1"/>
  <c r="AD115874" i="1"/>
  <c r="AD115875" i="1"/>
  <c r="AD115876" i="1"/>
  <c r="AD115877" i="1"/>
  <c r="AD115878" i="1"/>
  <c r="AD115879" i="1"/>
  <c r="AD115880" i="1"/>
  <c r="AD115881" i="1"/>
  <c r="AD115882" i="1"/>
  <c r="AD115883" i="1"/>
  <c r="AD115884" i="1"/>
  <c r="AD115885" i="1"/>
  <c r="AD115886" i="1"/>
  <c r="AD115887" i="1"/>
  <c r="AD115888" i="1"/>
  <c r="AD115889" i="1"/>
  <c r="AD115890" i="1"/>
  <c r="AD115891" i="1"/>
  <c r="AD115892" i="1"/>
  <c r="AD115893" i="1"/>
  <c r="AD115894" i="1"/>
  <c r="AD115895" i="1"/>
  <c r="AD115896" i="1"/>
  <c r="AD115897" i="1"/>
  <c r="AD115898" i="1"/>
  <c r="AD115899" i="1"/>
  <c r="AD115900" i="1"/>
  <c r="AD115901" i="1"/>
  <c r="AD115902" i="1"/>
  <c r="AD115903" i="1"/>
  <c r="AD115904" i="1"/>
  <c r="AD115905" i="1"/>
  <c r="AD115906" i="1"/>
  <c r="AD115907" i="1"/>
  <c r="AD115908" i="1"/>
  <c r="AD115909" i="1"/>
  <c r="AD115910" i="1"/>
  <c r="AD115911" i="1"/>
  <c r="AD115912" i="1"/>
  <c r="AD115913" i="1"/>
  <c r="AD115914" i="1"/>
  <c r="AD115915" i="1"/>
  <c r="AD115916" i="1"/>
  <c r="AD115917" i="1"/>
  <c r="AD115918" i="1"/>
  <c r="AD115919" i="1"/>
  <c r="AD115920" i="1"/>
  <c r="AD115921" i="1"/>
  <c r="AD115922" i="1"/>
  <c r="AD115923" i="1"/>
  <c r="AD115924" i="1"/>
  <c r="AD115925" i="1"/>
  <c r="AD115926" i="1"/>
  <c r="AD115927" i="1"/>
  <c r="AD115928" i="1"/>
  <c r="AD115929" i="1"/>
  <c r="AD115930" i="1"/>
  <c r="AD115931" i="1"/>
  <c r="AD115932" i="1"/>
  <c r="AD115933" i="1"/>
  <c r="AD115934" i="1"/>
  <c r="AD115935" i="1"/>
  <c r="AD115936" i="1"/>
  <c r="AD115937" i="1"/>
  <c r="AD115938" i="1"/>
  <c r="AD115939" i="1"/>
  <c r="AD115940" i="1"/>
  <c r="AD115941" i="1"/>
  <c r="AD115942" i="1"/>
  <c r="AD115943" i="1"/>
  <c r="AD115944" i="1"/>
  <c r="AD115945" i="1"/>
  <c r="AD115946" i="1"/>
  <c r="AD115947" i="1"/>
  <c r="AD115948" i="1"/>
  <c r="AD115949" i="1"/>
  <c r="AD115950" i="1"/>
  <c r="AD115951" i="1"/>
  <c r="AD115952" i="1"/>
  <c r="AD115953" i="1"/>
  <c r="AD115954" i="1"/>
  <c r="AD115955" i="1"/>
  <c r="AD115956" i="1"/>
  <c r="AD115957" i="1"/>
  <c r="AD115958" i="1"/>
  <c r="AD115959" i="1"/>
  <c r="AD115960" i="1"/>
  <c r="AD115961" i="1"/>
  <c r="AD115962" i="1"/>
  <c r="AD115963" i="1"/>
  <c r="AD115964" i="1"/>
  <c r="AD115965" i="1"/>
  <c r="AD115966" i="1"/>
  <c r="AD115967" i="1"/>
  <c r="AD115968" i="1"/>
  <c r="AD115969" i="1"/>
  <c r="AD115970" i="1"/>
  <c r="AD115971" i="1"/>
  <c r="AD115972" i="1"/>
  <c r="AD115973" i="1"/>
  <c r="AD115974" i="1"/>
  <c r="AD115975" i="1"/>
  <c r="AD115976" i="1"/>
  <c r="AD115977" i="1"/>
  <c r="AD115978" i="1"/>
  <c r="AD115979" i="1"/>
  <c r="AD115980" i="1"/>
  <c r="AD115981" i="1"/>
  <c r="AD115982" i="1"/>
  <c r="AD115983" i="1"/>
  <c r="AD115984" i="1"/>
  <c r="AD115985" i="1"/>
  <c r="AD115986" i="1"/>
  <c r="AD115987" i="1"/>
  <c r="AD115988" i="1"/>
  <c r="AD115989" i="1"/>
  <c r="AD115990" i="1"/>
  <c r="AD115991" i="1"/>
  <c r="AD115992" i="1"/>
  <c r="AD115993" i="1"/>
  <c r="AD115994" i="1"/>
  <c r="AD115995" i="1"/>
  <c r="AD115996" i="1"/>
  <c r="AD115997" i="1"/>
  <c r="AD115998" i="1"/>
  <c r="AD115999" i="1"/>
  <c r="AD116000" i="1"/>
  <c r="AD116001" i="1"/>
  <c r="AD116002" i="1"/>
  <c r="AD116003" i="1"/>
  <c r="AD116004" i="1"/>
  <c r="AD116005" i="1"/>
  <c r="AD116006" i="1"/>
  <c r="AD116007" i="1"/>
  <c r="AD116008" i="1"/>
  <c r="AD116009" i="1"/>
  <c r="AD116010" i="1"/>
  <c r="AD116011" i="1"/>
  <c r="AD116012" i="1"/>
  <c r="AD116013" i="1"/>
  <c r="AD116014" i="1"/>
  <c r="AD116015" i="1"/>
  <c r="AD116016" i="1"/>
  <c r="AD116017" i="1"/>
  <c r="AD116018" i="1"/>
  <c r="AD116019" i="1"/>
  <c r="AD116020" i="1"/>
  <c r="AD116021" i="1"/>
  <c r="AD116022" i="1"/>
  <c r="AD116023" i="1"/>
  <c r="AD116024" i="1"/>
  <c r="AD116025" i="1"/>
  <c r="AD116026" i="1"/>
  <c r="AD116027" i="1"/>
  <c r="AD116028" i="1"/>
  <c r="AD116029" i="1"/>
  <c r="AD116030" i="1"/>
  <c r="AD116031" i="1"/>
  <c r="AD116032" i="1"/>
  <c r="AD116033" i="1"/>
  <c r="AD116034" i="1"/>
  <c r="AD116035" i="1"/>
  <c r="AD116036" i="1"/>
  <c r="AD116037" i="1"/>
  <c r="AD116038" i="1"/>
  <c r="AD116039" i="1"/>
  <c r="AD116040" i="1"/>
  <c r="AD116041" i="1"/>
  <c r="AD116042" i="1"/>
  <c r="AD116043" i="1"/>
  <c r="AD116044" i="1"/>
  <c r="AD116045" i="1"/>
  <c r="AD116046" i="1"/>
  <c r="AD116047" i="1"/>
  <c r="AD116048" i="1"/>
  <c r="AD116049" i="1"/>
  <c r="AD116050" i="1"/>
  <c r="AD116051" i="1"/>
  <c r="AD116052" i="1"/>
  <c r="AD116053" i="1"/>
  <c r="AD116054" i="1"/>
  <c r="AD116055" i="1"/>
  <c r="AD116056" i="1"/>
  <c r="AD116057" i="1"/>
  <c r="AD116058" i="1"/>
  <c r="AD116059" i="1"/>
  <c r="AD116060" i="1"/>
  <c r="AD116061" i="1"/>
  <c r="AD116062" i="1"/>
  <c r="AD116063" i="1"/>
  <c r="AD116064" i="1"/>
  <c r="AD116065" i="1"/>
  <c r="AD116066" i="1"/>
  <c r="AD116067" i="1"/>
  <c r="AD116068" i="1"/>
  <c r="AD116069" i="1"/>
  <c r="AD116070" i="1"/>
  <c r="AD116071" i="1"/>
  <c r="AD116072" i="1"/>
  <c r="AD116073" i="1"/>
  <c r="AD116074" i="1"/>
  <c r="AD116075" i="1"/>
  <c r="AD116076" i="1"/>
  <c r="AD116077" i="1"/>
  <c r="AD116078" i="1"/>
  <c r="AD116079" i="1"/>
  <c r="AD116080" i="1"/>
  <c r="AD116081" i="1"/>
  <c r="AD116082" i="1"/>
  <c r="AD116083" i="1"/>
  <c r="AD116084" i="1"/>
  <c r="AD116085" i="1"/>
  <c r="AD116086" i="1"/>
  <c r="AD116087" i="1"/>
  <c r="AD116088" i="1"/>
  <c r="AD116089" i="1"/>
  <c r="AD116090" i="1"/>
  <c r="AD116091" i="1"/>
  <c r="AD116092" i="1"/>
  <c r="AD116093" i="1"/>
  <c r="AD116094" i="1"/>
  <c r="AD116095" i="1"/>
  <c r="AD116096" i="1"/>
  <c r="AD116097" i="1"/>
  <c r="AD116098" i="1"/>
  <c r="AD116099" i="1"/>
  <c r="AD116100" i="1"/>
  <c r="AD116101" i="1"/>
  <c r="AD116102" i="1"/>
  <c r="AD116103" i="1"/>
  <c r="AD116104" i="1"/>
  <c r="AD116105" i="1"/>
  <c r="AD116106" i="1"/>
  <c r="AD116107" i="1"/>
  <c r="AD116108" i="1"/>
  <c r="AD116109" i="1"/>
  <c r="AD116110" i="1"/>
  <c r="AD116111" i="1"/>
  <c r="AD116112" i="1"/>
  <c r="AD116113" i="1"/>
  <c r="AD116114" i="1"/>
  <c r="AD116115" i="1"/>
  <c r="AD116116" i="1"/>
  <c r="AD116117" i="1"/>
  <c r="AD116118" i="1"/>
  <c r="AD116119" i="1"/>
  <c r="AD116120" i="1"/>
  <c r="AD116121" i="1"/>
  <c r="AD116122" i="1"/>
  <c r="AD116123" i="1"/>
  <c r="AD116124" i="1"/>
  <c r="AD116125" i="1"/>
  <c r="AD116126" i="1"/>
  <c r="AD116127" i="1"/>
  <c r="AD116128" i="1"/>
  <c r="AD116129" i="1"/>
  <c r="AD116130" i="1"/>
  <c r="AD116131" i="1"/>
  <c r="AD116132" i="1"/>
  <c r="AD116133" i="1"/>
  <c r="AD116134" i="1"/>
  <c r="AD116135" i="1"/>
  <c r="AD116136" i="1"/>
  <c r="AD116137" i="1"/>
  <c r="AD116138" i="1"/>
  <c r="AD116139" i="1"/>
  <c r="AD116140" i="1"/>
  <c r="AD116141" i="1"/>
  <c r="AD116142" i="1"/>
  <c r="AD116143" i="1"/>
  <c r="AD116144" i="1"/>
  <c r="AD116145" i="1"/>
  <c r="AD116146" i="1"/>
  <c r="AD116147" i="1"/>
  <c r="AD116148" i="1"/>
  <c r="AD116149" i="1"/>
  <c r="AD116150" i="1"/>
  <c r="AD116151" i="1"/>
  <c r="AD116152" i="1"/>
  <c r="AD116153" i="1"/>
  <c r="AD116154" i="1"/>
  <c r="AD116155" i="1"/>
  <c r="AD116156" i="1"/>
  <c r="AD116157" i="1"/>
  <c r="AD116158" i="1"/>
  <c r="AD116159" i="1"/>
  <c r="AD116160" i="1"/>
  <c r="AD116161" i="1"/>
  <c r="AD116162" i="1"/>
  <c r="AD116163" i="1"/>
  <c r="AD116164" i="1"/>
  <c r="AD116165" i="1"/>
  <c r="AD116166" i="1"/>
  <c r="AD116167" i="1"/>
  <c r="AD116168" i="1"/>
  <c r="AD116169" i="1"/>
  <c r="AD116170" i="1"/>
  <c r="AD116171" i="1"/>
  <c r="AD116172" i="1"/>
  <c r="AD116173" i="1"/>
  <c r="AD116174" i="1"/>
  <c r="AD116175" i="1"/>
  <c r="AD116176" i="1"/>
  <c r="AD116177" i="1"/>
  <c r="AD116178" i="1"/>
  <c r="AD116179" i="1"/>
  <c r="AD116180" i="1"/>
  <c r="AD116181" i="1"/>
  <c r="AD116182" i="1"/>
  <c r="AD116183" i="1"/>
  <c r="AD116184" i="1"/>
  <c r="AD116185" i="1"/>
  <c r="AD116186" i="1"/>
  <c r="AD116187" i="1"/>
  <c r="AD116188" i="1"/>
  <c r="AD116189" i="1"/>
  <c r="AD116190" i="1"/>
  <c r="AD116191" i="1"/>
  <c r="AD116192" i="1"/>
  <c r="AD116193" i="1"/>
  <c r="AD116194" i="1"/>
  <c r="AD116195" i="1"/>
  <c r="AD116196" i="1"/>
  <c r="AD116197" i="1"/>
  <c r="AD116198" i="1"/>
  <c r="AD116199" i="1"/>
  <c r="AD116200" i="1"/>
  <c r="AD116201" i="1"/>
  <c r="AD116202" i="1"/>
  <c r="AD116203" i="1"/>
  <c r="AD116204" i="1"/>
  <c r="AD116205" i="1"/>
  <c r="AD116206" i="1"/>
  <c r="AD116207" i="1"/>
  <c r="AD116208" i="1"/>
  <c r="AD116209" i="1"/>
  <c r="AD116210" i="1"/>
  <c r="AD116211" i="1"/>
  <c r="AD116212" i="1"/>
  <c r="AD116213" i="1"/>
  <c r="AD116214" i="1"/>
  <c r="AD116215" i="1"/>
  <c r="AD116216" i="1"/>
  <c r="AD116217" i="1"/>
  <c r="AD116218" i="1"/>
  <c r="AD116219" i="1"/>
  <c r="AD116220" i="1"/>
  <c r="AD116221" i="1"/>
  <c r="AD116222" i="1"/>
  <c r="AD116223" i="1"/>
  <c r="AD116224" i="1"/>
  <c r="AD116225" i="1"/>
  <c r="AD116226" i="1"/>
  <c r="AD116227" i="1"/>
  <c r="AD116228" i="1"/>
  <c r="AD116229" i="1"/>
  <c r="AD116230" i="1"/>
  <c r="AD116231" i="1"/>
  <c r="AD116232" i="1"/>
  <c r="AD116233" i="1"/>
  <c r="AD116234" i="1"/>
  <c r="AD116235" i="1"/>
  <c r="AD116236" i="1"/>
  <c r="AD116237" i="1"/>
  <c r="AD116238" i="1"/>
  <c r="AD116239" i="1"/>
  <c r="AD116240" i="1"/>
  <c r="AD116241" i="1"/>
  <c r="AD116242" i="1"/>
  <c r="AD116243" i="1"/>
  <c r="AD116244" i="1"/>
  <c r="AD116245" i="1"/>
  <c r="AD116246" i="1"/>
  <c r="AD116247" i="1"/>
  <c r="AD116248" i="1"/>
  <c r="AD116249" i="1"/>
  <c r="AD116250" i="1"/>
  <c r="AD116251" i="1"/>
  <c r="AD116252" i="1"/>
  <c r="AD116253" i="1"/>
  <c r="AD116254" i="1"/>
  <c r="AD116255" i="1"/>
  <c r="AD116256" i="1"/>
  <c r="AD116257" i="1"/>
  <c r="AD116258" i="1"/>
  <c r="AD116259" i="1"/>
  <c r="AD116260" i="1"/>
  <c r="AD116261" i="1"/>
  <c r="AD116262" i="1"/>
  <c r="AD116263" i="1"/>
  <c r="AD116264" i="1"/>
  <c r="AD116265" i="1"/>
  <c r="AD116266" i="1"/>
  <c r="AD116267" i="1"/>
  <c r="AD116268" i="1"/>
  <c r="AD116269" i="1"/>
  <c r="AD116270" i="1"/>
  <c r="AD116271" i="1"/>
  <c r="AD116272" i="1"/>
  <c r="AD116273" i="1"/>
  <c r="AD116274" i="1"/>
  <c r="AD116275" i="1"/>
  <c r="AD116276" i="1"/>
  <c r="AD116277" i="1"/>
  <c r="AD116278" i="1"/>
  <c r="AD116279" i="1"/>
  <c r="AD116280" i="1"/>
  <c r="AD116281" i="1"/>
  <c r="AD116282" i="1"/>
  <c r="AD116283" i="1"/>
  <c r="AD116284" i="1"/>
  <c r="AD116285" i="1"/>
  <c r="AD116286" i="1"/>
  <c r="AD116287" i="1"/>
  <c r="AD116288" i="1"/>
  <c r="AD116289" i="1"/>
  <c r="AD116290" i="1"/>
  <c r="AD116291" i="1"/>
  <c r="AD116292" i="1"/>
  <c r="AD116293" i="1"/>
  <c r="AD116294" i="1"/>
  <c r="AD116295" i="1"/>
  <c r="AD116296" i="1"/>
  <c r="AD116297" i="1"/>
  <c r="AD116298" i="1"/>
  <c r="AD116299" i="1"/>
  <c r="AD116300" i="1"/>
  <c r="AD116301" i="1"/>
  <c r="AD116302" i="1"/>
  <c r="AD116303" i="1"/>
  <c r="AD116304" i="1"/>
  <c r="AD116305" i="1"/>
  <c r="AD116306" i="1"/>
  <c r="AD116307" i="1"/>
  <c r="AD116308" i="1"/>
  <c r="AD116309" i="1"/>
  <c r="AD116310" i="1"/>
  <c r="AD116311" i="1"/>
  <c r="AD116312" i="1"/>
  <c r="AD116313" i="1"/>
  <c r="AD116314" i="1"/>
  <c r="AD116315" i="1"/>
  <c r="AD116316" i="1"/>
  <c r="AD116317" i="1"/>
  <c r="AD116318" i="1"/>
  <c r="AD116319" i="1"/>
  <c r="AD116320" i="1"/>
  <c r="AD116321" i="1"/>
  <c r="AD116322" i="1"/>
  <c r="AD116323" i="1"/>
  <c r="AD116324" i="1"/>
  <c r="AD116325" i="1"/>
  <c r="AD116326" i="1"/>
  <c r="AD116327" i="1"/>
  <c r="AD116328" i="1"/>
  <c r="AD116329" i="1"/>
  <c r="AD116330" i="1"/>
  <c r="AD116331" i="1"/>
  <c r="AD116332" i="1"/>
  <c r="AD116333" i="1"/>
  <c r="AD116334" i="1"/>
  <c r="AD116335" i="1"/>
  <c r="AD116336" i="1"/>
  <c r="AD116337" i="1"/>
  <c r="AD116338" i="1"/>
  <c r="AD116339" i="1"/>
  <c r="AD116340" i="1"/>
  <c r="AD116341" i="1"/>
  <c r="AD116342" i="1"/>
  <c r="AD116343" i="1"/>
  <c r="AD116344" i="1"/>
  <c r="AD116345" i="1"/>
  <c r="AD116346" i="1"/>
  <c r="AD116347" i="1"/>
  <c r="AD116348" i="1"/>
  <c r="AD116349" i="1"/>
  <c r="AD116350" i="1"/>
  <c r="AD116351" i="1"/>
  <c r="AD116352" i="1"/>
  <c r="AD116353" i="1"/>
  <c r="AD116354" i="1"/>
  <c r="AD116355" i="1"/>
  <c r="AD116356" i="1"/>
  <c r="AD116357" i="1"/>
  <c r="AD116358" i="1"/>
  <c r="AD116359" i="1"/>
  <c r="AD116360" i="1"/>
  <c r="AD116361" i="1"/>
  <c r="AD116362" i="1"/>
  <c r="AD116363" i="1"/>
  <c r="AD116364" i="1"/>
  <c r="AD116365" i="1"/>
  <c r="AD116366" i="1"/>
  <c r="AD116367" i="1"/>
  <c r="AD116368" i="1"/>
  <c r="AD116369" i="1"/>
  <c r="AD116370" i="1"/>
  <c r="AD116371" i="1"/>
  <c r="AD116372" i="1"/>
  <c r="AD116373" i="1"/>
  <c r="AD116374" i="1"/>
  <c r="AD116375" i="1"/>
  <c r="AD116376" i="1"/>
  <c r="AD116377" i="1"/>
  <c r="AD116378" i="1"/>
  <c r="AD116379" i="1"/>
  <c r="AD116380" i="1"/>
  <c r="AD116381" i="1"/>
  <c r="AD116382" i="1"/>
  <c r="AD116383" i="1"/>
  <c r="AD116384" i="1"/>
  <c r="AD116385" i="1"/>
  <c r="AD116386" i="1"/>
  <c r="AD116387" i="1"/>
  <c r="AD116388" i="1"/>
  <c r="AD116389" i="1"/>
  <c r="AD116390" i="1"/>
  <c r="AD116391" i="1"/>
  <c r="AD116392" i="1"/>
  <c r="AD116393" i="1"/>
  <c r="AD116394" i="1"/>
  <c r="AD116395" i="1"/>
  <c r="AD116396" i="1"/>
  <c r="AD116397" i="1"/>
  <c r="AD116398" i="1"/>
  <c r="AD116399" i="1"/>
  <c r="AD116400" i="1"/>
  <c r="AD116401" i="1"/>
  <c r="AD116402" i="1"/>
  <c r="AD116403" i="1"/>
  <c r="AD116404" i="1"/>
  <c r="AD116405" i="1"/>
  <c r="AD116406" i="1"/>
  <c r="AD116407" i="1"/>
  <c r="AD116408" i="1"/>
  <c r="AD116409" i="1"/>
  <c r="AD116410" i="1"/>
  <c r="AD116411" i="1"/>
  <c r="AD116412" i="1"/>
  <c r="AD116413" i="1"/>
  <c r="AD116414" i="1"/>
  <c r="AD116415" i="1"/>
  <c r="AD116416" i="1"/>
  <c r="AD116417" i="1"/>
  <c r="AD116418" i="1"/>
  <c r="AD116419" i="1"/>
  <c r="AD116420" i="1"/>
  <c r="AD116421" i="1"/>
  <c r="AD116422" i="1"/>
  <c r="AD116423" i="1"/>
  <c r="AD116424" i="1"/>
  <c r="AD116425" i="1"/>
  <c r="AD116426" i="1"/>
  <c r="AD116427" i="1"/>
  <c r="AD116428" i="1"/>
  <c r="AD116429" i="1"/>
  <c r="AD116430" i="1"/>
  <c r="AD116431" i="1"/>
  <c r="AD116432" i="1"/>
  <c r="AD116433" i="1"/>
  <c r="AD116434" i="1"/>
  <c r="AD116435" i="1"/>
  <c r="AD116436" i="1"/>
  <c r="AD116437" i="1"/>
  <c r="AD116438" i="1"/>
  <c r="AD116439" i="1"/>
  <c r="AD116440" i="1"/>
  <c r="AD116441" i="1"/>
  <c r="AD116442" i="1"/>
  <c r="AD116443" i="1"/>
  <c r="AD116444" i="1"/>
  <c r="AD116445" i="1"/>
  <c r="AD116446" i="1"/>
  <c r="AD116447" i="1"/>
  <c r="AD116448" i="1"/>
  <c r="AD116449" i="1"/>
  <c r="AD116450" i="1"/>
  <c r="AD116451" i="1"/>
  <c r="AD116452" i="1"/>
  <c r="AD116453" i="1"/>
  <c r="AD116454" i="1"/>
  <c r="AD116455" i="1"/>
  <c r="AD116456" i="1"/>
  <c r="AD116457" i="1"/>
  <c r="AD116458" i="1"/>
  <c r="AD116459" i="1"/>
  <c r="AD116460" i="1"/>
  <c r="AD116461" i="1"/>
  <c r="AD116462" i="1"/>
  <c r="AD116463" i="1"/>
  <c r="AD116464" i="1"/>
  <c r="AD116465" i="1"/>
  <c r="AD116466" i="1"/>
  <c r="AD116467" i="1"/>
  <c r="AD116468" i="1"/>
  <c r="AD116469" i="1"/>
  <c r="AD116470" i="1"/>
  <c r="AD116471" i="1"/>
  <c r="AD116472" i="1"/>
  <c r="AD116473" i="1"/>
  <c r="AD116474" i="1"/>
  <c r="AD116475" i="1"/>
  <c r="AD116476" i="1"/>
  <c r="AD116477" i="1"/>
  <c r="AD116478" i="1"/>
  <c r="AD116479" i="1"/>
  <c r="AD116480" i="1"/>
  <c r="AD116481" i="1"/>
  <c r="AD116482" i="1"/>
  <c r="AD116483" i="1"/>
  <c r="AD116484" i="1"/>
  <c r="AD116485" i="1"/>
  <c r="AD116486" i="1"/>
  <c r="AD116487" i="1"/>
  <c r="AD116488" i="1"/>
  <c r="AD116489" i="1"/>
  <c r="AD116490" i="1"/>
  <c r="AD116491" i="1"/>
  <c r="AD116492" i="1"/>
  <c r="AD116493" i="1"/>
  <c r="AD116494" i="1"/>
  <c r="AD116495" i="1"/>
  <c r="AD116496" i="1"/>
  <c r="AD116497" i="1"/>
  <c r="AD116498" i="1"/>
  <c r="AD116499" i="1"/>
  <c r="AD116500" i="1"/>
  <c r="AD116501" i="1"/>
  <c r="AD116502" i="1"/>
  <c r="AD116503" i="1"/>
  <c r="AD116504" i="1"/>
  <c r="AD116505" i="1"/>
  <c r="AD116506" i="1"/>
  <c r="AD116507" i="1"/>
  <c r="AD116508" i="1"/>
  <c r="AD116509" i="1"/>
  <c r="AD116510" i="1"/>
  <c r="AD116511" i="1"/>
  <c r="AD116512" i="1"/>
  <c r="AD116513" i="1"/>
  <c r="AD116514" i="1"/>
  <c r="AD116515" i="1"/>
  <c r="AD116516" i="1"/>
  <c r="AD116517" i="1"/>
  <c r="AD116518" i="1"/>
  <c r="AD116519" i="1"/>
  <c r="AD116520" i="1"/>
  <c r="AD116521" i="1"/>
  <c r="AD116522" i="1"/>
  <c r="AD116523" i="1"/>
  <c r="AD116524" i="1"/>
  <c r="AD116525" i="1"/>
  <c r="AD116526" i="1"/>
  <c r="AD116527" i="1"/>
  <c r="AD116528" i="1"/>
  <c r="AD116529" i="1"/>
  <c r="AD116530" i="1"/>
  <c r="AD116531" i="1"/>
  <c r="AD116532" i="1"/>
  <c r="AD116533" i="1"/>
  <c r="AD116534" i="1"/>
  <c r="AD116535" i="1"/>
  <c r="AD116536" i="1"/>
  <c r="AD116537" i="1"/>
  <c r="AD116538" i="1"/>
  <c r="AD116539" i="1"/>
  <c r="AD116540" i="1"/>
  <c r="AD116541" i="1"/>
  <c r="AD116542" i="1"/>
  <c r="AD116543" i="1"/>
  <c r="AD116544" i="1"/>
  <c r="AD116545" i="1"/>
  <c r="AD116546" i="1"/>
  <c r="AD116547" i="1"/>
  <c r="AD116548" i="1"/>
  <c r="AD116549" i="1"/>
  <c r="AD116550" i="1"/>
  <c r="AD116551" i="1"/>
  <c r="AD116552" i="1"/>
  <c r="AD116553" i="1"/>
  <c r="AD116554" i="1"/>
  <c r="AD116555" i="1"/>
  <c r="AD116556" i="1"/>
  <c r="AD116557" i="1"/>
  <c r="AD116558" i="1"/>
  <c r="AD116559" i="1"/>
  <c r="AD116560" i="1"/>
  <c r="AD116561" i="1"/>
  <c r="AD116562" i="1"/>
  <c r="AD116563" i="1"/>
  <c r="AD116564" i="1"/>
  <c r="AD116565" i="1"/>
  <c r="AD116566" i="1"/>
  <c r="AD116567" i="1"/>
  <c r="AD116568" i="1"/>
  <c r="AD116569" i="1"/>
  <c r="AD116570" i="1"/>
  <c r="AD116571" i="1"/>
  <c r="AD116572" i="1"/>
  <c r="AD116573" i="1"/>
  <c r="AD116574" i="1"/>
  <c r="AD116575" i="1"/>
  <c r="AD116576" i="1"/>
  <c r="AD116577" i="1"/>
  <c r="AD116578" i="1"/>
  <c r="AD116579" i="1"/>
  <c r="AD116580" i="1"/>
  <c r="AD116581" i="1"/>
  <c r="AD116582" i="1"/>
  <c r="AD116583" i="1"/>
  <c r="AD116584" i="1"/>
  <c r="AD116585" i="1"/>
  <c r="AD116586" i="1"/>
  <c r="AD116587" i="1"/>
  <c r="AD116588" i="1"/>
  <c r="AD116589" i="1"/>
  <c r="AD116590" i="1"/>
  <c r="AD116591" i="1"/>
  <c r="AD116592" i="1"/>
  <c r="AD116593" i="1"/>
  <c r="AD116594" i="1"/>
  <c r="AD116595" i="1"/>
  <c r="AD116596" i="1"/>
  <c r="AD116597" i="1"/>
  <c r="AD116598" i="1"/>
  <c r="AD116599" i="1"/>
  <c r="AD116600" i="1"/>
  <c r="AD116601" i="1"/>
  <c r="AD116602" i="1"/>
  <c r="AD116603" i="1"/>
  <c r="AD116604" i="1"/>
  <c r="AD116605" i="1"/>
  <c r="AD116606" i="1"/>
  <c r="AD116607" i="1"/>
  <c r="AD116608" i="1"/>
  <c r="AD116609" i="1"/>
  <c r="AD116610" i="1"/>
  <c r="AD116611" i="1"/>
  <c r="AD116612" i="1"/>
  <c r="AD116613" i="1"/>
  <c r="AD116614" i="1"/>
  <c r="AD116615" i="1"/>
  <c r="AD116616" i="1"/>
  <c r="AD116617" i="1"/>
  <c r="AD116618" i="1"/>
  <c r="AD116619" i="1"/>
  <c r="AD116620" i="1"/>
  <c r="AD116621" i="1"/>
  <c r="AD116622" i="1"/>
  <c r="AD116623" i="1"/>
  <c r="AD116624" i="1"/>
  <c r="AD116625" i="1"/>
  <c r="AD116626" i="1"/>
  <c r="AD116627" i="1"/>
  <c r="AD116628" i="1"/>
  <c r="AD116629" i="1"/>
  <c r="AD116630" i="1"/>
  <c r="AD116631" i="1"/>
  <c r="AD116632" i="1"/>
  <c r="AD116633" i="1"/>
  <c r="AD116634" i="1"/>
  <c r="AD116635" i="1"/>
  <c r="AD116636" i="1"/>
  <c r="AD116637" i="1"/>
  <c r="AD116638" i="1"/>
  <c r="AD116639" i="1"/>
  <c r="AD116640" i="1"/>
  <c r="AD116641" i="1"/>
  <c r="AD116642" i="1"/>
  <c r="AD116643" i="1"/>
  <c r="AD116644" i="1"/>
  <c r="AD116645" i="1"/>
  <c r="AD116646" i="1"/>
  <c r="AD116647" i="1"/>
  <c r="AD116648" i="1"/>
  <c r="AD116649" i="1"/>
  <c r="AD116650" i="1"/>
  <c r="AD116651" i="1"/>
  <c r="AD116652" i="1"/>
  <c r="AD116653" i="1"/>
  <c r="AD116654" i="1"/>
  <c r="AD116655" i="1"/>
  <c r="AD116656" i="1"/>
  <c r="AD116657" i="1"/>
  <c r="AD116658" i="1"/>
  <c r="AD116659" i="1"/>
  <c r="AD116660" i="1"/>
  <c r="AD116661" i="1"/>
  <c r="AD116662" i="1"/>
  <c r="AD116663" i="1"/>
  <c r="AD116664" i="1"/>
  <c r="AD116665" i="1"/>
  <c r="AD116666" i="1"/>
  <c r="AD116667" i="1"/>
  <c r="AD116668" i="1"/>
  <c r="AD116669" i="1"/>
  <c r="AD116670" i="1"/>
  <c r="AD116671" i="1"/>
  <c r="AD116672" i="1"/>
  <c r="AD116673" i="1"/>
  <c r="AD116674" i="1"/>
  <c r="AD116675" i="1"/>
  <c r="AD116676" i="1"/>
  <c r="AD116677" i="1"/>
  <c r="AD116678" i="1"/>
  <c r="AD116679" i="1"/>
  <c r="AD116680" i="1"/>
  <c r="AD116681" i="1"/>
  <c r="AD116682" i="1"/>
  <c r="AD116683" i="1"/>
  <c r="AD116684" i="1"/>
  <c r="AD116685" i="1"/>
  <c r="AD116686" i="1"/>
  <c r="AD116687" i="1"/>
  <c r="AD116688" i="1"/>
  <c r="AD116689" i="1"/>
  <c r="AD116690" i="1"/>
  <c r="AD116691" i="1"/>
  <c r="AD116692" i="1"/>
  <c r="AD116693" i="1"/>
  <c r="AD116694" i="1"/>
  <c r="AD116695" i="1"/>
  <c r="AD116696" i="1"/>
  <c r="AD116697" i="1"/>
  <c r="AD116698" i="1"/>
  <c r="AD116699" i="1"/>
  <c r="AD116700" i="1"/>
  <c r="AD116701" i="1"/>
  <c r="AD116702" i="1"/>
  <c r="AD116703" i="1"/>
  <c r="AD116704" i="1"/>
  <c r="AD116705" i="1"/>
  <c r="AD116706" i="1"/>
  <c r="AD116707" i="1"/>
  <c r="AD116708" i="1"/>
  <c r="AD116709" i="1"/>
  <c r="AD116710" i="1"/>
  <c r="AD116711" i="1"/>
  <c r="AD116712" i="1"/>
  <c r="AD116713" i="1"/>
  <c r="AD116714" i="1"/>
  <c r="AD116715" i="1"/>
  <c r="AD116716" i="1"/>
  <c r="AD116717" i="1"/>
  <c r="AD116718" i="1"/>
  <c r="AD116719" i="1"/>
  <c r="AD116720" i="1"/>
  <c r="AD116721" i="1"/>
  <c r="AD116722" i="1"/>
  <c r="AD116723" i="1"/>
  <c r="AD116724" i="1"/>
  <c r="AD116725" i="1"/>
  <c r="AD116726" i="1"/>
  <c r="AD116727" i="1"/>
  <c r="AD116728" i="1"/>
  <c r="AD116729" i="1"/>
  <c r="AD116730" i="1"/>
  <c r="AD116731" i="1"/>
  <c r="AD116732" i="1"/>
  <c r="AD116733" i="1"/>
  <c r="AD116734" i="1"/>
  <c r="AD116735" i="1"/>
  <c r="AD116736" i="1"/>
  <c r="AD116737" i="1"/>
  <c r="AD116738" i="1"/>
  <c r="AD116739" i="1"/>
  <c r="AD116740" i="1"/>
  <c r="AD116741" i="1"/>
  <c r="AD116742" i="1"/>
  <c r="AD116743" i="1"/>
  <c r="AD116744" i="1"/>
  <c r="AD116745" i="1"/>
  <c r="AD116746" i="1"/>
  <c r="AD116747" i="1"/>
  <c r="AD116748" i="1"/>
  <c r="AD116749" i="1"/>
  <c r="AD116750" i="1"/>
  <c r="AD116751" i="1"/>
  <c r="AD116752" i="1"/>
  <c r="AD116753" i="1"/>
  <c r="AD116754" i="1"/>
  <c r="AD116755" i="1"/>
  <c r="AD116756" i="1"/>
  <c r="AD116757" i="1"/>
  <c r="AD116758" i="1"/>
  <c r="AD116759" i="1"/>
  <c r="AD116760" i="1"/>
  <c r="AD116761" i="1"/>
  <c r="AD116762" i="1"/>
  <c r="AD116763" i="1"/>
  <c r="AD116764" i="1"/>
  <c r="AD116765" i="1"/>
  <c r="AD116766" i="1"/>
  <c r="AD116767" i="1"/>
  <c r="AD116768" i="1"/>
  <c r="AD116769" i="1"/>
  <c r="AD116770" i="1"/>
  <c r="AD116771" i="1"/>
  <c r="AD116772" i="1"/>
  <c r="AD116773" i="1"/>
  <c r="AD116774" i="1"/>
  <c r="AD116775" i="1"/>
  <c r="AD116776" i="1"/>
  <c r="AD116777" i="1"/>
  <c r="AD116778" i="1"/>
  <c r="AD116779" i="1"/>
  <c r="AD116780" i="1"/>
  <c r="AD116781" i="1"/>
  <c r="AD116782" i="1"/>
  <c r="AD116783" i="1"/>
  <c r="AD116784" i="1"/>
  <c r="AD116785" i="1"/>
  <c r="AD116786" i="1"/>
  <c r="AD116787" i="1"/>
  <c r="AD116788" i="1"/>
  <c r="AD116789" i="1"/>
  <c r="AD116790" i="1"/>
  <c r="AD116791" i="1"/>
  <c r="AD116792" i="1"/>
  <c r="AD116793" i="1"/>
  <c r="AD116794" i="1"/>
  <c r="AD116795" i="1"/>
  <c r="AD116796" i="1"/>
  <c r="AD116797" i="1"/>
  <c r="AD116798" i="1"/>
  <c r="AD116799" i="1"/>
  <c r="AD116800" i="1"/>
  <c r="AD116801" i="1"/>
  <c r="AD116802" i="1"/>
  <c r="AD116803" i="1"/>
  <c r="AD116804" i="1"/>
  <c r="AD116805" i="1"/>
  <c r="AD116806" i="1"/>
  <c r="AD116807" i="1"/>
  <c r="AD116808" i="1"/>
  <c r="AD116809" i="1"/>
  <c r="AD116810" i="1"/>
  <c r="AD116811" i="1"/>
  <c r="AD116812" i="1"/>
  <c r="AD116813" i="1"/>
  <c r="AD116814" i="1"/>
  <c r="AD116815" i="1"/>
  <c r="AD116816" i="1"/>
  <c r="AD116817" i="1"/>
  <c r="AD116818" i="1"/>
  <c r="AD116819" i="1"/>
  <c r="AD116820" i="1"/>
  <c r="AD116821" i="1"/>
  <c r="AD116822" i="1"/>
  <c r="AD116823" i="1"/>
  <c r="AD116824" i="1"/>
  <c r="AD116825" i="1"/>
  <c r="AD116826" i="1"/>
  <c r="AD116827" i="1"/>
  <c r="AD116828" i="1"/>
  <c r="AD116829" i="1"/>
  <c r="AD116830" i="1"/>
  <c r="AD116831" i="1"/>
  <c r="AD116832" i="1"/>
  <c r="AD116833" i="1"/>
  <c r="AD116834" i="1"/>
  <c r="AD116835" i="1"/>
  <c r="AD116836" i="1"/>
  <c r="AD116837" i="1"/>
  <c r="AD116838" i="1"/>
  <c r="AD116839" i="1"/>
  <c r="AD116840" i="1"/>
  <c r="AD116841" i="1"/>
  <c r="AD116842" i="1"/>
  <c r="AD116843" i="1"/>
  <c r="AD116844" i="1"/>
  <c r="AD116845" i="1"/>
  <c r="AD116846" i="1"/>
  <c r="AD116847" i="1"/>
  <c r="AD116848" i="1"/>
  <c r="AD116849" i="1"/>
  <c r="AD116850" i="1"/>
  <c r="AD116851" i="1"/>
  <c r="AD116852" i="1"/>
  <c r="AD116853" i="1"/>
  <c r="AD116854" i="1"/>
  <c r="AD116855" i="1"/>
  <c r="AD116856" i="1"/>
  <c r="AD116857" i="1"/>
  <c r="AD116858" i="1"/>
  <c r="AD116859" i="1"/>
  <c r="AD116860" i="1"/>
  <c r="AD116861" i="1"/>
  <c r="AD116862" i="1"/>
  <c r="AD116863" i="1"/>
  <c r="AD116864" i="1"/>
  <c r="AD116865" i="1"/>
  <c r="AD116866" i="1"/>
  <c r="AD116867" i="1"/>
  <c r="AD116868" i="1"/>
  <c r="AD116869" i="1"/>
  <c r="AD116870" i="1"/>
  <c r="AD116871" i="1"/>
  <c r="AD116872" i="1"/>
  <c r="AD116873" i="1"/>
  <c r="AD116874" i="1"/>
  <c r="AD116875" i="1"/>
  <c r="AD116876" i="1"/>
  <c r="AD116877" i="1"/>
  <c r="AD116878" i="1"/>
  <c r="AD116879" i="1"/>
  <c r="AD116880" i="1"/>
  <c r="AD116881" i="1"/>
  <c r="AD116882" i="1"/>
  <c r="AD116883" i="1"/>
  <c r="AD116884" i="1"/>
  <c r="AD116885" i="1"/>
  <c r="AD116886" i="1"/>
  <c r="AD116887" i="1"/>
  <c r="AD116888" i="1"/>
  <c r="AD116889" i="1"/>
  <c r="AD116890" i="1"/>
  <c r="AD116891" i="1"/>
  <c r="AD116892" i="1"/>
  <c r="AD116893" i="1"/>
  <c r="AD116894" i="1"/>
  <c r="AD116895" i="1"/>
  <c r="AD116896" i="1"/>
  <c r="AD116897" i="1"/>
  <c r="AD116898" i="1"/>
  <c r="AD116899" i="1"/>
  <c r="AD116900" i="1"/>
  <c r="AD116901" i="1"/>
  <c r="AD116902" i="1"/>
  <c r="AD116903" i="1"/>
  <c r="AD116904" i="1"/>
  <c r="AD116905" i="1"/>
  <c r="AD116906" i="1"/>
  <c r="AD116907" i="1"/>
  <c r="AD116908" i="1"/>
  <c r="AD116909" i="1"/>
  <c r="AD116910" i="1"/>
  <c r="AD116911" i="1"/>
  <c r="AD116912" i="1"/>
  <c r="AD116913" i="1"/>
  <c r="AD116914" i="1"/>
  <c r="AD116915" i="1"/>
  <c r="AD116916" i="1"/>
  <c r="AD116917" i="1"/>
  <c r="AD116918" i="1"/>
  <c r="AD116919" i="1"/>
  <c r="AD116920" i="1"/>
  <c r="AD116921" i="1"/>
  <c r="AD116922" i="1"/>
  <c r="AD116923" i="1"/>
  <c r="AD116924" i="1"/>
  <c r="AD116925" i="1"/>
  <c r="AD116926" i="1"/>
  <c r="AD116927" i="1"/>
  <c r="AD116928" i="1"/>
  <c r="AD116929" i="1"/>
  <c r="AD116930" i="1"/>
  <c r="AD116931" i="1"/>
  <c r="AD116932" i="1"/>
  <c r="AD116933" i="1"/>
  <c r="AD116934" i="1"/>
  <c r="AD116935" i="1"/>
  <c r="AD116936" i="1"/>
  <c r="AD116937" i="1"/>
  <c r="AD116938" i="1"/>
  <c r="AD116939" i="1"/>
  <c r="AD116940" i="1"/>
  <c r="AD116941" i="1"/>
  <c r="AD116942" i="1"/>
  <c r="AD116943" i="1"/>
  <c r="AD116944" i="1"/>
  <c r="AD116945" i="1"/>
  <c r="AD116946" i="1"/>
  <c r="AD116947" i="1"/>
  <c r="AD116948" i="1"/>
  <c r="AD116949" i="1"/>
  <c r="AD116950" i="1"/>
  <c r="AD116951" i="1"/>
  <c r="AD116952" i="1"/>
  <c r="AD116953" i="1"/>
  <c r="AD116954" i="1"/>
  <c r="AD116955" i="1"/>
  <c r="AD116956" i="1"/>
  <c r="AD116957" i="1"/>
  <c r="AD116958" i="1"/>
  <c r="AD116959" i="1"/>
  <c r="AD116960" i="1"/>
  <c r="AD116961" i="1"/>
  <c r="AD116962" i="1"/>
  <c r="AD116963" i="1"/>
  <c r="AD116964" i="1"/>
  <c r="AD116965" i="1"/>
  <c r="AD116966" i="1"/>
  <c r="AD116967" i="1"/>
  <c r="AD116968" i="1"/>
  <c r="AD116969" i="1"/>
  <c r="AD116970" i="1"/>
  <c r="AD116971" i="1"/>
  <c r="AD116972" i="1"/>
  <c r="AD116973" i="1"/>
  <c r="AD116974" i="1"/>
  <c r="AD116975" i="1"/>
  <c r="AD116976" i="1"/>
  <c r="AD116977" i="1"/>
  <c r="AD116978" i="1"/>
  <c r="AD116979" i="1"/>
  <c r="AD116980" i="1"/>
  <c r="AD116981" i="1"/>
  <c r="AD116982" i="1"/>
  <c r="AD116983" i="1"/>
  <c r="AD116984" i="1"/>
  <c r="AD116985" i="1"/>
  <c r="AD116986" i="1"/>
  <c r="AD116987" i="1"/>
  <c r="AD116988" i="1"/>
  <c r="AD116989" i="1"/>
  <c r="AD116990" i="1"/>
  <c r="AD116991" i="1"/>
  <c r="AD116992" i="1"/>
  <c r="AD116993" i="1"/>
  <c r="AD116994" i="1"/>
  <c r="AD116995" i="1"/>
  <c r="AD116996" i="1"/>
  <c r="AD116997" i="1"/>
  <c r="AD116998" i="1"/>
  <c r="AD116999" i="1"/>
  <c r="AD117000" i="1"/>
  <c r="AD117001" i="1"/>
  <c r="AD117002" i="1"/>
  <c r="AD117003" i="1"/>
  <c r="AD117004" i="1"/>
  <c r="AD117005" i="1"/>
  <c r="AD117006" i="1"/>
  <c r="AD117007" i="1"/>
  <c r="AD117008" i="1"/>
  <c r="AD117009" i="1"/>
  <c r="AD117010" i="1"/>
  <c r="AD117011" i="1"/>
  <c r="AD117012" i="1"/>
  <c r="AD117013" i="1"/>
  <c r="AD117014" i="1"/>
  <c r="AD117015" i="1"/>
  <c r="AD117016" i="1"/>
  <c r="AD117017" i="1"/>
  <c r="AD117018" i="1"/>
  <c r="AD117019" i="1"/>
  <c r="AD117020" i="1"/>
  <c r="AD117021" i="1"/>
  <c r="AD117022" i="1"/>
  <c r="AD117023" i="1"/>
  <c r="AD117024" i="1"/>
  <c r="AD117025" i="1"/>
  <c r="AD117026" i="1"/>
  <c r="AD117027" i="1"/>
  <c r="AD117028" i="1"/>
  <c r="AD117029" i="1"/>
  <c r="AD117030" i="1"/>
  <c r="AD117031" i="1"/>
  <c r="AD117032" i="1"/>
  <c r="AD117033" i="1"/>
  <c r="AD117034" i="1"/>
  <c r="AD117035" i="1"/>
  <c r="AD117036" i="1"/>
  <c r="AD117037" i="1"/>
  <c r="AD117038" i="1"/>
  <c r="AD117039" i="1"/>
  <c r="AD117040" i="1"/>
  <c r="AD117041" i="1"/>
  <c r="AD117042" i="1"/>
  <c r="AD117043" i="1"/>
  <c r="AD117044" i="1"/>
  <c r="AD117045" i="1"/>
  <c r="AD117046" i="1"/>
  <c r="AD117047" i="1"/>
  <c r="AD117048" i="1"/>
  <c r="AD117049" i="1"/>
  <c r="AD117050" i="1"/>
  <c r="AD117051" i="1"/>
  <c r="AD117052" i="1"/>
  <c r="AD117053" i="1"/>
  <c r="AD117054" i="1"/>
  <c r="AD117055" i="1"/>
  <c r="AD117056" i="1"/>
  <c r="AD117057" i="1"/>
  <c r="AD117058" i="1"/>
  <c r="AD117059" i="1"/>
  <c r="AD117060" i="1"/>
  <c r="AD117061" i="1"/>
  <c r="AD117062" i="1"/>
  <c r="AD117063" i="1"/>
  <c r="AD117064" i="1"/>
  <c r="AD117065" i="1"/>
  <c r="AD117066" i="1"/>
  <c r="AD117067" i="1"/>
  <c r="AD117068" i="1"/>
  <c r="AD117069" i="1"/>
  <c r="AD117070" i="1"/>
  <c r="AD117071" i="1"/>
  <c r="AD117072" i="1"/>
  <c r="AD117073" i="1"/>
  <c r="AD117074" i="1"/>
  <c r="AD117075" i="1"/>
  <c r="AD117076" i="1"/>
  <c r="AD117077" i="1"/>
  <c r="AD117078" i="1"/>
  <c r="AD117079" i="1"/>
  <c r="AD117080" i="1"/>
  <c r="AD117081" i="1"/>
  <c r="AD117082" i="1"/>
  <c r="AD117083" i="1"/>
  <c r="AD117084" i="1"/>
  <c r="AD117085" i="1"/>
  <c r="AD117086" i="1"/>
  <c r="AD117087" i="1"/>
  <c r="AD117088" i="1"/>
  <c r="AD117089" i="1"/>
  <c r="AD117090" i="1"/>
  <c r="AD117091" i="1"/>
  <c r="AD117092" i="1"/>
  <c r="AD117093" i="1"/>
  <c r="AD117094" i="1"/>
  <c r="AD117095" i="1"/>
  <c r="AD117096" i="1"/>
  <c r="AD117097" i="1"/>
  <c r="AD117098" i="1"/>
  <c r="AD117099" i="1"/>
  <c r="AD117100" i="1"/>
  <c r="AD117101" i="1"/>
  <c r="AD117102" i="1"/>
  <c r="AD117103" i="1"/>
  <c r="AD117104" i="1"/>
  <c r="AD117105" i="1"/>
  <c r="AD117106" i="1"/>
  <c r="AD117107" i="1"/>
  <c r="AD117108" i="1"/>
  <c r="AD117109" i="1"/>
  <c r="AD117110" i="1"/>
  <c r="AD117111" i="1"/>
  <c r="AD117112" i="1"/>
  <c r="AD117113" i="1"/>
  <c r="AD117114" i="1"/>
  <c r="AD117115" i="1"/>
  <c r="AD117116" i="1"/>
  <c r="AD117117" i="1"/>
  <c r="AD117118" i="1"/>
  <c r="AD117119" i="1"/>
  <c r="AD117120" i="1"/>
  <c r="AD117121" i="1"/>
  <c r="AD117122" i="1"/>
  <c r="AD117123" i="1"/>
  <c r="AD117124" i="1"/>
  <c r="AD117125" i="1"/>
  <c r="AD117126" i="1"/>
  <c r="AD117127" i="1"/>
  <c r="AD117128" i="1"/>
  <c r="AD117129" i="1"/>
  <c r="AD117130" i="1"/>
  <c r="AD117131" i="1"/>
  <c r="AD117132" i="1"/>
  <c r="AD117133" i="1"/>
  <c r="AD117134" i="1"/>
  <c r="AD117135" i="1"/>
  <c r="AD117136" i="1"/>
  <c r="AD117137" i="1"/>
  <c r="AD117138" i="1"/>
  <c r="AD117139" i="1"/>
  <c r="AD117140" i="1"/>
  <c r="AD117141" i="1"/>
  <c r="AD117142" i="1"/>
  <c r="AD117143" i="1"/>
  <c r="AD117144" i="1"/>
  <c r="AD117145" i="1"/>
  <c r="AD117146" i="1"/>
  <c r="AD117147" i="1"/>
  <c r="AD117148" i="1"/>
  <c r="AD117149" i="1"/>
  <c r="AD117150" i="1"/>
  <c r="AD117151" i="1"/>
  <c r="AD117152" i="1"/>
  <c r="AD117153" i="1"/>
  <c r="AD117154" i="1"/>
  <c r="AD117155" i="1"/>
  <c r="AD117156" i="1"/>
  <c r="AD117157" i="1"/>
  <c r="AD117158" i="1"/>
  <c r="AD117159" i="1"/>
  <c r="AD117160" i="1"/>
  <c r="AD117161" i="1"/>
  <c r="AD117162" i="1"/>
  <c r="AD117163" i="1"/>
  <c r="AD117164" i="1"/>
  <c r="AD117165" i="1"/>
  <c r="AD117166" i="1"/>
  <c r="AD117167" i="1"/>
  <c r="AD117168" i="1"/>
  <c r="AD117169" i="1"/>
  <c r="AD117170" i="1"/>
  <c r="AD117171" i="1"/>
  <c r="AD117172" i="1"/>
  <c r="AD117173" i="1"/>
  <c r="AD117174" i="1"/>
  <c r="AD117175" i="1"/>
  <c r="AD117176" i="1"/>
  <c r="AD117177" i="1"/>
  <c r="AD117178" i="1"/>
  <c r="AD117179" i="1"/>
  <c r="AD117180" i="1"/>
  <c r="AD117181" i="1"/>
  <c r="AD117182" i="1"/>
  <c r="AD117183" i="1"/>
  <c r="AD117184" i="1"/>
  <c r="AD117185" i="1"/>
  <c r="AD117186" i="1"/>
  <c r="AD117187" i="1"/>
  <c r="AD117188" i="1"/>
  <c r="AD117189" i="1"/>
  <c r="AD117190" i="1"/>
  <c r="AD117191" i="1"/>
  <c r="AD117192" i="1"/>
  <c r="AD117193" i="1"/>
  <c r="AD117194" i="1"/>
  <c r="AD117195" i="1"/>
  <c r="AD117196" i="1"/>
  <c r="AD117197" i="1"/>
  <c r="AD117198" i="1"/>
  <c r="AD117199" i="1"/>
  <c r="AD117200" i="1"/>
  <c r="AD117201" i="1"/>
  <c r="AD117202" i="1"/>
  <c r="AD117203" i="1"/>
  <c r="AD117204" i="1"/>
  <c r="AD117205" i="1"/>
  <c r="AD117206" i="1"/>
  <c r="AD117207" i="1"/>
  <c r="AD117208" i="1"/>
  <c r="AD117209" i="1"/>
  <c r="AD117210" i="1"/>
  <c r="AD117211" i="1"/>
  <c r="AD117212" i="1"/>
  <c r="AD117213" i="1"/>
  <c r="AD117214" i="1"/>
  <c r="AD117215" i="1"/>
  <c r="AD117216" i="1"/>
  <c r="AD117217" i="1"/>
  <c r="AD117218" i="1"/>
  <c r="AD117219" i="1"/>
  <c r="AD117220" i="1"/>
  <c r="AD117221" i="1"/>
  <c r="AD117222" i="1"/>
  <c r="AD117223" i="1"/>
  <c r="AD117224" i="1"/>
  <c r="AD117225" i="1"/>
  <c r="AD117226" i="1"/>
  <c r="AD117227" i="1"/>
  <c r="AD117228" i="1"/>
  <c r="AD117229" i="1"/>
  <c r="AD117230" i="1"/>
  <c r="AD117231" i="1"/>
  <c r="AD117232" i="1"/>
  <c r="AD117233" i="1"/>
  <c r="AD117234" i="1"/>
  <c r="AD117235" i="1"/>
  <c r="AD117236" i="1"/>
  <c r="AD117237" i="1"/>
  <c r="AD117238" i="1"/>
  <c r="AD117239" i="1"/>
  <c r="AD117240" i="1"/>
  <c r="AD117241" i="1"/>
  <c r="AD117242" i="1"/>
  <c r="AD117243" i="1"/>
  <c r="AD117244" i="1"/>
  <c r="AD117245" i="1"/>
  <c r="AD117246" i="1"/>
  <c r="AD117247" i="1"/>
  <c r="AD117248" i="1"/>
  <c r="AD117249" i="1"/>
  <c r="AD117250" i="1"/>
  <c r="AD117251" i="1"/>
  <c r="AD117252" i="1"/>
  <c r="AD117253" i="1"/>
  <c r="AD117254" i="1"/>
  <c r="AD117255" i="1"/>
  <c r="AD117256" i="1"/>
  <c r="AD117257" i="1"/>
  <c r="AD117258" i="1"/>
  <c r="AD117259" i="1"/>
  <c r="AD117260" i="1"/>
  <c r="AD117261" i="1"/>
  <c r="AD117262" i="1"/>
  <c r="AD117263" i="1"/>
  <c r="AD117264" i="1"/>
  <c r="AD117265" i="1"/>
  <c r="AD117266" i="1"/>
  <c r="AD117267" i="1"/>
  <c r="AD117268" i="1"/>
  <c r="AD117269" i="1"/>
  <c r="AD117270" i="1"/>
  <c r="AD117271" i="1"/>
  <c r="AD117272" i="1"/>
  <c r="AD117273" i="1"/>
  <c r="AD117274" i="1"/>
  <c r="AD117275" i="1"/>
  <c r="AD117276" i="1"/>
  <c r="AD117277" i="1"/>
  <c r="AD117278" i="1"/>
  <c r="AD117279" i="1"/>
  <c r="AD117280" i="1"/>
  <c r="AD117281" i="1"/>
  <c r="AD117282" i="1"/>
  <c r="AD117283" i="1"/>
  <c r="AD117284" i="1"/>
  <c r="AD117285" i="1"/>
  <c r="AD117286" i="1"/>
  <c r="AD117287" i="1"/>
  <c r="AD117288" i="1"/>
  <c r="AD117289" i="1"/>
  <c r="AD117290" i="1"/>
  <c r="AD117291" i="1"/>
  <c r="AD117292" i="1"/>
  <c r="AD117293" i="1"/>
  <c r="AD117294" i="1"/>
  <c r="AD117295" i="1"/>
  <c r="AD117296" i="1"/>
  <c r="AD117297" i="1"/>
  <c r="AD117298" i="1"/>
  <c r="AD117299" i="1"/>
  <c r="AD117300" i="1"/>
  <c r="AD117301" i="1"/>
  <c r="AD117302" i="1"/>
  <c r="AD117303" i="1"/>
  <c r="AD117304" i="1"/>
  <c r="AD117305" i="1"/>
  <c r="AD117306" i="1"/>
  <c r="AD117307" i="1"/>
  <c r="AD117308" i="1"/>
  <c r="AD117309" i="1"/>
  <c r="AD117310" i="1"/>
  <c r="AD117311" i="1"/>
  <c r="AD117312" i="1"/>
  <c r="AD117313" i="1"/>
  <c r="AD117314" i="1"/>
  <c r="AD117315" i="1"/>
  <c r="AD117316" i="1"/>
  <c r="AD117317" i="1"/>
  <c r="AD117318" i="1"/>
  <c r="AD117319" i="1"/>
  <c r="AD117320" i="1"/>
  <c r="AD117321" i="1"/>
  <c r="AD117322" i="1"/>
  <c r="AD117323" i="1"/>
  <c r="AD117324" i="1"/>
  <c r="AD117325" i="1"/>
  <c r="AD117326" i="1"/>
  <c r="AD117327" i="1"/>
  <c r="AD117328" i="1"/>
  <c r="AD117329" i="1"/>
  <c r="AD117330" i="1"/>
  <c r="AD117331" i="1"/>
  <c r="AD117332" i="1"/>
  <c r="AD117333" i="1"/>
  <c r="AD117334" i="1"/>
  <c r="AD117335" i="1"/>
  <c r="AD117336" i="1"/>
  <c r="AD117337" i="1"/>
  <c r="AD117338" i="1"/>
  <c r="AD117339" i="1"/>
  <c r="AD117340" i="1"/>
  <c r="AD117341" i="1"/>
  <c r="AD117342" i="1"/>
  <c r="AD117343" i="1"/>
  <c r="AD117344" i="1"/>
  <c r="AD117345" i="1"/>
  <c r="AD117346" i="1"/>
  <c r="AD117347" i="1"/>
  <c r="AD117348" i="1"/>
  <c r="AD117349" i="1"/>
  <c r="AD117350" i="1"/>
  <c r="AD117351" i="1"/>
  <c r="AD117352" i="1"/>
  <c r="AD117353" i="1"/>
  <c r="AD117354" i="1"/>
  <c r="AD117355" i="1"/>
  <c r="AD117356" i="1"/>
  <c r="AD117357" i="1"/>
  <c r="AD117358" i="1"/>
  <c r="AD117359" i="1"/>
  <c r="AD117360" i="1"/>
  <c r="AD117361" i="1"/>
  <c r="AD117362" i="1"/>
  <c r="AD117363" i="1"/>
  <c r="AD117364" i="1"/>
  <c r="AD117365" i="1"/>
  <c r="AD117366" i="1"/>
  <c r="AD117367" i="1"/>
  <c r="AD117368" i="1"/>
  <c r="AD117369" i="1"/>
  <c r="AD117370" i="1"/>
  <c r="AD117371" i="1"/>
  <c r="AD117372" i="1"/>
  <c r="AD117373" i="1"/>
  <c r="AD117374" i="1"/>
  <c r="AD117375" i="1"/>
  <c r="AD117376" i="1"/>
  <c r="AD117377" i="1"/>
  <c r="AD117378" i="1"/>
  <c r="AD117379" i="1"/>
  <c r="AD117380" i="1"/>
  <c r="AD117381" i="1"/>
  <c r="AD117382" i="1"/>
  <c r="AD117383" i="1"/>
  <c r="AD117384" i="1"/>
  <c r="AD117385" i="1"/>
  <c r="AD117386" i="1"/>
  <c r="AD117387" i="1"/>
  <c r="AD117388" i="1"/>
  <c r="AD117389" i="1"/>
  <c r="AD117390" i="1"/>
  <c r="AD117391" i="1"/>
  <c r="AD117392" i="1"/>
  <c r="AD117393" i="1"/>
  <c r="AD117394" i="1"/>
  <c r="AD117395" i="1"/>
  <c r="AD117396" i="1"/>
  <c r="AD117397" i="1"/>
  <c r="AD117398" i="1"/>
  <c r="AD117399" i="1"/>
  <c r="AD117400" i="1"/>
  <c r="AD117401" i="1"/>
  <c r="AD117402" i="1"/>
  <c r="AD117403" i="1"/>
  <c r="AD117404" i="1"/>
  <c r="AD117405" i="1"/>
  <c r="AD117406" i="1"/>
  <c r="AD117407" i="1"/>
  <c r="AD117408" i="1"/>
  <c r="AD117409" i="1"/>
  <c r="AD117410" i="1"/>
  <c r="AD117411" i="1"/>
  <c r="AD117412" i="1"/>
  <c r="AD117413" i="1"/>
  <c r="AD117414" i="1"/>
  <c r="AD117415" i="1"/>
  <c r="AD117416" i="1"/>
  <c r="AD117417" i="1"/>
  <c r="AD117418" i="1"/>
  <c r="AD117419" i="1"/>
  <c r="AD117420" i="1"/>
  <c r="AD117421" i="1"/>
  <c r="AD117422" i="1"/>
  <c r="AD117423" i="1"/>
  <c r="AD117424" i="1"/>
  <c r="AD117425" i="1"/>
  <c r="AD117426" i="1"/>
  <c r="AD117427" i="1"/>
  <c r="AD117428" i="1"/>
  <c r="AD117429" i="1"/>
  <c r="AD117430" i="1"/>
  <c r="AD117431" i="1"/>
  <c r="AD117432" i="1"/>
  <c r="AD117433" i="1"/>
  <c r="AD117434" i="1"/>
  <c r="AD117435" i="1"/>
  <c r="AD117436" i="1"/>
  <c r="AD117437" i="1"/>
  <c r="AD117438" i="1"/>
  <c r="AD117439" i="1"/>
  <c r="AD117440" i="1"/>
  <c r="AD117441" i="1"/>
  <c r="AD117442" i="1"/>
  <c r="AD117443" i="1"/>
  <c r="AD117444" i="1"/>
  <c r="AD117445" i="1"/>
  <c r="AD117446" i="1"/>
  <c r="AD117447" i="1"/>
  <c r="AD117448" i="1"/>
  <c r="AD117449" i="1"/>
  <c r="AD117450" i="1"/>
  <c r="AD117451" i="1"/>
  <c r="AD117452" i="1"/>
  <c r="AD117453" i="1"/>
  <c r="AD117454" i="1"/>
  <c r="AD117455" i="1"/>
  <c r="AD117456" i="1"/>
  <c r="AD117457" i="1"/>
  <c r="AD117458" i="1"/>
  <c r="AD117459" i="1"/>
  <c r="AD117460" i="1"/>
  <c r="AD117461" i="1"/>
  <c r="AD117462" i="1"/>
  <c r="AD117463" i="1"/>
  <c r="AD117464" i="1"/>
  <c r="AD117465" i="1"/>
  <c r="AD117466" i="1"/>
  <c r="AD117467" i="1"/>
  <c r="AD117468" i="1"/>
  <c r="AD117469" i="1"/>
  <c r="AD117470" i="1"/>
  <c r="AD117471" i="1"/>
  <c r="AD117472" i="1"/>
  <c r="AD117473" i="1"/>
  <c r="AD117474" i="1"/>
  <c r="AD117475" i="1"/>
  <c r="AD117476" i="1"/>
  <c r="AD117477" i="1"/>
  <c r="AD117478" i="1"/>
  <c r="AD117479" i="1"/>
  <c r="AD117480" i="1"/>
  <c r="AD117481" i="1"/>
  <c r="AD117482" i="1"/>
  <c r="AD117483" i="1"/>
  <c r="AD117484" i="1"/>
  <c r="AD117485" i="1"/>
  <c r="AD117486" i="1"/>
  <c r="AD117487" i="1"/>
  <c r="AD117488" i="1"/>
  <c r="AD117489" i="1"/>
  <c r="AD117490" i="1"/>
  <c r="AD117491" i="1"/>
  <c r="AD117492" i="1"/>
  <c r="AD117493" i="1"/>
  <c r="AD117494" i="1"/>
  <c r="AD117495" i="1"/>
  <c r="AD117496" i="1"/>
  <c r="AD117497" i="1"/>
  <c r="AD117498" i="1"/>
  <c r="AD117499" i="1"/>
  <c r="AD117500" i="1"/>
  <c r="AD117501" i="1"/>
  <c r="AD117502" i="1"/>
  <c r="AD117503" i="1"/>
  <c r="AD117504" i="1"/>
  <c r="AD117505" i="1"/>
  <c r="AD117506" i="1"/>
  <c r="AD117507" i="1"/>
  <c r="AD117508" i="1"/>
  <c r="AD117509" i="1"/>
  <c r="AD117510" i="1"/>
  <c r="AD117511" i="1"/>
  <c r="AD117512" i="1"/>
  <c r="AD117513" i="1"/>
  <c r="AD117514" i="1"/>
  <c r="AD117515" i="1"/>
  <c r="AD117516" i="1"/>
  <c r="AD117517" i="1"/>
  <c r="AD117518" i="1"/>
  <c r="AD117519" i="1"/>
  <c r="AD117520" i="1"/>
  <c r="AD117521" i="1"/>
  <c r="AD117522" i="1"/>
  <c r="AD117523" i="1"/>
  <c r="AD117524" i="1"/>
  <c r="AD117525" i="1"/>
  <c r="AD117526" i="1"/>
  <c r="AD117527" i="1"/>
  <c r="AD117528" i="1"/>
  <c r="AD117529" i="1"/>
  <c r="AD117530" i="1"/>
  <c r="AD117531" i="1"/>
  <c r="AD117532" i="1"/>
  <c r="AD117533" i="1"/>
  <c r="AD117534" i="1"/>
  <c r="AD117535" i="1"/>
  <c r="AD117536" i="1"/>
  <c r="AD117537" i="1"/>
  <c r="AD117538" i="1"/>
  <c r="AD117539" i="1"/>
  <c r="AD117540" i="1"/>
  <c r="AD117541" i="1"/>
  <c r="AD117542" i="1"/>
  <c r="AD117543" i="1"/>
  <c r="AD117544" i="1"/>
  <c r="AD117545" i="1"/>
  <c r="AD117546" i="1"/>
  <c r="AD117547" i="1"/>
  <c r="AD117548" i="1"/>
  <c r="AD117549" i="1"/>
  <c r="AD117550" i="1"/>
  <c r="AD117551" i="1"/>
  <c r="AD117552" i="1"/>
  <c r="AD117553" i="1"/>
  <c r="AD117554" i="1"/>
  <c r="AD117555" i="1"/>
  <c r="AD117556" i="1"/>
  <c r="AD117557" i="1"/>
  <c r="AD117558" i="1"/>
  <c r="AD117559" i="1"/>
  <c r="AD117560" i="1"/>
  <c r="AD117561" i="1"/>
  <c r="AD117562" i="1"/>
  <c r="AD117563" i="1"/>
  <c r="AD117564" i="1"/>
  <c r="AD117565" i="1"/>
  <c r="AD117566" i="1"/>
  <c r="AD117567" i="1"/>
  <c r="AD117568" i="1"/>
  <c r="AD117569" i="1"/>
  <c r="AD117570" i="1"/>
  <c r="AD117571" i="1"/>
  <c r="AD117572" i="1"/>
  <c r="AD117573" i="1"/>
  <c r="AD117574" i="1"/>
  <c r="AD117575" i="1"/>
  <c r="AD117576" i="1"/>
  <c r="AD117577" i="1"/>
  <c r="AD117578" i="1"/>
  <c r="AD117579" i="1"/>
  <c r="AD117580" i="1"/>
  <c r="AD117581" i="1"/>
  <c r="AD117582" i="1"/>
  <c r="AD117583" i="1"/>
  <c r="AD117584" i="1"/>
  <c r="AD117585" i="1"/>
  <c r="AD117586" i="1"/>
  <c r="AD117587" i="1"/>
  <c r="AD117588" i="1"/>
  <c r="AD117589" i="1"/>
  <c r="AD117590" i="1"/>
  <c r="AD117591" i="1"/>
  <c r="AD117592" i="1"/>
  <c r="AD117593" i="1"/>
  <c r="AD117594" i="1"/>
  <c r="AD117595" i="1"/>
  <c r="AD117596" i="1"/>
  <c r="AD117597" i="1"/>
  <c r="AD117598" i="1"/>
  <c r="AD117599" i="1"/>
  <c r="AD117600" i="1"/>
  <c r="AD117601" i="1"/>
  <c r="AD117602" i="1"/>
  <c r="AD117603" i="1"/>
  <c r="AD117604" i="1"/>
  <c r="AD117605" i="1"/>
  <c r="AD117606" i="1"/>
  <c r="AD117607" i="1"/>
  <c r="AD117608" i="1"/>
  <c r="AD117609" i="1"/>
  <c r="AD117610" i="1"/>
  <c r="AD117611" i="1"/>
  <c r="AD117612" i="1"/>
  <c r="AD117613" i="1"/>
  <c r="AD117614" i="1"/>
  <c r="AD117615" i="1"/>
  <c r="AD117616" i="1"/>
  <c r="AD117617" i="1"/>
  <c r="AD117618" i="1"/>
  <c r="AD117619" i="1"/>
  <c r="AD117620" i="1"/>
  <c r="AD117621" i="1"/>
  <c r="AD117622" i="1"/>
  <c r="AD117623" i="1"/>
  <c r="AD117624" i="1"/>
  <c r="AD117625" i="1"/>
  <c r="AD117626" i="1"/>
  <c r="AD117627" i="1"/>
  <c r="AD117628" i="1"/>
  <c r="AD117629" i="1"/>
  <c r="AD117630" i="1"/>
  <c r="AD117631" i="1"/>
  <c r="AD117632" i="1"/>
  <c r="AD117633" i="1"/>
  <c r="AD117634" i="1"/>
  <c r="AD117635" i="1"/>
  <c r="AD117636" i="1"/>
  <c r="AD117637" i="1"/>
  <c r="AD117638" i="1"/>
  <c r="AD117639" i="1"/>
  <c r="AD117640" i="1"/>
  <c r="AD117641" i="1"/>
  <c r="AD117642" i="1"/>
  <c r="AD117643" i="1"/>
  <c r="AD117644" i="1"/>
  <c r="AD117645" i="1"/>
  <c r="AD117646" i="1"/>
  <c r="AD117647" i="1"/>
  <c r="AD117648" i="1"/>
  <c r="AD117649" i="1"/>
  <c r="AD117650" i="1"/>
  <c r="AD117651" i="1"/>
  <c r="AD117652" i="1"/>
  <c r="AD117653" i="1"/>
  <c r="AD117654" i="1"/>
  <c r="AD117655" i="1"/>
  <c r="AD117656" i="1"/>
  <c r="AD117657" i="1"/>
  <c r="AD117658" i="1"/>
  <c r="AD117659" i="1"/>
  <c r="AD117660" i="1"/>
  <c r="AD117661" i="1"/>
  <c r="AD117662" i="1"/>
  <c r="AD117663" i="1"/>
  <c r="AD117664" i="1"/>
  <c r="AD117665" i="1"/>
  <c r="AD117666" i="1"/>
  <c r="AD117667" i="1"/>
  <c r="AD117668" i="1"/>
  <c r="AD117669" i="1"/>
  <c r="AD117670" i="1"/>
  <c r="AD117671" i="1"/>
  <c r="AD117672" i="1"/>
  <c r="AD117673" i="1"/>
  <c r="AD117674" i="1"/>
  <c r="AD117675" i="1"/>
  <c r="AD117676" i="1"/>
  <c r="AD117677" i="1"/>
  <c r="AD117678" i="1"/>
  <c r="AD117679" i="1"/>
  <c r="AD117680" i="1"/>
  <c r="AD117681" i="1"/>
  <c r="AD117682" i="1"/>
  <c r="AD117683" i="1"/>
  <c r="AD117684" i="1"/>
  <c r="AD117685" i="1"/>
  <c r="AD117686" i="1"/>
  <c r="AD117687" i="1"/>
  <c r="AD117688" i="1"/>
  <c r="AD117689" i="1"/>
  <c r="AD117690" i="1"/>
  <c r="AD117691" i="1"/>
  <c r="AD117692" i="1"/>
  <c r="AD117693" i="1"/>
  <c r="AD117694" i="1"/>
  <c r="AD117695" i="1"/>
  <c r="AD117696" i="1"/>
  <c r="AD117697" i="1"/>
  <c r="AD117698" i="1"/>
  <c r="AD117699" i="1"/>
  <c r="AD117700" i="1"/>
  <c r="AD117701" i="1"/>
  <c r="AD117702" i="1"/>
  <c r="AD117703" i="1"/>
  <c r="AD117704" i="1"/>
  <c r="AD117705" i="1"/>
  <c r="AD117706" i="1"/>
  <c r="AD117707" i="1"/>
  <c r="AD117708" i="1"/>
  <c r="AD117709" i="1"/>
  <c r="AD117710" i="1"/>
  <c r="AD117711" i="1"/>
  <c r="AD117712" i="1"/>
  <c r="AD117713" i="1"/>
  <c r="AD117714" i="1"/>
  <c r="AD117715" i="1"/>
  <c r="AD117716" i="1"/>
  <c r="AD117717" i="1"/>
  <c r="AD117718" i="1"/>
  <c r="AD117719" i="1"/>
  <c r="AD117720" i="1"/>
  <c r="AD117721" i="1"/>
  <c r="AD117722" i="1"/>
  <c r="AD117723" i="1"/>
  <c r="AD117724" i="1"/>
  <c r="AD117725" i="1"/>
  <c r="AD117726" i="1"/>
  <c r="AD117727" i="1"/>
  <c r="AD117728" i="1"/>
  <c r="AD117729" i="1"/>
  <c r="AD117730" i="1"/>
  <c r="AD117731" i="1"/>
  <c r="AD117732" i="1"/>
  <c r="AD117733" i="1"/>
  <c r="AD117734" i="1"/>
  <c r="AD117735" i="1"/>
  <c r="AD117736" i="1"/>
  <c r="AD117737" i="1"/>
  <c r="AD117738" i="1"/>
  <c r="AD117739" i="1"/>
  <c r="AD117740" i="1"/>
  <c r="AD117741" i="1"/>
  <c r="AD117742" i="1"/>
  <c r="AD117743" i="1"/>
  <c r="AD117744" i="1"/>
  <c r="AD117745" i="1"/>
  <c r="AD117746" i="1"/>
  <c r="AD117747" i="1"/>
  <c r="AD117748" i="1"/>
  <c r="AD117749" i="1"/>
  <c r="AD117750" i="1"/>
  <c r="AD117751" i="1"/>
  <c r="AD117752" i="1"/>
  <c r="AD117753" i="1"/>
  <c r="AD117754" i="1"/>
  <c r="AD117755" i="1"/>
  <c r="AD117756" i="1"/>
  <c r="AD117757" i="1"/>
  <c r="AD117758" i="1"/>
  <c r="AD117759" i="1"/>
  <c r="AD117760" i="1"/>
  <c r="AD117761" i="1"/>
  <c r="AD117762" i="1"/>
  <c r="AD117763" i="1"/>
  <c r="AD117764" i="1"/>
  <c r="AD117765" i="1"/>
  <c r="AD117766" i="1"/>
  <c r="AD117767" i="1"/>
  <c r="AD117768" i="1"/>
  <c r="AD117769" i="1"/>
  <c r="AD117770" i="1"/>
  <c r="AD117771" i="1"/>
  <c r="AD117772" i="1"/>
  <c r="AD117773" i="1"/>
  <c r="AD117774" i="1"/>
  <c r="AD117775" i="1"/>
  <c r="AD117776" i="1"/>
  <c r="AD117777" i="1"/>
  <c r="AD117778" i="1"/>
  <c r="AD117779" i="1"/>
  <c r="AD117780" i="1"/>
  <c r="AD117781" i="1"/>
  <c r="AD117782" i="1"/>
  <c r="AD117783" i="1"/>
  <c r="AD117784" i="1"/>
  <c r="AD117785" i="1"/>
  <c r="AD117786" i="1"/>
  <c r="AD117787" i="1"/>
  <c r="AD117788" i="1"/>
  <c r="AD117789" i="1"/>
  <c r="AD117790" i="1"/>
  <c r="AD117791" i="1"/>
  <c r="AD117792" i="1"/>
  <c r="AD117793" i="1"/>
  <c r="AD117794" i="1"/>
  <c r="AD117795" i="1"/>
  <c r="AD117796" i="1"/>
  <c r="AD117797" i="1"/>
  <c r="AD117798" i="1"/>
  <c r="AD117799" i="1"/>
  <c r="AD117800" i="1"/>
  <c r="AD117801" i="1"/>
  <c r="AD117802" i="1"/>
  <c r="AD117803" i="1"/>
  <c r="AD117804" i="1"/>
  <c r="AD117805" i="1"/>
  <c r="AD117806" i="1"/>
  <c r="AD117807" i="1"/>
  <c r="AD117808" i="1"/>
  <c r="AD117809" i="1"/>
  <c r="AD117810" i="1"/>
  <c r="AD117811" i="1"/>
  <c r="AD117812" i="1"/>
  <c r="AD117813" i="1"/>
  <c r="AD117814" i="1"/>
  <c r="AD117815" i="1"/>
  <c r="AD117816" i="1"/>
  <c r="AD117817" i="1"/>
  <c r="AD117818" i="1"/>
  <c r="AD117819" i="1"/>
  <c r="AD117820" i="1"/>
  <c r="AD117821" i="1"/>
  <c r="AD117822" i="1"/>
  <c r="AD117823" i="1"/>
  <c r="AD117824" i="1"/>
  <c r="AD117825" i="1"/>
  <c r="AD117826" i="1"/>
  <c r="AD117827" i="1"/>
  <c r="AD117828" i="1"/>
  <c r="AD117829" i="1"/>
  <c r="AD117830" i="1"/>
  <c r="AD117831" i="1"/>
  <c r="AD117832" i="1"/>
  <c r="AD117833" i="1"/>
  <c r="AD117834" i="1"/>
  <c r="AD117835" i="1"/>
  <c r="AD117836" i="1"/>
  <c r="AD117837" i="1"/>
  <c r="AD117838" i="1"/>
  <c r="AD117839" i="1"/>
  <c r="AD117840" i="1"/>
  <c r="AD117841" i="1"/>
  <c r="AD117842" i="1"/>
  <c r="AD117843" i="1"/>
  <c r="AD117844" i="1"/>
  <c r="AD117845" i="1"/>
  <c r="AD117846" i="1"/>
  <c r="AD117847" i="1"/>
  <c r="AD117848" i="1"/>
  <c r="AD117849" i="1"/>
  <c r="AD117850" i="1"/>
  <c r="AD117851" i="1"/>
  <c r="AD117852" i="1"/>
  <c r="AD117853" i="1"/>
  <c r="AD117854" i="1"/>
  <c r="AD117855" i="1"/>
  <c r="AD117856" i="1"/>
  <c r="AD117857" i="1"/>
  <c r="AD117858" i="1"/>
  <c r="AD117859" i="1"/>
  <c r="AD117860" i="1"/>
  <c r="AD117861" i="1"/>
  <c r="AD117862" i="1"/>
  <c r="AD117863" i="1"/>
  <c r="AD117864" i="1"/>
  <c r="AD117865" i="1"/>
  <c r="AD117866" i="1"/>
  <c r="AD117867" i="1"/>
  <c r="AD117868" i="1"/>
  <c r="AD117869" i="1"/>
  <c r="AD117870" i="1"/>
  <c r="AD117871" i="1"/>
  <c r="AD117872" i="1"/>
  <c r="AD117873" i="1"/>
  <c r="AD117874" i="1"/>
  <c r="AD117875" i="1"/>
  <c r="AD117876" i="1"/>
  <c r="AD117877" i="1"/>
  <c r="AD117878" i="1"/>
  <c r="AD117879" i="1"/>
  <c r="AD117880" i="1"/>
  <c r="AD117881" i="1"/>
  <c r="AD117882" i="1"/>
  <c r="AD117883" i="1"/>
  <c r="AD117884" i="1"/>
  <c r="AD117885" i="1"/>
  <c r="AD117886" i="1"/>
  <c r="AD117887" i="1"/>
  <c r="AD117888" i="1"/>
  <c r="AD117889" i="1"/>
  <c r="AD117890" i="1"/>
  <c r="AD117891" i="1"/>
  <c r="AD117892" i="1"/>
  <c r="AD117893" i="1"/>
  <c r="AD117894" i="1"/>
  <c r="AD117895" i="1"/>
  <c r="AD117896" i="1"/>
  <c r="AD117897" i="1"/>
  <c r="AD117898" i="1"/>
  <c r="AD117899" i="1"/>
  <c r="AD117900" i="1"/>
  <c r="AD117901" i="1"/>
  <c r="AD117902" i="1"/>
  <c r="AD117903" i="1"/>
  <c r="AD117904" i="1"/>
  <c r="AD117905" i="1"/>
  <c r="AD117906" i="1"/>
  <c r="AD117907" i="1"/>
  <c r="AD117908" i="1"/>
  <c r="AD117909" i="1"/>
  <c r="AD117910" i="1"/>
  <c r="AD117911" i="1"/>
  <c r="AD117912" i="1"/>
  <c r="AD117913" i="1"/>
  <c r="AD117914" i="1"/>
  <c r="AD117915" i="1"/>
  <c r="AD117916" i="1"/>
  <c r="AD117917" i="1"/>
  <c r="AD117918" i="1"/>
  <c r="AD117919" i="1"/>
  <c r="AD117920" i="1"/>
  <c r="AD117921" i="1"/>
  <c r="AD117922" i="1"/>
  <c r="AD117923" i="1"/>
  <c r="AD117924" i="1"/>
  <c r="AD117925" i="1"/>
  <c r="AD117926" i="1"/>
  <c r="AD117927" i="1"/>
  <c r="AD117928" i="1"/>
  <c r="AD117929" i="1"/>
  <c r="AD117930" i="1"/>
  <c r="AD117931" i="1"/>
  <c r="AD117932" i="1"/>
  <c r="AD117933" i="1"/>
  <c r="AD117934" i="1"/>
  <c r="AD117935" i="1"/>
  <c r="AD117936" i="1"/>
  <c r="AD117937" i="1"/>
  <c r="AD117938" i="1"/>
  <c r="AD117939" i="1"/>
  <c r="AD117940" i="1"/>
  <c r="AD117941" i="1"/>
  <c r="AD117942" i="1"/>
  <c r="AD117943" i="1"/>
  <c r="AD117944" i="1"/>
  <c r="AD117945" i="1"/>
  <c r="AD117946" i="1"/>
  <c r="AD117947" i="1"/>
  <c r="AD117948" i="1"/>
  <c r="AD117949" i="1"/>
  <c r="AD117950" i="1"/>
  <c r="AD117951" i="1"/>
  <c r="AD117952" i="1"/>
  <c r="AD117953" i="1"/>
  <c r="AD117954" i="1"/>
  <c r="AD117955" i="1"/>
  <c r="AD117956" i="1"/>
  <c r="AD117957" i="1"/>
  <c r="AD117958" i="1"/>
  <c r="AD117959" i="1"/>
  <c r="AD117960" i="1"/>
  <c r="AD117961" i="1"/>
  <c r="AD117962" i="1"/>
  <c r="AD117963" i="1"/>
  <c r="AD117964" i="1"/>
  <c r="AD117965" i="1"/>
  <c r="AD117966" i="1"/>
  <c r="AD117967" i="1"/>
  <c r="AD117968" i="1"/>
  <c r="AD117969" i="1"/>
  <c r="AD117970" i="1"/>
  <c r="AD117971" i="1"/>
  <c r="AD117972" i="1"/>
  <c r="AD117973" i="1"/>
  <c r="AD117974" i="1"/>
  <c r="AD117975" i="1"/>
  <c r="AD117976" i="1"/>
  <c r="AD117977" i="1"/>
  <c r="AD117978" i="1"/>
  <c r="AD117979" i="1"/>
  <c r="AD117980" i="1"/>
  <c r="AD117981" i="1"/>
  <c r="AD117982" i="1"/>
  <c r="AD117983" i="1"/>
  <c r="AD117984" i="1"/>
  <c r="AD117985" i="1"/>
  <c r="AD117986" i="1"/>
  <c r="AD117987" i="1"/>
  <c r="AD117988" i="1"/>
  <c r="AD117989" i="1"/>
  <c r="AD117990" i="1"/>
  <c r="AD117991" i="1"/>
  <c r="AD117992" i="1"/>
  <c r="AD117993" i="1"/>
  <c r="AD117994" i="1"/>
  <c r="AD117995" i="1"/>
  <c r="AD117996" i="1"/>
  <c r="AD117997" i="1"/>
  <c r="AD117998" i="1"/>
  <c r="AD117999" i="1"/>
  <c r="AD118000" i="1"/>
  <c r="AD118001" i="1"/>
  <c r="AD118002" i="1"/>
  <c r="AD118003" i="1"/>
  <c r="AD118004" i="1"/>
  <c r="AD118005" i="1"/>
  <c r="AD118006" i="1"/>
  <c r="AD118007" i="1"/>
  <c r="AD118008" i="1"/>
  <c r="AD118009" i="1"/>
  <c r="AD118010" i="1"/>
  <c r="AD118011" i="1"/>
  <c r="AD118012" i="1"/>
  <c r="AD118013" i="1"/>
  <c r="AD118014" i="1"/>
  <c r="AD118015" i="1"/>
  <c r="AD118016" i="1"/>
  <c r="AD118017" i="1"/>
  <c r="AD118018" i="1"/>
  <c r="AD118019" i="1"/>
  <c r="AD118020" i="1"/>
  <c r="AD118021" i="1"/>
  <c r="AD118022" i="1"/>
  <c r="AD118023" i="1"/>
  <c r="AD118024" i="1"/>
  <c r="AD118025" i="1"/>
  <c r="AD118026" i="1"/>
  <c r="AD118027" i="1"/>
  <c r="AD118028" i="1"/>
  <c r="AD118029" i="1"/>
  <c r="AD118030" i="1"/>
  <c r="AD118031" i="1"/>
  <c r="AD118032" i="1"/>
  <c r="AD118033" i="1"/>
  <c r="AD118034" i="1"/>
  <c r="AD118035" i="1"/>
  <c r="AD118036" i="1"/>
  <c r="AD118037" i="1"/>
  <c r="AD118038" i="1"/>
  <c r="AD118039" i="1"/>
  <c r="AD118040" i="1"/>
  <c r="AD118041" i="1"/>
  <c r="AD118042" i="1"/>
  <c r="AD118043" i="1"/>
  <c r="AD118044" i="1"/>
  <c r="AD118045" i="1"/>
  <c r="AD118046" i="1"/>
  <c r="AD118047" i="1"/>
  <c r="AD118048" i="1"/>
  <c r="AD118049" i="1"/>
  <c r="AD118050" i="1"/>
  <c r="AD118051" i="1"/>
  <c r="AD118052" i="1"/>
  <c r="AD118053" i="1"/>
  <c r="AD118054" i="1"/>
  <c r="AD118055" i="1"/>
  <c r="AD118056" i="1"/>
  <c r="AD118057" i="1"/>
  <c r="AD118058" i="1"/>
  <c r="AD118059" i="1"/>
  <c r="AD118060" i="1"/>
  <c r="AD118061" i="1"/>
  <c r="AD118062" i="1"/>
  <c r="AD118063" i="1"/>
  <c r="AD118064" i="1"/>
  <c r="AD118065" i="1"/>
  <c r="AD118066" i="1"/>
  <c r="AD118067" i="1"/>
  <c r="AD118068" i="1"/>
  <c r="AD118069" i="1"/>
  <c r="AD118070" i="1"/>
  <c r="AD118071" i="1"/>
  <c r="AD118072" i="1"/>
  <c r="AD118073" i="1"/>
  <c r="AD118074" i="1"/>
  <c r="AD118075" i="1"/>
  <c r="AD118076" i="1"/>
  <c r="AD118077" i="1"/>
  <c r="AD118078" i="1"/>
  <c r="AD118079" i="1"/>
  <c r="AD118080" i="1"/>
  <c r="AD118081" i="1"/>
  <c r="AD118082" i="1"/>
  <c r="AD118083" i="1"/>
  <c r="AD118084" i="1"/>
  <c r="AD118085" i="1"/>
  <c r="AD118086" i="1"/>
  <c r="AD118087" i="1"/>
  <c r="AD118088" i="1"/>
  <c r="AD118089" i="1"/>
  <c r="AD118090" i="1"/>
  <c r="AD118091" i="1"/>
  <c r="AD118092" i="1"/>
  <c r="AD118093" i="1"/>
  <c r="AD118094" i="1"/>
  <c r="AD118095" i="1"/>
  <c r="AD118096" i="1"/>
  <c r="AD118097" i="1"/>
  <c r="AD118098" i="1"/>
  <c r="AD118099" i="1"/>
  <c r="AD118100" i="1"/>
  <c r="AD118101" i="1"/>
  <c r="AD118102" i="1"/>
  <c r="AD118103" i="1"/>
  <c r="AD118104" i="1"/>
  <c r="AD118105" i="1"/>
  <c r="AD118106" i="1"/>
  <c r="AD118107" i="1"/>
  <c r="AD118108" i="1"/>
  <c r="AD118109" i="1"/>
  <c r="AD118110" i="1"/>
  <c r="AD118111" i="1"/>
  <c r="AD118112" i="1"/>
  <c r="AD118113" i="1"/>
  <c r="AD118114" i="1"/>
  <c r="AD118115" i="1"/>
  <c r="AD118116" i="1"/>
  <c r="AD118117" i="1"/>
  <c r="AD118118" i="1"/>
  <c r="AD118119" i="1"/>
  <c r="AD118120" i="1"/>
  <c r="AD118121" i="1"/>
  <c r="AD118122" i="1"/>
  <c r="AD118123" i="1"/>
  <c r="AD118124" i="1"/>
  <c r="AD118125" i="1"/>
  <c r="AD118126" i="1"/>
  <c r="AD118127" i="1"/>
  <c r="AD118128" i="1"/>
  <c r="AD118129" i="1"/>
  <c r="AD118130" i="1"/>
  <c r="AD118131" i="1"/>
  <c r="AD118132" i="1"/>
  <c r="AD118133" i="1"/>
  <c r="AD118134" i="1"/>
  <c r="AD118135" i="1"/>
  <c r="AD118136" i="1"/>
  <c r="AD118137" i="1"/>
  <c r="AD118138" i="1"/>
  <c r="AD118139" i="1"/>
  <c r="AD118140" i="1"/>
  <c r="AD118141" i="1"/>
  <c r="AD118142" i="1"/>
  <c r="AD118143" i="1"/>
  <c r="AD118144" i="1"/>
  <c r="AD118145" i="1"/>
  <c r="AD118146" i="1"/>
  <c r="AD118147" i="1"/>
  <c r="AD118148" i="1"/>
  <c r="AD118149" i="1"/>
  <c r="AD118150" i="1"/>
  <c r="AD118151" i="1"/>
  <c r="AD118152" i="1"/>
  <c r="AD118153" i="1"/>
  <c r="AD118154" i="1"/>
  <c r="AD118155" i="1"/>
  <c r="AD118156" i="1"/>
  <c r="AD118157" i="1"/>
  <c r="AD118158" i="1"/>
  <c r="AD118159" i="1"/>
  <c r="AD118160" i="1"/>
  <c r="AD118161" i="1"/>
  <c r="AD118162" i="1"/>
  <c r="AD118163" i="1"/>
  <c r="AD118164" i="1"/>
  <c r="AD118165" i="1"/>
  <c r="AD118166" i="1"/>
  <c r="AD118167" i="1"/>
  <c r="AD118168" i="1"/>
  <c r="AD118169" i="1"/>
  <c r="AD118170" i="1"/>
  <c r="AD118171" i="1"/>
  <c r="AD118172" i="1"/>
  <c r="AD118173" i="1"/>
  <c r="AD118174" i="1"/>
  <c r="AD118175" i="1"/>
  <c r="AD118176" i="1"/>
  <c r="AD118177" i="1"/>
  <c r="AD118178" i="1"/>
  <c r="AD118179" i="1"/>
  <c r="AD118180" i="1"/>
  <c r="AD118181" i="1"/>
  <c r="AD118182" i="1"/>
  <c r="AD118183" i="1"/>
  <c r="AD118184" i="1"/>
  <c r="AD118185" i="1"/>
  <c r="AD118186" i="1"/>
  <c r="AD118187" i="1"/>
  <c r="AD118188" i="1"/>
  <c r="AD118189" i="1"/>
  <c r="AD118190" i="1"/>
  <c r="AD118191" i="1"/>
  <c r="AD118192" i="1"/>
  <c r="AD118193" i="1"/>
  <c r="AD118194" i="1"/>
  <c r="AD118195" i="1"/>
  <c r="AD118196" i="1"/>
  <c r="AD118197" i="1"/>
  <c r="AD118198" i="1"/>
  <c r="AD118199" i="1"/>
  <c r="AD118200" i="1"/>
  <c r="AD118201" i="1"/>
  <c r="AD118202" i="1"/>
  <c r="AD118203" i="1"/>
  <c r="AD118204" i="1"/>
  <c r="AD118205" i="1"/>
  <c r="AD118206" i="1"/>
  <c r="AD118207" i="1"/>
  <c r="AD118208" i="1"/>
  <c r="AD118209" i="1"/>
  <c r="AD118210" i="1"/>
  <c r="AD118211" i="1"/>
  <c r="AD118212" i="1"/>
  <c r="AD118213" i="1"/>
  <c r="AD118214" i="1"/>
  <c r="AD118215" i="1"/>
  <c r="AD118216" i="1"/>
  <c r="AD118217" i="1"/>
  <c r="AD118218" i="1"/>
  <c r="AD118219" i="1"/>
  <c r="AD118220" i="1"/>
  <c r="AD118221" i="1"/>
  <c r="AD118222" i="1"/>
  <c r="AD118223" i="1"/>
  <c r="AD118224" i="1"/>
  <c r="AD118225" i="1"/>
  <c r="AD118226" i="1"/>
  <c r="AD118227" i="1"/>
  <c r="AD118228" i="1"/>
  <c r="AD118229" i="1"/>
  <c r="AD118230" i="1"/>
  <c r="AD118231" i="1"/>
  <c r="AD118232" i="1"/>
  <c r="AD118233" i="1"/>
  <c r="AD118234" i="1"/>
  <c r="AD118235" i="1"/>
  <c r="AD118236" i="1"/>
  <c r="AD118237" i="1"/>
  <c r="AD118238" i="1"/>
  <c r="AD118239" i="1"/>
  <c r="AD118240" i="1"/>
  <c r="AD118241" i="1"/>
  <c r="AD118242" i="1"/>
  <c r="AD118243" i="1"/>
  <c r="AD118244" i="1"/>
  <c r="AD118245" i="1"/>
  <c r="AD118246" i="1"/>
  <c r="AD118247" i="1"/>
  <c r="AD118248" i="1"/>
  <c r="AD118249" i="1"/>
  <c r="AD118250" i="1"/>
  <c r="AD118251" i="1"/>
  <c r="AD118252" i="1"/>
  <c r="AD118253" i="1"/>
  <c r="AD118254" i="1"/>
  <c r="AD118255" i="1"/>
  <c r="AD118256" i="1"/>
  <c r="AD118257" i="1"/>
  <c r="AD118258" i="1"/>
  <c r="AD118259" i="1"/>
  <c r="AD118260" i="1"/>
  <c r="AD118261" i="1"/>
  <c r="AD118262" i="1"/>
  <c r="AD118263" i="1"/>
  <c r="AD118264" i="1"/>
  <c r="AD118265" i="1"/>
  <c r="AD118266" i="1"/>
  <c r="AD118267" i="1"/>
  <c r="AD118268" i="1"/>
  <c r="AD118269" i="1"/>
  <c r="AD118270" i="1"/>
  <c r="AD118271" i="1"/>
  <c r="AD118272" i="1"/>
  <c r="AD118273" i="1"/>
  <c r="AD118274" i="1"/>
  <c r="AD118275" i="1"/>
  <c r="AD118276" i="1"/>
  <c r="AD118277" i="1"/>
  <c r="AD118278" i="1"/>
  <c r="AD118279" i="1"/>
  <c r="AD118280" i="1"/>
  <c r="AD118281" i="1"/>
  <c r="AD118282" i="1"/>
  <c r="AD118283" i="1"/>
  <c r="AD118284" i="1"/>
  <c r="AD118285" i="1"/>
  <c r="AD118286" i="1"/>
  <c r="AD118287" i="1"/>
  <c r="AD118288" i="1"/>
  <c r="AD118289" i="1"/>
  <c r="AD118290" i="1"/>
  <c r="AD118291" i="1"/>
  <c r="AD118292" i="1"/>
  <c r="AD118293" i="1"/>
  <c r="AD118294" i="1"/>
  <c r="AD118295" i="1"/>
  <c r="AD118296" i="1"/>
  <c r="AD118297" i="1"/>
  <c r="AD118298" i="1"/>
  <c r="AD118299" i="1"/>
  <c r="AD118300" i="1"/>
  <c r="AD118301" i="1"/>
  <c r="AD118302" i="1"/>
  <c r="AD118303" i="1"/>
  <c r="AD118304" i="1"/>
  <c r="AD118305" i="1"/>
  <c r="AD118306" i="1"/>
  <c r="AD118307" i="1"/>
  <c r="AD118308" i="1"/>
  <c r="AD118309" i="1"/>
  <c r="AD118310" i="1"/>
  <c r="AD118311" i="1"/>
  <c r="AD118312" i="1"/>
  <c r="AD118313" i="1"/>
  <c r="AD118314" i="1"/>
  <c r="AD118315" i="1"/>
  <c r="AD118316" i="1"/>
  <c r="AD118317" i="1"/>
  <c r="AD118318" i="1"/>
  <c r="AD118319" i="1"/>
  <c r="AD118320" i="1"/>
  <c r="AD118321" i="1"/>
  <c r="AD118322" i="1"/>
  <c r="AD118323" i="1"/>
  <c r="AD118324" i="1"/>
  <c r="AD118325" i="1"/>
  <c r="AD118326" i="1"/>
  <c r="AD118327" i="1"/>
  <c r="AD118328" i="1"/>
  <c r="AD118329" i="1"/>
  <c r="AD118330" i="1"/>
  <c r="AD118331" i="1"/>
  <c r="AD118332" i="1"/>
  <c r="AD118333" i="1"/>
  <c r="AD118334" i="1"/>
  <c r="AD118335" i="1"/>
  <c r="AD118336" i="1"/>
  <c r="AD118337" i="1"/>
  <c r="AD118338" i="1"/>
  <c r="AD118339" i="1"/>
  <c r="AD118340" i="1"/>
  <c r="AD118341" i="1"/>
  <c r="AD118342" i="1"/>
  <c r="AD118343" i="1"/>
  <c r="AD118344" i="1"/>
  <c r="AD118345" i="1"/>
  <c r="AD118346" i="1"/>
  <c r="AD118347" i="1"/>
  <c r="AD118348" i="1"/>
  <c r="AD118349" i="1"/>
  <c r="AD118350" i="1"/>
  <c r="AD118351" i="1"/>
  <c r="AD118352" i="1"/>
  <c r="AD118353" i="1"/>
  <c r="AD118354" i="1"/>
  <c r="AD118355" i="1"/>
  <c r="AD118356" i="1"/>
  <c r="AD118357" i="1"/>
  <c r="AD118358" i="1"/>
  <c r="AD118359" i="1"/>
  <c r="AD118360" i="1"/>
  <c r="AD118361" i="1"/>
  <c r="AD118362" i="1"/>
  <c r="AD118363" i="1"/>
  <c r="AD118364" i="1"/>
  <c r="AD118365" i="1"/>
  <c r="AD118366" i="1"/>
  <c r="AD118367" i="1"/>
  <c r="AD118368" i="1"/>
  <c r="AD118369" i="1"/>
  <c r="AD118370" i="1"/>
  <c r="AD118371" i="1"/>
  <c r="AD118372" i="1"/>
  <c r="AD118373" i="1"/>
  <c r="AD118374" i="1"/>
  <c r="AD118375" i="1"/>
  <c r="AD118376" i="1"/>
  <c r="AD118377" i="1"/>
  <c r="AD118378" i="1"/>
  <c r="AD118379" i="1"/>
  <c r="AD118380" i="1"/>
  <c r="AD118381" i="1"/>
  <c r="AD118382" i="1"/>
  <c r="AD118383" i="1"/>
  <c r="AD118384" i="1"/>
  <c r="AD118385" i="1"/>
  <c r="AD118386" i="1"/>
  <c r="AD118387" i="1"/>
  <c r="AD118388" i="1"/>
  <c r="AD118389" i="1"/>
  <c r="AD118390" i="1"/>
  <c r="AD118391" i="1"/>
  <c r="AD118392" i="1"/>
  <c r="AD118393" i="1"/>
  <c r="AD118394" i="1"/>
  <c r="AD118395" i="1"/>
  <c r="AD118396" i="1"/>
  <c r="AD118397" i="1"/>
  <c r="AD118398" i="1"/>
  <c r="AD118399" i="1"/>
  <c r="AD118400" i="1"/>
  <c r="AD118401" i="1"/>
  <c r="AD118402" i="1"/>
  <c r="AD118403" i="1"/>
  <c r="AD118404" i="1"/>
  <c r="AD118405" i="1"/>
  <c r="AD118406" i="1"/>
  <c r="AD118407" i="1"/>
  <c r="AD118408" i="1"/>
  <c r="AD118409" i="1"/>
  <c r="AD118410" i="1"/>
  <c r="AD118411" i="1"/>
  <c r="AD118412" i="1"/>
  <c r="AD118413" i="1"/>
  <c r="AD118414" i="1"/>
  <c r="AD118415" i="1"/>
  <c r="AD118416" i="1"/>
  <c r="AD118417" i="1"/>
  <c r="AD118418" i="1"/>
  <c r="AD118419" i="1"/>
  <c r="AD118420" i="1"/>
  <c r="AD118421" i="1"/>
  <c r="AD118422" i="1"/>
  <c r="AD118423" i="1"/>
  <c r="AD118424" i="1"/>
  <c r="AD118425" i="1"/>
  <c r="AD118426" i="1"/>
  <c r="AD118427" i="1"/>
  <c r="AD118428" i="1"/>
  <c r="AD118429" i="1"/>
  <c r="AD118430" i="1"/>
  <c r="AD118431" i="1"/>
  <c r="AD118432" i="1"/>
  <c r="AD118433" i="1"/>
  <c r="AD118434" i="1"/>
  <c r="AD118435" i="1"/>
  <c r="AD118436" i="1"/>
  <c r="AD118437" i="1"/>
  <c r="AD118438" i="1"/>
  <c r="AD118439" i="1"/>
  <c r="AD118440" i="1"/>
  <c r="AD118441" i="1"/>
  <c r="AD118442" i="1"/>
  <c r="AD118443" i="1"/>
  <c r="AD118444" i="1"/>
  <c r="AD118445" i="1"/>
  <c r="AD118446" i="1"/>
  <c r="AD118447" i="1"/>
  <c r="AD118448" i="1"/>
  <c r="AD118449" i="1"/>
  <c r="AD118450" i="1"/>
  <c r="AD118451" i="1"/>
  <c r="AD118452" i="1"/>
  <c r="AD118453" i="1"/>
  <c r="AD118454" i="1"/>
  <c r="AD118455" i="1"/>
  <c r="AD118456" i="1"/>
  <c r="AD118457" i="1"/>
  <c r="AD118458" i="1"/>
  <c r="AD118459" i="1"/>
  <c r="AD118460" i="1"/>
  <c r="AD118461" i="1"/>
  <c r="AD118462" i="1"/>
  <c r="AD118463" i="1"/>
  <c r="AD118464" i="1"/>
  <c r="AD118465" i="1"/>
  <c r="AD118466" i="1"/>
  <c r="AD118467" i="1"/>
  <c r="AD118468" i="1"/>
  <c r="AD118469" i="1"/>
  <c r="AD118470" i="1"/>
  <c r="AD118471" i="1"/>
  <c r="AD118472" i="1"/>
  <c r="AD118473" i="1"/>
  <c r="AD118474" i="1"/>
  <c r="AD118475" i="1"/>
  <c r="AD118476" i="1"/>
  <c r="AD118477" i="1"/>
  <c r="AD118478" i="1"/>
  <c r="AD118479" i="1"/>
  <c r="AD118480" i="1"/>
  <c r="AD118481" i="1"/>
  <c r="AD118482" i="1"/>
  <c r="AD118483" i="1"/>
  <c r="AD118484" i="1"/>
  <c r="AD118485" i="1"/>
  <c r="AD118486" i="1"/>
  <c r="AD118487" i="1"/>
  <c r="AD118488" i="1"/>
  <c r="AD118489" i="1"/>
  <c r="AD118490" i="1"/>
  <c r="AD118491" i="1"/>
  <c r="AD118492" i="1"/>
  <c r="AD118493" i="1"/>
  <c r="AD118494" i="1"/>
  <c r="AD118495" i="1"/>
  <c r="AD118496" i="1"/>
  <c r="AD118497" i="1"/>
  <c r="AD118498" i="1"/>
  <c r="AD118499" i="1"/>
  <c r="AD118500" i="1"/>
  <c r="AD118501" i="1"/>
  <c r="AD118502" i="1"/>
  <c r="AD118503" i="1"/>
  <c r="AD118504" i="1"/>
  <c r="AD118505" i="1"/>
  <c r="AD118506" i="1"/>
  <c r="AD118507" i="1"/>
  <c r="AD118508" i="1"/>
  <c r="AD118509" i="1"/>
  <c r="AD118510" i="1"/>
  <c r="AD118511" i="1"/>
  <c r="AD118512" i="1"/>
  <c r="AD118513" i="1"/>
  <c r="AD118514" i="1"/>
  <c r="AD118515" i="1"/>
  <c r="AD118516" i="1"/>
  <c r="AD118517" i="1"/>
  <c r="AD118518" i="1"/>
  <c r="AD118519" i="1"/>
  <c r="AD118520" i="1"/>
  <c r="AD118521" i="1"/>
  <c r="AD118522" i="1"/>
  <c r="AD118523" i="1"/>
  <c r="AD118524" i="1"/>
  <c r="AD118525" i="1"/>
  <c r="AD118526" i="1"/>
  <c r="AD118527" i="1"/>
  <c r="AD118528" i="1"/>
  <c r="AD118529" i="1"/>
  <c r="AD118530" i="1"/>
  <c r="AD118531" i="1"/>
  <c r="AD118532" i="1"/>
  <c r="AD118533" i="1"/>
  <c r="AD118534" i="1"/>
  <c r="AD118535" i="1"/>
  <c r="AD118536" i="1"/>
  <c r="AD118537" i="1"/>
  <c r="AD118538" i="1"/>
  <c r="AD118539" i="1"/>
  <c r="AD118540" i="1"/>
  <c r="AD118541" i="1"/>
  <c r="AD118542" i="1"/>
  <c r="AD118543" i="1"/>
  <c r="AD118544" i="1"/>
  <c r="AD118545" i="1"/>
  <c r="AD118546" i="1"/>
  <c r="AD118547" i="1"/>
  <c r="AD118548" i="1"/>
  <c r="AD118549" i="1"/>
  <c r="AD118550" i="1"/>
  <c r="AD118551" i="1"/>
  <c r="AD118552" i="1"/>
  <c r="AD118553" i="1"/>
  <c r="AD118554" i="1"/>
  <c r="AD118555" i="1"/>
  <c r="AD118556" i="1"/>
  <c r="AD118557" i="1"/>
  <c r="AD118558" i="1"/>
  <c r="AD118559" i="1"/>
  <c r="AD118560" i="1"/>
  <c r="AD118561" i="1"/>
  <c r="AD118562" i="1"/>
  <c r="AD118563" i="1"/>
  <c r="AD118564" i="1"/>
  <c r="AD118565" i="1"/>
  <c r="AD118566" i="1"/>
  <c r="AD118567" i="1"/>
  <c r="AD118568" i="1"/>
  <c r="AD118569" i="1"/>
  <c r="AD118570" i="1"/>
  <c r="AD118571" i="1"/>
  <c r="AD118572" i="1"/>
  <c r="AD118573" i="1"/>
  <c r="AD118574" i="1"/>
  <c r="AD118575" i="1"/>
  <c r="AD118576" i="1"/>
  <c r="AD118577" i="1"/>
  <c r="AD118578" i="1"/>
  <c r="AD118579" i="1"/>
  <c r="AD118580" i="1"/>
  <c r="AD118581" i="1"/>
  <c r="AD118582" i="1"/>
  <c r="AD118583" i="1"/>
  <c r="AD118584" i="1"/>
  <c r="AD118585" i="1"/>
  <c r="AD118586" i="1"/>
  <c r="AD118587" i="1"/>
  <c r="AD118588" i="1"/>
  <c r="AD118589" i="1"/>
  <c r="AD118590" i="1"/>
  <c r="AD118591" i="1"/>
  <c r="AD118592" i="1"/>
  <c r="AD118593" i="1"/>
  <c r="AD118594" i="1"/>
  <c r="AD118595" i="1"/>
  <c r="AD118596" i="1"/>
  <c r="AD118597" i="1"/>
  <c r="AD118598" i="1"/>
  <c r="AD118599" i="1"/>
  <c r="AD118600" i="1"/>
  <c r="AD118601" i="1"/>
  <c r="AD118602" i="1"/>
  <c r="AD118603" i="1"/>
  <c r="AD118604" i="1"/>
  <c r="AD118605" i="1"/>
  <c r="AD118606" i="1"/>
  <c r="AD118607" i="1"/>
  <c r="AD118608" i="1"/>
  <c r="AD118609" i="1"/>
  <c r="AD118610" i="1"/>
  <c r="AD118611" i="1"/>
  <c r="AD118612" i="1"/>
  <c r="AD118613" i="1"/>
  <c r="AD118614" i="1"/>
  <c r="AD118615" i="1"/>
  <c r="AD118616" i="1"/>
  <c r="AD118617" i="1"/>
  <c r="AD118618" i="1"/>
  <c r="AD118619" i="1"/>
  <c r="AD118620" i="1"/>
  <c r="AD118621" i="1"/>
  <c r="AD118622" i="1"/>
  <c r="AD118623" i="1"/>
  <c r="AD118624" i="1"/>
  <c r="AD118625" i="1"/>
  <c r="AD118626" i="1"/>
  <c r="AD118627" i="1"/>
  <c r="AD118628" i="1"/>
  <c r="AD118629" i="1"/>
  <c r="AD118630" i="1"/>
  <c r="AD118631" i="1"/>
  <c r="AD118632" i="1"/>
  <c r="AD118633" i="1"/>
  <c r="AD118634" i="1"/>
  <c r="AD118635" i="1"/>
  <c r="AD118636" i="1"/>
  <c r="AD118637" i="1"/>
  <c r="AD118638" i="1"/>
  <c r="AD118639" i="1"/>
  <c r="AD118640" i="1"/>
  <c r="AD118641" i="1"/>
  <c r="AD118642" i="1"/>
  <c r="AD118643" i="1"/>
  <c r="AD118644" i="1"/>
  <c r="AD118645" i="1"/>
  <c r="AD118646" i="1"/>
  <c r="AD118647" i="1"/>
  <c r="AD118648" i="1"/>
  <c r="AD118649" i="1"/>
  <c r="AD118650" i="1"/>
  <c r="AD118651" i="1"/>
  <c r="AD118652" i="1"/>
  <c r="AD118653" i="1"/>
  <c r="AD118654" i="1"/>
  <c r="AD118655" i="1"/>
  <c r="AD118656" i="1"/>
  <c r="AD118657" i="1"/>
  <c r="AD118658" i="1"/>
  <c r="AD118659" i="1"/>
  <c r="AD118660" i="1"/>
  <c r="AD118661" i="1"/>
  <c r="AD118662" i="1"/>
  <c r="AD118663" i="1"/>
  <c r="AD118664" i="1"/>
  <c r="AD118665" i="1"/>
  <c r="AD118666" i="1"/>
  <c r="AD118667" i="1"/>
  <c r="AD118668" i="1"/>
  <c r="AD118669" i="1"/>
  <c r="AD118670" i="1"/>
  <c r="AD118671" i="1"/>
  <c r="AD118672" i="1"/>
  <c r="AD118673" i="1"/>
  <c r="AD118674" i="1"/>
  <c r="AD118675" i="1"/>
  <c r="AD118676" i="1"/>
  <c r="AD118677" i="1"/>
  <c r="AD118678" i="1"/>
  <c r="AD118679" i="1"/>
  <c r="AD118680" i="1"/>
  <c r="AD118681" i="1"/>
  <c r="AD118682" i="1"/>
  <c r="AD118683" i="1"/>
  <c r="AD118684" i="1"/>
  <c r="AD118685" i="1"/>
  <c r="AD118686" i="1"/>
  <c r="AD118687" i="1"/>
  <c r="AD118688" i="1"/>
  <c r="AD118689" i="1"/>
  <c r="AD118690" i="1"/>
  <c r="AD118691" i="1"/>
  <c r="AD118692" i="1"/>
  <c r="AD118693" i="1"/>
  <c r="AD118694" i="1"/>
  <c r="AD118695" i="1"/>
  <c r="AD118696" i="1"/>
  <c r="AD118697" i="1"/>
  <c r="AD118698" i="1"/>
  <c r="AD118699" i="1"/>
  <c r="AD118700" i="1"/>
  <c r="AD118701" i="1"/>
  <c r="AD118702" i="1"/>
  <c r="AD118703" i="1"/>
  <c r="AD118704" i="1"/>
  <c r="AD118705" i="1"/>
  <c r="AD118706" i="1"/>
  <c r="AD118707" i="1"/>
  <c r="AD118708" i="1"/>
  <c r="AD118709" i="1"/>
  <c r="AD118710" i="1"/>
  <c r="AD118711" i="1"/>
  <c r="AD118712" i="1"/>
  <c r="AD118713" i="1"/>
  <c r="AD118714" i="1"/>
  <c r="AD118715" i="1"/>
  <c r="AD118716" i="1"/>
  <c r="AD118717" i="1"/>
  <c r="AD118718" i="1"/>
  <c r="AD118719" i="1"/>
  <c r="AD118720" i="1"/>
  <c r="AD118721" i="1"/>
  <c r="AD118722" i="1"/>
  <c r="AD118723" i="1"/>
  <c r="AD118724" i="1"/>
  <c r="AD118725" i="1"/>
  <c r="AD118726" i="1"/>
  <c r="AD118727" i="1"/>
  <c r="AD118728" i="1"/>
  <c r="AD118729" i="1"/>
  <c r="AD118730" i="1"/>
  <c r="AD118731" i="1"/>
  <c r="AD118732" i="1"/>
  <c r="AD118733" i="1"/>
  <c r="AD118734" i="1"/>
  <c r="AD118735" i="1"/>
  <c r="AD118736" i="1"/>
  <c r="AD118737" i="1"/>
  <c r="AD118738" i="1"/>
  <c r="AD118739" i="1"/>
  <c r="AD118740" i="1"/>
  <c r="AD118741" i="1"/>
  <c r="AD118742" i="1"/>
  <c r="AD118743" i="1"/>
  <c r="AD118744" i="1"/>
  <c r="AD118745" i="1"/>
  <c r="AD118746" i="1"/>
  <c r="AD118747" i="1"/>
  <c r="AD118748" i="1"/>
  <c r="AD118749" i="1"/>
  <c r="AD118750" i="1"/>
  <c r="AD118751" i="1"/>
  <c r="AD118752" i="1"/>
  <c r="AD118753" i="1"/>
  <c r="AD118754" i="1"/>
  <c r="AD118755" i="1"/>
  <c r="AD118756" i="1"/>
  <c r="AD118757" i="1"/>
  <c r="AD118758" i="1"/>
  <c r="AD118759" i="1"/>
  <c r="AD118760" i="1"/>
  <c r="AD118761" i="1"/>
  <c r="AD118762" i="1"/>
  <c r="AD118763" i="1"/>
  <c r="AD118764" i="1"/>
  <c r="AD118765" i="1"/>
  <c r="AD118766" i="1"/>
  <c r="AD118767" i="1"/>
  <c r="AD118768" i="1"/>
  <c r="AD118769" i="1"/>
  <c r="AD118770" i="1"/>
  <c r="AD118771" i="1"/>
  <c r="AD118772" i="1"/>
  <c r="AD118773" i="1"/>
  <c r="AD118774" i="1"/>
  <c r="AD118775" i="1"/>
  <c r="AD118776" i="1"/>
  <c r="AD118777" i="1"/>
  <c r="AD118778" i="1"/>
  <c r="AD118779" i="1"/>
  <c r="AD118780" i="1"/>
  <c r="AD118781" i="1"/>
  <c r="AD118782" i="1"/>
  <c r="AD118783" i="1"/>
  <c r="AD118784" i="1"/>
  <c r="AD118785" i="1"/>
  <c r="AD118786" i="1"/>
  <c r="AD118787" i="1"/>
  <c r="AD118788" i="1"/>
  <c r="AD118789" i="1"/>
  <c r="AD118790" i="1"/>
  <c r="AD118791" i="1"/>
  <c r="AD118792" i="1"/>
  <c r="AD118793" i="1"/>
  <c r="AD118794" i="1"/>
  <c r="AD118795" i="1"/>
  <c r="AD118796" i="1"/>
  <c r="AD118797" i="1"/>
  <c r="AD118798" i="1"/>
  <c r="AD118799" i="1"/>
  <c r="AD118800" i="1"/>
  <c r="AD118801" i="1"/>
  <c r="AD118802" i="1"/>
  <c r="AD118803" i="1"/>
  <c r="AD118804" i="1"/>
  <c r="AD118805" i="1"/>
  <c r="AD118806" i="1"/>
  <c r="AD118807" i="1"/>
  <c r="AD118808" i="1"/>
  <c r="AD118809" i="1"/>
  <c r="AD118810" i="1"/>
  <c r="AD118811" i="1"/>
  <c r="AD118812" i="1"/>
  <c r="AD118813" i="1"/>
  <c r="AD118814" i="1"/>
  <c r="AD118815" i="1"/>
  <c r="AD118816" i="1"/>
  <c r="AD118817" i="1"/>
  <c r="AD118818" i="1"/>
  <c r="AD118819" i="1"/>
  <c r="AD118820" i="1"/>
  <c r="AD118821" i="1"/>
  <c r="AD118822" i="1"/>
  <c r="AD118823" i="1"/>
  <c r="AD118824" i="1"/>
  <c r="AD118825" i="1"/>
  <c r="AD118826" i="1"/>
  <c r="AD118827" i="1"/>
  <c r="AD118828" i="1"/>
  <c r="AD118829" i="1"/>
  <c r="AD118830" i="1"/>
  <c r="AD118831" i="1"/>
  <c r="AD118832" i="1"/>
  <c r="AD118833" i="1"/>
  <c r="AD118834" i="1"/>
  <c r="AD118835" i="1"/>
  <c r="AD118836" i="1"/>
  <c r="AD118837" i="1"/>
  <c r="AD118838" i="1"/>
  <c r="AD118839" i="1"/>
  <c r="AD118840" i="1"/>
  <c r="AD118841" i="1"/>
  <c r="AD118842" i="1"/>
  <c r="AD118843" i="1"/>
  <c r="AD118844" i="1"/>
  <c r="AD118845" i="1"/>
  <c r="AD118846" i="1"/>
  <c r="AD118847" i="1"/>
  <c r="AD118848" i="1"/>
  <c r="AD118849" i="1"/>
  <c r="AD118850" i="1"/>
  <c r="AD118851" i="1"/>
  <c r="AD118852" i="1"/>
  <c r="AD118853" i="1"/>
  <c r="AD118854" i="1"/>
  <c r="AD118855" i="1"/>
  <c r="AD118856" i="1"/>
  <c r="AD118857" i="1"/>
  <c r="AD118858" i="1"/>
  <c r="AD118859" i="1"/>
  <c r="AD118860" i="1"/>
  <c r="AD118861" i="1"/>
  <c r="AD118862" i="1"/>
  <c r="AD118863" i="1"/>
  <c r="AD118864" i="1"/>
  <c r="AD118865" i="1"/>
  <c r="AD118866" i="1"/>
  <c r="AD118867" i="1"/>
  <c r="AD118868" i="1"/>
  <c r="AD118869" i="1"/>
  <c r="AD118870" i="1"/>
  <c r="AD118871" i="1"/>
  <c r="AD118872" i="1"/>
  <c r="AD118873" i="1"/>
  <c r="AD118874" i="1"/>
  <c r="AD118875" i="1"/>
  <c r="AD118876" i="1"/>
  <c r="AD118877" i="1"/>
  <c r="AD118878" i="1"/>
  <c r="AD118879" i="1"/>
  <c r="AD118880" i="1"/>
  <c r="AD118881" i="1"/>
  <c r="AD118882" i="1"/>
  <c r="AD118883" i="1"/>
  <c r="AD118884" i="1"/>
  <c r="AD118885" i="1"/>
  <c r="AD118886" i="1"/>
  <c r="AD118887" i="1"/>
  <c r="AD118888" i="1"/>
  <c r="AD118889" i="1"/>
  <c r="AD118890" i="1"/>
  <c r="AD118891" i="1"/>
  <c r="AD118892" i="1"/>
  <c r="AD118893" i="1"/>
  <c r="AD118894" i="1"/>
  <c r="AD118895" i="1"/>
  <c r="AD118896" i="1"/>
  <c r="AD118897" i="1"/>
  <c r="AD118898" i="1"/>
  <c r="AD118899" i="1"/>
  <c r="AD118900" i="1"/>
  <c r="AD118901" i="1"/>
  <c r="AD118902" i="1"/>
  <c r="AD118903" i="1"/>
  <c r="AD118904" i="1"/>
  <c r="AD118905" i="1"/>
  <c r="AD118906" i="1"/>
  <c r="AD118907" i="1"/>
  <c r="AD118908" i="1"/>
  <c r="AD118909" i="1"/>
  <c r="AD118910" i="1"/>
  <c r="AD118911" i="1"/>
  <c r="AD118912" i="1"/>
  <c r="AD118913" i="1"/>
  <c r="AD118914" i="1"/>
  <c r="AD118915" i="1"/>
  <c r="AD118916" i="1"/>
  <c r="AD118917" i="1"/>
  <c r="AD118918" i="1"/>
  <c r="AD118919" i="1"/>
  <c r="AD118920" i="1"/>
  <c r="AD118921" i="1"/>
  <c r="AD118922" i="1"/>
  <c r="AD118923" i="1"/>
  <c r="AD118924" i="1"/>
  <c r="AD118925" i="1"/>
  <c r="AD118926" i="1"/>
  <c r="AD118927" i="1"/>
  <c r="AD118928" i="1"/>
  <c r="AD118929" i="1"/>
  <c r="AD118930" i="1"/>
  <c r="AD118931" i="1"/>
  <c r="AD118932" i="1"/>
  <c r="AD118933" i="1"/>
  <c r="AD118934" i="1"/>
  <c r="AD118935" i="1"/>
  <c r="AD118936" i="1"/>
  <c r="AD118937" i="1"/>
  <c r="AD118938" i="1"/>
  <c r="AD118939" i="1"/>
  <c r="AD118940" i="1"/>
  <c r="AD118941" i="1"/>
  <c r="AD118942" i="1"/>
  <c r="AD118943" i="1"/>
  <c r="AD118944" i="1"/>
  <c r="AD118945" i="1"/>
  <c r="AD118946" i="1"/>
  <c r="AD118947" i="1"/>
  <c r="AD118948" i="1"/>
  <c r="AD118949" i="1"/>
  <c r="AD118950" i="1"/>
  <c r="AD118951" i="1"/>
  <c r="AD118952" i="1"/>
  <c r="AD118953" i="1"/>
  <c r="AD118954" i="1"/>
  <c r="AD118955" i="1"/>
  <c r="AD118956" i="1"/>
  <c r="AD118957" i="1"/>
  <c r="AD118958" i="1"/>
  <c r="AD118959" i="1"/>
  <c r="AD118960" i="1"/>
  <c r="AD118961" i="1"/>
  <c r="AD118962" i="1"/>
  <c r="AD118963" i="1"/>
  <c r="AD118964" i="1"/>
  <c r="AD118965" i="1"/>
  <c r="AD118966" i="1"/>
  <c r="AD118967" i="1"/>
  <c r="AD118968" i="1"/>
  <c r="AD118969" i="1"/>
  <c r="AD118970" i="1"/>
  <c r="AD118971" i="1"/>
  <c r="AD118972" i="1"/>
  <c r="AD118973" i="1"/>
  <c r="AD118974" i="1"/>
  <c r="AD118975" i="1"/>
  <c r="AD118976" i="1"/>
  <c r="AD118977" i="1"/>
  <c r="AD118978" i="1"/>
  <c r="AD118979" i="1"/>
  <c r="AD118980" i="1"/>
  <c r="AD118981" i="1"/>
  <c r="AD118982" i="1"/>
  <c r="AD118983" i="1"/>
  <c r="AD118984" i="1"/>
  <c r="AD118985" i="1"/>
  <c r="AD118986" i="1"/>
  <c r="AD118987" i="1"/>
  <c r="AD118988" i="1"/>
  <c r="AD118989" i="1"/>
  <c r="AD118990" i="1"/>
  <c r="AD118991" i="1"/>
  <c r="AD118992" i="1"/>
  <c r="AD118993" i="1"/>
  <c r="AD118994" i="1"/>
  <c r="AD118995" i="1"/>
  <c r="AD118996" i="1"/>
  <c r="AD118997" i="1"/>
  <c r="AD118998" i="1"/>
  <c r="AD118999" i="1"/>
  <c r="AD119000" i="1"/>
  <c r="AD119001" i="1"/>
  <c r="AD119002" i="1"/>
  <c r="AD119003" i="1"/>
  <c r="AD119004" i="1"/>
  <c r="AD119005" i="1"/>
  <c r="AD119006" i="1"/>
  <c r="AD119007" i="1"/>
  <c r="AD119008" i="1"/>
  <c r="AD119009" i="1"/>
  <c r="AD119010" i="1"/>
  <c r="AD119011" i="1"/>
  <c r="AD119012" i="1"/>
  <c r="AD119013" i="1"/>
  <c r="AD119014" i="1"/>
  <c r="AD119015" i="1"/>
  <c r="AD119016" i="1"/>
  <c r="AD119017" i="1"/>
  <c r="AD119018" i="1"/>
  <c r="AD119019" i="1"/>
  <c r="AD119020" i="1"/>
  <c r="AD119021" i="1"/>
  <c r="AD119022" i="1"/>
  <c r="AD119023" i="1"/>
  <c r="AD119024" i="1"/>
  <c r="AD119025" i="1"/>
  <c r="AD119026" i="1"/>
  <c r="AD119027" i="1"/>
  <c r="AD119028" i="1"/>
  <c r="AD119029" i="1"/>
  <c r="AD119030" i="1"/>
  <c r="AD119031" i="1"/>
  <c r="AD119032" i="1"/>
  <c r="AD119033" i="1"/>
  <c r="AD119034" i="1"/>
  <c r="AD119035" i="1"/>
  <c r="AD119036" i="1"/>
  <c r="AD119037" i="1"/>
  <c r="AD119038" i="1"/>
  <c r="AD119039" i="1"/>
  <c r="AD119040" i="1"/>
  <c r="AD119041" i="1"/>
  <c r="AD119042" i="1"/>
  <c r="AD119043" i="1"/>
  <c r="AD119044" i="1"/>
  <c r="AD119045" i="1"/>
  <c r="AD119046" i="1"/>
  <c r="AD119047" i="1"/>
  <c r="AD119048" i="1"/>
  <c r="AD119049" i="1"/>
  <c r="AD119050" i="1"/>
  <c r="AD119051" i="1"/>
  <c r="AD119052" i="1"/>
  <c r="AD119053" i="1"/>
  <c r="AD119054" i="1"/>
  <c r="AD119055" i="1"/>
  <c r="AD119056" i="1"/>
  <c r="AD119057" i="1"/>
  <c r="AD119058" i="1"/>
  <c r="AD119059" i="1"/>
  <c r="AD119060" i="1"/>
  <c r="AD119061" i="1"/>
  <c r="AD119062" i="1"/>
  <c r="AD119063" i="1"/>
  <c r="AD119064" i="1"/>
  <c r="AD119065" i="1"/>
  <c r="AD119066" i="1"/>
  <c r="AD119067" i="1"/>
  <c r="AD119068" i="1"/>
  <c r="AD119069" i="1"/>
  <c r="AD119070" i="1"/>
  <c r="AD119071" i="1"/>
  <c r="AD119072" i="1"/>
  <c r="AD119073" i="1"/>
  <c r="AD119074" i="1"/>
  <c r="AD119075" i="1"/>
  <c r="AD119076" i="1"/>
  <c r="AD119077" i="1"/>
  <c r="AD119078" i="1"/>
  <c r="AD119079" i="1"/>
  <c r="AD119080" i="1"/>
  <c r="AD119081" i="1"/>
  <c r="AD119082" i="1"/>
  <c r="AD119083" i="1"/>
  <c r="AD119084" i="1"/>
  <c r="AD119085" i="1"/>
  <c r="AD119086" i="1"/>
  <c r="AD119087" i="1"/>
  <c r="AD119088" i="1"/>
  <c r="AD119089" i="1"/>
  <c r="AD119090" i="1"/>
  <c r="AD119091" i="1"/>
  <c r="AD119092" i="1"/>
  <c r="AD119093" i="1"/>
  <c r="AD119094" i="1"/>
  <c r="AD119095" i="1"/>
  <c r="AD119096" i="1"/>
  <c r="AD119097" i="1"/>
  <c r="AD119098" i="1"/>
  <c r="AD119099" i="1"/>
  <c r="AD119100" i="1"/>
  <c r="AD119101" i="1"/>
  <c r="AD119102" i="1"/>
  <c r="AD119103" i="1"/>
  <c r="AD119104" i="1"/>
  <c r="AD119105" i="1"/>
  <c r="AD119106" i="1"/>
  <c r="AD119107" i="1"/>
  <c r="AD119108" i="1"/>
  <c r="AD119109" i="1"/>
  <c r="AD119110" i="1"/>
  <c r="AD119111" i="1"/>
  <c r="AD119112" i="1"/>
  <c r="AD119113" i="1"/>
  <c r="AD119114" i="1"/>
  <c r="AD119115" i="1"/>
  <c r="AD119116" i="1"/>
  <c r="AD119117" i="1"/>
  <c r="AD119118" i="1"/>
  <c r="AD119119" i="1"/>
  <c r="AD119120" i="1"/>
  <c r="AD119121" i="1"/>
  <c r="AD119122" i="1"/>
  <c r="AD119123" i="1"/>
  <c r="AD119124" i="1"/>
  <c r="AD119125" i="1"/>
  <c r="AD119126" i="1"/>
  <c r="AD119127" i="1"/>
  <c r="AD119128" i="1"/>
  <c r="AD119129" i="1"/>
  <c r="AD119130" i="1"/>
  <c r="AD119131" i="1"/>
  <c r="AD119132" i="1"/>
  <c r="AD119133" i="1"/>
  <c r="AD119134" i="1"/>
  <c r="AD119135" i="1"/>
  <c r="AD119136" i="1"/>
  <c r="AD119137" i="1"/>
  <c r="AD119138" i="1"/>
  <c r="AD119139" i="1"/>
  <c r="AD119140" i="1"/>
  <c r="AD119141" i="1"/>
  <c r="AD119142" i="1"/>
  <c r="AD119143" i="1"/>
  <c r="AD119144" i="1"/>
  <c r="AD119145" i="1"/>
  <c r="AD119146" i="1"/>
  <c r="AD119147" i="1"/>
  <c r="AD119148" i="1"/>
  <c r="AD119149" i="1"/>
  <c r="AD119150" i="1"/>
  <c r="AD119151" i="1"/>
  <c r="AD119152" i="1"/>
  <c r="AD119153" i="1"/>
  <c r="AD119154" i="1"/>
  <c r="AD119155" i="1"/>
  <c r="AD119156" i="1"/>
  <c r="AD119157" i="1"/>
  <c r="AD119158" i="1"/>
  <c r="AD119159" i="1"/>
  <c r="AD119160" i="1"/>
  <c r="AD119161" i="1"/>
  <c r="AD119162" i="1"/>
  <c r="AD119163" i="1"/>
  <c r="AD119164" i="1"/>
  <c r="AD119165" i="1"/>
  <c r="AD119166" i="1"/>
  <c r="AD119167" i="1"/>
  <c r="AD119168" i="1"/>
  <c r="AD119169" i="1"/>
  <c r="AD119170" i="1"/>
  <c r="AD119171" i="1"/>
  <c r="AD119172" i="1"/>
  <c r="AD119173" i="1"/>
  <c r="AD119174" i="1"/>
  <c r="AD119175" i="1"/>
  <c r="AD119176" i="1"/>
  <c r="AD119177" i="1"/>
  <c r="AD119178" i="1"/>
  <c r="AD119179" i="1"/>
  <c r="AD119180" i="1"/>
  <c r="AD119181" i="1"/>
  <c r="AD119182" i="1"/>
  <c r="AD119183" i="1"/>
  <c r="AD119184" i="1"/>
  <c r="AD119185" i="1"/>
  <c r="AD119186" i="1"/>
  <c r="AD119187" i="1"/>
  <c r="AD119188" i="1"/>
  <c r="AD119189" i="1"/>
  <c r="AD119190" i="1"/>
  <c r="AD119191" i="1"/>
  <c r="AD119192" i="1"/>
  <c r="AD119193" i="1"/>
  <c r="AD119194" i="1"/>
  <c r="AD119195" i="1"/>
  <c r="AD119196" i="1"/>
  <c r="AD119197" i="1"/>
  <c r="AD119198" i="1"/>
  <c r="AD119199" i="1"/>
  <c r="AD119200" i="1"/>
  <c r="AD119201" i="1"/>
  <c r="AD119202" i="1"/>
  <c r="AD119203" i="1"/>
  <c r="AD119204" i="1"/>
  <c r="AD119205" i="1"/>
  <c r="AD119206" i="1"/>
  <c r="AD119207" i="1"/>
  <c r="AD119208" i="1"/>
  <c r="AD119209" i="1"/>
  <c r="AD119210" i="1"/>
  <c r="AD119211" i="1"/>
  <c r="AD119212" i="1"/>
  <c r="AD119213" i="1"/>
  <c r="AD119214" i="1"/>
  <c r="AD119215" i="1"/>
  <c r="AD119216" i="1"/>
  <c r="AD119217" i="1"/>
  <c r="AD119218" i="1"/>
  <c r="AD119219" i="1"/>
  <c r="AD119220" i="1"/>
  <c r="AD119221" i="1"/>
  <c r="AD119222" i="1"/>
  <c r="AD119223" i="1"/>
  <c r="AD119224" i="1"/>
  <c r="AD119225" i="1"/>
  <c r="AD119226" i="1"/>
  <c r="AD119227" i="1"/>
  <c r="AD119228" i="1"/>
  <c r="AD119229" i="1"/>
  <c r="AD119230" i="1"/>
  <c r="AD119231" i="1"/>
  <c r="AD119232" i="1"/>
  <c r="AD119233" i="1"/>
  <c r="AD119234" i="1"/>
  <c r="AD119235" i="1"/>
  <c r="AD119236" i="1"/>
  <c r="AD119237" i="1"/>
  <c r="AD119238" i="1"/>
  <c r="AD119239" i="1"/>
  <c r="AD119240" i="1"/>
  <c r="AD119241" i="1"/>
  <c r="AD119242" i="1"/>
  <c r="AD119243" i="1"/>
  <c r="AD119244" i="1"/>
  <c r="AD119245" i="1"/>
  <c r="AD119246" i="1"/>
  <c r="AD119247" i="1"/>
  <c r="AD119248" i="1"/>
  <c r="AD119249" i="1"/>
  <c r="AD119250" i="1"/>
  <c r="AD119251" i="1"/>
  <c r="AD119252" i="1"/>
  <c r="AD119253" i="1"/>
  <c r="AD119254" i="1"/>
  <c r="AD119255" i="1"/>
  <c r="AD119256" i="1"/>
  <c r="AD119257" i="1"/>
  <c r="AD119258" i="1"/>
  <c r="AD119259" i="1"/>
  <c r="AD119260" i="1"/>
  <c r="AD119261" i="1"/>
  <c r="AD119262" i="1"/>
  <c r="AD119263" i="1"/>
  <c r="AD119264" i="1"/>
  <c r="AD119265" i="1"/>
  <c r="AD119266" i="1"/>
  <c r="AD119267" i="1"/>
  <c r="AD119268" i="1"/>
  <c r="AD119269" i="1"/>
  <c r="AD119270" i="1"/>
  <c r="AD119271" i="1"/>
  <c r="AD119272" i="1"/>
  <c r="AD119273" i="1"/>
  <c r="AD119274" i="1"/>
  <c r="AD119275" i="1"/>
  <c r="AD119276" i="1"/>
  <c r="AD119277" i="1"/>
  <c r="AD119278" i="1"/>
  <c r="AD119279" i="1"/>
  <c r="AD119280" i="1"/>
  <c r="AD119281" i="1"/>
  <c r="AD119282" i="1"/>
  <c r="AD119283" i="1"/>
  <c r="AD119284" i="1"/>
  <c r="AD119285" i="1"/>
  <c r="AD119286" i="1"/>
  <c r="AD119287" i="1"/>
  <c r="AD119288" i="1"/>
  <c r="AD119289" i="1"/>
  <c r="AD119290" i="1"/>
  <c r="AD119291" i="1"/>
  <c r="AD119292" i="1"/>
  <c r="AD119293" i="1"/>
  <c r="AD119294" i="1"/>
  <c r="AD119295" i="1"/>
  <c r="AD119296" i="1"/>
  <c r="AD119297" i="1"/>
  <c r="AD119298" i="1"/>
  <c r="AD119299" i="1"/>
  <c r="AD119300" i="1"/>
  <c r="AD119301" i="1"/>
  <c r="AD119302" i="1"/>
  <c r="AD119303" i="1"/>
  <c r="AD119304" i="1"/>
  <c r="AD119305" i="1"/>
  <c r="AD119306" i="1"/>
  <c r="AD119307" i="1"/>
  <c r="AD119308" i="1"/>
  <c r="AD119309" i="1"/>
  <c r="AD119310" i="1"/>
  <c r="AD119311" i="1"/>
  <c r="AD119312" i="1"/>
  <c r="AD119313" i="1"/>
  <c r="AD119314" i="1"/>
  <c r="AD119315" i="1"/>
  <c r="AD119316" i="1"/>
  <c r="AD119317" i="1"/>
  <c r="AD119318" i="1"/>
  <c r="AD119319" i="1"/>
  <c r="AD119320" i="1"/>
  <c r="AD119321" i="1"/>
  <c r="AD119322" i="1"/>
  <c r="AD119323" i="1"/>
  <c r="AD119324" i="1"/>
  <c r="AD119325" i="1"/>
  <c r="AD119326" i="1"/>
  <c r="AD119327" i="1"/>
  <c r="AD119328" i="1"/>
  <c r="AD119329" i="1"/>
  <c r="AD119330" i="1"/>
  <c r="AD119331" i="1"/>
  <c r="AD119332" i="1"/>
  <c r="AD119333" i="1"/>
  <c r="AD119334" i="1"/>
  <c r="AD119335" i="1"/>
  <c r="AD119336" i="1"/>
  <c r="AD119337" i="1"/>
  <c r="AD119338" i="1"/>
  <c r="AD119339" i="1"/>
  <c r="AD119340" i="1"/>
  <c r="AD119341" i="1"/>
  <c r="AD119342" i="1"/>
  <c r="AD119343" i="1"/>
  <c r="AD119344" i="1"/>
  <c r="AD119345" i="1"/>
  <c r="AD119346" i="1"/>
  <c r="AD119347" i="1"/>
  <c r="AD119348" i="1"/>
  <c r="AD119349" i="1"/>
  <c r="AD119350" i="1"/>
  <c r="AD119351" i="1"/>
  <c r="AD119352" i="1"/>
  <c r="AD119353" i="1"/>
  <c r="AD119354" i="1"/>
  <c r="AD119355" i="1"/>
  <c r="AD119356" i="1"/>
  <c r="AD119357" i="1"/>
  <c r="AD119358" i="1"/>
  <c r="AD119359" i="1"/>
  <c r="AD119360" i="1"/>
  <c r="AD119361" i="1"/>
  <c r="AD119362" i="1"/>
  <c r="AD119363" i="1"/>
  <c r="AD119364" i="1"/>
  <c r="AD119365" i="1"/>
  <c r="AD119366" i="1"/>
  <c r="AD119367" i="1"/>
  <c r="AD119368" i="1"/>
  <c r="AD119369" i="1"/>
  <c r="AD119370" i="1"/>
  <c r="AD119371" i="1"/>
  <c r="AD119372" i="1"/>
  <c r="AD119373" i="1"/>
  <c r="AD119374" i="1"/>
  <c r="AD119375" i="1"/>
  <c r="AD119376" i="1"/>
  <c r="AD119377" i="1"/>
  <c r="AD119378" i="1"/>
  <c r="AD119379" i="1"/>
  <c r="AD119380" i="1"/>
  <c r="AD119381" i="1"/>
  <c r="AD119382" i="1"/>
  <c r="AD119383" i="1"/>
  <c r="AD119384" i="1"/>
  <c r="AD119385" i="1"/>
  <c r="AD119386" i="1"/>
  <c r="AD119387" i="1"/>
  <c r="AD119388" i="1"/>
  <c r="AD119389" i="1"/>
  <c r="AD119390" i="1"/>
  <c r="AD119391" i="1"/>
  <c r="AD119392" i="1"/>
  <c r="AD119393" i="1"/>
  <c r="AD119394" i="1"/>
  <c r="AD119395" i="1"/>
  <c r="AD119396" i="1"/>
  <c r="AD119397" i="1"/>
  <c r="AD119398" i="1"/>
  <c r="AD119399" i="1"/>
  <c r="AD119400" i="1"/>
  <c r="AD119401" i="1"/>
  <c r="AD119402" i="1"/>
  <c r="AD119403" i="1"/>
  <c r="AD119404" i="1"/>
  <c r="AD119405" i="1"/>
  <c r="AD119406" i="1"/>
  <c r="AD119407" i="1"/>
  <c r="AD119408" i="1"/>
  <c r="AD119409" i="1"/>
  <c r="AD119410" i="1"/>
  <c r="AD119411" i="1"/>
  <c r="AD119412" i="1"/>
  <c r="AD119413" i="1"/>
  <c r="AD119414" i="1"/>
  <c r="AD119415" i="1"/>
  <c r="AD119416" i="1"/>
  <c r="AD119417" i="1"/>
  <c r="AD119418" i="1"/>
  <c r="AD119419" i="1"/>
  <c r="AD119420" i="1"/>
  <c r="AD119421" i="1"/>
  <c r="AD119422" i="1"/>
  <c r="AD119423" i="1"/>
  <c r="AD119424" i="1"/>
  <c r="AD119425" i="1"/>
  <c r="AD119426" i="1"/>
  <c r="AD119427" i="1"/>
  <c r="AD119428" i="1"/>
  <c r="AD119429" i="1"/>
  <c r="AD119430" i="1"/>
  <c r="AD119431" i="1"/>
  <c r="AD119432" i="1"/>
  <c r="AD119433" i="1"/>
  <c r="AD119434" i="1"/>
  <c r="AD119435" i="1"/>
  <c r="AD119436" i="1"/>
  <c r="AD119437" i="1"/>
  <c r="AD119438" i="1"/>
  <c r="AD119439" i="1"/>
  <c r="AD119440" i="1"/>
  <c r="AD119441" i="1"/>
  <c r="AD119442" i="1"/>
  <c r="AD119443" i="1"/>
  <c r="AD119444" i="1"/>
  <c r="AD119445" i="1"/>
  <c r="AD119446" i="1"/>
  <c r="AD119447" i="1"/>
  <c r="AD119448" i="1"/>
  <c r="AD119449" i="1"/>
  <c r="AD119450" i="1"/>
  <c r="AD119451" i="1"/>
  <c r="AD119452" i="1"/>
  <c r="AD119453" i="1"/>
  <c r="AD119454" i="1"/>
  <c r="AD119455" i="1"/>
  <c r="AD119456" i="1"/>
  <c r="AD119457" i="1"/>
  <c r="AD119458" i="1"/>
  <c r="AD119459" i="1"/>
  <c r="AD119460" i="1"/>
  <c r="AD119461" i="1"/>
  <c r="AD119462" i="1"/>
  <c r="AD119463" i="1"/>
  <c r="AD119464" i="1"/>
  <c r="AD119465" i="1"/>
  <c r="AD119466" i="1"/>
  <c r="AD119467" i="1"/>
  <c r="AD119468" i="1"/>
  <c r="AD119469" i="1"/>
  <c r="AD119470" i="1"/>
  <c r="AD119471" i="1"/>
  <c r="AD119472" i="1"/>
  <c r="AD119473" i="1"/>
  <c r="AD119474" i="1"/>
  <c r="AD119475" i="1"/>
  <c r="AD119476" i="1"/>
  <c r="AD119477" i="1"/>
  <c r="AD119478" i="1"/>
  <c r="AD119479" i="1"/>
  <c r="AD119480" i="1"/>
  <c r="AD119481" i="1"/>
  <c r="AD119482" i="1"/>
  <c r="AD119483" i="1"/>
  <c r="AD119484" i="1"/>
  <c r="AD119485" i="1"/>
  <c r="AD119486" i="1"/>
  <c r="AD119487" i="1"/>
  <c r="AD119488" i="1"/>
  <c r="AD119489" i="1"/>
  <c r="AD119490" i="1"/>
  <c r="AD119491" i="1"/>
  <c r="AD119492" i="1"/>
  <c r="AD119493" i="1"/>
  <c r="AD119494" i="1"/>
  <c r="AD119495" i="1"/>
  <c r="AD119496" i="1"/>
  <c r="AD119497" i="1"/>
  <c r="AD119498" i="1"/>
  <c r="AD119499" i="1"/>
  <c r="AD119500" i="1"/>
  <c r="AD119501" i="1"/>
  <c r="AD119502" i="1"/>
  <c r="AD119503" i="1"/>
  <c r="AD119504" i="1"/>
  <c r="AD119505" i="1"/>
  <c r="AD119506" i="1"/>
  <c r="AD119507" i="1"/>
  <c r="AD119508" i="1"/>
  <c r="AD119509" i="1"/>
  <c r="AD119510" i="1"/>
  <c r="AD119511" i="1"/>
  <c r="AD119512" i="1"/>
  <c r="AD119513" i="1"/>
  <c r="AD119514" i="1"/>
  <c r="AD119515" i="1"/>
  <c r="AD119516" i="1"/>
  <c r="AD119517" i="1"/>
  <c r="AD119518" i="1"/>
  <c r="AD119519" i="1"/>
  <c r="AD119520" i="1"/>
  <c r="AD119521" i="1"/>
  <c r="AD119522" i="1"/>
  <c r="AD119523" i="1"/>
  <c r="AD119524" i="1"/>
  <c r="AD119525" i="1"/>
  <c r="AD119526" i="1"/>
  <c r="AD119527" i="1"/>
  <c r="AD119528" i="1"/>
  <c r="AD119529" i="1"/>
  <c r="AD119530" i="1"/>
  <c r="AD119531" i="1"/>
  <c r="AD119532" i="1"/>
  <c r="AD119533" i="1"/>
  <c r="AD119534" i="1"/>
  <c r="AD119535" i="1"/>
  <c r="AD119536" i="1"/>
  <c r="AD119537" i="1"/>
  <c r="AD119538" i="1"/>
  <c r="AD119539" i="1"/>
  <c r="AD119540" i="1"/>
  <c r="AD119541" i="1"/>
  <c r="AD119542" i="1"/>
  <c r="AD119543" i="1"/>
  <c r="AD119544" i="1"/>
  <c r="AD119545" i="1"/>
  <c r="AD119546" i="1"/>
  <c r="AD119547" i="1"/>
  <c r="AD119548" i="1"/>
  <c r="AD119549" i="1"/>
  <c r="AD119550" i="1"/>
  <c r="AD119551" i="1"/>
  <c r="AD119552" i="1"/>
  <c r="AD119553" i="1"/>
  <c r="AD119554" i="1"/>
  <c r="AD119555" i="1"/>
  <c r="AD119556" i="1"/>
  <c r="AD119557" i="1"/>
  <c r="AD119558" i="1"/>
  <c r="AD119559" i="1"/>
  <c r="AD119560" i="1"/>
  <c r="AD119561" i="1"/>
  <c r="AD119562" i="1"/>
  <c r="AD119563" i="1"/>
  <c r="AD119564" i="1"/>
  <c r="AD119565" i="1"/>
  <c r="AD119566" i="1"/>
  <c r="AD119567" i="1"/>
  <c r="AD119568" i="1"/>
  <c r="AD119569" i="1"/>
  <c r="AD119570" i="1"/>
  <c r="AD119571" i="1"/>
  <c r="AD119572" i="1"/>
  <c r="AD119573" i="1"/>
  <c r="AD119574" i="1"/>
  <c r="AD119575" i="1"/>
  <c r="AD119576" i="1"/>
  <c r="AD119577" i="1"/>
  <c r="AD119578" i="1"/>
  <c r="AD119579" i="1"/>
  <c r="AD119580" i="1"/>
  <c r="AD119581" i="1"/>
  <c r="AD119582" i="1"/>
  <c r="AD119583" i="1"/>
  <c r="AD119584" i="1"/>
  <c r="AD119585" i="1"/>
  <c r="AD119586" i="1"/>
  <c r="AD119587" i="1"/>
  <c r="AD119588" i="1"/>
  <c r="AD119589" i="1"/>
  <c r="AD119590" i="1"/>
  <c r="AD119591" i="1"/>
  <c r="AD119592" i="1"/>
  <c r="AD119593" i="1"/>
  <c r="AD119594" i="1"/>
  <c r="AD119595" i="1"/>
  <c r="AD119596" i="1"/>
  <c r="AD119597" i="1"/>
  <c r="AD119598" i="1"/>
  <c r="AD119599" i="1"/>
  <c r="AD119600" i="1"/>
  <c r="AD119601" i="1"/>
  <c r="AD119602" i="1"/>
  <c r="AD119603" i="1"/>
  <c r="AD119604" i="1"/>
  <c r="AD119605" i="1"/>
  <c r="AD119606" i="1"/>
  <c r="AD119607" i="1"/>
  <c r="AD119608" i="1"/>
  <c r="AD119609" i="1"/>
  <c r="AD119610" i="1"/>
  <c r="AD119611" i="1"/>
  <c r="AD119612" i="1"/>
  <c r="AD119613" i="1"/>
  <c r="AD119614" i="1"/>
  <c r="AD119615" i="1"/>
  <c r="AD119616" i="1"/>
  <c r="AD119617" i="1"/>
  <c r="AD119618" i="1"/>
  <c r="AD119619" i="1"/>
  <c r="AD119620" i="1"/>
  <c r="AD119621" i="1"/>
  <c r="AD119622" i="1"/>
  <c r="AD119623" i="1"/>
  <c r="AD119624" i="1"/>
  <c r="AD119625" i="1"/>
  <c r="AD119626" i="1"/>
  <c r="AD119627" i="1"/>
  <c r="AD119628" i="1"/>
  <c r="AD119629" i="1"/>
  <c r="AD119630" i="1"/>
  <c r="AD119631" i="1"/>
  <c r="AD119632" i="1"/>
  <c r="AD119633" i="1"/>
  <c r="AD119634" i="1"/>
  <c r="AD119635" i="1"/>
  <c r="AD119636" i="1"/>
  <c r="AD119637" i="1"/>
  <c r="AD119638" i="1"/>
  <c r="AD119639" i="1"/>
  <c r="AD119640" i="1"/>
  <c r="AD119641" i="1"/>
  <c r="AD119642" i="1"/>
  <c r="AD119643" i="1"/>
  <c r="AD119644" i="1"/>
  <c r="AD119645" i="1"/>
  <c r="AD119646" i="1"/>
  <c r="AD119647" i="1"/>
  <c r="AD119648" i="1"/>
  <c r="AD119649" i="1"/>
  <c r="AD119650" i="1"/>
  <c r="AD119651" i="1"/>
  <c r="AD119652" i="1"/>
  <c r="AD119653" i="1"/>
  <c r="AD119654" i="1"/>
  <c r="AD119655" i="1"/>
  <c r="AD119656" i="1"/>
  <c r="AD119657" i="1"/>
  <c r="AD119658" i="1"/>
  <c r="AD119659" i="1"/>
  <c r="AD119660" i="1"/>
  <c r="AD119661" i="1"/>
  <c r="AD119662" i="1"/>
  <c r="AD119663" i="1"/>
  <c r="AD119664" i="1"/>
  <c r="AD119665" i="1"/>
  <c r="AD119666" i="1"/>
  <c r="AD119667" i="1"/>
  <c r="AD119668" i="1"/>
  <c r="AD119669" i="1"/>
  <c r="AD119670" i="1"/>
  <c r="AD119671" i="1"/>
  <c r="AD119672" i="1"/>
  <c r="AD119673" i="1"/>
  <c r="AD119674" i="1"/>
  <c r="AD119675" i="1"/>
  <c r="AD119676" i="1"/>
  <c r="AD119677" i="1"/>
  <c r="AD119678" i="1"/>
  <c r="AD119679" i="1"/>
  <c r="AD119680" i="1"/>
  <c r="AD119681" i="1"/>
  <c r="AD119682" i="1"/>
  <c r="AD119683" i="1"/>
  <c r="AD119684" i="1"/>
  <c r="AD119685" i="1"/>
  <c r="AD119686" i="1"/>
  <c r="AD119687" i="1"/>
  <c r="AD119688" i="1"/>
  <c r="AD119689" i="1"/>
  <c r="AD119690" i="1"/>
  <c r="AD119691" i="1"/>
  <c r="AD119692" i="1"/>
  <c r="AD119693" i="1"/>
  <c r="AD119694" i="1"/>
  <c r="AD119695" i="1"/>
  <c r="AD119696" i="1"/>
  <c r="AD119697" i="1"/>
  <c r="AD119698" i="1"/>
  <c r="AD119699" i="1"/>
  <c r="AD119700" i="1"/>
  <c r="AD119701" i="1"/>
  <c r="AD119702" i="1"/>
  <c r="AD119703" i="1"/>
  <c r="AD119704" i="1"/>
  <c r="AD119705" i="1"/>
  <c r="AD119706" i="1"/>
  <c r="AD119707" i="1"/>
  <c r="AD119708" i="1"/>
  <c r="AD119709" i="1"/>
  <c r="AD119710" i="1"/>
  <c r="AD119711" i="1"/>
  <c r="AD119712" i="1"/>
  <c r="AD119713" i="1"/>
  <c r="AD119714" i="1"/>
  <c r="AD119715" i="1"/>
  <c r="AD119716" i="1"/>
  <c r="AD119717" i="1"/>
  <c r="AD119718" i="1"/>
  <c r="AD119719" i="1"/>
  <c r="AD119720" i="1"/>
  <c r="AD119721" i="1"/>
  <c r="AD119722" i="1"/>
  <c r="AD119723" i="1"/>
  <c r="AD119724" i="1"/>
  <c r="AD119725" i="1"/>
  <c r="AD119726" i="1"/>
  <c r="AD119727" i="1"/>
  <c r="AD119728" i="1"/>
  <c r="AD119729" i="1"/>
  <c r="AD119730" i="1"/>
  <c r="AD119731" i="1"/>
  <c r="AD119732" i="1"/>
  <c r="AD119733" i="1"/>
  <c r="AD119734" i="1"/>
  <c r="AD119735" i="1"/>
  <c r="AD119736" i="1"/>
  <c r="AD119737" i="1"/>
  <c r="AD119738" i="1"/>
  <c r="AD119739" i="1"/>
  <c r="AD119740" i="1"/>
  <c r="AD119741" i="1"/>
  <c r="AD119742" i="1"/>
  <c r="AD119743" i="1"/>
  <c r="AD119744" i="1"/>
  <c r="AD119745" i="1"/>
  <c r="AD119746" i="1"/>
  <c r="AD119747" i="1"/>
  <c r="AD119748" i="1"/>
  <c r="AD119749" i="1"/>
  <c r="AD119750" i="1"/>
  <c r="AD119751" i="1"/>
  <c r="AD119752" i="1"/>
  <c r="AD119753" i="1"/>
  <c r="AD119754" i="1"/>
  <c r="AD119755" i="1"/>
  <c r="AD119756" i="1"/>
  <c r="AD119757" i="1"/>
  <c r="AD119758" i="1"/>
  <c r="AD119759" i="1"/>
  <c r="AD119760" i="1"/>
  <c r="AD119761" i="1"/>
  <c r="AD119762" i="1"/>
  <c r="AD119763" i="1"/>
  <c r="AD119764" i="1"/>
  <c r="AD119765" i="1"/>
  <c r="AD119766" i="1"/>
  <c r="AD119767" i="1"/>
  <c r="AD119768" i="1"/>
  <c r="AD119769" i="1"/>
  <c r="AD119770" i="1"/>
  <c r="AD119771" i="1"/>
  <c r="AD119772" i="1"/>
  <c r="AD119773" i="1"/>
  <c r="AD119774" i="1"/>
  <c r="AD119775" i="1"/>
  <c r="AD119776" i="1"/>
  <c r="AD119777" i="1"/>
  <c r="AD119778" i="1"/>
  <c r="AD119779" i="1"/>
  <c r="AD119780" i="1"/>
  <c r="AD119781" i="1"/>
  <c r="AD119782" i="1"/>
  <c r="AD119783" i="1"/>
  <c r="AD119784" i="1"/>
  <c r="AD119785" i="1"/>
  <c r="AD119786" i="1"/>
  <c r="AD119787" i="1"/>
  <c r="AD119788" i="1"/>
  <c r="AD119789" i="1"/>
  <c r="AD119790" i="1"/>
  <c r="AD119791" i="1"/>
  <c r="AD119792" i="1"/>
  <c r="AD119793" i="1"/>
  <c r="AD119794" i="1"/>
  <c r="AD119795" i="1"/>
  <c r="AD119796" i="1"/>
  <c r="AD119797" i="1"/>
  <c r="AD119798" i="1"/>
  <c r="AD119799" i="1"/>
  <c r="AD119800" i="1"/>
  <c r="AD119801" i="1"/>
  <c r="AD119802" i="1"/>
  <c r="AD119803" i="1"/>
  <c r="AD119804" i="1"/>
  <c r="AD119805" i="1"/>
  <c r="AD119806" i="1"/>
  <c r="AD119807" i="1"/>
  <c r="AD119808" i="1"/>
  <c r="AD119809" i="1"/>
  <c r="AD119810" i="1"/>
  <c r="AD119811" i="1"/>
  <c r="AD119812" i="1"/>
  <c r="AD119813" i="1"/>
  <c r="AD119814" i="1"/>
  <c r="AD119815" i="1"/>
  <c r="AD119816" i="1"/>
  <c r="AD119817" i="1"/>
  <c r="AD119818" i="1"/>
  <c r="AD119819" i="1"/>
  <c r="AD119820" i="1"/>
  <c r="AD119821" i="1"/>
  <c r="AD119822" i="1"/>
  <c r="AD119823" i="1"/>
  <c r="AD119824" i="1"/>
  <c r="AD119825" i="1"/>
  <c r="AD119826" i="1"/>
  <c r="AD119827" i="1"/>
  <c r="AD119828" i="1"/>
  <c r="AD119829" i="1"/>
  <c r="AD119830" i="1"/>
  <c r="AD119831" i="1"/>
  <c r="AD119832" i="1"/>
  <c r="AD119833" i="1"/>
  <c r="AD119834" i="1"/>
  <c r="AD119835" i="1"/>
  <c r="AD119836" i="1"/>
  <c r="AD119837" i="1"/>
  <c r="AD119838" i="1"/>
  <c r="AD119839" i="1"/>
  <c r="AD119840" i="1"/>
  <c r="AD119841" i="1"/>
  <c r="AD119842" i="1"/>
  <c r="AD119843" i="1"/>
  <c r="AD119844" i="1"/>
  <c r="AD119845" i="1"/>
  <c r="AD119846" i="1"/>
  <c r="AD119847" i="1"/>
  <c r="AD119848" i="1"/>
  <c r="AD119849" i="1"/>
  <c r="AD119850" i="1"/>
  <c r="AD119851" i="1"/>
  <c r="AD119852" i="1"/>
  <c r="AD119853" i="1"/>
  <c r="AD119854" i="1"/>
  <c r="AD119855" i="1"/>
  <c r="AD119856" i="1"/>
  <c r="AD119857" i="1"/>
  <c r="AD119858" i="1"/>
  <c r="AD119859" i="1"/>
  <c r="AD119860" i="1"/>
  <c r="AD119861" i="1"/>
  <c r="AD119862" i="1"/>
  <c r="AD119863" i="1"/>
  <c r="AD119864" i="1"/>
  <c r="AD119865" i="1"/>
  <c r="AD119866" i="1"/>
  <c r="AD119867" i="1"/>
  <c r="AD119868" i="1"/>
  <c r="AD119869" i="1"/>
  <c r="AD119870" i="1"/>
  <c r="AD119871" i="1"/>
  <c r="AD119872" i="1"/>
  <c r="AD119873" i="1"/>
  <c r="AD119874" i="1"/>
  <c r="AD119875" i="1"/>
  <c r="AD119876" i="1"/>
  <c r="AD119877" i="1"/>
  <c r="AD119878" i="1"/>
  <c r="AD119879" i="1"/>
  <c r="AD119880" i="1"/>
  <c r="AD119881" i="1"/>
  <c r="AD119882" i="1"/>
  <c r="AD119883" i="1"/>
  <c r="AD119884" i="1"/>
  <c r="AD119885" i="1"/>
  <c r="AD119886" i="1"/>
  <c r="AD119887" i="1"/>
  <c r="AD119888" i="1"/>
  <c r="AD119889" i="1"/>
  <c r="AD119890" i="1"/>
  <c r="AD119891" i="1"/>
  <c r="AD119892" i="1"/>
  <c r="AD119893" i="1"/>
  <c r="AD119894" i="1"/>
  <c r="AD119895" i="1"/>
  <c r="AD119896" i="1"/>
  <c r="AD119897" i="1"/>
  <c r="AD119898" i="1"/>
  <c r="AD119899" i="1"/>
  <c r="AD119900" i="1"/>
  <c r="AD119901" i="1"/>
  <c r="AD119902" i="1"/>
  <c r="AD119903" i="1"/>
  <c r="AD119904" i="1"/>
  <c r="AD119905" i="1"/>
  <c r="AD119906" i="1"/>
  <c r="AD119907" i="1"/>
  <c r="AD119908" i="1"/>
  <c r="AD119909" i="1"/>
  <c r="AD119910" i="1"/>
  <c r="AD119911" i="1"/>
  <c r="AD119912" i="1"/>
  <c r="AD119913" i="1"/>
  <c r="AD119914" i="1"/>
  <c r="AD119915" i="1"/>
  <c r="AD119916" i="1"/>
  <c r="AD119917" i="1"/>
  <c r="AD119918" i="1"/>
  <c r="AD119919" i="1"/>
  <c r="AD119920" i="1"/>
  <c r="AD119921" i="1"/>
  <c r="AD119922" i="1"/>
  <c r="AD119923" i="1"/>
  <c r="AD119924" i="1"/>
  <c r="AD119925" i="1"/>
  <c r="AD119926" i="1"/>
  <c r="AD119927" i="1"/>
  <c r="AD119928" i="1"/>
  <c r="AD119929" i="1"/>
  <c r="AD119930" i="1"/>
  <c r="AD119931" i="1"/>
  <c r="AD119932" i="1"/>
  <c r="AD119933" i="1"/>
  <c r="AD119934" i="1"/>
  <c r="AD119935" i="1"/>
  <c r="AD119936" i="1"/>
  <c r="AD119937" i="1"/>
  <c r="AD119938" i="1"/>
  <c r="AD119939" i="1"/>
  <c r="AD119940" i="1"/>
  <c r="AD119941" i="1"/>
  <c r="AD119942" i="1"/>
  <c r="AD119943" i="1"/>
  <c r="AD119944" i="1"/>
  <c r="AD119945" i="1"/>
  <c r="AD119946" i="1"/>
  <c r="AD119947" i="1"/>
  <c r="AD119948" i="1"/>
  <c r="AD119949" i="1"/>
  <c r="AD119950" i="1"/>
  <c r="AD119951" i="1"/>
  <c r="AD119952" i="1"/>
  <c r="AD119953" i="1"/>
  <c r="AD119954" i="1"/>
  <c r="AD119955" i="1"/>
  <c r="AD119956" i="1"/>
  <c r="AD119957" i="1"/>
  <c r="AD119958" i="1"/>
  <c r="AD119959" i="1"/>
  <c r="AD119960" i="1"/>
  <c r="AD119961" i="1"/>
  <c r="AD119962" i="1"/>
  <c r="AD119963" i="1"/>
  <c r="AD119964" i="1"/>
  <c r="AD119965" i="1"/>
  <c r="AD119966" i="1"/>
  <c r="AD119967" i="1"/>
  <c r="AD119968" i="1"/>
  <c r="AD119969" i="1"/>
  <c r="AD119970" i="1"/>
  <c r="AD119971" i="1"/>
  <c r="AD119972" i="1"/>
  <c r="AD119973" i="1"/>
  <c r="AD119974" i="1"/>
  <c r="AD119975" i="1"/>
  <c r="AD119976" i="1"/>
  <c r="AD119977" i="1"/>
  <c r="AD119978" i="1"/>
  <c r="AD119979" i="1"/>
  <c r="AD119980" i="1"/>
  <c r="AD119981" i="1"/>
  <c r="AD119982" i="1"/>
  <c r="AD119983" i="1"/>
  <c r="AD119984" i="1"/>
  <c r="AD119985" i="1"/>
  <c r="AD119986" i="1"/>
  <c r="AD119987" i="1"/>
  <c r="AD119988" i="1"/>
  <c r="AD119989" i="1"/>
  <c r="AD119990" i="1"/>
  <c r="AD119991" i="1"/>
  <c r="AD119992" i="1"/>
  <c r="AD119993" i="1"/>
  <c r="AD119994" i="1"/>
  <c r="AD119995" i="1"/>
  <c r="AD119996" i="1"/>
  <c r="AD119997" i="1"/>
  <c r="AD119998" i="1"/>
  <c r="AD119999" i="1"/>
  <c r="AD120000" i="1"/>
  <c r="AD120001" i="1"/>
  <c r="AD120002" i="1"/>
  <c r="AD120003" i="1"/>
  <c r="AD120004" i="1"/>
  <c r="AD120005" i="1"/>
  <c r="AD120006" i="1"/>
  <c r="AD120007" i="1"/>
  <c r="AD120008" i="1"/>
  <c r="AD120009" i="1"/>
  <c r="AD120010" i="1"/>
  <c r="AD120011" i="1"/>
  <c r="AD120012" i="1"/>
  <c r="AD120013" i="1"/>
  <c r="AD120014" i="1"/>
  <c r="AD120015" i="1"/>
  <c r="AD120016" i="1"/>
  <c r="AD120017" i="1"/>
  <c r="AD120018" i="1"/>
  <c r="AD120019" i="1"/>
  <c r="AD120020" i="1"/>
  <c r="AD120021" i="1"/>
  <c r="AD120022" i="1"/>
  <c r="AD120023" i="1"/>
  <c r="AD120024" i="1"/>
  <c r="AD120025" i="1"/>
  <c r="AD120026" i="1"/>
  <c r="AD120027" i="1"/>
  <c r="AD120028" i="1"/>
  <c r="AD120029" i="1"/>
  <c r="AD120030" i="1"/>
  <c r="AD120031" i="1"/>
  <c r="AD120032" i="1"/>
  <c r="AD120033" i="1"/>
  <c r="AD120034" i="1"/>
  <c r="AD120035" i="1"/>
  <c r="AD120036" i="1"/>
  <c r="AD120037" i="1"/>
  <c r="AD120038" i="1"/>
  <c r="AD120039" i="1"/>
  <c r="AD120040" i="1"/>
  <c r="AD120041" i="1"/>
  <c r="AD120042" i="1"/>
  <c r="AD120043" i="1"/>
  <c r="AD120044" i="1"/>
  <c r="AD120045" i="1"/>
  <c r="AD120046" i="1"/>
  <c r="AD120047" i="1"/>
  <c r="AD120048" i="1"/>
  <c r="AD120049" i="1"/>
  <c r="AD120050" i="1"/>
  <c r="AD120051" i="1"/>
  <c r="AD120052" i="1"/>
  <c r="AD120053" i="1"/>
  <c r="AD120054" i="1"/>
  <c r="AD120055" i="1"/>
  <c r="AD120056" i="1"/>
  <c r="AD120057" i="1"/>
  <c r="AD120058" i="1"/>
  <c r="AD120059" i="1"/>
  <c r="AD120060" i="1"/>
  <c r="AD120061" i="1"/>
  <c r="AD120062" i="1"/>
  <c r="AD120063" i="1"/>
  <c r="AD120064" i="1"/>
  <c r="AD120065" i="1"/>
  <c r="AD120066" i="1"/>
  <c r="AD120067" i="1"/>
  <c r="AD120068" i="1"/>
  <c r="AD120069" i="1"/>
  <c r="AD120070" i="1"/>
  <c r="AD120071" i="1"/>
  <c r="AD120072" i="1"/>
  <c r="AD120073" i="1"/>
  <c r="AD120074" i="1"/>
  <c r="AD120075" i="1"/>
  <c r="AD120076" i="1"/>
  <c r="AD120077" i="1"/>
  <c r="AD120078" i="1"/>
  <c r="AD120079" i="1"/>
  <c r="AD120080" i="1"/>
  <c r="AD120081" i="1"/>
  <c r="AD120082" i="1"/>
  <c r="AD120083" i="1"/>
  <c r="AD120084" i="1"/>
  <c r="AD120085" i="1"/>
  <c r="AD120086" i="1"/>
  <c r="AD120087" i="1"/>
  <c r="AD120088" i="1"/>
  <c r="AD120089" i="1"/>
  <c r="AD120090" i="1"/>
  <c r="AD120091" i="1"/>
  <c r="AD120092" i="1"/>
  <c r="AD120093" i="1"/>
  <c r="AD120094" i="1"/>
  <c r="AD120095" i="1"/>
  <c r="AD120096" i="1"/>
  <c r="AD120097" i="1"/>
  <c r="AD120098" i="1"/>
  <c r="AD120099" i="1"/>
  <c r="AD120100" i="1"/>
  <c r="AD120101" i="1"/>
  <c r="AD120102" i="1"/>
  <c r="AD120103" i="1"/>
  <c r="AD120104" i="1"/>
  <c r="AD120105" i="1"/>
  <c r="AD120106" i="1"/>
  <c r="AD120107" i="1"/>
  <c r="AD120108" i="1"/>
  <c r="AD120109" i="1"/>
  <c r="AD120110" i="1"/>
  <c r="AD120111" i="1"/>
  <c r="AD120112" i="1"/>
  <c r="AD120113" i="1"/>
  <c r="AD120114" i="1"/>
  <c r="AD120115" i="1"/>
  <c r="AD120116" i="1"/>
  <c r="AD120117" i="1"/>
  <c r="AD120118" i="1"/>
  <c r="AD120119" i="1"/>
  <c r="AD120120" i="1"/>
  <c r="AD120121" i="1"/>
  <c r="AD120122" i="1"/>
  <c r="AD120123" i="1"/>
  <c r="AD120124" i="1"/>
  <c r="AD120125" i="1"/>
  <c r="AD120126" i="1"/>
  <c r="AD120127" i="1"/>
  <c r="AD120128" i="1"/>
  <c r="AD120129" i="1"/>
  <c r="AD120130" i="1"/>
  <c r="AD120131" i="1"/>
  <c r="AD120132" i="1"/>
  <c r="AD120133" i="1"/>
  <c r="AD120134" i="1"/>
  <c r="AD120135" i="1"/>
  <c r="AD120136" i="1"/>
  <c r="AD120137" i="1"/>
  <c r="AD120138" i="1"/>
  <c r="AD120139" i="1"/>
  <c r="AD120140" i="1"/>
  <c r="AD120141" i="1"/>
  <c r="AD120142" i="1"/>
  <c r="AD120143" i="1"/>
  <c r="AD120144" i="1"/>
  <c r="AD120145" i="1"/>
  <c r="AD120146" i="1"/>
  <c r="AD120147" i="1"/>
  <c r="AD120148" i="1"/>
  <c r="AD120149" i="1"/>
  <c r="AD120150" i="1"/>
  <c r="AD120151" i="1"/>
  <c r="AD120152" i="1"/>
  <c r="AD120153" i="1"/>
  <c r="AD120154" i="1"/>
  <c r="AD120155" i="1"/>
  <c r="AD120156" i="1"/>
  <c r="AD120157" i="1"/>
  <c r="AD120158" i="1"/>
  <c r="AD120159" i="1"/>
  <c r="AD120160" i="1"/>
  <c r="AD120161" i="1"/>
  <c r="AD120162" i="1"/>
  <c r="AD120163" i="1"/>
  <c r="AD120164" i="1"/>
  <c r="AD120165" i="1"/>
  <c r="AD120166" i="1"/>
  <c r="AD120167" i="1"/>
  <c r="AD120168" i="1"/>
  <c r="AD120169" i="1"/>
  <c r="AD120170" i="1"/>
  <c r="AD120171" i="1"/>
  <c r="AD120172" i="1"/>
  <c r="AD120173" i="1"/>
  <c r="AD120174" i="1"/>
  <c r="AD120175" i="1"/>
  <c r="AD120176" i="1"/>
  <c r="AD120177" i="1"/>
  <c r="AD120178" i="1"/>
  <c r="AD120179" i="1"/>
  <c r="AD120180" i="1"/>
  <c r="AD120181" i="1"/>
  <c r="AD120182" i="1"/>
  <c r="AD120183" i="1"/>
  <c r="AD120184" i="1"/>
  <c r="AD120185" i="1"/>
  <c r="AD120186" i="1"/>
  <c r="AD120187" i="1"/>
  <c r="AD120188" i="1"/>
  <c r="AD120189" i="1"/>
  <c r="AD120190" i="1"/>
  <c r="AD120191" i="1"/>
  <c r="AD120192" i="1"/>
  <c r="AD120193" i="1"/>
  <c r="AD120194" i="1"/>
  <c r="AD120195" i="1"/>
  <c r="AD120196" i="1"/>
  <c r="AD120197" i="1"/>
  <c r="AD120198" i="1"/>
  <c r="AD120199" i="1"/>
  <c r="AD120200" i="1"/>
  <c r="AD120201" i="1"/>
  <c r="AD120202" i="1"/>
  <c r="AD120203" i="1"/>
  <c r="AD120204" i="1"/>
  <c r="AD120205" i="1"/>
  <c r="AD120206" i="1"/>
  <c r="AD120207" i="1"/>
  <c r="AD120208" i="1"/>
  <c r="AD120209" i="1"/>
  <c r="AD120210" i="1"/>
  <c r="AD120211" i="1"/>
  <c r="AD120212" i="1"/>
  <c r="AD120213" i="1"/>
  <c r="AD120214" i="1"/>
  <c r="AD120215" i="1"/>
  <c r="AD120216" i="1"/>
  <c r="AD120217" i="1"/>
  <c r="AD120218" i="1"/>
  <c r="AD120219" i="1"/>
  <c r="AD120220" i="1"/>
  <c r="AD120221" i="1"/>
  <c r="AD120222" i="1"/>
  <c r="AD120223" i="1"/>
  <c r="AD120224" i="1"/>
  <c r="AD120225" i="1"/>
  <c r="AD120226" i="1"/>
  <c r="AD120227" i="1"/>
  <c r="AD120228" i="1"/>
  <c r="AD120229" i="1"/>
  <c r="AD120230" i="1"/>
  <c r="AD120231" i="1"/>
  <c r="AD120232" i="1"/>
  <c r="AD120233" i="1"/>
  <c r="AD120234" i="1"/>
  <c r="AD120235" i="1"/>
  <c r="AD120236" i="1"/>
  <c r="AD120237" i="1"/>
  <c r="AD120238" i="1"/>
  <c r="AD120239" i="1"/>
  <c r="AD120240" i="1"/>
  <c r="AD120241" i="1"/>
  <c r="AD120242" i="1"/>
  <c r="AD120243" i="1"/>
  <c r="AD120244" i="1"/>
  <c r="AD120245" i="1"/>
  <c r="AD120246" i="1"/>
  <c r="AD120247" i="1"/>
  <c r="AD120248" i="1"/>
  <c r="AD120249" i="1"/>
  <c r="AD120250" i="1"/>
  <c r="AD120251" i="1"/>
  <c r="AD120252" i="1"/>
  <c r="AD120253" i="1"/>
  <c r="AD120254" i="1"/>
  <c r="AD120255" i="1"/>
  <c r="AD120256" i="1"/>
  <c r="AD120257" i="1"/>
  <c r="AD120258" i="1"/>
  <c r="AD120259" i="1"/>
  <c r="AD120260" i="1"/>
  <c r="AD120261" i="1"/>
  <c r="AD120262" i="1"/>
  <c r="AD120263" i="1"/>
  <c r="AD120264" i="1"/>
  <c r="AD120265" i="1"/>
  <c r="AD120266" i="1"/>
  <c r="AD120267" i="1"/>
  <c r="AD120268" i="1"/>
  <c r="AD120269" i="1"/>
  <c r="AD120270" i="1"/>
  <c r="AD120271" i="1"/>
  <c r="AD120272" i="1"/>
  <c r="AD120273" i="1"/>
  <c r="AD120274" i="1"/>
  <c r="AD120275" i="1"/>
  <c r="AD120276" i="1"/>
  <c r="AD120277" i="1"/>
  <c r="AD120278" i="1"/>
  <c r="AD120279" i="1"/>
  <c r="AD120280" i="1"/>
  <c r="AD120281" i="1"/>
  <c r="AD120282" i="1"/>
  <c r="AD120283" i="1"/>
  <c r="AD120284" i="1"/>
  <c r="AD120285" i="1"/>
  <c r="AD120286" i="1"/>
  <c r="AD120287" i="1"/>
  <c r="AD120288" i="1"/>
  <c r="AD120289" i="1"/>
  <c r="AD120290" i="1"/>
  <c r="AD120291" i="1"/>
  <c r="AD120292" i="1"/>
  <c r="AD120293" i="1"/>
  <c r="AD120294" i="1"/>
  <c r="AD120295" i="1"/>
  <c r="AD120296" i="1"/>
  <c r="AD120297" i="1"/>
  <c r="AD120298" i="1"/>
  <c r="AD120299" i="1"/>
  <c r="AD120300" i="1"/>
  <c r="AD120301" i="1"/>
  <c r="AD120302" i="1"/>
  <c r="AD120303" i="1"/>
  <c r="AD120304" i="1"/>
  <c r="AD120305" i="1"/>
  <c r="AD120306" i="1"/>
  <c r="AD120307" i="1"/>
  <c r="AD120308" i="1"/>
  <c r="AD120309" i="1"/>
  <c r="AD120310" i="1"/>
  <c r="AD120311" i="1"/>
  <c r="AD120312" i="1"/>
  <c r="AD120313" i="1"/>
  <c r="AD120314" i="1"/>
  <c r="AD120315" i="1"/>
  <c r="AD120316" i="1"/>
  <c r="AD120317" i="1"/>
  <c r="AD120318" i="1"/>
  <c r="AD120319" i="1"/>
  <c r="AD120320" i="1"/>
  <c r="AD120321" i="1"/>
  <c r="AD120322" i="1"/>
  <c r="AD120323" i="1"/>
  <c r="AD120324" i="1"/>
  <c r="AD120325" i="1"/>
  <c r="AD120326" i="1"/>
  <c r="AD120327" i="1"/>
  <c r="AD120328" i="1"/>
  <c r="AD120329" i="1"/>
  <c r="AD120330" i="1"/>
  <c r="AD120331" i="1"/>
  <c r="AD120332" i="1"/>
  <c r="AD120333" i="1"/>
  <c r="AD120334" i="1"/>
  <c r="AD120335" i="1"/>
  <c r="AD120336" i="1"/>
  <c r="AD120337" i="1"/>
  <c r="AD120338" i="1"/>
  <c r="AD120339" i="1"/>
  <c r="AD120340" i="1"/>
  <c r="AD120341" i="1"/>
  <c r="AD120342" i="1"/>
  <c r="AD120343" i="1"/>
  <c r="AD120344" i="1"/>
  <c r="AD120345" i="1"/>
  <c r="AD120346" i="1"/>
  <c r="AD120347" i="1"/>
  <c r="AD120348" i="1"/>
  <c r="AD120349" i="1"/>
  <c r="AD120350" i="1"/>
  <c r="AD120351" i="1"/>
  <c r="AD120352" i="1"/>
  <c r="AD120353" i="1"/>
  <c r="AD120354" i="1"/>
  <c r="AD120355" i="1"/>
  <c r="AD120356" i="1"/>
  <c r="AD120357" i="1"/>
  <c r="AD120358" i="1"/>
  <c r="AD120359" i="1"/>
  <c r="AD120360" i="1"/>
  <c r="AD120361" i="1"/>
  <c r="AD120362" i="1"/>
  <c r="AD120363" i="1"/>
  <c r="AD120364" i="1"/>
  <c r="AD120365" i="1"/>
  <c r="AD120366" i="1"/>
  <c r="AD120367" i="1"/>
  <c r="AD120368" i="1"/>
  <c r="AD120369" i="1"/>
  <c r="AD120370" i="1"/>
  <c r="AD120371" i="1"/>
  <c r="AD120372" i="1"/>
  <c r="AD120373" i="1"/>
  <c r="AD120374" i="1"/>
  <c r="AD120375" i="1"/>
  <c r="AD120376" i="1"/>
  <c r="AD120377" i="1"/>
  <c r="AD120378" i="1"/>
  <c r="AD120379" i="1"/>
  <c r="AD120380" i="1"/>
  <c r="AD120381" i="1"/>
  <c r="AD120382" i="1"/>
  <c r="AD120383" i="1"/>
  <c r="AD120384" i="1"/>
  <c r="AD120385" i="1"/>
  <c r="AD120386" i="1"/>
  <c r="AD120387" i="1"/>
  <c r="AD120388" i="1"/>
  <c r="AD120389" i="1"/>
  <c r="AD120390" i="1"/>
  <c r="AD120391" i="1"/>
  <c r="AD120392" i="1"/>
  <c r="AD120393" i="1"/>
  <c r="AD120394" i="1"/>
  <c r="AD120395" i="1"/>
  <c r="AD120396" i="1"/>
  <c r="AD120397" i="1"/>
  <c r="AD120398" i="1"/>
  <c r="AD120399" i="1"/>
  <c r="AD120400" i="1"/>
  <c r="AD120401" i="1"/>
  <c r="AD120402" i="1"/>
  <c r="AD120403" i="1"/>
  <c r="AD120404" i="1"/>
  <c r="AD120405" i="1"/>
  <c r="AD120406" i="1"/>
  <c r="AD120407" i="1"/>
  <c r="AD120408" i="1"/>
  <c r="AD120409" i="1"/>
  <c r="AD120410" i="1"/>
  <c r="AD120411" i="1"/>
  <c r="AD120412" i="1"/>
  <c r="AD120413" i="1"/>
  <c r="AD120414" i="1"/>
  <c r="AD120415" i="1"/>
  <c r="AD120416" i="1"/>
  <c r="AD120417" i="1"/>
  <c r="AD120418" i="1"/>
  <c r="AD120419" i="1"/>
  <c r="AD120420" i="1"/>
  <c r="AD120421" i="1"/>
  <c r="AD120422" i="1"/>
  <c r="AD120423" i="1"/>
  <c r="AD120424" i="1"/>
  <c r="AD120425" i="1"/>
  <c r="AD120426" i="1"/>
  <c r="AD120427" i="1"/>
  <c r="AD120428" i="1"/>
  <c r="AD120429" i="1"/>
  <c r="AD120430" i="1"/>
  <c r="AD120431" i="1"/>
  <c r="AD120432" i="1"/>
  <c r="AD120433" i="1"/>
  <c r="AD120434" i="1"/>
  <c r="AD120435" i="1"/>
  <c r="AD120436" i="1"/>
  <c r="AD120437" i="1"/>
  <c r="AD120438" i="1"/>
  <c r="AD120439" i="1"/>
  <c r="AD120440" i="1"/>
  <c r="AD120441" i="1"/>
  <c r="AD120442" i="1"/>
  <c r="AD120443" i="1"/>
  <c r="AD120444" i="1"/>
  <c r="AD120445" i="1"/>
  <c r="AD120446" i="1"/>
  <c r="AD120447" i="1"/>
  <c r="AD120448" i="1"/>
  <c r="AD120449" i="1"/>
  <c r="AD120450" i="1"/>
  <c r="AD120451" i="1"/>
  <c r="AD120452" i="1"/>
  <c r="AD120453" i="1"/>
  <c r="AD120454" i="1"/>
  <c r="AD120455" i="1"/>
  <c r="AD120456" i="1"/>
  <c r="AD120457" i="1"/>
  <c r="AD120458" i="1"/>
  <c r="AD120459" i="1"/>
  <c r="AD120460" i="1"/>
  <c r="AD120461" i="1"/>
  <c r="AD120462" i="1"/>
  <c r="AD120463" i="1"/>
  <c r="AD120464" i="1"/>
  <c r="AD120465" i="1"/>
  <c r="AD120466" i="1"/>
  <c r="AD120467" i="1"/>
  <c r="AD120468" i="1"/>
  <c r="AD120469" i="1"/>
  <c r="AD120470" i="1"/>
  <c r="AD120471" i="1"/>
  <c r="AD120472" i="1"/>
  <c r="AD120473" i="1"/>
  <c r="AD120474" i="1"/>
  <c r="AD120475" i="1"/>
  <c r="AD120476" i="1"/>
  <c r="AD120477" i="1"/>
  <c r="AD120478" i="1"/>
  <c r="AD120479" i="1"/>
  <c r="AD120480" i="1"/>
  <c r="AD120481" i="1"/>
  <c r="AD120482" i="1"/>
  <c r="AD120483" i="1"/>
  <c r="AD120484" i="1"/>
  <c r="AD120485" i="1"/>
  <c r="AD120486" i="1"/>
  <c r="AD120487" i="1"/>
  <c r="AD120488" i="1"/>
  <c r="AD120489" i="1"/>
  <c r="AD120490" i="1"/>
  <c r="AD120491" i="1"/>
  <c r="AD120492" i="1"/>
  <c r="AD120493" i="1"/>
  <c r="AD120494" i="1"/>
  <c r="AD120495" i="1"/>
  <c r="AD120496" i="1"/>
  <c r="AD120497" i="1"/>
  <c r="AD120498" i="1"/>
  <c r="AD120499" i="1"/>
  <c r="AD120500" i="1"/>
  <c r="AD120501" i="1"/>
  <c r="AD120502" i="1"/>
  <c r="AD120503" i="1"/>
  <c r="AD120504" i="1"/>
  <c r="AD120505" i="1"/>
  <c r="AD120506" i="1"/>
  <c r="AD120507" i="1"/>
  <c r="AD120508" i="1"/>
  <c r="AD120509" i="1"/>
  <c r="AD120510" i="1"/>
  <c r="AD120511" i="1"/>
  <c r="AD120512" i="1"/>
  <c r="AD120513" i="1"/>
  <c r="AD120514" i="1"/>
  <c r="AD120515" i="1"/>
  <c r="AD120516" i="1"/>
  <c r="AD120517" i="1"/>
  <c r="AD120518" i="1"/>
  <c r="AD120519" i="1"/>
  <c r="AD120520" i="1"/>
  <c r="AD120521" i="1"/>
  <c r="AD120522" i="1"/>
  <c r="AD120523" i="1"/>
  <c r="AD120524" i="1"/>
  <c r="AD120525" i="1"/>
  <c r="AD120526" i="1"/>
  <c r="AD120527" i="1"/>
  <c r="AD120528" i="1"/>
  <c r="AD120529" i="1"/>
  <c r="AD120530" i="1"/>
  <c r="AD120531" i="1"/>
  <c r="AD120532" i="1"/>
  <c r="AD120533" i="1"/>
  <c r="AD120534" i="1"/>
  <c r="AD120535" i="1"/>
  <c r="AD120536" i="1"/>
  <c r="AD120537" i="1"/>
  <c r="AD120538" i="1"/>
  <c r="AD120539" i="1"/>
  <c r="AD120540" i="1"/>
  <c r="AD120541" i="1"/>
  <c r="AD120542" i="1"/>
  <c r="AD120543" i="1"/>
  <c r="AD120544" i="1"/>
  <c r="AD120545" i="1"/>
  <c r="AD120546" i="1"/>
  <c r="AD120547" i="1"/>
  <c r="AD120548" i="1"/>
  <c r="AD120549" i="1"/>
  <c r="AD120550" i="1"/>
  <c r="AD120551" i="1"/>
  <c r="AD120552" i="1"/>
  <c r="AD120553" i="1"/>
  <c r="AD120554" i="1"/>
  <c r="AD120555" i="1"/>
  <c r="AD120556" i="1"/>
  <c r="AD120557" i="1"/>
  <c r="AD120558" i="1"/>
  <c r="AD120559" i="1"/>
  <c r="AD120560" i="1"/>
  <c r="AD120561" i="1"/>
  <c r="AD120562" i="1"/>
  <c r="AD120563" i="1"/>
  <c r="AD120564" i="1"/>
  <c r="AD120565" i="1"/>
  <c r="AD120566" i="1"/>
  <c r="AD120567" i="1"/>
  <c r="AD120568" i="1"/>
  <c r="AD120569" i="1"/>
  <c r="AD120570" i="1"/>
  <c r="AD120571" i="1"/>
  <c r="AD120572" i="1"/>
  <c r="AD120573" i="1"/>
  <c r="AD120574" i="1"/>
  <c r="AD120575" i="1"/>
  <c r="AD120576" i="1"/>
  <c r="AD120577" i="1"/>
  <c r="AD120578" i="1"/>
  <c r="AD120579" i="1"/>
  <c r="AD120580" i="1"/>
  <c r="AD120581" i="1"/>
  <c r="AD120582" i="1"/>
  <c r="AD120583" i="1"/>
  <c r="AD120584" i="1"/>
  <c r="AD120585" i="1"/>
  <c r="AD120586" i="1"/>
  <c r="AD120587" i="1"/>
  <c r="AD120588" i="1"/>
  <c r="AD120589" i="1"/>
  <c r="AD120590" i="1"/>
  <c r="AD120591" i="1"/>
  <c r="AD120592" i="1"/>
  <c r="AD120593" i="1"/>
  <c r="AD120594" i="1"/>
  <c r="AD120595" i="1"/>
  <c r="AD120596" i="1"/>
  <c r="AD120597" i="1"/>
  <c r="AD120598" i="1"/>
  <c r="AD120599" i="1"/>
  <c r="AD120600" i="1"/>
  <c r="AD120601" i="1"/>
  <c r="AD120602" i="1"/>
  <c r="AD120603" i="1"/>
  <c r="AD120604" i="1"/>
  <c r="AD120605" i="1"/>
  <c r="AD120606" i="1"/>
  <c r="AD120607" i="1"/>
  <c r="AD120608" i="1"/>
  <c r="AD120609" i="1"/>
  <c r="AD120610" i="1"/>
  <c r="AD120611" i="1"/>
  <c r="AD120612" i="1"/>
  <c r="AD120613" i="1"/>
  <c r="AD120614" i="1"/>
  <c r="AD120615" i="1"/>
  <c r="AD120616" i="1"/>
  <c r="AD120617" i="1"/>
  <c r="AD120618" i="1"/>
  <c r="AD120619" i="1"/>
  <c r="AD120620" i="1"/>
  <c r="AD120621" i="1"/>
  <c r="AD120622" i="1"/>
  <c r="AD120623" i="1"/>
  <c r="AD120624" i="1"/>
  <c r="AD120625" i="1"/>
  <c r="AD120626" i="1"/>
  <c r="AD120627" i="1"/>
  <c r="AD120628" i="1"/>
  <c r="AD120629" i="1"/>
  <c r="AD120630" i="1"/>
  <c r="AD120631" i="1"/>
  <c r="AD120632" i="1"/>
  <c r="AD120633" i="1"/>
  <c r="AD120634" i="1"/>
  <c r="AD120635" i="1"/>
  <c r="AD120636" i="1"/>
  <c r="AD120637" i="1"/>
  <c r="AD120638" i="1"/>
  <c r="AD120639" i="1"/>
  <c r="AD120640" i="1"/>
  <c r="AD120641" i="1"/>
  <c r="AD120642" i="1"/>
  <c r="AD120643" i="1"/>
  <c r="AD120644" i="1"/>
  <c r="AD120645" i="1"/>
  <c r="AD120646" i="1"/>
  <c r="AD120647" i="1"/>
  <c r="AD120648" i="1"/>
  <c r="AD120649" i="1"/>
  <c r="AD120650" i="1"/>
  <c r="AD120651" i="1"/>
  <c r="AD120652" i="1"/>
  <c r="AD120653" i="1"/>
  <c r="AD120654" i="1"/>
  <c r="AD120655" i="1"/>
  <c r="AD120656" i="1"/>
  <c r="AD120657" i="1"/>
  <c r="AD120658" i="1"/>
  <c r="AD120659" i="1"/>
  <c r="AD120660" i="1"/>
  <c r="AD120661" i="1"/>
  <c r="AD120662" i="1"/>
  <c r="AD120663" i="1"/>
  <c r="AD120664" i="1"/>
  <c r="AD120665" i="1"/>
  <c r="AD120666" i="1"/>
  <c r="AD120667" i="1"/>
  <c r="AD120668" i="1"/>
  <c r="AD120669" i="1"/>
  <c r="AD120670" i="1"/>
  <c r="AD120671" i="1"/>
  <c r="AD120672" i="1"/>
  <c r="AD120673" i="1"/>
  <c r="AD120674" i="1"/>
  <c r="AD120675" i="1"/>
  <c r="AD120676" i="1"/>
  <c r="AD120677" i="1"/>
  <c r="AD120678" i="1"/>
  <c r="AD120679" i="1"/>
  <c r="AD120680" i="1"/>
  <c r="AD120681" i="1"/>
  <c r="AD120682" i="1"/>
  <c r="AD120683" i="1"/>
  <c r="AD120684" i="1"/>
  <c r="AD120685" i="1"/>
  <c r="AD120686" i="1"/>
  <c r="AD120687" i="1"/>
  <c r="AD120688" i="1"/>
  <c r="AD120689" i="1"/>
  <c r="AD120690" i="1"/>
  <c r="AD120691" i="1"/>
  <c r="AD120692" i="1"/>
  <c r="AD120693" i="1"/>
  <c r="AD120694" i="1"/>
  <c r="AD120695" i="1"/>
  <c r="AD120696" i="1"/>
  <c r="AD120697" i="1"/>
  <c r="AD120698" i="1"/>
  <c r="AD120699" i="1"/>
  <c r="AD120700" i="1"/>
  <c r="AD120701" i="1"/>
  <c r="AD120702" i="1"/>
  <c r="AD120703" i="1"/>
  <c r="AD120704" i="1"/>
  <c r="AD120705" i="1"/>
  <c r="AD120706" i="1"/>
  <c r="AD120707" i="1"/>
  <c r="AD120708" i="1"/>
  <c r="AD120709" i="1"/>
  <c r="AD120710" i="1"/>
  <c r="AD120711" i="1"/>
  <c r="AD120712" i="1"/>
  <c r="AD120713" i="1"/>
  <c r="AD120714" i="1"/>
  <c r="AD120715" i="1"/>
  <c r="AD120716" i="1"/>
  <c r="AD120717" i="1"/>
  <c r="AD120718" i="1"/>
  <c r="AD120719" i="1"/>
  <c r="AD120720" i="1"/>
  <c r="AD120721" i="1"/>
  <c r="AD120722" i="1"/>
  <c r="AD120723" i="1"/>
  <c r="AD120724" i="1"/>
  <c r="AD120725" i="1"/>
  <c r="AD120726" i="1"/>
  <c r="AD120727" i="1"/>
  <c r="AD120728" i="1"/>
  <c r="AD120729" i="1"/>
  <c r="AD120730" i="1"/>
  <c r="AD120731" i="1"/>
  <c r="AD120732" i="1"/>
  <c r="AD120733" i="1"/>
  <c r="AD120734" i="1"/>
  <c r="AD120735" i="1"/>
  <c r="AD120736" i="1"/>
  <c r="AD120737" i="1"/>
  <c r="AD120738" i="1"/>
  <c r="AD120739" i="1"/>
  <c r="AD120740" i="1"/>
  <c r="AD120741" i="1"/>
  <c r="AD120742" i="1"/>
  <c r="AD120743" i="1"/>
  <c r="AD120744" i="1"/>
  <c r="AD120745" i="1"/>
  <c r="AD120746" i="1"/>
  <c r="AD120747" i="1"/>
  <c r="AD120748" i="1"/>
  <c r="AD120749" i="1"/>
  <c r="AD120750" i="1"/>
  <c r="AD120751" i="1"/>
  <c r="AD120752" i="1"/>
  <c r="AD120753" i="1"/>
  <c r="AD120754" i="1"/>
  <c r="AD120755" i="1"/>
  <c r="AD120756" i="1"/>
  <c r="AD120757" i="1"/>
  <c r="AD120758" i="1"/>
  <c r="AD120759" i="1"/>
  <c r="AD120760" i="1"/>
  <c r="AD120761" i="1"/>
  <c r="AD120762" i="1"/>
  <c r="AD120763" i="1"/>
  <c r="AD120764" i="1"/>
  <c r="AD120765" i="1"/>
  <c r="AD120766" i="1"/>
  <c r="AD120767" i="1"/>
  <c r="AD120768" i="1"/>
  <c r="AD120769" i="1"/>
  <c r="AD120770" i="1"/>
  <c r="AD120771" i="1"/>
  <c r="AD120772" i="1"/>
  <c r="AD120773" i="1"/>
  <c r="AD120774" i="1"/>
  <c r="AD120775" i="1"/>
  <c r="AD120776" i="1"/>
  <c r="AD120777" i="1"/>
  <c r="AD120778" i="1"/>
  <c r="AD120779" i="1"/>
  <c r="AD120780" i="1"/>
  <c r="AD120781" i="1"/>
  <c r="AD120782" i="1"/>
  <c r="AD120783" i="1"/>
  <c r="AD120784" i="1"/>
  <c r="AD120785" i="1"/>
  <c r="AD120786" i="1"/>
  <c r="AD120787" i="1"/>
  <c r="AD120788" i="1"/>
  <c r="AD120789" i="1"/>
  <c r="AD120790" i="1"/>
  <c r="AD120791" i="1"/>
  <c r="AD120792" i="1"/>
  <c r="AD120793" i="1"/>
  <c r="AD120794" i="1"/>
  <c r="AD120795" i="1"/>
  <c r="AD120796" i="1"/>
  <c r="AD120797" i="1"/>
  <c r="AD120798" i="1"/>
  <c r="AD120799" i="1"/>
  <c r="AD120800" i="1"/>
  <c r="AD120801" i="1"/>
  <c r="AD120802" i="1"/>
  <c r="AD120803" i="1"/>
  <c r="AD120804" i="1"/>
  <c r="AD120805" i="1"/>
  <c r="AD120806" i="1"/>
  <c r="AD120807" i="1"/>
  <c r="AD120808" i="1"/>
  <c r="AD120809" i="1"/>
  <c r="AD120810" i="1"/>
  <c r="AD120811" i="1"/>
  <c r="AD120812" i="1"/>
  <c r="AD120813" i="1"/>
  <c r="AD120814" i="1"/>
  <c r="AD120815" i="1"/>
  <c r="AD120816" i="1"/>
  <c r="AD120817" i="1"/>
  <c r="AD120818" i="1"/>
  <c r="AD120819" i="1"/>
  <c r="AD120820" i="1"/>
  <c r="AD120821" i="1"/>
  <c r="AD120822" i="1"/>
  <c r="AD120823" i="1"/>
  <c r="AD120824" i="1"/>
  <c r="AD120825" i="1"/>
  <c r="AD120826" i="1"/>
  <c r="AD120827" i="1"/>
  <c r="AD120828" i="1"/>
  <c r="AD120829" i="1"/>
  <c r="AD120830" i="1"/>
  <c r="AD120831" i="1"/>
  <c r="AD120832" i="1"/>
  <c r="AD120833" i="1"/>
  <c r="AD120834" i="1"/>
  <c r="AD120835" i="1"/>
  <c r="AD120836" i="1"/>
  <c r="AD120837" i="1"/>
  <c r="AD120838" i="1"/>
  <c r="AD120839" i="1"/>
  <c r="AD120840" i="1"/>
  <c r="AD120841" i="1"/>
  <c r="AD120842" i="1"/>
  <c r="AD120843" i="1"/>
  <c r="AD120844" i="1"/>
  <c r="AD120845" i="1"/>
  <c r="AD120846" i="1"/>
  <c r="AD120847" i="1"/>
  <c r="AD120848" i="1"/>
  <c r="AD120849" i="1"/>
  <c r="AD120850" i="1"/>
  <c r="AD120851" i="1"/>
  <c r="AD120852" i="1"/>
  <c r="AD120853" i="1"/>
  <c r="AD120854" i="1"/>
  <c r="AD120855" i="1"/>
  <c r="AD120856" i="1"/>
  <c r="AD120857" i="1"/>
  <c r="AD120858" i="1"/>
  <c r="AD120859" i="1"/>
  <c r="AD120860" i="1"/>
  <c r="AD120861" i="1"/>
  <c r="AD120862" i="1"/>
  <c r="AD120863" i="1"/>
  <c r="AD120864" i="1"/>
  <c r="AD120865" i="1"/>
  <c r="AD120866" i="1"/>
  <c r="AD120867" i="1"/>
  <c r="AD120868" i="1"/>
  <c r="AD120869" i="1"/>
  <c r="AD120870" i="1"/>
  <c r="AD120871" i="1"/>
  <c r="AD120872" i="1"/>
  <c r="AD120873" i="1"/>
  <c r="AD120874" i="1"/>
  <c r="AD120875" i="1"/>
  <c r="AD120876" i="1"/>
  <c r="AD120877" i="1"/>
  <c r="AD120878" i="1"/>
  <c r="AD120879" i="1"/>
  <c r="AD120880" i="1"/>
  <c r="AD120881" i="1"/>
  <c r="AD120882" i="1"/>
  <c r="AD120883" i="1"/>
  <c r="AD120884" i="1"/>
  <c r="AD120885" i="1"/>
  <c r="AD120886" i="1"/>
  <c r="AD120887" i="1"/>
  <c r="AD120888" i="1"/>
  <c r="AD120889" i="1"/>
  <c r="AD120890" i="1"/>
  <c r="AD120891" i="1"/>
  <c r="AD120892" i="1"/>
  <c r="AD120893" i="1"/>
  <c r="AD120894" i="1"/>
  <c r="AD120895" i="1"/>
  <c r="AD120896" i="1"/>
  <c r="AD120897" i="1"/>
  <c r="AD120898" i="1"/>
  <c r="AD120899" i="1"/>
  <c r="AD120900" i="1"/>
  <c r="AD120901" i="1"/>
  <c r="AD120902" i="1"/>
  <c r="AD120903" i="1"/>
  <c r="AD120904" i="1"/>
  <c r="AD120905" i="1"/>
  <c r="AD120906" i="1"/>
  <c r="AD120907" i="1"/>
  <c r="AD120908" i="1"/>
  <c r="AD120909" i="1"/>
  <c r="AD120910" i="1"/>
  <c r="AD120911" i="1"/>
  <c r="AD120912" i="1"/>
  <c r="AD120913" i="1"/>
  <c r="AD120914" i="1"/>
  <c r="AD120915" i="1"/>
  <c r="AD120916" i="1"/>
  <c r="AD120917" i="1"/>
  <c r="AD120918" i="1"/>
  <c r="AD120919" i="1"/>
  <c r="AD120920" i="1"/>
  <c r="AD120921" i="1"/>
  <c r="AD120922" i="1"/>
  <c r="AD120923" i="1"/>
  <c r="AD120924" i="1"/>
  <c r="AD120925" i="1"/>
  <c r="AD120926" i="1"/>
  <c r="AD120927" i="1"/>
  <c r="AD120928" i="1"/>
  <c r="AD120929" i="1"/>
  <c r="AD120930" i="1"/>
  <c r="AD120931" i="1"/>
  <c r="AD120932" i="1"/>
  <c r="AD120933" i="1"/>
  <c r="AD120934" i="1"/>
  <c r="AD120935" i="1"/>
  <c r="AD120936" i="1"/>
  <c r="AD120937" i="1"/>
  <c r="AD120938" i="1"/>
  <c r="AD120939" i="1"/>
  <c r="AD120940" i="1"/>
  <c r="AD120941" i="1"/>
  <c r="AD120942" i="1"/>
  <c r="AD120943" i="1"/>
  <c r="AD120944" i="1"/>
  <c r="AD120945" i="1"/>
  <c r="AD120946" i="1"/>
  <c r="AD120947" i="1"/>
  <c r="AD120948" i="1"/>
  <c r="AD120949" i="1"/>
  <c r="AD120950" i="1"/>
  <c r="AD120951" i="1"/>
  <c r="AD120952" i="1"/>
  <c r="AD120953" i="1"/>
  <c r="AD120954" i="1"/>
  <c r="AD120955" i="1"/>
  <c r="AD120956" i="1"/>
  <c r="AD120957" i="1"/>
  <c r="AD120958" i="1"/>
  <c r="AD120959" i="1"/>
  <c r="AD120960" i="1"/>
  <c r="AD120961" i="1"/>
  <c r="AD120962" i="1"/>
  <c r="AD120963" i="1"/>
  <c r="AD120964" i="1"/>
  <c r="AD120965" i="1"/>
  <c r="AD120966" i="1"/>
  <c r="AD120967" i="1"/>
  <c r="AD120968" i="1"/>
  <c r="AD120969" i="1"/>
  <c r="AD120970" i="1"/>
  <c r="AD120971" i="1"/>
  <c r="AD120972" i="1"/>
  <c r="AD120973" i="1"/>
  <c r="AD120974" i="1"/>
  <c r="AD120975" i="1"/>
  <c r="AD120976" i="1"/>
  <c r="AD120977" i="1"/>
  <c r="AD120978" i="1"/>
  <c r="AD120979" i="1"/>
  <c r="AD120980" i="1"/>
  <c r="AD120981" i="1"/>
  <c r="AD120982" i="1"/>
  <c r="AD120983" i="1"/>
  <c r="AD120984" i="1"/>
  <c r="AD120985" i="1"/>
  <c r="AD120986" i="1"/>
  <c r="AD120987" i="1"/>
  <c r="AD120988" i="1"/>
  <c r="AD120989" i="1"/>
  <c r="AD120990" i="1"/>
  <c r="AD120991" i="1"/>
  <c r="AD120992" i="1"/>
  <c r="AD120993" i="1"/>
  <c r="AD120994" i="1"/>
  <c r="AD120995" i="1"/>
  <c r="AD120996" i="1"/>
  <c r="AD120997" i="1"/>
  <c r="AD120998" i="1"/>
  <c r="AD120999" i="1"/>
  <c r="AD121000" i="1"/>
  <c r="AD121001" i="1"/>
  <c r="AD121002" i="1"/>
  <c r="AD121003" i="1"/>
  <c r="AD121004" i="1"/>
  <c r="AD121005" i="1"/>
  <c r="AD121006" i="1"/>
  <c r="AD121007" i="1"/>
  <c r="AD121008" i="1"/>
  <c r="AD121009" i="1"/>
  <c r="AD121010" i="1"/>
  <c r="AD121011" i="1"/>
  <c r="AD121012" i="1"/>
  <c r="AD121013" i="1"/>
  <c r="AD121014" i="1"/>
  <c r="AD121015" i="1"/>
  <c r="AD121016" i="1"/>
  <c r="AD121017" i="1"/>
  <c r="AD121018" i="1"/>
  <c r="AD121019" i="1"/>
  <c r="AD121020" i="1"/>
  <c r="AD121021" i="1"/>
  <c r="AD121022" i="1"/>
  <c r="AD121023" i="1"/>
  <c r="AD121024" i="1"/>
  <c r="AD121025" i="1"/>
  <c r="AD121026" i="1"/>
  <c r="AD121027" i="1"/>
  <c r="AD121028" i="1"/>
  <c r="AD121029" i="1"/>
  <c r="AD121030" i="1"/>
  <c r="AD121031" i="1"/>
  <c r="AD121032" i="1"/>
  <c r="AD121033" i="1"/>
  <c r="AD121034" i="1"/>
  <c r="AD121035" i="1"/>
  <c r="AD121036" i="1"/>
  <c r="AD121037" i="1"/>
  <c r="AD121038" i="1"/>
  <c r="AD121039" i="1"/>
  <c r="AD121040" i="1"/>
  <c r="AD121041" i="1"/>
  <c r="AD121042" i="1"/>
  <c r="AD121043" i="1"/>
  <c r="AD121044" i="1"/>
  <c r="AD121045" i="1"/>
  <c r="AD121046" i="1"/>
  <c r="AD121047" i="1"/>
  <c r="AD121048" i="1"/>
  <c r="AD121049" i="1"/>
  <c r="AD121050" i="1"/>
  <c r="AD121051" i="1"/>
  <c r="AD121052" i="1"/>
  <c r="AD121053" i="1"/>
  <c r="AD121054" i="1"/>
  <c r="AD121055" i="1"/>
  <c r="AD121056" i="1"/>
  <c r="AD121057" i="1"/>
  <c r="AD121058" i="1"/>
  <c r="AD121059" i="1"/>
  <c r="AD121060" i="1"/>
  <c r="AD121061" i="1"/>
  <c r="AD121062" i="1"/>
  <c r="AD121063" i="1"/>
  <c r="AD121064" i="1"/>
  <c r="AD121065" i="1"/>
  <c r="AD121066" i="1"/>
  <c r="AD121067" i="1"/>
  <c r="AD121068" i="1"/>
  <c r="AD121069" i="1"/>
  <c r="AD121070" i="1"/>
  <c r="AD121071" i="1"/>
  <c r="AD121072" i="1"/>
  <c r="AD121073" i="1"/>
  <c r="AD121074" i="1"/>
  <c r="AD121075" i="1"/>
  <c r="AD121076" i="1"/>
  <c r="AD121077" i="1"/>
  <c r="AD121078" i="1"/>
  <c r="AD121079" i="1"/>
  <c r="AD121080" i="1"/>
  <c r="AD121081" i="1"/>
  <c r="AD121082" i="1"/>
  <c r="AD121083" i="1"/>
  <c r="AD121084" i="1"/>
  <c r="AD121085" i="1"/>
  <c r="AD121086" i="1"/>
  <c r="AD121087" i="1"/>
  <c r="AD121088" i="1"/>
  <c r="AD121089" i="1"/>
  <c r="AD121090" i="1"/>
  <c r="AD121091" i="1"/>
  <c r="AD121092" i="1"/>
  <c r="AD121093" i="1"/>
  <c r="AD121094" i="1"/>
  <c r="AD121095" i="1"/>
  <c r="AD121096" i="1"/>
  <c r="AD121097" i="1"/>
  <c r="AD121098" i="1"/>
  <c r="AD121099" i="1"/>
  <c r="AD121100" i="1"/>
  <c r="AD121101" i="1"/>
  <c r="AD121102" i="1"/>
  <c r="AD121103" i="1"/>
  <c r="AD121104" i="1"/>
  <c r="AD121105" i="1"/>
  <c r="AD121106" i="1"/>
  <c r="AD121107" i="1"/>
  <c r="AD121108" i="1"/>
  <c r="AD121109" i="1"/>
  <c r="AD121110" i="1"/>
  <c r="AD121111" i="1"/>
  <c r="AD121112" i="1"/>
  <c r="AD121113" i="1"/>
  <c r="AD121114" i="1"/>
  <c r="AD121115" i="1"/>
  <c r="AD121116" i="1"/>
  <c r="AD121117" i="1"/>
  <c r="AD121118" i="1"/>
  <c r="AD121119" i="1"/>
  <c r="AD121120" i="1"/>
  <c r="AD121121" i="1"/>
  <c r="AD121122" i="1"/>
  <c r="AD121123" i="1"/>
  <c r="AD121124" i="1"/>
  <c r="AD121125" i="1"/>
  <c r="AD121126" i="1"/>
  <c r="AD121127" i="1"/>
  <c r="AD121128" i="1"/>
  <c r="AD121129" i="1"/>
  <c r="AD121130" i="1"/>
  <c r="AD121131" i="1"/>
  <c r="AD121132" i="1"/>
  <c r="AD121133" i="1"/>
  <c r="AD121134" i="1"/>
  <c r="AD121135" i="1"/>
  <c r="AD121136" i="1"/>
  <c r="AD121137" i="1"/>
  <c r="AD121138" i="1"/>
  <c r="AD121139" i="1"/>
  <c r="AD121140" i="1"/>
  <c r="AD121141" i="1"/>
  <c r="AD121142" i="1"/>
  <c r="AD121143" i="1"/>
  <c r="AD121144" i="1"/>
  <c r="AD121145" i="1"/>
  <c r="AD121146" i="1"/>
  <c r="AD121147" i="1"/>
  <c r="AD121148" i="1"/>
  <c r="AD121149" i="1"/>
  <c r="AD121150" i="1"/>
  <c r="AD121151" i="1"/>
  <c r="AD121152" i="1"/>
  <c r="AD121153" i="1"/>
  <c r="AD121154" i="1"/>
  <c r="AD121155" i="1"/>
  <c r="AD121156" i="1"/>
  <c r="AD121157" i="1"/>
  <c r="AD121158" i="1"/>
  <c r="AD121159" i="1"/>
  <c r="AD121160" i="1"/>
  <c r="AD121161" i="1"/>
  <c r="AD121162" i="1"/>
  <c r="AD121163" i="1"/>
  <c r="AD121164" i="1"/>
  <c r="AD121165" i="1"/>
  <c r="AD121166" i="1"/>
  <c r="AD121167" i="1"/>
  <c r="AD121168" i="1"/>
  <c r="AD121169" i="1"/>
  <c r="AD121170" i="1"/>
  <c r="AD121171" i="1"/>
  <c r="AD121172" i="1"/>
  <c r="AD121173" i="1"/>
  <c r="AD121174" i="1"/>
  <c r="AD121175" i="1"/>
  <c r="AD121176" i="1"/>
  <c r="AD121177" i="1"/>
  <c r="AD121178" i="1"/>
  <c r="AD121179" i="1"/>
  <c r="AD121180" i="1"/>
  <c r="AD121181" i="1"/>
  <c r="AD121182" i="1"/>
  <c r="AD121183" i="1"/>
  <c r="AD121184" i="1"/>
  <c r="AD121185" i="1"/>
  <c r="AD121186" i="1"/>
  <c r="AD121187" i="1"/>
  <c r="AD121188" i="1"/>
  <c r="AD121189" i="1"/>
  <c r="AD121190" i="1"/>
  <c r="AD121191" i="1"/>
  <c r="AD121192" i="1"/>
  <c r="AD121193" i="1"/>
  <c r="AD121194" i="1"/>
  <c r="AD121195" i="1"/>
  <c r="AD121196" i="1"/>
  <c r="AD121197" i="1"/>
  <c r="AD121198" i="1"/>
  <c r="AD121199" i="1"/>
  <c r="AD121200" i="1"/>
  <c r="AD121201" i="1"/>
  <c r="AD121202" i="1"/>
  <c r="AD121203" i="1"/>
  <c r="AD121204" i="1"/>
  <c r="AD121205" i="1"/>
  <c r="AD121206" i="1"/>
  <c r="AD121207" i="1"/>
  <c r="AD121208" i="1"/>
  <c r="AD121209" i="1"/>
  <c r="AD121210" i="1"/>
  <c r="AD121211" i="1"/>
  <c r="AD121212" i="1"/>
  <c r="AD121213" i="1"/>
  <c r="AD121214" i="1"/>
  <c r="AD121215" i="1"/>
  <c r="AD121216" i="1"/>
  <c r="AD121217" i="1"/>
  <c r="AD121218" i="1"/>
  <c r="AD121219" i="1"/>
  <c r="AD121220" i="1"/>
  <c r="AD121221" i="1"/>
  <c r="AD121222" i="1"/>
  <c r="AD121223" i="1"/>
  <c r="AD121224" i="1"/>
  <c r="AD121225" i="1"/>
  <c r="AD121226" i="1"/>
  <c r="AD121227" i="1"/>
  <c r="AD121228" i="1"/>
  <c r="AD121229" i="1"/>
  <c r="AD121230" i="1"/>
  <c r="AD121231" i="1"/>
  <c r="AD121232" i="1"/>
  <c r="AD121233" i="1"/>
  <c r="AD121234" i="1"/>
  <c r="AD121235" i="1"/>
  <c r="AD121236" i="1"/>
  <c r="AD121237" i="1"/>
  <c r="AD121238" i="1"/>
  <c r="AD121239" i="1"/>
  <c r="AD121240" i="1"/>
  <c r="AD121241" i="1"/>
  <c r="AD121242" i="1"/>
  <c r="AD121243" i="1"/>
  <c r="AD121244" i="1"/>
  <c r="AD121245" i="1"/>
  <c r="AD121246" i="1"/>
  <c r="AD121247" i="1"/>
  <c r="AD121248" i="1"/>
  <c r="AD121249" i="1"/>
  <c r="AD121250" i="1"/>
  <c r="AD121251" i="1"/>
  <c r="AD121252" i="1"/>
  <c r="AD121253" i="1"/>
  <c r="AD121254" i="1"/>
  <c r="AD121255" i="1"/>
  <c r="AD121256" i="1"/>
  <c r="AD121257" i="1"/>
  <c r="AD121258" i="1"/>
  <c r="AD121259" i="1"/>
  <c r="AD121260" i="1"/>
  <c r="AD121261" i="1"/>
  <c r="AD121262" i="1"/>
  <c r="AD121263" i="1"/>
  <c r="AD121264" i="1"/>
  <c r="AD121265" i="1"/>
  <c r="AD121266" i="1"/>
  <c r="AD121267" i="1"/>
  <c r="AD121268" i="1"/>
  <c r="AD121269" i="1"/>
  <c r="AD121270" i="1"/>
  <c r="AD121271" i="1"/>
  <c r="AD121272" i="1"/>
  <c r="AD121273" i="1"/>
  <c r="AD121274" i="1"/>
  <c r="AD121275" i="1"/>
  <c r="AD121276" i="1"/>
  <c r="AD121277" i="1"/>
  <c r="AD121278" i="1"/>
  <c r="AD121279" i="1"/>
  <c r="AD121280" i="1"/>
  <c r="AD121281" i="1"/>
  <c r="AD121282" i="1"/>
  <c r="AD121283" i="1"/>
  <c r="AD121284" i="1"/>
  <c r="AD121285" i="1"/>
  <c r="AD121286" i="1"/>
  <c r="AD121287" i="1"/>
  <c r="AD121288" i="1"/>
  <c r="AD121289" i="1"/>
  <c r="AD121290" i="1"/>
  <c r="AD121291" i="1"/>
  <c r="AD121292" i="1"/>
  <c r="AD121293" i="1"/>
  <c r="AD121294" i="1"/>
  <c r="AD121295" i="1"/>
  <c r="AD121296" i="1"/>
  <c r="AD121297" i="1"/>
  <c r="AD121298" i="1"/>
  <c r="AD121299" i="1"/>
  <c r="AD121300" i="1"/>
  <c r="AD121301" i="1"/>
  <c r="AD121302" i="1"/>
  <c r="AD121303" i="1"/>
  <c r="AD121304" i="1"/>
  <c r="AD121305" i="1"/>
  <c r="AD121306" i="1"/>
  <c r="AD121307" i="1"/>
  <c r="AD121308" i="1"/>
  <c r="AD121309" i="1"/>
  <c r="AD121310" i="1"/>
  <c r="AD121311" i="1"/>
  <c r="AD121312" i="1"/>
  <c r="AD121313" i="1"/>
  <c r="AD121314" i="1"/>
  <c r="AD121315" i="1"/>
  <c r="AD121316" i="1"/>
  <c r="AD121317" i="1"/>
  <c r="AD121318" i="1"/>
  <c r="AD121319" i="1"/>
  <c r="AD121320" i="1"/>
  <c r="AD121321" i="1"/>
  <c r="AD121322" i="1"/>
  <c r="AD121323" i="1"/>
  <c r="AD121324" i="1"/>
  <c r="AD121325" i="1"/>
  <c r="AD121326" i="1"/>
  <c r="AD121327" i="1"/>
  <c r="AD121328" i="1"/>
  <c r="AD121329" i="1"/>
  <c r="AD121330" i="1"/>
  <c r="AD121331" i="1"/>
  <c r="AD121332" i="1"/>
  <c r="AD121333" i="1"/>
  <c r="AD121334" i="1"/>
  <c r="AD121335" i="1"/>
  <c r="AD121336" i="1"/>
  <c r="AD121337" i="1"/>
  <c r="AD121338" i="1"/>
  <c r="AD121339" i="1"/>
  <c r="AD121340" i="1"/>
  <c r="AD121341" i="1"/>
  <c r="AD121342" i="1"/>
  <c r="AD121343" i="1"/>
  <c r="AD121344" i="1"/>
  <c r="AD121345" i="1"/>
  <c r="AD121346" i="1"/>
  <c r="AD121347" i="1"/>
  <c r="AD121348" i="1"/>
  <c r="AD121349" i="1"/>
  <c r="AD121350" i="1"/>
  <c r="AD121351" i="1"/>
  <c r="AD121352" i="1"/>
  <c r="AD121353" i="1"/>
  <c r="AD121354" i="1"/>
  <c r="AD121355" i="1"/>
  <c r="AD121356" i="1"/>
  <c r="AD121357" i="1"/>
  <c r="AD121358" i="1"/>
  <c r="AD121359" i="1"/>
  <c r="AD121360" i="1"/>
  <c r="AD121361" i="1"/>
  <c r="AD121362" i="1"/>
  <c r="AD121363" i="1"/>
  <c r="AD121364" i="1"/>
  <c r="AD121365" i="1"/>
  <c r="AD121366" i="1"/>
  <c r="AD121367" i="1"/>
  <c r="AD121368" i="1"/>
  <c r="AD121369" i="1"/>
  <c r="AD121370" i="1"/>
  <c r="AD121371" i="1"/>
  <c r="AD121372" i="1"/>
  <c r="AD121373" i="1"/>
  <c r="AD121374" i="1"/>
  <c r="AD121375" i="1"/>
  <c r="AD121376" i="1"/>
  <c r="AD121377" i="1"/>
  <c r="AD121378" i="1"/>
  <c r="AD121379" i="1"/>
  <c r="AD121380" i="1"/>
  <c r="AD121381" i="1"/>
  <c r="AD121382" i="1"/>
  <c r="AD121383" i="1"/>
  <c r="AD121384" i="1"/>
  <c r="AD121385" i="1"/>
  <c r="AD121386" i="1"/>
  <c r="AD121387" i="1"/>
  <c r="AD121388" i="1"/>
  <c r="AD121389" i="1"/>
  <c r="AD121390" i="1"/>
  <c r="AD121391" i="1"/>
  <c r="AD121392" i="1"/>
  <c r="AD121393" i="1"/>
  <c r="AD121394" i="1"/>
  <c r="AD121395" i="1"/>
  <c r="AD121396" i="1"/>
  <c r="AD121397" i="1"/>
  <c r="AD121398" i="1"/>
  <c r="AD121399" i="1"/>
  <c r="AD121400" i="1"/>
  <c r="AD121401" i="1"/>
  <c r="AD121402" i="1"/>
  <c r="AD121403" i="1"/>
  <c r="AD121404" i="1"/>
  <c r="AD121405" i="1"/>
  <c r="AD121406" i="1"/>
  <c r="AD121407" i="1"/>
  <c r="AD121408" i="1"/>
  <c r="AD121409" i="1"/>
  <c r="AD121410" i="1"/>
  <c r="AD121411" i="1"/>
  <c r="AD121412" i="1"/>
  <c r="AD121413" i="1"/>
  <c r="AD121414" i="1"/>
  <c r="AD121415" i="1"/>
  <c r="AD121416" i="1"/>
  <c r="AD121417" i="1"/>
  <c r="AD121418" i="1"/>
  <c r="AD121419" i="1"/>
  <c r="AD121420" i="1"/>
  <c r="AD121421" i="1"/>
  <c r="AD121422" i="1"/>
  <c r="AD121423" i="1"/>
  <c r="AD121424" i="1"/>
  <c r="AD121425" i="1"/>
  <c r="AD121426" i="1"/>
  <c r="AD121427" i="1"/>
  <c r="AD121428" i="1"/>
  <c r="AD121429" i="1"/>
  <c r="AD121430" i="1"/>
  <c r="AD121431" i="1"/>
  <c r="AD121432" i="1"/>
  <c r="AD121433" i="1"/>
  <c r="AD121434" i="1"/>
  <c r="AD121435" i="1"/>
  <c r="AD121436" i="1"/>
  <c r="AD121437" i="1"/>
  <c r="AD121438" i="1"/>
  <c r="AD121439" i="1"/>
  <c r="AD121440" i="1"/>
  <c r="AD121441" i="1"/>
  <c r="AD121442" i="1"/>
  <c r="AD121443" i="1"/>
  <c r="AD121444" i="1"/>
  <c r="AD121445" i="1"/>
  <c r="AD121446" i="1"/>
  <c r="AD121447" i="1"/>
  <c r="AD121448" i="1"/>
  <c r="AD121449" i="1"/>
  <c r="AD121450" i="1"/>
  <c r="AD121451" i="1"/>
  <c r="AD121452" i="1"/>
  <c r="AD121453" i="1"/>
  <c r="AD121454" i="1"/>
  <c r="AD121455" i="1"/>
  <c r="AD121456" i="1"/>
  <c r="AD121457" i="1"/>
  <c r="AD121458" i="1"/>
  <c r="AD121459" i="1"/>
  <c r="AD121460" i="1"/>
  <c r="AD121461" i="1"/>
  <c r="AD121462" i="1"/>
  <c r="AD121463" i="1"/>
  <c r="AD121464" i="1"/>
  <c r="AD121465" i="1"/>
  <c r="AD121466" i="1"/>
  <c r="AD121467" i="1"/>
  <c r="AD121468" i="1"/>
  <c r="AD121469" i="1"/>
  <c r="AD121470" i="1"/>
  <c r="AD121471" i="1"/>
  <c r="AD121472" i="1"/>
  <c r="AD121473" i="1"/>
  <c r="AD121474" i="1"/>
  <c r="AD121475" i="1"/>
  <c r="AD121476" i="1"/>
  <c r="AD121477" i="1"/>
  <c r="AD121478" i="1"/>
  <c r="AD121479" i="1"/>
  <c r="AD121480" i="1"/>
  <c r="AD121481" i="1"/>
  <c r="AD121482" i="1"/>
  <c r="AD121483" i="1"/>
  <c r="AD121484" i="1"/>
  <c r="AD121485" i="1"/>
  <c r="AD121486" i="1"/>
  <c r="AD121487" i="1"/>
  <c r="AD121488" i="1"/>
  <c r="AD121489" i="1"/>
  <c r="AD121490" i="1"/>
  <c r="AD121491" i="1"/>
  <c r="AD121492" i="1"/>
  <c r="AD121493" i="1"/>
  <c r="AD121494" i="1"/>
  <c r="AD121495" i="1"/>
  <c r="AD121496" i="1"/>
  <c r="AD121497" i="1"/>
  <c r="AD121498" i="1"/>
  <c r="AD121499" i="1"/>
  <c r="AD121500" i="1"/>
  <c r="AD121501" i="1"/>
  <c r="AD121502" i="1"/>
  <c r="AD121503" i="1"/>
  <c r="AD121504" i="1"/>
  <c r="AD121505" i="1"/>
  <c r="AD121506" i="1"/>
  <c r="AD121507" i="1"/>
  <c r="AD121508" i="1"/>
  <c r="AD121509" i="1"/>
  <c r="AD121510" i="1"/>
  <c r="AD121511" i="1"/>
  <c r="AD121512" i="1"/>
  <c r="AD121513" i="1"/>
  <c r="AD121514" i="1"/>
  <c r="AD121515" i="1"/>
  <c r="AD121516" i="1"/>
  <c r="AD121517" i="1"/>
  <c r="AD121518" i="1"/>
  <c r="AD121519" i="1"/>
  <c r="AD121520" i="1"/>
  <c r="AD121521" i="1"/>
  <c r="AD121522" i="1"/>
  <c r="AD121523" i="1"/>
  <c r="AD121524" i="1"/>
  <c r="AD121525" i="1"/>
  <c r="AD121526" i="1"/>
  <c r="AD121527" i="1"/>
  <c r="AD121528" i="1"/>
  <c r="AD121529" i="1"/>
  <c r="AD121530" i="1"/>
  <c r="AD121531" i="1"/>
  <c r="AD121532" i="1"/>
  <c r="AD121533" i="1"/>
  <c r="AD121534" i="1"/>
  <c r="AD121535" i="1"/>
  <c r="AD121536" i="1"/>
  <c r="AD121537" i="1"/>
  <c r="AD121538" i="1"/>
  <c r="AD121539" i="1"/>
  <c r="AD121540" i="1"/>
  <c r="AD121541" i="1"/>
  <c r="AD121542" i="1"/>
  <c r="AD121543" i="1"/>
  <c r="AD121544" i="1"/>
  <c r="AD121545" i="1"/>
  <c r="AD121546" i="1"/>
  <c r="AD121547" i="1"/>
  <c r="AD121548" i="1"/>
  <c r="AD121549" i="1"/>
  <c r="AD121550" i="1"/>
  <c r="AD121551" i="1"/>
  <c r="AD121552" i="1"/>
  <c r="AD121553" i="1"/>
  <c r="AD121554" i="1"/>
  <c r="AD121555" i="1"/>
  <c r="AD121556" i="1"/>
  <c r="AD121557" i="1"/>
  <c r="AD121558" i="1"/>
  <c r="AD121559" i="1"/>
  <c r="AD121560" i="1"/>
  <c r="AD121561" i="1"/>
  <c r="AD121562" i="1"/>
  <c r="AD121563" i="1"/>
  <c r="AD121564" i="1"/>
  <c r="AD121565" i="1"/>
  <c r="AD121566" i="1"/>
  <c r="AD121567" i="1"/>
  <c r="AD121568" i="1"/>
  <c r="AD121569" i="1"/>
  <c r="AD121570" i="1"/>
  <c r="AD121571" i="1"/>
  <c r="AD121572" i="1"/>
  <c r="AD121573" i="1"/>
  <c r="AD121574" i="1"/>
  <c r="AD121575" i="1"/>
  <c r="AD121576" i="1"/>
  <c r="AD121577" i="1"/>
  <c r="AD121578" i="1"/>
  <c r="AD121579" i="1"/>
  <c r="AD121580" i="1"/>
  <c r="AD121581" i="1"/>
  <c r="AD121582" i="1"/>
  <c r="AD121583" i="1"/>
  <c r="AD121584" i="1"/>
  <c r="AD121585" i="1"/>
  <c r="AD121586" i="1"/>
  <c r="AD121587" i="1"/>
  <c r="AD121588" i="1"/>
  <c r="AD121589" i="1"/>
  <c r="AD121590" i="1"/>
  <c r="AD121591" i="1"/>
  <c r="AD121592" i="1"/>
  <c r="AD121593" i="1"/>
  <c r="AD121594" i="1"/>
  <c r="AD121595" i="1"/>
  <c r="AD121596" i="1"/>
  <c r="AD121597" i="1"/>
  <c r="AD121598" i="1"/>
  <c r="AD121599" i="1"/>
  <c r="AD121600" i="1"/>
  <c r="AD121601" i="1"/>
  <c r="AD121602" i="1"/>
  <c r="AD121603" i="1"/>
  <c r="AD121604" i="1"/>
  <c r="AD121605" i="1"/>
  <c r="AD121606" i="1"/>
  <c r="AD121607" i="1"/>
  <c r="AD121608" i="1"/>
  <c r="AD121609" i="1"/>
  <c r="AD121610" i="1"/>
  <c r="AD121611" i="1"/>
  <c r="AD121612" i="1"/>
  <c r="AD121613" i="1"/>
  <c r="AD121614" i="1"/>
  <c r="AD121615" i="1"/>
  <c r="AD121616" i="1"/>
  <c r="AD121617" i="1"/>
  <c r="AD121618" i="1"/>
  <c r="AD121619" i="1"/>
  <c r="AD121620" i="1"/>
  <c r="AD121621" i="1"/>
  <c r="AD121622" i="1"/>
  <c r="AD121623" i="1"/>
  <c r="AD121624" i="1"/>
  <c r="AD121625" i="1"/>
  <c r="AD121626" i="1"/>
  <c r="AD121627" i="1"/>
  <c r="AD121628" i="1"/>
  <c r="AD121629" i="1"/>
  <c r="AD121630" i="1"/>
  <c r="AD121631" i="1"/>
  <c r="AD121632" i="1"/>
  <c r="AD121633" i="1"/>
  <c r="AD121634" i="1"/>
  <c r="AD121635" i="1"/>
  <c r="AD121636" i="1"/>
  <c r="AD121637" i="1"/>
  <c r="AD121638" i="1"/>
  <c r="AD121639" i="1"/>
  <c r="AD121640" i="1"/>
  <c r="AD121641" i="1"/>
  <c r="AD121642" i="1"/>
  <c r="AD121643" i="1"/>
  <c r="AD121644" i="1"/>
  <c r="AD121645" i="1"/>
  <c r="AD121646" i="1"/>
  <c r="AD121647" i="1"/>
  <c r="AD121648" i="1"/>
  <c r="AD121649" i="1"/>
  <c r="AD121650" i="1"/>
  <c r="AD121651" i="1"/>
  <c r="AD121652" i="1"/>
  <c r="AD121653" i="1"/>
  <c r="AD121654" i="1"/>
  <c r="AD121655" i="1"/>
  <c r="AD121656" i="1"/>
  <c r="AD121657" i="1"/>
  <c r="AD121658" i="1"/>
  <c r="AD121659" i="1"/>
  <c r="AD121660" i="1"/>
  <c r="AD121661" i="1"/>
  <c r="AD121662" i="1"/>
  <c r="AD121663" i="1"/>
  <c r="AD121664" i="1"/>
  <c r="AD121665" i="1"/>
  <c r="AD121666" i="1"/>
  <c r="AD121667" i="1"/>
  <c r="AD121668" i="1"/>
  <c r="AD121669" i="1"/>
  <c r="AD121670" i="1"/>
  <c r="AD121671" i="1"/>
  <c r="AD121672" i="1"/>
  <c r="AD121673" i="1"/>
  <c r="AD121674" i="1"/>
  <c r="AD121675" i="1"/>
  <c r="AD121676" i="1"/>
  <c r="AD121677" i="1"/>
  <c r="AD121678" i="1"/>
  <c r="AD121679" i="1"/>
  <c r="AD121680" i="1"/>
  <c r="AD121681" i="1"/>
  <c r="AD121682" i="1"/>
  <c r="AD121683" i="1"/>
  <c r="AD121684" i="1"/>
  <c r="AD121685" i="1"/>
  <c r="AD121686" i="1"/>
  <c r="AD121687" i="1"/>
  <c r="AD121688" i="1"/>
  <c r="AD121689" i="1"/>
  <c r="AD121690" i="1"/>
  <c r="AD121691" i="1"/>
  <c r="AD121692" i="1"/>
  <c r="AD121693" i="1"/>
  <c r="AD121694" i="1"/>
  <c r="AD121695" i="1"/>
  <c r="AD121696" i="1"/>
  <c r="AD121697" i="1"/>
  <c r="AD121698" i="1"/>
  <c r="AD121699" i="1"/>
  <c r="AD121700" i="1"/>
  <c r="AD121701" i="1"/>
  <c r="AD121702" i="1"/>
  <c r="AD121703" i="1"/>
  <c r="AD121704" i="1"/>
  <c r="AD121705" i="1"/>
  <c r="AD121706" i="1"/>
  <c r="AD121707" i="1"/>
  <c r="AD121708" i="1"/>
  <c r="AD121709" i="1"/>
  <c r="AD121710" i="1"/>
  <c r="AD121711" i="1"/>
  <c r="AD121712" i="1"/>
  <c r="AD121713" i="1"/>
  <c r="AD121714" i="1"/>
  <c r="AD121715" i="1"/>
  <c r="AD121716" i="1"/>
  <c r="AD121717" i="1"/>
  <c r="AD121718" i="1"/>
  <c r="AD121719" i="1"/>
  <c r="AD121720" i="1"/>
  <c r="AD121721" i="1"/>
  <c r="AD121722" i="1"/>
  <c r="AD121723" i="1"/>
  <c r="AD121724" i="1"/>
  <c r="AD121725" i="1"/>
  <c r="AD121726" i="1"/>
  <c r="AD121727" i="1"/>
  <c r="AD121728" i="1"/>
  <c r="AD121729" i="1"/>
  <c r="AD121730" i="1"/>
  <c r="AD121731" i="1"/>
  <c r="AD121732" i="1"/>
  <c r="AD121733" i="1"/>
  <c r="AD121734" i="1"/>
  <c r="AD121735" i="1"/>
  <c r="AD121736" i="1"/>
  <c r="AD121737" i="1"/>
  <c r="AD121738" i="1"/>
  <c r="AD121739" i="1"/>
  <c r="AD121740" i="1"/>
  <c r="AD121741" i="1"/>
  <c r="AD121742" i="1"/>
  <c r="AD121743" i="1"/>
  <c r="AD121744" i="1"/>
  <c r="AD121745" i="1"/>
  <c r="AD121746" i="1"/>
  <c r="AD121747" i="1"/>
  <c r="AD121748" i="1"/>
  <c r="AD121749" i="1"/>
  <c r="AD121750" i="1"/>
  <c r="AD121751" i="1"/>
  <c r="AD121752" i="1"/>
  <c r="AD121753" i="1"/>
  <c r="AD121754" i="1"/>
  <c r="AD121755" i="1"/>
  <c r="AD121756" i="1"/>
  <c r="AD121757" i="1"/>
  <c r="AD121758" i="1"/>
  <c r="AD121759" i="1"/>
  <c r="AD121760" i="1"/>
  <c r="AD121761" i="1"/>
  <c r="AD121762" i="1"/>
  <c r="AD121763" i="1"/>
  <c r="AD121764" i="1"/>
  <c r="AD121765" i="1"/>
  <c r="AD121766" i="1"/>
  <c r="AD121767" i="1"/>
  <c r="AD121768" i="1"/>
  <c r="AD121769" i="1"/>
  <c r="AD121770" i="1"/>
  <c r="AD121771" i="1"/>
  <c r="AD121772" i="1"/>
  <c r="AD121773" i="1"/>
  <c r="AD121774" i="1"/>
  <c r="AD121775" i="1"/>
  <c r="AD121776" i="1"/>
  <c r="AD121777" i="1"/>
  <c r="AD121778" i="1"/>
  <c r="AD121779" i="1"/>
  <c r="AD121780" i="1"/>
  <c r="AD121781" i="1"/>
  <c r="AD121782" i="1"/>
  <c r="AD121783" i="1"/>
  <c r="AD121784" i="1"/>
  <c r="AD121785" i="1"/>
  <c r="AD121786" i="1"/>
  <c r="AD121787" i="1"/>
  <c r="AD121788" i="1"/>
  <c r="AD121789" i="1"/>
  <c r="AD121790" i="1"/>
  <c r="AD121791" i="1"/>
  <c r="AD121792" i="1"/>
  <c r="AD121793" i="1"/>
  <c r="AD121794" i="1"/>
  <c r="AD121795" i="1"/>
  <c r="AD121796" i="1"/>
  <c r="AD121797" i="1"/>
  <c r="AD121798" i="1"/>
  <c r="AD121799" i="1"/>
  <c r="AD121800" i="1"/>
  <c r="AD121801" i="1"/>
  <c r="AD121802" i="1"/>
  <c r="AD121803" i="1"/>
  <c r="AD121804" i="1"/>
  <c r="AD121805" i="1"/>
  <c r="AD121806" i="1"/>
  <c r="AD121807" i="1"/>
  <c r="AD121808" i="1"/>
  <c r="AD121809" i="1"/>
  <c r="AD121810" i="1"/>
  <c r="AD121811" i="1"/>
  <c r="AD121812" i="1"/>
  <c r="AD121813" i="1"/>
  <c r="AD121814" i="1"/>
  <c r="AD121815" i="1"/>
  <c r="AD121816" i="1"/>
  <c r="AD121817" i="1"/>
  <c r="AD121818" i="1"/>
  <c r="AD121819" i="1"/>
  <c r="AD121820" i="1"/>
  <c r="AD121821" i="1"/>
  <c r="AD121822" i="1"/>
  <c r="AD121823" i="1"/>
  <c r="AD121824" i="1"/>
  <c r="AD121825" i="1"/>
  <c r="AD121826" i="1"/>
  <c r="AD121827" i="1"/>
  <c r="AD121828" i="1"/>
  <c r="AD121829" i="1"/>
  <c r="AD121830" i="1"/>
  <c r="AD121831" i="1"/>
  <c r="AD121832" i="1"/>
  <c r="AD121833" i="1"/>
  <c r="AD121834" i="1"/>
  <c r="AD121835" i="1"/>
  <c r="AD121836" i="1"/>
  <c r="AD121837" i="1"/>
  <c r="AD121838" i="1"/>
  <c r="AD121839" i="1"/>
  <c r="AD121840" i="1"/>
  <c r="AD121841" i="1"/>
  <c r="AD121842" i="1"/>
  <c r="AD121843" i="1"/>
  <c r="AD121844" i="1"/>
  <c r="AD121845" i="1"/>
  <c r="AD121846" i="1"/>
  <c r="AD121847" i="1"/>
  <c r="AD121848" i="1"/>
  <c r="AD121849" i="1"/>
  <c r="AD121850" i="1"/>
  <c r="AD121851" i="1"/>
  <c r="AD121852" i="1"/>
  <c r="AD121853" i="1"/>
  <c r="AD121854" i="1"/>
  <c r="AD121855" i="1"/>
  <c r="AD121856" i="1"/>
  <c r="AD121857" i="1"/>
  <c r="AD121858" i="1"/>
  <c r="AD121859" i="1"/>
  <c r="AD121860" i="1"/>
  <c r="AD121861" i="1"/>
  <c r="AD121862" i="1"/>
  <c r="AD121863" i="1"/>
  <c r="AD121864" i="1"/>
  <c r="AD121865" i="1"/>
  <c r="AD121866" i="1"/>
  <c r="AD121867" i="1"/>
  <c r="AD121868" i="1"/>
  <c r="AD121869" i="1"/>
  <c r="AD121870" i="1"/>
  <c r="AD121871" i="1"/>
  <c r="AD121872" i="1"/>
  <c r="AD121873" i="1"/>
  <c r="AD121874" i="1"/>
  <c r="AD121875" i="1"/>
  <c r="AD121876" i="1"/>
  <c r="AD121877" i="1"/>
  <c r="AD121878" i="1"/>
  <c r="AD121879" i="1"/>
  <c r="AD121880" i="1"/>
  <c r="AD121881" i="1"/>
  <c r="AD121882" i="1"/>
  <c r="AD121883" i="1"/>
  <c r="AD121884" i="1"/>
  <c r="AD121885" i="1"/>
  <c r="AD121886" i="1"/>
  <c r="AD121887" i="1"/>
  <c r="AD121888" i="1"/>
  <c r="AD121889" i="1"/>
  <c r="AD121890" i="1"/>
  <c r="AD121891" i="1"/>
  <c r="AD121892" i="1"/>
  <c r="AD121893" i="1"/>
  <c r="AD121894" i="1"/>
  <c r="AD121895" i="1"/>
  <c r="AD121896" i="1"/>
  <c r="AD121897" i="1"/>
  <c r="AD121898" i="1"/>
  <c r="AD121899" i="1"/>
  <c r="AD121900" i="1"/>
  <c r="AD121901" i="1"/>
  <c r="AD121902" i="1"/>
  <c r="AD121903" i="1"/>
  <c r="AD121904" i="1"/>
  <c r="AD121905" i="1"/>
  <c r="AD121906" i="1"/>
  <c r="AD121907" i="1"/>
  <c r="AD121908" i="1"/>
  <c r="AD121909" i="1"/>
  <c r="AD121910" i="1"/>
  <c r="AD121911" i="1"/>
  <c r="AD121912" i="1"/>
  <c r="AD121913" i="1"/>
  <c r="AD121914" i="1"/>
  <c r="AD121915" i="1"/>
  <c r="AD121916" i="1"/>
  <c r="AD121917" i="1"/>
  <c r="AD121918" i="1"/>
  <c r="AD121919" i="1"/>
  <c r="AD121920" i="1"/>
  <c r="AD121921" i="1"/>
  <c r="AD121922" i="1"/>
  <c r="AD121923" i="1"/>
  <c r="AD121924" i="1"/>
  <c r="AD121925" i="1"/>
  <c r="AD121926" i="1"/>
  <c r="AD121927" i="1"/>
  <c r="AD121928" i="1"/>
  <c r="AD121929" i="1"/>
  <c r="AD121930" i="1"/>
  <c r="AD121931" i="1"/>
  <c r="AD121932" i="1"/>
  <c r="AD121933" i="1"/>
  <c r="AD121934" i="1"/>
  <c r="AD121935" i="1"/>
  <c r="AD121936" i="1"/>
  <c r="AD121937" i="1"/>
  <c r="AD121938" i="1"/>
  <c r="AD121939" i="1"/>
  <c r="AD121940" i="1"/>
  <c r="AD121941" i="1"/>
  <c r="AD121942" i="1"/>
  <c r="AD121943" i="1"/>
  <c r="AD121944" i="1"/>
  <c r="AD121945" i="1"/>
  <c r="AD121946" i="1"/>
  <c r="AD121947" i="1"/>
  <c r="AD121948" i="1"/>
  <c r="AD121949" i="1"/>
  <c r="AD121950" i="1"/>
  <c r="AD121951" i="1"/>
  <c r="AD121952" i="1"/>
  <c r="AD121953" i="1"/>
  <c r="AD121954" i="1"/>
  <c r="AD121955" i="1"/>
  <c r="AD121956" i="1"/>
  <c r="AD121957" i="1"/>
  <c r="AD121958" i="1"/>
  <c r="AD121959" i="1"/>
  <c r="AD121960" i="1"/>
  <c r="AD121961" i="1"/>
  <c r="AD121962" i="1"/>
  <c r="AD121963" i="1"/>
  <c r="AD121964" i="1"/>
  <c r="AD121965" i="1"/>
  <c r="AD121966" i="1"/>
  <c r="AD121967" i="1"/>
  <c r="AD121968" i="1"/>
  <c r="AD121969" i="1"/>
  <c r="AD121970" i="1"/>
  <c r="AD121971" i="1"/>
  <c r="AD121972" i="1"/>
  <c r="AD121973" i="1"/>
  <c r="AD121974" i="1"/>
  <c r="AD121975" i="1"/>
  <c r="AD121976" i="1"/>
  <c r="AD121977" i="1"/>
  <c r="AD121978" i="1"/>
  <c r="AD121979" i="1"/>
  <c r="AD121980" i="1"/>
  <c r="AD121981" i="1"/>
  <c r="AD121982" i="1"/>
  <c r="AD121983" i="1"/>
  <c r="AD121984" i="1"/>
  <c r="AD121985" i="1"/>
  <c r="AD121986" i="1"/>
  <c r="AD121987" i="1"/>
  <c r="AD121988" i="1"/>
  <c r="AD121989" i="1"/>
  <c r="AD121990" i="1"/>
  <c r="AD121991" i="1"/>
  <c r="AD121992" i="1"/>
  <c r="AD121993" i="1"/>
  <c r="AD121994" i="1"/>
  <c r="AD121995" i="1"/>
  <c r="AD121996" i="1"/>
  <c r="AD121997" i="1"/>
  <c r="AD121998" i="1"/>
  <c r="AD121999" i="1"/>
  <c r="AD122000" i="1"/>
  <c r="AD122001" i="1"/>
  <c r="AD122002" i="1"/>
  <c r="AD122003" i="1"/>
  <c r="AD122004" i="1"/>
  <c r="AD122005" i="1"/>
  <c r="AD122006" i="1"/>
  <c r="AD122007" i="1"/>
  <c r="AD122008" i="1"/>
  <c r="AD122009" i="1"/>
  <c r="AD122010" i="1"/>
  <c r="AD122011" i="1"/>
  <c r="AD122012" i="1"/>
  <c r="AD122013" i="1"/>
  <c r="AD122014" i="1"/>
  <c r="AD122015" i="1"/>
  <c r="AD122016" i="1"/>
  <c r="AD122017" i="1"/>
  <c r="AD122018" i="1"/>
  <c r="AD122019" i="1"/>
  <c r="AD122020" i="1"/>
  <c r="AD122021" i="1"/>
  <c r="AD122022" i="1"/>
  <c r="AD122023" i="1"/>
  <c r="AD122024" i="1"/>
  <c r="AD122025" i="1"/>
  <c r="AD122026" i="1"/>
  <c r="AD122027" i="1"/>
  <c r="AD122028" i="1"/>
  <c r="AD122029" i="1"/>
  <c r="AD122030" i="1"/>
  <c r="AD122031" i="1"/>
  <c r="AD122032" i="1"/>
  <c r="AD122033" i="1"/>
  <c r="AD122034" i="1"/>
  <c r="AD122035" i="1"/>
  <c r="AD122036" i="1"/>
  <c r="AD122037" i="1"/>
  <c r="AD122038" i="1"/>
  <c r="AD122039" i="1"/>
  <c r="AD122040" i="1"/>
  <c r="AD122041" i="1"/>
  <c r="AD122042" i="1"/>
  <c r="AD122043" i="1"/>
  <c r="AD122044" i="1"/>
  <c r="AD122045" i="1"/>
  <c r="AD122046" i="1"/>
  <c r="AD122047" i="1"/>
  <c r="AD122048" i="1"/>
  <c r="AD122049" i="1"/>
  <c r="AD122050" i="1"/>
  <c r="AD122051" i="1"/>
  <c r="AD122052" i="1"/>
  <c r="AD122053" i="1"/>
  <c r="AD122054" i="1"/>
  <c r="AD122055" i="1"/>
  <c r="AD122056" i="1"/>
  <c r="AD122057" i="1"/>
  <c r="AD122058" i="1"/>
  <c r="AD122059" i="1"/>
  <c r="AD122060" i="1"/>
  <c r="AD122061" i="1"/>
  <c r="AD122062" i="1"/>
  <c r="AD122063" i="1"/>
  <c r="AD122064" i="1"/>
  <c r="AD122065" i="1"/>
  <c r="AD122066" i="1"/>
  <c r="AD122067" i="1"/>
  <c r="AD122068" i="1"/>
  <c r="AD122069" i="1"/>
  <c r="AD122070" i="1"/>
  <c r="AD122071" i="1"/>
  <c r="AD122072" i="1"/>
  <c r="AD122073" i="1"/>
  <c r="AD122074" i="1"/>
  <c r="AD122075" i="1"/>
  <c r="AD122076" i="1"/>
  <c r="AD122077" i="1"/>
  <c r="AD122078" i="1"/>
  <c r="AD122079" i="1"/>
  <c r="AD122080" i="1"/>
  <c r="AD122081" i="1"/>
  <c r="AD122082" i="1"/>
  <c r="AD122083" i="1"/>
  <c r="AD122084" i="1"/>
  <c r="AD122085" i="1"/>
  <c r="AD122086" i="1"/>
  <c r="AD122087" i="1"/>
  <c r="AD122088" i="1"/>
  <c r="AD122089" i="1"/>
  <c r="AD122090" i="1"/>
  <c r="AD122091" i="1"/>
  <c r="AD122092" i="1"/>
  <c r="AD122093" i="1"/>
  <c r="AD122094" i="1"/>
  <c r="AD122095" i="1"/>
  <c r="AD122096" i="1"/>
  <c r="AD122097" i="1"/>
  <c r="AD122098" i="1"/>
  <c r="AD122099" i="1"/>
  <c r="AD122100" i="1"/>
  <c r="AD122101" i="1"/>
  <c r="AD122102" i="1"/>
  <c r="AD122103" i="1"/>
  <c r="AD122104" i="1"/>
  <c r="AD122105" i="1"/>
  <c r="AD122106" i="1"/>
  <c r="AD122107" i="1"/>
  <c r="AD122108" i="1"/>
  <c r="AD122109" i="1"/>
  <c r="AD122110" i="1"/>
  <c r="AD122111" i="1"/>
  <c r="AD122112" i="1"/>
  <c r="AD122113" i="1"/>
  <c r="AD122114" i="1"/>
  <c r="AD122115" i="1"/>
  <c r="AD122116" i="1"/>
  <c r="AD122117" i="1"/>
  <c r="AD122118" i="1"/>
  <c r="AD122119" i="1"/>
  <c r="AD122120" i="1"/>
  <c r="AD122121" i="1"/>
  <c r="AD122122" i="1"/>
  <c r="AD122123" i="1"/>
  <c r="AD122124" i="1"/>
  <c r="AD122125" i="1"/>
  <c r="AD122126" i="1"/>
  <c r="AD122127" i="1"/>
  <c r="AD122128" i="1"/>
  <c r="AD122129" i="1"/>
  <c r="AD122130" i="1"/>
  <c r="AD122131" i="1"/>
  <c r="AD122132" i="1"/>
  <c r="AD122133" i="1"/>
  <c r="AD122134" i="1"/>
  <c r="AD122135" i="1"/>
  <c r="AD122136" i="1"/>
  <c r="AD122137" i="1"/>
  <c r="AD122138" i="1"/>
  <c r="AD122139" i="1"/>
  <c r="AD122140" i="1"/>
  <c r="AD122141" i="1"/>
  <c r="AD122142" i="1"/>
  <c r="AD122143" i="1"/>
  <c r="AD122144" i="1"/>
  <c r="AD122145" i="1"/>
  <c r="AD122146" i="1"/>
  <c r="AD122147" i="1"/>
  <c r="AD122148" i="1"/>
  <c r="AD122149" i="1"/>
  <c r="AD122150" i="1"/>
  <c r="AD122151" i="1"/>
  <c r="AD122152" i="1"/>
  <c r="AD122153" i="1"/>
  <c r="AD122154" i="1"/>
  <c r="AD122155" i="1"/>
  <c r="AD122156" i="1"/>
  <c r="AD122157" i="1"/>
  <c r="AD122158" i="1"/>
  <c r="AD122159" i="1"/>
  <c r="AD122160" i="1"/>
  <c r="AD122161" i="1"/>
  <c r="AD122162" i="1"/>
  <c r="AD122163" i="1"/>
  <c r="AD122164" i="1"/>
  <c r="AD122165" i="1"/>
  <c r="AD122166" i="1"/>
  <c r="AD122167" i="1"/>
  <c r="AD122168" i="1"/>
  <c r="AD122169" i="1"/>
  <c r="AD122170" i="1"/>
  <c r="AD122171" i="1"/>
  <c r="AD122172" i="1"/>
  <c r="AD122173" i="1"/>
  <c r="AD122174" i="1"/>
  <c r="AD122175" i="1"/>
  <c r="AD122176" i="1"/>
  <c r="AD122177" i="1"/>
  <c r="AD122178" i="1"/>
  <c r="AD122179" i="1"/>
  <c r="AD122180" i="1"/>
  <c r="AD122181" i="1"/>
  <c r="AD122182" i="1"/>
  <c r="AD122183" i="1"/>
  <c r="AD122184" i="1"/>
  <c r="AD122185" i="1"/>
  <c r="AD122186" i="1"/>
  <c r="AD122187" i="1"/>
  <c r="AD122188" i="1"/>
  <c r="AD122189" i="1"/>
  <c r="AD122190" i="1"/>
  <c r="AD122191" i="1"/>
  <c r="AD122192" i="1"/>
  <c r="AD122193" i="1"/>
  <c r="AD122194" i="1"/>
  <c r="AD122195" i="1"/>
  <c r="AD122196" i="1"/>
  <c r="AD122197" i="1"/>
  <c r="AD122198" i="1"/>
  <c r="AD122199" i="1"/>
  <c r="AD122200" i="1"/>
  <c r="AD122201" i="1"/>
  <c r="AD122202" i="1"/>
  <c r="AD122203" i="1"/>
  <c r="AD122204" i="1"/>
  <c r="AD122205" i="1"/>
  <c r="AD122206" i="1"/>
  <c r="AD122207" i="1"/>
  <c r="AD122208" i="1"/>
  <c r="AD122209" i="1"/>
  <c r="AD122210" i="1"/>
  <c r="AD122211" i="1"/>
  <c r="AD122212" i="1"/>
  <c r="AD122213" i="1"/>
  <c r="AD122214" i="1"/>
  <c r="AD122215" i="1"/>
  <c r="AD122216" i="1"/>
  <c r="AD122217" i="1"/>
  <c r="AD122218" i="1"/>
  <c r="AD122219" i="1"/>
  <c r="AD122220" i="1"/>
  <c r="AD122221" i="1"/>
  <c r="AD122222" i="1"/>
  <c r="AD122223" i="1"/>
  <c r="AD122224" i="1"/>
  <c r="AD122225" i="1"/>
  <c r="AD122226" i="1"/>
  <c r="AD122227" i="1"/>
  <c r="AD122228" i="1"/>
  <c r="AD122229" i="1"/>
  <c r="AD122230" i="1"/>
  <c r="AD122231" i="1"/>
  <c r="AD122232" i="1"/>
  <c r="AD122233" i="1"/>
  <c r="AD122234" i="1"/>
  <c r="AD122235" i="1"/>
  <c r="AD122236" i="1"/>
  <c r="AD122237" i="1"/>
  <c r="AD122238" i="1"/>
  <c r="AD122239" i="1"/>
  <c r="AD122240" i="1"/>
  <c r="AD122241" i="1"/>
  <c r="AD122242" i="1"/>
  <c r="AD122243" i="1"/>
  <c r="AD122244" i="1"/>
  <c r="AD122245" i="1"/>
  <c r="AD122246" i="1"/>
  <c r="AD122247" i="1"/>
  <c r="AD122248" i="1"/>
  <c r="AD122249" i="1"/>
  <c r="AD122250" i="1"/>
  <c r="AD122251" i="1"/>
  <c r="AD122252" i="1"/>
  <c r="AD122253" i="1"/>
  <c r="AD122254" i="1"/>
  <c r="AD122255" i="1"/>
  <c r="AD122256" i="1"/>
  <c r="AD122257" i="1"/>
  <c r="AD122258" i="1"/>
  <c r="AD122259" i="1"/>
  <c r="AD122260" i="1"/>
  <c r="AD122261" i="1"/>
  <c r="AD122262" i="1"/>
  <c r="AD122263" i="1"/>
  <c r="AD122264" i="1"/>
  <c r="AD122265" i="1"/>
  <c r="AD122266" i="1"/>
  <c r="AD122267" i="1"/>
  <c r="AD122268" i="1"/>
  <c r="AD122269" i="1"/>
  <c r="AD122270" i="1"/>
  <c r="AD122271" i="1"/>
  <c r="AD122272" i="1"/>
  <c r="AD122273" i="1"/>
  <c r="AD122274" i="1"/>
  <c r="AD122275" i="1"/>
  <c r="AD122276" i="1"/>
  <c r="AD122277" i="1"/>
  <c r="AD122278" i="1"/>
  <c r="AD122279" i="1"/>
  <c r="AD122280" i="1"/>
  <c r="AD122281" i="1"/>
  <c r="AD122282" i="1"/>
  <c r="AD122283" i="1"/>
  <c r="AD122284" i="1"/>
  <c r="AD122285" i="1"/>
  <c r="AD122286" i="1"/>
  <c r="AD122287" i="1"/>
  <c r="AD122288" i="1"/>
  <c r="AD122289" i="1"/>
  <c r="AD122290" i="1"/>
  <c r="AD122291" i="1"/>
  <c r="AD122292" i="1"/>
  <c r="AD122293" i="1"/>
  <c r="AD122294" i="1"/>
  <c r="AD122295" i="1"/>
  <c r="AD122296" i="1"/>
  <c r="AD122297" i="1"/>
  <c r="AD122298" i="1"/>
  <c r="AD122299" i="1"/>
  <c r="AD122300" i="1"/>
  <c r="AD122301" i="1"/>
  <c r="AD122302" i="1"/>
  <c r="AD122303" i="1"/>
  <c r="AD122304" i="1"/>
  <c r="AD122305" i="1"/>
  <c r="AD122306" i="1"/>
  <c r="AD122307" i="1"/>
  <c r="AD122308" i="1"/>
  <c r="AD122309" i="1"/>
  <c r="AD122310" i="1"/>
  <c r="AD122311" i="1"/>
  <c r="AD122312" i="1"/>
  <c r="AD122313" i="1"/>
  <c r="AD122314" i="1"/>
  <c r="AD122315" i="1"/>
  <c r="AD122316" i="1"/>
  <c r="AD122317" i="1"/>
  <c r="AD122318" i="1"/>
  <c r="AD122319" i="1"/>
  <c r="AD122320" i="1"/>
  <c r="AD122321" i="1"/>
  <c r="AD122322" i="1"/>
  <c r="AD122323" i="1"/>
  <c r="AD122324" i="1"/>
  <c r="AD122325" i="1"/>
  <c r="AD122326" i="1"/>
  <c r="AD122327" i="1"/>
  <c r="AD122328" i="1"/>
  <c r="AD122329" i="1"/>
  <c r="AD122330" i="1"/>
  <c r="AD122331" i="1"/>
  <c r="AD122332" i="1"/>
  <c r="AD122333" i="1"/>
  <c r="AD122334" i="1"/>
  <c r="AD122335" i="1"/>
  <c r="AD122336" i="1"/>
  <c r="AD122337" i="1"/>
  <c r="AD122338" i="1"/>
  <c r="AD122339" i="1"/>
  <c r="AD122340" i="1"/>
  <c r="AD122341" i="1"/>
  <c r="AD122342" i="1"/>
  <c r="AD122343" i="1"/>
  <c r="AD122344" i="1"/>
  <c r="AD122345" i="1"/>
  <c r="AD122346" i="1"/>
  <c r="AD122347" i="1"/>
  <c r="AD122348" i="1"/>
  <c r="AD122349" i="1"/>
  <c r="AD122350" i="1"/>
  <c r="AD122351" i="1"/>
  <c r="AD122352" i="1"/>
  <c r="AD122353" i="1"/>
  <c r="AD122354" i="1"/>
  <c r="AD122355" i="1"/>
  <c r="AD122356" i="1"/>
  <c r="AD122357" i="1"/>
  <c r="AD122358" i="1"/>
  <c r="AD122359" i="1"/>
  <c r="AD122360" i="1"/>
  <c r="AD122361" i="1"/>
  <c r="AD122362" i="1"/>
  <c r="AD122363" i="1"/>
  <c r="AD122364" i="1"/>
  <c r="AD122365" i="1"/>
  <c r="AD122366" i="1"/>
  <c r="AD122367" i="1"/>
  <c r="AD122368" i="1"/>
  <c r="AD122369" i="1"/>
  <c r="AD122370" i="1"/>
  <c r="AD122371" i="1"/>
  <c r="AD122372" i="1"/>
  <c r="AD122373" i="1"/>
  <c r="AD122374" i="1"/>
  <c r="AD122375" i="1"/>
  <c r="AD122376" i="1"/>
  <c r="AD122377" i="1"/>
  <c r="AD122378" i="1"/>
  <c r="AD122379" i="1"/>
  <c r="AD122380" i="1"/>
  <c r="AD122381" i="1"/>
  <c r="AD122382" i="1"/>
  <c r="AD122383" i="1"/>
  <c r="AD122384" i="1"/>
  <c r="AD122385" i="1"/>
  <c r="AD122386" i="1"/>
  <c r="AD122387" i="1"/>
  <c r="AD122388" i="1"/>
  <c r="AD122389" i="1"/>
  <c r="AD122390" i="1"/>
  <c r="AD122391" i="1"/>
  <c r="AD122392" i="1"/>
  <c r="AD122393" i="1"/>
  <c r="AD122394" i="1"/>
  <c r="AD122395" i="1"/>
  <c r="AD122396" i="1"/>
  <c r="AD122397" i="1"/>
  <c r="AD122398" i="1"/>
  <c r="AD122399" i="1"/>
  <c r="AD122400" i="1"/>
  <c r="AD122401" i="1"/>
  <c r="AD122402" i="1"/>
  <c r="AD122403" i="1"/>
  <c r="AD122404" i="1"/>
  <c r="AD122405" i="1"/>
  <c r="AD122406" i="1"/>
  <c r="AD122407" i="1"/>
  <c r="AD122408" i="1"/>
  <c r="AD122409" i="1"/>
  <c r="AD122410" i="1"/>
  <c r="AD122411" i="1"/>
  <c r="AD122412" i="1"/>
  <c r="AD122413" i="1"/>
  <c r="AD122414" i="1"/>
  <c r="AD122415" i="1"/>
  <c r="AD122416" i="1"/>
  <c r="AD122417" i="1"/>
  <c r="AD122418" i="1"/>
  <c r="AD122419" i="1"/>
  <c r="AD122420" i="1"/>
  <c r="AD122421" i="1"/>
  <c r="AD122422" i="1"/>
  <c r="AD122423" i="1"/>
  <c r="AD122424" i="1"/>
  <c r="AD122425" i="1"/>
  <c r="AD122426" i="1"/>
  <c r="AD122427" i="1"/>
  <c r="AD122428" i="1"/>
  <c r="AD122429" i="1"/>
  <c r="AD122430" i="1"/>
  <c r="AD122431" i="1"/>
  <c r="AD122432" i="1"/>
  <c r="AD122433" i="1"/>
  <c r="AD122434" i="1"/>
  <c r="AD122435" i="1"/>
  <c r="AD122436" i="1"/>
  <c r="AD122437" i="1"/>
  <c r="AD122438" i="1"/>
  <c r="AD122439" i="1"/>
  <c r="AD122440" i="1"/>
  <c r="AD122441" i="1"/>
  <c r="AD122442" i="1"/>
  <c r="AD122443" i="1"/>
  <c r="AD122444" i="1"/>
  <c r="AD122445" i="1"/>
  <c r="AD122446" i="1"/>
  <c r="AD122447" i="1"/>
  <c r="AD122448" i="1"/>
  <c r="AD122449" i="1"/>
  <c r="AD122450" i="1"/>
  <c r="AD122451" i="1"/>
  <c r="AD122452" i="1"/>
  <c r="AD122453" i="1"/>
  <c r="AD122454" i="1"/>
  <c r="AD122455" i="1"/>
  <c r="AD122456" i="1"/>
  <c r="AD122457" i="1"/>
  <c r="AD122458" i="1"/>
  <c r="AD122459" i="1"/>
  <c r="AD122460" i="1"/>
  <c r="AD122461" i="1"/>
  <c r="AD122462" i="1"/>
  <c r="AD122463" i="1"/>
  <c r="AD122464" i="1"/>
  <c r="AD122465" i="1"/>
  <c r="AD122466" i="1"/>
  <c r="AD122467" i="1"/>
  <c r="AD122468" i="1"/>
  <c r="AD122469" i="1"/>
  <c r="AD122470" i="1"/>
  <c r="AD122471" i="1"/>
  <c r="AD122472" i="1"/>
  <c r="AD122473" i="1"/>
  <c r="AD122474" i="1"/>
  <c r="AD122475" i="1"/>
  <c r="AD122476" i="1"/>
  <c r="AD122477" i="1"/>
  <c r="AD122478" i="1"/>
  <c r="AD122479" i="1"/>
  <c r="AD122480" i="1"/>
  <c r="AD122481" i="1"/>
  <c r="AD122482" i="1"/>
  <c r="AD122483" i="1"/>
  <c r="AD122484" i="1"/>
  <c r="AD122485" i="1"/>
  <c r="AD122486" i="1"/>
  <c r="AD122487" i="1"/>
  <c r="AD122488" i="1"/>
  <c r="AD122489" i="1"/>
  <c r="AD122490" i="1"/>
  <c r="AD122491" i="1"/>
  <c r="AD122492" i="1"/>
  <c r="AD122493" i="1"/>
  <c r="AD122494" i="1"/>
  <c r="AD122495" i="1"/>
  <c r="AD122496" i="1"/>
  <c r="AD122497" i="1"/>
  <c r="AD122498" i="1"/>
  <c r="AD122499" i="1"/>
  <c r="AD122500" i="1"/>
  <c r="AD122501" i="1"/>
  <c r="AD122502" i="1"/>
  <c r="AD122503" i="1"/>
  <c r="AD122504" i="1"/>
  <c r="AD122505" i="1"/>
  <c r="AD122506" i="1"/>
  <c r="AD122507" i="1"/>
  <c r="AD122508" i="1"/>
  <c r="AD122509" i="1"/>
  <c r="AD122510" i="1"/>
  <c r="AD122511" i="1"/>
  <c r="AD122512" i="1"/>
  <c r="AD122513" i="1"/>
  <c r="AD122514" i="1"/>
  <c r="AD122515" i="1"/>
  <c r="AD122516" i="1"/>
  <c r="AD122517" i="1"/>
  <c r="AD122518" i="1"/>
  <c r="AD122519" i="1"/>
  <c r="AD122520" i="1"/>
  <c r="AD122521" i="1"/>
  <c r="AD122522" i="1"/>
  <c r="AD122523" i="1"/>
  <c r="AD122524" i="1"/>
  <c r="AD122525" i="1"/>
  <c r="AD122526" i="1"/>
  <c r="AD122527" i="1"/>
  <c r="AD122528" i="1"/>
  <c r="AD122529" i="1"/>
  <c r="AD122530" i="1"/>
  <c r="AD122531" i="1"/>
  <c r="AD122532" i="1"/>
  <c r="AD122533" i="1"/>
  <c r="AD122534" i="1"/>
  <c r="AD122535" i="1"/>
  <c r="AD122536" i="1"/>
  <c r="AD122537" i="1"/>
  <c r="AD122538" i="1"/>
  <c r="AD122539" i="1"/>
  <c r="AD122540" i="1"/>
  <c r="AD122541" i="1"/>
  <c r="AD122542" i="1"/>
  <c r="AD122543" i="1"/>
  <c r="AD122544" i="1"/>
  <c r="AD122545" i="1"/>
  <c r="AD122546" i="1"/>
  <c r="AD122547" i="1"/>
  <c r="AD122548" i="1"/>
  <c r="AD122549" i="1"/>
  <c r="AD122550" i="1"/>
  <c r="AD122551" i="1"/>
  <c r="AD122552" i="1"/>
  <c r="AD122553" i="1"/>
  <c r="AD122554" i="1"/>
  <c r="AD122555" i="1"/>
  <c r="AD122556" i="1"/>
  <c r="AD122557" i="1"/>
  <c r="AD122558" i="1"/>
  <c r="AD122559" i="1"/>
  <c r="AD122560" i="1"/>
  <c r="AD122561" i="1"/>
  <c r="AD122562" i="1"/>
  <c r="AD122563" i="1"/>
  <c r="AD122564" i="1"/>
  <c r="AD122565" i="1"/>
  <c r="AD122566" i="1"/>
  <c r="AD122567" i="1"/>
  <c r="AD122568" i="1"/>
  <c r="AD122569" i="1"/>
  <c r="AD122570" i="1"/>
  <c r="AD122571" i="1"/>
  <c r="AD122572" i="1"/>
  <c r="AD122573" i="1"/>
  <c r="AD122574" i="1"/>
  <c r="AD122575" i="1"/>
  <c r="AD122576" i="1"/>
  <c r="AD122577" i="1"/>
  <c r="AD122578" i="1"/>
  <c r="AD122579" i="1"/>
  <c r="AD122580" i="1"/>
  <c r="AD122581" i="1"/>
  <c r="AD122582" i="1"/>
  <c r="AD122583" i="1"/>
  <c r="AD122584" i="1"/>
  <c r="AD122585" i="1"/>
  <c r="AD122586" i="1"/>
  <c r="AD122587" i="1"/>
  <c r="AD122588" i="1"/>
  <c r="AD122589" i="1"/>
  <c r="AD122590" i="1"/>
  <c r="AD122591" i="1"/>
  <c r="AD122592" i="1"/>
  <c r="AD122593" i="1"/>
  <c r="AD122594" i="1"/>
  <c r="AD122595" i="1"/>
  <c r="AD122596" i="1"/>
  <c r="AD122597" i="1"/>
  <c r="AD122598" i="1"/>
  <c r="AD122599" i="1"/>
  <c r="AD122600" i="1"/>
  <c r="AD122601" i="1"/>
  <c r="AD122602" i="1"/>
  <c r="AD122603" i="1"/>
  <c r="AD122604" i="1"/>
  <c r="AD122605" i="1"/>
  <c r="AD122606" i="1"/>
  <c r="AD122607" i="1"/>
  <c r="AD122608" i="1"/>
  <c r="AD122609" i="1"/>
  <c r="AD122610" i="1"/>
  <c r="AD122611" i="1"/>
  <c r="AD122612" i="1"/>
  <c r="AD122613" i="1"/>
  <c r="AD122614" i="1"/>
  <c r="AD122615" i="1"/>
  <c r="AD122616" i="1"/>
  <c r="AD122617" i="1"/>
  <c r="AD122618" i="1"/>
  <c r="AD122619" i="1"/>
  <c r="AD122620" i="1"/>
  <c r="AD122621" i="1"/>
  <c r="AD122622" i="1"/>
  <c r="AD122623" i="1"/>
  <c r="AD122624" i="1"/>
  <c r="AD122625" i="1"/>
  <c r="AD122626" i="1"/>
  <c r="AD122627" i="1"/>
  <c r="AD122628" i="1"/>
  <c r="AD122629" i="1"/>
  <c r="AD122630" i="1"/>
  <c r="AD122631" i="1"/>
  <c r="AD122632" i="1"/>
  <c r="AD122633" i="1"/>
  <c r="AD122634" i="1"/>
  <c r="AD122635" i="1"/>
  <c r="AD122636" i="1"/>
  <c r="AD122637" i="1"/>
  <c r="AD122638" i="1"/>
  <c r="AD122639" i="1"/>
  <c r="AD122640" i="1"/>
  <c r="AD122641" i="1"/>
  <c r="AD122642" i="1"/>
  <c r="AD122643" i="1"/>
  <c r="AD122644" i="1"/>
  <c r="AD122645" i="1"/>
  <c r="AD122646" i="1"/>
  <c r="AD122647" i="1"/>
  <c r="AD122648" i="1"/>
  <c r="AD122649" i="1"/>
  <c r="AD122650" i="1"/>
  <c r="AD122651" i="1"/>
  <c r="AD122652" i="1"/>
  <c r="AD122653" i="1"/>
  <c r="AD122654" i="1"/>
  <c r="AD122655" i="1"/>
  <c r="AD122656" i="1"/>
  <c r="AD122657" i="1"/>
  <c r="AD122658" i="1"/>
  <c r="AD122659" i="1"/>
  <c r="AD122660" i="1"/>
  <c r="AD122661" i="1"/>
  <c r="AD122662" i="1"/>
  <c r="AD122663" i="1"/>
  <c r="AD122664" i="1"/>
  <c r="AD122665" i="1"/>
  <c r="AD122666" i="1"/>
  <c r="AD122667" i="1"/>
  <c r="AD122668" i="1"/>
  <c r="AD122669" i="1"/>
  <c r="AD122670" i="1"/>
  <c r="AD122671" i="1"/>
  <c r="AD122672" i="1"/>
  <c r="AD122673" i="1"/>
  <c r="AD122674" i="1"/>
  <c r="AD122675" i="1"/>
  <c r="AD122676" i="1"/>
  <c r="AD122677" i="1"/>
  <c r="AD122678" i="1"/>
  <c r="AD122679" i="1"/>
  <c r="AD122680" i="1"/>
  <c r="AD122681" i="1"/>
  <c r="AD122682" i="1"/>
  <c r="AD122683" i="1"/>
  <c r="AD122684" i="1"/>
  <c r="AD122685" i="1"/>
  <c r="AD122686" i="1"/>
  <c r="AD122687" i="1"/>
  <c r="AD122688" i="1"/>
  <c r="AD122689" i="1"/>
  <c r="AD122690" i="1"/>
  <c r="AD122691" i="1"/>
  <c r="AD122692" i="1"/>
  <c r="AD122693" i="1"/>
  <c r="AD122694" i="1"/>
  <c r="AD122695" i="1"/>
  <c r="AD122696" i="1"/>
  <c r="AD122697" i="1"/>
  <c r="AD122698" i="1"/>
  <c r="AD122699" i="1"/>
  <c r="AD122700" i="1"/>
  <c r="AD122701" i="1"/>
  <c r="AD122702" i="1"/>
  <c r="AD122703" i="1"/>
  <c r="AD122704" i="1"/>
  <c r="AD122705" i="1"/>
  <c r="AD122706" i="1"/>
  <c r="AD122707" i="1"/>
  <c r="AD122708" i="1"/>
  <c r="AD122709" i="1"/>
  <c r="AD122710" i="1"/>
  <c r="AD122711" i="1"/>
  <c r="AD122712" i="1"/>
  <c r="AD122713" i="1"/>
  <c r="AD122714" i="1"/>
  <c r="AD122715" i="1"/>
  <c r="AD122716" i="1"/>
  <c r="AD122717" i="1"/>
  <c r="AD122718" i="1"/>
  <c r="AD122719" i="1"/>
  <c r="AD122720" i="1"/>
  <c r="AD122721" i="1"/>
  <c r="AD122722" i="1"/>
  <c r="AD122723" i="1"/>
  <c r="AD122724" i="1"/>
  <c r="AD122725" i="1"/>
  <c r="AD122726" i="1"/>
  <c r="AD122727" i="1"/>
  <c r="AD122728" i="1"/>
  <c r="AD122729" i="1"/>
  <c r="AD122730" i="1"/>
  <c r="AD122731" i="1"/>
  <c r="AD122732" i="1"/>
  <c r="AD122733" i="1"/>
  <c r="AD122734" i="1"/>
  <c r="AD122735" i="1"/>
  <c r="AD122736" i="1"/>
  <c r="AD122737" i="1"/>
  <c r="AD122738" i="1"/>
  <c r="AD122739" i="1"/>
  <c r="AD122740" i="1"/>
  <c r="AD122741" i="1"/>
  <c r="AD122742" i="1"/>
  <c r="AD122743" i="1"/>
  <c r="AD122744" i="1"/>
  <c r="AD122745" i="1"/>
  <c r="AD122746" i="1"/>
  <c r="AD122747" i="1"/>
  <c r="AD122748" i="1"/>
  <c r="AD122749" i="1"/>
  <c r="AD122750" i="1"/>
  <c r="AD122751" i="1"/>
  <c r="AD122752" i="1"/>
  <c r="AD122753" i="1"/>
  <c r="AD122754" i="1"/>
  <c r="AD122755" i="1"/>
  <c r="AD122756" i="1"/>
  <c r="AD122757" i="1"/>
  <c r="AD122758" i="1"/>
  <c r="AD122759" i="1"/>
  <c r="AD122760" i="1"/>
  <c r="AD122761" i="1"/>
  <c r="AD122762" i="1"/>
  <c r="AD122763" i="1"/>
  <c r="AD122764" i="1"/>
  <c r="AD122765" i="1"/>
  <c r="AD122766" i="1"/>
  <c r="AD122767" i="1"/>
  <c r="AD122768" i="1"/>
  <c r="AD122769" i="1"/>
  <c r="AD122770" i="1"/>
  <c r="AD122771" i="1"/>
  <c r="AD122772" i="1"/>
  <c r="AD122773" i="1"/>
  <c r="AD122774" i="1"/>
  <c r="AD122775" i="1"/>
  <c r="AD122776" i="1"/>
  <c r="AD122777" i="1"/>
  <c r="AD122778" i="1"/>
  <c r="AD122779" i="1"/>
  <c r="AD122780" i="1"/>
  <c r="AD122781" i="1"/>
  <c r="AD122782" i="1"/>
  <c r="AD122783" i="1"/>
  <c r="AD122784" i="1"/>
  <c r="AD122785" i="1"/>
  <c r="AD122786" i="1"/>
  <c r="AD122787" i="1"/>
  <c r="AD122788" i="1"/>
  <c r="AD122789" i="1"/>
  <c r="AD122790" i="1"/>
  <c r="AD122791" i="1"/>
  <c r="AD122792" i="1"/>
  <c r="AD122793" i="1"/>
  <c r="AD122794" i="1"/>
  <c r="AD122795" i="1"/>
  <c r="AD122796" i="1"/>
  <c r="AD122797" i="1"/>
  <c r="AD122798" i="1"/>
  <c r="AD122799" i="1"/>
  <c r="AD122800" i="1"/>
  <c r="AD122801" i="1"/>
  <c r="AD122802" i="1"/>
  <c r="AD122803" i="1"/>
  <c r="AD122804" i="1"/>
  <c r="AD122805" i="1"/>
  <c r="AD122806" i="1"/>
  <c r="AD122807" i="1"/>
  <c r="AD122808" i="1"/>
  <c r="AD122809" i="1"/>
  <c r="AD122810" i="1"/>
  <c r="AD122811" i="1"/>
  <c r="AD122812" i="1"/>
  <c r="AD122813" i="1"/>
  <c r="AD122814" i="1"/>
  <c r="AD122815" i="1"/>
  <c r="AD122816" i="1"/>
  <c r="AD122817" i="1"/>
  <c r="AD122818" i="1"/>
  <c r="AD122819" i="1"/>
  <c r="AD122820" i="1"/>
  <c r="AD122821" i="1"/>
  <c r="AD122822" i="1"/>
  <c r="AD122823" i="1"/>
  <c r="AD122824" i="1"/>
  <c r="AD122825" i="1"/>
  <c r="AD122826" i="1"/>
  <c r="AD122827" i="1"/>
  <c r="AD122828" i="1"/>
  <c r="AD122829" i="1"/>
  <c r="AD122830" i="1"/>
  <c r="AD122831" i="1"/>
  <c r="AD122832" i="1"/>
  <c r="AD122833" i="1"/>
  <c r="AD122834" i="1"/>
  <c r="AD122835" i="1"/>
  <c r="AD122836" i="1"/>
  <c r="AD122837" i="1"/>
  <c r="AD122838" i="1"/>
  <c r="AD122839" i="1"/>
  <c r="AD122840" i="1"/>
  <c r="AD122841" i="1"/>
  <c r="AD122842" i="1"/>
  <c r="AD122843" i="1"/>
  <c r="AD122844" i="1"/>
  <c r="AD122845" i="1"/>
  <c r="AD122846" i="1"/>
  <c r="AD122847" i="1"/>
  <c r="AD122848" i="1"/>
  <c r="AD122849" i="1"/>
  <c r="AD122850" i="1"/>
  <c r="AD122851" i="1"/>
  <c r="AD122852" i="1"/>
  <c r="AD122853" i="1"/>
  <c r="AD122854" i="1"/>
  <c r="AD122855" i="1"/>
  <c r="AD122856" i="1"/>
  <c r="AD122857" i="1"/>
  <c r="AD122858" i="1"/>
  <c r="AD122859" i="1"/>
  <c r="AD122860" i="1"/>
  <c r="AD122861" i="1"/>
  <c r="AD122862" i="1"/>
  <c r="AD122863" i="1"/>
  <c r="AD122864" i="1"/>
  <c r="AD122865" i="1"/>
  <c r="AD122866" i="1"/>
  <c r="AD122867" i="1"/>
  <c r="AD122868" i="1"/>
  <c r="AD122869" i="1"/>
  <c r="AD122870" i="1"/>
  <c r="AD122871" i="1"/>
  <c r="AD122872" i="1"/>
  <c r="AD122873" i="1"/>
  <c r="AD122874" i="1"/>
  <c r="AD122875" i="1"/>
  <c r="AD122876" i="1"/>
  <c r="AD122877" i="1"/>
  <c r="AD122878" i="1"/>
  <c r="AD122879" i="1"/>
  <c r="AD122880" i="1"/>
  <c r="AD122881" i="1"/>
  <c r="AD122882" i="1"/>
  <c r="AD122883" i="1"/>
  <c r="AD122884" i="1"/>
  <c r="AD122885" i="1"/>
  <c r="AD122886" i="1"/>
  <c r="AD122887" i="1"/>
  <c r="AD122888" i="1"/>
  <c r="AD122889" i="1"/>
  <c r="AD122890" i="1"/>
  <c r="AD122891" i="1"/>
  <c r="AD122892" i="1"/>
  <c r="AD122893" i="1"/>
  <c r="AD122894" i="1"/>
  <c r="AD122895" i="1"/>
  <c r="AD122896" i="1"/>
  <c r="AD122897" i="1"/>
  <c r="AD122898" i="1"/>
  <c r="AD122899" i="1"/>
  <c r="AD122900" i="1"/>
  <c r="AD122901" i="1"/>
  <c r="AD122902" i="1"/>
  <c r="AD122903" i="1"/>
  <c r="AD122904" i="1"/>
  <c r="AD122905" i="1"/>
  <c r="AD122906" i="1"/>
  <c r="AD122907" i="1"/>
  <c r="AD122908" i="1"/>
  <c r="AD122909" i="1"/>
  <c r="AD122910" i="1"/>
  <c r="AD122911" i="1"/>
  <c r="AD122912" i="1"/>
  <c r="AD122913" i="1"/>
  <c r="AD122914" i="1"/>
  <c r="AD122915" i="1"/>
  <c r="AD122916" i="1"/>
  <c r="AD122917" i="1"/>
  <c r="AD122918" i="1"/>
  <c r="AD122919" i="1"/>
  <c r="AD122920" i="1"/>
  <c r="AD122921" i="1"/>
  <c r="AD122922" i="1"/>
  <c r="AD122923" i="1"/>
  <c r="AD122924" i="1"/>
  <c r="AD122925" i="1"/>
  <c r="AD122926" i="1"/>
  <c r="AD122927" i="1"/>
  <c r="AD122928" i="1"/>
  <c r="AD122929" i="1"/>
  <c r="AD122930" i="1"/>
  <c r="AD122931" i="1"/>
  <c r="AD122932" i="1"/>
  <c r="AD122933" i="1"/>
  <c r="AD122934" i="1"/>
  <c r="AD122935" i="1"/>
  <c r="AD122936" i="1"/>
  <c r="AD122937" i="1"/>
  <c r="AD122938" i="1"/>
  <c r="AD122939" i="1"/>
  <c r="AD122940" i="1"/>
  <c r="AD122941" i="1"/>
  <c r="AD122942" i="1"/>
  <c r="AD122943" i="1"/>
  <c r="AD122944" i="1"/>
  <c r="AD122945" i="1"/>
  <c r="AD122946" i="1"/>
  <c r="AD122947" i="1"/>
  <c r="AD122948" i="1"/>
  <c r="AD122949" i="1"/>
  <c r="AD122950" i="1"/>
  <c r="AD122951" i="1"/>
  <c r="AD122952" i="1"/>
  <c r="AD122953" i="1"/>
  <c r="AD122954" i="1"/>
  <c r="AD122955" i="1"/>
  <c r="AD122956" i="1"/>
  <c r="AD122957" i="1"/>
  <c r="AD122958" i="1"/>
  <c r="AD122959" i="1"/>
  <c r="AD122960" i="1"/>
  <c r="AD122961" i="1"/>
  <c r="AD122962" i="1"/>
  <c r="AD122963" i="1"/>
  <c r="AD122964" i="1"/>
  <c r="AD122965" i="1"/>
  <c r="AD122966" i="1"/>
  <c r="AD122967" i="1"/>
  <c r="AD122968" i="1"/>
  <c r="AD122969" i="1"/>
  <c r="AD122970" i="1"/>
  <c r="AD122971" i="1"/>
  <c r="AD122972" i="1"/>
  <c r="AD122973" i="1"/>
  <c r="AD122974" i="1"/>
  <c r="AD122975" i="1"/>
  <c r="AD122976" i="1"/>
  <c r="AD122977" i="1"/>
  <c r="AD122978" i="1"/>
  <c r="AD122979" i="1"/>
  <c r="AD122980" i="1"/>
  <c r="AD122981" i="1"/>
  <c r="AD122982" i="1"/>
  <c r="AD122983" i="1"/>
  <c r="AD122984" i="1"/>
  <c r="AD122985" i="1"/>
  <c r="AD122986" i="1"/>
  <c r="AD122987" i="1"/>
  <c r="AD122988" i="1"/>
  <c r="AD122989" i="1"/>
  <c r="AD122990" i="1"/>
  <c r="AD122991" i="1"/>
  <c r="AD122992" i="1"/>
  <c r="AD122993" i="1"/>
  <c r="AD122994" i="1"/>
  <c r="AD122995" i="1"/>
  <c r="AD122996" i="1"/>
  <c r="AD122997" i="1"/>
  <c r="AD122998" i="1"/>
  <c r="AD122999" i="1"/>
  <c r="AD123000" i="1"/>
  <c r="AD123001" i="1"/>
  <c r="AD123002" i="1"/>
  <c r="AD123003" i="1"/>
  <c r="AD123004" i="1"/>
  <c r="AD123005" i="1"/>
  <c r="AD123006" i="1"/>
  <c r="AD123007" i="1"/>
  <c r="AD123008" i="1"/>
  <c r="AD123009" i="1"/>
  <c r="AD123010" i="1"/>
  <c r="AD123011" i="1"/>
  <c r="AD123012" i="1"/>
  <c r="AD123013" i="1"/>
  <c r="AD123014" i="1"/>
  <c r="AD123015" i="1"/>
  <c r="AD123016" i="1"/>
  <c r="AD123017" i="1"/>
  <c r="AD123018" i="1"/>
  <c r="AD123019" i="1"/>
  <c r="AD123020" i="1"/>
  <c r="AD123021" i="1"/>
  <c r="AD123022" i="1"/>
  <c r="AD123023" i="1"/>
  <c r="AD123024" i="1"/>
  <c r="AD123025" i="1"/>
  <c r="AD123026" i="1"/>
  <c r="AD123027" i="1"/>
  <c r="AD123028" i="1"/>
  <c r="AD123029" i="1"/>
  <c r="AD123030" i="1"/>
  <c r="AD123031" i="1"/>
  <c r="AD123032" i="1"/>
  <c r="AD123033" i="1"/>
  <c r="AD123034" i="1"/>
  <c r="AD123035" i="1"/>
  <c r="AD123036" i="1"/>
  <c r="AD123037" i="1"/>
  <c r="AD123038" i="1"/>
  <c r="AD123039" i="1"/>
  <c r="AD123040" i="1"/>
  <c r="AD123041" i="1"/>
  <c r="AD123042" i="1"/>
  <c r="AD123043" i="1"/>
  <c r="AD123044" i="1"/>
  <c r="AD123045" i="1"/>
  <c r="AD123046" i="1"/>
  <c r="AD123047" i="1"/>
  <c r="AD123048" i="1"/>
  <c r="AD123049" i="1"/>
  <c r="AD123050" i="1"/>
  <c r="AD123051" i="1"/>
  <c r="AD123052" i="1"/>
  <c r="AD123053" i="1"/>
  <c r="AD123054" i="1"/>
  <c r="AD123055" i="1"/>
  <c r="AD123056" i="1"/>
  <c r="AD123057" i="1"/>
  <c r="AD123058" i="1"/>
  <c r="AD123059" i="1"/>
  <c r="AD123060" i="1"/>
  <c r="AD123061" i="1"/>
  <c r="AD123062" i="1"/>
  <c r="AD123063" i="1"/>
  <c r="AD123064" i="1"/>
  <c r="AD123065" i="1"/>
  <c r="AD123066" i="1"/>
  <c r="AD123067" i="1"/>
  <c r="AD123068" i="1"/>
  <c r="AD123069" i="1"/>
  <c r="AD123070" i="1"/>
  <c r="AD123071" i="1"/>
  <c r="AD123072" i="1"/>
  <c r="AD123073" i="1"/>
  <c r="AD123074" i="1"/>
  <c r="AD123075" i="1"/>
  <c r="AD123076" i="1"/>
  <c r="AD123077" i="1"/>
  <c r="AD123078" i="1"/>
  <c r="AD123079" i="1"/>
  <c r="AD123080" i="1"/>
  <c r="AD123081" i="1"/>
  <c r="AD123082" i="1"/>
  <c r="AD123083" i="1"/>
  <c r="AD123084" i="1"/>
  <c r="AD123085" i="1"/>
  <c r="AD123086" i="1"/>
  <c r="AD123087" i="1"/>
  <c r="AD123088" i="1"/>
  <c r="AD123089" i="1"/>
  <c r="AD123090" i="1"/>
  <c r="AD123091" i="1"/>
  <c r="AD123092" i="1"/>
  <c r="AD123093" i="1"/>
  <c r="AD123094" i="1"/>
  <c r="AD123095" i="1"/>
  <c r="AD123096" i="1"/>
  <c r="AD123097" i="1"/>
  <c r="AD123098" i="1"/>
  <c r="AD123099" i="1"/>
  <c r="AD123100" i="1"/>
  <c r="AD123101" i="1"/>
  <c r="AD123102" i="1"/>
  <c r="AD123103" i="1"/>
  <c r="AD123104" i="1"/>
  <c r="AD123105" i="1"/>
  <c r="AD123106" i="1"/>
  <c r="AD123107" i="1"/>
  <c r="AD123108" i="1"/>
  <c r="AD123109" i="1"/>
  <c r="AD123110" i="1"/>
  <c r="AD123111" i="1"/>
  <c r="AD123112" i="1"/>
  <c r="AD123113" i="1"/>
  <c r="AD123114" i="1"/>
  <c r="AD123115" i="1"/>
  <c r="AD123116" i="1"/>
  <c r="AD123117" i="1"/>
  <c r="AD123118" i="1"/>
  <c r="AD123119" i="1"/>
  <c r="AD123120" i="1"/>
  <c r="AD123121" i="1"/>
  <c r="AD123122" i="1"/>
  <c r="AD123123" i="1"/>
  <c r="AD123124" i="1"/>
  <c r="AD123125" i="1"/>
  <c r="AD123126" i="1"/>
  <c r="AD123127" i="1"/>
  <c r="AD123128" i="1"/>
  <c r="AD123129" i="1"/>
  <c r="AD123130" i="1"/>
  <c r="AD123131" i="1"/>
  <c r="AD123132" i="1"/>
  <c r="AD123133" i="1"/>
  <c r="AD123134" i="1"/>
  <c r="AD123135" i="1"/>
  <c r="AD123136" i="1"/>
  <c r="AD123137" i="1"/>
  <c r="AD123138" i="1"/>
  <c r="AD123139" i="1"/>
  <c r="AD123140" i="1"/>
  <c r="AD123141" i="1"/>
  <c r="AD123142" i="1"/>
  <c r="AD123143" i="1"/>
  <c r="AD123144" i="1"/>
  <c r="AD123145" i="1"/>
  <c r="AD123146" i="1"/>
  <c r="AD123147" i="1"/>
  <c r="AD123148" i="1"/>
  <c r="AD123149" i="1"/>
  <c r="AD123150" i="1"/>
  <c r="AD123151" i="1"/>
  <c r="AD123152" i="1"/>
  <c r="AD123153" i="1"/>
  <c r="AD123154" i="1"/>
  <c r="AD123155" i="1"/>
  <c r="AD123156" i="1"/>
  <c r="AD123157" i="1"/>
  <c r="AD123158" i="1"/>
  <c r="AD123159" i="1"/>
  <c r="AD123160" i="1"/>
  <c r="AD123161" i="1"/>
  <c r="AD123162" i="1"/>
  <c r="AD123163" i="1"/>
  <c r="AD123164" i="1"/>
  <c r="AD123165" i="1"/>
  <c r="AD123166" i="1"/>
  <c r="AD123167" i="1"/>
  <c r="AD123168" i="1"/>
  <c r="AD123169" i="1"/>
  <c r="AD123170" i="1"/>
  <c r="AD123171" i="1"/>
  <c r="AD123172" i="1"/>
  <c r="AD123173" i="1"/>
  <c r="AD123174" i="1"/>
  <c r="AD123175" i="1"/>
  <c r="AD123176" i="1"/>
  <c r="AD123177" i="1"/>
  <c r="AD123178" i="1"/>
  <c r="AD123179" i="1"/>
  <c r="AD123180" i="1"/>
  <c r="AD123181" i="1"/>
  <c r="AD123182" i="1"/>
  <c r="AD123183" i="1"/>
  <c r="AD123184" i="1"/>
  <c r="AD123185" i="1"/>
  <c r="AD123186" i="1"/>
  <c r="AD123187" i="1"/>
  <c r="AD123188" i="1"/>
  <c r="AD123189" i="1"/>
  <c r="AD123190" i="1"/>
  <c r="AD123191" i="1"/>
  <c r="AD123192" i="1"/>
  <c r="AD123193" i="1"/>
  <c r="AD123194" i="1"/>
  <c r="AD123195" i="1"/>
  <c r="AD123196" i="1"/>
  <c r="AD123197" i="1"/>
  <c r="AD123198" i="1"/>
  <c r="AD123199" i="1"/>
  <c r="AD123200" i="1"/>
  <c r="AD123201" i="1"/>
  <c r="AD123202" i="1"/>
  <c r="AD123203" i="1"/>
  <c r="AD123204" i="1"/>
  <c r="AD123205" i="1"/>
  <c r="AD123206" i="1"/>
  <c r="AD123207" i="1"/>
  <c r="AD123208" i="1"/>
  <c r="AD123209" i="1"/>
  <c r="AD123210" i="1"/>
  <c r="AD123211" i="1"/>
  <c r="AD123212" i="1"/>
  <c r="AD123213" i="1"/>
  <c r="AD123214" i="1"/>
  <c r="AD123215" i="1"/>
  <c r="AD123216" i="1"/>
  <c r="AD123217" i="1"/>
  <c r="AD123218" i="1"/>
  <c r="AD123219" i="1"/>
  <c r="AD123220" i="1"/>
  <c r="AD123221" i="1"/>
  <c r="AD123222" i="1"/>
  <c r="AD123223" i="1"/>
  <c r="AD123224" i="1"/>
  <c r="AD123225" i="1"/>
  <c r="AD123226" i="1"/>
  <c r="AD123227" i="1"/>
  <c r="AD123228" i="1"/>
  <c r="AD123229" i="1"/>
  <c r="AD123230" i="1"/>
  <c r="AD123231" i="1"/>
  <c r="AD123232" i="1"/>
  <c r="AD123233" i="1"/>
  <c r="AD123234" i="1"/>
  <c r="AD123235" i="1"/>
  <c r="AD123236" i="1"/>
  <c r="AD123237" i="1"/>
  <c r="AD123238" i="1"/>
  <c r="AD123239" i="1"/>
  <c r="AD123240" i="1"/>
  <c r="AD123241" i="1"/>
  <c r="AD123242" i="1"/>
  <c r="AD123243" i="1"/>
  <c r="AD123244" i="1"/>
  <c r="AD123245" i="1"/>
  <c r="AD123246" i="1"/>
  <c r="AD123247" i="1"/>
  <c r="AD123248" i="1"/>
  <c r="AD123249" i="1"/>
  <c r="AD123250" i="1"/>
  <c r="AD123251" i="1"/>
  <c r="AD123252" i="1"/>
  <c r="AD123253" i="1"/>
  <c r="AD123254" i="1"/>
  <c r="AD123255" i="1"/>
  <c r="AD123256" i="1"/>
  <c r="AD123257" i="1"/>
  <c r="AD123258" i="1"/>
  <c r="AD123259" i="1"/>
  <c r="AD123260" i="1"/>
  <c r="AD123261" i="1"/>
  <c r="AD123262" i="1"/>
  <c r="AD123263" i="1"/>
  <c r="AD123264" i="1"/>
  <c r="AD123265" i="1"/>
  <c r="AD123266" i="1"/>
  <c r="AD123267" i="1"/>
  <c r="AD123268" i="1"/>
  <c r="AD123269" i="1"/>
  <c r="AD123270" i="1"/>
  <c r="AD123271" i="1"/>
  <c r="AD123272" i="1"/>
  <c r="AD123273" i="1"/>
  <c r="AD123274" i="1"/>
  <c r="AD123275" i="1"/>
  <c r="AD123276" i="1"/>
  <c r="AD123277" i="1"/>
  <c r="AD123278" i="1"/>
  <c r="AD123279" i="1"/>
  <c r="AD123280" i="1"/>
  <c r="AD123281" i="1"/>
  <c r="AD123282" i="1"/>
  <c r="AD123283" i="1"/>
  <c r="AD123284" i="1"/>
  <c r="AD123285" i="1"/>
  <c r="AD123286" i="1"/>
  <c r="AD123287" i="1"/>
  <c r="AD123288" i="1"/>
  <c r="AD123289" i="1"/>
  <c r="AD123290" i="1"/>
  <c r="AD123291" i="1"/>
  <c r="AD123292" i="1"/>
  <c r="AD123293" i="1"/>
  <c r="AD123294" i="1"/>
  <c r="AD123295" i="1"/>
  <c r="AD123296" i="1"/>
  <c r="AD123297" i="1"/>
  <c r="AD123298" i="1"/>
  <c r="AD123299" i="1"/>
  <c r="AD123300" i="1"/>
  <c r="AD123301" i="1"/>
  <c r="AD123302" i="1"/>
  <c r="AD123303" i="1"/>
  <c r="AD123304" i="1"/>
  <c r="AD123305" i="1"/>
  <c r="AD123306" i="1"/>
  <c r="AD123307" i="1"/>
  <c r="AD123308" i="1"/>
  <c r="AD123309" i="1"/>
  <c r="AD123310" i="1"/>
  <c r="AD123311" i="1"/>
  <c r="AD123312" i="1"/>
  <c r="AD123313" i="1"/>
  <c r="AD123314" i="1"/>
  <c r="AD123315" i="1"/>
  <c r="AD123316" i="1"/>
  <c r="AD123317" i="1"/>
  <c r="AD123318" i="1"/>
  <c r="AD123319" i="1"/>
  <c r="AD123320" i="1"/>
  <c r="AD123321" i="1"/>
  <c r="AD123322" i="1"/>
  <c r="AD123323" i="1"/>
  <c r="AD123324" i="1"/>
  <c r="AD123325" i="1"/>
  <c r="AD123326" i="1"/>
  <c r="AD123327" i="1"/>
  <c r="AD123328" i="1"/>
  <c r="AD123329" i="1"/>
  <c r="AD123330" i="1"/>
  <c r="AD123331" i="1"/>
  <c r="AD123332" i="1"/>
  <c r="AD123333" i="1"/>
  <c r="AD123334" i="1"/>
  <c r="AD123335" i="1"/>
  <c r="AD123336" i="1"/>
  <c r="AD123337" i="1"/>
  <c r="AD123338" i="1"/>
  <c r="AD123339" i="1"/>
  <c r="AD123340" i="1"/>
  <c r="AD123341" i="1"/>
  <c r="AD123342" i="1"/>
  <c r="AD123343" i="1"/>
  <c r="AD123344" i="1"/>
  <c r="AD123345" i="1"/>
  <c r="AD123346" i="1"/>
  <c r="AD123347" i="1"/>
  <c r="AD123348" i="1"/>
  <c r="AD123349" i="1"/>
  <c r="AD123350" i="1"/>
  <c r="AD123351" i="1"/>
  <c r="AD123352" i="1"/>
  <c r="AD123353" i="1"/>
  <c r="AD123354" i="1"/>
  <c r="AD123355" i="1"/>
  <c r="AD123356" i="1"/>
  <c r="AD123357" i="1"/>
  <c r="AD123358" i="1"/>
  <c r="AD123359" i="1"/>
  <c r="AD123360" i="1"/>
  <c r="AD123361" i="1"/>
  <c r="AD123362" i="1"/>
  <c r="AD123363" i="1"/>
  <c r="AD123364" i="1"/>
  <c r="AD123365" i="1"/>
  <c r="AD123366" i="1"/>
  <c r="AD123367" i="1"/>
  <c r="AD123368" i="1"/>
  <c r="AD123369" i="1"/>
  <c r="AD123370" i="1"/>
  <c r="AD123371" i="1"/>
  <c r="AD123372" i="1"/>
  <c r="AD123373" i="1"/>
  <c r="AD123374" i="1"/>
  <c r="AD123375" i="1"/>
  <c r="AD123376" i="1"/>
  <c r="AD123377" i="1"/>
  <c r="AD123378" i="1"/>
  <c r="AD123379" i="1"/>
  <c r="AD123380" i="1"/>
  <c r="AD123381" i="1"/>
  <c r="AD123382" i="1"/>
  <c r="AD123383" i="1"/>
  <c r="AD123384" i="1"/>
  <c r="AD123385" i="1"/>
  <c r="AD123386" i="1"/>
  <c r="AD123387" i="1"/>
  <c r="AD123388" i="1"/>
  <c r="AD123389" i="1"/>
  <c r="AD123390" i="1"/>
  <c r="AD123391" i="1"/>
  <c r="AD123392" i="1"/>
  <c r="AD123393" i="1"/>
  <c r="AD123394" i="1"/>
  <c r="AD123395" i="1"/>
  <c r="AD123396" i="1"/>
  <c r="AD123397" i="1"/>
  <c r="AD123398" i="1"/>
  <c r="AD123399" i="1"/>
  <c r="AD123400" i="1"/>
  <c r="AD123401" i="1"/>
  <c r="AD123402" i="1"/>
  <c r="AD123403" i="1"/>
  <c r="AD123404" i="1"/>
  <c r="AD123405" i="1"/>
  <c r="AD123406" i="1"/>
  <c r="AD123407" i="1"/>
  <c r="AD123408" i="1"/>
  <c r="AD123409" i="1"/>
  <c r="AD123410" i="1"/>
  <c r="AD123411" i="1"/>
  <c r="AD123412" i="1"/>
  <c r="AD123413" i="1"/>
  <c r="AD123414" i="1"/>
  <c r="AD123415" i="1"/>
  <c r="AD123416" i="1"/>
  <c r="AD123417" i="1"/>
  <c r="AD123418" i="1"/>
  <c r="AD123419" i="1"/>
  <c r="AD123420" i="1"/>
  <c r="AD123421" i="1"/>
  <c r="AD123422" i="1"/>
  <c r="AD123423" i="1"/>
  <c r="AD123424" i="1"/>
  <c r="AD123425" i="1"/>
  <c r="AD123426" i="1"/>
  <c r="AD123427" i="1"/>
  <c r="AD123428" i="1"/>
  <c r="AD123429" i="1"/>
  <c r="AD123430" i="1"/>
  <c r="AD123431" i="1"/>
  <c r="AD123432" i="1"/>
  <c r="AD123433" i="1"/>
  <c r="AD123434" i="1"/>
  <c r="AD123435" i="1"/>
  <c r="AD123436" i="1"/>
  <c r="AD123437" i="1"/>
  <c r="AD123438" i="1"/>
  <c r="AD123439" i="1"/>
  <c r="AD123440" i="1"/>
  <c r="AD123441" i="1"/>
  <c r="AD123442" i="1"/>
  <c r="AD123443" i="1"/>
  <c r="AD123444" i="1"/>
  <c r="AD123445" i="1"/>
  <c r="AD123446" i="1"/>
  <c r="AD123447" i="1"/>
  <c r="AD123448" i="1"/>
  <c r="AD123449" i="1"/>
  <c r="AD123450" i="1"/>
  <c r="AD123451" i="1"/>
  <c r="AD123452" i="1"/>
  <c r="AD123453" i="1"/>
  <c r="AD123454" i="1"/>
  <c r="AD123455" i="1"/>
  <c r="AD123456" i="1"/>
  <c r="AD123457" i="1"/>
  <c r="AD123458" i="1"/>
  <c r="AD123459" i="1"/>
  <c r="AD123460" i="1"/>
  <c r="AD123461" i="1"/>
  <c r="AD123462" i="1"/>
  <c r="AD123463" i="1"/>
  <c r="AD123464" i="1"/>
  <c r="AD123465" i="1"/>
  <c r="AD123466" i="1"/>
  <c r="AD123467" i="1"/>
  <c r="AD123468" i="1"/>
  <c r="AD123469" i="1"/>
  <c r="AD123470" i="1"/>
  <c r="AD123471" i="1"/>
  <c r="AD123472" i="1"/>
  <c r="AD123473" i="1"/>
  <c r="AD123474" i="1"/>
  <c r="AD123475" i="1"/>
  <c r="AD123476" i="1"/>
  <c r="AD123477" i="1"/>
  <c r="AD123478" i="1"/>
  <c r="AD123479" i="1"/>
  <c r="AD123480" i="1"/>
  <c r="AD123481" i="1"/>
  <c r="AD123482" i="1"/>
  <c r="AD123483" i="1"/>
  <c r="AD123484" i="1"/>
  <c r="AD123485" i="1"/>
  <c r="AD123486" i="1"/>
  <c r="AD123487" i="1"/>
  <c r="AD123488" i="1"/>
  <c r="AD123489" i="1"/>
  <c r="AD123490" i="1"/>
  <c r="AD123491" i="1"/>
  <c r="AD123492" i="1"/>
  <c r="AD123493" i="1"/>
  <c r="AD123494" i="1"/>
  <c r="AD123495" i="1"/>
  <c r="AD123496" i="1"/>
  <c r="AD123497" i="1"/>
  <c r="AD123498" i="1"/>
  <c r="AD123499" i="1"/>
  <c r="AD123500" i="1"/>
  <c r="AD123501" i="1"/>
  <c r="AD123502" i="1"/>
  <c r="AD123503" i="1"/>
  <c r="AD123504" i="1"/>
  <c r="AD123505" i="1"/>
  <c r="AD123506" i="1"/>
  <c r="AD123507" i="1"/>
  <c r="AD123508" i="1"/>
  <c r="AD123509" i="1"/>
  <c r="AD123510" i="1"/>
  <c r="AD123511" i="1"/>
  <c r="AD123512" i="1"/>
  <c r="AD123513" i="1"/>
  <c r="AD123514" i="1"/>
  <c r="AD123515" i="1"/>
  <c r="AD123516" i="1"/>
  <c r="AD123517" i="1"/>
  <c r="AD123518" i="1"/>
  <c r="AD123519" i="1"/>
  <c r="AD123520" i="1"/>
  <c r="AD123521" i="1"/>
  <c r="AD123522" i="1"/>
  <c r="AD123523" i="1"/>
  <c r="AD123524" i="1"/>
  <c r="AD123525" i="1"/>
  <c r="AD123526" i="1"/>
  <c r="AD123527" i="1"/>
  <c r="AD123528" i="1"/>
  <c r="AD123529" i="1"/>
  <c r="AD123530" i="1"/>
  <c r="AD123531" i="1"/>
  <c r="AD123532" i="1"/>
  <c r="AD123533" i="1"/>
  <c r="AD123534" i="1"/>
  <c r="AD123535" i="1"/>
  <c r="AD123536" i="1"/>
  <c r="AD123537" i="1"/>
  <c r="AD123538" i="1"/>
  <c r="AD123539" i="1"/>
  <c r="AD123540" i="1"/>
  <c r="AD123541" i="1"/>
  <c r="AD123542" i="1"/>
  <c r="AD123543" i="1"/>
  <c r="AD123544" i="1"/>
  <c r="AD123545" i="1"/>
  <c r="AD123546" i="1"/>
  <c r="AD123547" i="1"/>
  <c r="AD123548" i="1"/>
  <c r="AD123549" i="1"/>
  <c r="AD123550" i="1"/>
  <c r="AD123551" i="1"/>
  <c r="AD123552" i="1"/>
  <c r="AD123553" i="1"/>
  <c r="AD123554" i="1"/>
  <c r="AD123555" i="1"/>
  <c r="AD123556" i="1"/>
  <c r="AD123557" i="1"/>
  <c r="AD123558" i="1"/>
  <c r="AD123559" i="1"/>
  <c r="AD123560" i="1"/>
  <c r="AD123561" i="1"/>
  <c r="AD123562" i="1"/>
  <c r="AD123563" i="1"/>
  <c r="AD123564" i="1"/>
  <c r="AD123565" i="1"/>
  <c r="AD123566" i="1"/>
  <c r="AD123567" i="1"/>
  <c r="AD123568" i="1"/>
  <c r="AD123569" i="1"/>
  <c r="AD123570" i="1"/>
  <c r="AD123571" i="1"/>
  <c r="AD123572" i="1"/>
  <c r="AD123573" i="1"/>
  <c r="AD123574" i="1"/>
  <c r="AD123575" i="1"/>
  <c r="AD123576" i="1"/>
  <c r="AD123577" i="1"/>
  <c r="AD123578" i="1"/>
  <c r="AD123579" i="1"/>
  <c r="AD123580" i="1"/>
  <c r="AD123581" i="1"/>
  <c r="AD123582" i="1"/>
  <c r="AD123583" i="1"/>
  <c r="AD123584" i="1"/>
  <c r="AD123585" i="1"/>
  <c r="AD123586" i="1"/>
  <c r="AD123587" i="1"/>
  <c r="AD123588" i="1"/>
  <c r="AD123589" i="1"/>
  <c r="AD123590" i="1"/>
  <c r="AD123591" i="1"/>
  <c r="AD123592" i="1"/>
  <c r="AD123593" i="1"/>
  <c r="AD123594" i="1"/>
  <c r="AD123595" i="1"/>
  <c r="AD123596" i="1"/>
  <c r="AD123597" i="1"/>
  <c r="AD123598" i="1"/>
  <c r="AD123599" i="1"/>
  <c r="AD123600" i="1"/>
  <c r="AD123601" i="1"/>
  <c r="AD123602" i="1"/>
  <c r="AD123603" i="1"/>
  <c r="AD123604" i="1"/>
  <c r="AD123605" i="1"/>
  <c r="AD123606" i="1"/>
  <c r="AD123607" i="1"/>
  <c r="AD123608" i="1"/>
  <c r="AD123609" i="1"/>
  <c r="AD123610" i="1"/>
  <c r="AD123611" i="1"/>
  <c r="AD123612" i="1"/>
  <c r="AD123613" i="1"/>
  <c r="AD123614" i="1"/>
  <c r="AD123615" i="1"/>
  <c r="AD123616" i="1"/>
  <c r="AD123617" i="1"/>
  <c r="AD123618" i="1"/>
  <c r="AD123619" i="1"/>
  <c r="AD123620" i="1"/>
  <c r="AD123621" i="1"/>
  <c r="AD123622" i="1"/>
  <c r="AD123623" i="1"/>
  <c r="AD123624" i="1"/>
  <c r="AD123625" i="1"/>
  <c r="AD123626" i="1"/>
  <c r="AD123627" i="1"/>
  <c r="AD123628" i="1"/>
  <c r="AD123629" i="1"/>
  <c r="AD123630" i="1"/>
  <c r="AD123631" i="1"/>
  <c r="AD123632" i="1"/>
  <c r="AD123633" i="1"/>
  <c r="AD123634" i="1"/>
  <c r="AD123635" i="1"/>
  <c r="AD123636" i="1"/>
  <c r="AD123637" i="1"/>
  <c r="AD123638" i="1"/>
  <c r="AD123639" i="1"/>
  <c r="AD123640" i="1"/>
  <c r="AD123641" i="1"/>
  <c r="AD123642" i="1"/>
  <c r="AD123643" i="1"/>
  <c r="AD123644" i="1"/>
  <c r="AD123645" i="1"/>
  <c r="AD123646" i="1"/>
  <c r="AD123647" i="1"/>
  <c r="AD123648" i="1"/>
  <c r="AD123649" i="1"/>
  <c r="AD123650" i="1"/>
  <c r="AD123651" i="1"/>
  <c r="AD123652" i="1"/>
  <c r="AD123653" i="1"/>
  <c r="AD123654" i="1"/>
  <c r="AD123655" i="1"/>
  <c r="AD123656" i="1"/>
  <c r="AD123657" i="1"/>
  <c r="AD123658" i="1"/>
  <c r="AD123659" i="1"/>
  <c r="AD123660" i="1"/>
  <c r="AD123661" i="1"/>
  <c r="AD123662" i="1"/>
  <c r="AD123663" i="1"/>
  <c r="AD123664" i="1"/>
  <c r="AD123665" i="1"/>
  <c r="AD123666" i="1"/>
  <c r="AD123667" i="1"/>
  <c r="AD123668" i="1"/>
  <c r="AD123669" i="1"/>
  <c r="AD123670" i="1"/>
  <c r="AD123671" i="1"/>
  <c r="AD123672" i="1"/>
  <c r="AD123673" i="1"/>
  <c r="AD123674" i="1"/>
  <c r="AD123675" i="1"/>
  <c r="AD123676" i="1"/>
  <c r="AD123677" i="1"/>
  <c r="AD123678" i="1"/>
  <c r="AD123679" i="1"/>
  <c r="AD123680" i="1"/>
  <c r="AD123681" i="1"/>
  <c r="AD123682" i="1"/>
  <c r="AD123683" i="1"/>
  <c r="AD123684" i="1"/>
  <c r="AD123685" i="1"/>
  <c r="AD123686" i="1"/>
  <c r="AD123687" i="1"/>
  <c r="AD123688" i="1"/>
  <c r="AD123689" i="1"/>
  <c r="AD123690" i="1"/>
  <c r="AD123691" i="1"/>
  <c r="AD123692" i="1"/>
  <c r="AD123693" i="1"/>
  <c r="AD123694" i="1"/>
  <c r="AD123695" i="1"/>
  <c r="AD123696" i="1"/>
  <c r="AD123697" i="1"/>
  <c r="AD123698" i="1"/>
  <c r="AD123699" i="1"/>
  <c r="AD123700" i="1"/>
  <c r="AD123701" i="1"/>
  <c r="AD123702" i="1"/>
  <c r="AD123703" i="1"/>
  <c r="AD123704" i="1"/>
  <c r="AD123705" i="1"/>
  <c r="AD123706" i="1"/>
  <c r="AD123707" i="1"/>
  <c r="AD123708" i="1"/>
  <c r="AD123709" i="1"/>
  <c r="AD123710" i="1"/>
  <c r="AD123711" i="1"/>
  <c r="AD123712" i="1"/>
  <c r="AD123713" i="1"/>
  <c r="AD123714" i="1"/>
  <c r="AD123715" i="1"/>
  <c r="AD123716" i="1"/>
  <c r="AD123717" i="1"/>
  <c r="AD123718" i="1"/>
  <c r="AD123719" i="1"/>
  <c r="AD123720" i="1"/>
  <c r="AD123721" i="1"/>
  <c r="AD123722" i="1"/>
  <c r="AD123723" i="1"/>
  <c r="AD123724" i="1"/>
  <c r="AD123725" i="1"/>
  <c r="AD123726" i="1"/>
  <c r="AD123727" i="1"/>
  <c r="AD123728" i="1"/>
  <c r="AD123729" i="1"/>
  <c r="AD123730" i="1"/>
  <c r="AD123731" i="1"/>
  <c r="AD123732" i="1"/>
  <c r="AD123733" i="1"/>
  <c r="AD123734" i="1"/>
  <c r="AD123735" i="1"/>
  <c r="AD123736" i="1"/>
  <c r="AD123737" i="1"/>
  <c r="AD123738" i="1"/>
  <c r="AD123739" i="1"/>
  <c r="AD123740" i="1"/>
  <c r="AD123741" i="1"/>
  <c r="AD123742" i="1"/>
  <c r="AD123743" i="1"/>
  <c r="AD123744" i="1"/>
  <c r="AD123745" i="1"/>
  <c r="AD123746" i="1"/>
  <c r="AD123747" i="1"/>
  <c r="AD123748" i="1"/>
  <c r="AD123749" i="1"/>
  <c r="AD123750" i="1"/>
  <c r="AD123751" i="1"/>
  <c r="AD123752" i="1"/>
  <c r="AD123753" i="1"/>
  <c r="AD123754" i="1"/>
  <c r="AD123755" i="1"/>
  <c r="AD123756" i="1"/>
  <c r="AD123757" i="1"/>
  <c r="AD123758" i="1"/>
  <c r="AD123759" i="1"/>
  <c r="AD123760" i="1"/>
  <c r="AD123761" i="1"/>
  <c r="AD123762" i="1"/>
  <c r="AD123763" i="1"/>
  <c r="AD123764" i="1"/>
  <c r="AD123765" i="1"/>
  <c r="AD123766" i="1"/>
  <c r="AD123767" i="1"/>
  <c r="AD123768" i="1"/>
  <c r="AD123769" i="1"/>
  <c r="AD123770" i="1"/>
  <c r="AD123771" i="1"/>
  <c r="AD123772" i="1"/>
  <c r="AD123773" i="1"/>
  <c r="AD123774" i="1"/>
  <c r="AD123775" i="1"/>
  <c r="AD123776" i="1"/>
  <c r="AD123777" i="1"/>
  <c r="AD123778" i="1"/>
  <c r="AD123779" i="1"/>
  <c r="AD123780" i="1"/>
  <c r="AD123781" i="1"/>
  <c r="AD123782" i="1"/>
  <c r="AD123783" i="1"/>
  <c r="AD123784" i="1"/>
  <c r="AD123785" i="1"/>
  <c r="AD123786" i="1"/>
  <c r="AD123787" i="1"/>
  <c r="AD123788" i="1"/>
  <c r="AD123789" i="1"/>
  <c r="AD123790" i="1"/>
  <c r="AD123791" i="1"/>
  <c r="AD123792" i="1"/>
  <c r="AD123793" i="1"/>
  <c r="AD123794" i="1"/>
  <c r="AD123795" i="1"/>
  <c r="AD123796" i="1"/>
  <c r="AD123797" i="1"/>
  <c r="AD123798" i="1"/>
  <c r="AD123799" i="1"/>
  <c r="AD123800" i="1"/>
  <c r="AD123801" i="1"/>
  <c r="AD123802" i="1"/>
  <c r="AD123803" i="1"/>
  <c r="AD123804" i="1"/>
  <c r="AD123805" i="1"/>
  <c r="AD123806" i="1"/>
  <c r="AD123807" i="1"/>
  <c r="AD123808" i="1"/>
  <c r="AD123809" i="1"/>
  <c r="AD123810" i="1"/>
  <c r="AD123811" i="1"/>
  <c r="AD123812" i="1"/>
  <c r="AD123813" i="1"/>
  <c r="AD123814" i="1"/>
  <c r="AD123815" i="1"/>
  <c r="AD123816" i="1"/>
  <c r="AD123817" i="1"/>
  <c r="AD123818" i="1"/>
  <c r="AD123819" i="1"/>
  <c r="AD123820" i="1"/>
  <c r="AD123821" i="1"/>
  <c r="AD123822" i="1"/>
  <c r="AD123823" i="1"/>
  <c r="AD123824" i="1"/>
  <c r="AD123825" i="1"/>
  <c r="AD123826" i="1"/>
  <c r="AD123827" i="1"/>
  <c r="AD123828" i="1"/>
  <c r="AD123829" i="1"/>
  <c r="AD123830" i="1"/>
  <c r="AD123831" i="1"/>
  <c r="AD123832" i="1"/>
  <c r="AD123833" i="1"/>
  <c r="AD123834" i="1"/>
  <c r="AD123835" i="1"/>
  <c r="AD123836" i="1"/>
  <c r="AD123837" i="1"/>
  <c r="AD123838" i="1"/>
  <c r="AD123839" i="1"/>
  <c r="AD123840" i="1"/>
  <c r="AD123841" i="1"/>
  <c r="AD123842" i="1"/>
  <c r="AD123843" i="1"/>
  <c r="AD123844" i="1"/>
  <c r="AD123845" i="1"/>
  <c r="AD123846" i="1"/>
  <c r="AD123847" i="1"/>
  <c r="AD123848" i="1"/>
  <c r="AD123849" i="1"/>
  <c r="AD123850" i="1"/>
  <c r="AD123851" i="1"/>
  <c r="AD123852" i="1"/>
  <c r="AD123853" i="1"/>
  <c r="AD123854" i="1"/>
  <c r="AD123855" i="1"/>
  <c r="AD123856" i="1"/>
  <c r="AD123857" i="1"/>
  <c r="AD123858" i="1"/>
  <c r="AD123859" i="1"/>
  <c r="AD123860" i="1"/>
  <c r="AD123861" i="1"/>
  <c r="AD123862" i="1"/>
  <c r="AD123863" i="1"/>
  <c r="AD123864" i="1"/>
  <c r="AD123865" i="1"/>
  <c r="AD123866" i="1"/>
  <c r="AD123867" i="1"/>
  <c r="AD123868" i="1"/>
  <c r="AD123869" i="1"/>
  <c r="AD123870" i="1"/>
  <c r="AD123871" i="1"/>
  <c r="AD123872" i="1"/>
  <c r="AD123873" i="1"/>
  <c r="AD123874" i="1"/>
  <c r="AD123875" i="1"/>
  <c r="AD123876" i="1"/>
  <c r="AD123877" i="1"/>
  <c r="AD123878" i="1"/>
  <c r="AD123879" i="1"/>
  <c r="AD123880" i="1"/>
  <c r="AD123881" i="1"/>
  <c r="AD123882" i="1"/>
  <c r="AD123883" i="1"/>
  <c r="AD123884" i="1"/>
  <c r="AD123885" i="1"/>
  <c r="AD123886" i="1"/>
  <c r="AD123887" i="1"/>
  <c r="AD123888" i="1"/>
  <c r="AD123889" i="1"/>
  <c r="AD123890" i="1"/>
  <c r="AD123891" i="1"/>
  <c r="AD123892" i="1"/>
  <c r="AD123893" i="1"/>
  <c r="AD123894" i="1"/>
  <c r="AD123895" i="1"/>
  <c r="AD123896" i="1"/>
  <c r="AD123897" i="1"/>
  <c r="AD123898" i="1"/>
  <c r="AD123899" i="1"/>
  <c r="AD123900" i="1"/>
  <c r="AD123901" i="1"/>
  <c r="AD123902" i="1"/>
  <c r="AD123903" i="1"/>
  <c r="AD123904" i="1"/>
  <c r="AD123905" i="1"/>
  <c r="AD123906" i="1"/>
  <c r="AD123907" i="1"/>
  <c r="AD123908" i="1"/>
  <c r="AD123909" i="1"/>
  <c r="AD123910" i="1"/>
  <c r="AD123911" i="1"/>
  <c r="AD123912" i="1"/>
  <c r="AD123913" i="1"/>
  <c r="AD123914" i="1"/>
  <c r="AD123915" i="1"/>
  <c r="AD123916" i="1"/>
  <c r="AD123917" i="1"/>
  <c r="AD123918" i="1"/>
  <c r="AD123919" i="1"/>
  <c r="AD123920" i="1"/>
  <c r="AD123921" i="1"/>
  <c r="AD123922" i="1"/>
  <c r="AD123923" i="1"/>
  <c r="AD123924" i="1"/>
  <c r="AD123925" i="1"/>
  <c r="AD123926" i="1"/>
  <c r="AD123927" i="1"/>
  <c r="AD123928" i="1"/>
  <c r="AD123929" i="1"/>
  <c r="AD123930" i="1"/>
  <c r="AD123931" i="1"/>
  <c r="AD123932" i="1"/>
  <c r="AD123933" i="1"/>
  <c r="AD123934" i="1"/>
  <c r="AD123935" i="1"/>
  <c r="AD123936" i="1"/>
  <c r="AD123937" i="1"/>
  <c r="AD123938" i="1"/>
  <c r="AD123939" i="1"/>
  <c r="AD123940" i="1"/>
  <c r="AD123941" i="1"/>
  <c r="AD123942" i="1"/>
  <c r="AD123943" i="1"/>
  <c r="AD123944" i="1"/>
  <c r="AD123945" i="1"/>
  <c r="AD123946" i="1"/>
  <c r="AD123947" i="1"/>
  <c r="AD123948" i="1"/>
  <c r="AD123949" i="1"/>
  <c r="AD123950" i="1"/>
  <c r="AD123951" i="1"/>
  <c r="AD123952" i="1"/>
  <c r="AD123953" i="1"/>
  <c r="AD123954" i="1"/>
  <c r="AD123955" i="1"/>
  <c r="AD123956" i="1"/>
  <c r="AD123957" i="1"/>
  <c r="AD123958" i="1"/>
  <c r="AD123959" i="1"/>
  <c r="AD123960" i="1"/>
  <c r="AD123961" i="1"/>
  <c r="AD123962" i="1"/>
  <c r="AD123963" i="1"/>
  <c r="AD123964" i="1"/>
  <c r="AD123965" i="1"/>
  <c r="AD123966" i="1"/>
  <c r="AD123967" i="1"/>
  <c r="AD123968" i="1"/>
  <c r="AD123969" i="1"/>
  <c r="AD123970" i="1"/>
  <c r="AD123971" i="1"/>
  <c r="AD123972" i="1"/>
  <c r="AD123973" i="1"/>
  <c r="AD123974" i="1"/>
  <c r="AD123975" i="1"/>
  <c r="AD123976" i="1"/>
  <c r="AD123977" i="1"/>
  <c r="AD123978" i="1"/>
  <c r="AD123979" i="1"/>
  <c r="AD123980" i="1"/>
  <c r="AD123981" i="1"/>
  <c r="AD123982" i="1"/>
  <c r="AD123983" i="1"/>
  <c r="AD123984" i="1"/>
  <c r="AD123985" i="1"/>
  <c r="AD123986" i="1"/>
  <c r="AD123987" i="1"/>
  <c r="AD123988" i="1"/>
  <c r="AD123989" i="1"/>
  <c r="AD123990" i="1"/>
  <c r="AD123991" i="1"/>
  <c r="AD123992" i="1"/>
  <c r="AD123993" i="1"/>
  <c r="AD123994" i="1"/>
  <c r="AD123995" i="1"/>
  <c r="AD123996" i="1"/>
  <c r="AD123997" i="1"/>
  <c r="AD123998" i="1"/>
  <c r="AD123999" i="1"/>
  <c r="AD124000" i="1"/>
  <c r="AD124001" i="1"/>
  <c r="AD124002" i="1"/>
  <c r="AD124003" i="1"/>
  <c r="AD124004" i="1"/>
  <c r="AD124005" i="1"/>
  <c r="AD124006" i="1"/>
  <c r="AD124007" i="1"/>
  <c r="AD124008" i="1"/>
  <c r="AD124009" i="1"/>
  <c r="AD124010" i="1"/>
  <c r="AD124011" i="1"/>
  <c r="AD124012" i="1"/>
  <c r="AD124013" i="1"/>
  <c r="AD124014" i="1"/>
  <c r="AD124015" i="1"/>
  <c r="AD124016" i="1"/>
  <c r="AD124017" i="1"/>
  <c r="AD124018" i="1"/>
  <c r="AD124019" i="1"/>
  <c r="AD124020" i="1"/>
  <c r="AD124021" i="1"/>
  <c r="AD124022" i="1"/>
  <c r="AD124023" i="1"/>
  <c r="AD124024" i="1"/>
  <c r="AD124025" i="1"/>
  <c r="AD124026" i="1"/>
  <c r="AD124027" i="1"/>
  <c r="AD124028" i="1"/>
  <c r="AD124029" i="1"/>
  <c r="AD124030" i="1"/>
  <c r="AD124031" i="1"/>
  <c r="AD124032" i="1"/>
  <c r="AD124033" i="1"/>
  <c r="AD124034" i="1"/>
  <c r="AD124035" i="1"/>
  <c r="AD124036" i="1"/>
  <c r="AD124037" i="1"/>
  <c r="AD124038" i="1"/>
  <c r="AD124039" i="1"/>
  <c r="AD124040" i="1"/>
  <c r="AD124041" i="1"/>
  <c r="AD124042" i="1"/>
  <c r="AD124043" i="1"/>
  <c r="AD124044" i="1"/>
  <c r="AD124045" i="1"/>
  <c r="AD124046" i="1"/>
  <c r="AD124047" i="1"/>
  <c r="AD124048" i="1"/>
  <c r="AD124049" i="1"/>
  <c r="AD124050" i="1"/>
  <c r="AD124051" i="1"/>
  <c r="AD124052" i="1"/>
  <c r="AD124053" i="1"/>
  <c r="AD124054" i="1"/>
  <c r="AD124055" i="1"/>
  <c r="AD124056" i="1"/>
  <c r="AD124057" i="1"/>
  <c r="AD124058" i="1"/>
  <c r="AD124059" i="1"/>
  <c r="AD124060" i="1"/>
  <c r="AD124061" i="1"/>
  <c r="AD124062" i="1"/>
  <c r="AD124063" i="1"/>
  <c r="AD124064" i="1"/>
  <c r="AD124065" i="1"/>
  <c r="AD124066" i="1"/>
  <c r="AD124067" i="1"/>
  <c r="AD124068" i="1"/>
  <c r="AD124069" i="1"/>
  <c r="AD124070" i="1"/>
  <c r="AD124071" i="1"/>
  <c r="AD124072" i="1"/>
  <c r="AD124073" i="1"/>
  <c r="AD124074" i="1"/>
  <c r="AD124075" i="1"/>
  <c r="AD124076" i="1"/>
  <c r="AD124077" i="1"/>
  <c r="AD124078" i="1"/>
  <c r="AD124079" i="1"/>
  <c r="AD124080" i="1"/>
  <c r="AD124081" i="1"/>
  <c r="AD124082" i="1"/>
  <c r="AD124083" i="1"/>
  <c r="AD124084" i="1"/>
  <c r="AD124085" i="1"/>
  <c r="AD124086" i="1"/>
  <c r="AD124087" i="1"/>
  <c r="AD124088" i="1"/>
  <c r="AD124089" i="1"/>
  <c r="AD124090" i="1"/>
  <c r="AD124091" i="1"/>
  <c r="AD124092" i="1"/>
  <c r="AD124093" i="1"/>
  <c r="AD124094" i="1"/>
  <c r="AD124095" i="1"/>
  <c r="AD124096" i="1"/>
  <c r="AD124097" i="1"/>
  <c r="AD124098" i="1"/>
  <c r="AD124099" i="1"/>
  <c r="AD124100" i="1"/>
  <c r="AD124101" i="1"/>
  <c r="AD124102" i="1"/>
  <c r="AD124103" i="1"/>
  <c r="AD124104" i="1"/>
  <c r="AD124105" i="1"/>
  <c r="AD124106" i="1"/>
  <c r="AD124107" i="1"/>
  <c r="AD124108" i="1"/>
  <c r="AD124109" i="1"/>
  <c r="AD124110" i="1"/>
  <c r="AD124111" i="1"/>
  <c r="AD124112" i="1"/>
  <c r="AD124113" i="1"/>
  <c r="AD124114" i="1"/>
  <c r="AD124115" i="1"/>
  <c r="AD124116" i="1"/>
  <c r="AD124117" i="1"/>
  <c r="AD124118" i="1"/>
  <c r="AD124119" i="1"/>
  <c r="AD124120" i="1"/>
  <c r="AD124121" i="1"/>
  <c r="AD124122" i="1"/>
  <c r="AD124123" i="1"/>
  <c r="AD124124" i="1"/>
  <c r="AD124125" i="1"/>
  <c r="AD124126" i="1"/>
  <c r="AD124127" i="1"/>
  <c r="AD124128" i="1"/>
  <c r="AD124129" i="1"/>
  <c r="AD124130" i="1"/>
  <c r="AD124131" i="1"/>
  <c r="AD124132" i="1"/>
  <c r="AD124133" i="1"/>
  <c r="AD124134" i="1"/>
  <c r="AD124135" i="1"/>
  <c r="AD124136" i="1"/>
  <c r="AD124137" i="1"/>
  <c r="AD124138" i="1"/>
  <c r="AD124139" i="1"/>
  <c r="AD124140" i="1"/>
  <c r="AD124141" i="1"/>
  <c r="AD124142" i="1"/>
  <c r="AD124143" i="1"/>
  <c r="AD124144" i="1"/>
  <c r="AD124145" i="1"/>
  <c r="AD124146" i="1"/>
  <c r="AD124147" i="1"/>
  <c r="AD124148" i="1"/>
  <c r="AD124149" i="1"/>
  <c r="AD124150" i="1"/>
  <c r="AD124151" i="1"/>
  <c r="AD124152" i="1"/>
  <c r="AD124153" i="1"/>
  <c r="AD124154" i="1"/>
  <c r="AD124155" i="1"/>
  <c r="AD124156" i="1"/>
  <c r="AD124157" i="1"/>
  <c r="AD124158" i="1"/>
  <c r="AD124159" i="1"/>
  <c r="AD124160" i="1"/>
  <c r="AD124161" i="1"/>
  <c r="AD124162" i="1"/>
  <c r="AD124163" i="1"/>
  <c r="AD124164" i="1"/>
  <c r="AD124165" i="1"/>
  <c r="AD124166" i="1"/>
  <c r="AD124167" i="1"/>
  <c r="AD124168" i="1"/>
  <c r="AD124169" i="1"/>
  <c r="AD124170" i="1"/>
  <c r="AD124171" i="1"/>
  <c r="AD124172" i="1"/>
  <c r="AD124173" i="1"/>
  <c r="AD124174" i="1"/>
  <c r="AD124175" i="1"/>
  <c r="AD124176" i="1"/>
  <c r="AD124177" i="1"/>
  <c r="AD124178" i="1"/>
  <c r="AD124179" i="1"/>
  <c r="AD124180" i="1"/>
  <c r="AD124181" i="1"/>
  <c r="AD124182" i="1"/>
  <c r="AD124183" i="1"/>
  <c r="AD124184" i="1"/>
  <c r="AD124185" i="1"/>
  <c r="AD124186" i="1"/>
  <c r="AD124187" i="1"/>
  <c r="AD124188" i="1"/>
  <c r="AD124189" i="1"/>
  <c r="AD124190" i="1"/>
  <c r="AD124191" i="1"/>
  <c r="AD124192" i="1"/>
  <c r="AD124193" i="1"/>
  <c r="AD124194" i="1"/>
  <c r="AD124195" i="1"/>
  <c r="AD124196" i="1"/>
  <c r="AD124197" i="1"/>
  <c r="AD124198" i="1"/>
  <c r="AD124199" i="1"/>
  <c r="AD124200" i="1"/>
  <c r="AD124201" i="1"/>
  <c r="AD124202" i="1"/>
  <c r="AD124203" i="1"/>
  <c r="AD124204" i="1"/>
  <c r="AD124205" i="1"/>
  <c r="AD124206" i="1"/>
  <c r="AD124207" i="1"/>
  <c r="AD124208" i="1"/>
  <c r="AD124209" i="1"/>
  <c r="AD124210" i="1"/>
  <c r="AD124211" i="1"/>
  <c r="AD124212" i="1"/>
  <c r="AD124213" i="1"/>
  <c r="AD124214" i="1"/>
  <c r="AD124215" i="1"/>
  <c r="AD124216" i="1"/>
  <c r="AD124217" i="1"/>
  <c r="AD124218" i="1"/>
  <c r="AD124219" i="1"/>
  <c r="AD124220" i="1"/>
  <c r="AD124221" i="1"/>
  <c r="AD124222" i="1"/>
  <c r="AD124223" i="1"/>
  <c r="AD124224" i="1"/>
  <c r="AD124225" i="1"/>
  <c r="AD124226" i="1"/>
  <c r="AD124227" i="1"/>
  <c r="AD124228" i="1"/>
  <c r="AD124229" i="1"/>
  <c r="AD124230" i="1"/>
  <c r="AD124231" i="1"/>
  <c r="AD124232" i="1"/>
  <c r="AD124233" i="1"/>
  <c r="AD124234" i="1"/>
  <c r="AD124235" i="1"/>
  <c r="AD124236" i="1"/>
  <c r="AD124237" i="1"/>
  <c r="AD124238" i="1"/>
  <c r="AD124239" i="1"/>
  <c r="AD124240" i="1"/>
  <c r="AD124241" i="1"/>
  <c r="AD124242" i="1"/>
  <c r="AD124243" i="1"/>
  <c r="AD124244" i="1"/>
  <c r="AD124245" i="1"/>
  <c r="AD124246" i="1"/>
  <c r="AD124247" i="1"/>
  <c r="AD124248" i="1"/>
  <c r="AD124249" i="1"/>
  <c r="AD124250" i="1"/>
  <c r="AD124251" i="1"/>
  <c r="AD124252" i="1"/>
  <c r="AD124253" i="1"/>
  <c r="AD124254" i="1"/>
  <c r="AD124255" i="1"/>
  <c r="AD124256" i="1"/>
  <c r="AD124257" i="1"/>
  <c r="AD124258" i="1"/>
  <c r="AD124259" i="1"/>
  <c r="AD124260" i="1"/>
  <c r="AD124261" i="1"/>
  <c r="AD124262" i="1"/>
  <c r="AD124263" i="1"/>
  <c r="AD124264" i="1"/>
  <c r="AD124265" i="1"/>
  <c r="AD124266" i="1"/>
  <c r="AD124267" i="1"/>
  <c r="AD124268" i="1"/>
  <c r="AD124269" i="1"/>
  <c r="AD124270" i="1"/>
  <c r="AD124271" i="1"/>
  <c r="AD124272" i="1"/>
  <c r="AD124273" i="1"/>
  <c r="AD124274" i="1"/>
  <c r="AD124275" i="1"/>
  <c r="AD124276" i="1"/>
  <c r="AD124277" i="1"/>
  <c r="AD124278" i="1"/>
  <c r="AD124279" i="1"/>
  <c r="AD124280" i="1"/>
  <c r="AD124281" i="1"/>
  <c r="AD124282" i="1"/>
  <c r="AD124283" i="1"/>
  <c r="AD124284" i="1"/>
  <c r="AD124285" i="1"/>
  <c r="AD124286" i="1"/>
  <c r="AD124287" i="1"/>
  <c r="AD124288" i="1"/>
  <c r="AD124289" i="1"/>
  <c r="AD124290" i="1"/>
  <c r="AD124291" i="1"/>
  <c r="AD124292" i="1"/>
  <c r="AD124293" i="1"/>
  <c r="AD124294" i="1"/>
  <c r="AD124295" i="1"/>
  <c r="AD124296" i="1"/>
  <c r="AD124297" i="1"/>
  <c r="AD124298" i="1"/>
  <c r="AD124299" i="1"/>
  <c r="AD124300" i="1"/>
  <c r="AD124301" i="1"/>
  <c r="AD124302" i="1"/>
  <c r="AD124303" i="1"/>
  <c r="AD124304" i="1"/>
  <c r="AD124305" i="1"/>
  <c r="AD124306" i="1"/>
  <c r="AD124307" i="1"/>
  <c r="AD124308" i="1"/>
  <c r="AD124309" i="1"/>
  <c r="AD124310" i="1"/>
  <c r="AD124311" i="1"/>
  <c r="AD124312" i="1"/>
  <c r="AD124313" i="1"/>
  <c r="AD124314" i="1"/>
  <c r="AD124315" i="1"/>
  <c r="AD124316" i="1"/>
  <c r="AD124317" i="1"/>
  <c r="AD124318" i="1"/>
  <c r="AD124319" i="1"/>
  <c r="AD124320" i="1"/>
  <c r="AD124321" i="1"/>
  <c r="AD124322" i="1"/>
  <c r="AD124323" i="1"/>
  <c r="AD124324" i="1"/>
  <c r="AD124325" i="1"/>
  <c r="AD124326" i="1"/>
  <c r="AD124327" i="1"/>
  <c r="AD124328" i="1"/>
  <c r="AD124329" i="1"/>
  <c r="AD124330" i="1"/>
  <c r="AD124331" i="1"/>
  <c r="AD124332" i="1"/>
  <c r="AD124333" i="1"/>
  <c r="AD124334" i="1"/>
  <c r="AD124335" i="1"/>
  <c r="AD124336" i="1"/>
  <c r="AD124337" i="1"/>
  <c r="AD124338" i="1"/>
  <c r="AD124339" i="1"/>
  <c r="AD124340" i="1"/>
  <c r="AD124341" i="1"/>
  <c r="AD124342" i="1"/>
  <c r="AD124343" i="1"/>
  <c r="AD124344" i="1"/>
  <c r="AD124345" i="1"/>
  <c r="AD124346" i="1"/>
  <c r="AD124347" i="1"/>
  <c r="AD124348" i="1"/>
  <c r="AD124349" i="1"/>
  <c r="AD124350" i="1"/>
  <c r="AD124351" i="1"/>
  <c r="AD124352" i="1"/>
  <c r="AD124353" i="1"/>
  <c r="AD124354" i="1"/>
  <c r="AD124355" i="1"/>
  <c r="AD124356" i="1"/>
  <c r="AD124357" i="1"/>
  <c r="AD124358" i="1"/>
  <c r="AD124359" i="1"/>
  <c r="AD124360" i="1"/>
  <c r="AD124361" i="1"/>
  <c r="AD124362" i="1"/>
  <c r="AD124363" i="1"/>
  <c r="AD124364" i="1"/>
  <c r="AD124365" i="1"/>
  <c r="AD124366" i="1"/>
  <c r="AD124367" i="1"/>
  <c r="AD124368" i="1"/>
  <c r="AD124369" i="1"/>
  <c r="AD124370" i="1"/>
  <c r="AD124371" i="1"/>
  <c r="AD124372" i="1"/>
  <c r="AD124373" i="1"/>
  <c r="AD124374" i="1"/>
  <c r="AD124375" i="1"/>
  <c r="AD124376" i="1"/>
  <c r="AD124377" i="1"/>
  <c r="AD124378" i="1"/>
  <c r="AD124379" i="1"/>
  <c r="AD124380" i="1"/>
  <c r="AD124381" i="1"/>
  <c r="AD124382" i="1"/>
  <c r="AD124383" i="1"/>
  <c r="AD124384" i="1"/>
  <c r="AD124385" i="1"/>
  <c r="AD124386" i="1"/>
  <c r="AD124387" i="1"/>
  <c r="AD124388" i="1"/>
  <c r="AD124389" i="1"/>
  <c r="AD124390" i="1"/>
  <c r="AD124391" i="1"/>
  <c r="AD124392" i="1"/>
  <c r="AD124393" i="1"/>
  <c r="AD124394" i="1"/>
  <c r="AD124395" i="1"/>
  <c r="AD124396" i="1"/>
  <c r="AD124397" i="1"/>
  <c r="AD124398" i="1"/>
  <c r="AD124399" i="1"/>
  <c r="AD124400" i="1"/>
  <c r="AD124401" i="1"/>
  <c r="AD124402" i="1"/>
  <c r="AD124403" i="1"/>
  <c r="AD124404" i="1"/>
  <c r="AD124405" i="1"/>
  <c r="AD124406" i="1"/>
  <c r="AD124407" i="1"/>
  <c r="AD124408" i="1"/>
  <c r="AD124409" i="1"/>
  <c r="AD124410" i="1"/>
  <c r="AD124411" i="1"/>
  <c r="AD124412" i="1"/>
  <c r="AD124413" i="1"/>
  <c r="AD124414" i="1"/>
  <c r="AD124415" i="1"/>
  <c r="AD124416" i="1"/>
  <c r="AD124417" i="1"/>
  <c r="AD124418" i="1"/>
  <c r="AD124419" i="1"/>
  <c r="AD124420" i="1"/>
  <c r="AD124421" i="1"/>
  <c r="AD124422" i="1"/>
  <c r="AD124423" i="1"/>
  <c r="AD124424" i="1"/>
  <c r="AD124425" i="1"/>
  <c r="AD124426" i="1"/>
  <c r="AD124427" i="1"/>
  <c r="AD124428" i="1"/>
  <c r="AD124429" i="1"/>
  <c r="AD124430" i="1"/>
  <c r="AD124431" i="1"/>
  <c r="AD124432" i="1"/>
  <c r="AD124433" i="1"/>
  <c r="AD124434" i="1"/>
  <c r="AD124435" i="1"/>
  <c r="AD124436" i="1"/>
  <c r="AD124437" i="1"/>
  <c r="AD124438" i="1"/>
  <c r="AD124439" i="1"/>
  <c r="AD124440" i="1"/>
  <c r="AD124441" i="1"/>
  <c r="AD124442" i="1"/>
  <c r="AD124443" i="1"/>
  <c r="AD124444" i="1"/>
  <c r="AD124445" i="1"/>
  <c r="AD124446" i="1"/>
  <c r="AD124447" i="1"/>
  <c r="AD124448" i="1"/>
  <c r="AD124449" i="1"/>
  <c r="AD124450" i="1"/>
  <c r="AD124451" i="1"/>
  <c r="AD124452" i="1"/>
  <c r="AD124453" i="1"/>
  <c r="AD124454" i="1"/>
  <c r="AD124455" i="1"/>
  <c r="AD124456" i="1"/>
  <c r="AD124457" i="1"/>
  <c r="AD124458" i="1"/>
  <c r="AD124459" i="1"/>
  <c r="AD124460" i="1"/>
  <c r="AD124461" i="1"/>
  <c r="AD124462" i="1"/>
  <c r="AD124463" i="1"/>
  <c r="AD124464" i="1"/>
  <c r="AD124465" i="1"/>
  <c r="AD124466" i="1"/>
  <c r="AD124467" i="1"/>
  <c r="AD124468" i="1"/>
  <c r="AD124469" i="1"/>
  <c r="AD124470" i="1"/>
  <c r="AD124471" i="1"/>
  <c r="AD124472" i="1"/>
  <c r="AD124473" i="1"/>
  <c r="AD124474" i="1"/>
  <c r="AD124475" i="1"/>
  <c r="AD124476" i="1"/>
  <c r="AD124477" i="1"/>
  <c r="AD124478" i="1"/>
  <c r="AD124479" i="1"/>
  <c r="AD124480" i="1"/>
  <c r="AD124481" i="1"/>
  <c r="AD124482" i="1"/>
  <c r="AD124483" i="1"/>
  <c r="AD124484" i="1"/>
  <c r="AD124485" i="1"/>
  <c r="AD124486" i="1"/>
  <c r="AD124487" i="1"/>
  <c r="AD124488" i="1"/>
  <c r="AD124489" i="1"/>
  <c r="AD124490" i="1"/>
  <c r="AD124491" i="1"/>
  <c r="AD124492" i="1"/>
  <c r="AD124493" i="1"/>
  <c r="AD124494" i="1"/>
  <c r="AD124495" i="1"/>
  <c r="AD124496" i="1"/>
  <c r="AD124497" i="1"/>
  <c r="AD124498" i="1"/>
  <c r="AD124499" i="1"/>
  <c r="AD124500" i="1"/>
  <c r="AD124501" i="1"/>
  <c r="AD124502" i="1"/>
  <c r="AD124503" i="1"/>
  <c r="AD124504" i="1"/>
  <c r="AD124505" i="1"/>
  <c r="AD124506" i="1"/>
  <c r="AD124507" i="1"/>
  <c r="AD124508" i="1"/>
  <c r="AD124509" i="1"/>
  <c r="AD124510" i="1"/>
  <c r="AD124511" i="1"/>
  <c r="AD124512" i="1"/>
  <c r="AD124513" i="1"/>
  <c r="AD124514" i="1"/>
  <c r="AD124515" i="1"/>
  <c r="AD124516" i="1"/>
  <c r="AD124517" i="1"/>
  <c r="AD124518" i="1"/>
  <c r="AD124519" i="1"/>
  <c r="AD124520" i="1"/>
  <c r="AD124521" i="1"/>
  <c r="AD124522" i="1"/>
  <c r="AD124523" i="1"/>
  <c r="AD124524" i="1"/>
  <c r="AD124525" i="1"/>
  <c r="AD124526" i="1"/>
  <c r="AD124527" i="1"/>
  <c r="AD124528" i="1"/>
  <c r="AD124529" i="1"/>
  <c r="AD124530" i="1"/>
  <c r="AD124531" i="1"/>
  <c r="AD124532" i="1"/>
  <c r="AD124533" i="1"/>
  <c r="AD124534" i="1"/>
  <c r="AD124535" i="1"/>
  <c r="AD124536" i="1"/>
  <c r="AD124537" i="1"/>
  <c r="AD124538" i="1"/>
  <c r="AD124539" i="1"/>
  <c r="AD124540" i="1"/>
  <c r="AD124541" i="1"/>
  <c r="AD124542" i="1"/>
  <c r="AD124543" i="1"/>
  <c r="AD124544" i="1"/>
  <c r="AD124545" i="1"/>
  <c r="AD124546" i="1"/>
  <c r="AD124547" i="1"/>
  <c r="AD124548" i="1"/>
  <c r="AD124549" i="1"/>
  <c r="AD124550" i="1"/>
  <c r="AD124551" i="1"/>
  <c r="AD124552" i="1"/>
  <c r="AD124553" i="1"/>
  <c r="AD124554" i="1"/>
  <c r="AD124555" i="1"/>
  <c r="AD124556" i="1"/>
  <c r="AD124557" i="1"/>
  <c r="AD124558" i="1"/>
  <c r="AD124559" i="1"/>
  <c r="AD124560" i="1"/>
  <c r="AD124561" i="1"/>
  <c r="AD124562" i="1"/>
  <c r="AD124563" i="1"/>
  <c r="AD124564" i="1"/>
  <c r="AD124565" i="1"/>
  <c r="AD124566" i="1"/>
  <c r="AD124567" i="1"/>
  <c r="AD124568" i="1"/>
  <c r="AD124569" i="1"/>
  <c r="AD124570" i="1"/>
  <c r="AD124571" i="1"/>
  <c r="AD124572" i="1"/>
  <c r="AD124573" i="1"/>
  <c r="AD124574" i="1"/>
  <c r="AD124575" i="1"/>
  <c r="AD124576" i="1"/>
  <c r="AD124577" i="1"/>
  <c r="AD124578" i="1"/>
  <c r="AD124579" i="1"/>
  <c r="AD124580" i="1"/>
  <c r="AD124581" i="1"/>
  <c r="AD124582" i="1"/>
  <c r="AD124583" i="1"/>
  <c r="AD124584" i="1"/>
  <c r="AD124585" i="1"/>
  <c r="AD124586" i="1"/>
  <c r="AD124587" i="1"/>
  <c r="AD124588" i="1"/>
  <c r="AD124589" i="1"/>
  <c r="AD124590" i="1"/>
  <c r="AD124591" i="1"/>
  <c r="AD124592" i="1"/>
  <c r="AD124593" i="1"/>
  <c r="AD124594" i="1"/>
  <c r="AD124595" i="1"/>
  <c r="AD124596" i="1"/>
  <c r="AD124597" i="1"/>
  <c r="AD124598" i="1"/>
  <c r="AD124599" i="1"/>
  <c r="AD124600" i="1"/>
  <c r="AD124601" i="1"/>
  <c r="AD124602" i="1"/>
  <c r="AD124603" i="1"/>
  <c r="AD124604" i="1"/>
  <c r="AD124605" i="1"/>
  <c r="AD124606" i="1"/>
  <c r="AD124607" i="1"/>
  <c r="AD124608" i="1"/>
  <c r="AD124609" i="1"/>
  <c r="AD124610" i="1"/>
  <c r="AD124611" i="1"/>
  <c r="AD124612" i="1"/>
  <c r="AD124613" i="1"/>
  <c r="AD124614" i="1"/>
  <c r="AD124615" i="1"/>
  <c r="AD124616" i="1"/>
  <c r="AD124617" i="1"/>
  <c r="AD124618" i="1"/>
  <c r="AD124619" i="1"/>
  <c r="AD124620" i="1"/>
  <c r="AD124621" i="1"/>
  <c r="AD124622" i="1"/>
  <c r="AD124623" i="1"/>
  <c r="AD124624" i="1"/>
  <c r="AD124625" i="1"/>
  <c r="AD124626" i="1"/>
  <c r="AD124627" i="1"/>
  <c r="AD124628" i="1"/>
  <c r="AD124629" i="1"/>
  <c r="AD124630" i="1"/>
  <c r="AD124631" i="1"/>
  <c r="AD124632" i="1"/>
  <c r="AD124633" i="1"/>
  <c r="AD124634" i="1"/>
  <c r="AD124635" i="1"/>
  <c r="AD124636" i="1"/>
  <c r="AD124637" i="1"/>
  <c r="AD124638" i="1"/>
  <c r="AD124639" i="1"/>
  <c r="AD124640" i="1"/>
  <c r="AD124641" i="1"/>
  <c r="AD124642" i="1"/>
  <c r="AD124643" i="1"/>
  <c r="AD124644" i="1"/>
  <c r="AD124645" i="1"/>
  <c r="AD124646" i="1"/>
  <c r="AD124647" i="1"/>
  <c r="AD124648" i="1"/>
  <c r="AD124649" i="1"/>
  <c r="AD124650" i="1"/>
  <c r="AD124651" i="1"/>
  <c r="AD124652" i="1"/>
  <c r="AD124653" i="1"/>
  <c r="AD124654" i="1"/>
  <c r="AD124655" i="1"/>
  <c r="AD124656" i="1"/>
  <c r="AD124657" i="1"/>
  <c r="AD124658" i="1"/>
  <c r="AD124659" i="1"/>
  <c r="AD124660" i="1"/>
  <c r="AD124661" i="1"/>
  <c r="AD124662" i="1"/>
  <c r="AD124663" i="1"/>
  <c r="AD124664" i="1"/>
  <c r="AD124665" i="1"/>
  <c r="AD124666" i="1"/>
  <c r="AD124667" i="1"/>
  <c r="AD124668" i="1"/>
  <c r="AD124669" i="1"/>
  <c r="AD124670" i="1"/>
  <c r="AD124671" i="1"/>
  <c r="AD124672" i="1"/>
  <c r="AD124673" i="1"/>
  <c r="AD124674" i="1"/>
  <c r="AD124675" i="1"/>
  <c r="AD124676" i="1"/>
  <c r="AD124677" i="1"/>
  <c r="AD124678" i="1"/>
  <c r="AD124679" i="1"/>
  <c r="AD124680" i="1"/>
  <c r="AD124681" i="1"/>
  <c r="AD124682" i="1"/>
  <c r="AD124683" i="1"/>
  <c r="AD124684" i="1"/>
  <c r="AD124685" i="1"/>
  <c r="AD124686" i="1"/>
  <c r="AD124687" i="1"/>
  <c r="AD124688" i="1"/>
  <c r="AD124689" i="1"/>
  <c r="AD124690" i="1"/>
  <c r="AD124691" i="1"/>
  <c r="AD124692" i="1"/>
  <c r="AD124693" i="1"/>
  <c r="AD124694" i="1"/>
  <c r="AD124695" i="1"/>
  <c r="AD124696" i="1"/>
  <c r="AD124697" i="1"/>
  <c r="AD124698" i="1"/>
  <c r="AD124699" i="1"/>
  <c r="AD124700" i="1"/>
  <c r="AD124701" i="1"/>
  <c r="AD124702" i="1"/>
  <c r="AD124703" i="1"/>
  <c r="AD124704" i="1"/>
  <c r="AD124705" i="1"/>
  <c r="AD124706" i="1"/>
  <c r="AD124707" i="1"/>
  <c r="AD124708" i="1"/>
  <c r="AD124709" i="1"/>
  <c r="AD124710" i="1"/>
  <c r="AD124711" i="1"/>
  <c r="AD124712" i="1"/>
  <c r="AD124713" i="1"/>
  <c r="AD124714" i="1"/>
  <c r="AD124715" i="1"/>
  <c r="AD124716" i="1"/>
  <c r="AD124717" i="1"/>
  <c r="AD124718" i="1"/>
  <c r="AD124719" i="1"/>
  <c r="AD124720" i="1"/>
  <c r="AD124721" i="1"/>
  <c r="AD124722" i="1"/>
  <c r="AD124723" i="1"/>
  <c r="AD124724" i="1"/>
  <c r="AD124725" i="1"/>
  <c r="AD124726" i="1"/>
  <c r="AD124727" i="1"/>
  <c r="AD124728" i="1"/>
  <c r="AD124729" i="1"/>
  <c r="AD124730" i="1"/>
  <c r="AD124731" i="1"/>
  <c r="AD124732" i="1"/>
  <c r="AD124733" i="1"/>
  <c r="AD124734" i="1"/>
  <c r="AD124735" i="1"/>
  <c r="AD124736" i="1"/>
  <c r="AD124737" i="1"/>
  <c r="AD124738" i="1"/>
  <c r="AD124739" i="1"/>
  <c r="AD124740" i="1"/>
  <c r="AD124741" i="1"/>
  <c r="AD124742" i="1"/>
  <c r="AD124743" i="1"/>
  <c r="AD124744" i="1"/>
  <c r="AD124745" i="1"/>
  <c r="AD124746" i="1"/>
  <c r="AD124747" i="1"/>
  <c r="AD124748" i="1"/>
  <c r="AD124749" i="1"/>
  <c r="AD124750" i="1"/>
  <c r="AD124751" i="1"/>
  <c r="AD124752" i="1"/>
  <c r="AD124753" i="1"/>
  <c r="AD124754" i="1"/>
  <c r="AD124755" i="1"/>
  <c r="AD124756" i="1"/>
  <c r="AD124757" i="1"/>
  <c r="AD124758" i="1"/>
  <c r="AD124759" i="1"/>
  <c r="AD124760" i="1"/>
  <c r="AD124761" i="1"/>
  <c r="AD124762" i="1"/>
  <c r="AD124763" i="1"/>
  <c r="AD124764" i="1"/>
  <c r="AD124765" i="1"/>
  <c r="AD124766" i="1"/>
  <c r="AD124767" i="1"/>
  <c r="AD124768" i="1"/>
  <c r="AD124769" i="1"/>
  <c r="AD124770" i="1"/>
  <c r="AD124771" i="1"/>
  <c r="AD124772" i="1"/>
  <c r="AD124773" i="1"/>
  <c r="AD124774" i="1"/>
  <c r="AD124775" i="1"/>
  <c r="AD124776" i="1"/>
  <c r="AD124777" i="1"/>
  <c r="AD124778" i="1"/>
  <c r="AD124779" i="1"/>
  <c r="AD124780" i="1"/>
  <c r="AD124781" i="1"/>
  <c r="AD124782" i="1"/>
  <c r="AD124783" i="1"/>
  <c r="AD124784" i="1"/>
  <c r="AD124785" i="1"/>
  <c r="AD124786" i="1"/>
  <c r="AD124787" i="1"/>
  <c r="AD124788" i="1"/>
  <c r="AD124789" i="1"/>
  <c r="AD124790" i="1"/>
  <c r="AD124791" i="1"/>
  <c r="AD124792" i="1"/>
  <c r="AD124793" i="1"/>
  <c r="AD124794" i="1"/>
  <c r="AD124795" i="1"/>
  <c r="AD124796" i="1"/>
  <c r="AD124797" i="1"/>
  <c r="AD124798" i="1"/>
  <c r="AD124799" i="1"/>
  <c r="AD124800" i="1"/>
  <c r="AD124801" i="1"/>
  <c r="AD124802" i="1"/>
  <c r="AD124803" i="1"/>
  <c r="AD124804" i="1"/>
  <c r="AD124805" i="1"/>
  <c r="AD124806" i="1"/>
  <c r="AD124807" i="1"/>
  <c r="AD124808" i="1"/>
  <c r="AD124809" i="1"/>
  <c r="AD124810" i="1"/>
  <c r="AD124811" i="1"/>
  <c r="AD124812" i="1"/>
  <c r="AD124813" i="1"/>
  <c r="AD124814" i="1"/>
  <c r="AD124815" i="1"/>
  <c r="AD124816" i="1"/>
  <c r="AD124817" i="1"/>
  <c r="AD124818" i="1"/>
  <c r="AD124819" i="1"/>
  <c r="AD124820" i="1"/>
  <c r="AD124821" i="1"/>
  <c r="AD124822" i="1"/>
  <c r="AD124823" i="1"/>
  <c r="AD124824" i="1"/>
  <c r="AD124825" i="1"/>
  <c r="AD124826" i="1"/>
  <c r="AD124827" i="1"/>
  <c r="AD124828" i="1"/>
  <c r="AD124829" i="1"/>
  <c r="AD124830" i="1"/>
  <c r="AD124831" i="1"/>
  <c r="AD124832" i="1"/>
  <c r="AD124833" i="1"/>
  <c r="AD124834" i="1"/>
  <c r="AD124835" i="1"/>
  <c r="AD124836" i="1"/>
  <c r="AD124837" i="1"/>
  <c r="AD124838" i="1"/>
  <c r="AD124839" i="1"/>
  <c r="AD124840" i="1"/>
  <c r="AD124841" i="1"/>
  <c r="AD124842" i="1"/>
  <c r="AD124843" i="1"/>
  <c r="AD124844" i="1"/>
  <c r="AD124845" i="1"/>
  <c r="AD124846" i="1"/>
  <c r="AD124847" i="1"/>
  <c r="AD124848" i="1"/>
  <c r="AD124849" i="1"/>
  <c r="AD124850" i="1"/>
  <c r="AD124851" i="1"/>
  <c r="AD124852" i="1"/>
  <c r="AD124853" i="1"/>
  <c r="AD124854" i="1"/>
  <c r="AD124855" i="1"/>
  <c r="AD124856" i="1"/>
  <c r="AD124857" i="1"/>
  <c r="AD124858" i="1"/>
  <c r="AD124859" i="1"/>
  <c r="AD124860" i="1"/>
  <c r="AD124861" i="1"/>
  <c r="AD124862" i="1"/>
  <c r="AD124863" i="1"/>
  <c r="AD124864" i="1"/>
  <c r="AD124865" i="1"/>
  <c r="AD124866" i="1"/>
  <c r="AD124867" i="1"/>
  <c r="AD124868" i="1"/>
  <c r="AD124869" i="1"/>
  <c r="AD124870" i="1"/>
  <c r="AD124871" i="1"/>
  <c r="AD124872" i="1"/>
  <c r="AD124873" i="1"/>
  <c r="AD124874" i="1"/>
  <c r="AD124875" i="1"/>
  <c r="AD124876" i="1"/>
  <c r="AD124877" i="1"/>
  <c r="AD124878" i="1"/>
  <c r="AD124879" i="1"/>
  <c r="AD124880" i="1"/>
  <c r="AD124881" i="1"/>
  <c r="AD124882" i="1"/>
  <c r="AD124883" i="1"/>
  <c r="AD124884" i="1"/>
  <c r="AD124885" i="1"/>
  <c r="AD124886" i="1"/>
  <c r="AD124887" i="1"/>
  <c r="AD124888" i="1"/>
  <c r="AD124889" i="1"/>
  <c r="AD124890" i="1"/>
  <c r="AD124891" i="1"/>
  <c r="AD124892" i="1"/>
  <c r="AD124893" i="1"/>
  <c r="AD124894" i="1"/>
  <c r="AD124895" i="1"/>
  <c r="AD124896" i="1"/>
  <c r="AD124897" i="1"/>
  <c r="AD124898" i="1"/>
  <c r="AD124899" i="1"/>
  <c r="AD124900" i="1"/>
  <c r="AD124901" i="1"/>
  <c r="AD124902" i="1"/>
  <c r="AD124903" i="1"/>
  <c r="AD124904" i="1"/>
  <c r="AD124905" i="1"/>
  <c r="AD124906" i="1"/>
  <c r="AD124907" i="1"/>
  <c r="AD124908" i="1"/>
  <c r="AD124909" i="1"/>
  <c r="AD124910" i="1"/>
  <c r="AD124911" i="1"/>
  <c r="AD124912" i="1"/>
  <c r="AD124913" i="1"/>
  <c r="AD124914" i="1"/>
  <c r="AD124915" i="1"/>
  <c r="AD124916" i="1"/>
  <c r="AD124917" i="1"/>
  <c r="AD124918" i="1"/>
  <c r="AD124919" i="1"/>
  <c r="AD124920" i="1"/>
  <c r="AD124921" i="1"/>
  <c r="AD124922" i="1"/>
  <c r="AD124923" i="1"/>
  <c r="AD124924" i="1"/>
  <c r="AD124925" i="1"/>
  <c r="AD124926" i="1"/>
  <c r="AD124927" i="1"/>
  <c r="AD124928" i="1"/>
  <c r="AD124929" i="1"/>
  <c r="AD124930" i="1"/>
  <c r="AD124931" i="1"/>
  <c r="AD124932" i="1"/>
  <c r="AD124933" i="1"/>
  <c r="AD124934" i="1"/>
  <c r="AD124935" i="1"/>
  <c r="AD124936" i="1"/>
  <c r="AD124937" i="1"/>
  <c r="AD124938" i="1"/>
  <c r="AD124939" i="1"/>
  <c r="AD124940" i="1"/>
  <c r="AD124941" i="1"/>
  <c r="AD124942" i="1"/>
  <c r="AD124943" i="1"/>
  <c r="AD124944" i="1"/>
  <c r="AD124945" i="1"/>
  <c r="AD124946" i="1"/>
  <c r="AD124947" i="1"/>
  <c r="AD124948" i="1"/>
  <c r="AD124949" i="1"/>
  <c r="AD124950" i="1"/>
  <c r="AD124951" i="1"/>
  <c r="AD124952" i="1"/>
  <c r="AD124953" i="1"/>
  <c r="AD124954" i="1"/>
  <c r="AD124955" i="1"/>
  <c r="AD124956" i="1"/>
  <c r="AD124957" i="1"/>
  <c r="AD124958" i="1"/>
  <c r="AD124959" i="1"/>
  <c r="AD124960" i="1"/>
  <c r="AD124961" i="1"/>
  <c r="AD124962" i="1"/>
  <c r="AD124963" i="1"/>
  <c r="AD124964" i="1"/>
  <c r="AD124965" i="1"/>
  <c r="AD124966" i="1"/>
  <c r="AD124967" i="1"/>
  <c r="AD124968" i="1"/>
  <c r="AD124969" i="1"/>
  <c r="AD124970" i="1"/>
  <c r="AD124971" i="1"/>
  <c r="AD124972" i="1"/>
  <c r="AD124973" i="1"/>
  <c r="AD124974" i="1"/>
  <c r="AD124975" i="1"/>
  <c r="AD124976" i="1"/>
  <c r="AD124977" i="1"/>
  <c r="AD124978" i="1"/>
  <c r="AD124979" i="1"/>
  <c r="AD124980" i="1"/>
  <c r="AD124981" i="1"/>
  <c r="AD124982" i="1"/>
  <c r="AD124983" i="1"/>
  <c r="AD124984" i="1"/>
  <c r="AD124985" i="1"/>
  <c r="AD124986" i="1"/>
  <c r="AD124987" i="1"/>
  <c r="AD124988" i="1"/>
  <c r="AD124989" i="1"/>
  <c r="AD124990" i="1"/>
  <c r="AD124991" i="1"/>
  <c r="AD124992" i="1"/>
  <c r="AD124993" i="1"/>
  <c r="AD124994" i="1"/>
  <c r="AD124995" i="1"/>
  <c r="AD124996" i="1"/>
  <c r="AD124997" i="1"/>
  <c r="AD124998" i="1"/>
  <c r="AD124999" i="1"/>
  <c r="AD125000" i="1"/>
  <c r="AD125001" i="1"/>
  <c r="AD125002" i="1"/>
  <c r="AD125003" i="1"/>
  <c r="AD125004" i="1"/>
  <c r="AD125005" i="1"/>
  <c r="AD125006" i="1"/>
  <c r="AD125007" i="1"/>
  <c r="AD125008" i="1"/>
  <c r="AD125009" i="1"/>
  <c r="AD125010" i="1"/>
  <c r="AD125011" i="1"/>
  <c r="AD125012" i="1"/>
  <c r="AD125013" i="1"/>
  <c r="AD125014" i="1"/>
  <c r="AD125015" i="1"/>
  <c r="AD125016" i="1"/>
  <c r="AD125017" i="1"/>
  <c r="AD125018" i="1"/>
  <c r="AD125019" i="1"/>
  <c r="AD125020" i="1"/>
  <c r="AD125021" i="1"/>
  <c r="AD125022" i="1"/>
  <c r="AD125023" i="1"/>
  <c r="AD125024" i="1"/>
  <c r="AD125025" i="1"/>
  <c r="AD125026" i="1"/>
  <c r="AD125027" i="1"/>
  <c r="AD125028" i="1"/>
  <c r="AD125029" i="1"/>
  <c r="AD125030" i="1"/>
  <c r="AD125031" i="1"/>
  <c r="AD125032" i="1"/>
  <c r="AD125033" i="1"/>
  <c r="AD125034" i="1"/>
  <c r="AD125035" i="1"/>
  <c r="AD125036" i="1"/>
  <c r="AD125037" i="1"/>
  <c r="AD125038" i="1"/>
  <c r="AD125039" i="1"/>
  <c r="AD125040" i="1"/>
  <c r="AD125041" i="1"/>
  <c r="AD125042" i="1"/>
  <c r="AD125043" i="1"/>
  <c r="AD125044" i="1"/>
  <c r="AD125045" i="1"/>
  <c r="AD125046" i="1"/>
  <c r="AD125047" i="1"/>
  <c r="AD125048" i="1"/>
  <c r="AD125049" i="1"/>
  <c r="AD125050" i="1"/>
  <c r="AD125051" i="1"/>
  <c r="AD125052" i="1"/>
  <c r="AD125053" i="1"/>
  <c r="AD125054" i="1"/>
  <c r="AD125055" i="1"/>
  <c r="AD125056" i="1"/>
  <c r="AD125057" i="1"/>
  <c r="AD125058" i="1"/>
  <c r="AD125059" i="1"/>
  <c r="AD125060" i="1"/>
  <c r="AD125061" i="1"/>
  <c r="AD125062" i="1"/>
  <c r="AD125063" i="1"/>
  <c r="AD125064" i="1"/>
  <c r="AD125065" i="1"/>
  <c r="AD125066" i="1"/>
  <c r="AD125067" i="1"/>
  <c r="AD125068" i="1"/>
  <c r="AD125069" i="1"/>
  <c r="AD125070" i="1"/>
  <c r="AD125071" i="1"/>
  <c r="AD125072" i="1"/>
  <c r="AD125073" i="1"/>
  <c r="AD125074" i="1"/>
  <c r="AD125075" i="1"/>
  <c r="AD125076" i="1"/>
  <c r="AD125077" i="1"/>
  <c r="AD125078" i="1"/>
  <c r="AD125079" i="1"/>
  <c r="AD125080" i="1"/>
  <c r="AD125081" i="1"/>
  <c r="AD125082" i="1"/>
  <c r="AD125083" i="1"/>
  <c r="AD125084" i="1"/>
  <c r="AD125085" i="1"/>
  <c r="AD125086" i="1"/>
  <c r="AD125087" i="1"/>
  <c r="AD125088" i="1"/>
  <c r="AD125089" i="1"/>
  <c r="AD125090" i="1"/>
  <c r="AD125091" i="1"/>
  <c r="AD125092" i="1"/>
  <c r="AD125093" i="1"/>
  <c r="AD125094" i="1"/>
  <c r="AD125095" i="1"/>
  <c r="AD125096" i="1"/>
  <c r="AD125097" i="1"/>
  <c r="AD125098" i="1"/>
  <c r="AD125099" i="1"/>
  <c r="AD125100" i="1"/>
  <c r="AD125101" i="1"/>
  <c r="AD125102" i="1"/>
  <c r="AD125103" i="1"/>
  <c r="AD125104" i="1"/>
  <c r="AD125105" i="1"/>
  <c r="AD125106" i="1"/>
  <c r="AD125107" i="1"/>
  <c r="AD125108" i="1"/>
  <c r="AD125109" i="1"/>
  <c r="AD125110" i="1"/>
  <c r="AD125111" i="1"/>
  <c r="AD125112" i="1"/>
  <c r="AD125113" i="1"/>
  <c r="AD125114" i="1"/>
  <c r="AD125115" i="1"/>
  <c r="AD125116" i="1"/>
  <c r="AD125117" i="1"/>
  <c r="AD125118" i="1"/>
  <c r="AD125119" i="1"/>
  <c r="AD125120" i="1"/>
  <c r="AD125121" i="1"/>
  <c r="AD125122" i="1"/>
  <c r="AD125123" i="1"/>
  <c r="AD125124" i="1"/>
  <c r="AD125125" i="1"/>
  <c r="AD125126" i="1"/>
  <c r="AD125127" i="1"/>
  <c r="AD125128" i="1"/>
  <c r="AD125129" i="1"/>
  <c r="AD125130" i="1"/>
  <c r="AD125131" i="1"/>
  <c r="AD125132" i="1"/>
  <c r="AD125133" i="1"/>
  <c r="AD125134" i="1"/>
  <c r="AD125135" i="1"/>
  <c r="AD125136" i="1"/>
  <c r="AD125137" i="1"/>
  <c r="AD125138" i="1"/>
  <c r="AD125139" i="1"/>
  <c r="AD125140" i="1"/>
  <c r="AD125141" i="1"/>
  <c r="AD125142" i="1"/>
  <c r="AD125143" i="1"/>
  <c r="AD125144" i="1"/>
  <c r="AD125145" i="1"/>
  <c r="AD125146" i="1"/>
  <c r="AD125147" i="1"/>
  <c r="AD125148" i="1"/>
  <c r="AD125149" i="1"/>
  <c r="AD125150" i="1"/>
  <c r="AD125151" i="1"/>
  <c r="AD125152" i="1"/>
  <c r="AD125153" i="1"/>
  <c r="AD125154" i="1"/>
  <c r="AD125155" i="1"/>
  <c r="AD125156" i="1"/>
  <c r="AD125157" i="1"/>
  <c r="AD125158" i="1"/>
  <c r="AD125159" i="1"/>
  <c r="AD125160" i="1"/>
  <c r="AD125161" i="1"/>
  <c r="AD125162" i="1"/>
  <c r="AD125163" i="1"/>
  <c r="AD125164" i="1"/>
  <c r="AD125165" i="1"/>
  <c r="AD125166" i="1"/>
  <c r="AD125167" i="1"/>
  <c r="AD125168" i="1"/>
  <c r="AD125169" i="1"/>
  <c r="AD125170" i="1"/>
  <c r="AD125171" i="1"/>
  <c r="AD125172" i="1"/>
  <c r="AD125173" i="1"/>
  <c r="AD125174" i="1"/>
  <c r="AD125175" i="1"/>
  <c r="AD125176" i="1"/>
  <c r="AD125177" i="1"/>
  <c r="AD125178" i="1"/>
  <c r="AD125179" i="1"/>
  <c r="AD125180" i="1"/>
  <c r="AD125181" i="1"/>
  <c r="AD125182" i="1"/>
  <c r="AD125183" i="1"/>
  <c r="AD125184" i="1"/>
  <c r="AD125185" i="1"/>
  <c r="AD125186" i="1"/>
  <c r="AD125187" i="1"/>
  <c r="AD125188" i="1"/>
  <c r="AD125189" i="1"/>
  <c r="AD125190" i="1"/>
  <c r="AD125191" i="1"/>
  <c r="AD125192" i="1"/>
  <c r="AD125193" i="1"/>
  <c r="AD125194" i="1"/>
  <c r="AD125195" i="1"/>
  <c r="AD125196" i="1"/>
  <c r="AD125197" i="1"/>
  <c r="AD125198" i="1"/>
  <c r="AD125199" i="1"/>
  <c r="AD125200" i="1"/>
  <c r="AD125201" i="1"/>
  <c r="AD125202" i="1"/>
  <c r="AD125203" i="1"/>
  <c r="AD125204" i="1"/>
  <c r="AD125205" i="1"/>
  <c r="AD125206" i="1"/>
  <c r="AD125207" i="1"/>
  <c r="AD125208" i="1"/>
  <c r="AD125209" i="1"/>
  <c r="AD125210" i="1"/>
  <c r="AD125211" i="1"/>
  <c r="AD125212" i="1"/>
  <c r="AD125213" i="1"/>
  <c r="AD125214" i="1"/>
  <c r="AD125215" i="1"/>
  <c r="AD125216" i="1"/>
  <c r="AD125217" i="1"/>
  <c r="AD125218" i="1"/>
  <c r="AD125219" i="1"/>
  <c r="AD125220" i="1"/>
  <c r="AD125221" i="1"/>
  <c r="AD125222" i="1"/>
  <c r="AD125223" i="1"/>
  <c r="AD125224" i="1"/>
  <c r="AD125225" i="1"/>
  <c r="AD125226" i="1"/>
  <c r="AD125227" i="1"/>
  <c r="AD125228" i="1"/>
  <c r="AD125229" i="1"/>
  <c r="AD125230" i="1"/>
  <c r="AD125231" i="1"/>
  <c r="AD125232" i="1"/>
  <c r="AD125233" i="1"/>
  <c r="AD125234" i="1"/>
  <c r="AD125235" i="1"/>
  <c r="AD125236" i="1"/>
  <c r="AD125237" i="1"/>
  <c r="AD125238" i="1"/>
  <c r="AD125239" i="1"/>
  <c r="AD125240" i="1"/>
  <c r="AD125241" i="1"/>
  <c r="AD125242" i="1"/>
  <c r="AD125243" i="1"/>
  <c r="AD125244" i="1"/>
  <c r="AD125245" i="1"/>
  <c r="AD125246" i="1"/>
  <c r="AD125247" i="1"/>
  <c r="AD125248" i="1"/>
  <c r="AD125249" i="1"/>
  <c r="AD125250" i="1"/>
  <c r="AD125251" i="1"/>
  <c r="AD125252" i="1"/>
  <c r="AD125253" i="1"/>
  <c r="AD125254" i="1"/>
  <c r="AD125255" i="1"/>
  <c r="AD125256" i="1"/>
  <c r="AD125257" i="1"/>
  <c r="AD125258" i="1"/>
  <c r="AD125259" i="1"/>
  <c r="AD125260" i="1"/>
  <c r="AD125261" i="1"/>
  <c r="AD125262" i="1"/>
  <c r="AD125263" i="1"/>
  <c r="AD125264" i="1"/>
  <c r="AD125265" i="1"/>
  <c r="AD125266" i="1"/>
  <c r="AD125267" i="1"/>
  <c r="AD125268" i="1"/>
  <c r="AD125269" i="1"/>
  <c r="AD125270" i="1"/>
  <c r="AD125271" i="1"/>
  <c r="AD125272" i="1"/>
  <c r="AD125273" i="1"/>
  <c r="AD125274" i="1"/>
  <c r="AD125275" i="1"/>
  <c r="AD125276" i="1"/>
  <c r="AD125277" i="1"/>
  <c r="AD125278" i="1"/>
  <c r="AD125279" i="1"/>
  <c r="AD125280" i="1"/>
  <c r="AD125281" i="1"/>
  <c r="AD125282" i="1"/>
  <c r="AD125283" i="1"/>
  <c r="AD125284" i="1"/>
  <c r="AD125285" i="1"/>
  <c r="AD125286" i="1"/>
  <c r="AD125287" i="1"/>
  <c r="AD125288" i="1"/>
  <c r="AD125289" i="1"/>
  <c r="AD125290" i="1"/>
  <c r="AD125291" i="1"/>
  <c r="AD125292" i="1"/>
  <c r="AD125293" i="1"/>
  <c r="AD125294" i="1"/>
  <c r="AD125295" i="1"/>
  <c r="AD125296" i="1"/>
  <c r="AD125297" i="1"/>
  <c r="AD125298" i="1"/>
  <c r="AD125299" i="1"/>
  <c r="AD125300" i="1"/>
  <c r="AD125301" i="1"/>
  <c r="AD125302" i="1"/>
  <c r="AD125303" i="1"/>
  <c r="AD125304" i="1"/>
  <c r="AD125305" i="1"/>
  <c r="AD125306" i="1"/>
  <c r="AD125307" i="1"/>
  <c r="AD125308" i="1"/>
  <c r="AD125309" i="1"/>
  <c r="AD125310" i="1"/>
  <c r="AD125311" i="1"/>
  <c r="AD125312" i="1"/>
  <c r="AD125313" i="1"/>
  <c r="AD125314" i="1"/>
  <c r="AD125315" i="1"/>
  <c r="AD125316" i="1"/>
  <c r="AD125317" i="1"/>
  <c r="AD125318" i="1"/>
  <c r="AD125319" i="1"/>
  <c r="AD125320" i="1"/>
  <c r="AD125321" i="1"/>
  <c r="AD125322" i="1"/>
  <c r="AD125323" i="1"/>
  <c r="AD125324" i="1"/>
  <c r="AD125325" i="1"/>
  <c r="AD125326" i="1"/>
  <c r="AD125327" i="1"/>
  <c r="AD125328" i="1"/>
  <c r="AD125329" i="1"/>
  <c r="AD125330" i="1"/>
  <c r="AD125331" i="1"/>
  <c r="AD125332" i="1"/>
  <c r="AD125333" i="1"/>
  <c r="AD125334" i="1"/>
  <c r="AD125335" i="1"/>
  <c r="AD125336" i="1"/>
  <c r="AD125337" i="1"/>
  <c r="AD125338" i="1"/>
  <c r="AD125339" i="1"/>
  <c r="AD125340" i="1"/>
  <c r="AD125341" i="1"/>
  <c r="AD125342" i="1"/>
  <c r="AD125343" i="1"/>
  <c r="AD125344" i="1"/>
  <c r="AD125345" i="1"/>
  <c r="AD125346" i="1"/>
  <c r="AD125347" i="1"/>
  <c r="AD125348" i="1"/>
  <c r="AD125349" i="1"/>
  <c r="AD125350" i="1"/>
  <c r="AD125351" i="1"/>
  <c r="AD125352" i="1"/>
  <c r="AD125353" i="1"/>
  <c r="AD125354" i="1"/>
  <c r="AD125355" i="1"/>
  <c r="AD125356" i="1"/>
  <c r="AD125357" i="1"/>
  <c r="AD125358" i="1"/>
  <c r="AD125359" i="1"/>
  <c r="AD125360" i="1"/>
  <c r="AD125361" i="1"/>
  <c r="AD125362" i="1"/>
  <c r="AD125363" i="1"/>
  <c r="AD125364" i="1"/>
  <c r="AD125365" i="1"/>
  <c r="AD125366" i="1"/>
  <c r="AD125367" i="1"/>
  <c r="AD125368" i="1"/>
  <c r="AD125369" i="1"/>
  <c r="AD125370" i="1"/>
  <c r="AD125371" i="1"/>
  <c r="AD125372" i="1"/>
  <c r="AD125373" i="1"/>
  <c r="AD125374" i="1"/>
  <c r="AD125375" i="1"/>
  <c r="AD125376" i="1"/>
  <c r="AD125377" i="1"/>
  <c r="AD125378" i="1"/>
  <c r="AD125379" i="1"/>
  <c r="AD125380" i="1"/>
  <c r="AD125381" i="1"/>
  <c r="AD125382" i="1"/>
  <c r="AD125383" i="1"/>
  <c r="AD125384" i="1"/>
  <c r="AD125385" i="1"/>
  <c r="AD125386" i="1"/>
  <c r="AD125387" i="1"/>
  <c r="AD125388" i="1"/>
  <c r="AD125389" i="1"/>
  <c r="AD125390" i="1"/>
  <c r="AD125391" i="1"/>
  <c r="AD125392" i="1"/>
  <c r="AD125393" i="1"/>
  <c r="AD125394" i="1"/>
  <c r="AD125395" i="1"/>
  <c r="AD125396" i="1"/>
  <c r="AD125397" i="1"/>
  <c r="AD125398" i="1"/>
  <c r="AD125399" i="1"/>
  <c r="AD125400" i="1"/>
  <c r="AD125401" i="1"/>
  <c r="AD125402" i="1"/>
  <c r="AD125403" i="1"/>
  <c r="AD125404" i="1"/>
  <c r="AD125405" i="1"/>
  <c r="AD125406" i="1"/>
  <c r="AD125407" i="1"/>
  <c r="AD125408" i="1"/>
  <c r="AD125409" i="1"/>
  <c r="AD125410" i="1"/>
  <c r="AD125411" i="1"/>
  <c r="AD125412" i="1"/>
  <c r="AD125413" i="1"/>
  <c r="AD125414" i="1"/>
  <c r="AD125415" i="1"/>
  <c r="AD125416" i="1"/>
  <c r="AD125417" i="1"/>
  <c r="AD125418" i="1"/>
  <c r="AD125419" i="1"/>
  <c r="AD125420" i="1"/>
  <c r="AD125421" i="1"/>
  <c r="AD125422" i="1"/>
  <c r="AD125423" i="1"/>
  <c r="AD125424" i="1"/>
  <c r="AD125425" i="1"/>
  <c r="AD125426" i="1"/>
  <c r="AD125427" i="1"/>
  <c r="AD125428" i="1"/>
  <c r="AD125429" i="1"/>
  <c r="AD125430" i="1"/>
  <c r="AD125431" i="1"/>
  <c r="AD125432" i="1"/>
  <c r="AD125433" i="1"/>
  <c r="AD125434" i="1"/>
  <c r="AD125435" i="1"/>
  <c r="AD125436" i="1"/>
  <c r="AD125437" i="1"/>
  <c r="AD125438" i="1"/>
  <c r="AD125439" i="1"/>
  <c r="AD125440" i="1"/>
  <c r="AD125441" i="1"/>
  <c r="AD125442" i="1"/>
  <c r="AD125443" i="1"/>
  <c r="AD125444" i="1"/>
  <c r="AD125445" i="1"/>
  <c r="AD125446" i="1"/>
  <c r="AD125447" i="1"/>
  <c r="AD125448" i="1"/>
  <c r="AD125449" i="1"/>
  <c r="AD125450" i="1"/>
  <c r="AD125451" i="1"/>
  <c r="AD125452" i="1"/>
  <c r="AD125453" i="1"/>
  <c r="AD125454" i="1"/>
  <c r="AD125455" i="1"/>
  <c r="AD125456" i="1"/>
  <c r="AD125457" i="1"/>
  <c r="AD125458" i="1"/>
  <c r="AD125459" i="1"/>
  <c r="AD125460" i="1"/>
  <c r="AD125461" i="1"/>
  <c r="AD125462" i="1"/>
  <c r="AD125463" i="1"/>
  <c r="AD125464" i="1"/>
  <c r="AD125465" i="1"/>
  <c r="AD125466" i="1"/>
  <c r="AD125467" i="1"/>
  <c r="AD125468" i="1"/>
  <c r="AD125469" i="1"/>
  <c r="AD125470" i="1"/>
  <c r="AD125471" i="1"/>
  <c r="AD125472" i="1"/>
  <c r="AD125473" i="1"/>
  <c r="AD125474" i="1"/>
  <c r="AD125475" i="1"/>
  <c r="AD125476" i="1"/>
  <c r="AD125477" i="1"/>
  <c r="AD125478" i="1"/>
  <c r="AD125479" i="1"/>
  <c r="AD125480" i="1"/>
  <c r="AD125481" i="1"/>
  <c r="AD125482" i="1"/>
  <c r="AD125483" i="1"/>
  <c r="AD125484" i="1"/>
  <c r="AD125485" i="1"/>
  <c r="AD125486" i="1"/>
  <c r="AD125487" i="1"/>
  <c r="AD125488" i="1"/>
  <c r="AD125489" i="1"/>
  <c r="AD125490" i="1"/>
  <c r="AD125491" i="1"/>
  <c r="AD125492" i="1"/>
  <c r="AD125493" i="1"/>
  <c r="AD125494" i="1"/>
  <c r="AD125495" i="1"/>
  <c r="AD125496" i="1"/>
  <c r="AD125497" i="1"/>
  <c r="AD125498" i="1"/>
  <c r="AD125499" i="1"/>
  <c r="AD125500" i="1"/>
  <c r="AD125501" i="1"/>
  <c r="AD125502" i="1"/>
  <c r="AD125503" i="1"/>
  <c r="AD125504" i="1"/>
  <c r="AD125505" i="1"/>
  <c r="AD125506" i="1"/>
  <c r="AD125507" i="1"/>
  <c r="AD125508" i="1"/>
  <c r="AD125509" i="1"/>
  <c r="AD125510" i="1"/>
  <c r="AD125511" i="1"/>
  <c r="AD125512" i="1"/>
  <c r="AD125513" i="1"/>
  <c r="AD125514" i="1"/>
  <c r="AD125515" i="1"/>
  <c r="AD125516" i="1"/>
  <c r="AD125517" i="1"/>
  <c r="AD125518" i="1"/>
  <c r="AD125519" i="1"/>
  <c r="AD125520" i="1"/>
  <c r="AD125521" i="1"/>
  <c r="AD125522" i="1"/>
  <c r="AD125523" i="1"/>
  <c r="AD125524" i="1"/>
  <c r="AD125525" i="1"/>
  <c r="AD125526" i="1"/>
  <c r="AD125527" i="1"/>
  <c r="AD125528" i="1"/>
  <c r="AD125529" i="1"/>
  <c r="AD125530" i="1"/>
  <c r="AD125531" i="1"/>
  <c r="AD125532" i="1"/>
  <c r="AD125533" i="1"/>
  <c r="AD125534" i="1"/>
  <c r="AD125535" i="1"/>
  <c r="AD125536" i="1"/>
  <c r="AD125537" i="1"/>
  <c r="AD125538" i="1"/>
  <c r="AD125539" i="1"/>
  <c r="AD125540" i="1"/>
  <c r="AD125541" i="1"/>
  <c r="AD125542" i="1"/>
  <c r="AD125543" i="1"/>
  <c r="AD125544" i="1"/>
  <c r="AD125545" i="1"/>
  <c r="AD125546" i="1"/>
  <c r="AD125547" i="1"/>
  <c r="AD125548" i="1"/>
  <c r="AD125549" i="1"/>
  <c r="AD125550" i="1"/>
  <c r="AD125551" i="1"/>
  <c r="AD125552" i="1"/>
  <c r="AD125553" i="1"/>
  <c r="AD125554" i="1"/>
  <c r="AD125555" i="1"/>
  <c r="AD125556" i="1"/>
  <c r="AD125557" i="1"/>
  <c r="AD125558" i="1"/>
  <c r="AD125559" i="1"/>
  <c r="AD125560" i="1"/>
  <c r="AD125561" i="1"/>
  <c r="AD125562" i="1"/>
  <c r="AD125563" i="1"/>
  <c r="AD125564" i="1"/>
  <c r="AD125565" i="1"/>
  <c r="AD125566" i="1"/>
  <c r="AD125567" i="1"/>
  <c r="AD125568" i="1"/>
  <c r="AD125569" i="1"/>
  <c r="AD125570" i="1"/>
  <c r="AD125571" i="1"/>
  <c r="AD125572" i="1"/>
  <c r="AD125573" i="1"/>
  <c r="AD125574" i="1"/>
  <c r="AD125575" i="1"/>
  <c r="AD125576" i="1"/>
  <c r="AD125577" i="1"/>
  <c r="AD125578" i="1"/>
  <c r="AD125579" i="1"/>
  <c r="AD125580" i="1"/>
  <c r="AD125581" i="1"/>
  <c r="AD125582" i="1"/>
  <c r="AD125583" i="1"/>
  <c r="AD125584" i="1"/>
  <c r="AD125585" i="1"/>
  <c r="AD125586" i="1"/>
  <c r="AD125587" i="1"/>
  <c r="AD125588" i="1"/>
  <c r="AD125589" i="1"/>
  <c r="AD125590" i="1"/>
  <c r="AD125591" i="1"/>
  <c r="AD125592" i="1"/>
  <c r="AD125593" i="1"/>
  <c r="AD125594" i="1"/>
  <c r="AD125595" i="1"/>
  <c r="AD125596" i="1"/>
  <c r="AD125597" i="1"/>
  <c r="AD125598" i="1"/>
  <c r="AD125599" i="1"/>
  <c r="AD125600" i="1"/>
  <c r="AD125601" i="1"/>
  <c r="AD125602" i="1"/>
  <c r="AD125603" i="1"/>
  <c r="AD125604" i="1"/>
  <c r="AD125605" i="1"/>
  <c r="AD125606" i="1"/>
  <c r="AD125607" i="1"/>
  <c r="AD125608" i="1"/>
  <c r="AD125609" i="1"/>
  <c r="AD125610" i="1"/>
  <c r="AD125611" i="1"/>
  <c r="AD125612" i="1"/>
  <c r="AD125613" i="1"/>
  <c r="AD125614" i="1"/>
  <c r="AD125615" i="1"/>
  <c r="AD125616" i="1"/>
  <c r="AD125617" i="1"/>
  <c r="AD125618" i="1"/>
  <c r="AD125619" i="1"/>
  <c r="AD125620" i="1"/>
  <c r="AD125621" i="1"/>
  <c r="AD125622" i="1"/>
  <c r="AD125623" i="1"/>
  <c r="AD125624" i="1"/>
  <c r="AD125625" i="1"/>
  <c r="AD125626" i="1"/>
  <c r="AD125627" i="1"/>
  <c r="AD125628" i="1"/>
  <c r="AD125629" i="1"/>
  <c r="AD125630" i="1"/>
  <c r="AD125631" i="1"/>
  <c r="AD125632" i="1"/>
  <c r="AD125633" i="1"/>
  <c r="AD125634" i="1"/>
  <c r="AD125635" i="1"/>
  <c r="AD125636" i="1"/>
  <c r="AD125637" i="1"/>
  <c r="AD125638" i="1"/>
  <c r="AD125639" i="1"/>
  <c r="AD125640" i="1"/>
  <c r="AD125641" i="1"/>
  <c r="AD125642" i="1"/>
  <c r="AD125643" i="1"/>
  <c r="AD125644" i="1"/>
  <c r="AD125645" i="1"/>
  <c r="AD125646" i="1"/>
  <c r="AD125647" i="1"/>
  <c r="AD125648" i="1"/>
  <c r="AD125649" i="1"/>
  <c r="AD125650" i="1"/>
  <c r="AD125651" i="1"/>
  <c r="AD125652" i="1"/>
  <c r="AD125653" i="1"/>
  <c r="AD125654" i="1"/>
  <c r="AD125655" i="1"/>
  <c r="AD125656" i="1"/>
  <c r="AD125657" i="1"/>
  <c r="AD125658" i="1"/>
  <c r="AD125659" i="1"/>
  <c r="AD125660" i="1"/>
  <c r="AD125661" i="1"/>
  <c r="AD125662" i="1"/>
  <c r="AD125663" i="1"/>
  <c r="AD125664" i="1"/>
  <c r="AD125665" i="1"/>
  <c r="AD125666" i="1"/>
  <c r="AD125667" i="1"/>
  <c r="AD125668" i="1"/>
  <c r="AD125669" i="1"/>
  <c r="AD125670" i="1"/>
  <c r="AD125671" i="1"/>
  <c r="AD125672" i="1"/>
  <c r="AD125673" i="1"/>
  <c r="AD125674" i="1"/>
  <c r="AD125675" i="1"/>
  <c r="AD125676" i="1"/>
  <c r="AD125677" i="1"/>
  <c r="AD125678" i="1"/>
  <c r="AD125679" i="1"/>
  <c r="AD125680" i="1"/>
  <c r="AD125681" i="1"/>
  <c r="AD125682" i="1"/>
  <c r="AD125683" i="1"/>
  <c r="AD125684" i="1"/>
  <c r="AD125685" i="1"/>
  <c r="AD125686" i="1"/>
  <c r="AD125687" i="1"/>
  <c r="AD125688" i="1"/>
  <c r="AD125689" i="1"/>
  <c r="AD125690" i="1"/>
  <c r="AD125691" i="1"/>
  <c r="AD125692" i="1"/>
  <c r="AD125693" i="1"/>
  <c r="AD125694" i="1"/>
  <c r="AD125695" i="1"/>
  <c r="AD125696" i="1"/>
  <c r="AD125697" i="1"/>
  <c r="AD125698" i="1"/>
  <c r="AD125699" i="1"/>
  <c r="AD125700" i="1"/>
  <c r="AD125701" i="1"/>
  <c r="AD125702" i="1"/>
  <c r="AD125703" i="1"/>
  <c r="AD125704" i="1"/>
  <c r="AD125705" i="1"/>
  <c r="AD125706" i="1"/>
  <c r="AD125707" i="1"/>
  <c r="AD125708" i="1"/>
  <c r="AD125709" i="1"/>
  <c r="AD125710" i="1"/>
  <c r="AD125711" i="1"/>
  <c r="AD125712" i="1"/>
  <c r="AD125713" i="1"/>
  <c r="AD125714" i="1"/>
  <c r="AD125715" i="1"/>
  <c r="AD125716" i="1"/>
  <c r="AD125717" i="1"/>
  <c r="AD125718" i="1"/>
  <c r="AD125719" i="1"/>
  <c r="AD125720" i="1"/>
  <c r="AD125721" i="1"/>
  <c r="AD125722" i="1"/>
  <c r="AD125723" i="1"/>
  <c r="AD125724" i="1"/>
  <c r="AD125725" i="1"/>
  <c r="AD125726" i="1"/>
  <c r="AD125727" i="1"/>
  <c r="AD125728" i="1"/>
  <c r="AD125729" i="1"/>
  <c r="AD125730" i="1"/>
  <c r="AD125731" i="1"/>
  <c r="AD125732" i="1"/>
  <c r="AD125733" i="1"/>
  <c r="AD125734" i="1"/>
  <c r="AD125735" i="1"/>
  <c r="AD125736" i="1"/>
  <c r="AD125737" i="1"/>
  <c r="AD125738" i="1"/>
  <c r="AD125739" i="1"/>
  <c r="AD125740" i="1"/>
  <c r="AD125741" i="1"/>
  <c r="AD125742" i="1"/>
  <c r="AD125743" i="1"/>
  <c r="AD125744" i="1"/>
  <c r="AD125745" i="1"/>
  <c r="AD125746" i="1"/>
  <c r="AD125747" i="1"/>
  <c r="AD125748" i="1"/>
  <c r="AD125749" i="1"/>
  <c r="AD125750" i="1"/>
  <c r="AD125751" i="1"/>
  <c r="AD125752" i="1"/>
  <c r="AD125753" i="1"/>
  <c r="AD125754" i="1"/>
  <c r="AD125755" i="1"/>
  <c r="AD125756" i="1"/>
  <c r="AD125757" i="1"/>
  <c r="AD125758" i="1"/>
  <c r="AD125759" i="1"/>
  <c r="AD125760" i="1"/>
  <c r="AD125761" i="1"/>
  <c r="AD125762" i="1"/>
  <c r="AD125763" i="1"/>
  <c r="AD125764" i="1"/>
  <c r="AD125765" i="1"/>
  <c r="AD125766" i="1"/>
  <c r="AD125767" i="1"/>
  <c r="AD125768" i="1"/>
  <c r="AD125769" i="1"/>
  <c r="AD125770" i="1"/>
  <c r="AD125771" i="1"/>
  <c r="AD125772" i="1"/>
  <c r="AD125773" i="1"/>
  <c r="AD125774" i="1"/>
  <c r="AD125775" i="1"/>
  <c r="AD125776" i="1"/>
  <c r="AD125777" i="1"/>
  <c r="AD125778" i="1"/>
  <c r="AD125779" i="1"/>
  <c r="AD125780" i="1"/>
  <c r="AD125781" i="1"/>
  <c r="AD125782" i="1"/>
  <c r="AD125783" i="1"/>
  <c r="AD125784" i="1"/>
  <c r="AD125785" i="1"/>
  <c r="AD125786" i="1"/>
  <c r="AD125787" i="1"/>
  <c r="AD125788" i="1"/>
  <c r="AD125789" i="1"/>
  <c r="AD125790" i="1"/>
  <c r="AD125791" i="1"/>
  <c r="AD125792" i="1"/>
  <c r="AD125793" i="1"/>
  <c r="AD125794" i="1"/>
  <c r="AD125795" i="1"/>
  <c r="AD125796" i="1"/>
  <c r="AD125797" i="1"/>
  <c r="AD125798" i="1"/>
  <c r="AD125799" i="1"/>
  <c r="AD125800" i="1"/>
  <c r="AD125801" i="1"/>
  <c r="AD125802" i="1"/>
  <c r="AD125803" i="1"/>
  <c r="AD125804" i="1"/>
  <c r="AD125805" i="1"/>
  <c r="AD125806" i="1"/>
  <c r="AD125807" i="1"/>
  <c r="AD125808" i="1"/>
  <c r="AD125809" i="1"/>
  <c r="AD125810" i="1"/>
  <c r="AD125811" i="1"/>
  <c r="AD125812" i="1"/>
  <c r="AD125813" i="1"/>
  <c r="AD125814" i="1"/>
  <c r="AD125815" i="1"/>
  <c r="AD125816" i="1"/>
  <c r="AD125817" i="1"/>
  <c r="AD125818" i="1"/>
  <c r="AD125819" i="1"/>
  <c r="AD125820" i="1"/>
  <c r="AD125821" i="1"/>
  <c r="AD125822" i="1"/>
  <c r="AD125823" i="1"/>
  <c r="AD125824" i="1"/>
  <c r="AD125825" i="1"/>
  <c r="AD125826" i="1"/>
  <c r="AD125827" i="1"/>
  <c r="AD125828" i="1"/>
  <c r="AD125829" i="1"/>
  <c r="AD125830" i="1"/>
  <c r="AD125831" i="1"/>
  <c r="AD125832" i="1"/>
  <c r="AD125833" i="1"/>
  <c r="AD125834" i="1"/>
  <c r="AD125835" i="1"/>
  <c r="AD125836" i="1"/>
  <c r="AD125837" i="1"/>
  <c r="AD125838" i="1"/>
  <c r="AD125839" i="1"/>
  <c r="AD125840" i="1"/>
  <c r="AD125841" i="1"/>
  <c r="AD125842" i="1"/>
  <c r="AD125843" i="1"/>
  <c r="AD125844" i="1"/>
  <c r="AD125845" i="1"/>
  <c r="AD125846" i="1"/>
  <c r="AD125847" i="1"/>
  <c r="AD125848" i="1"/>
  <c r="AD125849" i="1"/>
  <c r="AD125850" i="1"/>
  <c r="AD125851" i="1"/>
  <c r="AD125852" i="1"/>
  <c r="AD125853" i="1"/>
  <c r="AD125854" i="1"/>
  <c r="AD125855" i="1"/>
  <c r="AD125856" i="1"/>
  <c r="AD125857" i="1"/>
  <c r="AD125858" i="1"/>
  <c r="AD125859" i="1"/>
  <c r="AD125860" i="1"/>
  <c r="AD125861" i="1"/>
  <c r="AD125862" i="1"/>
  <c r="AD125863" i="1"/>
  <c r="AD125864" i="1"/>
  <c r="AD125865" i="1"/>
  <c r="AD125866" i="1"/>
  <c r="AD125867" i="1"/>
  <c r="AD125868" i="1"/>
  <c r="AD125869" i="1"/>
  <c r="AD125870" i="1"/>
  <c r="AD125871" i="1"/>
  <c r="AD125872" i="1"/>
  <c r="AD125873" i="1"/>
  <c r="AD125874" i="1"/>
  <c r="AD125875" i="1"/>
  <c r="AD125876" i="1"/>
  <c r="AD125877" i="1"/>
  <c r="AD125878" i="1"/>
  <c r="AD125879" i="1"/>
  <c r="AD125880" i="1"/>
  <c r="AD125881" i="1"/>
  <c r="AD125882" i="1"/>
  <c r="AD125883" i="1"/>
  <c r="AD125884" i="1"/>
  <c r="AD125885" i="1"/>
  <c r="AD125886" i="1"/>
  <c r="AD125887" i="1"/>
  <c r="AD125888" i="1"/>
  <c r="AD125889" i="1"/>
  <c r="AD125890" i="1"/>
  <c r="AD125891" i="1"/>
  <c r="AD125892" i="1"/>
  <c r="AD125893" i="1"/>
  <c r="AD125894" i="1"/>
  <c r="AD125895" i="1"/>
  <c r="AD125896" i="1"/>
  <c r="AD125897" i="1"/>
  <c r="AD125898" i="1"/>
  <c r="AD125899" i="1"/>
  <c r="AD125900" i="1"/>
  <c r="AD125901" i="1"/>
  <c r="AD125902" i="1"/>
  <c r="AD125903" i="1"/>
  <c r="AD125904" i="1"/>
  <c r="AD125905" i="1"/>
  <c r="AD125906" i="1"/>
  <c r="AD125907" i="1"/>
  <c r="AD125908" i="1"/>
  <c r="AD125909" i="1"/>
  <c r="AD125910" i="1"/>
  <c r="AD125911" i="1"/>
  <c r="AD125912" i="1"/>
  <c r="AD125913" i="1"/>
  <c r="AD125914" i="1"/>
  <c r="AD125915" i="1"/>
  <c r="AD125916" i="1"/>
  <c r="AD125917" i="1"/>
  <c r="AD125918" i="1"/>
  <c r="AD125919" i="1"/>
  <c r="AD125920" i="1"/>
  <c r="AD125921" i="1"/>
  <c r="AD125922" i="1"/>
  <c r="AD125923" i="1"/>
  <c r="AD125924" i="1"/>
  <c r="AD125925" i="1"/>
  <c r="AD125926" i="1"/>
  <c r="AD125927" i="1"/>
  <c r="AD125928" i="1"/>
  <c r="AD125929" i="1"/>
  <c r="AD125930" i="1"/>
  <c r="AD125931" i="1"/>
  <c r="AD125932" i="1"/>
  <c r="AD125933" i="1"/>
  <c r="AD125934" i="1"/>
  <c r="AD125935" i="1"/>
  <c r="AD125936" i="1"/>
  <c r="AD125937" i="1"/>
  <c r="AD125938" i="1"/>
  <c r="AD125939" i="1"/>
  <c r="AD125940" i="1"/>
  <c r="AD125941" i="1"/>
  <c r="AD125942" i="1"/>
  <c r="AD125943" i="1"/>
  <c r="AD125944" i="1"/>
  <c r="AD125945" i="1"/>
  <c r="AD125946" i="1"/>
  <c r="AD125947" i="1"/>
  <c r="AD125948" i="1"/>
  <c r="AD125949" i="1"/>
  <c r="AD125950" i="1"/>
  <c r="AD125951" i="1"/>
  <c r="AD125952" i="1"/>
  <c r="AD125953" i="1"/>
  <c r="AD125954" i="1"/>
  <c r="AD125955" i="1"/>
  <c r="AD125956" i="1"/>
  <c r="AD125957" i="1"/>
  <c r="AD125958" i="1"/>
  <c r="AD125959" i="1"/>
  <c r="AD125960" i="1"/>
  <c r="AD125961" i="1"/>
  <c r="AD125962" i="1"/>
  <c r="AD125963" i="1"/>
  <c r="AD125964" i="1"/>
  <c r="AD125965" i="1"/>
  <c r="AD125966" i="1"/>
  <c r="AD125967" i="1"/>
  <c r="AD125968" i="1"/>
  <c r="AD125969" i="1"/>
  <c r="AD125970" i="1"/>
  <c r="AD125971" i="1"/>
  <c r="AD125972" i="1"/>
  <c r="AD125973" i="1"/>
  <c r="AD125974" i="1"/>
  <c r="AD125975" i="1"/>
  <c r="AD125976" i="1"/>
  <c r="AD125977" i="1"/>
  <c r="AD125978" i="1"/>
  <c r="AD125979" i="1"/>
  <c r="AD125980" i="1"/>
  <c r="AD125981" i="1"/>
  <c r="AD125982" i="1"/>
  <c r="AD125983" i="1"/>
  <c r="AD125984" i="1"/>
  <c r="AD125985" i="1"/>
  <c r="AD125986" i="1"/>
  <c r="AD125987" i="1"/>
  <c r="AD125988" i="1"/>
  <c r="AD125989" i="1"/>
  <c r="AD125990" i="1"/>
  <c r="AD125991" i="1"/>
  <c r="AD125992" i="1"/>
  <c r="AD125993" i="1"/>
  <c r="AD125994" i="1"/>
  <c r="AD125995" i="1"/>
  <c r="AD125996" i="1"/>
  <c r="AD125997" i="1"/>
  <c r="AD125998" i="1"/>
  <c r="AD125999" i="1"/>
  <c r="AD126000" i="1"/>
  <c r="AD126001" i="1"/>
  <c r="AD126002" i="1"/>
  <c r="AD126003" i="1"/>
  <c r="AD126004" i="1"/>
  <c r="AD126005" i="1"/>
  <c r="AD126006" i="1"/>
  <c r="AD126007" i="1"/>
  <c r="AD126008" i="1"/>
  <c r="AD126009" i="1"/>
  <c r="AD126010" i="1"/>
  <c r="AD126011" i="1"/>
  <c r="AD126012" i="1"/>
  <c r="AD126013" i="1"/>
  <c r="AD126014" i="1"/>
  <c r="AD126015" i="1"/>
  <c r="AD126016" i="1"/>
  <c r="AD126017" i="1"/>
  <c r="AD126018" i="1"/>
  <c r="AD126019" i="1"/>
  <c r="AD126020" i="1"/>
  <c r="AD126021" i="1"/>
  <c r="AD126022" i="1"/>
  <c r="AD126023" i="1"/>
  <c r="AD126024" i="1"/>
  <c r="AD126025" i="1"/>
  <c r="AD126026" i="1"/>
  <c r="AD126027" i="1"/>
  <c r="AD126028" i="1"/>
  <c r="AD126029" i="1"/>
  <c r="AD126030" i="1"/>
  <c r="AD126031" i="1"/>
  <c r="AD126032" i="1"/>
  <c r="AD126033" i="1"/>
  <c r="AD126034" i="1"/>
  <c r="AD126035" i="1"/>
  <c r="AD126036" i="1"/>
  <c r="AD126037" i="1"/>
  <c r="AD126038" i="1"/>
  <c r="AD126039" i="1"/>
  <c r="AD126040" i="1"/>
  <c r="AD126041" i="1"/>
  <c r="AD126042" i="1"/>
  <c r="AD126043" i="1"/>
  <c r="AD126044" i="1"/>
  <c r="AD126045" i="1"/>
  <c r="AD126046" i="1"/>
  <c r="AD126047" i="1"/>
  <c r="AD126048" i="1"/>
  <c r="AD126049" i="1"/>
  <c r="AD126050" i="1"/>
  <c r="AD126051" i="1"/>
  <c r="AD126052" i="1"/>
  <c r="AD126053" i="1"/>
  <c r="AD126054" i="1"/>
  <c r="AD126055" i="1"/>
  <c r="AD126056" i="1"/>
  <c r="AD126057" i="1"/>
  <c r="AD126058" i="1"/>
  <c r="AD126059" i="1"/>
  <c r="AD126060" i="1"/>
  <c r="AD126061" i="1"/>
  <c r="AD126062" i="1"/>
  <c r="AD126063" i="1"/>
  <c r="AD126064" i="1"/>
  <c r="AD126065" i="1"/>
  <c r="AD126066" i="1"/>
  <c r="AD126067" i="1"/>
  <c r="AD126068" i="1"/>
  <c r="AD126069" i="1"/>
  <c r="AD126070" i="1"/>
  <c r="AD126071" i="1"/>
  <c r="AD126072" i="1"/>
  <c r="AD126073" i="1"/>
  <c r="AD126074" i="1"/>
  <c r="AD126075" i="1"/>
  <c r="AD126076" i="1"/>
  <c r="AD126077" i="1"/>
  <c r="AD126078" i="1"/>
  <c r="AD126079" i="1"/>
  <c r="AD126080" i="1"/>
  <c r="AD126081" i="1"/>
  <c r="AD126082" i="1"/>
  <c r="AD126083" i="1"/>
  <c r="AD126084" i="1"/>
  <c r="AD126085" i="1"/>
  <c r="AD126086" i="1"/>
  <c r="AD126087" i="1"/>
  <c r="AD126088" i="1"/>
  <c r="AD126089" i="1"/>
  <c r="AD126090" i="1"/>
  <c r="AD126091" i="1"/>
  <c r="AD126092" i="1"/>
  <c r="AD126093" i="1"/>
  <c r="AD126094" i="1"/>
  <c r="AD126095" i="1"/>
  <c r="AD126096" i="1"/>
  <c r="AD126097" i="1"/>
  <c r="AD126098" i="1"/>
  <c r="AD126099" i="1"/>
  <c r="AD126100" i="1"/>
  <c r="AD126101" i="1"/>
  <c r="AD126102" i="1"/>
  <c r="AD126103" i="1"/>
  <c r="AD126104" i="1"/>
  <c r="AD126105" i="1"/>
  <c r="AD126106" i="1"/>
  <c r="AD126107" i="1"/>
  <c r="AD126108" i="1"/>
  <c r="AD126109" i="1"/>
  <c r="AD126110" i="1"/>
  <c r="AD126111" i="1"/>
  <c r="AD126112" i="1"/>
  <c r="AD126113" i="1"/>
  <c r="AD126114" i="1"/>
  <c r="AD126115" i="1"/>
  <c r="AD126116" i="1"/>
  <c r="AD126117" i="1"/>
  <c r="AD126118" i="1"/>
  <c r="AD126119" i="1"/>
  <c r="AD126120" i="1"/>
  <c r="AD126121" i="1"/>
  <c r="AD126122" i="1"/>
  <c r="AD126123" i="1"/>
  <c r="AD126124" i="1"/>
  <c r="AD126125" i="1"/>
  <c r="AD126126" i="1"/>
  <c r="AD126127" i="1"/>
  <c r="AD126128" i="1"/>
  <c r="AD126129" i="1"/>
  <c r="AD126130" i="1"/>
  <c r="AD126131" i="1"/>
  <c r="AD126132" i="1"/>
  <c r="AD126133" i="1"/>
  <c r="AD126134" i="1"/>
  <c r="AD126135" i="1"/>
  <c r="AD126136" i="1"/>
  <c r="AD126137" i="1"/>
  <c r="AD126138" i="1"/>
  <c r="AD126139" i="1"/>
  <c r="AD126140" i="1"/>
  <c r="AD126141" i="1"/>
  <c r="AD126142" i="1"/>
  <c r="AD126143" i="1"/>
  <c r="AD126144" i="1"/>
  <c r="AD126145" i="1"/>
  <c r="AD126146" i="1"/>
  <c r="AD126147" i="1"/>
  <c r="AD126148" i="1"/>
  <c r="AD126149" i="1"/>
  <c r="AD126150" i="1"/>
  <c r="AD126151" i="1"/>
  <c r="AD126152" i="1"/>
  <c r="AD126153" i="1"/>
  <c r="AD126154" i="1"/>
  <c r="AD126155" i="1"/>
  <c r="AD126156" i="1"/>
  <c r="AD126157" i="1"/>
  <c r="AD126158" i="1"/>
  <c r="AD126159" i="1"/>
  <c r="AD126160" i="1"/>
  <c r="AD126161" i="1"/>
  <c r="AD126162" i="1"/>
  <c r="AD126163" i="1"/>
  <c r="AD126164" i="1"/>
  <c r="AD126165" i="1"/>
  <c r="AD126166" i="1"/>
  <c r="AD126167" i="1"/>
  <c r="AD126168" i="1"/>
  <c r="AD126169" i="1"/>
  <c r="AD126170" i="1"/>
  <c r="AD126171" i="1"/>
  <c r="AD126172" i="1"/>
  <c r="AD126173" i="1"/>
  <c r="AD126174" i="1"/>
  <c r="AD126175" i="1"/>
  <c r="AD126176" i="1"/>
  <c r="AD126177" i="1"/>
  <c r="AD126178" i="1"/>
  <c r="AD126179" i="1"/>
  <c r="AD126180" i="1"/>
  <c r="AD126181" i="1"/>
  <c r="AD126182" i="1"/>
  <c r="AD126183" i="1"/>
  <c r="AD126184" i="1"/>
  <c r="AD126185" i="1"/>
  <c r="AD126186" i="1"/>
  <c r="AD126187" i="1"/>
  <c r="AD126188" i="1"/>
  <c r="AD126189" i="1"/>
  <c r="AD126190" i="1"/>
  <c r="AD126191" i="1"/>
  <c r="AD126192" i="1"/>
  <c r="AD126193" i="1"/>
  <c r="AD126194" i="1"/>
  <c r="AD126195" i="1"/>
  <c r="AD126196" i="1"/>
  <c r="AD126197" i="1"/>
  <c r="AD126198" i="1"/>
  <c r="AD126199" i="1"/>
  <c r="AD126200" i="1"/>
  <c r="AD126201" i="1"/>
  <c r="AD126202" i="1"/>
  <c r="AD126203" i="1"/>
  <c r="AD126204" i="1"/>
  <c r="AD126205" i="1"/>
  <c r="AD126206" i="1"/>
  <c r="AD126207" i="1"/>
  <c r="AD126208" i="1"/>
  <c r="AD126209" i="1"/>
  <c r="AD126210" i="1"/>
  <c r="AD126211" i="1"/>
  <c r="AD126212" i="1"/>
  <c r="AD126213" i="1"/>
  <c r="AD126214" i="1"/>
  <c r="AD126215" i="1"/>
  <c r="AD126216" i="1"/>
  <c r="AD126217" i="1"/>
  <c r="AD126218" i="1"/>
  <c r="AD126219" i="1"/>
  <c r="AD126220" i="1"/>
  <c r="AD126221" i="1"/>
  <c r="AD126222" i="1"/>
  <c r="AD126223" i="1"/>
  <c r="AD126224" i="1"/>
  <c r="AD126225" i="1"/>
  <c r="AD126226" i="1"/>
  <c r="AD126227" i="1"/>
  <c r="AD126228" i="1"/>
  <c r="AD126229" i="1"/>
  <c r="AD126230" i="1"/>
  <c r="AD126231" i="1"/>
  <c r="AD126232" i="1"/>
  <c r="AD126233" i="1"/>
  <c r="AD126234" i="1"/>
  <c r="AD126235" i="1"/>
  <c r="AD126236" i="1"/>
  <c r="AD126237" i="1"/>
  <c r="AD126238" i="1"/>
  <c r="AD126239" i="1"/>
  <c r="AD126240" i="1"/>
  <c r="AD126241" i="1"/>
  <c r="AD126242" i="1"/>
  <c r="AD126243" i="1"/>
  <c r="AD126244" i="1"/>
  <c r="AD126245" i="1"/>
  <c r="AD126246" i="1"/>
  <c r="AD126247" i="1"/>
  <c r="AD126248" i="1"/>
  <c r="AD126249" i="1"/>
  <c r="AD126250" i="1"/>
  <c r="AD126251" i="1"/>
  <c r="AD126252" i="1"/>
  <c r="AD126253" i="1"/>
  <c r="AD126254" i="1"/>
  <c r="AD126255" i="1"/>
  <c r="AD126256" i="1"/>
  <c r="AD126257" i="1"/>
  <c r="AD126258" i="1"/>
  <c r="AD126259" i="1"/>
  <c r="AD126260" i="1"/>
  <c r="AD126261" i="1"/>
  <c r="AD126262" i="1"/>
  <c r="AD126263" i="1"/>
  <c r="AD126264" i="1"/>
  <c r="AD126265" i="1"/>
  <c r="AD126266" i="1"/>
  <c r="AD126267" i="1"/>
  <c r="AD126268" i="1"/>
  <c r="AD126269" i="1"/>
  <c r="AD126270" i="1"/>
  <c r="AD126271" i="1"/>
  <c r="AD126272" i="1"/>
  <c r="AD126273" i="1"/>
  <c r="AD126274" i="1"/>
  <c r="AD126275" i="1"/>
  <c r="AD126276" i="1"/>
  <c r="AD126277" i="1"/>
  <c r="AD126278" i="1"/>
  <c r="AD126279" i="1"/>
  <c r="AD126280" i="1"/>
  <c r="AD126281" i="1"/>
  <c r="AD126282" i="1"/>
  <c r="AD126283" i="1"/>
  <c r="AD126284" i="1"/>
  <c r="AD126285" i="1"/>
  <c r="AD126286" i="1"/>
  <c r="AD126287" i="1"/>
  <c r="AD126288" i="1"/>
  <c r="AD126289" i="1"/>
  <c r="AD126290" i="1"/>
  <c r="AD126291" i="1"/>
  <c r="AD126292" i="1"/>
  <c r="AD126293" i="1"/>
  <c r="AD126294" i="1"/>
  <c r="AD126295" i="1"/>
  <c r="AD126296" i="1"/>
  <c r="AD126297" i="1"/>
  <c r="AD126298" i="1"/>
  <c r="AD126299" i="1"/>
  <c r="AD126300" i="1"/>
  <c r="AD126301" i="1"/>
  <c r="AD126302" i="1"/>
  <c r="AD126303" i="1"/>
  <c r="AD126304" i="1"/>
  <c r="AD126305" i="1"/>
  <c r="AD126306" i="1"/>
  <c r="AD126307" i="1"/>
  <c r="AD126308" i="1"/>
  <c r="AD126309" i="1"/>
  <c r="AD126310" i="1"/>
  <c r="AD126311" i="1"/>
  <c r="AD126312" i="1"/>
  <c r="AD126313" i="1"/>
  <c r="AD126314" i="1"/>
  <c r="AD126315" i="1"/>
  <c r="AD126316" i="1"/>
  <c r="AD126317" i="1"/>
  <c r="AD126318" i="1"/>
  <c r="AD126319" i="1"/>
  <c r="AD126320" i="1"/>
  <c r="AD126321" i="1"/>
  <c r="AD126322" i="1"/>
  <c r="AD126323" i="1"/>
  <c r="AD126324" i="1"/>
  <c r="AD126325" i="1"/>
  <c r="AD126326" i="1"/>
  <c r="AD126327" i="1"/>
  <c r="AD126328" i="1"/>
  <c r="AD126329" i="1"/>
  <c r="AD126330" i="1"/>
  <c r="AD126331" i="1"/>
  <c r="AD126332" i="1"/>
  <c r="AD126333" i="1"/>
  <c r="AD126334" i="1"/>
  <c r="AD126335" i="1"/>
  <c r="AD126336" i="1"/>
  <c r="AD126337" i="1"/>
  <c r="AD126338" i="1"/>
  <c r="AD126339" i="1"/>
  <c r="AD126340" i="1"/>
  <c r="AD126341" i="1"/>
  <c r="AD126342" i="1"/>
  <c r="AD126343" i="1"/>
  <c r="AD126344" i="1"/>
  <c r="AD126345" i="1"/>
  <c r="AD126346" i="1"/>
  <c r="AD126347" i="1"/>
  <c r="AD126348" i="1"/>
  <c r="AD126349" i="1"/>
  <c r="AD126350" i="1"/>
  <c r="AD126351" i="1"/>
  <c r="AD126352" i="1"/>
  <c r="AD126353" i="1"/>
  <c r="AD126354" i="1"/>
  <c r="AD126355" i="1"/>
  <c r="AD126356" i="1"/>
  <c r="AD126357" i="1"/>
  <c r="AD126358" i="1"/>
  <c r="AD126359" i="1"/>
  <c r="AD126360" i="1"/>
  <c r="AD126361" i="1"/>
  <c r="AD126362" i="1"/>
  <c r="AD126363" i="1"/>
  <c r="AD126364" i="1"/>
  <c r="AD126365" i="1"/>
  <c r="AD126366" i="1"/>
  <c r="AD126367" i="1"/>
  <c r="AD126368" i="1"/>
  <c r="AD126369" i="1"/>
  <c r="AD126370" i="1"/>
  <c r="AD126371" i="1"/>
  <c r="AD126372" i="1"/>
  <c r="AD126373" i="1"/>
  <c r="AD126374" i="1"/>
  <c r="AD126375" i="1"/>
  <c r="AD126376" i="1"/>
  <c r="AD126377" i="1"/>
  <c r="AD126378" i="1"/>
  <c r="AD126379" i="1"/>
  <c r="AD126380" i="1"/>
  <c r="AD126381" i="1"/>
  <c r="AD126382" i="1"/>
  <c r="AD126383" i="1"/>
  <c r="AD126384" i="1"/>
  <c r="AD126385" i="1"/>
  <c r="AD126386" i="1"/>
  <c r="AD126387" i="1"/>
  <c r="AD126388" i="1"/>
  <c r="AD126389" i="1"/>
  <c r="AD126390" i="1"/>
  <c r="AD126391" i="1"/>
  <c r="AD126392" i="1"/>
  <c r="AD126393" i="1"/>
  <c r="AD126394" i="1"/>
  <c r="AD126395" i="1"/>
  <c r="AD126396" i="1"/>
  <c r="AD126397" i="1"/>
  <c r="AD126398" i="1"/>
  <c r="AD126399" i="1"/>
  <c r="AD126400" i="1"/>
  <c r="AD126401" i="1"/>
  <c r="AD126402" i="1"/>
  <c r="AD126403" i="1"/>
  <c r="AD126404" i="1"/>
  <c r="AD126405" i="1"/>
  <c r="AD126406" i="1"/>
  <c r="AD126407" i="1"/>
  <c r="AD126408" i="1"/>
  <c r="AD126409" i="1"/>
  <c r="AD126410" i="1"/>
  <c r="AD126411" i="1"/>
  <c r="AD126412" i="1"/>
  <c r="AD126413" i="1"/>
  <c r="AD126414" i="1"/>
  <c r="AD126415" i="1"/>
  <c r="AD126416" i="1"/>
  <c r="AD126417" i="1"/>
  <c r="AD126418" i="1"/>
  <c r="AD126419" i="1"/>
  <c r="AD126420" i="1"/>
  <c r="AD126421" i="1"/>
  <c r="AD126422" i="1"/>
  <c r="AD126423" i="1"/>
  <c r="AD126424" i="1"/>
  <c r="AD126425" i="1"/>
  <c r="AD126426" i="1"/>
  <c r="AD126427" i="1"/>
  <c r="AD126428" i="1"/>
  <c r="AD126429" i="1"/>
  <c r="AD126430" i="1"/>
  <c r="AD126431" i="1"/>
  <c r="AD126432" i="1"/>
  <c r="AD126433" i="1"/>
  <c r="AD126434" i="1"/>
  <c r="AD126435" i="1"/>
  <c r="AD126436" i="1"/>
  <c r="AD126437" i="1"/>
  <c r="AD126438" i="1"/>
  <c r="AD126439" i="1"/>
  <c r="AD126440" i="1"/>
  <c r="AD126441" i="1"/>
  <c r="AD126442" i="1"/>
  <c r="AD126443" i="1"/>
  <c r="AD126444" i="1"/>
  <c r="AD126445" i="1"/>
  <c r="AD126446" i="1"/>
  <c r="AD126447" i="1"/>
  <c r="AD126448" i="1"/>
  <c r="AD126449" i="1"/>
  <c r="AD126450" i="1"/>
  <c r="AD126451" i="1"/>
  <c r="AD126452" i="1"/>
  <c r="AD126453" i="1"/>
  <c r="AD126454" i="1"/>
  <c r="AD126455" i="1"/>
  <c r="AD126456" i="1"/>
  <c r="AD126457" i="1"/>
  <c r="AD126458" i="1"/>
  <c r="AD126459" i="1"/>
  <c r="AD126460" i="1"/>
  <c r="AD126461" i="1"/>
  <c r="AD126462" i="1"/>
  <c r="AD126463" i="1"/>
  <c r="AD126464" i="1"/>
  <c r="AD126465" i="1"/>
  <c r="AD126466" i="1"/>
  <c r="AD126467" i="1"/>
  <c r="AD126468" i="1"/>
  <c r="AD126469" i="1"/>
  <c r="AD126470" i="1"/>
  <c r="AD126471" i="1"/>
  <c r="AD126472" i="1"/>
  <c r="AD126473" i="1"/>
  <c r="AD126474" i="1"/>
  <c r="AD126475" i="1"/>
  <c r="AD126476" i="1"/>
  <c r="AD126477" i="1"/>
  <c r="AD126478" i="1"/>
  <c r="AD126479" i="1"/>
  <c r="AD126480" i="1"/>
  <c r="AD126481" i="1"/>
  <c r="AD126482" i="1"/>
  <c r="AD126483" i="1"/>
  <c r="AD126484" i="1"/>
  <c r="AD126485" i="1"/>
  <c r="AD126486" i="1"/>
  <c r="AD126487" i="1"/>
  <c r="AD126488" i="1"/>
  <c r="AD126489" i="1"/>
  <c r="AD126490" i="1"/>
  <c r="AD126491" i="1"/>
  <c r="AD126492" i="1"/>
  <c r="AD126493" i="1"/>
  <c r="AD126494" i="1"/>
  <c r="AD126495" i="1"/>
  <c r="AD126496" i="1"/>
  <c r="AD126497" i="1"/>
  <c r="AD126498" i="1"/>
  <c r="AD126499" i="1"/>
  <c r="AD126500" i="1"/>
  <c r="AD126501" i="1"/>
  <c r="AD126502" i="1"/>
  <c r="AD126503" i="1"/>
  <c r="AD126504" i="1"/>
  <c r="AD126505" i="1"/>
  <c r="AD126506" i="1"/>
  <c r="AD126507" i="1"/>
  <c r="AD126508" i="1"/>
  <c r="AD126509" i="1"/>
  <c r="AD126510" i="1"/>
  <c r="AD126511" i="1"/>
  <c r="AD126512" i="1"/>
  <c r="AD126513" i="1"/>
  <c r="AD126514" i="1"/>
  <c r="AD126515" i="1"/>
  <c r="AD126516" i="1"/>
  <c r="AD126517" i="1"/>
  <c r="AD126518" i="1"/>
  <c r="AD126519" i="1"/>
  <c r="AD126520" i="1"/>
  <c r="AD126521" i="1"/>
  <c r="AD126522" i="1"/>
  <c r="AD126523" i="1"/>
  <c r="AD126524" i="1"/>
  <c r="AD126525" i="1"/>
  <c r="AD126526" i="1"/>
  <c r="AD126527" i="1"/>
  <c r="AD126528" i="1"/>
  <c r="AD126529" i="1"/>
  <c r="AD126530" i="1"/>
  <c r="AD126531" i="1"/>
  <c r="AD126532" i="1"/>
  <c r="AD126533" i="1"/>
  <c r="AD126534" i="1"/>
  <c r="AD126535" i="1"/>
  <c r="AD126536" i="1"/>
  <c r="AD126537" i="1"/>
  <c r="AD126538" i="1"/>
  <c r="AD126539" i="1"/>
  <c r="AD126540" i="1"/>
  <c r="AD126541" i="1"/>
  <c r="AD126542" i="1"/>
  <c r="AD126543" i="1"/>
  <c r="AD126544" i="1"/>
  <c r="AD126545" i="1"/>
  <c r="AD126546" i="1"/>
  <c r="AD126547" i="1"/>
  <c r="AD126548" i="1"/>
  <c r="AD126549" i="1"/>
  <c r="AD126550" i="1"/>
  <c r="AD126551" i="1"/>
  <c r="AD126552" i="1"/>
  <c r="AD126553" i="1"/>
  <c r="AD126554" i="1"/>
  <c r="AD126555" i="1"/>
  <c r="AD126556" i="1"/>
  <c r="AD126557" i="1"/>
  <c r="AD126558" i="1"/>
  <c r="AD126559" i="1"/>
  <c r="AD126560" i="1"/>
  <c r="AD126561" i="1"/>
  <c r="AD126562" i="1"/>
  <c r="AD126563" i="1"/>
  <c r="AD126564" i="1"/>
  <c r="AD126565" i="1"/>
  <c r="AD126566" i="1"/>
  <c r="AD126567" i="1"/>
  <c r="AD126568" i="1"/>
  <c r="AD126569" i="1"/>
  <c r="AD126570" i="1"/>
  <c r="AD126571" i="1"/>
  <c r="AD126572" i="1"/>
  <c r="AD126573" i="1"/>
  <c r="AD126574" i="1"/>
  <c r="AD126575" i="1"/>
  <c r="AD126576" i="1"/>
  <c r="AD126577" i="1"/>
  <c r="AD126578" i="1"/>
  <c r="AD126579" i="1"/>
  <c r="AD126580" i="1"/>
  <c r="AD126581" i="1"/>
  <c r="AD126582" i="1"/>
  <c r="AD126583" i="1"/>
  <c r="AD126584" i="1"/>
  <c r="AD126585" i="1"/>
  <c r="AD126586" i="1"/>
  <c r="AD126587" i="1"/>
  <c r="AD126588" i="1"/>
  <c r="AD126589" i="1"/>
  <c r="AD126590" i="1"/>
  <c r="AD126591" i="1"/>
  <c r="AD126592" i="1"/>
  <c r="AD126593" i="1"/>
  <c r="AD126594" i="1"/>
  <c r="AD126595" i="1"/>
  <c r="AD126596" i="1"/>
  <c r="AD126597" i="1"/>
  <c r="AD126598" i="1"/>
  <c r="AD126599" i="1"/>
  <c r="AD126600" i="1"/>
  <c r="AD126601" i="1"/>
  <c r="AD126602" i="1"/>
  <c r="AD126603" i="1"/>
  <c r="AD126604" i="1"/>
  <c r="AD126605" i="1"/>
  <c r="AD126606" i="1"/>
  <c r="AD126607" i="1"/>
  <c r="AD126608" i="1"/>
  <c r="AD126609" i="1"/>
  <c r="AD126610" i="1"/>
  <c r="AD126611" i="1"/>
  <c r="AD126612" i="1"/>
  <c r="AD126613" i="1"/>
  <c r="AD126614" i="1"/>
  <c r="AD126615" i="1"/>
  <c r="AD126616" i="1"/>
  <c r="AD126617" i="1"/>
  <c r="AD126618" i="1"/>
  <c r="AD126619" i="1"/>
  <c r="AD126620" i="1"/>
  <c r="AD126621" i="1"/>
  <c r="AD126622" i="1"/>
  <c r="AD126623" i="1"/>
  <c r="AD126624" i="1"/>
  <c r="AD126625" i="1"/>
  <c r="AD126626" i="1"/>
  <c r="AD126627" i="1"/>
  <c r="AD126628" i="1"/>
  <c r="AD126629" i="1"/>
  <c r="AD126630" i="1"/>
  <c r="AD126631" i="1"/>
  <c r="AD126632" i="1"/>
  <c r="AD126633" i="1"/>
  <c r="AD126634" i="1"/>
  <c r="AD126635" i="1"/>
  <c r="AD126636" i="1"/>
  <c r="AD126637" i="1"/>
  <c r="AD126638" i="1"/>
  <c r="AD126639" i="1"/>
  <c r="AD126640" i="1"/>
  <c r="AD126641" i="1"/>
  <c r="AD126642" i="1"/>
  <c r="AD126643" i="1"/>
  <c r="AD126644" i="1"/>
  <c r="AD126645" i="1"/>
  <c r="AD126646" i="1"/>
  <c r="AD126647" i="1"/>
  <c r="AD126648" i="1"/>
  <c r="AD126649" i="1"/>
  <c r="AD126650" i="1"/>
  <c r="AD126651" i="1"/>
  <c r="AD126652" i="1"/>
  <c r="AD126653" i="1"/>
  <c r="AD126654" i="1"/>
  <c r="AD126655" i="1"/>
  <c r="AD126656" i="1"/>
  <c r="AD126657" i="1"/>
  <c r="AD126658" i="1"/>
  <c r="AD126659" i="1"/>
  <c r="AD126660" i="1"/>
  <c r="AD126661" i="1"/>
  <c r="AD126662" i="1"/>
  <c r="AD126663" i="1"/>
  <c r="AD126664" i="1"/>
  <c r="AD126665" i="1"/>
  <c r="AD126666" i="1"/>
  <c r="AD126667" i="1"/>
  <c r="AD126668" i="1"/>
  <c r="AD126669" i="1"/>
  <c r="AD126670" i="1"/>
  <c r="AD126671" i="1"/>
  <c r="AD126672" i="1"/>
  <c r="AD126673" i="1"/>
  <c r="AD126674" i="1"/>
  <c r="AD126675" i="1"/>
  <c r="AD126676" i="1"/>
  <c r="AD126677" i="1"/>
  <c r="AD126678" i="1"/>
  <c r="AD126679" i="1"/>
  <c r="AD126680" i="1"/>
  <c r="AD126681" i="1"/>
  <c r="AD126682" i="1"/>
  <c r="AD126683" i="1"/>
  <c r="AD126684" i="1"/>
  <c r="AD126685" i="1"/>
  <c r="AD126686" i="1"/>
  <c r="AD126687" i="1"/>
  <c r="AD126688" i="1"/>
  <c r="AD126689" i="1"/>
  <c r="AD126690" i="1"/>
  <c r="AD126691" i="1"/>
  <c r="AD126692" i="1"/>
  <c r="AD126693" i="1"/>
  <c r="AD126694" i="1"/>
  <c r="AD126695" i="1"/>
  <c r="AD126696" i="1"/>
  <c r="AD126697" i="1"/>
  <c r="AD126698" i="1"/>
  <c r="AD126699" i="1"/>
  <c r="AD126700" i="1"/>
  <c r="AD126701" i="1"/>
  <c r="AD126702" i="1"/>
  <c r="AD126703" i="1"/>
  <c r="AD126704" i="1"/>
  <c r="AD126705" i="1"/>
  <c r="AD126706" i="1"/>
  <c r="AD126707" i="1"/>
  <c r="AD126708" i="1"/>
  <c r="AD126709" i="1"/>
  <c r="AD126710" i="1"/>
  <c r="AD126711" i="1"/>
  <c r="AD126712" i="1"/>
  <c r="AD126713" i="1"/>
  <c r="AD126714" i="1"/>
  <c r="AD126715" i="1"/>
  <c r="AD126716" i="1"/>
  <c r="AD126717" i="1"/>
  <c r="AD126718" i="1"/>
  <c r="AD126719" i="1"/>
  <c r="AD126720" i="1"/>
  <c r="AD126721" i="1"/>
  <c r="AD126722" i="1"/>
  <c r="AD126723" i="1"/>
  <c r="AD126724" i="1"/>
  <c r="AD126725" i="1"/>
  <c r="AD126726" i="1"/>
  <c r="AD126727" i="1"/>
  <c r="AD126728" i="1"/>
  <c r="AD126729" i="1"/>
  <c r="AD126730" i="1"/>
  <c r="AD126731" i="1"/>
  <c r="AD126732" i="1"/>
  <c r="AD126733" i="1"/>
  <c r="AD126734" i="1"/>
  <c r="AD126735" i="1"/>
  <c r="AD126736" i="1"/>
  <c r="AD126737" i="1"/>
  <c r="AD126738" i="1"/>
  <c r="AD126739" i="1"/>
  <c r="AD126740" i="1"/>
  <c r="AD126741" i="1"/>
  <c r="AD126742" i="1"/>
  <c r="AD126743" i="1"/>
  <c r="AD126744" i="1"/>
  <c r="AD126745" i="1"/>
  <c r="AD126746" i="1"/>
  <c r="AD126747" i="1"/>
  <c r="AD126748" i="1"/>
  <c r="AD126749" i="1"/>
  <c r="AD126750" i="1"/>
  <c r="AD126751" i="1"/>
  <c r="AD126752" i="1"/>
  <c r="AD126753" i="1"/>
  <c r="AD126754" i="1"/>
  <c r="AD126755" i="1"/>
  <c r="AD126756" i="1"/>
  <c r="AD126757" i="1"/>
  <c r="AD126758" i="1"/>
  <c r="AD126759" i="1"/>
  <c r="AD126760" i="1"/>
  <c r="AD126761" i="1"/>
  <c r="AD126762" i="1"/>
  <c r="AD126763" i="1"/>
  <c r="AD126764" i="1"/>
  <c r="AD126765" i="1"/>
  <c r="AD126766" i="1"/>
  <c r="AD126767" i="1"/>
  <c r="AD126768" i="1"/>
  <c r="AD126769" i="1"/>
  <c r="AD126770" i="1"/>
  <c r="AD126771" i="1"/>
  <c r="AD126772" i="1"/>
  <c r="AD126773" i="1"/>
  <c r="AD126774" i="1"/>
  <c r="AD126775" i="1"/>
  <c r="AD126776" i="1"/>
  <c r="AD126777" i="1"/>
  <c r="AD126778" i="1"/>
  <c r="AD126779" i="1"/>
  <c r="AD126780" i="1"/>
  <c r="AD126781" i="1"/>
  <c r="AD126782" i="1"/>
  <c r="AD126783" i="1"/>
  <c r="AD126784" i="1"/>
  <c r="AD126785" i="1"/>
  <c r="AD126786" i="1"/>
  <c r="AD126787" i="1"/>
  <c r="AD126788" i="1"/>
  <c r="AD126789" i="1"/>
  <c r="AD126790" i="1"/>
  <c r="AD126791" i="1"/>
  <c r="AD126792" i="1"/>
  <c r="AD126793" i="1"/>
  <c r="AD126794" i="1"/>
  <c r="AD126795" i="1"/>
  <c r="AD126796" i="1"/>
  <c r="AD126797" i="1"/>
  <c r="AD126798" i="1"/>
  <c r="AD126799" i="1"/>
  <c r="AD126800" i="1"/>
  <c r="AD126801" i="1"/>
  <c r="AD126802" i="1"/>
  <c r="AD126803" i="1"/>
  <c r="AD126804" i="1"/>
  <c r="AD126805" i="1"/>
  <c r="AD126806" i="1"/>
  <c r="AD126807" i="1"/>
  <c r="AD126808" i="1"/>
  <c r="AD126809" i="1"/>
  <c r="AD126810" i="1"/>
  <c r="AD126811" i="1"/>
  <c r="AD126812" i="1"/>
  <c r="AD126813" i="1"/>
  <c r="AD126814" i="1"/>
  <c r="AD126815" i="1"/>
  <c r="AD126816" i="1"/>
  <c r="AD126817" i="1"/>
  <c r="AD126818" i="1"/>
  <c r="AD126819" i="1"/>
  <c r="AD126820" i="1"/>
  <c r="AD126821" i="1"/>
  <c r="AD126822" i="1"/>
  <c r="AD126823" i="1"/>
  <c r="AD126824" i="1"/>
  <c r="AD126825" i="1"/>
  <c r="AD126826" i="1"/>
  <c r="AD126827" i="1"/>
  <c r="AD126828" i="1"/>
  <c r="AD126829" i="1"/>
  <c r="AD126830" i="1"/>
  <c r="AD126831" i="1"/>
  <c r="AD126832" i="1"/>
  <c r="AD126833" i="1"/>
  <c r="AD126834" i="1"/>
  <c r="AD126835" i="1"/>
  <c r="AD126836" i="1"/>
  <c r="AD126837" i="1"/>
  <c r="AD126838" i="1"/>
  <c r="AD126839" i="1"/>
  <c r="AD126840" i="1"/>
  <c r="AD126841" i="1"/>
  <c r="AD126842" i="1"/>
  <c r="AD126843" i="1"/>
  <c r="AD126844" i="1"/>
  <c r="AD126845" i="1"/>
  <c r="AD126846" i="1"/>
  <c r="AD126847" i="1"/>
  <c r="AD126848" i="1"/>
  <c r="AD126849" i="1"/>
  <c r="AD126850" i="1"/>
  <c r="AD126851" i="1"/>
  <c r="AD126852" i="1"/>
  <c r="AD126853" i="1"/>
  <c r="AD126854" i="1"/>
  <c r="AD126855" i="1"/>
  <c r="AD126856" i="1"/>
  <c r="AD126857" i="1"/>
  <c r="AD126858" i="1"/>
  <c r="AD126859" i="1"/>
  <c r="AD126860" i="1"/>
  <c r="AD126861" i="1"/>
  <c r="AD126862" i="1"/>
  <c r="AD126863" i="1"/>
  <c r="AD126864" i="1"/>
  <c r="AD126865" i="1"/>
  <c r="AD126866" i="1"/>
  <c r="AD126867" i="1"/>
  <c r="AD126868" i="1"/>
  <c r="AD126869" i="1"/>
  <c r="AD126870" i="1"/>
  <c r="AD126871" i="1"/>
  <c r="AD126872" i="1"/>
  <c r="AD126873" i="1"/>
  <c r="AD126874" i="1"/>
  <c r="AD126875" i="1"/>
  <c r="AD126876" i="1"/>
  <c r="AD126877" i="1"/>
  <c r="AD126878" i="1"/>
  <c r="AD126879" i="1"/>
  <c r="AD126880" i="1"/>
  <c r="AD126881" i="1"/>
  <c r="AD126882" i="1"/>
  <c r="AD126883" i="1"/>
  <c r="AD126884" i="1"/>
  <c r="AD126885" i="1"/>
  <c r="AD126886" i="1"/>
  <c r="AD126887" i="1"/>
  <c r="AD126888" i="1"/>
  <c r="AD126889" i="1"/>
  <c r="AD126890" i="1"/>
  <c r="AD126891" i="1"/>
  <c r="AD126892" i="1"/>
  <c r="AD126893" i="1"/>
  <c r="AD126894" i="1"/>
  <c r="AD126895" i="1"/>
  <c r="AD126896" i="1"/>
  <c r="AD126897" i="1"/>
  <c r="AD126898" i="1"/>
  <c r="AD126899" i="1"/>
  <c r="AD126900" i="1"/>
  <c r="AD126901" i="1"/>
  <c r="AD126902" i="1"/>
  <c r="AD126903" i="1"/>
  <c r="AD126904" i="1"/>
  <c r="AD126905" i="1"/>
  <c r="AD126906" i="1"/>
  <c r="AD126907" i="1"/>
  <c r="AD126908" i="1"/>
  <c r="AD126909" i="1"/>
  <c r="AD126910" i="1"/>
  <c r="AD126911" i="1"/>
  <c r="AD126912" i="1"/>
  <c r="AD126913" i="1"/>
  <c r="AD126914" i="1"/>
  <c r="AD126915" i="1"/>
  <c r="AD126916" i="1"/>
  <c r="AD126917" i="1"/>
  <c r="AD126918" i="1"/>
  <c r="AD126919" i="1"/>
  <c r="AD126920" i="1"/>
  <c r="AD126921" i="1"/>
  <c r="AD126922" i="1"/>
  <c r="AD126923" i="1"/>
  <c r="AD126924" i="1"/>
  <c r="AD126925" i="1"/>
  <c r="AD126926" i="1"/>
  <c r="AD126927" i="1"/>
  <c r="AD126928" i="1"/>
  <c r="AD126929" i="1"/>
  <c r="AD126930" i="1"/>
  <c r="AD126931" i="1"/>
  <c r="AD126932" i="1"/>
  <c r="AD126933" i="1"/>
  <c r="AD126934" i="1"/>
  <c r="AD126935" i="1"/>
  <c r="AD126936" i="1"/>
  <c r="AD126937" i="1"/>
  <c r="AD126938" i="1"/>
  <c r="AD126939" i="1"/>
  <c r="AD126940" i="1"/>
  <c r="AD126941" i="1"/>
  <c r="AD126942" i="1"/>
  <c r="AD126943" i="1"/>
  <c r="AD126944" i="1"/>
  <c r="AD126945" i="1"/>
  <c r="AD126946" i="1"/>
  <c r="AD126947" i="1"/>
  <c r="AD126948" i="1"/>
  <c r="AD126949" i="1"/>
  <c r="AD126950" i="1"/>
  <c r="AD126951" i="1"/>
  <c r="AD126952" i="1"/>
  <c r="AD126953" i="1"/>
  <c r="AD126954" i="1"/>
  <c r="AD126955" i="1"/>
  <c r="AD126956" i="1"/>
  <c r="AD126957" i="1"/>
  <c r="AD126958" i="1"/>
  <c r="AD126959" i="1"/>
  <c r="AD126960" i="1"/>
  <c r="AD126961" i="1"/>
  <c r="AD126962" i="1"/>
  <c r="AD126963" i="1"/>
  <c r="AD126964" i="1"/>
  <c r="AD126965" i="1"/>
  <c r="AD126966" i="1"/>
  <c r="AD126967" i="1"/>
  <c r="AD126968" i="1"/>
  <c r="AD126969" i="1"/>
  <c r="AD126970" i="1"/>
  <c r="AD126971" i="1"/>
  <c r="AD126972" i="1"/>
  <c r="AD126973" i="1"/>
  <c r="AD126974" i="1"/>
  <c r="AD126975" i="1"/>
  <c r="AD126976" i="1"/>
  <c r="AD126977" i="1"/>
  <c r="AD126978" i="1"/>
  <c r="AD126979" i="1"/>
  <c r="AD126980" i="1"/>
  <c r="AD126981" i="1"/>
  <c r="AD126982" i="1"/>
  <c r="AD126983" i="1"/>
  <c r="AD126984" i="1"/>
  <c r="AD126985" i="1"/>
  <c r="AD126986" i="1"/>
  <c r="AD126987" i="1"/>
  <c r="AD126988" i="1"/>
  <c r="AD126989" i="1"/>
  <c r="AD126990" i="1"/>
  <c r="AD126991" i="1"/>
  <c r="AD126992" i="1"/>
  <c r="AD126993" i="1"/>
  <c r="AD126994" i="1"/>
  <c r="AD126995" i="1"/>
  <c r="AD126996" i="1"/>
  <c r="AD126997" i="1"/>
  <c r="AD126998" i="1"/>
  <c r="AD126999" i="1"/>
  <c r="AD127000" i="1"/>
  <c r="AD127001" i="1"/>
  <c r="AD127002" i="1"/>
  <c r="AD127003" i="1"/>
  <c r="AD127004" i="1"/>
  <c r="AD127005" i="1"/>
  <c r="AD127006" i="1"/>
  <c r="AD127007" i="1"/>
  <c r="AD127008" i="1"/>
  <c r="AD127009" i="1"/>
  <c r="AD127010" i="1"/>
  <c r="AD127011" i="1"/>
  <c r="AD127012" i="1"/>
  <c r="AD127013" i="1"/>
  <c r="AD127014" i="1"/>
  <c r="AD127015" i="1"/>
  <c r="AD127016" i="1"/>
  <c r="AD127017" i="1"/>
  <c r="AD127018" i="1"/>
  <c r="AD127019" i="1"/>
  <c r="AD127020" i="1"/>
  <c r="AD127021" i="1"/>
  <c r="AD127022" i="1"/>
  <c r="AD127023" i="1"/>
  <c r="AD127024" i="1"/>
  <c r="AD127025" i="1"/>
  <c r="AD127026" i="1"/>
  <c r="AD127027" i="1"/>
  <c r="AD127028" i="1"/>
  <c r="AD127029" i="1"/>
  <c r="AD127030" i="1"/>
  <c r="AD127031" i="1"/>
  <c r="AD127032" i="1"/>
  <c r="AD127033" i="1"/>
  <c r="AD127034" i="1"/>
  <c r="AD127035" i="1"/>
  <c r="AD127036" i="1"/>
  <c r="AD127037" i="1"/>
  <c r="AD127038" i="1"/>
  <c r="AD127039" i="1"/>
  <c r="AD127040" i="1"/>
  <c r="AD127041" i="1"/>
  <c r="AD127042" i="1"/>
  <c r="AD127043" i="1"/>
  <c r="AD127044" i="1"/>
  <c r="AD127045" i="1"/>
  <c r="AD127046" i="1"/>
  <c r="AD127047" i="1"/>
  <c r="AD127048" i="1"/>
  <c r="AD127049" i="1"/>
  <c r="AD127050" i="1"/>
  <c r="AD127051" i="1"/>
  <c r="AD127052" i="1"/>
  <c r="AD127053" i="1"/>
  <c r="AD127054" i="1"/>
  <c r="AD127055" i="1"/>
  <c r="AD127056" i="1"/>
  <c r="AD127057" i="1"/>
  <c r="AD127058" i="1"/>
  <c r="AD127059" i="1"/>
  <c r="AD127060" i="1"/>
  <c r="AD127061" i="1"/>
  <c r="AD127062" i="1"/>
  <c r="AD127063" i="1"/>
  <c r="AD127064" i="1"/>
  <c r="AD127065" i="1"/>
  <c r="AD127066" i="1"/>
  <c r="AD127067" i="1"/>
  <c r="AD127068" i="1"/>
  <c r="AD127069" i="1"/>
  <c r="AD127070" i="1"/>
  <c r="AD127071" i="1"/>
  <c r="AD127072" i="1"/>
  <c r="AD127073" i="1"/>
  <c r="AD127074" i="1"/>
  <c r="AD127075" i="1"/>
  <c r="AD127076" i="1"/>
  <c r="AD127077" i="1"/>
  <c r="AD127078" i="1"/>
  <c r="AD127079" i="1"/>
  <c r="AD127080" i="1"/>
  <c r="AD127081" i="1"/>
  <c r="AD127082" i="1"/>
  <c r="AD127083" i="1"/>
  <c r="AD127084" i="1"/>
  <c r="AD127085" i="1"/>
  <c r="AD127086" i="1"/>
  <c r="AD127087" i="1"/>
  <c r="AD127088" i="1"/>
  <c r="AD127089" i="1"/>
  <c r="AD127090" i="1"/>
  <c r="AD127091" i="1"/>
  <c r="AD127092" i="1"/>
  <c r="AD127093" i="1"/>
  <c r="AD127094" i="1"/>
  <c r="AD127095" i="1"/>
  <c r="AD127096" i="1"/>
  <c r="AD127097" i="1"/>
  <c r="AD127098" i="1"/>
  <c r="AD127099" i="1"/>
  <c r="AD127100" i="1"/>
  <c r="AD127101" i="1"/>
  <c r="AD127102" i="1"/>
  <c r="AD127103" i="1"/>
  <c r="AD127104" i="1"/>
  <c r="AD127105" i="1"/>
  <c r="AD127106" i="1"/>
  <c r="AD127107" i="1"/>
  <c r="AD127108" i="1"/>
  <c r="AD127109" i="1"/>
  <c r="AD127110" i="1"/>
  <c r="AD127111" i="1"/>
  <c r="AD127112" i="1"/>
  <c r="AD127113" i="1"/>
  <c r="AD127114" i="1"/>
  <c r="AD127115" i="1"/>
  <c r="AD127116" i="1"/>
  <c r="AD127117" i="1"/>
  <c r="AD127118" i="1"/>
  <c r="AD127119" i="1"/>
  <c r="AD127120" i="1"/>
  <c r="AD127121" i="1"/>
  <c r="AD127122" i="1"/>
  <c r="AD127123" i="1"/>
  <c r="AD127124" i="1"/>
  <c r="AD127125" i="1"/>
  <c r="AD127126" i="1"/>
  <c r="AD127127" i="1"/>
  <c r="AD127128" i="1"/>
  <c r="AD127129" i="1"/>
  <c r="AD127130" i="1"/>
  <c r="AD127131" i="1"/>
  <c r="AD127132" i="1"/>
  <c r="AD127133" i="1"/>
  <c r="AD127134" i="1"/>
  <c r="AD127135" i="1"/>
  <c r="AD127136" i="1"/>
  <c r="AD127137" i="1"/>
  <c r="AD127138" i="1"/>
  <c r="AD127139" i="1"/>
  <c r="AD127140" i="1"/>
  <c r="AD127141" i="1"/>
  <c r="AD127142" i="1"/>
  <c r="AD127143" i="1"/>
  <c r="AD127144" i="1"/>
  <c r="AD127145" i="1"/>
  <c r="AD127146" i="1"/>
  <c r="AD127147" i="1"/>
  <c r="AD127148" i="1"/>
  <c r="AD127149" i="1"/>
  <c r="AD127150" i="1"/>
  <c r="AD127151" i="1"/>
  <c r="AD127152" i="1"/>
  <c r="AD127153" i="1"/>
  <c r="AD127154" i="1"/>
  <c r="AD127155" i="1"/>
  <c r="AD127156" i="1"/>
  <c r="AD127157" i="1"/>
  <c r="AD127158" i="1"/>
  <c r="AD127159" i="1"/>
  <c r="AD127160" i="1"/>
  <c r="AD127161" i="1"/>
  <c r="AD127162" i="1"/>
  <c r="AD127163" i="1"/>
  <c r="AD127164" i="1"/>
  <c r="AD127165" i="1"/>
  <c r="AD127166" i="1"/>
  <c r="AD127167" i="1"/>
  <c r="AD127168" i="1"/>
  <c r="AD127169" i="1"/>
  <c r="AD127170" i="1"/>
  <c r="AD127171" i="1"/>
  <c r="AD127172" i="1"/>
  <c r="AD127173" i="1"/>
  <c r="AD127174" i="1"/>
  <c r="AD127175" i="1"/>
  <c r="AD127176" i="1"/>
  <c r="AD127177" i="1"/>
  <c r="AD127178" i="1"/>
  <c r="AD127179" i="1"/>
  <c r="AD127180" i="1"/>
  <c r="AD127181" i="1"/>
  <c r="AD127182" i="1"/>
  <c r="AD127183" i="1"/>
  <c r="AD127184" i="1"/>
  <c r="AD127185" i="1"/>
  <c r="AD127186" i="1"/>
  <c r="AD127187" i="1"/>
  <c r="AD127188" i="1"/>
  <c r="AD127189" i="1"/>
  <c r="AD127190" i="1"/>
  <c r="AD127191" i="1"/>
  <c r="AD127192" i="1"/>
  <c r="AD127193" i="1"/>
  <c r="AD127194" i="1"/>
  <c r="AD127195" i="1"/>
  <c r="AD127196" i="1"/>
  <c r="AD127197" i="1"/>
  <c r="AD127198" i="1"/>
  <c r="AD127199" i="1"/>
  <c r="AD127200" i="1"/>
  <c r="AD127201" i="1"/>
  <c r="AD127202" i="1"/>
  <c r="AD127203" i="1"/>
  <c r="AD127204" i="1"/>
  <c r="AD127205" i="1"/>
  <c r="AD127206" i="1"/>
  <c r="AD127207" i="1"/>
  <c r="AD127208" i="1"/>
  <c r="AD127209" i="1"/>
  <c r="AD127210" i="1"/>
  <c r="AD127211" i="1"/>
  <c r="AD127212" i="1"/>
  <c r="AD127213" i="1"/>
  <c r="AD127214" i="1"/>
  <c r="AD127215" i="1"/>
  <c r="AD127216" i="1"/>
  <c r="AD127217" i="1"/>
  <c r="AD127218" i="1"/>
  <c r="AD127219" i="1"/>
  <c r="AD127220" i="1"/>
  <c r="AD127221" i="1"/>
  <c r="AD127222" i="1"/>
  <c r="AD127223" i="1"/>
  <c r="AD127224" i="1"/>
  <c r="AD127225" i="1"/>
  <c r="AD127226" i="1"/>
  <c r="AD127227" i="1"/>
  <c r="AD127228" i="1"/>
  <c r="AD127229" i="1"/>
  <c r="AD127230" i="1"/>
  <c r="AD127231" i="1"/>
  <c r="AD127232" i="1"/>
  <c r="AD127233" i="1"/>
  <c r="AD127234" i="1"/>
  <c r="AD127235" i="1"/>
  <c r="AD127236" i="1"/>
  <c r="AD127237" i="1"/>
  <c r="AD127238" i="1"/>
  <c r="AD127239" i="1"/>
  <c r="AD127240" i="1"/>
  <c r="AD127241" i="1"/>
  <c r="AD127242" i="1"/>
  <c r="AD127243" i="1"/>
  <c r="AD127244" i="1"/>
  <c r="AD127245" i="1"/>
  <c r="AD127246" i="1"/>
  <c r="AD127247" i="1"/>
  <c r="AD127248" i="1"/>
  <c r="AD127249" i="1"/>
  <c r="AD127250" i="1"/>
  <c r="AD127251" i="1"/>
  <c r="AD127252" i="1"/>
  <c r="AD127253" i="1"/>
  <c r="AD127254" i="1"/>
  <c r="AD127255" i="1"/>
  <c r="AD127256" i="1"/>
  <c r="AD127257" i="1"/>
  <c r="AD127258" i="1"/>
  <c r="AD127259" i="1"/>
  <c r="AD127260" i="1"/>
  <c r="AD127261" i="1"/>
  <c r="AD127262" i="1"/>
  <c r="AD127263" i="1"/>
  <c r="AD127264" i="1"/>
  <c r="AD127265" i="1"/>
  <c r="AD127266" i="1"/>
  <c r="AD127267" i="1"/>
  <c r="AD127268" i="1"/>
  <c r="AD127269" i="1"/>
  <c r="AD127270" i="1"/>
  <c r="AD127271" i="1"/>
  <c r="AD127272" i="1"/>
  <c r="AD127273" i="1"/>
  <c r="AD127274" i="1"/>
  <c r="AD127275" i="1"/>
  <c r="AD127276" i="1"/>
  <c r="AD127277" i="1"/>
  <c r="AD127278" i="1"/>
  <c r="AD127279" i="1"/>
  <c r="AD127280" i="1"/>
  <c r="AD127281" i="1"/>
  <c r="AD127282" i="1"/>
  <c r="AD127283" i="1"/>
  <c r="AD127284" i="1"/>
  <c r="AD127285" i="1"/>
  <c r="AD127286" i="1"/>
  <c r="AD127287" i="1"/>
  <c r="AD127288" i="1"/>
  <c r="AD127289" i="1"/>
  <c r="AD127290" i="1"/>
  <c r="AD127291" i="1"/>
  <c r="AD127292" i="1"/>
  <c r="AD127293" i="1"/>
  <c r="AD127294" i="1"/>
  <c r="AD127295" i="1"/>
  <c r="AD127296" i="1"/>
  <c r="AD127297" i="1"/>
  <c r="AD127298" i="1"/>
  <c r="AD127299" i="1"/>
  <c r="AD127300" i="1"/>
  <c r="AD127301" i="1"/>
  <c r="AD127302" i="1"/>
  <c r="AD127303" i="1"/>
  <c r="AD127304" i="1"/>
  <c r="AD127305" i="1"/>
  <c r="AD127306" i="1"/>
  <c r="AD127307" i="1"/>
  <c r="AD127308" i="1"/>
  <c r="AD127309" i="1"/>
  <c r="AD127310" i="1"/>
  <c r="AD127311" i="1"/>
  <c r="AD127312" i="1"/>
  <c r="AD127313" i="1"/>
  <c r="AD127314" i="1"/>
  <c r="AD127315" i="1"/>
  <c r="AD127316" i="1"/>
  <c r="AD127317" i="1"/>
  <c r="AD127318" i="1"/>
  <c r="AD127319" i="1"/>
  <c r="AD127320" i="1"/>
  <c r="AD127321" i="1"/>
  <c r="AD127322" i="1"/>
  <c r="AD127323" i="1"/>
  <c r="AD127324" i="1"/>
  <c r="AD127325" i="1"/>
  <c r="AD127326" i="1"/>
  <c r="AD127327" i="1"/>
  <c r="AD127328" i="1"/>
  <c r="AD127329" i="1"/>
  <c r="AD127330" i="1"/>
  <c r="AD127331" i="1"/>
  <c r="AD127332" i="1"/>
  <c r="AD127333" i="1"/>
  <c r="AD127334" i="1"/>
  <c r="AD127335" i="1"/>
  <c r="AD127336" i="1"/>
  <c r="AD127337" i="1"/>
  <c r="AD127338" i="1"/>
  <c r="AD127339" i="1"/>
  <c r="AD127340" i="1"/>
  <c r="AD127341" i="1"/>
  <c r="AD127342" i="1"/>
  <c r="AD127343" i="1"/>
  <c r="AD127344" i="1"/>
  <c r="AD127345" i="1"/>
  <c r="AD127346" i="1"/>
  <c r="AD127347" i="1"/>
  <c r="AD127348" i="1"/>
  <c r="AD127349" i="1"/>
  <c r="AD127350" i="1"/>
  <c r="AD127351" i="1"/>
  <c r="AD127352" i="1"/>
  <c r="AD127353" i="1"/>
  <c r="AD127354" i="1"/>
  <c r="AD127355" i="1"/>
  <c r="AD127356" i="1"/>
  <c r="AD127357" i="1"/>
  <c r="AD127358" i="1"/>
  <c r="AD127359" i="1"/>
  <c r="AD127360" i="1"/>
  <c r="AD127361" i="1"/>
  <c r="AD127362" i="1"/>
  <c r="AD127363" i="1"/>
  <c r="AD127364" i="1"/>
  <c r="AD127365" i="1"/>
  <c r="AD127366" i="1"/>
  <c r="AD127367" i="1"/>
  <c r="AD127368" i="1"/>
  <c r="AD127369" i="1"/>
  <c r="AD127370" i="1"/>
  <c r="AD127371" i="1"/>
  <c r="AD127372" i="1"/>
  <c r="AD127373" i="1"/>
  <c r="AD127374" i="1"/>
  <c r="AD127375" i="1"/>
  <c r="AD127376" i="1"/>
  <c r="AD127377" i="1"/>
  <c r="AD127378" i="1"/>
  <c r="AD127379" i="1"/>
  <c r="AD127380" i="1"/>
  <c r="AD127381" i="1"/>
  <c r="AD127382" i="1"/>
  <c r="AD127383" i="1"/>
  <c r="AD127384" i="1"/>
  <c r="AD127385" i="1"/>
  <c r="AD127386" i="1"/>
  <c r="AD127387" i="1"/>
  <c r="AD127388" i="1"/>
  <c r="AD127389" i="1"/>
  <c r="AD127390" i="1"/>
  <c r="AD127391" i="1"/>
  <c r="AD127392" i="1"/>
  <c r="AD127393" i="1"/>
  <c r="AD127394" i="1"/>
  <c r="AD127395" i="1"/>
  <c r="AD127396" i="1"/>
  <c r="AD127397" i="1"/>
  <c r="AD127398" i="1"/>
  <c r="AD127399" i="1"/>
  <c r="AD127400" i="1"/>
  <c r="AD127401" i="1"/>
  <c r="AD127402" i="1"/>
  <c r="AD127403" i="1"/>
  <c r="AD127404" i="1"/>
  <c r="AD127405" i="1"/>
  <c r="AD127406" i="1"/>
  <c r="AD127407" i="1"/>
  <c r="AD127408" i="1"/>
  <c r="AD127409" i="1"/>
  <c r="AD127410" i="1"/>
  <c r="AD127411" i="1"/>
  <c r="AD127412" i="1"/>
  <c r="AD127413" i="1"/>
  <c r="AD127414" i="1"/>
  <c r="AD127415" i="1"/>
  <c r="AD127416" i="1"/>
  <c r="AD127417" i="1"/>
  <c r="AD127418" i="1"/>
  <c r="AD127419" i="1"/>
  <c r="AD127420" i="1"/>
  <c r="AD127421" i="1"/>
  <c r="AD127422" i="1"/>
  <c r="AD127423" i="1"/>
  <c r="AD127424" i="1"/>
  <c r="AD127425" i="1"/>
  <c r="AD127426" i="1"/>
  <c r="AD127427" i="1"/>
  <c r="AD127428" i="1"/>
  <c r="AD127429" i="1"/>
  <c r="AD127430" i="1"/>
  <c r="AD127431" i="1"/>
  <c r="AD127432" i="1"/>
  <c r="AD127433" i="1"/>
  <c r="AD127434" i="1"/>
  <c r="AD127435" i="1"/>
  <c r="AD127436" i="1"/>
  <c r="AD127437" i="1"/>
  <c r="AD127438" i="1"/>
  <c r="AD127439" i="1"/>
  <c r="AD127440" i="1"/>
  <c r="AD127441" i="1"/>
  <c r="AD127442" i="1"/>
  <c r="AD127443" i="1"/>
  <c r="AD127444" i="1"/>
  <c r="AD127445" i="1"/>
  <c r="AD127446" i="1"/>
  <c r="AD127447" i="1"/>
  <c r="AD127448" i="1"/>
  <c r="AD127449" i="1"/>
  <c r="AD127450" i="1"/>
  <c r="AD127451" i="1"/>
  <c r="AD127452" i="1"/>
  <c r="AD127453" i="1"/>
  <c r="AD127454" i="1"/>
  <c r="AD127455" i="1"/>
  <c r="AD127456" i="1"/>
  <c r="AD127457" i="1"/>
  <c r="AD127458" i="1"/>
  <c r="AD127459" i="1"/>
  <c r="AD127460" i="1"/>
  <c r="AD127461" i="1"/>
  <c r="AD127462" i="1"/>
  <c r="AD127463" i="1"/>
  <c r="AD127464" i="1"/>
  <c r="AD127465" i="1"/>
  <c r="AD127466" i="1"/>
  <c r="AD127467" i="1"/>
  <c r="AD127468" i="1"/>
  <c r="AD127469" i="1"/>
  <c r="AD127470" i="1"/>
  <c r="AD127471" i="1"/>
  <c r="AD127472" i="1"/>
  <c r="AD127473" i="1"/>
  <c r="AD127474" i="1"/>
  <c r="AD127475" i="1"/>
  <c r="AD127476" i="1"/>
  <c r="AD127477" i="1"/>
  <c r="AD127478" i="1"/>
  <c r="AD127479" i="1"/>
  <c r="AD127480" i="1"/>
  <c r="AD127481" i="1"/>
  <c r="AD127482" i="1"/>
  <c r="AD127483" i="1"/>
  <c r="AD127484" i="1"/>
  <c r="AD127485" i="1"/>
  <c r="AD127486" i="1"/>
  <c r="AD127487" i="1"/>
  <c r="AD127488" i="1"/>
  <c r="AD127489" i="1"/>
  <c r="AD127490" i="1"/>
  <c r="AD127491" i="1"/>
  <c r="AD127492" i="1"/>
  <c r="AD127493" i="1"/>
  <c r="AD127494" i="1"/>
  <c r="AD127495" i="1"/>
  <c r="AD127496" i="1"/>
  <c r="AD127497" i="1"/>
  <c r="AD127498" i="1"/>
  <c r="AD127499" i="1"/>
  <c r="AD127500" i="1"/>
  <c r="AD127501" i="1"/>
  <c r="AD127502" i="1"/>
  <c r="AD127503" i="1"/>
  <c r="AD127504" i="1"/>
  <c r="AD127505" i="1"/>
  <c r="AD127506" i="1"/>
  <c r="AD127507" i="1"/>
  <c r="AD127508" i="1"/>
  <c r="AD127509" i="1"/>
  <c r="AD127510" i="1"/>
  <c r="AD127511" i="1"/>
  <c r="AD127512" i="1"/>
  <c r="AD127513" i="1"/>
  <c r="AD127514" i="1"/>
  <c r="AD127515" i="1"/>
  <c r="AD127516" i="1"/>
  <c r="AD127517" i="1"/>
  <c r="AD127518" i="1"/>
  <c r="AD127519" i="1"/>
  <c r="AD127520" i="1"/>
  <c r="AD127521" i="1"/>
  <c r="AD127522" i="1"/>
  <c r="AD127523" i="1"/>
  <c r="AD127524" i="1"/>
  <c r="AD127525" i="1"/>
  <c r="AD127526" i="1"/>
  <c r="AD127527" i="1"/>
  <c r="AD127528" i="1"/>
  <c r="AD127529" i="1"/>
  <c r="AD127530" i="1"/>
  <c r="AD127531" i="1"/>
  <c r="AD127532" i="1"/>
  <c r="AD127533" i="1"/>
  <c r="AD127534" i="1"/>
  <c r="AD127535" i="1"/>
  <c r="AD127536" i="1"/>
  <c r="AD127537" i="1"/>
  <c r="AD127538" i="1"/>
  <c r="AD127539" i="1"/>
  <c r="AD127540" i="1"/>
  <c r="AD127541" i="1"/>
  <c r="AD127542" i="1"/>
  <c r="AD127543" i="1"/>
  <c r="AD127544" i="1"/>
  <c r="AD127545" i="1"/>
  <c r="AD127546" i="1"/>
  <c r="AD127547" i="1"/>
  <c r="AD127548" i="1"/>
  <c r="AD127549" i="1"/>
  <c r="AD127550" i="1"/>
  <c r="AD127551" i="1"/>
  <c r="AD127552" i="1"/>
  <c r="AD127553" i="1"/>
  <c r="AD127554" i="1"/>
  <c r="AD127555" i="1"/>
  <c r="AD127556" i="1"/>
  <c r="AD127557" i="1"/>
  <c r="AD127558" i="1"/>
  <c r="AD127559" i="1"/>
  <c r="AD127560" i="1"/>
  <c r="AD127561" i="1"/>
  <c r="AD127562" i="1"/>
  <c r="AD127563" i="1"/>
  <c r="AD127564" i="1"/>
  <c r="AD127565" i="1"/>
  <c r="AD127566" i="1"/>
  <c r="AD127567" i="1"/>
  <c r="AD127568" i="1"/>
  <c r="AD127569" i="1"/>
  <c r="AD127570" i="1"/>
  <c r="AD127571" i="1"/>
  <c r="AD127572" i="1"/>
  <c r="AD127573" i="1"/>
  <c r="AD127574" i="1"/>
  <c r="AD127575" i="1"/>
  <c r="AD127576" i="1"/>
  <c r="AD127577" i="1"/>
  <c r="AD127578" i="1"/>
  <c r="AD127579" i="1"/>
  <c r="AD127580" i="1"/>
  <c r="AD127581" i="1"/>
  <c r="AD127582" i="1"/>
  <c r="AD127583" i="1"/>
  <c r="AD127584" i="1"/>
  <c r="AD127585" i="1"/>
  <c r="AD127586" i="1"/>
  <c r="AD127587" i="1"/>
  <c r="AD127588" i="1"/>
  <c r="AD127589" i="1"/>
  <c r="AD127590" i="1"/>
  <c r="AD127591" i="1"/>
  <c r="AD127592" i="1"/>
  <c r="AD127593" i="1"/>
  <c r="AD127594" i="1"/>
  <c r="AD127595" i="1"/>
  <c r="AD127596" i="1"/>
  <c r="AD127597" i="1"/>
  <c r="AD127598" i="1"/>
  <c r="AD127599" i="1"/>
  <c r="AD127600" i="1"/>
  <c r="AD127601" i="1"/>
  <c r="AD127602" i="1"/>
  <c r="AD127603" i="1"/>
  <c r="AD127604" i="1"/>
  <c r="AD127605" i="1"/>
  <c r="AD127606" i="1"/>
  <c r="AD127607" i="1"/>
  <c r="AD127608" i="1"/>
  <c r="AD127609" i="1"/>
  <c r="AD127610" i="1"/>
  <c r="AD127611" i="1"/>
  <c r="AD127612" i="1"/>
  <c r="AD127613" i="1"/>
  <c r="AD127614" i="1"/>
  <c r="AD127615" i="1"/>
  <c r="AD127616" i="1"/>
  <c r="AD127617" i="1"/>
  <c r="AD127618" i="1"/>
  <c r="AD127619" i="1"/>
  <c r="AD127620" i="1"/>
  <c r="AD127621" i="1"/>
  <c r="AD127622" i="1"/>
  <c r="AD127623" i="1"/>
  <c r="AD127624" i="1"/>
  <c r="AD127625" i="1"/>
  <c r="AD127626" i="1"/>
  <c r="AD127627" i="1"/>
  <c r="AD127628" i="1"/>
  <c r="AD127629" i="1"/>
  <c r="AD127630" i="1"/>
  <c r="AD127631" i="1"/>
  <c r="AD127632" i="1"/>
  <c r="AD127633" i="1"/>
  <c r="AD127634" i="1"/>
  <c r="AD127635" i="1"/>
  <c r="AD127636" i="1"/>
  <c r="AD127637" i="1"/>
  <c r="AD127638" i="1"/>
  <c r="AD127639" i="1"/>
  <c r="AD127640" i="1"/>
  <c r="AD127641" i="1"/>
  <c r="AD127642" i="1"/>
  <c r="AD127643" i="1"/>
  <c r="AD127644" i="1"/>
  <c r="AD127645" i="1"/>
  <c r="AD127646" i="1"/>
  <c r="AD127647" i="1"/>
  <c r="AD127648" i="1"/>
  <c r="AD127649" i="1"/>
  <c r="AD127650" i="1"/>
  <c r="AD127651" i="1"/>
  <c r="AD127652" i="1"/>
  <c r="AD127653" i="1"/>
  <c r="AD127654" i="1"/>
  <c r="AD127655" i="1"/>
  <c r="AD127656" i="1"/>
  <c r="AD127657" i="1"/>
  <c r="AD127658" i="1"/>
  <c r="AD127659" i="1"/>
  <c r="AD127660" i="1"/>
  <c r="AD127661" i="1"/>
  <c r="AD127662" i="1"/>
  <c r="AD127663" i="1"/>
  <c r="AD127664" i="1"/>
  <c r="AD127665" i="1"/>
  <c r="AD127666" i="1"/>
  <c r="AD127667" i="1"/>
  <c r="AD127668" i="1"/>
  <c r="AD127669" i="1"/>
  <c r="AD127670" i="1"/>
  <c r="AD127671" i="1"/>
  <c r="AD127672" i="1"/>
  <c r="AD127673" i="1"/>
  <c r="AD127674" i="1"/>
  <c r="AD127675" i="1"/>
  <c r="AD127676" i="1"/>
  <c r="AD127677" i="1"/>
  <c r="AD127678" i="1"/>
  <c r="AD127679" i="1"/>
  <c r="AD127680" i="1"/>
  <c r="AD127681" i="1"/>
  <c r="AD127682" i="1"/>
  <c r="AD127683" i="1"/>
  <c r="AD127684" i="1"/>
  <c r="AD127685" i="1"/>
  <c r="AD127686" i="1"/>
  <c r="AD127687" i="1"/>
  <c r="AD127688" i="1"/>
  <c r="AD127689" i="1"/>
  <c r="AD127690" i="1"/>
  <c r="AD127691" i="1"/>
  <c r="AD127692" i="1"/>
  <c r="AD127693" i="1"/>
  <c r="AD127694" i="1"/>
  <c r="AD127695" i="1"/>
  <c r="AD127696" i="1"/>
  <c r="AD127697" i="1"/>
  <c r="AD127698" i="1"/>
  <c r="AD127699" i="1"/>
  <c r="AD127700" i="1"/>
  <c r="AD127701" i="1"/>
  <c r="AD127702" i="1"/>
  <c r="AD127703" i="1"/>
  <c r="AD127704" i="1"/>
  <c r="AD127705" i="1"/>
  <c r="AD127706" i="1"/>
  <c r="AD127707" i="1"/>
  <c r="AD127708" i="1"/>
  <c r="AD127709" i="1"/>
  <c r="AD127710" i="1"/>
  <c r="AD127711" i="1"/>
  <c r="AD127712" i="1"/>
  <c r="AD127713" i="1"/>
  <c r="AD127714" i="1"/>
  <c r="AD127715" i="1"/>
  <c r="AD127716" i="1"/>
  <c r="AD127717" i="1"/>
  <c r="AD127718" i="1"/>
  <c r="AD127719" i="1"/>
  <c r="AD127720" i="1"/>
  <c r="AD127721" i="1"/>
  <c r="AD127722" i="1"/>
  <c r="AD127723" i="1"/>
  <c r="AD127724" i="1"/>
  <c r="AD127725" i="1"/>
  <c r="AD127726" i="1"/>
  <c r="AD127727" i="1"/>
  <c r="AD127728" i="1"/>
  <c r="AD127729" i="1"/>
  <c r="AD127730" i="1"/>
  <c r="AD127731" i="1"/>
  <c r="AD127732" i="1"/>
  <c r="AD127733" i="1"/>
  <c r="AD127734" i="1"/>
  <c r="AD127735" i="1"/>
  <c r="AD127736" i="1"/>
  <c r="AD127737" i="1"/>
  <c r="AD127738" i="1"/>
  <c r="AD127739" i="1"/>
  <c r="AD127740" i="1"/>
  <c r="AD127741" i="1"/>
  <c r="AD127742" i="1"/>
  <c r="AD127743" i="1"/>
  <c r="AD127744" i="1"/>
  <c r="AD127745" i="1"/>
  <c r="AD127746" i="1"/>
  <c r="AD127747" i="1"/>
  <c r="AD127748" i="1"/>
  <c r="AD127749" i="1"/>
  <c r="AD127750" i="1"/>
  <c r="AD127751" i="1"/>
  <c r="AD127752" i="1"/>
  <c r="AD127753" i="1"/>
  <c r="AD127754" i="1"/>
  <c r="AD127755" i="1"/>
  <c r="AD127756" i="1"/>
  <c r="AD127757" i="1"/>
  <c r="AD127758" i="1"/>
  <c r="AD127759" i="1"/>
  <c r="AD127760" i="1"/>
  <c r="AD127761" i="1"/>
  <c r="AD127762" i="1"/>
  <c r="AD127763" i="1"/>
  <c r="AD127764" i="1"/>
  <c r="AD127765" i="1"/>
  <c r="AD127766" i="1"/>
  <c r="AD127767" i="1"/>
  <c r="AD127768" i="1"/>
  <c r="AD127769" i="1"/>
  <c r="AD127770" i="1"/>
  <c r="AD127771" i="1"/>
  <c r="AD127772" i="1"/>
  <c r="AD127773" i="1"/>
  <c r="AD127774" i="1"/>
  <c r="AD127775" i="1"/>
  <c r="AD127776" i="1"/>
  <c r="AD127777" i="1"/>
  <c r="AD127778" i="1"/>
  <c r="AD127779" i="1"/>
  <c r="AD127780" i="1"/>
  <c r="AD127781" i="1"/>
  <c r="AD127782" i="1"/>
  <c r="AD127783" i="1"/>
  <c r="AD127784" i="1"/>
  <c r="AD127785" i="1"/>
  <c r="AD127786" i="1"/>
  <c r="AD127787" i="1"/>
  <c r="AD127788" i="1"/>
  <c r="AD127789" i="1"/>
  <c r="AD127790" i="1"/>
  <c r="AD127791" i="1"/>
  <c r="AD127792" i="1"/>
  <c r="AD127793" i="1"/>
  <c r="AD127794" i="1"/>
  <c r="AD127795" i="1"/>
  <c r="AD127796" i="1"/>
  <c r="AD127797" i="1"/>
  <c r="AD127798" i="1"/>
  <c r="AD127799" i="1"/>
  <c r="AD127800" i="1"/>
  <c r="AD127801" i="1"/>
  <c r="AD127802" i="1"/>
  <c r="AD127803" i="1"/>
  <c r="AD127804" i="1"/>
  <c r="AD127805" i="1"/>
  <c r="AD127806" i="1"/>
  <c r="AD127807" i="1"/>
  <c r="AD127808" i="1"/>
  <c r="AD127809" i="1"/>
  <c r="AD127810" i="1"/>
  <c r="AD127811" i="1"/>
  <c r="AD127812" i="1"/>
  <c r="AD127813" i="1"/>
  <c r="AD127814" i="1"/>
  <c r="AD127815" i="1"/>
  <c r="AD127816" i="1"/>
  <c r="AD127817" i="1"/>
  <c r="AD127818" i="1"/>
  <c r="AD127819" i="1"/>
  <c r="AD127820" i="1"/>
  <c r="AD127821" i="1"/>
  <c r="AD127822" i="1"/>
  <c r="AD127823" i="1"/>
  <c r="AD127824" i="1"/>
  <c r="AD127825" i="1"/>
  <c r="AD127826" i="1"/>
  <c r="AD127827" i="1"/>
  <c r="AD127828" i="1"/>
  <c r="AD127829" i="1"/>
  <c r="AD127830" i="1"/>
  <c r="AD127831" i="1"/>
  <c r="AD127832" i="1"/>
  <c r="AD127833" i="1"/>
  <c r="AD127834" i="1"/>
  <c r="AD127835" i="1"/>
  <c r="AD127836" i="1"/>
  <c r="AD127837" i="1"/>
  <c r="AD127838" i="1"/>
  <c r="AD127839" i="1"/>
  <c r="AD127840" i="1"/>
  <c r="AD127841" i="1"/>
  <c r="AD127842" i="1"/>
  <c r="AD127843" i="1"/>
  <c r="AD127844" i="1"/>
  <c r="AD127845" i="1"/>
  <c r="AD127846" i="1"/>
  <c r="AD127847" i="1"/>
  <c r="AD127848" i="1"/>
  <c r="AD127849" i="1"/>
  <c r="AD127850" i="1"/>
  <c r="AD127851" i="1"/>
  <c r="AD127852" i="1"/>
  <c r="AD127853" i="1"/>
  <c r="AD127854" i="1"/>
  <c r="AD127855" i="1"/>
  <c r="AD127856" i="1"/>
  <c r="AD127857" i="1"/>
  <c r="AD127858" i="1"/>
  <c r="AD127859" i="1"/>
  <c r="AD127860" i="1"/>
  <c r="AD127861" i="1"/>
  <c r="AD127862" i="1"/>
  <c r="AD127863" i="1"/>
  <c r="AD127864" i="1"/>
  <c r="AD127865" i="1"/>
  <c r="AD127866" i="1"/>
  <c r="AD127867" i="1"/>
  <c r="AD127868" i="1"/>
  <c r="AD127869" i="1"/>
  <c r="AD127870" i="1"/>
  <c r="AD127871" i="1"/>
  <c r="AD127872" i="1"/>
  <c r="AD127873" i="1"/>
  <c r="AD127874" i="1"/>
  <c r="AD127875" i="1"/>
  <c r="AD127876" i="1"/>
  <c r="AD127877" i="1"/>
  <c r="AD127878" i="1"/>
  <c r="AD127879" i="1"/>
  <c r="AD127880" i="1"/>
  <c r="AD127881" i="1"/>
  <c r="AD127882" i="1"/>
  <c r="AD127883" i="1"/>
  <c r="AD127884" i="1"/>
  <c r="AD127885" i="1"/>
  <c r="AD127886" i="1"/>
  <c r="AD127887" i="1"/>
  <c r="AD127888" i="1"/>
  <c r="AD127889" i="1"/>
  <c r="AD127890" i="1"/>
  <c r="AD127891" i="1"/>
  <c r="AD127892" i="1"/>
  <c r="AD127893" i="1"/>
  <c r="AD127894" i="1"/>
  <c r="AD127895" i="1"/>
  <c r="AD127896" i="1"/>
  <c r="AD127897" i="1"/>
  <c r="AD127898" i="1"/>
  <c r="AD127899" i="1"/>
  <c r="AD127900" i="1"/>
  <c r="AD127901" i="1"/>
  <c r="AD127902" i="1"/>
  <c r="AD127903" i="1"/>
  <c r="AD127904" i="1"/>
  <c r="AD127905" i="1"/>
  <c r="AD127906" i="1"/>
  <c r="AD127907" i="1"/>
  <c r="AD127908" i="1"/>
  <c r="AD127909" i="1"/>
  <c r="AD127910" i="1"/>
  <c r="AD127911" i="1"/>
  <c r="AD127912" i="1"/>
  <c r="AD127913" i="1"/>
  <c r="AD127914" i="1"/>
  <c r="AD127915" i="1"/>
  <c r="AD127916" i="1"/>
  <c r="AD127917" i="1"/>
  <c r="AD127918" i="1"/>
  <c r="AD127919" i="1"/>
  <c r="AD127920" i="1"/>
  <c r="AD127921" i="1"/>
  <c r="AD127922" i="1"/>
  <c r="AD127923" i="1"/>
  <c r="AD127924" i="1"/>
  <c r="AD127925" i="1"/>
  <c r="AD127926" i="1"/>
  <c r="AD127927" i="1"/>
  <c r="AD127928" i="1"/>
  <c r="AD127929" i="1"/>
  <c r="AD127930" i="1"/>
  <c r="AD127931" i="1"/>
  <c r="AD127932" i="1"/>
  <c r="AD127933" i="1"/>
  <c r="AD127934" i="1"/>
  <c r="AD127935" i="1"/>
  <c r="AD127936" i="1"/>
  <c r="AD127937" i="1"/>
  <c r="AD127938" i="1"/>
  <c r="AD127939" i="1"/>
  <c r="AD127940" i="1"/>
  <c r="AD127941" i="1"/>
  <c r="AD127942" i="1"/>
  <c r="AD127943" i="1"/>
  <c r="AD127944" i="1"/>
  <c r="AD127945" i="1"/>
  <c r="AD127946" i="1"/>
  <c r="AD127947" i="1"/>
  <c r="AD127948" i="1"/>
  <c r="AD127949" i="1"/>
  <c r="AD127950" i="1"/>
  <c r="AD127951" i="1"/>
  <c r="AD127952" i="1"/>
  <c r="AD127953" i="1"/>
  <c r="AD127954" i="1"/>
  <c r="AD127955" i="1"/>
  <c r="AD127956" i="1"/>
  <c r="AD127957" i="1"/>
  <c r="AD127958" i="1"/>
  <c r="AD127959" i="1"/>
  <c r="AD127960" i="1"/>
  <c r="AD127961" i="1"/>
  <c r="AD127962" i="1"/>
  <c r="AD127963" i="1"/>
  <c r="AD127964" i="1"/>
  <c r="AD127965" i="1"/>
  <c r="AD127966" i="1"/>
  <c r="AD127967" i="1"/>
  <c r="AD127968" i="1"/>
  <c r="AD127969" i="1"/>
  <c r="AD127970" i="1"/>
  <c r="AD127971" i="1"/>
  <c r="AD127972" i="1"/>
  <c r="AD127973" i="1"/>
  <c r="AD127974" i="1"/>
  <c r="AD127975" i="1"/>
  <c r="AD127976" i="1"/>
  <c r="AD127977" i="1"/>
  <c r="AD127978" i="1"/>
  <c r="AD127979" i="1"/>
  <c r="AD127980" i="1"/>
  <c r="AD127981" i="1"/>
  <c r="AD127982" i="1"/>
  <c r="AD127983" i="1"/>
  <c r="AD127984" i="1"/>
  <c r="AD127985" i="1"/>
  <c r="AD127986" i="1"/>
  <c r="AD127987" i="1"/>
  <c r="AD127988" i="1"/>
  <c r="AD127989" i="1"/>
  <c r="AD127990" i="1"/>
  <c r="AD127991" i="1"/>
  <c r="AD127992" i="1"/>
  <c r="AD127993" i="1"/>
  <c r="AD127994" i="1"/>
  <c r="AD127995" i="1"/>
  <c r="AD127996" i="1"/>
  <c r="AD127997" i="1"/>
  <c r="AD127998" i="1"/>
  <c r="AD127999" i="1"/>
  <c r="AD128000" i="1"/>
  <c r="AD128001" i="1"/>
  <c r="AD128002" i="1"/>
  <c r="AD128003" i="1"/>
  <c r="AD128004" i="1"/>
  <c r="AD128005" i="1"/>
  <c r="AD128006" i="1"/>
  <c r="AD128007" i="1"/>
  <c r="AD128008" i="1"/>
  <c r="AD128009" i="1"/>
  <c r="AD128010" i="1"/>
  <c r="AD128011" i="1"/>
  <c r="AD128012" i="1"/>
  <c r="AD128013" i="1"/>
  <c r="AD128014" i="1"/>
  <c r="AD128015" i="1"/>
  <c r="AD128016" i="1"/>
  <c r="AD128017" i="1"/>
  <c r="AD128018" i="1"/>
  <c r="AD128019" i="1"/>
  <c r="AD128020" i="1"/>
  <c r="AD128021" i="1"/>
  <c r="AD128022" i="1"/>
  <c r="AD128023" i="1"/>
  <c r="AD128024" i="1"/>
  <c r="AD128025" i="1"/>
  <c r="AD128026" i="1"/>
  <c r="AD128027" i="1"/>
  <c r="AD128028" i="1"/>
  <c r="AD128029" i="1"/>
  <c r="AD128030" i="1"/>
  <c r="AD128031" i="1"/>
  <c r="AD128032" i="1"/>
  <c r="AD128033" i="1"/>
  <c r="AD128034" i="1"/>
  <c r="AD128035" i="1"/>
  <c r="AD128036" i="1"/>
  <c r="AD128037" i="1"/>
  <c r="AD128038" i="1"/>
  <c r="AD128039" i="1"/>
  <c r="AD128040" i="1"/>
  <c r="AD128041" i="1"/>
  <c r="AD128042" i="1"/>
  <c r="AD128043" i="1"/>
  <c r="AD128044" i="1"/>
  <c r="AD128045" i="1"/>
  <c r="AD128046" i="1"/>
  <c r="AD128047" i="1"/>
  <c r="AD128048" i="1"/>
  <c r="AD128049" i="1"/>
  <c r="AD128050" i="1"/>
  <c r="AD128051" i="1"/>
  <c r="AD128052" i="1"/>
  <c r="AD128053" i="1"/>
  <c r="AD128054" i="1"/>
  <c r="AD128055" i="1"/>
  <c r="AD128056" i="1"/>
  <c r="AD128057" i="1"/>
  <c r="AD128058" i="1"/>
  <c r="AD128059" i="1"/>
  <c r="AD128060" i="1"/>
  <c r="AD128061" i="1"/>
  <c r="AD128062" i="1"/>
  <c r="AD128063" i="1"/>
  <c r="AD128064" i="1"/>
  <c r="AD128065" i="1"/>
  <c r="AD128066" i="1"/>
  <c r="AD128067" i="1"/>
  <c r="AD128068" i="1"/>
  <c r="AD128069" i="1"/>
  <c r="AD128070" i="1"/>
  <c r="AD128071" i="1"/>
  <c r="AD128072" i="1"/>
  <c r="AD128073" i="1"/>
  <c r="AD128074" i="1"/>
  <c r="AD128075" i="1"/>
  <c r="AD128076" i="1"/>
  <c r="AD128077" i="1"/>
  <c r="AD128078" i="1"/>
  <c r="AD128079" i="1"/>
  <c r="AD128080" i="1"/>
  <c r="AD128081" i="1"/>
  <c r="AD128082" i="1"/>
  <c r="AD128083" i="1"/>
  <c r="AD128084" i="1"/>
  <c r="AD128085" i="1"/>
  <c r="AD128086" i="1"/>
  <c r="AD128087" i="1"/>
  <c r="AD128088" i="1"/>
  <c r="AD128089" i="1"/>
  <c r="AD128090" i="1"/>
  <c r="AD128091" i="1"/>
  <c r="AD128092" i="1"/>
  <c r="AD128093" i="1"/>
  <c r="AD128094" i="1"/>
  <c r="AD128095" i="1"/>
  <c r="AD128096" i="1"/>
  <c r="AD128097" i="1"/>
  <c r="AD128098" i="1"/>
  <c r="AD128099" i="1"/>
  <c r="AD128100" i="1"/>
  <c r="AD128101" i="1"/>
  <c r="AD128102" i="1"/>
  <c r="AD128103" i="1"/>
  <c r="AD128104" i="1"/>
  <c r="AD128105" i="1"/>
  <c r="AD128106" i="1"/>
  <c r="AD128107" i="1"/>
  <c r="AD128108" i="1"/>
  <c r="AD128109" i="1"/>
  <c r="AD128110" i="1"/>
  <c r="AD128111" i="1"/>
  <c r="AD128112" i="1"/>
  <c r="AD128113" i="1"/>
  <c r="AD128114" i="1"/>
  <c r="AD128115" i="1"/>
  <c r="AD128116" i="1"/>
  <c r="AD128117" i="1"/>
  <c r="AD128118" i="1"/>
  <c r="AD128119" i="1"/>
  <c r="AD128120" i="1"/>
  <c r="AD128121" i="1"/>
  <c r="AD128122" i="1"/>
  <c r="AD128123" i="1"/>
  <c r="AD128124" i="1"/>
  <c r="AD128125" i="1"/>
  <c r="AD128126" i="1"/>
  <c r="AD128127" i="1"/>
  <c r="AD128128" i="1"/>
  <c r="AD128129" i="1"/>
  <c r="AD128130" i="1"/>
  <c r="AD128131" i="1"/>
  <c r="AD128132" i="1"/>
  <c r="AD128133" i="1"/>
  <c r="AD128134" i="1"/>
  <c r="AD128135" i="1"/>
  <c r="AD128136" i="1"/>
  <c r="AD128137" i="1"/>
  <c r="AD128138" i="1"/>
  <c r="AD128139" i="1"/>
  <c r="AD128140" i="1"/>
  <c r="AD128141" i="1"/>
  <c r="AD128142" i="1"/>
  <c r="AD128143" i="1"/>
  <c r="AD128144" i="1"/>
  <c r="AD128145" i="1"/>
  <c r="AD128146" i="1"/>
  <c r="AD128147" i="1"/>
  <c r="AD128148" i="1"/>
  <c r="AD128149" i="1"/>
  <c r="AD128150" i="1"/>
  <c r="AD128151" i="1"/>
  <c r="AD128152" i="1"/>
  <c r="AD128153" i="1"/>
  <c r="AD128154" i="1"/>
  <c r="AD128155" i="1"/>
  <c r="AD128156" i="1"/>
  <c r="AD128157" i="1"/>
  <c r="AD128158" i="1"/>
  <c r="AD128159" i="1"/>
  <c r="AD128160" i="1"/>
  <c r="AD128161" i="1"/>
  <c r="AD128162" i="1"/>
  <c r="AD128163" i="1"/>
  <c r="AD128164" i="1"/>
  <c r="AD128165" i="1"/>
  <c r="AD128166" i="1"/>
  <c r="AD128167" i="1"/>
  <c r="AD128168" i="1"/>
  <c r="AD128169" i="1"/>
  <c r="AD128170" i="1"/>
  <c r="AD128171" i="1"/>
  <c r="AD128172" i="1"/>
  <c r="AD128173" i="1"/>
  <c r="AD128174" i="1"/>
  <c r="AD128175" i="1"/>
  <c r="AD128176" i="1"/>
  <c r="AD128177" i="1"/>
  <c r="AD128178" i="1"/>
  <c r="AD128179" i="1"/>
  <c r="AD128180" i="1"/>
  <c r="AD128181" i="1"/>
  <c r="AD128182" i="1"/>
  <c r="AD128183" i="1"/>
  <c r="AD128184" i="1"/>
  <c r="AD128185" i="1"/>
  <c r="AD128186" i="1"/>
  <c r="AD128187" i="1"/>
  <c r="AD128188" i="1"/>
  <c r="AD128189" i="1"/>
  <c r="AD128190" i="1"/>
  <c r="AD128191" i="1"/>
  <c r="AD128192" i="1"/>
  <c r="AD128193" i="1"/>
  <c r="AD128194" i="1"/>
  <c r="AD128195" i="1"/>
  <c r="AD128196" i="1"/>
  <c r="AD128197" i="1"/>
  <c r="AD128198" i="1"/>
  <c r="AD128199" i="1"/>
  <c r="AD128200" i="1"/>
  <c r="AD128201" i="1"/>
  <c r="AD128202" i="1"/>
  <c r="AD128203" i="1"/>
  <c r="AD128204" i="1"/>
  <c r="AD128205" i="1"/>
  <c r="AD128206" i="1"/>
  <c r="AD128207" i="1"/>
  <c r="AD128208" i="1"/>
  <c r="AD128209" i="1"/>
  <c r="AD128210" i="1"/>
  <c r="AD128211" i="1"/>
  <c r="AD128212" i="1"/>
  <c r="AD128213" i="1"/>
  <c r="AD128214" i="1"/>
  <c r="AD128215" i="1"/>
  <c r="AD128216" i="1"/>
  <c r="AD128217" i="1"/>
  <c r="AD128218" i="1"/>
  <c r="AD128219" i="1"/>
  <c r="AD128220" i="1"/>
  <c r="AD128221" i="1"/>
  <c r="AD128222" i="1"/>
  <c r="AD128223" i="1"/>
  <c r="AD128224" i="1"/>
  <c r="AD128225" i="1"/>
  <c r="AD128226" i="1"/>
  <c r="AD128227" i="1"/>
  <c r="AD128228" i="1"/>
  <c r="AD128229" i="1"/>
  <c r="AD128230" i="1"/>
  <c r="AD128231" i="1"/>
  <c r="AD128232" i="1"/>
  <c r="AD128233" i="1"/>
  <c r="AD128234" i="1"/>
  <c r="AD128235" i="1"/>
  <c r="AD128236" i="1"/>
  <c r="AD128237" i="1"/>
  <c r="AD128238" i="1"/>
  <c r="AD128239" i="1"/>
  <c r="AD128240" i="1"/>
  <c r="AD128241" i="1"/>
  <c r="AD128242" i="1"/>
  <c r="AD128243" i="1"/>
  <c r="AD128244" i="1"/>
  <c r="AD128245" i="1"/>
  <c r="AD128246" i="1"/>
  <c r="AD128247" i="1"/>
  <c r="AD128248" i="1"/>
  <c r="AD128249" i="1"/>
  <c r="AD128250" i="1"/>
  <c r="AD128251" i="1"/>
  <c r="AD128252" i="1"/>
  <c r="AD128253" i="1"/>
  <c r="AD128254" i="1"/>
  <c r="AD128255" i="1"/>
  <c r="AD128256" i="1"/>
  <c r="AD128257" i="1"/>
  <c r="AD128258" i="1"/>
  <c r="AD128259" i="1"/>
  <c r="AD128260" i="1"/>
  <c r="AD128261" i="1"/>
  <c r="AD128262" i="1"/>
  <c r="AD128263" i="1"/>
  <c r="AD128264" i="1"/>
  <c r="AD128265" i="1"/>
  <c r="AD128266" i="1"/>
  <c r="AD128267" i="1"/>
  <c r="AD128268" i="1"/>
  <c r="AD128269" i="1"/>
  <c r="AD128270" i="1"/>
  <c r="AD128271" i="1"/>
  <c r="AD128272" i="1"/>
  <c r="AD128273" i="1"/>
  <c r="AD128274" i="1"/>
  <c r="AD128275" i="1"/>
  <c r="AD128276" i="1"/>
  <c r="AD128277" i="1"/>
  <c r="AD128278" i="1"/>
  <c r="AD128279" i="1"/>
  <c r="AD128280" i="1"/>
  <c r="AD128281" i="1"/>
  <c r="AD128282" i="1"/>
  <c r="AD128283" i="1"/>
  <c r="AD128284" i="1"/>
  <c r="AD128285" i="1"/>
  <c r="AD128286" i="1"/>
  <c r="AD128287" i="1"/>
  <c r="AD128288" i="1"/>
  <c r="AD128289" i="1"/>
  <c r="AD128290" i="1"/>
  <c r="AD128291" i="1"/>
  <c r="AD128292" i="1"/>
  <c r="AD128293" i="1"/>
  <c r="AD128294" i="1"/>
  <c r="AD128295" i="1"/>
  <c r="AD128296" i="1"/>
  <c r="AD128297" i="1"/>
  <c r="AD128298" i="1"/>
  <c r="AD128299" i="1"/>
  <c r="AD128300" i="1"/>
  <c r="AD128301" i="1"/>
  <c r="AD128302" i="1"/>
  <c r="AD128303" i="1"/>
  <c r="AD128304" i="1"/>
  <c r="AD128305" i="1"/>
  <c r="AD128306" i="1"/>
  <c r="AD128307" i="1"/>
  <c r="AD128308" i="1"/>
  <c r="AD128309" i="1"/>
  <c r="AD128310" i="1"/>
  <c r="AD128311" i="1"/>
  <c r="AD128312" i="1"/>
  <c r="AD128313" i="1"/>
  <c r="AD128314" i="1"/>
  <c r="AD128315" i="1"/>
  <c r="AD128316" i="1"/>
  <c r="AD128317" i="1"/>
  <c r="AD128318" i="1"/>
  <c r="AD128319" i="1"/>
  <c r="AD128320" i="1"/>
  <c r="AD128321" i="1"/>
  <c r="AD128322" i="1"/>
  <c r="AD128323" i="1"/>
  <c r="AD128324" i="1"/>
  <c r="AD128325" i="1"/>
  <c r="AD128326" i="1"/>
  <c r="AD128327" i="1"/>
  <c r="AD128328" i="1"/>
  <c r="AD128329" i="1"/>
  <c r="AD128330" i="1"/>
  <c r="AD128331" i="1"/>
  <c r="AD128332" i="1"/>
  <c r="AD128333" i="1"/>
  <c r="AD128334" i="1"/>
  <c r="AD128335" i="1"/>
  <c r="AD128336" i="1"/>
  <c r="AD128337" i="1"/>
  <c r="AD128338" i="1"/>
  <c r="AD128339" i="1"/>
  <c r="AD128340" i="1"/>
  <c r="AD128341" i="1"/>
  <c r="AD128342" i="1"/>
  <c r="AD128343" i="1"/>
  <c r="AD128344" i="1"/>
  <c r="AD128345" i="1"/>
  <c r="AD128346" i="1"/>
  <c r="AD128347" i="1"/>
  <c r="AD128348" i="1"/>
  <c r="AD128349" i="1"/>
  <c r="AD128350" i="1"/>
  <c r="AD128351" i="1"/>
  <c r="AD128352" i="1"/>
  <c r="AD128353" i="1"/>
  <c r="AD128354" i="1"/>
  <c r="AD128355" i="1"/>
  <c r="AD128356" i="1"/>
  <c r="AD128357" i="1"/>
  <c r="AD128358" i="1"/>
  <c r="AD128359" i="1"/>
  <c r="AD128360" i="1"/>
  <c r="AD128361" i="1"/>
  <c r="AD128362" i="1"/>
  <c r="AD128363" i="1"/>
  <c r="AD128364" i="1"/>
  <c r="AD128365" i="1"/>
  <c r="AD128366" i="1"/>
  <c r="AD128367" i="1"/>
  <c r="AD128368" i="1"/>
  <c r="AD128369" i="1"/>
  <c r="AD128370" i="1"/>
  <c r="AD128371" i="1"/>
  <c r="AD128372" i="1"/>
  <c r="AD128373" i="1"/>
  <c r="AD128374" i="1"/>
  <c r="AD128375" i="1"/>
  <c r="AD128376" i="1"/>
  <c r="AD128377" i="1"/>
  <c r="AD128378" i="1"/>
  <c r="AD128379" i="1"/>
  <c r="AD128380" i="1"/>
  <c r="AD128381" i="1"/>
  <c r="AD128382" i="1"/>
  <c r="AD128383" i="1"/>
  <c r="AD128384" i="1"/>
  <c r="AD128385" i="1"/>
  <c r="AD128386" i="1"/>
  <c r="AD128387" i="1"/>
  <c r="AD128388" i="1"/>
  <c r="AD128389" i="1"/>
  <c r="AD128390" i="1"/>
  <c r="AD128391" i="1"/>
  <c r="AD128392" i="1"/>
  <c r="AD128393" i="1"/>
  <c r="AD128394" i="1"/>
  <c r="AD128395" i="1"/>
  <c r="AD128396" i="1"/>
  <c r="AD128397" i="1"/>
  <c r="AD128398" i="1"/>
  <c r="AD128399" i="1"/>
  <c r="AD128400" i="1"/>
  <c r="AD128401" i="1"/>
  <c r="AD128402" i="1"/>
  <c r="AD128403" i="1"/>
  <c r="AD128404" i="1"/>
  <c r="AD128405" i="1"/>
  <c r="AD128406" i="1"/>
  <c r="AD128407" i="1"/>
  <c r="AD128408" i="1"/>
  <c r="AD128409" i="1"/>
  <c r="AD128410" i="1"/>
  <c r="AD128411" i="1"/>
  <c r="AD128412" i="1"/>
  <c r="AD128413" i="1"/>
  <c r="AD128414" i="1"/>
  <c r="AD128415" i="1"/>
  <c r="AD128416" i="1"/>
  <c r="AD128417" i="1"/>
  <c r="AD128418" i="1"/>
  <c r="AD128419" i="1"/>
  <c r="AD128420" i="1"/>
  <c r="AD128421" i="1"/>
  <c r="AD128422" i="1"/>
  <c r="AD128423" i="1"/>
  <c r="AD128424" i="1"/>
  <c r="AD128425" i="1"/>
  <c r="AD128426" i="1"/>
  <c r="AD128427" i="1"/>
  <c r="AD128428" i="1"/>
  <c r="AD128429" i="1"/>
  <c r="AD128430" i="1"/>
  <c r="AD128431" i="1"/>
  <c r="AD128432" i="1"/>
  <c r="AD128433" i="1"/>
  <c r="AD128434" i="1"/>
  <c r="AD128435" i="1"/>
  <c r="AD128436" i="1"/>
  <c r="AD128437" i="1"/>
  <c r="AD128438" i="1"/>
  <c r="AD128439" i="1"/>
  <c r="AD128440" i="1"/>
  <c r="AD128441" i="1"/>
  <c r="AD128442" i="1"/>
  <c r="AD128443" i="1"/>
  <c r="AD128444" i="1"/>
  <c r="AD128445" i="1"/>
  <c r="AD128446" i="1"/>
  <c r="AD128447" i="1"/>
  <c r="AD128448" i="1"/>
  <c r="AD128449" i="1"/>
  <c r="AD128450" i="1"/>
  <c r="AD128451" i="1"/>
  <c r="AD128452" i="1"/>
  <c r="AD128453" i="1"/>
  <c r="AD128454" i="1"/>
  <c r="AD128455" i="1"/>
  <c r="AD128456" i="1"/>
  <c r="AD128457" i="1"/>
  <c r="AD128458" i="1"/>
  <c r="AD128459" i="1"/>
  <c r="AD128460" i="1"/>
  <c r="AD128461" i="1"/>
  <c r="AD128462" i="1"/>
  <c r="AD128463" i="1"/>
  <c r="AD128464" i="1"/>
  <c r="AD128465" i="1"/>
  <c r="AD128466" i="1"/>
  <c r="AD128467" i="1"/>
  <c r="AD128468" i="1"/>
  <c r="AD128469" i="1"/>
  <c r="AD128470" i="1"/>
  <c r="AD128471" i="1"/>
  <c r="AD128472" i="1"/>
  <c r="AD128473" i="1"/>
  <c r="AD128474" i="1"/>
  <c r="AD128475" i="1"/>
  <c r="AD128476" i="1"/>
  <c r="AD128477" i="1"/>
  <c r="AD128478" i="1"/>
  <c r="AD128479" i="1"/>
  <c r="AD128480" i="1"/>
  <c r="AD128481" i="1"/>
  <c r="AD128482" i="1"/>
  <c r="AD128483" i="1"/>
  <c r="AD128484" i="1"/>
  <c r="AD128485" i="1"/>
  <c r="AD128486" i="1"/>
  <c r="AD128487" i="1"/>
  <c r="AD128488" i="1"/>
  <c r="AD128489" i="1"/>
  <c r="AD128490" i="1"/>
  <c r="AD128491" i="1"/>
  <c r="AD128492" i="1"/>
  <c r="AD128493" i="1"/>
  <c r="AD128494" i="1"/>
  <c r="AD128495" i="1"/>
  <c r="AD128496" i="1"/>
  <c r="AD128497" i="1"/>
  <c r="AD128498" i="1"/>
  <c r="AD128499" i="1"/>
  <c r="AD128500" i="1"/>
  <c r="AD128501" i="1"/>
  <c r="AD128502" i="1"/>
  <c r="AD128503" i="1"/>
  <c r="AD128504" i="1"/>
  <c r="AD128505" i="1"/>
  <c r="AD128506" i="1"/>
  <c r="AD128507" i="1"/>
  <c r="AD128508" i="1"/>
  <c r="AD128509" i="1"/>
  <c r="AD128510" i="1"/>
  <c r="AD128511" i="1"/>
  <c r="AD128512" i="1"/>
  <c r="AD128513" i="1"/>
  <c r="AD128514" i="1"/>
  <c r="AD128515" i="1"/>
  <c r="AD128516" i="1"/>
  <c r="AD128517" i="1"/>
  <c r="AD128518" i="1"/>
  <c r="AD128519" i="1"/>
  <c r="AD128520" i="1"/>
  <c r="AD128521" i="1"/>
  <c r="AD128522" i="1"/>
  <c r="AD128523" i="1"/>
  <c r="AD128524" i="1"/>
  <c r="AD128525" i="1"/>
  <c r="AD128526" i="1"/>
  <c r="AD128527" i="1"/>
  <c r="AD128528" i="1"/>
  <c r="AD128529" i="1"/>
  <c r="AD128530" i="1"/>
  <c r="AD128531" i="1"/>
  <c r="AD128532" i="1"/>
  <c r="AD128533" i="1"/>
  <c r="AD128534" i="1"/>
  <c r="AD128535" i="1"/>
  <c r="AD128536" i="1"/>
  <c r="AD128537" i="1"/>
  <c r="AD128538" i="1"/>
  <c r="AD128539" i="1"/>
  <c r="AD128540" i="1"/>
  <c r="AD128541" i="1"/>
  <c r="AD128542" i="1"/>
  <c r="AD128543" i="1"/>
  <c r="AD128544" i="1"/>
  <c r="AD128545" i="1"/>
  <c r="AD128546" i="1"/>
  <c r="AD128547" i="1"/>
  <c r="AD128548" i="1"/>
  <c r="AD128549" i="1"/>
  <c r="AD128550" i="1"/>
  <c r="AD128551" i="1"/>
  <c r="AD128552" i="1"/>
  <c r="AD128553" i="1"/>
  <c r="AD128554" i="1"/>
  <c r="AD128555" i="1"/>
  <c r="AD128556" i="1"/>
  <c r="AD128557" i="1"/>
  <c r="AD128558" i="1"/>
  <c r="AD128559" i="1"/>
  <c r="AD128560" i="1"/>
  <c r="AD128561" i="1"/>
  <c r="AD128562" i="1"/>
  <c r="AD128563" i="1"/>
  <c r="AD128564" i="1"/>
  <c r="AD128565" i="1"/>
  <c r="AD128566" i="1"/>
  <c r="AD128567" i="1"/>
  <c r="AD128568" i="1"/>
  <c r="AD128569" i="1"/>
  <c r="AD128570" i="1"/>
  <c r="AD128571" i="1"/>
  <c r="AD128572" i="1"/>
  <c r="AD128573" i="1"/>
  <c r="AD128574" i="1"/>
  <c r="AD128575" i="1"/>
  <c r="AD128576" i="1"/>
  <c r="AD128577" i="1"/>
  <c r="AD128578" i="1"/>
  <c r="AD128579" i="1"/>
  <c r="AD128580" i="1"/>
  <c r="AD128581" i="1"/>
  <c r="AD128582" i="1"/>
  <c r="AD128583" i="1"/>
  <c r="AD128584" i="1"/>
  <c r="AD128585" i="1"/>
  <c r="AD128586" i="1"/>
  <c r="AD128587" i="1"/>
  <c r="AD128588" i="1"/>
  <c r="AD128589" i="1"/>
  <c r="AD128590" i="1"/>
  <c r="AD128591" i="1"/>
  <c r="AD128592" i="1"/>
  <c r="AD128593" i="1"/>
  <c r="AD128594" i="1"/>
  <c r="AD128595" i="1"/>
  <c r="AD128596" i="1"/>
  <c r="AD128597" i="1"/>
  <c r="AD128598" i="1"/>
  <c r="AD128599" i="1"/>
  <c r="AD128600" i="1"/>
  <c r="AD128601" i="1"/>
  <c r="AD128602" i="1"/>
  <c r="AD128603" i="1"/>
  <c r="AD128604" i="1"/>
  <c r="AD128605" i="1"/>
  <c r="AD128606" i="1"/>
  <c r="AD128607" i="1"/>
  <c r="AD128608" i="1"/>
  <c r="AD128609" i="1"/>
  <c r="AD128610" i="1"/>
  <c r="AD128611" i="1"/>
  <c r="AD128612" i="1"/>
  <c r="AD128613" i="1"/>
  <c r="AD128614" i="1"/>
  <c r="AD128615" i="1"/>
  <c r="AD128616" i="1"/>
  <c r="AD128617" i="1"/>
  <c r="AD128618" i="1"/>
  <c r="AD128619" i="1"/>
  <c r="AD128620" i="1"/>
  <c r="AD128621" i="1"/>
  <c r="AD128622" i="1"/>
  <c r="AD128623" i="1"/>
  <c r="AD128624" i="1"/>
  <c r="AD128625" i="1"/>
  <c r="AD128626" i="1"/>
  <c r="AD128627" i="1"/>
  <c r="AD128628" i="1"/>
  <c r="AD128629" i="1"/>
  <c r="AD128630" i="1"/>
  <c r="AD128631" i="1"/>
  <c r="AD128632" i="1"/>
  <c r="AD128633" i="1"/>
  <c r="AD128634" i="1"/>
  <c r="AD128635" i="1"/>
  <c r="AD128636" i="1"/>
  <c r="AD128637" i="1"/>
  <c r="AD128638" i="1"/>
  <c r="AD128639" i="1"/>
  <c r="AD128640" i="1"/>
  <c r="AD128641" i="1"/>
  <c r="AD128642" i="1"/>
  <c r="AD128643" i="1"/>
  <c r="AD128644" i="1"/>
  <c r="AD128645" i="1"/>
  <c r="AD128646" i="1"/>
  <c r="AD128647" i="1"/>
  <c r="AD128648" i="1"/>
  <c r="AD128649" i="1"/>
  <c r="AD128650" i="1"/>
  <c r="AD128651" i="1"/>
  <c r="AD128652" i="1"/>
  <c r="AD128653" i="1"/>
  <c r="AD128654" i="1"/>
  <c r="AD128655" i="1"/>
  <c r="AD128656" i="1"/>
  <c r="AD128657" i="1"/>
  <c r="AD128658" i="1"/>
  <c r="AD128659" i="1"/>
  <c r="AD128660" i="1"/>
  <c r="AD128661" i="1"/>
  <c r="AD128662" i="1"/>
  <c r="AD128663" i="1"/>
  <c r="AD128664" i="1"/>
  <c r="AD128665" i="1"/>
  <c r="AD128666" i="1"/>
  <c r="AD128667" i="1"/>
  <c r="AD128668" i="1"/>
  <c r="AD128669" i="1"/>
  <c r="AD128670" i="1"/>
  <c r="AD128671" i="1"/>
  <c r="AD128672" i="1"/>
  <c r="AD128673" i="1"/>
  <c r="AD128674" i="1"/>
  <c r="AD128675" i="1"/>
  <c r="AD128676" i="1"/>
  <c r="AD128677" i="1"/>
  <c r="AD128678" i="1"/>
  <c r="AD128679" i="1"/>
  <c r="AD128680" i="1"/>
  <c r="AD128681" i="1"/>
  <c r="AD128682" i="1"/>
  <c r="AD128683" i="1"/>
  <c r="AD128684" i="1"/>
  <c r="AD128685" i="1"/>
  <c r="AD128686" i="1"/>
  <c r="AD128687" i="1"/>
  <c r="AD128688" i="1"/>
  <c r="AD128689" i="1"/>
  <c r="AD128690" i="1"/>
  <c r="AD128691" i="1"/>
  <c r="AD128692" i="1"/>
  <c r="AD128693" i="1"/>
  <c r="AD128694" i="1"/>
  <c r="AD128695" i="1"/>
  <c r="AD128696" i="1"/>
  <c r="AD128697" i="1"/>
  <c r="AD128698" i="1"/>
  <c r="AD128699" i="1"/>
  <c r="AD128700" i="1"/>
  <c r="AD128701" i="1"/>
  <c r="AD128702" i="1"/>
  <c r="AD128703" i="1"/>
  <c r="AD128704" i="1"/>
  <c r="AD128705" i="1"/>
  <c r="AD128706" i="1"/>
  <c r="AD128707" i="1"/>
  <c r="AD128708" i="1"/>
  <c r="AD128709" i="1"/>
  <c r="AD128710" i="1"/>
  <c r="AD128711" i="1"/>
  <c r="AD128712" i="1"/>
  <c r="AD128713" i="1"/>
  <c r="AD128714" i="1"/>
  <c r="AD128715" i="1"/>
  <c r="AD128716" i="1"/>
  <c r="AD128717" i="1"/>
  <c r="AD128718" i="1"/>
  <c r="AD128719" i="1"/>
  <c r="AD128720" i="1"/>
  <c r="AD128721" i="1"/>
  <c r="AD128722" i="1"/>
  <c r="AD128723" i="1"/>
  <c r="AD128724" i="1"/>
  <c r="AD128725" i="1"/>
  <c r="AD128726" i="1"/>
  <c r="AD128727" i="1"/>
  <c r="AD128728" i="1"/>
  <c r="AD128729" i="1"/>
  <c r="AD128730" i="1"/>
  <c r="AD128731" i="1"/>
  <c r="AD128732" i="1"/>
  <c r="AD128733" i="1"/>
  <c r="AD128734" i="1"/>
  <c r="AD128735" i="1"/>
  <c r="AD128736" i="1"/>
  <c r="AD128737" i="1"/>
  <c r="AD128738" i="1"/>
  <c r="AD128739" i="1"/>
  <c r="AD128740" i="1"/>
  <c r="AD128741" i="1"/>
  <c r="AD128742" i="1"/>
  <c r="AD128743" i="1"/>
  <c r="AD128744" i="1"/>
  <c r="AD128745" i="1"/>
  <c r="AD128746" i="1"/>
  <c r="AD128747" i="1"/>
  <c r="AD128748" i="1"/>
  <c r="AD128749" i="1"/>
  <c r="AD128750" i="1"/>
  <c r="AD128751" i="1"/>
  <c r="AD128752" i="1"/>
  <c r="AD128753" i="1"/>
  <c r="AD128754" i="1"/>
  <c r="AD128755" i="1"/>
  <c r="AD128756" i="1"/>
  <c r="AD128757" i="1"/>
  <c r="AD128758" i="1"/>
  <c r="AD128759" i="1"/>
  <c r="AD128760" i="1"/>
  <c r="AD128761" i="1"/>
  <c r="AD128762" i="1"/>
  <c r="AD128763" i="1"/>
  <c r="AD128764" i="1"/>
  <c r="AD128765" i="1"/>
  <c r="AD128766" i="1"/>
  <c r="AD128767" i="1"/>
  <c r="AD128768" i="1"/>
  <c r="AD128769" i="1"/>
  <c r="AD128770" i="1"/>
  <c r="AD128771" i="1"/>
  <c r="AD128772" i="1"/>
  <c r="AD128773" i="1"/>
  <c r="AD128774" i="1"/>
  <c r="AD128775" i="1"/>
  <c r="AD128776" i="1"/>
  <c r="AD128777" i="1"/>
  <c r="AD128778" i="1"/>
  <c r="AD128779" i="1"/>
  <c r="AD128780" i="1"/>
  <c r="AD128781" i="1"/>
  <c r="AD128782" i="1"/>
  <c r="AD128783" i="1"/>
  <c r="AD128784" i="1"/>
  <c r="AD128785" i="1"/>
  <c r="AD128786" i="1"/>
  <c r="AD128787" i="1"/>
  <c r="AD128788" i="1"/>
  <c r="AD128789" i="1"/>
  <c r="AD128790" i="1"/>
  <c r="AD128791" i="1"/>
  <c r="AD128792" i="1"/>
  <c r="AD128793" i="1"/>
  <c r="AD128794" i="1"/>
  <c r="AD128795" i="1"/>
  <c r="AD128796" i="1"/>
  <c r="AD128797" i="1"/>
  <c r="AD128798" i="1"/>
  <c r="AD128799" i="1"/>
  <c r="AD128800" i="1"/>
  <c r="AD128801" i="1"/>
  <c r="AD128802" i="1"/>
  <c r="AD128803" i="1"/>
  <c r="AD128804" i="1"/>
  <c r="AD128805" i="1"/>
  <c r="AD128806" i="1"/>
  <c r="AD128807" i="1"/>
  <c r="AD128808" i="1"/>
  <c r="AD128809" i="1"/>
  <c r="AD128810" i="1"/>
  <c r="AD128811" i="1"/>
  <c r="AD128812" i="1"/>
  <c r="AD128813" i="1"/>
  <c r="AD128814" i="1"/>
  <c r="AD128815" i="1"/>
  <c r="AD128816" i="1"/>
  <c r="AD128817" i="1"/>
  <c r="AD128818" i="1"/>
  <c r="AD128819" i="1"/>
  <c r="AD128820" i="1"/>
  <c r="AD128821" i="1"/>
  <c r="AD128822" i="1"/>
  <c r="AD128823" i="1"/>
  <c r="AD128824" i="1"/>
  <c r="AD128825" i="1"/>
  <c r="AD128826" i="1"/>
  <c r="AD128827" i="1"/>
  <c r="AD128828" i="1"/>
  <c r="AD128829" i="1"/>
  <c r="AD128830" i="1"/>
  <c r="AD128831" i="1"/>
  <c r="AD128832" i="1"/>
  <c r="AD128833" i="1"/>
  <c r="AD128834" i="1"/>
  <c r="AD128835" i="1"/>
  <c r="AD128836" i="1"/>
  <c r="AD128837" i="1"/>
  <c r="AD128838" i="1"/>
  <c r="AD128839" i="1"/>
  <c r="AD128840" i="1"/>
  <c r="AD128841" i="1"/>
  <c r="AD128842" i="1"/>
  <c r="AD128843" i="1"/>
  <c r="AD128844" i="1"/>
  <c r="AD128845" i="1"/>
  <c r="AD128846" i="1"/>
  <c r="AD128847" i="1"/>
  <c r="AD128848" i="1"/>
  <c r="AD128849" i="1"/>
  <c r="AD128850" i="1"/>
  <c r="AD128851" i="1"/>
  <c r="AD128852" i="1"/>
  <c r="AD128853" i="1"/>
  <c r="AD128854" i="1"/>
  <c r="AD128855" i="1"/>
  <c r="AD128856" i="1"/>
  <c r="AD128857" i="1"/>
  <c r="AD128858" i="1"/>
  <c r="AD128859" i="1"/>
  <c r="AD128860" i="1"/>
  <c r="AD128861" i="1"/>
  <c r="AD128862" i="1"/>
  <c r="AD128863" i="1"/>
  <c r="AD128864" i="1"/>
  <c r="AD128865" i="1"/>
  <c r="AD128866" i="1"/>
  <c r="AD128867" i="1"/>
  <c r="AD128868" i="1"/>
  <c r="AD128869" i="1"/>
  <c r="AD128870" i="1"/>
  <c r="AD128871" i="1"/>
  <c r="AD128872" i="1"/>
  <c r="AD128873" i="1"/>
  <c r="AD128874" i="1"/>
  <c r="AD128875" i="1"/>
  <c r="AD128876" i="1"/>
  <c r="AD128877" i="1"/>
  <c r="AD128878" i="1"/>
  <c r="AD128879" i="1"/>
  <c r="AD128880" i="1"/>
  <c r="AD128881" i="1"/>
  <c r="AD128882" i="1"/>
  <c r="AD128883" i="1"/>
  <c r="AD128884" i="1"/>
  <c r="AD128885" i="1"/>
  <c r="AD128886" i="1"/>
  <c r="AD128887" i="1"/>
  <c r="AD128888" i="1"/>
  <c r="AD128889" i="1"/>
  <c r="AD128890" i="1"/>
  <c r="AD128891" i="1"/>
  <c r="AD128892" i="1"/>
  <c r="AD128893" i="1"/>
  <c r="AD128894" i="1"/>
  <c r="AD128895" i="1"/>
  <c r="AD128896" i="1"/>
  <c r="AD128897" i="1"/>
  <c r="AD128898" i="1"/>
  <c r="AD128899" i="1"/>
  <c r="AD128900" i="1"/>
  <c r="AD128901" i="1"/>
  <c r="AD128902" i="1"/>
  <c r="AD128903" i="1"/>
  <c r="AD128904" i="1"/>
  <c r="AD128905" i="1"/>
  <c r="AD128906" i="1"/>
  <c r="AD128907" i="1"/>
  <c r="AD128908" i="1"/>
  <c r="AD128909" i="1"/>
  <c r="AD128910" i="1"/>
  <c r="AD128911" i="1"/>
  <c r="AD128912" i="1"/>
  <c r="AD128913" i="1"/>
  <c r="AD128914" i="1"/>
  <c r="AD128915" i="1"/>
  <c r="AD128916" i="1"/>
  <c r="AD128917" i="1"/>
  <c r="AD128918" i="1"/>
  <c r="AD128919" i="1"/>
  <c r="AD128920" i="1"/>
  <c r="AD128921" i="1"/>
  <c r="AD128922" i="1"/>
  <c r="AD128923" i="1"/>
  <c r="AD128924" i="1"/>
  <c r="AD128925" i="1"/>
  <c r="AD128926" i="1"/>
  <c r="AD128927" i="1"/>
  <c r="AD128928" i="1"/>
  <c r="AD128929" i="1"/>
  <c r="AD128930" i="1"/>
  <c r="AD128931" i="1"/>
  <c r="AD128932" i="1"/>
  <c r="AD128933" i="1"/>
  <c r="AD128934" i="1"/>
  <c r="AD128935" i="1"/>
  <c r="AD128936" i="1"/>
  <c r="AD128937" i="1"/>
  <c r="AD128938" i="1"/>
  <c r="AD128939" i="1"/>
  <c r="AD128940" i="1"/>
  <c r="AD128941" i="1"/>
  <c r="AD128942" i="1"/>
  <c r="AD128943" i="1"/>
  <c r="AD128944" i="1"/>
  <c r="AD128945" i="1"/>
  <c r="AD128946" i="1"/>
  <c r="AD128947" i="1"/>
  <c r="AD128948" i="1"/>
  <c r="AD128949" i="1"/>
  <c r="AD128950" i="1"/>
  <c r="AD128951" i="1"/>
  <c r="AD128952" i="1"/>
  <c r="AD128953" i="1"/>
  <c r="AD128954" i="1"/>
  <c r="AD128955" i="1"/>
  <c r="AD128956" i="1"/>
  <c r="AD128957" i="1"/>
  <c r="AD128958" i="1"/>
  <c r="AD128959" i="1"/>
  <c r="AD128960" i="1"/>
  <c r="AD128961" i="1"/>
  <c r="AD128962" i="1"/>
  <c r="AD128963" i="1"/>
  <c r="AD128964" i="1"/>
  <c r="AD128965" i="1"/>
  <c r="AD128966" i="1"/>
  <c r="AD128967" i="1"/>
  <c r="AD128968" i="1"/>
  <c r="AD128969" i="1"/>
  <c r="AD128970" i="1"/>
  <c r="AD128971" i="1"/>
  <c r="AD128972" i="1"/>
  <c r="AD128973" i="1"/>
  <c r="AD128974" i="1"/>
  <c r="AD128975" i="1"/>
  <c r="AD128976" i="1"/>
  <c r="AD128977" i="1"/>
  <c r="AD128978" i="1"/>
  <c r="AD128979" i="1"/>
  <c r="AD128980" i="1"/>
  <c r="AD128981" i="1"/>
  <c r="AD128982" i="1"/>
  <c r="AD128983" i="1"/>
  <c r="AD128984" i="1"/>
  <c r="AD128985" i="1"/>
  <c r="AD128986" i="1"/>
  <c r="AD128987" i="1"/>
  <c r="AD128988" i="1"/>
  <c r="AD128989" i="1"/>
  <c r="AD128990" i="1"/>
  <c r="AD128991" i="1"/>
  <c r="AD128992" i="1"/>
  <c r="AD128993" i="1"/>
  <c r="AD128994" i="1"/>
  <c r="AD128995" i="1"/>
  <c r="AD128996" i="1"/>
  <c r="AD128997" i="1"/>
  <c r="AD128998" i="1"/>
  <c r="AD128999" i="1"/>
  <c r="AD129000" i="1"/>
  <c r="AD129001" i="1"/>
  <c r="AD129002" i="1"/>
  <c r="AD129003" i="1"/>
  <c r="AD129004" i="1"/>
  <c r="AD129005" i="1"/>
  <c r="AD129006" i="1"/>
  <c r="AD129007" i="1"/>
  <c r="AD129008" i="1"/>
  <c r="AD129009" i="1"/>
  <c r="AD129010" i="1"/>
  <c r="AD129011" i="1"/>
  <c r="AD129012" i="1"/>
  <c r="AD129013" i="1"/>
  <c r="AD129014" i="1"/>
  <c r="AD129015" i="1"/>
  <c r="AD129016" i="1"/>
  <c r="AD129017" i="1"/>
  <c r="AD129018" i="1"/>
  <c r="AD129019" i="1"/>
  <c r="AD129020" i="1"/>
  <c r="AD129021" i="1"/>
  <c r="AD129022" i="1"/>
  <c r="AD129023" i="1"/>
  <c r="AD129024" i="1"/>
  <c r="AD129025" i="1"/>
  <c r="AD129026" i="1"/>
  <c r="AD129027" i="1"/>
  <c r="AD129028" i="1"/>
  <c r="AD129029" i="1"/>
  <c r="AD129030" i="1"/>
  <c r="AD129031" i="1"/>
  <c r="AD129032" i="1"/>
  <c r="AD129033" i="1"/>
  <c r="AD129034" i="1"/>
  <c r="AD129035" i="1"/>
  <c r="AD129036" i="1"/>
  <c r="AD129037" i="1"/>
  <c r="AD129038" i="1"/>
  <c r="AD129039" i="1"/>
  <c r="AD129040" i="1"/>
  <c r="AD129041" i="1"/>
  <c r="AD129042" i="1"/>
  <c r="AD129043" i="1"/>
  <c r="AD129044" i="1"/>
  <c r="AD129045" i="1"/>
  <c r="AD129046" i="1"/>
  <c r="AD129047" i="1"/>
  <c r="AD129048" i="1"/>
  <c r="AD129049" i="1"/>
  <c r="AD129050" i="1"/>
  <c r="AD129051" i="1"/>
  <c r="AD129052" i="1"/>
  <c r="AD129053" i="1"/>
  <c r="AD129054" i="1"/>
  <c r="AD129055" i="1"/>
  <c r="AD129056" i="1"/>
  <c r="AD129057" i="1"/>
  <c r="AD129058" i="1"/>
  <c r="AD129059" i="1"/>
  <c r="AD129060" i="1"/>
  <c r="AD129061" i="1"/>
  <c r="AD129062" i="1"/>
  <c r="AD129063" i="1"/>
  <c r="AD129064" i="1"/>
  <c r="AD129065" i="1"/>
  <c r="AD129066" i="1"/>
  <c r="AD129067" i="1"/>
  <c r="AD129068" i="1"/>
  <c r="AD129069" i="1"/>
  <c r="AD129070" i="1"/>
  <c r="AD129071" i="1"/>
  <c r="AD129072" i="1"/>
  <c r="AD129073" i="1"/>
  <c r="AD129074" i="1"/>
  <c r="AD129075" i="1"/>
  <c r="AD129076" i="1"/>
  <c r="AD129077" i="1"/>
  <c r="AD129078" i="1"/>
  <c r="AD129079" i="1"/>
  <c r="AD129080" i="1"/>
  <c r="AD129081" i="1"/>
  <c r="AD129082" i="1"/>
  <c r="AD129083" i="1"/>
  <c r="AD129084" i="1"/>
  <c r="AD129085" i="1"/>
  <c r="AD129086" i="1"/>
  <c r="AD129087" i="1"/>
  <c r="AD129088" i="1"/>
  <c r="AD129089" i="1"/>
  <c r="AD129090" i="1"/>
  <c r="AD129091" i="1"/>
  <c r="AD129092" i="1"/>
  <c r="AD129093" i="1"/>
  <c r="AD129094" i="1"/>
  <c r="AD129095" i="1"/>
  <c r="AD129096" i="1"/>
  <c r="AD129097" i="1"/>
  <c r="AD129098" i="1"/>
  <c r="AD129099" i="1"/>
  <c r="AD129100" i="1"/>
  <c r="AD129101" i="1"/>
  <c r="AD129102" i="1"/>
  <c r="AD129103" i="1"/>
  <c r="AD129104" i="1"/>
  <c r="AD129105" i="1"/>
  <c r="AD129106" i="1"/>
  <c r="AD129107" i="1"/>
  <c r="AD129108" i="1"/>
  <c r="AD129109" i="1"/>
  <c r="AD129110" i="1"/>
  <c r="AD129111" i="1"/>
  <c r="AD129112" i="1"/>
  <c r="AD129113" i="1"/>
  <c r="AD129114" i="1"/>
  <c r="AD129115" i="1"/>
  <c r="AD129116" i="1"/>
  <c r="AD129117" i="1"/>
  <c r="AD129118" i="1"/>
  <c r="AD129119" i="1"/>
  <c r="AD129120" i="1"/>
  <c r="AD129121" i="1"/>
  <c r="AD129122" i="1"/>
  <c r="AD129123" i="1"/>
  <c r="AD129124" i="1"/>
  <c r="AD129125" i="1"/>
  <c r="AD129126" i="1"/>
  <c r="AD129127" i="1"/>
  <c r="AD129128" i="1"/>
  <c r="AD129129" i="1"/>
  <c r="AD129130" i="1"/>
  <c r="AD129131" i="1"/>
  <c r="AD129132" i="1"/>
  <c r="AD129133" i="1"/>
  <c r="AD129134" i="1"/>
  <c r="AD129135" i="1"/>
  <c r="AD129136" i="1"/>
  <c r="AD129137" i="1"/>
  <c r="AD129138" i="1"/>
  <c r="AD129139" i="1"/>
  <c r="AD129140" i="1"/>
  <c r="AD129141" i="1"/>
  <c r="AD129142" i="1"/>
  <c r="AD129143" i="1"/>
  <c r="AD129144" i="1"/>
  <c r="AD129145" i="1"/>
  <c r="AD129146" i="1"/>
  <c r="AD129147" i="1"/>
  <c r="AD129148" i="1"/>
  <c r="AD129149" i="1"/>
  <c r="AD129150" i="1"/>
  <c r="AD129151" i="1"/>
  <c r="AD129152" i="1"/>
  <c r="AD129153" i="1"/>
  <c r="AD129154" i="1"/>
  <c r="AD129155" i="1"/>
  <c r="AD129156" i="1"/>
  <c r="AD129157" i="1"/>
  <c r="AD129158" i="1"/>
  <c r="AD129159" i="1"/>
  <c r="AD129160" i="1"/>
  <c r="AD129161" i="1"/>
  <c r="AD129162" i="1"/>
  <c r="AD129163" i="1"/>
  <c r="AD129164" i="1"/>
  <c r="AD129165" i="1"/>
  <c r="AD129166" i="1"/>
  <c r="AD129167" i="1"/>
  <c r="AD129168" i="1"/>
  <c r="AD129169" i="1"/>
  <c r="AD129170" i="1"/>
  <c r="AD129171" i="1"/>
  <c r="AD129172" i="1"/>
  <c r="AD129173" i="1"/>
  <c r="AD129174" i="1"/>
  <c r="AD129175" i="1"/>
  <c r="AD129176" i="1"/>
  <c r="AD129177" i="1"/>
  <c r="AD129178" i="1"/>
  <c r="AD129179" i="1"/>
  <c r="AD129180" i="1"/>
  <c r="AD129181" i="1"/>
  <c r="AD129182" i="1"/>
  <c r="AD129183" i="1"/>
  <c r="AD129184" i="1"/>
  <c r="AD129185" i="1"/>
  <c r="AD129186" i="1"/>
  <c r="AD129187" i="1"/>
  <c r="AD129188" i="1"/>
  <c r="AD129189" i="1"/>
  <c r="AD129190" i="1"/>
  <c r="AD129191" i="1"/>
  <c r="AD129192" i="1"/>
  <c r="AD129193" i="1"/>
  <c r="AD129194" i="1"/>
  <c r="AD129195" i="1"/>
  <c r="AD129196" i="1"/>
  <c r="AD129197" i="1"/>
  <c r="AD129198" i="1"/>
  <c r="AD129199" i="1"/>
  <c r="AD129200" i="1"/>
  <c r="AD129201" i="1"/>
  <c r="AD129202" i="1"/>
  <c r="AD129203" i="1"/>
  <c r="AD129204" i="1"/>
  <c r="AD129205" i="1"/>
  <c r="AD129206" i="1"/>
  <c r="AD129207" i="1"/>
  <c r="AD129208" i="1"/>
  <c r="AD129209" i="1"/>
  <c r="AD129210" i="1"/>
  <c r="AD129211" i="1"/>
  <c r="AD129212" i="1"/>
  <c r="AD129213" i="1"/>
  <c r="AD129214" i="1"/>
  <c r="AD129215" i="1"/>
  <c r="AD129216" i="1"/>
  <c r="AD129217" i="1"/>
  <c r="AD129218" i="1"/>
  <c r="AD129219" i="1"/>
  <c r="AD129220" i="1"/>
  <c r="AD129221" i="1"/>
  <c r="AD129222" i="1"/>
  <c r="AD129223" i="1"/>
  <c r="AD129224" i="1"/>
  <c r="AD129225" i="1"/>
  <c r="AD129226" i="1"/>
  <c r="AD129227" i="1"/>
  <c r="AD129228" i="1"/>
  <c r="AD129229" i="1"/>
  <c r="AD129230" i="1"/>
  <c r="AD129231" i="1"/>
  <c r="AD129232" i="1"/>
  <c r="AD129233" i="1"/>
  <c r="AD129234" i="1"/>
  <c r="AD129235" i="1"/>
  <c r="AD129236" i="1"/>
  <c r="AD129237" i="1"/>
  <c r="AD129238" i="1"/>
  <c r="AD129239" i="1"/>
  <c r="AD129240" i="1"/>
  <c r="AD129241" i="1"/>
  <c r="AD129242" i="1"/>
  <c r="AD129243" i="1"/>
  <c r="AD129244" i="1"/>
  <c r="AD129245" i="1"/>
  <c r="AD129246" i="1"/>
  <c r="AD129247" i="1"/>
  <c r="AD129248" i="1"/>
  <c r="AD129249" i="1"/>
  <c r="AD129250" i="1"/>
  <c r="AD129251" i="1"/>
  <c r="AD129252" i="1"/>
  <c r="AD129253" i="1"/>
  <c r="AD129254" i="1"/>
  <c r="AD129255" i="1"/>
  <c r="AD129256" i="1"/>
  <c r="AD129257" i="1"/>
  <c r="AD129258" i="1"/>
  <c r="AD129259" i="1"/>
  <c r="AD129260" i="1"/>
  <c r="AD129261" i="1"/>
  <c r="AD129262" i="1"/>
  <c r="AD129263" i="1"/>
  <c r="AD129264" i="1"/>
  <c r="AD129265" i="1"/>
  <c r="AD129266" i="1"/>
  <c r="AD129267" i="1"/>
  <c r="AD129268" i="1"/>
  <c r="AD129269" i="1"/>
  <c r="AD129270" i="1"/>
  <c r="AD129271" i="1"/>
  <c r="AD129272" i="1"/>
  <c r="AD129273" i="1"/>
  <c r="AD129274" i="1"/>
  <c r="AD129275" i="1"/>
  <c r="AD129276" i="1"/>
  <c r="AD129277" i="1"/>
  <c r="AD129278" i="1"/>
  <c r="AD129279" i="1"/>
  <c r="AD129280" i="1"/>
  <c r="AD129281" i="1"/>
  <c r="AD129282" i="1"/>
  <c r="AD129283" i="1"/>
  <c r="AD129284" i="1"/>
  <c r="AD129285" i="1"/>
  <c r="AD129286" i="1"/>
  <c r="AD129287" i="1"/>
  <c r="AD129288" i="1"/>
  <c r="AD129289" i="1"/>
  <c r="AD129290" i="1"/>
  <c r="AD129291" i="1"/>
  <c r="AD129292" i="1"/>
  <c r="AD129293" i="1"/>
  <c r="AD129294" i="1"/>
  <c r="AD129295" i="1"/>
  <c r="AD129296" i="1"/>
  <c r="AD129297" i="1"/>
  <c r="AD129298" i="1"/>
  <c r="AD129299" i="1"/>
  <c r="AD129300" i="1"/>
  <c r="AD129301" i="1"/>
  <c r="AD129302" i="1"/>
  <c r="AD129303" i="1"/>
  <c r="AD129304" i="1"/>
  <c r="AD129305" i="1"/>
  <c r="AD129306" i="1"/>
  <c r="AD129307" i="1"/>
  <c r="AD129308" i="1"/>
  <c r="AD129309" i="1"/>
  <c r="AD129310" i="1"/>
  <c r="AD129311" i="1"/>
  <c r="AD129312" i="1"/>
  <c r="AD129313" i="1"/>
  <c r="AD129314" i="1"/>
  <c r="AD129315" i="1"/>
  <c r="AD129316" i="1"/>
  <c r="AD129317" i="1"/>
  <c r="AD129318" i="1"/>
  <c r="AD129319" i="1"/>
  <c r="AD129320" i="1"/>
  <c r="AD129321" i="1"/>
  <c r="AD129322" i="1"/>
  <c r="AD129323" i="1"/>
  <c r="AD129324" i="1"/>
  <c r="AD129325" i="1"/>
  <c r="AD129326" i="1"/>
  <c r="AD129327" i="1"/>
  <c r="AD129328" i="1"/>
  <c r="AD129329" i="1"/>
  <c r="AD129330" i="1"/>
  <c r="AD129331" i="1"/>
  <c r="AD129332" i="1"/>
  <c r="AD129333" i="1"/>
  <c r="AD129334" i="1"/>
  <c r="AD129335" i="1"/>
  <c r="AD129336" i="1"/>
  <c r="AD129337" i="1"/>
  <c r="AD129338" i="1"/>
  <c r="AD129339" i="1"/>
  <c r="AD129340" i="1"/>
  <c r="AD129341" i="1"/>
  <c r="AD129342" i="1"/>
  <c r="AD129343" i="1"/>
  <c r="AD129344" i="1"/>
  <c r="AD129345" i="1"/>
  <c r="AD129346" i="1"/>
  <c r="AD129347" i="1"/>
  <c r="AD129348" i="1"/>
  <c r="AD129349" i="1"/>
  <c r="AD129350" i="1"/>
  <c r="AD129351" i="1"/>
  <c r="AD129352" i="1"/>
  <c r="AD129353" i="1"/>
  <c r="AD129354" i="1"/>
  <c r="AD129355" i="1"/>
  <c r="AD129356" i="1"/>
  <c r="AD129357" i="1"/>
  <c r="AD129358" i="1"/>
  <c r="AD129359" i="1"/>
  <c r="AD129360" i="1"/>
  <c r="AD129361" i="1"/>
  <c r="AD129362" i="1"/>
  <c r="AD129363" i="1"/>
  <c r="AD129364" i="1"/>
  <c r="AD129365" i="1"/>
  <c r="AD129366" i="1"/>
  <c r="AD129367" i="1"/>
  <c r="AD129368" i="1"/>
  <c r="AD129369" i="1"/>
  <c r="AD129370" i="1"/>
  <c r="AD129371" i="1"/>
  <c r="AD129372" i="1"/>
  <c r="AD129373" i="1"/>
  <c r="AD129374" i="1"/>
  <c r="AD129375" i="1"/>
  <c r="AD129376" i="1"/>
  <c r="AD129377" i="1"/>
  <c r="AD129378" i="1"/>
  <c r="AD129379" i="1"/>
  <c r="AD129380" i="1"/>
  <c r="AD129381" i="1"/>
  <c r="AD129382" i="1"/>
  <c r="AD129383" i="1"/>
  <c r="AD129384" i="1"/>
  <c r="AD129385" i="1"/>
  <c r="AD129386" i="1"/>
  <c r="AD129387" i="1"/>
  <c r="AD129388" i="1"/>
  <c r="AD129389" i="1"/>
  <c r="AD129390" i="1"/>
  <c r="AD129391" i="1"/>
  <c r="AD129392" i="1"/>
  <c r="AD129393" i="1"/>
  <c r="AD129394" i="1"/>
  <c r="AD129395" i="1"/>
  <c r="AD129396" i="1"/>
  <c r="AD129397" i="1"/>
  <c r="AD129398" i="1"/>
  <c r="AD129399" i="1"/>
  <c r="AD129400" i="1"/>
  <c r="AD129401" i="1"/>
  <c r="AD129402" i="1"/>
  <c r="AD129403" i="1"/>
  <c r="AD129404" i="1"/>
  <c r="AD129405" i="1"/>
  <c r="AD129406" i="1"/>
  <c r="AD129407" i="1"/>
  <c r="AD129408" i="1"/>
  <c r="AD129409" i="1"/>
  <c r="AD129410" i="1"/>
  <c r="AD129411" i="1"/>
  <c r="AD129412" i="1"/>
  <c r="AD129413" i="1"/>
  <c r="AD129414" i="1"/>
  <c r="AD129415" i="1"/>
  <c r="AD129416" i="1"/>
  <c r="AD129417" i="1"/>
  <c r="AD129418" i="1"/>
  <c r="AD129419" i="1"/>
  <c r="AD129420" i="1"/>
  <c r="AD129421" i="1"/>
  <c r="AD129422" i="1"/>
  <c r="AD129423" i="1"/>
  <c r="AD129424" i="1"/>
  <c r="AD129425" i="1"/>
  <c r="AD129426" i="1"/>
  <c r="AD129427" i="1"/>
  <c r="AD129428" i="1"/>
  <c r="AD129429" i="1"/>
  <c r="AD129430" i="1"/>
  <c r="AD129431" i="1"/>
  <c r="AD129432" i="1"/>
  <c r="AD129433" i="1"/>
  <c r="AD129434" i="1"/>
  <c r="AD129435" i="1"/>
  <c r="AD129436" i="1"/>
  <c r="AD129437" i="1"/>
  <c r="AD129438" i="1"/>
  <c r="AD129439" i="1"/>
  <c r="AD129440" i="1"/>
  <c r="AD129441" i="1"/>
  <c r="AD129442" i="1"/>
  <c r="AD129443" i="1"/>
  <c r="AD129444" i="1"/>
  <c r="AD129445" i="1"/>
  <c r="AD129446" i="1"/>
  <c r="AD129447" i="1"/>
  <c r="AD129448" i="1"/>
  <c r="AD129449" i="1"/>
  <c r="AD129450" i="1"/>
  <c r="AD129451" i="1"/>
  <c r="AD129452" i="1"/>
  <c r="AD129453" i="1"/>
  <c r="AD129454" i="1"/>
  <c r="AD129455" i="1"/>
  <c r="AD129456" i="1"/>
  <c r="AD129457" i="1"/>
  <c r="AD129458" i="1"/>
  <c r="AD129459" i="1"/>
  <c r="AD129460" i="1"/>
  <c r="AD129461" i="1"/>
  <c r="AD129462" i="1"/>
  <c r="AD129463" i="1"/>
  <c r="AD129464" i="1"/>
  <c r="AD129465" i="1"/>
  <c r="AD129466" i="1"/>
  <c r="AD129467" i="1"/>
  <c r="AD129468" i="1"/>
  <c r="AD129469" i="1"/>
  <c r="AD129470" i="1"/>
  <c r="AD129471" i="1"/>
  <c r="AD129472" i="1"/>
  <c r="AD129473" i="1"/>
  <c r="AD129474" i="1"/>
  <c r="AD129475" i="1"/>
  <c r="AD129476" i="1"/>
  <c r="AD129477" i="1"/>
  <c r="AD129478" i="1"/>
  <c r="AD129479" i="1"/>
  <c r="AD129480" i="1"/>
  <c r="AD129481" i="1"/>
  <c r="AD129482" i="1"/>
  <c r="AD129483" i="1"/>
  <c r="AD129484" i="1"/>
  <c r="AD129485" i="1"/>
  <c r="AD129486" i="1"/>
  <c r="AD129487" i="1"/>
  <c r="AD129488" i="1"/>
  <c r="AD129489" i="1"/>
  <c r="AD129490" i="1"/>
  <c r="AD129491" i="1"/>
  <c r="AD129492" i="1"/>
  <c r="AD129493" i="1"/>
  <c r="AD129494" i="1"/>
  <c r="AD129495" i="1"/>
  <c r="AD129496" i="1"/>
  <c r="AD129497" i="1"/>
  <c r="AD129498" i="1"/>
  <c r="AD129499" i="1"/>
  <c r="AD129500" i="1"/>
  <c r="AD129501" i="1"/>
  <c r="AD129502" i="1"/>
  <c r="AD129503" i="1"/>
  <c r="AD129504" i="1"/>
  <c r="AD129505" i="1"/>
  <c r="AD129506" i="1"/>
  <c r="AD129507" i="1"/>
  <c r="AD129508" i="1"/>
  <c r="AD129509" i="1"/>
  <c r="AD129510" i="1"/>
  <c r="AD129511" i="1"/>
  <c r="AD129512" i="1"/>
  <c r="AD129513" i="1"/>
  <c r="AD129514" i="1"/>
  <c r="AD129515" i="1"/>
  <c r="AD129516" i="1"/>
  <c r="AD129517" i="1"/>
  <c r="AD129518" i="1"/>
  <c r="AD129519" i="1"/>
  <c r="AD129520" i="1"/>
  <c r="AD129521" i="1"/>
  <c r="AD129522" i="1"/>
  <c r="AD129523" i="1"/>
  <c r="AD129524" i="1"/>
  <c r="AD129525" i="1"/>
  <c r="AD129526" i="1"/>
  <c r="AD129527" i="1"/>
  <c r="AD129528" i="1"/>
  <c r="AD129529" i="1"/>
  <c r="AD129530" i="1"/>
  <c r="AD129531" i="1"/>
  <c r="AD129532" i="1"/>
  <c r="AD129533" i="1"/>
  <c r="AD129534" i="1"/>
  <c r="AD129535" i="1"/>
  <c r="AD129536" i="1"/>
  <c r="AD129537" i="1"/>
  <c r="AD129538" i="1"/>
  <c r="AD129539" i="1"/>
  <c r="AD129540" i="1"/>
  <c r="AD129541" i="1"/>
  <c r="AD129542" i="1"/>
  <c r="AD129543" i="1"/>
  <c r="AD129544" i="1"/>
  <c r="AD129545" i="1"/>
  <c r="AD129546" i="1"/>
  <c r="AD129547" i="1"/>
  <c r="AD129548" i="1"/>
  <c r="AD129549" i="1"/>
  <c r="AD129550" i="1"/>
  <c r="AD129551" i="1"/>
  <c r="AD129552" i="1"/>
  <c r="AD129553" i="1"/>
  <c r="AD129554" i="1"/>
  <c r="AD129555" i="1"/>
  <c r="AD129556" i="1"/>
  <c r="AD129557" i="1"/>
  <c r="AD129558" i="1"/>
  <c r="AD129559" i="1"/>
  <c r="AD129560" i="1"/>
  <c r="AD129561" i="1"/>
  <c r="AD129562" i="1"/>
  <c r="AD129563" i="1"/>
  <c r="AD129564" i="1"/>
  <c r="AD129565" i="1"/>
  <c r="AD129566" i="1"/>
  <c r="AD129567" i="1"/>
  <c r="AD129568" i="1"/>
  <c r="AD129569" i="1"/>
  <c r="AD129570" i="1"/>
  <c r="AD129571" i="1"/>
  <c r="AD129572" i="1"/>
  <c r="AD129573" i="1"/>
  <c r="AD129574" i="1"/>
  <c r="AD129575" i="1"/>
  <c r="AD129576" i="1"/>
  <c r="AD129577" i="1"/>
  <c r="AD129578" i="1"/>
  <c r="AD129579" i="1"/>
  <c r="AD129580" i="1"/>
  <c r="AD129581" i="1"/>
  <c r="AD129582" i="1"/>
  <c r="AD129583" i="1"/>
  <c r="AD129584" i="1"/>
  <c r="AD129585" i="1"/>
  <c r="AD129586" i="1"/>
  <c r="AD129587" i="1"/>
  <c r="AD129588" i="1"/>
  <c r="AD129589" i="1"/>
  <c r="AD129590" i="1"/>
  <c r="AD129591" i="1"/>
  <c r="AD129592" i="1"/>
  <c r="AD129593" i="1"/>
  <c r="AD129594" i="1"/>
  <c r="AD129595" i="1"/>
  <c r="AD129596" i="1"/>
  <c r="AD129597" i="1"/>
  <c r="AD129598" i="1"/>
  <c r="AD129599" i="1"/>
  <c r="AD129600" i="1"/>
  <c r="AD129601" i="1"/>
  <c r="AD129602" i="1"/>
  <c r="AD129603" i="1"/>
  <c r="AD129604" i="1"/>
  <c r="AD129605" i="1"/>
  <c r="AD129606" i="1"/>
  <c r="AD129607" i="1"/>
  <c r="AD129608" i="1"/>
  <c r="AD129609" i="1"/>
  <c r="AD129610" i="1"/>
  <c r="AD129611" i="1"/>
  <c r="AD129612" i="1"/>
  <c r="AD129613" i="1"/>
  <c r="AD129614" i="1"/>
  <c r="AD129615" i="1"/>
  <c r="AD129616" i="1"/>
  <c r="AD129617" i="1"/>
  <c r="AD129618" i="1"/>
  <c r="AD129619" i="1"/>
  <c r="AD129620" i="1"/>
  <c r="AD129621" i="1"/>
  <c r="AD129622" i="1"/>
  <c r="AD129623" i="1"/>
  <c r="AD129624" i="1"/>
  <c r="AD129625" i="1"/>
  <c r="AD129626" i="1"/>
  <c r="AD129627" i="1"/>
  <c r="AD129628" i="1"/>
  <c r="AD129629" i="1"/>
  <c r="AD129630" i="1"/>
  <c r="AD129631" i="1"/>
  <c r="AD129632" i="1"/>
  <c r="AD129633" i="1"/>
  <c r="AD129634" i="1"/>
  <c r="AD129635" i="1"/>
  <c r="AD129636" i="1"/>
  <c r="AD129637" i="1"/>
  <c r="AD129638" i="1"/>
  <c r="AD129639" i="1"/>
  <c r="AD129640" i="1"/>
  <c r="AD129641" i="1"/>
  <c r="AD129642" i="1"/>
  <c r="AD129643" i="1"/>
  <c r="AD129644" i="1"/>
  <c r="AD129645" i="1"/>
  <c r="AD129646" i="1"/>
  <c r="AD129647" i="1"/>
  <c r="AD129648" i="1"/>
  <c r="AD129649" i="1"/>
  <c r="AD129650" i="1"/>
  <c r="AD129651" i="1"/>
  <c r="AD129652" i="1"/>
  <c r="AD129653" i="1"/>
  <c r="AD129654" i="1"/>
  <c r="AD129655" i="1"/>
  <c r="AD129656" i="1"/>
  <c r="AD129657" i="1"/>
  <c r="AD129658" i="1"/>
  <c r="AD129659" i="1"/>
  <c r="AD129660" i="1"/>
  <c r="AD129661" i="1"/>
  <c r="AD129662" i="1"/>
  <c r="AD129663" i="1"/>
  <c r="AD129664" i="1"/>
  <c r="AD129665" i="1"/>
  <c r="AD129666" i="1"/>
  <c r="AD129667" i="1"/>
  <c r="AD129668" i="1"/>
  <c r="AD129669" i="1"/>
  <c r="AD129670" i="1"/>
  <c r="AD129671" i="1"/>
  <c r="AD129672" i="1"/>
  <c r="AD129673" i="1"/>
  <c r="AD129674" i="1"/>
  <c r="AD129675" i="1"/>
  <c r="AD129676" i="1"/>
  <c r="AD129677" i="1"/>
  <c r="AD129678" i="1"/>
  <c r="AD129679" i="1"/>
  <c r="AD129680" i="1"/>
  <c r="AD129681" i="1"/>
  <c r="AD129682" i="1"/>
  <c r="AD129683" i="1"/>
  <c r="AD129684" i="1"/>
  <c r="AD129685" i="1"/>
  <c r="AD129686" i="1"/>
  <c r="AD129687" i="1"/>
  <c r="AD129688" i="1"/>
  <c r="AD129689" i="1"/>
  <c r="AD129690" i="1"/>
  <c r="AD129691" i="1"/>
  <c r="AD129692" i="1"/>
  <c r="AD129693" i="1"/>
  <c r="AD129694" i="1"/>
  <c r="AD129695" i="1"/>
  <c r="AD129696" i="1"/>
  <c r="AD129697" i="1"/>
  <c r="AD129698" i="1"/>
  <c r="AD129699" i="1"/>
  <c r="AD129700" i="1"/>
  <c r="AD129701" i="1"/>
  <c r="AD129702" i="1"/>
  <c r="AD129703" i="1"/>
  <c r="AD129704" i="1"/>
  <c r="AD129705" i="1"/>
  <c r="AD129706" i="1"/>
  <c r="AD129707" i="1"/>
  <c r="AD129708" i="1"/>
  <c r="AD129709" i="1"/>
  <c r="AD129710" i="1"/>
  <c r="AD129711" i="1"/>
  <c r="AD129712" i="1"/>
  <c r="AD129713" i="1"/>
  <c r="AD129714" i="1"/>
  <c r="AD129715" i="1"/>
  <c r="AD129716" i="1"/>
  <c r="AD129717" i="1"/>
  <c r="AD129718" i="1"/>
  <c r="AD129719" i="1"/>
  <c r="AD129720" i="1"/>
  <c r="AD129721" i="1"/>
  <c r="AD129722" i="1"/>
  <c r="AD129723" i="1"/>
  <c r="AD129724" i="1"/>
  <c r="AD129725" i="1"/>
  <c r="AD129726" i="1"/>
  <c r="AD129727" i="1"/>
  <c r="AD129728" i="1"/>
  <c r="AD129729" i="1"/>
  <c r="AD129730" i="1"/>
  <c r="AD129731" i="1"/>
  <c r="AD129732" i="1"/>
  <c r="AD129733" i="1"/>
  <c r="AD129734" i="1"/>
  <c r="AD129735" i="1"/>
  <c r="AD129736" i="1"/>
  <c r="AD129737" i="1"/>
  <c r="AD129738" i="1"/>
  <c r="AD129739" i="1"/>
  <c r="AD129740" i="1"/>
  <c r="AD129741" i="1"/>
  <c r="AD129742" i="1"/>
  <c r="AD129743" i="1"/>
  <c r="AD129744" i="1"/>
  <c r="AD129745" i="1"/>
  <c r="AD129746" i="1"/>
  <c r="AD129747" i="1"/>
  <c r="AD129748" i="1"/>
  <c r="AD129749" i="1"/>
  <c r="AD129750" i="1"/>
  <c r="AD129751" i="1"/>
  <c r="AD129752" i="1"/>
  <c r="AD129753" i="1"/>
  <c r="AD129754" i="1"/>
  <c r="AD129755" i="1"/>
  <c r="AD129756" i="1"/>
  <c r="AD129757" i="1"/>
  <c r="AD129758" i="1"/>
  <c r="AD129759" i="1"/>
  <c r="AD129760" i="1"/>
  <c r="AD129761" i="1"/>
  <c r="AD129762" i="1"/>
  <c r="AD129763" i="1"/>
  <c r="AD129764" i="1"/>
  <c r="AD129765" i="1"/>
  <c r="AD129766" i="1"/>
  <c r="AD129767" i="1"/>
  <c r="AD129768" i="1"/>
  <c r="AD129769" i="1"/>
  <c r="AD129770" i="1"/>
  <c r="AD129771" i="1"/>
  <c r="AD129772" i="1"/>
  <c r="AD129773" i="1"/>
  <c r="AD129774" i="1"/>
  <c r="AD129775" i="1"/>
  <c r="AD129776" i="1"/>
  <c r="AD129777" i="1"/>
  <c r="AD129778" i="1"/>
  <c r="AD129779" i="1"/>
  <c r="AD129780" i="1"/>
  <c r="AD129781" i="1"/>
  <c r="AD129782" i="1"/>
  <c r="AD129783" i="1"/>
  <c r="AD129784" i="1"/>
  <c r="AD129785" i="1"/>
  <c r="AD129786" i="1"/>
  <c r="AD129787" i="1"/>
  <c r="AD129788" i="1"/>
  <c r="AD129789" i="1"/>
  <c r="AD129790" i="1"/>
  <c r="AD129791" i="1"/>
  <c r="AD129792" i="1"/>
  <c r="AD129793" i="1"/>
  <c r="AD129794" i="1"/>
  <c r="AD129795" i="1"/>
  <c r="AD129796" i="1"/>
  <c r="AD129797" i="1"/>
  <c r="AD129798" i="1"/>
  <c r="AD129799" i="1"/>
  <c r="AD129800" i="1"/>
  <c r="AD129801" i="1"/>
  <c r="AD129802" i="1"/>
  <c r="AD129803" i="1"/>
  <c r="AD129804" i="1"/>
  <c r="AD129805" i="1"/>
  <c r="AD129806" i="1"/>
  <c r="AD129807" i="1"/>
  <c r="AD129808" i="1"/>
  <c r="AD129809" i="1"/>
  <c r="AD129810" i="1"/>
  <c r="AD129811" i="1"/>
  <c r="AD129812" i="1"/>
  <c r="AD129813" i="1"/>
  <c r="AD129814" i="1"/>
  <c r="AD129815" i="1"/>
  <c r="AD129816" i="1"/>
  <c r="AD129817" i="1"/>
  <c r="AD129818" i="1"/>
  <c r="AD129819" i="1"/>
  <c r="AD129820" i="1"/>
  <c r="AD129821" i="1"/>
  <c r="AD129822" i="1"/>
  <c r="AD129823" i="1"/>
  <c r="AD129824" i="1"/>
  <c r="AD129825" i="1"/>
  <c r="AD129826" i="1"/>
  <c r="AD129827" i="1"/>
  <c r="AD129828" i="1"/>
  <c r="AD129829" i="1"/>
  <c r="AD129830" i="1"/>
  <c r="AD129831" i="1"/>
  <c r="AD129832" i="1"/>
  <c r="AD129833" i="1"/>
  <c r="AD129834" i="1"/>
  <c r="AD129835" i="1"/>
  <c r="AD129836" i="1"/>
  <c r="AD129837" i="1"/>
  <c r="AD129838" i="1"/>
  <c r="AD129839" i="1"/>
  <c r="AD129840" i="1"/>
  <c r="AD129841" i="1"/>
  <c r="AD129842" i="1"/>
  <c r="AD129843" i="1"/>
  <c r="AD129844" i="1"/>
  <c r="AD129845" i="1"/>
  <c r="AD129846" i="1"/>
  <c r="AD129847" i="1"/>
  <c r="AD129848" i="1"/>
  <c r="AD129849" i="1"/>
  <c r="AD129850" i="1"/>
  <c r="AD129851" i="1"/>
  <c r="AD129852" i="1"/>
  <c r="AD129853" i="1"/>
  <c r="AD129854" i="1"/>
  <c r="AD129855" i="1"/>
  <c r="AD129856" i="1"/>
  <c r="AD129857" i="1"/>
  <c r="AD129858" i="1"/>
  <c r="AD129859" i="1"/>
  <c r="AD129860" i="1"/>
  <c r="AD129861" i="1"/>
  <c r="AD129862" i="1"/>
  <c r="AD129863" i="1"/>
  <c r="AD129864" i="1"/>
  <c r="AD129865" i="1"/>
  <c r="AD129866" i="1"/>
  <c r="AD129867" i="1"/>
  <c r="AD129868" i="1"/>
  <c r="AD129869" i="1"/>
  <c r="AD129870" i="1"/>
  <c r="AD129871" i="1"/>
  <c r="AD129872" i="1"/>
  <c r="AD129873" i="1"/>
  <c r="AD129874" i="1"/>
  <c r="AD129875" i="1"/>
  <c r="AD129876" i="1"/>
  <c r="AD129877" i="1"/>
  <c r="AD129878" i="1"/>
  <c r="AD129879" i="1"/>
  <c r="AD129880" i="1"/>
  <c r="AD129881" i="1"/>
  <c r="AD129882" i="1"/>
  <c r="AD129883" i="1"/>
  <c r="AD129884" i="1"/>
  <c r="AD129885" i="1"/>
  <c r="AD129886" i="1"/>
  <c r="AD129887" i="1"/>
  <c r="AD129888" i="1"/>
  <c r="AD129889" i="1"/>
  <c r="AD129890" i="1"/>
  <c r="AD129891" i="1"/>
  <c r="AD129892" i="1"/>
  <c r="AD129893" i="1"/>
  <c r="AD129894" i="1"/>
  <c r="AD129895" i="1"/>
  <c r="AD129896" i="1"/>
  <c r="AD129897" i="1"/>
  <c r="AD129898" i="1"/>
  <c r="AD129899" i="1"/>
  <c r="AD129900" i="1"/>
  <c r="AD129901" i="1"/>
  <c r="AD129902" i="1"/>
  <c r="AD129903" i="1"/>
  <c r="AD129904" i="1"/>
  <c r="AD129905" i="1"/>
  <c r="AD129906" i="1"/>
  <c r="AD129907" i="1"/>
  <c r="AD129908" i="1"/>
  <c r="AD129909" i="1"/>
  <c r="AD129910" i="1"/>
  <c r="AD129911" i="1"/>
  <c r="AD129912" i="1"/>
  <c r="AD129913" i="1"/>
  <c r="AD129914" i="1"/>
  <c r="AD129915" i="1"/>
  <c r="AD129916" i="1"/>
  <c r="AD129917" i="1"/>
  <c r="AD129918" i="1"/>
  <c r="AD129919" i="1"/>
  <c r="AD129920" i="1"/>
  <c r="AD129921" i="1"/>
  <c r="AD129922" i="1"/>
  <c r="AD129923" i="1"/>
  <c r="AD129924" i="1"/>
  <c r="AD129925" i="1"/>
  <c r="AD129926" i="1"/>
  <c r="AD129927" i="1"/>
  <c r="AD129928" i="1"/>
  <c r="AD129929" i="1"/>
  <c r="AD129930" i="1"/>
  <c r="AD129931" i="1"/>
  <c r="AD129932" i="1"/>
  <c r="AD129933" i="1"/>
  <c r="AD129934" i="1"/>
  <c r="AD129935" i="1"/>
  <c r="AD129936" i="1"/>
  <c r="AD129937" i="1"/>
  <c r="AD129938" i="1"/>
  <c r="AD129939" i="1"/>
  <c r="AD129940" i="1"/>
  <c r="AD129941" i="1"/>
  <c r="AD129942" i="1"/>
  <c r="AD129943" i="1"/>
  <c r="AD129944" i="1"/>
  <c r="AD129945" i="1"/>
  <c r="AD129946" i="1"/>
  <c r="AD129947" i="1"/>
  <c r="AD129948" i="1"/>
  <c r="AD129949" i="1"/>
  <c r="AD129950" i="1"/>
  <c r="AD129951" i="1"/>
  <c r="AD129952" i="1"/>
  <c r="AD129953" i="1"/>
  <c r="AD129954" i="1"/>
  <c r="AD129955" i="1"/>
  <c r="AD129956" i="1"/>
  <c r="AD129957" i="1"/>
  <c r="AD129958" i="1"/>
  <c r="AD129959" i="1"/>
  <c r="AD129960" i="1"/>
  <c r="AD129961" i="1"/>
  <c r="AD129962" i="1"/>
  <c r="AD129963" i="1"/>
  <c r="AD129964" i="1"/>
  <c r="AD129965" i="1"/>
  <c r="AD129966" i="1"/>
  <c r="AD129967" i="1"/>
  <c r="AD129968" i="1"/>
  <c r="AD129969" i="1"/>
  <c r="AD129970" i="1"/>
  <c r="AD129971" i="1"/>
  <c r="AD129972" i="1"/>
  <c r="AD129973" i="1"/>
  <c r="AD129974" i="1"/>
  <c r="AD129975" i="1"/>
  <c r="AD129976" i="1"/>
  <c r="AD129977" i="1"/>
  <c r="AD129978" i="1"/>
  <c r="AD129979" i="1"/>
  <c r="AD129980" i="1"/>
  <c r="AD129981" i="1"/>
  <c r="AD129982" i="1"/>
  <c r="AD129983" i="1"/>
  <c r="AD129984" i="1"/>
  <c r="AD129985" i="1"/>
  <c r="AD129986" i="1"/>
  <c r="AD129987" i="1"/>
  <c r="AD129988" i="1"/>
  <c r="AD129989" i="1"/>
  <c r="AD129990" i="1"/>
  <c r="AD129991" i="1"/>
  <c r="AD129992" i="1"/>
  <c r="AD129993" i="1"/>
  <c r="AD129994" i="1"/>
  <c r="AD129995" i="1"/>
  <c r="AD129996" i="1"/>
  <c r="AD129997" i="1"/>
  <c r="AD129998" i="1"/>
  <c r="AD129999" i="1"/>
  <c r="AD130000" i="1"/>
  <c r="AD130001" i="1"/>
  <c r="AD130002" i="1"/>
  <c r="AD130003" i="1"/>
  <c r="AD130004" i="1"/>
  <c r="AD130005" i="1"/>
  <c r="AD130006" i="1"/>
  <c r="AD130007" i="1"/>
  <c r="AD130008" i="1"/>
  <c r="AD130009" i="1"/>
  <c r="AD130010" i="1"/>
  <c r="AD130011" i="1"/>
  <c r="AD130012" i="1"/>
  <c r="AD130013" i="1"/>
  <c r="AD130014" i="1"/>
  <c r="AD130015" i="1"/>
  <c r="AD130016" i="1"/>
  <c r="AD130017" i="1"/>
  <c r="AD130018" i="1"/>
  <c r="AD130019" i="1"/>
  <c r="AD130020" i="1"/>
  <c r="AD130021" i="1"/>
  <c r="AD130022" i="1"/>
  <c r="AD130023" i="1"/>
  <c r="AD130024" i="1"/>
  <c r="AD130025" i="1"/>
  <c r="AD130026" i="1"/>
  <c r="AD130027" i="1"/>
  <c r="AD130028" i="1"/>
  <c r="AD130029" i="1"/>
  <c r="AD130030" i="1"/>
  <c r="AD130031" i="1"/>
  <c r="AD130032" i="1"/>
  <c r="AD130033" i="1"/>
  <c r="AD130034" i="1"/>
  <c r="AD130035" i="1"/>
  <c r="AD130036" i="1"/>
  <c r="AD130037" i="1"/>
  <c r="AD130038" i="1"/>
  <c r="AD130039" i="1"/>
  <c r="AD130040" i="1"/>
  <c r="AD130041" i="1"/>
  <c r="AD130042" i="1"/>
  <c r="AD130043" i="1"/>
  <c r="AD130044" i="1"/>
  <c r="AD130045" i="1"/>
  <c r="AD130046" i="1"/>
  <c r="AD130047" i="1"/>
  <c r="AD130048" i="1"/>
  <c r="AD130049" i="1"/>
  <c r="AD130050" i="1"/>
  <c r="AD130051" i="1"/>
  <c r="AD130052" i="1"/>
  <c r="AD130053" i="1"/>
  <c r="AD130054" i="1"/>
  <c r="AD130055" i="1"/>
  <c r="AD130056" i="1"/>
  <c r="AD130057" i="1"/>
  <c r="AD130058" i="1"/>
  <c r="AD130059" i="1"/>
  <c r="AD130060" i="1"/>
  <c r="AD130061" i="1"/>
  <c r="AD130062" i="1"/>
  <c r="AD130063" i="1"/>
  <c r="AD130064" i="1"/>
  <c r="AD130065" i="1"/>
  <c r="AD130066" i="1"/>
  <c r="AD130067" i="1"/>
  <c r="AD130068" i="1"/>
  <c r="AD130069" i="1"/>
  <c r="AD130070" i="1"/>
  <c r="AD130071" i="1"/>
  <c r="AD130072" i="1"/>
  <c r="AD130073" i="1"/>
  <c r="AD130074" i="1"/>
  <c r="AD130075" i="1"/>
  <c r="AD130076" i="1"/>
  <c r="AD130077" i="1"/>
  <c r="AD130078" i="1"/>
  <c r="AD130079" i="1"/>
  <c r="AD130080" i="1"/>
  <c r="AD130081" i="1"/>
  <c r="AD130082" i="1"/>
  <c r="AD130083" i="1"/>
  <c r="AD130084" i="1"/>
  <c r="AD130085" i="1"/>
  <c r="AD130086" i="1"/>
  <c r="AD130087" i="1"/>
  <c r="AD130088" i="1"/>
  <c r="AD130089" i="1"/>
  <c r="AD130090" i="1"/>
  <c r="AD130091" i="1"/>
  <c r="AD130092" i="1"/>
  <c r="AD130093" i="1"/>
  <c r="AD130094" i="1"/>
  <c r="AD130095" i="1"/>
  <c r="AD130096" i="1"/>
  <c r="AD130097" i="1"/>
  <c r="AD130098" i="1"/>
  <c r="AD130099" i="1"/>
  <c r="AD130100" i="1"/>
  <c r="AD130101" i="1"/>
  <c r="AD130102" i="1"/>
  <c r="AD130103" i="1"/>
  <c r="AD130104" i="1"/>
  <c r="AD130105" i="1"/>
  <c r="AD130106" i="1"/>
  <c r="AD130107" i="1"/>
  <c r="AD130108" i="1"/>
  <c r="AD130109" i="1"/>
  <c r="AD130110" i="1"/>
  <c r="AD130111" i="1"/>
  <c r="AD130112" i="1"/>
  <c r="AD130113" i="1"/>
  <c r="AD130114" i="1"/>
  <c r="AD130115" i="1"/>
  <c r="AD130116" i="1"/>
  <c r="AD130117" i="1"/>
  <c r="AD130118" i="1"/>
  <c r="AD130119" i="1"/>
  <c r="AD130120" i="1"/>
  <c r="AD130121" i="1"/>
  <c r="AD130122" i="1"/>
  <c r="AD130123" i="1"/>
  <c r="AD130124" i="1"/>
  <c r="AD130125" i="1"/>
  <c r="AD130126" i="1"/>
  <c r="AD130127" i="1"/>
  <c r="AD130128" i="1"/>
  <c r="AD130129" i="1"/>
  <c r="AD130130" i="1"/>
  <c r="AD130131" i="1"/>
  <c r="AD130132" i="1"/>
  <c r="AD130133" i="1"/>
  <c r="AD130134" i="1"/>
  <c r="AD130135" i="1"/>
  <c r="AD130136" i="1"/>
  <c r="AD130137" i="1"/>
  <c r="AD130138" i="1"/>
  <c r="AD130139" i="1"/>
  <c r="AD130140" i="1"/>
  <c r="AD130141" i="1"/>
  <c r="AD130142" i="1"/>
  <c r="AD130143" i="1"/>
  <c r="AD130144" i="1"/>
  <c r="AD130145" i="1"/>
  <c r="AD130146" i="1"/>
  <c r="AD130147" i="1"/>
  <c r="AD130148" i="1"/>
  <c r="AD130149" i="1"/>
  <c r="AD130150" i="1"/>
  <c r="AD130151" i="1"/>
  <c r="AD130152" i="1"/>
  <c r="AD130153" i="1"/>
  <c r="AD130154" i="1"/>
  <c r="AD130155" i="1"/>
  <c r="AD130156" i="1"/>
  <c r="AD130157" i="1"/>
  <c r="AD130158" i="1"/>
  <c r="AD130159" i="1"/>
  <c r="AD130160" i="1"/>
  <c r="AD130161" i="1"/>
  <c r="AD130162" i="1"/>
  <c r="AD130163" i="1"/>
  <c r="AD130164" i="1"/>
  <c r="AD130165" i="1"/>
  <c r="AD130166" i="1"/>
  <c r="AD130167" i="1"/>
  <c r="AD130168" i="1"/>
  <c r="AD130169" i="1"/>
  <c r="AD130170" i="1"/>
  <c r="AD130171" i="1"/>
  <c r="AD130172" i="1"/>
  <c r="AD130173" i="1"/>
  <c r="AD130174" i="1"/>
  <c r="AD130175" i="1"/>
  <c r="AD130176" i="1"/>
  <c r="AD130177" i="1"/>
  <c r="AD130178" i="1"/>
  <c r="AD130179" i="1"/>
  <c r="AD130180" i="1"/>
  <c r="AD130181" i="1"/>
  <c r="AD130182" i="1"/>
  <c r="AD130183" i="1"/>
  <c r="AD130184" i="1"/>
  <c r="AD130185" i="1"/>
  <c r="AD130186" i="1"/>
  <c r="AD130187" i="1"/>
  <c r="AD130188" i="1"/>
  <c r="AD130189" i="1"/>
  <c r="AD130190" i="1"/>
  <c r="AD130191" i="1"/>
  <c r="AD130192" i="1"/>
  <c r="AD130193" i="1"/>
  <c r="AD130194" i="1"/>
  <c r="AD130195" i="1"/>
  <c r="AD130196" i="1"/>
  <c r="AD130197" i="1"/>
  <c r="AD130198" i="1"/>
  <c r="AD130199" i="1"/>
  <c r="AD130200" i="1"/>
  <c r="AD130201" i="1"/>
  <c r="AD130202" i="1"/>
  <c r="AD130203" i="1"/>
  <c r="AD130204" i="1"/>
  <c r="AD130205" i="1"/>
  <c r="AD130206" i="1"/>
  <c r="AD130207" i="1"/>
  <c r="AD130208" i="1"/>
  <c r="AD130209" i="1"/>
  <c r="AD130210" i="1"/>
  <c r="AD130211" i="1"/>
  <c r="AD130212" i="1"/>
  <c r="AD130213" i="1"/>
  <c r="AD130214" i="1"/>
  <c r="AD130215" i="1"/>
  <c r="AD130216" i="1"/>
  <c r="AD130217" i="1"/>
  <c r="AD130218" i="1"/>
  <c r="AD130219" i="1"/>
  <c r="AD130220" i="1"/>
  <c r="AD130221" i="1"/>
  <c r="AD130222" i="1"/>
  <c r="AD130223" i="1"/>
  <c r="AD130224" i="1"/>
  <c r="AD130225" i="1"/>
  <c r="AD130226" i="1"/>
  <c r="AD130227" i="1"/>
  <c r="AD130228" i="1"/>
  <c r="AD130229" i="1"/>
  <c r="AD130230" i="1"/>
  <c r="AD130231" i="1"/>
  <c r="AD130232" i="1"/>
  <c r="AD130233" i="1"/>
  <c r="AD130234" i="1"/>
  <c r="AD130235" i="1"/>
  <c r="AD130236" i="1"/>
  <c r="AD130237" i="1"/>
  <c r="AD130238" i="1"/>
  <c r="AD130239" i="1"/>
  <c r="AD130240" i="1"/>
  <c r="AD130241" i="1"/>
  <c r="AD130242" i="1"/>
  <c r="AD130243" i="1"/>
  <c r="AD130244" i="1"/>
  <c r="AD130245" i="1"/>
  <c r="AD130246" i="1"/>
  <c r="AD130247" i="1"/>
  <c r="AD130248" i="1"/>
  <c r="AD130249" i="1"/>
  <c r="AD130250" i="1"/>
  <c r="AD130251" i="1"/>
  <c r="AD130252" i="1"/>
  <c r="AD130253" i="1"/>
  <c r="AD130254" i="1"/>
  <c r="AD130255" i="1"/>
  <c r="AD130256" i="1"/>
  <c r="AD130257" i="1"/>
  <c r="AD130258" i="1"/>
  <c r="AD130259" i="1"/>
  <c r="AD130260" i="1"/>
  <c r="AD130261" i="1"/>
  <c r="AD130262" i="1"/>
  <c r="AD130263" i="1"/>
  <c r="AD130264" i="1"/>
  <c r="AD130265" i="1"/>
  <c r="AD130266" i="1"/>
  <c r="AD130267" i="1"/>
  <c r="AD130268" i="1"/>
  <c r="AD130269" i="1"/>
  <c r="AD130270" i="1"/>
  <c r="AD130271" i="1"/>
  <c r="AD130272" i="1"/>
  <c r="AD130273" i="1"/>
  <c r="AD130274" i="1"/>
  <c r="AD130275" i="1"/>
  <c r="AD130276" i="1"/>
  <c r="AD130277" i="1"/>
  <c r="AD130278" i="1"/>
  <c r="AD130279" i="1"/>
  <c r="AD130280" i="1"/>
  <c r="AD130281" i="1"/>
  <c r="AD130282" i="1"/>
  <c r="AD130283" i="1"/>
  <c r="AD130284" i="1"/>
  <c r="AD130285" i="1"/>
  <c r="AD130286" i="1"/>
  <c r="AD130287" i="1"/>
  <c r="AD130288" i="1"/>
  <c r="AD130289" i="1"/>
  <c r="AD130290" i="1"/>
  <c r="AD130291" i="1"/>
  <c r="AD130292" i="1"/>
  <c r="AD130293" i="1"/>
  <c r="AD130294" i="1"/>
  <c r="AD130295" i="1"/>
  <c r="AD130296" i="1"/>
  <c r="AD130297" i="1"/>
  <c r="AD130298" i="1"/>
  <c r="AD130299" i="1"/>
  <c r="AD130300" i="1"/>
  <c r="AD130301" i="1"/>
  <c r="AD130302" i="1"/>
  <c r="AD130303" i="1"/>
  <c r="AD130304" i="1"/>
  <c r="AD130305" i="1"/>
  <c r="AD130306" i="1"/>
  <c r="AD130307" i="1"/>
  <c r="AD130308" i="1"/>
  <c r="AD130309" i="1"/>
  <c r="AD130310" i="1"/>
  <c r="AD130311" i="1"/>
  <c r="AD130312" i="1"/>
  <c r="AD130313" i="1"/>
  <c r="AD130314" i="1"/>
  <c r="AD130315" i="1"/>
  <c r="AD130316" i="1"/>
  <c r="AD130317" i="1"/>
  <c r="AD130318" i="1"/>
  <c r="AD130319" i="1"/>
  <c r="AD130320" i="1"/>
  <c r="AD130321" i="1"/>
  <c r="AD130322" i="1"/>
  <c r="AD130323" i="1"/>
  <c r="AD130324" i="1"/>
  <c r="AD130325" i="1"/>
  <c r="AD130326" i="1"/>
  <c r="AD130327" i="1"/>
  <c r="AD130328" i="1"/>
  <c r="AD130329" i="1"/>
  <c r="AD130330" i="1"/>
  <c r="AD130331" i="1"/>
  <c r="AD130332" i="1"/>
  <c r="AD130333" i="1"/>
  <c r="AD130334" i="1"/>
  <c r="AD130335" i="1"/>
  <c r="AD130336" i="1"/>
  <c r="AD130337" i="1"/>
  <c r="AD130338" i="1"/>
  <c r="AD130339" i="1"/>
  <c r="AD130340" i="1"/>
  <c r="AD130341" i="1"/>
  <c r="AD130342" i="1"/>
  <c r="AD130343" i="1"/>
  <c r="AD130344" i="1"/>
  <c r="AD130345" i="1"/>
  <c r="AD130346" i="1"/>
  <c r="AD130347" i="1"/>
  <c r="AD130348" i="1"/>
  <c r="AD130349" i="1"/>
  <c r="AD130350" i="1"/>
  <c r="AD130351" i="1"/>
  <c r="AD130352" i="1"/>
  <c r="AD130353" i="1"/>
  <c r="AD130354" i="1"/>
  <c r="AD130355" i="1"/>
  <c r="AD130356" i="1"/>
  <c r="AD130357" i="1"/>
  <c r="AD130358" i="1"/>
  <c r="AD130359" i="1"/>
  <c r="AD130360" i="1"/>
  <c r="AD130361" i="1"/>
  <c r="AD130362" i="1"/>
  <c r="AD130363" i="1"/>
  <c r="AD130364" i="1"/>
  <c r="AD130365" i="1"/>
  <c r="AD130366" i="1"/>
  <c r="AD130367" i="1"/>
  <c r="AD130368" i="1"/>
  <c r="AD130369" i="1"/>
  <c r="AD130370" i="1"/>
  <c r="AD130371" i="1"/>
  <c r="AD130372" i="1"/>
  <c r="AD130373" i="1"/>
  <c r="AD130374" i="1"/>
  <c r="AD130375" i="1"/>
  <c r="AD130376" i="1"/>
  <c r="AD130377" i="1"/>
  <c r="AD130378" i="1"/>
  <c r="AD130379" i="1"/>
  <c r="AD130380" i="1"/>
  <c r="AD130381" i="1"/>
  <c r="AD130382" i="1"/>
  <c r="AD130383" i="1"/>
  <c r="AD130384" i="1"/>
  <c r="AD130385" i="1"/>
  <c r="AD130386" i="1"/>
  <c r="AD130387" i="1"/>
  <c r="AD130388" i="1"/>
  <c r="AD130389" i="1"/>
  <c r="AD130390" i="1"/>
  <c r="AD130391" i="1"/>
  <c r="AD130392" i="1"/>
  <c r="AD130393" i="1"/>
  <c r="AD130394" i="1"/>
  <c r="AD130395" i="1"/>
  <c r="AD130396" i="1"/>
  <c r="AD130397" i="1"/>
  <c r="AD130398" i="1"/>
  <c r="AD130399" i="1"/>
  <c r="AD130400" i="1"/>
  <c r="AD130401" i="1"/>
  <c r="AD130402" i="1"/>
  <c r="AD130403" i="1"/>
  <c r="AD130404" i="1"/>
  <c r="AD130405" i="1"/>
  <c r="AD130406" i="1"/>
  <c r="AD130407" i="1"/>
  <c r="AD130408" i="1"/>
  <c r="AD130409" i="1"/>
  <c r="AD130410" i="1"/>
  <c r="AD130411" i="1"/>
  <c r="AD130412" i="1"/>
  <c r="AD130413" i="1"/>
  <c r="AD130414" i="1"/>
  <c r="AD130415" i="1"/>
  <c r="AD130416" i="1"/>
  <c r="AD130417" i="1"/>
  <c r="AD130418" i="1"/>
  <c r="AD130419" i="1"/>
  <c r="AD130420" i="1"/>
  <c r="AD130421" i="1"/>
  <c r="AD130422" i="1"/>
  <c r="AD130423" i="1"/>
  <c r="AD130424" i="1"/>
  <c r="AD130425" i="1"/>
  <c r="AD130426" i="1"/>
  <c r="AD130427" i="1"/>
  <c r="AD130428" i="1"/>
  <c r="AD130429" i="1"/>
  <c r="AD130430" i="1"/>
  <c r="AD130431" i="1"/>
  <c r="AD130432" i="1"/>
  <c r="AD130433" i="1"/>
  <c r="AD130434" i="1"/>
  <c r="AD130435" i="1"/>
  <c r="AD130436" i="1"/>
  <c r="AD130437" i="1"/>
  <c r="AD130438" i="1"/>
  <c r="AD130439" i="1"/>
  <c r="AD130440" i="1"/>
  <c r="AD130441" i="1"/>
  <c r="AD130442" i="1"/>
  <c r="AD130443" i="1"/>
  <c r="AD130444" i="1"/>
  <c r="AD130445" i="1"/>
  <c r="AD130446" i="1"/>
  <c r="AD130447" i="1"/>
  <c r="AD130448" i="1"/>
  <c r="AD130449" i="1"/>
  <c r="AD130450" i="1"/>
  <c r="AD130451" i="1"/>
  <c r="AD130452" i="1"/>
  <c r="AD130453" i="1"/>
  <c r="AD130454" i="1"/>
  <c r="AD130455" i="1"/>
  <c r="AD130456" i="1"/>
  <c r="AD130457" i="1"/>
  <c r="AD130458" i="1"/>
  <c r="AD130459" i="1"/>
  <c r="AD130460" i="1"/>
  <c r="AD130461" i="1"/>
  <c r="AD130462" i="1"/>
  <c r="AD130463" i="1"/>
  <c r="AD130464" i="1"/>
  <c r="AD130465" i="1"/>
  <c r="AD130466" i="1"/>
  <c r="AD130467" i="1"/>
  <c r="AD130468" i="1"/>
  <c r="AD130469" i="1"/>
  <c r="AD130470" i="1"/>
  <c r="AD130471" i="1"/>
  <c r="AD130472" i="1"/>
  <c r="AD130473" i="1"/>
  <c r="AD130474" i="1"/>
  <c r="AD130475" i="1"/>
  <c r="AD130476" i="1"/>
  <c r="AD130477" i="1"/>
  <c r="AD130478" i="1"/>
  <c r="AD130479" i="1"/>
  <c r="AD130480" i="1"/>
  <c r="AD130481" i="1"/>
  <c r="AD130482" i="1"/>
  <c r="AD130483" i="1"/>
  <c r="AD130484" i="1"/>
  <c r="AD130485" i="1"/>
  <c r="AD130486" i="1"/>
  <c r="AD130487" i="1"/>
  <c r="AD130488" i="1"/>
  <c r="AD130489" i="1"/>
  <c r="AD130490" i="1"/>
  <c r="AD130491" i="1"/>
  <c r="AD130492" i="1"/>
  <c r="AD130493" i="1"/>
  <c r="AD130494" i="1"/>
  <c r="AD130495" i="1"/>
  <c r="AD130496" i="1"/>
  <c r="AD130497" i="1"/>
  <c r="AD130498" i="1"/>
  <c r="AD130499" i="1"/>
  <c r="AD130500" i="1"/>
  <c r="AD130501" i="1"/>
  <c r="AD130502" i="1"/>
  <c r="AD130503" i="1"/>
  <c r="AD130504" i="1"/>
  <c r="AD130505" i="1"/>
  <c r="AD130506" i="1"/>
  <c r="AD130507" i="1"/>
  <c r="AD130508" i="1"/>
  <c r="AD130509" i="1"/>
  <c r="AD130510" i="1"/>
  <c r="AD130511" i="1"/>
  <c r="AD130512" i="1"/>
  <c r="AD130513" i="1"/>
  <c r="AD130514" i="1"/>
  <c r="AD130515" i="1"/>
  <c r="AD130516" i="1"/>
  <c r="AD130517" i="1"/>
  <c r="AD130518" i="1"/>
  <c r="AD130519" i="1"/>
  <c r="AD130520" i="1"/>
  <c r="AD130521" i="1"/>
  <c r="AD130522" i="1"/>
  <c r="AD130523" i="1"/>
  <c r="AD130524" i="1"/>
  <c r="AD130525" i="1"/>
  <c r="AD130526" i="1"/>
  <c r="AD130527" i="1"/>
  <c r="AD130528" i="1"/>
  <c r="AD130529" i="1"/>
  <c r="AD130530" i="1"/>
  <c r="AD130531" i="1"/>
  <c r="AD130532" i="1"/>
  <c r="AD130533" i="1"/>
  <c r="AD130534" i="1"/>
  <c r="AD130535" i="1"/>
  <c r="AD130536" i="1"/>
  <c r="AD130537" i="1"/>
  <c r="AD130538" i="1"/>
  <c r="AD130539" i="1"/>
  <c r="AD130540" i="1"/>
  <c r="AD130541" i="1"/>
  <c r="AD130542" i="1"/>
  <c r="AD130543" i="1"/>
  <c r="AD130544" i="1"/>
  <c r="AD130545" i="1"/>
  <c r="AD130546" i="1"/>
  <c r="AD130547" i="1"/>
  <c r="AD130548" i="1"/>
  <c r="AD130549" i="1"/>
  <c r="AD130550" i="1"/>
  <c r="AD130551" i="1"/>
  <c r="AD130552" i="1"/>
  <c r="AD130553" i="1"/>
  <c r="AD130554" i="1"/>
  <c r="AD130555" i="1"/>
  <c r="AD130556" i="1"/>
  <c r="AD130557" i="1"/>
  <c r="AD130558" i="1"/>
  <c r="AD130559" i="1"/>
  <c r="AD130560" i="1"/>
  <c r="AD130561" i="1"/>
  <c r="AD130562" i="1"/>
  <c r="AD130563" i="1"/>
  <c r="AD130564" i="1"/>
  <c r="AD130565" i="1"/>
  <c r="AD130566" i="1"/>
  <c r="AD130567" i="1"/>
  <c r="AD130568" i="1"/>
  <c r="AD130569" i="1"/>
  <c r="AD130570" i="1"/>
  <c r="AD130571" i="1"/>
  <c r="AD130572" i="1"/>
  <c r="AD130573" i="1"/>
  <c r="AD130574" i="1"/>
  <c r="AD130575" i="1"/>
  <c r="AD130576" i="1"/>
  <c r="AD130577" i="1"/>
  <c r="AD130578" i="1"/>
  <c r="AD130579" i="1"/>
  <c r="AD130580" i="1"/>
  <c r="AD130581" i="1"/>
  <c r="AD130582" i="1"/>
  <c r="AD130583" i="1"/>
  <c r="AD130584" i="1"/>
  <c r="AD130585" i="1"/>
  <c r="AD130586" i="1"/>
  <c r="AD130587" i="1"/>
  <c r="AD130588" i="1"/>
  <c r="AD130589" i="1"/>
  <c r="AD130590" i="1"/>
  <c r="AD130591" i="1"/>
  <c r="AD130592" i="1"/>
  <c r="AD130593" i="1"/>
  <c r="AD130594" i="1"/>
  <c r="AD130595" i="1"/>
  <c r="AD130596" i="1"/>
  <c r="AD130597" i="1"/>
  <c r="AD130598" i="1"/>
  <c r="AD130599" i="1"/>
  <c r="AD130600" i="1"/>
  <c r="AD130601" i="1"/>
  <c r="AD130602" i="1"/>
  <c r="AD130603" i="1"/>
  <c r="AD130604" i="1"/>
  <c r="AD130605" i="1"/>
  <c r="AD130606" i="1"/>
  <c r="AD130607" i="1"/>
  <c r="AD130608" i="1"/>
  <c r="AD130609" i="1"/>
  <c r="AD130610" i="1"/>
  <c r="AD130611" i="1"/>
  <c r="AD130612" i="1"/>
  <c r="AD130613" i="1"/>
  <c r="AD130614" i="1"/>
  <c r="AD130615" i="1"/>
  <c r="AD130616" i="1"/>
  <c r="AD130617" i="1"/>
  <c r="AD130618" i="1"/>
  <c r="AD130619" i="1"/>
  <c r="AD130620" i="1"/>
  <c r="AD130621" i="1"/>
  <c r="AD130622" i="1"/>
  <c r="AD130623" i="1"/>
  <c r="AD130624" i="1"/>
  <c r="AD130625" i="1"/>
  <c r="AD130626" i="1"/>
  <c r="AD130627" i="1"/>
  <c r="AD130628" i="1"/>
  <c r="AD130629" i="1"/>
  <c r="AD130630" i="1"/>
  <c r="AD130631" i="1"/>
  <c r="AD130632" i="1"/>
  <c r="AD130633" i="1"/>
  <c r="AD130634" i="1"/>
  <c r="AD130635" i="1"/>
  <c r="AD130636" i="1"/>
  <c r="AD130637" i="1"/>
  <c r="AD130638" i="1"/>
  <c r="AD130639" i="1"/>
  <c r="AD130640" i="1"/>
  <c r="AD130641" i="1"/>
  <c r="AD130642" i="1"/>
  <c r="AD130643" i="1"/>
  <c r="AD130644" i="1"/>
  <c r="AD130645" i="1"/>
  <c r="AD130646" i="1"/>
  <c r="AD130647" i="1"/>
  <c r="AD130648" i="1"/>
  <c r="AD130649" i="1"/>
  <c r="AD130650" i="1"/>
  <c r="AD130651" i="1"/>
  <c r="AD130652" i="1"/>
  <c r="AD130653" i="1"/>
  <c r="AD130654" i="1"/>
  <c r="AD130655" i="1"/>
  <c r="AD130656" i="1"/>
  <c r="AD130657" i="1"/>
  <c r="AD130658" i="1"/>
  <c r="AD130659" i="1"/>
  <c r="AD130660" i="1"/>
  <c r="AD130661" i="1"/>
  <c r="AD130662" i="1"/>
  <c r="AD130663" i="1"/>
  <c r="AD130664" i="1"/>
  <c r="AD130665" i="1"/>
  <c r="AD130666" i="1"/>
  <c r="AD130667" i="1"/>
  <c r="AD130668" i="1"/>
  <c r="AD130669" i="1"/>
  <c r="AD130670" i="1"/>
  <c r="AD130671" i="1"/>
  <c r="AD130672" i="1"/>
  <c r="AD130673" i="1"/>
  <c r="AD130674" i="1"/>
  <c r="AD130675" i="1"/>
  <c r="AD130676" i="1"/>
  <c r="AD130677" i="1"/>
  <c r="AD130678" i="1"/>
  <c r="AD130679" i="1"/>
  <c r="AD130680" i="1"/>
  <c r="AD130681" i="1"/>
  <c r="AD130682" i="1"/>
  <c r="AD130683" i="1"/>
  <c r="AD130684" i="1"/>
  <c r="AD130685" i="1"/>
  <c r="AD130686" i="1"/>
  <c r="AD130687" i="1"/>
  <c r="AD130688" i="1"/>
  <c r="AD130689" i="1"/>
  <c r="AD130690" i="1"/>
  <c r="AD130691" i="1"/>
  <c r="AD130692" i="1"/>
  <c r="AD130693" i="1"/>
  <c r="AD130694" i="1"/>
  <c r="AD130695" i="1"/>
  <c r="AD130696" i="1"/>
  <c r="AD130697" i="1"/>
  <c r="AD130698" i="1"/>
  <c r="AD130699" i="1"/>
  <c r="AD130700" i="1"/>
  <c r="AD130701" i="1"/>
  <c r="AD130702" i="1"/>
  <c r="AD130703" i="1"/>
  <c r="AD130704" i="1"/>
  <c r="AD130705" i="1"/>
  <c r="AD130706" i="1"/>
  <c r="AD130707" i="1"/>
  <c r="AD130708" i="1"/>
  <c r="AD130709" i="1"/>
  <c r="AD130710" i="1"/>
  <c r="AD130711" i="1"/>
  <c r="AD130712" i="1"/>
  <c r="AD130713" i="1"/>
  <c r="AD130714" i="1"/>
  <c r="AD130715" i="1"/>
  <c r="AD130716" i="1"/>
  <c r="AD130717" i="1"/>
  <c r="AD130718" i="1"/>
  <c r="AD130719" i="1"/>
  <c r="AD130720" i="1"/>
  <c r="AD130721" i="1"/>
  <c r="AD130722" i="1"/>
  <c r="AD130723" i="1"/>
  <c r="AD130724" i="1"/>
  <c r="AD130725" i="1"/>
  <c r="AD130726" i="1"/>
  <c r="AD130727" i="1"/>
  <c r="AD130728" i="1"/>
  <c r="AD130729" i="1"/>
  <c r="AD130730" i="1"/>
  <c r="AD130731" i="1"/>
  <c r="AD130732" i="1"/>
  <c r="AD130733" i="1"/>
  <c r="AD130734" i="1"/>
  <c r="AD130735" i="1"/>
  <c r="AD130736" i="1"/>
  <c r="AD130737" i="1"/>
  <c r="AD130738" i="1"/>
  <c r="AD130739" i="1"/>
  <c r="AD130740" i="1"/>
  <c r="AD130741" i="1"/>
  <c r="AD130742" i="1"/>
  <c r="AD130743" i="1"/>
  <c r="AD130744" i="1"/>
  <c r="AD130745" i="1"/>
  <c r="AD130746" i="1"/>
  <c r="AD130747" i="1"/>
  <c r="AD130748" i="1"/>
  <c r="AD130749" i="1"/>
  <c r="AD130750" i="1"/>
  <c r="AD130751" i="1"/>
  <c r="AD130752" i="1"/>
  <c r="AD130753" i="1"/>
  <c r="AD130754" i="1"/>
  <c r="AD130755" i="1"/>
  <c r="AD130756" i="1"/>
  <c r="AD130757" i="1"/>
  <c r="AD130758" i="1"/>
  <c r="AD130759" i="1"/>
  <c r="AD130760" i="1"/>
  <c r="AD130761" i="1"/>
  <c r="AD130762" i="1"/>
  <c r="AD130763" i="1"/>
  <c r="AD130764" i="1"/>
  <c r="AD130765" i="1"/>
  <c r="AD130766" i="1"/>
  <c r="AD130767" i="1"/>
  <c r="AD130768" i="1"/>
  <c r="AD130769" i="1"/>
  <c r="AD130770" i="1"/>
  <c r="AD130771" i="1"/>
  <c r="AD130772" i="1"/>
  <c r="AD130773" i="1"/>
  <c r="AD130774" i="1"/>
  <c r="AD130775" i="1"/>
  <c r="AD130776" i="1"/>
  <c r="AD130777" i="1"/>
  <c r="AD130778" i="1"/>
  <c r="AD130779" i="1"/>
  <c r="AD130780" i="1"/>
  <c r="AD130781" i="1"/>
  <c r="AD130782" i="1"/>
  <c r="AD130783" i="1"/>
  <c r="AD130784" i="1"/>
  <c r="AD130785" i="1"/>
  <c r="AD130786" i="1"/>
  <c r="AD130787" i="1"/>
  <c r="AD130788" i="1"/>
  <c r="AD130789" i="1"/>
  <c r="AD130790" i="1"/>
  <c r="AD130791" i="1"/>
  <c r="AD130792" i="1"/>
  <c r="AD130793" i="1"/>
  <c r="AD130794" i="1"/>
  <c r="AD130795" i="1"/>
  <c r="AD130796" i="1"/>
  <c r="AD130797" i="1"/>
  <c r="AD130798" i="1"/>
  <c r="AD130799" i="1"/>
  <c r="AD130800" i="1"/>
  <c r="AD130801" i="1"/>
  <c r="AD130802" i="1"/>
  <c r="AD130803" i="1"/>
  <c r="AD130804" i="1"/>
  <c r="AD130805" i="1"/>
  <c r="AD130806" i="1"/>
  <c r="AD130807" i="1"/>
  <c r="AD130808" i="1"/>
  <c r="AD130809" i="1"/>
  <c r="AD130810" i="1"/>
  <c r="AD130811" i="1"/>
  <c r="AD130812" i="1"/>
  <c r="AD130813" i="1"/>
  <c r="AD130814" i="1"/>
  <c r="AD130815" i="1"/>
  <c r="AD130816" i="1"/>
  <c r="AD130817" i="1"/>
  <c r="AD130818" i="1"/>
  <c r="AD130819" i="1"/>
  <c r="AD130820" i="1"/>
  <c r="AD130821" i="1"/>
  <c r="AD130822" i="1"/>
  <c r="AD130823" i="1"/>
  <c r="AD130824" i="1"/>
  <c r="AD130825" i="1"/>
  <c r="AD130826" i="1"/>
  <c r="AD130827" i="1"/>
  <c r="AD130828" i="1"/>
  <c r="AD130829" i="1"/>
  <c r="AD130830" i="1"/>
  <c r="AD130831" i="1"/>
  <c r="AD130832" i="1"/>
  <c r="AD130833" i="1"/>
  <c r="AD130834" i="1"/>
  <c r="AD130835" i="1"/>
  <c r="AD130836" i="1"/>
  <c r="AD130837" i="1"/>
  <c r="AD130838" i="1"/>
  <c r="AD130839" i="1"/>
  <c r="AD130840" i="1"/>
  <c r="AD130841" i="1"/>
  <c r="AD130842" i="1"/>
  <c r="AD130843" i="1"/>
  <c r="AD130844" i="1"/>
  <c r="AD130845" i="1"/>
  <c r="AD130846" i="1"/>
  <c r="AD130847" i="1"/>
  <c r="AD130848" i="1"/>
  <c r="AD130849" i="1"/>
  <c r="AD130850" i="1"/>
  <c r="AD130851" i="1"/>
  <c r="AD130852" i="1"/>
  <c r="AD130853" i="1"/>
  <c r="AD130854" i="1"/>
  <c r="AD130855" i="1"/>
  <c r="AD130856" i="1"/>
  <c r="AD130857" i="1"/>
  <c r="AD130858" i="1"/>
  <c r="AD130859" i="1"/>
  <c r="AD130860" i="1"/>
  <c r="AD130861" i="1"/>
  <c r="AD130862" i="1"/>
  <c r="AD130863" i="1"/>
  <c r="AD130864" i="1"/>
  <c r="AD130865" i="1"/>
  <c r="AD130866" i="1"/>
  <c r="AD130867" i="1"/>
  <c r="AD130868" i="1"/>
  <c r="AD130869" i="1"/>
  <c r="AD130870" i="1"/>
  <c r="AD130871" i="1"/>
  <c r="AD130872" i="1"/>
  <c r="AD130873" i="1"/>
  <c r="AD130874" i="1"/>
  <c r="AD130875" i="1"/>
  <c r="AD130876" i="1"/>
  <c r="AD130877" i="1"/>
  <c r="AD130878" i="1"/>
  <c r="AD130879" i="1"/>
  <c r="AD130880" i="1"/>
  <c r="AD130881" i="1"/>
  <c r="AD130882" i="1"/>
  <c r="AD130883" i="1"/>
  <c r="AD130884" i="1"/>
  <c r="AD130885" i="1"/>
  <c r="AD130886" i="1"/>
  <c r="AD130887" i="1"/>
  <c r="AD130888" i="1"/>
  <c r="AD130889" i="1"/>
  <c r="AD130890" i="1"/>
  <c r="AD130891" i="1"/>
  <c r="AD130892" i="1"/>
  <c r="AD130893" i="1"/>
  <c r="AD130894" i="1"/>
  <c r="AD130895" i="1"/>
  <c r="AD130896" i="1"/>
  <c r="AD130897" i="1"/>
  <c r="AD130898" i="1"/>
  <c r="AD130899" i="1"/>
  <c r="AD130900" i="1"/>
  <c r="AD130901" i="1"/>
  <c r="AD130902" i="1"/>
  <c r="AD130903" i="1"/>
  <c r="AD130904" i="1"/>
  <c r="AD130905" i="1"/>
  <c r="AD130906" i="1"/>
  <c r="AD130907" i="1"/>
  <c r="AD130908" i="1"/>
  <c r="AD130909" i="1"/>
  <c r="AD130910" i="1"/>
  <c r="AD130911" i="1"/>
  <c r="AD130912" i="1"/>
  <c r="AD130913" i="1"/>
  <c r="AD130914" i="1"/>
  <c r="AD130915" i="1"/>
  <c r="AD130916" i="1"/>
  <c r="AD130917" i="1"/>
  <c r="AD130918" i="1"/>
  <c r="AD130919" i="1"/>
  <c r="AD130920" i="1"/>
  <c r="AD130921" i="1"/>
  <c r="AD130922" i="1"/>
  <c r="AD130923" i="1"/>
  <c r="AD130924" i="1"/>
  <c r="AD130925" i="1"/>
  <c r="AD130926" i="1"/>
  <c r="AD130927" i="1"/>
  <c r="AD130928" i="1"/>
  <c r="AD130929" i="1"/>
  <c r="AD130930" i="1"/>
  <c r="AD130931" i="1"/>
  <c r="AD130932" i="1"/>
  <c r="AD130933" i="1"/>
  <c r="AD130934" i="1"/>
  <c r="AD130935" i="1"/>
  <c r="AD130936" i="1"/>
  <c r="AD130937" i="1"/>
  <c r="AD130938" i="1"/>
  <c r="AD130939" i="1"/>
  <c r="AD130940" i="1"/>
  <c r="AD130941" i="1"/>
  <c r="AD130942" i="1"/>
  <c r="AD130943" i="1"/>
  <c r="AD130944" i="1"/>
  <c r="AD130945" i="1"/>
  <c r="AD130946" i="1"/>
  <c r="AD130947" i="1"/>
  <c r="AD130948" i="1"/>
  <c r="AD130949" i="1"/>
  <c r="AD130950" i="1"/>
  <c r="AD130951" i="1"/>
  <c r="AD130952" i="1"/>
  <c r="AD130953" i="1"/>
  <c r="AD130954" i="1"/>
  <c r="AD130955" i="1"/>
  <c r="AD130956" i="1"/>
  <c r="AD130957" i="1"/>
  <c r="AD130958" i="1"/>
  <c r="AD130959" i="1"/>
  <c r="AD130960" i="1"/>
  <c r="AD130961" i="1"/>
  <c r="AD130962" i="1"/>
  <c r="AD130963" i="1"/>
  <c r="AD130964" i="1"/>
  <c r="AD130965" i="1"/>
  <c r="AD130966" i="1"/>
  <c r="AD130967" i="1"/>
  <c r="AD130968" i="1"/>
  <c r="AD130969" i="1"/>
  <c r="AD130970" i="1"/>
  <c r="AD130971" i="1"/>
  <c r="AD130972" i="1"/>
  <c r="AD130973" i="1"/>
  <c r="AD130974" i="1"/>
  <c r="AD130975" i="1"/>
  <c r="AD130976" i="1"/>
  <c r="AD130977" i="1"/>
  <c r="AD130978" i="1"/>
  <c r="AD130979" i="1"/>
  <c r="AD130980" i="1"/>
  <c r="AD130981" i="1"/>
  <c r="AD130982" i="1"/>
  <c r="AD130983" i="1"/>
  <c r="AD130984" i="1"/>
  <c r="AD130985" i="1"/>
  <c r="AD130986" i="1"/>
  <c r="AD130987" i="1"/>
  <c r="AD130988" i="1"/>
  <c r="AD130989" i="1"/>
  <c r="AD130990" i="1"/>
  <c r="AD130991" i="1"/>
  <c r="AD130992" i="1"/>
  <c r="AD130993" i="1"/>
  <c r="AD130994" i="1"/>
  <c r="AD130995" i="1"/>
  <c r="AD130996" i="1"/>
  <c r="AD130997" i="1"/>
  <c r="AD130998" i="1"/>
  <c r="AD130999" i="1"/>
  <c r="AD131000" i="1"/>
  <c r="AD131001" i="1"/>
  <c r="AD131002" i="1"/>
  <c r="AD131003" i="1"/>
  <c r="AD131004" i="1"/>
  <c r="AD131005" i="1"/>
  <c r="AD131006" i="1"/>
  <c r="AD131007" i="1"/>
  <c r="AD131008" i="1"/>
  <c r="AD131009" i="1"/>
  <c r="AD131010" i="1"/>
  <c r="AD131011" i="1"/>
  <c r="AD131012" i="1"/>
  <c r="AD131013" i="1"/>
  <c r="AD131014" i="1"/>
  <c r="AD131015" i="1"/>
  <c r="AD131016" i="1"/>
  <c r="AD131017" i="1"/>
  <c r="AD131018" i="1"/>
  <c r="AD131019" i="1"/>
  <c r="AD131020" i="1"/>
  <c r="AD131021" i="1"/>
  <c r="AD131022" i="1"/>
  <c r="AD131023" i="1"/>
  <c r="AD131024" i="1"/>
  <c r="AD131025" i="1"/>
  <c r="AD131026" i="1"/>
  <c r="AD131027" i="1"/>
  <c r="AD131028" i="1"/>
  <c r="AD131029" i="1"/>
  <c r="AD131030" i="1"/>
  <c r="AD131031" i="1"/>
  <c r="AD131032" i="1"/>
  <c r="AD131033" i="1"/>
  <c r="AD131034" i="1"/>
  <c r="AD131035" i="1"/>
  <c r="AD131036" i="1"/>
  <c r="AD131037" i="1"/>
  <c r="AD131038" i="1"/>
  <c r="AD131039" i="1"/>
  <c r="AD131040" i="1"/>
  <c r="AD131041" i="1"/>
  <c r="AD131042" i="1"/>
  <c r="AD131043" i="1"/>
  <c r="AD131044" i="1"/>
  <c r="AD131045" i="1"/>
  <c r="AD131046" i="1"/>
  <c r="AD131047" i="1"/>
  <c r="AD131048" i="1"/>
  <c r="AD131049" i="1"/>
  <c r="AD131050" i="1"/>
  <c r="AD131051" i="1"/>
  <c r="AD131052" i="1"/>
  <c r="AD131053" i="1"/>
  <c r="AD131054" i="1"/>
  <c r="AD131055" i="1"/>
  <c r="AD131056" i="1"/>
  <c r="AD131057" i="1"/>
  <c r="AD131058" i="1"/>
  <c r="AD131059" i="1"/>
  <c r="AD131060" i="1"/>
  <c r="AD131061" i="1"/>
  <c r="AD131062" i="1"/>
  <c r="AD131063" i="1"/>
  <c r="AD131064" i="1"/>
  <c r="AD131065" i="1"/>
  <c r="AD131066" i="1"/>
  <c r="AD131067" i="1"/>
  <c r="AD131068" i="1"/>
  <c r="AD131069" i="1"/>
  <c r="AD131070" i="1"/>
  <c r="AD131071" i="1"/>
  <c r="AD131072" i="1"/>
  <c r="AD131073" i="1"/>
  <c r="AD131074" i="1"/>
  <c r="AD131075" i="1"/>
  <c r="AD131076" i="1"/>
  <c r="AD131077" i="1"/>
  <c r="AD131078" i="1"/>
  <c r="AD131079" i="1"/>
  <c r="AD131080" i="1"/>
  <c r="AD131081" i="1"/>
  <c r="AD131082" i="1"/>
  <c r="AD131083" i="1"/>
  <c r="AD131084" i="1"/>
  <c r="AD131085" i="1"/>
  <c r="AD131086" i="1"/>
  <c r="AD131087" i="1"/>
  <c r="AD131088" i="1"/>
  <c r="AD131089" i="1"/>
  <c r="AD131090" i="1"/>
  <c r="AD131091" i="1"/>
  <c r="AD131092" i="1"/>
  <c r="AD131093" i="1"/>
  <c r="AD131094" i="1"/>
  <c r="AD131095" i="1"/>
  <c r="AD131096" i="1"/>
  <c r="AD131097" i="1"/>
  <c r="AD131098" i="1"/>
  <c r="AD131099" i="1"/>
  <c r="AD131100" i="1"/>
  <c r="AD131101" i="1"/>
  <c r="AD131102" i="1"/>
  <c r="AD131103" i="1"/>
  <c r="AD131104" i="1"/>
  <c r="AD131105" i="1"/>
  <c r="AD131106" i="1"/>
  <c r="AD131107" i="1"/>
  <c r="AD131108" i="1"/>
  <c r="AD131109" i="1"/>
  <c r="AD131110" i="1"/>
  <c r="AD131111" i="1"/>
  <c r="AD131112" i="1"/>
  <c r="AD131113" i="1"/>
  <c r="AD131114" i="1"/>
  <c r="AD131115" i="1"/>
  <c r="AD131116" i="1"/>
  <c r="AD131117" i="1"/>
  <c r="AD131118" i="1"/>
  <c r="AD131119" i="1"/>
  <c r="AD131120" i="1"/>
  <c r="AD131121" i="1"/>
  <c r="AD131122" i="1"/>
  <c r="AD131123" i="1"/>
  <c r="AD131124" i="1"/>
  <c r="AD131125" i="1"/>
  <c r="AD131126" i="1"/>
  <c r="AD131127" i="1"/>
  <c r="AD131128" i="1"/>
  <c r="AD131129" i="1"/>
  <c r="AD131130" i="1"/>
  <c r="AD131131" i="1"/>
  <c r="AD131132" i="1"/>
  <c r="AD131133" i="1"/>
  <c r="AD131134" i="1"/>
  <c r="AD131135" i="1"/>
  <c r="AD131136" i="1"/>
  <c r="AD131137" i="1"/>
  <c r="AD131138" i="1"/>
  <c r="AD131139" i="1"/>
  <c r="AD131140" i="1"/>
  <c r="AD131141" i="1"/>
  <c r="AD131142" i="1"/>
  <c r="AD131143" i="1"/>
  <c r="AD131144" i="1"/>
  <c r="AD131145" i="1"/>
  <c r="AD131146" i="1"/>
  <c r="AD131147" i="1"/>
  <c r="AD131148" i="1"/>
  <c r="AD131149" i="1"/>
  <c r="AD131150" i="1"/>
  <c r="AD131151" i="1"/>
  <c r="AD131152" i="1"/>
  <c r="AD131153" i="1"/>
  <c r="AD131154" i="1"/>
  <c r="AD131155" i="1"/>
  <c r="AD131156" i="1"/>
  <c r="AD131157" i="1"/>
  <c r="AD131158" i="1"/>
  <c r="AD131159" i="1"/>
  <c r="AD131160" i="1"/>
  <c r="AD131161" i="1"/>
  <c r="AD131162" i="1"/>
  <c r="AD131163" i="1"/>
  <c r="AD131164" i="1"/>
  <c r="AD131165" i="1"/>
  <c r="AD131166" i="1"/>
  <c r="AD131167" i="1"/>
  <c r="AD131168" i="1"/>
  <c r="AD131169" i="1"/>
  <c r="AD131170" i="1"/>
  <c r="AD131171" i="1"/>
  <c r="AD131172" i="1"/>
  <c r="AD131173" i="1"/>
  <c r="AD131174" i="1"/>
  <c r="AD131175" i="1"/>
  <c r="AD131176" i="1"/>
  <c r="AD131177" i="1"/>
  <c r="AD131178" i="1"/>
  <c r="AD131179" i="1"/>
  <c r="AD131180" i="1"/>
  <c r="AD131181" i="1"/>
  <c r="AD131182" i="1"/>
  <c r="AD131183" i="1"/>
  <c r="AD131184" i="1"/>
  <c r="AD131185" i="1"/>
  <c r="AD131186" i="1"/>
  <c r="AD131187" i="1"/>
  <c r="AD131188" i="1"/>
  <c r="AD131189" i="1"/>
  <c r="AD131190" i="1"/>
  <c r="AD131191" i="1"/>
  <c r="AD131192" i="1"/>
  <c r="AD131193" i="1"/>
  <c r="AD131194" i="1"/>
  <c r="AD131195" i="1"/>
  <c r="AD131196" i="1"/>
  <c r="AD131197" i="1"/>
  <c r="AD131198" i="1"/>
  <c r="AD131199" i="1"/>
  <c r="AD131200" i="1"/>
  <c r="AD131201" i="1"/>
  <c r="AD131202" i="1"/>
  <c r="AD131203" i="1"/>
  <c r="AD131204" i="1"/>
  <c r="AD131205" i="1"/>
  <c r="AD131206" i="1"/>
  <c r="AD131207" i="1"/>
  <c r="AD131208" i="1"/>
  <c r="AD131209" i="1"/>
  <c r="AD131210" i="1"/>
  <c r="AD131211" i="1"/>
  <c r="AD131212" i="1"/>
  <c r="AD131213" i="1"/>
  <c r="AD131214" i="1"/>
  <c r="AD131215" i="1"/>
  <c r="AD131216" i="1"/>
  <c r="AD131217" i="1"/>
  <c r="AD131218" i="1"/>
  <c r="AD131219" i="1"/>
  <c r="AD131220" i="1"/>
  <c r="AD131221" i="1"/>
  <c r="AD131222" i="1"/>
  <c r="AD131223" i="1"/>
  <c r="AD131224" i="1"/>
  <c r="AD131225" i="1"/>
  <c r="AD131226" i="1"/>
  <c r="AD131227" i="1"/>
  <c r="AD131228" i="1"/>
  <c r="AD131229" i="1"/>
  <c r="AD131230" i="1"/>
  <c r="AD131231" i="1"/>
  <c r="AD131232" i="1"/>
  <c r="AD131233" i="1"/>
  <c r="AD131234" i="1"/>
  <c r="AD131235" i="1"/>
  <c r="AD131236" i="1"/>
  <c r="AD131237" i="1"/>
  <c r="AD131238" i="1"/>
  <c r="AD131239" i="1"/>
  <c r="AD131240" i="1"/>
  <c r="AD131241" i="1"/>
  <c r="AD131242" i="1"/>
  <c r="AD131243" i="1"/>
  <c r="AD131244" i="1"/>
  <c r="AD131245" i="1"/>
  <c r="AD131246" i="1"/>
  <c r="AD131247" i="1"/>
  <c r="AD131248" i="1"/>
  <c r="AD131249" i="1"/>
  <c r="AD131250" i="1"/>
  <c r="AD131251" i="1"/>
  <c r="AD131252" i="1"/>
  <c r="AD131253" i="1"/>
  <c r="AD131254" i="1"/>
  <c r="AD131255" i="1"/>
  <c r="AD131256" i="1"/>
  <c r="AD131257" i="1"/>
  <c r="AD131258" i="1"/>
  <c r="AD131259" i="1"/>
  <c r="AD131260" i="1"/>
  <c r="AD131261" i="1"/>
  <c r="AD131262" i="1"/>
  <c r="AD131263" i="1"/>
  <c r="AD131264" i="1"/>
  <c r="AD131265" i="1"/>
  <c r="AD131266" i="1"/>
  <c r="AD131267" i="1"/>
  <c r="AD131268" i="1"/>
  <c r="AD131269" i="1"/>
  <c r="AD131270" i="1"/>
  <c r="AD131271" i="1"/>
  <c r="AD131272" i="1"/>
  <c r="AD131273" i="1"/>
  <c r="AD131274" i="1"/>
  <c r="AD131275" i="1"/>
  <c r="AD131276" i="1"/>
  <c r="AD131277" i="1"/>
  <c r="AD131278" i="1"/>
  <c r="AD131279" i="1"/>
  <c r="AD131280" i="1"/>
  <c r="AD131281" i="1"/>
  <c r="AD131282" i="1"/>
  <c r="AD131283" i="1"/>
  <c r="AD131284" i="1"/>
  <c r="AD131285" i="1"/>
  <c r="AD131286" i="1"/>
  <c r="AD131287" i="1"/>
  <c r="AD131288" i="1"/>
  <c r="AD131289" i="1"/>
  <c r="AD131290" i="1"/>
  <c r="AD131291" i="1"/>
  <c r="AD131292" i="1"/>
  <c r="AD131293" i="1"/>
  <c r="AD131294" i="1"/>
  <c r="AD131295" i="1"/>
  <c r="AD131296" i="1"/>
  <c r="AD131297" i="1"/>
  <c r="AD131298" i="1"/>
  <c r="AD131299" i="1"/>
  <c r="AD131300" i="1"/>
  <c r="AD131301" i="1"/>
  <c r="AD131302" i="1"/>
  <c r="AD131303" i="1"/>
  <c r="AD131304" i="1"/>
  <c r="AD131305" i="1"/>
  <c r="AD131306" i="1"/>
  <c r="AD131307" i="1"/>
  <c r="AD131308" i="1"/>
  <c r="AD131309" i="1"/>
  <c r="AD131310" i="1"/>
  <c r="AD131311" i="1"/>
  <c r="AD131312" i="1"/>
  <c r="AD131313" i="1"/>
  <c r="AD131314" i="1"/>
  <c r="AD131315" i="1"/>
  <c r="AD131316" i="1"/>
  <c r="AD131317" i="1"/>
  <c r="AD131318" i="1"/>
  <c r="AD131319" i="1"/>
  <c r="AD131320" i="1"/>
  <c r="AD131321" i="1"/>
  <c r="AD131322" i="1"/>
  <c r="AD131323" i="1"/>
  <c r="AD131324" i="1"/>
  <c r="AD131325" i="1"/>
  <c r="AD131326" i="1"/>
  <c r="AD131327" i="1"/>
  <c r="AD131328" i="1"/>
  <c r="AD131329" i="1"/>
  <c r="AD131330" i="1"/>
  <c r="AD131331" i="1"/>
  <c r="AD131332" i="1"/>
  <c r="AD131333" i="1"/>
  <c r="AD131334" i="1"/>
  <c r="AD131335" i="1"/>
  <c r="AD131336" i="1"/>
  <c r="AD131337" i="1"/>
  <c r="AD131338" i="1"/>
  <c r="AD131339" i="1"/>
  <c r="AD131340" i="1"/>
  <c r="AD131341" i="1"/>
  <c r="AD131342" i="1"/>
  <c r="AD131343" i="1"/>
  <c r="AD131344" i="1"/>
  <c r="AD131345" i="1"/>
  <c r="AD131346" i="1"/>
  <c r="AD131347" i="1"/>
  <c r="AD131348" i="1"/>
  <c r="AD131349" i="1"/>
  <c r="AD131350" i="1"/>
  <c r="AD131351" i="1"/>
  <c r="AD131352" i="1"/>
  <c r="AD131353" i="1"/>
  <c r="AD131354" i="1"/>
  <c r="AD131355" i="1"/>
  <c r="AD131356" i="1"/>
  <c r="AD131357" i="1"/>
  <c r="AD131358" i="1"/>
  <c r="AD131359" i="1"/>
  <c r="AD131360" i="1"/>
  <c r="AD131361" i="1"/>
  <c r="AD131362" i="1"/>
  <c r="AD131363" i="1"/>
  <c r="AD131364" i="1"/>
  <c r="AD131365" i="1"/>
  <c r="AD131366" i="1"/>
  <c r="AD131367" i="1"/>
  <c r="AD131368" i="1"/>
  <c r="AD131369" i="1"/>
  <c r="AD131370" i="1"/>
  <c r="AD131371" i="1"/>
  <c r="AD131372" i="1"/>
  <c r="AD131373" i="1"/>
  <c r="AD131374" i="1"/>
  <c r="AD131375" i="1"/>
  <c r="AD131376" i="1"/>
  <c r="AD131377" i="1"/>
  <c r="AD131378" i="1"/>
  <c r="AD131379" i="1"/>
  <c r="AD131380" i="1"/>
  <c r="AD131381" i="1"/>
  <c r="AD131382" i="1"/>
  <c r="AD131383" i="1"/>
  <c r="AD131384" i="1"/>
  <c r="AD131385" i="1"/>
  <c r="AD131386" i="1"/>
  <c r="AD131387" i="1"/>
  <c r="AD131388" i="1"/>
  <c r="AD131389" i="1"/>
  <c r="AD131390" i="1"/>
  <c r="AD131391" i="1"/>
  <c r="AD131392" i="1"/>
  <c r="AD131393" i="1"/>
  <c r="AD131394" i="1"/>
  <c r="AD131395" i="1"/>
  <c r="AD131396" i="1"/>
  <c r="AD131397" i="1"/>
  <c r="AD131398" i="1"/>
  <c r="AD131399" i="1"/>
  <c r="AD131400" i="1"/>
  <c r="AD131401" i="1"/>
  <c r="AD131402" i="1"/>
  <c r="AD131403" i="1"/>
  <c r="AD131404" i="1"/>
  <c r="AD131405" i="1"/>
  <c r="AD131406" i="1"/>
  <c r="AD131407" i="1"/>
  <c r="AD131408" i="1"/>
  <c r="AD131409" i="1"/>
  <c r="AD131410" i="1"/>
  <c r="AD131411" i="1"/>
  <c r="AD131412" i="1"/>
  <c r="AD131413" i="1"/>
  <c r="AD131414" i="1"/>
  <c r="AD131415" i="1"/>
  <c r="AD131416" i="1"/>
  <c r="AD131417" i="1"/>
  <c r="AD131418" i="1"/>
  <c r="AD131419" i="1"/>
  <c r="AD131420" i="1"/>
  <c r="AD131421" i="1"/>
  <c r="AD131422" i="1"/>
  <c r="AD131423" i="1"/>
  <c r="AD131424" i="1"/>
  <c r="AD131425" i="1"/>
  <c r="AD131426" i="1"/>
  <c r="AD131427" i="1"/>
  <c r="AD131428" i="1"/>
  <c r="AD131429" i="1"/>
  <c r="AD131430" i="1"/>
  <c r="AD131431" i="1"/>
  <c r="AD131432" i="1"/>
  <c r="AD131433" i="1"/>
  <c r="AD131434" i="1"/>
  <c r="AD131435" i="1"/>
  <c r="AD131436" i="1"/>
  <c r="AD131437" i="1"/>
  <c r="AD131438" i="1"/>
  <c r="AD131439" i="1"/>
  <c r="AD131440" i="1"/>
  <c r="AD131441" i="1"/>
  <c r="AD131442" i="1"/>
  <c r="AD131443" i="1"/>
  <c r="AD131444" i="1"/>
  <c r="AD131445" i="1"/>
  <c r="AD131446" i="1"/>
  <c r="AD131447" i="1"/>
  <c r="AD131448" i="1"/>
  <c r="AD131449" i="1"/>
  <c r="AD131450" i="1"/>
  <c r="AD131451" i="1"/>
  <c r="AD131452" i="1"/>
  <c r="AD131453" i="1"/>
  <c r="AD131454" i="1"/>
  <c r="AD131455" i="1"/>
  <c r="AD131456" i="1"/>
  <c r="AD131457" i="1"/>
  <c r="AD131458" i="1"/>
  <c r="AD131459" i="1"/>
  <c r="AD131460" i="1"/>
  <c r="AD131461" i="1"/>
  <c r="AD131462" i="1"/>
  <c r="AD131463" i="1"/>
  <c r="AD131464" i="1"/>
  <c r="AD131465" i="1"/>
  <c r="AD131466" i="1"/>
  <c r="AD131467" i="1"/>
  <c r="AD131468" i="1"/>
  <c r="AD131469" i="1"/>
  <c r="AD131470" i="1"/>
  <c r="AD131471" i="1"/>
  <c r="AD131472" i="1"/>
  <c r="AD131473" i="1"/>
  <c r="AD131474" i="1"/>
  <c r="AD131475" i="1"/>
  <c r="AD131476" i="1"/>
  <c r="AD131477" i="1"/>
  <c r="AD131478" i="1"/>
  <c r="AD131479" i="1"/>
  <c r="AD131480" i="1"/>
  <c r="AD131481" i="1"/>
  <c r="AD131482" i="1"/>
  <c r="AD131483" i="1"/>
  <c r="AD131484" i="1"/>
  <c r="AD131485" i="1"/>
  <c r="AD131486" i="1"/>
  <c r="AD131487" i="1"/>
  <c r="AD131488" i="1"/>
  <c r="AD131489" i="1"/>
  <c r="AD131490" i="1"/>
  <c r="AD131491" i="1"/>
  <c r="AD131492" i="1"/>
  <c r="AD131493" i="1"/>
  <c r="AD131494" i="1"/>
  <c r="AD131495" i="1"/>
  <c r="AD131496" i="1"/>
  <c r="AD131497" i="1"/>
  <c r="AD131498" i="1"/>
  <c r="AD131499" i="1"/>
  <c r="AD131500" i="1"/>
  <c r="AD131501" i="1"/>
  <c r="AD131502" i="1"/>
  <c r="AD131503" i="1"/>
  <c r="AD131504" i="1"/>
  <c r="AD131505" i="1"/>
  <c r="AD131506" i="1"/>
  <c r="AD131507" i="1"/>
  <c r="AD131508" i="1"/>
  <c r="AD131509" i="1"/>
  <c r="AD131510" i="1"/>
  <c r="AD131511" i="1"/>
  <c r="AD131512" i="1"/>
  <c r="AD131513" i="1"/>
  <c r="AD131514" i="1"/>
  <c r="AD131515" i="1"/>
  <c r="AD131516" i="1"/>
  <c r="AD131517" i="1"/>
  <c r="AD131518" i="1"/>
  <c r="AD131519" i="1"/>
  <c r="AD131520" i="1"/>
  <c r="AD131521" i="1"/>
  <c r="AD131522" i="1"/>
  <c r="AD131523" i="1"/>
  <c r="AD131524" i="1"/>
  <c r="AD131525" i="1"/>
  <c r="AD131526" i="1"/>
  <c r="AD131527" i="1"/>
  <c r="AD131528" i="1"/>
  <c r="AD131529" i="1"/>
  <c r="AD131530" i="1"/>
  <c r="AD131531" i="1"/>
  <c r="AD131532" i="1"/>
  <c r="AD131533" i="1"/>
  <c r="AD131534" i="1"/>
  <c r="AD131535" i="1"/>
  <c r="AD131536" i="1"/>
  <c r="AD131537" i="1"/>
  <c r="AD131538" i="1"/>
  <c r="AD131539" i="1"/>
  <c r="AD131540" i="1"/>
  <c r="AD131541" i="1"/>
  <c r="AD131542" i="1"/>
  <c r="AD131543" i="1"/>
  <c r="AD131544" i="1"/>
  <c r="AD131545" i="1"/>
  <c r="AD131546" i="1"/>
  <c r="AD131547" i="1"/>
  <c r="AD131548" i="1"/>
  <c r="AD131549" i="1"/>
  <c r="AD131550" i="1"/>
  <c r="AD131551" i="1"/>
  <c r="AD131552" i="1"/>
  <c r="AD131553" i="1"/>
  <c r="AD131554" i="1"/>
  <c r="AD131555" i="1"/>
  <c r="AD131556" i="1"/>
  <c r="AD131557" i="1"/>
  <c r="AD131558" i="1"/>
  <c r="AD131559" i="1"/>
  <c r="AD131560" i="1"/>
  <c r="AD131561" i="1"/>
  <c r="AD131562" i="1"/>
  <c r="AD131563" i="1"/>
  <c r="AD131564" i="1"/>
  <c r="AD131565" i="1"/>
  <c r="AD131566" i="1"/>
  <c r="AD131567" i="1"/>
  <c r="AD131568" i="1"/>
  <c r="AD131569" i="1"/>
  <c r="AD131570" i="1"/>
  <c r="AD131571" i="1"/>
  <c r="AD131572" i="1"/>
  <c r="AD131573" i="1"/>
  <c r="AD131574" i="1"/>
  <c r="AD131575" i="1"/>
  <c r="AD131576" i="1"/>
  <c r="AD131577" i="1"/>
  <c r="AD131578" i="1"/>
  <c r="AD131579" i="1"/>
  <c r="AD131580" i="1"/>
  <c r="AD131581" i="1"/>
  <c r="AD131582" i="1"/>
  <c r="AD131583" i="1"/>
  <c r="AD131584" i="1"/>
  <c r="AD131585" i="1"/>
  <c r="AD131586" i="1"/>
  <c r="AD131587" i="1"/>
  <c r="AD131588" i="1"/>
  <c r="AD131589" i="1"/>
  <c r="AD131590" i="1"/>
  <c r="AD131591" i="1"/>
  <c r="AD131592" i="1"/>
  <c r="AD131593" i="1"/>
  <c r="AD131594" i="1"/>
  <c r="AD131595" i="1"/>
  <c r="AD131596" i="1"/>
  <c r="AD131597" i="1"/>
  <c r="AD131598" i="1"/>
  <c r="AD131599" i="1"/>
  <c r="AD131600" i="1"/>
  <c r="AD131601" i="1"/>
  <c r="AD131602" i="1"/>
  <c r="AD131603" i="1"/>
  <c r="AD131604" i="1"/>
  <c r="AD131605" i="1"/>
  <c r="AD131606" i="1"/>
  <c r="AD131607" i="1"/>
  <c r="AD131608" i="1"/>
  <c r="AD131609" i="1"/>
  <c r="AD131610" i="1"/>
  <c r="AD131611" i="1"/>
  <c r="AD131612" i="1"/>
  <c r="AD131613" i="1"/>
  <c r="AD131614" i="1"/>
  <c r="AD131615" i="1"/>
  <c r="AD131616" i="1"/>
  <c r="AD131617" i="1"/>
  <c r="AD131618" i="1"/>
  <c r="AD131619" i="1"/>
  <c r="AD131620" i="1"/>
  <c r="AD131621" i="1"/>
  <c r="AD131622" i="1"/>
  <c r="AD131623" i="1"/>
  <c r="AD131624" i="1"/>
  <c r="AD131625" i="1"/>
  <c r="AD131626" i="1"/>
  <c r="AD131627" i="1"/>
  <c r="AD131628" i="1"/>
  <c r="AD131629" i="1"/>
  <c r="AD131630" i="1"/>
  <c r="AD131631" i="1"/>
  <c r="AD131632" i="1"/>
  <c r="AD131633" i="1"/>
  <c r="AD131634" i="1"/>
  <c r="AD131635" i="1"/>
  <c r="AD131636" i="1"/>
  <c r="AD131637" i="1"/>
  <c r="AD131638" i="1"/>
  <c r="AD131639" i="1"/>
  <c r="AD131640" i="1"/>
  <c r="AD131641" i="1"/>
  <c r="AD131642" i="1"/>
  <c r="AD131643" i="1"/>
  <c r="AD131644" i="1"/>
  <c r="AD131645" i="1"/>
  <c r="AD131646" i="1"/>
  <c r="AD131647" i="1"/>
  <c r="AD131648" i="1"/>
  <c r="AD131649" i="1"/>
  <c r="AD131650" i="1"/>
  <c r="AD131651" i="1"/>
  <c r="AD131652" i="1"/>
  <c r="AD131653" i="1"/>
  <c r="AD131654" i="1"/>
  <c r="AD131655" i="1"/>
  <c r="AD131656" i="1"/>
  <c r="AD131657" i="1"/>
  <c r="AD131658" i="1"/>
  <c r="AD131659" i="1"/>
  <c r="AD131660" i="1"/>
  <c r="AD131661" i="1"/>
  <c r="AD131662" i="1"/>
  <c r="AD131663" i="1"/>
  <c r="AD131664" i="1"/>
  <c r="AD131665" i="1"/>
  <c r="AD131666" i="1"/>
  <c r="AD131667" i="1"/>
  <c r="AD131668" i="1"/>
  <c r="AD131669" i="1"/>
  <c r="AD131670" i="1"/>
  <c r="AD131671" i="1"/>
  <c r="AD131672" i="1"/>
  <c r="AD131673" i="1"/>
  <c r="AD131674" i="1"/>
  <c r="AD131675" i="1"/>
  <c r="AD131676" i="1"/>
  <c r="AD131677" i="1"/>
  <c r="AD131678" i="1"/>
  <c r="AD131679" i="1"/>
  <c r="AD131680" i="1"/>
  <c r="AD131681" i="1"/>
  <c r="AD131682" i="1"/>
  <c r="AD131683" i="1"/>
  <c r="AD131684" i="1"/>
  <c r="AD131685" i="1"/>
  <c r="AD131686" i="1"/>
  <c r="AD131687" i="1"/>
  <c r="AD131688" i="1"/>
  <c r="AD131689" i="1"/>
  <c r="AD131690" i="1"/>
  <c r="AD131691" i="1"/>
  <c r="AD131692" i="1"/>
  <c r="AD131693" i="1"/>
  <c r="AD131694" i="1"/>
  <c r="AD131695" i="1"/>
  <c r="AD131696" i="1"/>
  <c r="AD131697" i="1"/>
  <c r="AD131698" i="1"/>
  <c r="AD131699" i="1"/>
  <c r="AD131700" i="1"/>
  <c r="AD131701" i="1"/>
  <c r="AD131702" i="1"/>
  <c r="AD131703" i="1"/>
  <c r="AD131704" i="1"/>
  <c r="AD131705" i="1"/>
  <c r="AD131706" i="1"/>
  <c r="AD131707" i="1"/>
  <c r="AD131708" i="1"/>
  <c r="AD131709" i="1"/>
  <c r="AD131710" i="1"/>
  <c r="AD131711" i="1"/>
  <c r="AD131712" i="1"/>
  <c r="AD131713" i="1"/>
  <c r="AD131714" i="1"/>
  <c r="AD131715" i="1"/>
  <c r="AD131716" i="1"/>
  <c r="AD131717" i="1"/>
  <c r="AD131718" i="1"/>
  <c r="AD131719" i="1"/>
  <c r="AD131720" i="1"/>
  <c r="AD131721" i="1"/>
  <c r="AD131722" i="1"/>
  <c r="AD131723" i="1"/>
  <c r="AD131724" i="1"/>
  <c r="AD131725" i="1"/>
  <c r="AD131726" i="1"/>
  <c r="AD131727" i="1"/>
  <c r="AD131728" i="1"/>
  <c r="AD131729" i="1"/>
  <c r="AD131730" i="1"/>
  <c r="AD131731" i="1"/>
  <c r="AD131732" i="1"/>
  <c r="AD131733" i="1"/>
  <c r="AD131734" i="1"/>
  <c r="AD131735" i="1"/>
  <c r="AD131736" i="1"/>
  <c r="AD131737" i="1"/>
  <c r="AD131738" i="1"/>
  <c r="AD131739" i="1"/>
  <c r="AD131740" i="1"/>
  <c r="AD131741" i="1"/>
  <c r="AD131742" i="1"/>
  <c r="AD131743" i="1"/>
  <c r="AD131744" i="1"/>
  <c r="AD131745" i="1"/>
  <c r="AD131746" i="1"/>
  <c r="AD131747" i="1"/>
  <c r="AD131748" i="1"/>
  <c r="AD131749" i="1"/>
  <c r="AD131750" i="1"/>
  <c r="AD131751" i="1"/>
  <c r="AD131752" i="1"/>
  <c r="AD131753" i="1"/>
  <c r="AD131754" i="1"/>
  <c r="AD131755" i="1"/>
  <c r="AD131756" i="1"/>
  <c r="AD131757" i="1"/>
  <c r="AD131758" i="1"/>
  <c r="AD131759" i="1"/>
  <c r="AD131760" i="1"/>
  <c r="AD131761" i="1"/>
  <c r="AD131762" i="1"/>
  <c r="AD131763" i="1"/>
  <c r="AD131764" i="1"/>
  <c r="AD131765" i="1"/>
  <c r="AD131766" i="1"/>
  <c r="AD131767" i="1"/>
  <c r="AD131768" i="1"/>
  <c r="AD131769" i="1"/>
  <c r="AD131770" i="1"/>
  <c r="AD131771" i="1"/>
  <c r="AD131772" i="1"/>
  <c r="AD131773" i="1"/>
  <c r="AD131774" i="1"/>
  <c r="AD131775" i="1"/>
  <c r="AD131776" i="1"/>
  <c r="AD131777" i="1"/>
  <c r="AD131778" i="1"/>
  <c r="AD131779" i="1"/>
  <c r="AD131780" i="1"/>
  <c r="AD131781" i="1"/>
  <c r="AD131782" i="1"/>
  <c r="AD131783" i="1"/>
  <c r="AD131784" i="1"/>
  <c r="AD131785" i="1"/>
  <c r="AD131786" i="1"/>
  <c r="AD131787" i="1"/>
  <c r="AD131788" i="1"/>
  <c r="AD131789" i="1"/>
  <c r="AD131790" i="1"/>
  <c r="AD131791" i="1"/>
  <c r="AD131792" i="1"/>
  <c r="AD131793" i="1"/>
  <c r="AD131794" i="1"/>
  <c r="AD131795" i="1"/>
  <c r="AD131796" i="1"/>
  <c r="AD131797" i="1"/>
  <c r="AD131798" i="1"/>
  <c r="AD131799" i="1"/>
  <c r="AD131800" i="1"/>
  <c r="AD131801" i="1"/>
  <c r="AD131802" i="1"/>
  <c r="AD131803" i="1"/>
  <c r="AD131804" i="1"/>
  <c r="AD131805" i="1"/>
  <c r="AD131806" i="1"/>
  <c r="AD131807" i="1"/>
  <c r="AD131808" i="1"/>
  <c r="AD131809" i="1"/>
  <c r="AD131810" i="1"/>
  <c r="AD131811" i="1"/>
  <c r="AD131812" i="1"/>
  <c r="AD131813" i="1"/>
  <c r="AD131814" i="1"/>
  <c r="AD131815" i="1"/>
  <c r="AD131816" i="1"/>
  <c r="AD131817" i="1"/>
  <c r="AD131818" i="1"/>
  <c r="AD131819" i="1"/>
  <c r="AD131820" i="1"/>
  <c r="AD131821" i="1"/>
  <c r="AD131822" i="1"/>
  <c r="AD131823" i="1"/>
  <c r="AD131824" i="1"/>
  <c r="AD131825" i="1"/>
  <c r="AD131826" i="1"/>
  <c r="AD131827" i="1"/>
  <c r="AD131828" i="1"/>
  <c r="AD131829" i="1"/>
  <c r="AD131830" i="1"/>
  <c r="AD131831" i="1"/>
  <c r="AD131832" i="1"/>
  <c r="AD131833" i="1"/>
  <c r="AD131834" i="1"/>
  <c r="AD131835" i="1"/>
  <c r="AD131836" i="1"/>
  <c r="AD131837" i="1"/>
  <c r="AD131838" i="1"/>
  <c r="AD131839" i="1"/>
  <c r="AD131840" i="1"/>
  <c r="AD131841" i="1"/>
  <c r="AD131842" i="1"/>
  <c r="AD131843" i="1"/>
  <c r="AD131844" i="1"/>
  <c r="AD131845" i="1"/>
  <c r="AD131846" i="1"/>
  <c r="AD131847" i="1"/>
  <c r="AD131848" i="1"/>
  <c r="AD131849" i="1"/>
  <c r="AD131850" i="1"/>
  <c r="AD131851" i="1"/>
  <c r="AD131852" i="1"/>
  <c r="AD131853" i="1"/>
  <c r="AD131854" i="1"/>
  <c r="AD131855" i="1"/>
  <c r="AD131856" i="1"/>
  <c r="AD131857" i="1"/>
  <c r="AD131858" i="1"/>
  <c r="AD131859" i="1"/>
  <c r="AD131860" i="1"/>
  <c r="AD131861" i="1"/>
  <c r="AD131862" i="1"/>
  <c r="AD131863" i="1"/>
  <c r="AD131864" i="1"/>
  <c r="AD131865" i="1"/>
  <c r="AD131866" i="1"/>
  <c r="AD131867" i="1"/>
  <c r="AD131868" i="1"/>
  <c r="AD131869" i="1"/>
  <c r="AD131870" i="1"/>
  <c r="AD131871" i="1"/>
  <c r="AD131872" i="1"/>
  <c r="AD131873" i="1"/>
  <c r="AD131874" i="1"/>
  <c r="AD131875" i="1"/>
  <c r="AD131876" i="1"/>
  <c r="AD131877" i="1"/>
  <c r="AD131878" i="1"/>
  <c r="AD131879" i="1"/>
  <c r="AD131880" i="1"/>
  <c r="AD131881" i="1"/>
  <c r="AD131882" i="1"/>
  <c r="AD131883" i="1"/>
  <c r="AD131884" i="1"/>
  <c r="AD131885" i="1"/>
  <c r="AD131886" i="1"/>
  <c r="AD131887" i="1"/>
  <c r="AD131888" i="1"/>
  <c r="AD131889" i="1"/>
  <c r="AD131890" i="1"/>
  <c r="AD131891" i="1"/>
  <c r="AD131892" i="1"/>
  <c r="AD131893" i="1"/>
  <c r="AD131894" i="1"/>
  <c r="AD131895" i="1"/>
  <c r="AD131896" i="1"/>
  <c r="AD131897" i="1"/>
  <c r="AD131898" i="1"/>
  <c r="AD131899" i="1"/>
  <c r="AD131900" i="1"/>
  <c r="AD131901" i="1"/>
  <c r="AD131902" i="1"/>
  <c r="AD131903" i="1"/>
  <c r="AD131904" i="1"/>
  <c r="AD131905" i="1"/>
  <c r="AD131906" i="1"/>
  <c r="AD131907" i="1"/>
  <c r="AD131908" i="1"/>
  <c r="AD131909" i="1"/>
  <c r="AD131910" i="1"/>
  <c r="AD131911" i="1"/>
  <c r="AD131912" i="1"/>
  <c r="AD131913" i="1"/>
  <c r="AD131914" i="1"/>
  <c r="AD131915" i="1"/>
  <c r="AD131916" i="1"/>
  <c r="AD131917" i="1"/>
  <c r="AD131918" i="1"/>
  <c r="AD131919" i="1"/>
  <c r="AD131920" i="1"/>
  <c r="AD131921" i="1"/>
  <c r="AD131922" i="1"/>
  <c r="AD131923" i="1"/>
  <c r="AD131924" i="1"/>
  <c r="AD131925" i="1"/>
  <c r="AD131926" i="1"/>
  <c r="AD131927" i="1"/>
  <c r="AD131928" i="1"/>
  <c r="AD131929" i="1"/>
  <c r="AD131930" i="1"/>
  <c r="AD131931" i="1"/>
  <c r="AD131932" i="1"/>
  <c r="AD131933" i="1"/>
  <c r="AD131934" i="1"/>
  <c r="AD131935" i="1"/>
  <c r="AD131936" i="1"/>
  <c r="AD131937" i="1"/>
  <c r="AD131938" i="1"/>
  <c r="AD131939" i="1"/>
  <c r="AD131940" i="1"/>
  <c r="AD131941" i="1"/>
  <c r="AD131942" i="1"/>
  <c r="AD131943" i="1"/>
  <c r="AD131944" i="1"/>
  <c r="AD131945" i="1"/>
  <c r="AD131946" i="1"/>
  <c r="AD131947" i="1"/>
  <c r="AD131948" i="1"/>
  <c r="AD131949" i="1"/>
  <c r="AD131950" i="1"/>
  <c r="AD131951" i="1"/>
  <c r="AD131952" i="1"/>
  <c r="AD131953" i="1"/>
  <c r="AD131954" i="1"/>
  <c r="AD131955" i="1"/>
  <c r="AD131956" i="1"/>
  <c r="AD131957" i="1"/>
  <c r="AD131958" i="1"/>
  <c r="AD131959" i="1"/>
  <c r="AD131960" i="1"/>
  <c r="AD131961" i="1"/>
  <c r="AD131962" i="1"/>
  <c r="AD131963" i="1"/>
  <c r="AD131964" i="1"/>
  <c r="AD131965" i="1"/>
  <c r="AD131966" i="1"/>
  <c r="AD131967" i="1"/>
  <c r="AD131968" i="1"/>
  <c r="AD131969" i="1"/>
  <c r="AD131970" i="1"/>
  <c r="AD131971" i="1"/>
  <c r="AD131972" i="1"/>
  <c r="AD131973" i="1"/>
  <c r="AD131974" i="1"/>
  <c r="AD131975" i="1"/>
  <c r="AD131976" i="1"/>
  <c r="AD131977" i="1"/>
  <c r="AD131978" i="1"/>
  <c r="AD131979" i="1"/>
  <c r="AD131980" i="1"/>
  <c r="AD131981" i="1"/>
  <c r="AD131982" i="1"/>
  <c r="AD131983" i="1"/>
  <c r="AD131984" i="1"/>
  <c r="AD131985" i="1"/>
  <c r="AD131986" i="1"/>
  <c r="AD131987" i="1"/>
  <c r="AD131988" i="1"/>
  <c r="AD131989" i="1"/>
  <c r="AD131990" i="1"/>
  <c r="AD131991" i="1"/>
  <c r="AD131992" i="1"/>
  <c r="AD131993" i="1"/>
  <c r="AD131994" i="1"/>
  <c r="AD131995" i="1"/>
  <c r="AD131996" i="1"/>
  <c r="AD131997" i="1"/>
  <c r="AD131998" i="1"/>
  <c r="AD131999" i="1"/>
  <c r="AD132000" i="1"/>
  <c r="AD132001" i="1"/>
  <c r="AD132002" i="1"/>
  <c r="AD132003" i="1"/>
  <c r="AD132004" i="1"/>
  <c r="AD132005" i="1"/>
  <c r="AD132006" i="1"/>
  <c r="AD132007" i="1"/>
  <c r="AD132008" i="1"/>
  <c r="AD132009" i="1"/>
  <c r="AD132010" i="1"/>
  <c r="AD132011" i="1"/>
  <c r="AD132012" i="1"/>
  <c r="AD132013" i="1"/>
  <c r="AD132014" i="1"/>
  <c r="AD132015" i="1"/>
  <c r="AD132016" i="1"/>
  <c r="AD132017" i="1"/>
  <c r="AD132018" i="1"/>
  <c r="AD132019" i="1"/>
  <c r="AD132020" i="1"/>
  <c r="AD132021" i="1"/>
  <c r="AD132022" i="1"/>
  <c r="AD132023" i="1"/>
  <c r="AD132024" i="1"/>
  <c r="AD132025" i="1"/>
  <c r="AD132026" i="1"/>
  <c r="AD132027" i="1"/>
  <c r="AD132028" i="1"/>
  <c r="AD132029" i="1"/>
  <c r="AD132030" i="1"/>
  <c r="AD132031" i="1"/>
  <c r="AD132032" i="1"/>
  <c r="AD132033" i="1"/>
  <c r="AD132034" i="1"/>
  <c r="AD132035" i="1"/>
  <c r="AD132036" i="1"/>
  <c r="AD132037" i="1"/>
  <c r="AD132038" i="1"/>
  <c r="AD132039" i="1"/>
  <c r="AD132040" i="1"/>
  <c r="AD132041" i="1"/>
  <c r="AD132042" i="1"/>
  <c r="AD132043" i="1"/>
  <c r="AD132044" i="1"/>
  <c r="AD132045" i="1"/>
  <c r="AD132046" i="1"/>
  <c r="AD132047" i="1"/>
  <c r="AD132048" i="1"/>
  <c r="AD132049" i="1"/>
  <c r="AD132050" i="1"/>
  <c r="AD132051" i="1"/>
  <c r="AD132052" i="1"/>
  <c r="AD132053" i="1"/>
  <c r="AD132054" i="1"/>
  <c r="AD132055" i="1"/>
  <c r="AD132056" i="1"/>
  <c r="AD132057" i="1"/>
  <c r="AD132058" i="1"/>
  <c r="AD132059" i="1"/>
  <c r="AD132060" i="1"/>
  <c r="AD132061" i="1"/>
  <c r="AD132062" i="1"/>
  <c r="AD132063" i="1"/>
  <c r="AD132064" i="1"/>
  <c r="AD132065" i="1"/>
  <c r="AD132066" i="1"/>
  <c r="AD132067" i="1"/>
  <c r="AD132068" i="1"/>
  <c r="AD132069" i="1"/>
  <c r="AD132070" i="1"/>
  <c r="AD132071" i="1"/>
  <c r="AD132072" i="1"/>
  <c r="AD132073" i="1"/>
  <c r="AD132074" i="1"/>
  <c r="AD132075" i="1"/>
  <c r="AD132076" i="1"/>
  <c r="AD132077" i="1"/>
  <c r="AD132078" i="1"/>
  <c r="AD132079" i="1"/>
  <c r="AD132080" i="1"/>
  <c r="AD132081" i="1"/>
  <c r="AD132082" i="1"/>
  <c r="AD132083" i="1"/>
  <c r="AD132084" i="1"/>
  <c r="AD132085" i="1"/>
  <c r="AD132086" i="1"/>
  <c r="AD132087" i="1"/>
  <c r="AD132088" i="1"/>
  <c r="AD132089" i="1"/>
  <c r="AD132090" i="1"/>
  <c r="AD132091" i="1"/>
  <c r="AD132092" i="1"/>
  <c r="AD132093" i="1"/>
  <c r="AD132094" i="1"/>
  <c r="AD132095" i="1"/>
  <c r="AD132096" i="1"/>
  <c r="AD132097" i="1"/>
  <c r="AD132098" i="1"/>
  <c r="AD132099" i="1"/>
  <c r="AD132100" i="1"/>
  <c r="AD132101" i="1"/>
  <c r="AD132102" i="1"/>
  <c r="AD132103" i="1"/>
  <c r="AD132104" i="1"/>
  <c r="AD132105" i="1"/>
  <c r="AD132106" i="1"/>
  <c r="AD132107" i="1"/>
  <c r="AD132108" i="1"/>
  <c r="AD132109" i="1"/>
  <c r="AD132110" i="1"/>
  <c r="AD132111" i="1"/>
  <c r="AD132112" i="1"/>
  <c r="AD132113" i="1"/>
  <c r="AD132114" i="1"/>
  <c r="AD132115" i="1"/>
  <c r="AD132116" i="1"/>
  <c r="AD132117" i="1"/>
  <c r="AD132118" i="1"/>
  <c r="AD132119" i="1"/>
  <c r="AD132120" i="1"/>
  <c r="AD132121" i="1"/>
  <c r="AD132122" i="1"/>
  <c r="AD132123" i="1"/>
  <c r="AD132124" i="1"/>
  <c r="AD132125" i="1"/>
  <c r="AD132126" i="1"/>
  <c r="AD132127" i="1"/>
  <c r="AD132128" i="1"/>
  <c r="AD132129" i="1"/>
  <c r="AD132130" i="1"/>
  <c r="AD132131" i="1"/>
  <c r="AD132132" i="1"/>
  <c r="AD132133" i="1"/>
  <c r="AD132134" i="1"/>
  <c r="AD132135" i="1"/>
  <c r="AD132136" i="1"/>
  <c r="AD132137" i="1"/>
  <c r="AD132138" i="1"/>
  <c r="AD132139" i="1"/>
  <c r="AD132140" i="1"/>
  <c r="AD132141" i="1"/>
  <c r="AD132142" i="1"/>
  <c r="AD132143" i="1"/>
  <c r="AD132144" i="1"/>
  <c r="AD132145" i="1"/>
  <c r="AD132146" i="1"/>
  <c r="AD132147" i="1"/>
  <c r="AD132148" i="1"/>
  <c r="AD132149" i="1"/>
  <c r="AD132150" i="1"/>
  <c r="AD132151" i="1"/>
  <c r="AD132152" i="1"/>
  <c r="AD132153" i="1"/>
  <c r="AD132154" i="1"/>
  <c r="AD132155" i="1"/>
  <c r="AD132156" i="1"/>
  <c r="AD132157" i="1"/>
  <c r="AD132158" i="1"/>
  <c r="AD132159" i="1"/>
  <c r="AD132160" i="1"/>
  <c r="AD132161" i="1"/>
  <c r="AD132162" i="1"/>
  <c r="AD132163" i="1"/>
  <c r="AD132164" i="1"/>
  <c r="AD132165" i="1"/>
  <c r="AD132166" i="1"/>
  <c r="AD132167" i="1"/>
  <c r="AD132168" i="1"/>
  <c r="AD132169" i="1"/>
  <c r="AD132170" i="1"/>
  <c r="AD132171" i="1"/>
  <c r="AD132172" i="1"/>
  <c r="AD132173" i="1"/>
  <c r="AD132174" i="1"/>
  <c r="AD132175" i="1"/>
  <c r="AD132176" i="1"/>
  <c r="AD132177" i="1"/>
  <c r="AD132178" i="1"/>
  <c r="AD132179" i="1"/>
  <c r="AD132180" i="1"/>
  <c r="AD132181" i="1"/>
  <c r="AD132182" i="1"/>
  <c r="AD132183" i="1"/>
  <c r="AD132184" i="1"/>
  <c r="AD132185" i="1"/>
  <c r="AD132186" i="1"/>
  <c r="AD132187" i="1"/>
  <c r="AD132188" i="1"/>
  <c r="AD132189" i="1"/>
  <c r="AD132190" i="1"/>
  <c r="AD132191" i="1"/>
  <c r="AD132192" i="1"/>
  <c r="AD132193" i="1"/>
  <c r="AD132194" i="1"/>
  <c r="AD132195" i="1"/>
  <c r="AD132196" i="1"/>
  <c r="AD132197" i="1"/>
  <c r="AD132198" i="1"/>
  <c r="AD132199" i="1"/>
  <c r="AD132200" i="1"/>
  <c r="AD132201" i="1"/>
  <c r="AD132202" i="1"/>
  <c r="AD132203" i="1"/>
  <c r="AD132204" i="1"/>
  <c r="AD132205" i="1"/>
  <c r="AD132206" i="1"/>
  <c r="AD132207" i="1"/>
  <c r="AD132208" i="1"/>
  <c r="AD132209" i="1"/>
  <c r="AD132210" i="1"/>
  <c r="AD132211" i="1"/>
  <c r="AD132212" i="1"/>
  <c r="AD132213" i="1"/>
  <c r="AD132214" i="1"/>
  <c r="AD132215" i="1"/>
  <c r="AD132216" i="1"/>
  <c r="AD132217" i="1"/>
  <c r="AD132218" i="1"/>
  <c r="AD132219" i="1"/>
  <c r="AD132220" i="1"/>
  <c r="AD132221" i="1"/>
  <c r="AD132222" i="1"/>
  <c r="AD132223" i="1"/>
  <c r="AD132224" i="1"/>
  <c r="AD132225" i="1"/>
  <c r="AD132226" i="1"/>
  <c r="AD132227" i="1"/>
  <c r="AD132228" i="1"/>
  <c r="AD132229" i="1"/>
  <c r="AD132230" i="1"/>
  <c r="AD132231" i="1"/>
  <c r="AD132232" i="1"/>
  <c r="AD132233" i="1"/>
  <c r="AD132234" i="1"/>
  <c r="AD132235" i="1"/>
  <c r="AD132236" i="1"/>
  <c r="AD132237" i="1"/>
  <c r="AD132238" i="1"/>
  <c r="AD132239" i="1"/>
  <c r="AD132240" i="1"/>
  <c r="AD132241" i="1"/>
  <c r="AD132242" i="1"/>
  <c r="AD132243" i="1"/>
  <c r="AD132244" i="1"/>
  <c r="AD132245" i="1"/>
  <c r="AD132246" i="1"/>
  <c r="AD132247" i="1"/>
  <c r="AD132248" i="1"/>
  <c r="AD132249" i="1"/>
  <c r="AD132250" i="1"/>
  <c r="AD132251" i="1"/>
  <c r="AD132252" i="1"/>
  <c r="AD132253" i="1"/>
  <c r="AD132254" i="1"/>
  <c r="AD132255" i="1"/>
  <c r="AD132256" i="1"/>
  <c r="AD132257" i="1"/>
  <c r="AD132258" i="1"/>
  <c r="AD132259" i="1"/>
  <c r="AD132260" i="1"/>
  <c r="AD132261" i="1"/>
  <c r="AD132262" i="1"/>
  <c r="AD132263" i="1"/>
  <c r="AD132264" i="1"/>
  <c r="AD132265" i="1"/>
  <c r="AD132266" i="1"/>
  <c r="AD132267" i="1"/>
  <c r="AD132268" i="1"/>
  <c r="AD132269" i="1"/>
  <c r="AD132270" i="1"/>
  <c r="AD132271" i="1"/>
  <c r="AD132272" i="1"/>
  <c r="AD132273" i="1"/>
  <c r="AD132274" i="1"/>
  <c r="AD132275" i="1"/>
  <c r="AD132276" i="1"/>
  <c r="AD132277" i="1"/>
  <c r="AD132278" i="1"/>
  <c r="AD132279" i="1"/>
  <c r="AD132280" i="1"/>
  <c r="AD132281" i="1"/>
  <c r="AD132282" i="1"/>
  <c r="AD132283" i="1"/>
  <c r="AD132284" i="1"/>
  <c r="AD132285" i="1"/>
  <c r="AD132286" i="1"/>
  <c r="AD132287" i="1"/>
  <c r="AD132288" i="1"/>
  <c r="AD132289" i="1"/>
  <c r="AD132290" i="1"/>
  <c r="AD132291" i="1"/>
  <c r="AD132292" i="1"/>
  <c r="AD132293" i="1"/>
  <c r="AD132294" i="1"/>
  <c r="AD132295" i="1"/>
  <c r="AD132296" i="1"/>
  <c r="AD132297" i="1"/>
  <c r="AD132298" i="1"/>
  <c r="AD132299" i="1"/>
  <c r="AD132300" i="1"/>
  <c r="AD132301" i="1"/>
  <c r="AD132302" i="1"/>
  <c r="AD132303" i="1"/>
  <c r="AD132304" i="1"/>
  <c r="AD132305" i="1"/>
  <c r="AD132306" i="1"/>
  <c r="AD132307" i="1"/>
  <c r="AD132308" i="1"/>
  <c r="AD132309" i="1"/>
  <c r="AD132310" i="1"/>
  <c r="AD132311" i="1"/>
  <c r="AD132312" i="1"/>
  <c r="AD132313" i="1"/>
  <c r="AD132314" i="1"/>
  <c r="AD132315" i="1"/>
  <c r="AD132316" i="1"/>
  <c r="AD132317" i="1"/>
  <c r="AD132318" i="1"/>
  <c r="AD132319" i="1"/>
  <c r="AD132320" i="1"/>
  <c r="AD132321" i="1"/>
  <c r="AD132322" i="1"/>
  <c r="AD132323" i="1"/>
  <c r="AD132324" i="1"/>
  <c r="AD132325" i="1"/>
  <c r="AD132326" i="1"/>
  <c r="AD132327" i="1"/>
  <c r="AD132328" i="1"/>
  <c r="AD132329" i="1"/>
  <c r="AD132330" i="1"/>
  <c r="AD132331" i="1"/>
  <c r="AD132332" i="1"/>
  <c r="AD132333" i="1"/>
  <c r="AD132334" i="1"/>
  <c r="AD132335" i="1"/>
  <c r="AD132336" i="1"/>
  <c r="AD132337" i="1"/>
  <c r="AD132338" i="1"/>
  <c r="AD132339" i="1"/>
  <c r="AD132340" i="1"/>
  <c r="AD132341" i="1"/>
  <c r="AD132342" i="1"/>
  <c r="AD132343" i="1"/>
  <c r="AD132344" i="1"/>
  <c r="AD132345" i="1"/>
  <c r="AD132346" i="1"/>
  <c r="AD132347" i="1"/>
  <c r="AD132348" i="1"/>
  <c r="AD132349" i="1"/>
  <c r="AD132350" i="1"/>
  <c r="AD132351" i="1"/>
  <c r="AD132352" i="1"/>
  <c r="AD132353" i="1"/>
  <c r="AD132354" i="1"/>
  <c r="AD132355" i="1"/>
  <c r="AD132356" i="1"/>
  <c r="AD132357" i="1"/>
  <c r="AD132358" i="1"/>
  <c r="AD132359" i="1"/>
  <c r="AD132360" i="1"/>
  <c r="AD132361" i="1"/>
  <c r="AD132362" i="1"/>
  <c r="AD132363" i="1"/>
  <c r="AD132364" i="1"/>
  <c r="AD132365" i="1"/>
  <c r="AD132366" i="1"/>
  <c r="AD132367" i="1"/>
  <c r="AD132368" i="1"/>
  <c r="AD132369" i="1"/>
  <c r="AD132370" i="1"/>
  <c r="AD132371" i="1"/>
  <c r="AD132372" i="1"/>
  <c r="AD132373" i="1"/>
  <c r="AD132374" i="1"/>
  <c r="AD132375" i="1"/>
  <c r="AD132376" i="1"/>
  <c r="AD132377" i="1"/>
  <c r="AD132378" i="1"/>
  <c r="AD132379" i="1"/>
  <c r="AD132380" i="1"/>
  <c r="AD132381" i="1"/>
  <c r="AD132382" i="1"/>
  <c r="AD132383" i="1"/>
  <c r="AD132384" i="1"/>
  <c r="AD132385" i="1"/>
  <c r="AD132386" i="1"/>
  <c r="AD132387" i="1"/>
  <c r="AD132388" i="1"/>
  <c r="AD132389" i="1"/>
  <c r="AD132390" i="1"/>
  <c r="AD132391" i="1"/>
  <c r="AD132392" i="1"/>
  <c r="AD132393" i="1"/>
  <c r="AD132394" i="1"/>
  <c r="AD132395" i="1"/>
  <c r="AD132396" i="1"/>
  <c r="AD132397" i="1"/>
  <c r="AD132398" i="1"/>
  <c r="AD132399" i="1"/>
  <c r="AD132400" i="1"/>
  <c r="AD132401" i="1"/>
  <c r="AD132402" i="1"/>
  <c r="AD132403" i="1"/>
  <c r="AD132404" i="1"/>
  <c r="AD132405" i="1"/>
  <c r="AD132406" i="1"/>
  <c r="AD132407" i="1"/>
  <c r="AD132408" i="1"/>
  <c r="AD132409" i="1"/>
  <c r="AD132410" i="1"/>
  <c r="AD132411" i="1"/>
  <c r="AD132412" i="1"/>
  <c r="AD132413" i="1"/>
  <c r="AD132414" i="1"/>
  <c r="AD132415" i="1"/>
  <c r="AD132416" i="1"/>
  <c r="AD132417" i="1"/>
  <c r="AD132418" i="1"/>
  <c r="AD132419" i="1"/>
  <c r="AD132420" i="1"/>
  <c r="AD132421" i="1"/>
  <c r="AD132422" i="1"/>
  <c r="AD132423" i="1"/>
  <c r="AD132424" i="1"/>
  <c r="AD132425" i="1"/>
  <c r="AD132426" i="1"/>
  <c r="AD132427" i="1"/>
  <c r="AD132428" i="1"/>
  <c r="AD132429" i="1"/>
  <c r="AD132430" i="1"/>
  <c r="AD132431" i="1"/>
  <c r="AD132432" i="1"/>
  <c r="AD132433" i="1"/>
  <c r="AD132434" i="1"/>
  <c r="AD132435" i="1"/>
  <c r="AD132436" i="1"/>
  <c r="AD132437" i="1"/>
  <c r="AD132438" i="1"/>
  <c r="AD132439" i="1"/>
  <c r="AD132440" i="1"/>
  <c r="AD132441" i="1"/>
  <c r="AD132442" i="1"/>
  <c r="AD132443" i="1"/>
  <c r="AD132444" i="1"/>
  <c r="AD132445" i="1"/>
  <c r="AD132446" i="1"/>
  <c r="AD132447" i="1"/>
  <c r="AD132448" i="1"/>
  <c r="AD132449" i="1"/>
  <c r="AD132450" i="1"/>
  <c r="AD132451" i="1"/>
  <c r="AD132452" i="1"/>
  <c r="AD132453" i="1"/>
  <c r="AD132454" i="1"/>
  <c r="AD132455" i="1"/>
  <c r="AD132456" i="1"/>
  <c r="AD132457" i="1"/>
  <c r="AD132458" i="1"/>
  <c r="AD132459" i="1"/>
  <c r="AD132460" i="1"/>
  <c r="AD132461" i="1"/>
  <c r="AD132462" i="1"/>
  <c r="AD132463" i="1"/>
  <c r="AD132464" i="1"/>
  <c r="AD132465" i="1"/>
  <c r="AD132466" i="1"/>
  <c r="AD132467" i="1"/>
  <c r="AD132468" i="1"/>
  <c r="AD132469" i="1"/>
  <c r="AD132470" i="1"/>
  <c r="AD132471" i="1"/>
  <c r="AD132472" i="1"/>
  <c r="AD132473" i="1"/>
  <c r="AD132474" i="1"/>
  <c r="AD132475" i="1"/>
  <c r="AD132476" i="1"/>
  <c r="AD132477" i="1"/>
  <c r="AD132478" i="1"/>
  <c r="AD132479" i="1"/>
  <c r="AD132480" i="1"/>
  <c r="AD132481" i="1"/>
  <c r="AD132482" i="1"/>
  <c r="AD132483" i="1"/>
  <c r="AD132484" i="1"/>
  <c r="AD132485" i="1"/>
  <c r="AD132486" i="1"/>
  <c r="AD132487" i="1"/>
  <c r="AD132488" i="1"/>
  <c r="AD132489" i="1"/>
  <c r="AD132490" i="1"/>
  <c r="AD132491" i="1"/>
  <c r="AD132492" i="1"/>
  <c r="AD132493" i="1"/>
  <c r="AD132494" i="1"/>
  <c r="AD132495" i="1"/>
  <c r="AD132496" i="1"/>
  <c r="AD132497" i="1"/>
  <c r="AD132498" i="1"/>
  <c r="AD132499" i="1"/>
  <c r="AD132500" i="1"/>
  <c r="AD132501" i="1"/>
  <c r="AD132502" i="1"/>
  <c r="AD132503" i="1"/>
  <c r="AD132504" i="1"/>
  <c r="AD132505" i="1"/>
  <c r="AD132506" i="1"/>
  <c r="AD132507" i="1"/>
  <c r="AD132508" i="1"/>
  <c r="AD132509" i="1"/>
  <c r="AD132510" i="1"/>
  <c r="AD132511" i="1"/>
  <c r="AD132512" i="1"/>
  <c r="AD132513" i="1"/>
  <c r="AD132514" i="1"/>
  <c r="AD132515" i="1"/>
  <c r="AD132516" i="1"/>
  <c r="AD132517" i="1"/>
  <c r="AD132518" i="1"/>
  <c r="AD132519" i="1"/>
  <c r="AD132520" i="1"/>
  <c r="AD132521" i="1"/>
  <c r="AD132522" i="1"/>
  <c r="AD132523" i="1"/>
  <c r="AD132524" i="1"/>
  <c r="AD132525" i="1"/>
  <c r="AD132526" i="1"/>
  <c r="AD132527" i="1"/>
  <c r="AD132528" i="1"/>
  <c r="AD132529" i="1"/>
  <c r="AD132530" i="1"/>
  <c r="AD132531" i="1"/>
  <c r="AD132532" i="1"/>
  <c r="AD132533" i="1"/>
  <c r="AD132534" i="1"/>
  <c r="AD132535" i="1"/>
  <c r="AD132536" i="1"/>
  <c r="AD132537" i="1"/>
  <c r="AD132538" i="1"/>
  <c r="AD132539" i="1"/>
  <c r="AD132540" i="1"/>
  <c r="AD132541" i="1"/>
  <c r="AD132542" i="1"/>
  <c r="AD132543" i="1"/>
  <c r="AD132544" i="1"/>
  <c r="AD132545" i="1"/>
  <c r="AD132546" i="1"/>
  <c r="AD132547" i="1"/>
  <c r="AD132548" i="1"/>
  <c r="AD132549" i="1"/>
  <c r="AD132550" i="1"/>
  <c r="AD132551" i="1"/>
  <c r="AD132552" i="1"/>
  <c r="AD132553" i="1"/>
  <c r="AD132554" i="1"/>
  <c r="AD132555" i="1"/>
  <c r="AD132556" i="1"/>
  <c r="AD132557" i="1"/>
  <c r="AD132558" i="1"/>
  <c r="AD132559" i="1"/>
  <c r="AD132560" i="1"/>
  <c r="AD132561" i="1"/>
  <c r="AD132562" i="1"/>
  <c r="AD132563" i="1"/>
  <c r="AD132564" i="1"/>
  <c r="AD132565" i="1"/>
  <c r="AD132566" i="1"/>
  <c r="AD132567" i="1"/>
  <c r="AD132568" i="1"/>
  <c r="AD132569" i="1"/>
  <c r="AD132570" i="1"/>
  <c r="AD132571" i="1"/>
  <c r="AD132572" i="1"/>
  <c r="AD132573" i="1"/>
  <c r="AD132574" i="1"/>
  <c r="AD132575" i="1"/>
  <c r="AD132576" i="1"/>
  <c r="AD132577" i="1"/>
  <c r="AD132578" i="1"/>
  <c r="AD132579" i="1"/>
  <c r="AD132580" i="1"/>
  <c r="AD132581" i="1"/>
  <c r="AD132582" i="1"/>
  <c r="AD132583" i="1"/>
  <c r="AD132584" i="1"/>
  <c r="AD132585" i="1"/>
  <c r="AD132586" i="1"/>
  <c r="AD132587" i="1"/>
  <c r="AD132588" i="1"/>
  <c r="AD132589" i="1"/>
  <c r="AD132590" i="1"/>
  <c r="AD132591" i="1"/>
  <c r="AD132592" i="1"/>
  <c r="AD132593" i="1"/>
  <c r="AD132594" i="1"/>
  <c r="AD132595" i="1"/>
  <c r="AD132596" i="1"/>
  <c r="AD132597" i="1"/>
  <c r="AD132598" i="1"/>
  <c r="AD132599" i="1"/>
  <c r="AD132600" i="1"/>
  <c r="AD132601" i="1"/>
  <c r="AD132602" i="1"/>
  <c r="AD132603" i="1"/>
  <c r="AD132604" i="1"/>
  <c r="AD132605" i="1"/>
  <c r="AD132606" i="1"/>
  <c r="AD132607" i="1"/>
  <c r="AD132608" i="1"/>
  <c r="AD132609" i="1"/>
  <c r="AD132610" i="1"/>
  <c r="AD132611" i="1"/>
  <c r="AD132612" i="1"/>
  <c r="AD132613" i="1"/>
  <c r="AD132614" i="1"/>
  <c r="AD132615" i="1"/>
  <c r="AD132616" i="1"/>
  <c r="AD132617" i="1"/>
  <c r="AD132618" i="1"/>
  <c r="AD132619" i="1"/>
  <c r="AD132620" i="1"/>
  <c r="AD132621" i="1"/>
  <c r="AD132622" i="1"/>
  <c r="AD132623" i="1"/>
  <c r="AD132624" i="1"/>
  <c r="AD132625" i="1"/>
  <c r="AD132626" i="1"/>
  <c r="AD132627" i="1"/>
  <c r="AD132628" i="1"/>
  <c r="AD132629" i="1"/>
  <c r="AD132630" i="1"/>
  <c r="AD132631" i="1"/>
  <c r="AD132632" i="1"/>
  <c r="AD132633" i="1"/>
  <c r="AD132634" i="1"/>
  <c r="AD132635" i="1"/>
  <c r="AD132636" i="1"/>
  <c r="AD132637" i="1"/>
  <c r="AD132638" i="1"/>
  <c r="AD132639" i="1"/>
  <c r="AD132640" i="1"/>
  <c r="AD132641" i="1"/>
  <c r="AD132642" i="1"/>
  <c r="AD132643" i="1"/>
  <c r="AD132644" i="1"/>
  <c r="AD132645" i="1"/>
  <c r="AD132646" i="1"/>
  <c r="AD132647" i="1"/>
  <c r="AD132648" i="1"/>
  <c r="AD132649" i="1"/>
  <c r="AD132650" i="1"/>
  <c r="AD132651" i="1"/>
  <c r="AD132652" i="1"/>
  <c r="AD132653" i="1"/>
  <c r="AD132654" i="1"/>
  <c r="AD132655" i="1"/>
  <c r="AD132656" i="1"/>
  <c r="AD132657" i="1"/>
  <c r="AD132658" i="1"/>
  <c r="AD132659" i="1"/>
  <c r="AD132660" i="1"/>
  <c r="AD132661" i="1"/>
  <c r="AD132662" i="1"/>
  <c r="AD132663" i="1"/>
  <c r="AD132664" i="1"/>
  <c r="AD132665" i="1"/>
  <c r="AD132666" i="1"/>
  <c r="AD132667" i="1"/>
  <c r="AD132668" i="1"/>
  <c r="AD132669" i="1"/>
  <c r="AD132670" i="1"/>
  <c r="AD132671" i="1"/>
  <c r="AD132672" i="1"/>
  <c r="AD132673" i="1"/>
  <c r="AD132674" i="1"/>
  <c r="AD132675" i="1"/>
  <c r="AD132676" i="1"/>
  <c r="AD132677" i="1"/>
  <c r="AD132678" i="1"/>
  <c r="AD132679" i="1"/>
  <c r="AD132680" i="1"/>
  <c r="AD132681" i="1"/>
  <c r="AD132682" i="1"/>
  <c r="AD132683" i="1"/>
  <c r="AD132684" i="1"/>
  <c r="AD132685" i="1"/>
  <c r="AD132686" i="1"/>
  <c r="AD132687" i="1"/>
  <c r="AD132688" i="1"/>
  <c r="AD132689" i="1"/>
  <c r="AD132690" i="1"/>
  <c r="AD132691" i="1"/>
  <c r="AD132692" i="1"/>
  <c r="AD132693" i="1"/>
  <c r="AD132694" i="1"/>
  <c r="AD132695" i="1"/>
  <c r="AD132696" i="1"/>
  <c r="AD132697" i="1"/>
  <c r="AD132698" i="1"/>
  <c r="AD132699" i="1"/>
  <c r="AD132700" i="1"/>
  <c r="AD132701" i="1"/>
  <c r="AD132702" i="1"/>
  <c r="AD132703" i="1"/>
  <c r="AD132704" i="1"/>
  <c r="AD132705" i="1"/>
  <c r="AD132706" i="1"/>
  <c r="AD132707" i="1"/>
  <c r="AD132708" i="1"/>
  <c r="AD132709" i="1"/>
  <c r="AD132710" i="1"/>
  <c r="AD132711" i="1"/>
  <c r="AD132712" i="1"/>
  <c r="AD132713" i="1"/>
  <c r="AD132714" i="1"/>
  <c r="AD132715" i="1"/>
  <c r="AD132716" i="1"/>
  <c r="AD132717" i="1"/>
  <c r="AD132718" i="1"/>
  <c r="AD132719" i="1"/>
  <c r="AD132720" i="1"/>
  <c r="AD132721" i="1"/>
  <c r="AD132722" i="1"/>
  <c r="AD132723" i="1"/>
  <c r="AD132724" i="1"/>
  <c r="AD132725" i="1"/>
  <c r="AD132726" i="1"/>
  <c r="AD132727" i="1"/>
  <c r="AD132728" i="1"/>
  <c r="AD132729" i="1"/>
  <c r="AD132730" i="1"/>
  <c r="AD132731" i="1"/>
  <c r="AD132732" i="1"/>
  <c r="AD132733" i="1"/>
  <c r="AD132734" i="1"/>
  <c r="AD132735" i="1"/>
  <c r="AD132736" i="1"/>
  <c r="AD132737" i="1"/>
  <c r="AD132738" i="1"/>
  <c r="AD132739" i="1"/>
  <c r="AD132740" i="1"/>
  <c r="AD132741" i="1"/>
  <c r="AD132742" i="1"/>
  <c r="AD132743" i="1"/>
  <c r="AD132744" i="1"/>
  <c r="AD132745" i="1"/>
  <c r="AD132746" i="1"/>
  <c r="AD132747" i="1"/>
  <c r="AD132748" i="1"/>
  <c r="AD132749" i="1"/>
  <c r="AD132750" i="1"/>
  <c r="AD132751" i="1"/>
  <c r="AD132752" i="1"/>
  <c r="AD132753" i="1"/>
  <c r="AD132754" i="1"/>
  <c r="AD132755" i="1"/>
  <c r="AD132756" i="1"/>
  <c r="AD132757" i="1"/>
  <c r="AD132758" i="1"/>
  <c r="AD132759" i="1"/>
  <c r="AD132760" i="1"/>
  <c r="AD132761" i="1"/>
  <c r="AD132762" i="1"/>
  <c r="AD132763" i="1"/>
  <c r="AD132764" i="1"/>
  <c r="AD132765" i="1"/>
  <c r="AD132766" i="1"/>
  <c r="AD132767" i="1"/>
  <c r="AD132768" i="1"/>
  <c r="AD132769" i="1"/>
  <c r="AD132770" i="1"/>
  <c r="AD132771" i="1"/>
  <c r="AD132772" i="1"/>
  <c r="AD132773" i="1"/>
  <c r="AD132774" i="1"/>
  <c r="AD132775" i="1"/>
  <c r="AD132776" i="1"/>
  <c r="AD132777" i="1"/>
  <c r="AD132778" i="1"/>
  <c r="AD132779" i="1"/>
  <c r="AD132780" i="1"/>
  <c r="AD132781" i="1"/>
  <c r="AD132782" i="1"/>
  <c r="AD132783" i="1"/>
  <c r="AD132784" i="1"/>
  <c r="AD132785" i="1"/>
  <c r="AD132786" i="1"/>
  <c r="AD132787" i="1"/>
  <c r="AD132788" i="1"/>
  <c r="AD132789" i="1"/>
  <c r="AD132790" i="1"/>
  <c r="AD132791" i="1"/>
  <c r="AD132792" i="1"/>
  <c r="AD132793" i="1"/>
  <c r="AD132794" i="1"/>
  <c r="AD132795" i="1"/>
  <c r="AD132796" i="1"/>
  <c r="AD132797" i="1"/>
  <c r="AD132798" i="1"/>
  <c r="AD132799" i="1"/>
  <c r="AD132800" i="1"/>
  <c r="AD132801" i="1"/>
  <c r="AD132802" i="1"/>
  <c r="AD132803" i="1"/>
  <c r="AD132804" i="1"/>
  <c r="AD132805" i="1"/>
  <c r="AD132806" i="1"/>
  <c r="AD132807" i="1"/>
  <c r="AD132808" i="1"/>
  <c r="AD132809" i="1"/>
  <c r="AD132810" i="1"/>
  <c r="AD132811" i="1"/>
  <c r="AD132812" i="1"/>
  <c r="AD132813" i="1"/>
  <c r="AD132814" i="1"/>
  <c r="AD132815" i="1"/>
  <c r="AD132816" i="1"/>
  <c r="AD132817" i="1"/>
  <c r="AD132818" i="1"/>
  <c r="AD132819" i="1"/>
  <c r="AD132820" i="1"/>
  <c r="AD132821" i="1"/>
  <c r="AD132822" i="1"/>
  <c r="AD132823" i="1"/>
  <c r="AD132824" i="1"/>
  <c r="AD132825" i="1"/>
  <c r="AD132826" i="1"/>
  <c r="AD132827" i="1"/>
  <c r="AD132828" i="1"/>
  <c r="AD132829" i="1"/>
  <c r="AD132830" i="1"/>
  <c r="AD132831" i="1"/>
  <c r="AD132832" i="1"/>
  <c r="AD132833" i="1"/>
  <c r="AD132834" i="1"/>
  <c r="AD132835" i="1"/>
  <c r="AD132836" i="1"/>
  <c r="AD132837" i="1"/>
  <c r="AD132838" i="1"/>
  <c r="AD132839" i="1"/>
  <c r="AD132840" i="1"/>
  <c r="AD132841" i="1"/>
  <c r="AD132842" i="1"/>
  <c r="AD132843" i="1"/>
  <c r="AD132844" i="1"/>
  <c r="AD132845" i="1"/>
  <c r="AD132846" i="1"/>
  <c r="AD132847" i="1"/>
  <c r="AD132848" i="1"/>
  <c r="AD132849" i="1"/>
  <c r="AD132850" i="1"/>
  <c r="AD132851" i="1"/>
  <c r="AD132852" i="1"/>
  <c r="AD132853" i="1"/>
  <c r="AD132854" i="1"/>
  <c r="AD132855" i="1"/>
  <c r="AD132856" i="1"/>
  <c r="AD132857" i="1"/>
  <c r="AD132858" i="1"/>
  <c r="AD132859" i="1"/>
  <c r="AD132860" i="1"/>
  <c r="AD132861" i="1"/>
  <c r="AD132862" i="1"/>
  <c r="AD132863" i="1"/>
  <c r="AD132864" i="1"/>
  <c r="AD132865" i="1"/>
  <c r="AD132866" i="1"/>
  <c r="AD132867" i="1"/>
  <c r="AD132868" i="1"/>
  <c r="AD132869" i="1"/>
  <c r="AD132870" i="1"/>
  <c r="AD132871" i="1"/>
  <c r="AD132872" i="1"/>
  <c r="AD132873" i="1"/>
  <c r="AD132874" i="1"/>
  <c r="AD132875" i="1"/>
  <c r="AD132876" i="1"/>
  <c r="AD132877" i="1"/>
  <c r="AD132878" i="1"/>
  <c r="AD132879" i="1"/>
  <c r="AD132880" i="1"/>
  <c r="AD132881" i="1"/>
  <c r="AD132882" i="1"/>
  <c r="AD132883" i="1"/>
  <c r="AD132884" i="1"/>
  <c r="AD132885" i="1"/>
  <c r="AD132886" i="1"/>
  <c r="AD132887" i="1"/>
  <c r="AD132888" i="1"/>
  <c r="AD132889" i="1"/>
  <c r="AD132890" i="1"/>
  <c r="AD132891" i="1"/>
  <c r="AD132892" i="1"/>
  <c r="AD132893" i="1"/>
  <c r="AD132894" i="1"/>
  <c r="AD132895" i="1"/>
  <c r="AD132896" i="1"/>
  <c r="AD132897" i="1"/>
  <c r="AD132898" i="1"/>
  <c r="AD132899" i="1"/>
  <c r="AD132900" i="1"/>
  <c r="AD132901" i="1"/>
  <c r="AD132902" i="1"/>
  <c r="AD132903" i="1"/>
  <c r="AD132904" i="1"/>
  <c r="AD132905" i="1"/>
  <c r="AD132906" i="1"/>
  <c r="AD132907" i="1"/>
  <c r="AD132908" i="1"/>
  <c r="AD132909" i="1"/>
  <c r="AD132910" i="1"/>
  <c r="AD132911" i="1"/>
  <c r="AD132912" i="1"/>
  <c r="AD132913" i="1"/>
  <c r="AD132914" i="1"/>
  <c r="AD132915" i="1"/>
  <c r="AD132916" i="1"/>
  <c r="AD132917" i="1"/>
  <c r="AD132918" i="1"/>
  <c r="AD132919" i="1"/>
  <c r="AD132920" i="1"/>
  <c r="AD132921" i="1"/>
  <c r="AD132922" i="1"/>
  <c r="AD132923" i="1"/>
  <c r="AD132924" i="1"/>
  <c r="AD132925" i="1"/>
  <c r="AD132926" i="1"/>
  <c r="AD132927" i="1"/>
  <c r="AD132928" i="1"/>
  <c r="AD132929" i="1"/>
  <c r="AD132930" i="1"/>
  <c r="AD132931" i="1"/>
  <c r="AD132932" i="1"/>
  <c r="AD132933" i="1"/>
  <c r="AD132934" i="1"/>
  <c r="AD132935" i="1"/>
  <c r="AD132936" i="1"/>
  <c r="AD132937" i="1"/>
  <c r="AD132938" i="1"/>
  <c r="AD132939" i="1"/>
  <c r="AD132940" i="1"/>
  <c r="AD132941" i="1"/>
  <c r="AD132942" i="1"/>
  <c r="AD132943" i="1"/>
  <c r="AD132944" i="1"/>
  <c r="AD132945" i="1"/>
  <c r="AD132946" i="1"/>
  <c r="AD132947" i="1"/>
  <c r="AD132948" i="1"/>
  <c r="AD132949" i="1"/>
  <c r="AD132950" i="1"/>
  <c r="AD132951" i="1"/>
  <c r="AD132952" i="1"/>
  <c r="AD132953" i="1"/>
  <c r="AD132954" i="1"/>
  <c r="AD132955" i="1"/>
  <c r="AD132956" i="1"/>
  <c r="AD132957" i="1"/>
  <c r="AD132958" i="1"/>
  <c r="AD132959" i="1"/>
  <c r="AD132960" i="1"/>
  <c r="AD132961" i="1"/>
  <c r="AD132962" i="1"/>
  <c r="AD132963" i="1"/>
  <c r="AD132964" i="1"/>
  <c r="AD132965" i="1"/>
  <c r="AD132966" i="1"/>
  <c r="AD132967" i="1"/>
  <c r="AD132968" i="1"/>
  <c r="AD132969" i="1"/>
  <c r="AD132970" i="1"/>
  <c r="AD132971" i="1"/>
  <c r="AD132972" i="1"/>
  <c r="AD132973" i="1"/>
  <c r="AD132974" i="1"/>
  <c r="AD132975" i="1"/>
  <c r="AD132976" i="1"/>
  <c r="AD132977" i="1"/>
  <c r="AD132978" i="1"/>
  <c r="AD132979" i="1"/>
  <c r="AD132980" i="1"/>
  <c r="AD132981" i="1"/>
  <c r="AD132982" i="1"/>
  <c r="AD132983" i="1"/>
  <c r="AD132984" i="1"/>
  <c r="AD132985" i="1"/>
  <c r="AD132986" i="1"/>
  <c r="AD132987" i="1"/>
  <c r="AD132988" i="1"/>
  <c r="AD132989" i="1"/>
  <c r="AD132990" i="1"/>
  <c r="AD132991" i="1"/>
  <c r="AD132992" i="1"/>
  <c r="AD132993" i="1"/>
  <c r="AD132994" i="1"/>
  <c r="AD132995" i="1"/>
  <c r="AD132996" i="1"/>
  <c r="AD132997" i="1"/>
  <c r="AD132998" i="1"/>
  <c r="AD132999" i="1"/>
  <c r="AD133000" i="1"/>
  <c r="AD133001" i="1"/>
  <c r="AD133002" i="1"/>
  <c r="AD133003" i="1"/>
  <c r="AD133004" i="1"/>
  <c r="AD133005" i="1"/>
  <c r="AD133006" i="1"/>
  <c r="AD133007" i="1"/>
  <c r="AD133008" i="1"/>
  <c r="AD133009" i="1"/>
  <c r="AD133010" i="1"/>
  <c r="AD133011" i="1"/>
  <c r="AD133012" i="1"/>
  <c r="AD133013" i="1"/>
  <c r="AD133014" i="1"/>
  <c r="AD133015" i="1"/>
  <c r="AD133016" i="1"/>
  <c r="AD133017" i="1"/>
  <c r="AD133018" i="1"/>
  <c r="AD133019" i="1"/>
  <c r="AD133020" i="1"/>
  <c r="AD133021" i="1"/>
  <c r="AD133022" i="1"/>
  <c r="AD133023" i="1"/>
  <c r="AD133024" i="1"/>
  <c r="AD133025" i="1"/>
  <c r="AD133026" i="1"/>
  <c r="AD133027" i="1"/>
  <c r="AD133028" i="1"/>
  <c r="AD133029" i="1"/>
  <c r="AD133030" i="1"/>
  <c r="AD133031" i="1"/>
  <c r="AD133032" i="1"/>
  <c r="AD133033" i="1"/>
  <c r="AD133034" i="1"/>
  <c r="AD133035" i="1"/>
  <c r="AD133036" i="1"/>
  <c r="AD133037" i="1"/>
  <c r="AD133038" i="1"/>
  <c r="AD133039" i="1"/>
  <c r="AD133040" i="1"/>
  <c r="AD133041" i="1"/>
  <c r="AD133042" i="1"/>
  <c r="AD133043" i="1"/>
  <c r="AD133044" i="1"/>
  <c r="AD133045" i="1"/>
  <c r="AD133046" i="1"/>
  <c r="AD133047" i="1"/>
  <c r="AD133048" i="1"/>
  <c r="AD133049" i="1"/>
  <c r="AD133050" i="1"/>
  <c r="AD133051" i="1"/>
  <c r="AD133052" i="1"/>
  <c r="AD133053" i="1"/>
  <c r="AD133054" i="1"/>
  <c r="AD133055" i="1"/>
  <c r="AD133056" i="1"/>
  <c r="AD133057" i="1"/>
  <c r="AD133058" i="1"/>
  <c r="AD133059" i="1"/>
  <c r="AD133060" i="1"/>
  <c r="AD133061" i="1"/>
  <c r="AD133062" i="1"/>
  <c r="AD133063" i="1"/>
  <c r="AD133064" i="1"/>
  <c r="AD133065" i="1"/>
  <c r="AD133066" i="1"/>
  <c r="AD133067" i="1"/>
  <c r="AD133068" i="1"/>
  <c r="AD133069" i="1"/>
  <c r="AD133070" i="1"/>
  <c r="AD133071" i="1"/>
  <c r="AD133072" i="1"/>
  <c r="AD133073" i="1"/>
  <c r="AD133074" i="1"/>
  <c r="AD133075" i="1"/>
  <c r="AD133076" i="1"/>
  <c r="AD133077" i="1"/>
  <c r="AD133078" i="1"/>
  <c r="AD133079" i="1"/>
  <c r="AD133080" i="1"/>
  <c r="AD133081" i="1"/>
  <c r="AD133082" i="1"/>
  <c r="AD133083" i="1"/>
  <c r="AD133084" i="1"/>
  <c r="AD133085" i="1"/>
  <c r="AD133086" i="1"/>
  <c r="AD133087" i="1"/>
  <c r="AD133088" i="1"/>
  <c r="AD133089" i="1"/>
  <c r="AD133090" i="1"/>
  <c r="AD133091" i="1"/>
  <c r="AD133092" i="1"/>
  <c r="AD133093" i="1"/>
  <c r="AD133094" i="1"/>
  <c r="AD133095" i="1"/>
  <c r="AD133096" i="1"/>
  <c r="AD133097" i="1"/>
  <c r="AD133098" i="1"/>
  <c r="AD133099" i="1"/>
  <c r="AD133100" i="1"/>
  <c r="AD133101" i="1"/>
  <c r="AD133102" i="1"/>
  <c r="AD133103" i="1"/>
  <c r="AD133104" i="1"/>
  <c r="AD133105" i="1"/>
  <c r="AD133106" i="1"/>
  <c r="AD133107" i="1"/>
  <c r="AD133108" i="1"/>
  <c r="AD133109" i="1"/>
  <c r="AD133110" i="1"/>
  <c r="AD133111" i="1"/>
  <c r="AD133112" i="1"/>
  <c r="AD133113" i="1"/>
  <c r="AD133114" i="1"/>
  <c r="AD133115" i="1"/>
  <c r="AD133116" i="1"/>
  <c r="AD133117" i="1"/>
  <c r="AD133118" i="1"/>
  <c r="AD133119" i="1"/>
  <c r="AD133120" i="1"/>
  <c r="AD133121" i="1"/>
  <c r="AD133122" i="1"/>
  <c r="AD133123" i="1"/>
  <c r="AD133124" i="1"/>
  <c r="AD133125" i="1"/>
  <c r="AD133126" i="1"/>
  <c r="AD133127" i="1"/>
  <c r="AD133128" i="1"/>
  <c r="AD133129" i="1"/>
  <c r="AD133130" i="1"/>
  <c r="AD133131" i="1"/>
  <c r="AD133132" i="1"/>
  <c r="AD133133" i="1"/>
  <c r="AD133134" i="1"/>
  <c r="AD133135" i="1"/>
  <c r="AD133136" i="1"/>
  <c r="AD133137" i="1"/>
  <c r="AD133138" i="1"/>
  <c r="AD133139" i="1"/>
  <c r="AD133140" i="1"/>
  <c r="AD133141" i="1"/>
  <c r="AD133142" i="1"/>
  <c r="AD133143" i="1"/>
  <c r="AD133144" i="1"/>
  <c r="AD133145" i="1"/>
  <c r="AD133146" i="1"/>
  <c r="AD133147" i="1"/>
  <c r="AD133148" i="1"/>
  <c r="AD133149" i="1"/>
  <c r="AD133150" i="1"/>
  <c r="AD133151" i="1"/>
  <c r="AD133152" i="1"/>
  <c r="AD133153" i="1"/>
  <c r="AD133154" i="1"/>
  <c r="AD133155" i="1"/>
  <c r="AD133156" i="1"/>
  <c r="AD133157" i="1"/>
  <c r="AD133158" i="1"/>
  <c r="AD133159" i="1"/>
  <c r="AD133160" i="1"/>
  <c r="AD133161" i="1"/>
  <c r="AD133162" i="1"/>
  <c r="AD133163" i="1"/>
  <c r="AD133164" i="1"/>
  <c r="AD133165" i="1"/>
  <c r="AD133166" i="1"/>
  <c r="AD133167" i="1"/>
  <c r="AD133168" i="1"/>
  <c r="AD133169" i="1"/>
  <c r="AD133170" i="1"/>
  <c r="AD133171" i="1"/>
  <c r="AD133172" i="1"/>
  <c r="AD133173" i="1"/>
  <c r="AD133174" i="1"/>
  <c r="AD133175" i="1"/>
  <c r="AD133176" i="1"/>
  <c r="AD133177" i="1"/>
  <c r="AD133178" i="1"/>
  <c r="AD133179" i="1"/>
  <c r="AD133180" i="1"/>
  <c r="AD133181" i="1"/>
  <c r="AD133182" i="1"/>
  <c r="AD133183" i="1"/>
  <c r="AD133184" i="1"/>
  <c r="AD133185" i="1"/>
  <c r="AD133186" i="1"/>
  <c r="AD133187" i="1"/>
  <c r="AD133188" i="1"/>
  <c r="AD133189" i="1"/>
  <c r="AD133190" i="1"/>
  <c r="AD133191" i="1"/>
  <c r="AD133192" i="1"/>
  <c r="AD133193" i="1"/>
  <c r="AD133194" i="1"/>
  <c r="AD133195" i="1"/>
  <c r="AD133196" i="1"/>
  <c r="AD133197" i="1"/>
  <c r="AD133198" i="1"/>
  <c r="AD133199" i="1"/>
  <c r="AD133200" i="1"/>
  <c r="AD133201" i="1"/>
  <c r="AD133202" i="1"/>
  <c r="AD133203" i="1"/>
  <c r="AD133204" i="1"/>
  <c r="AD133205" i="1"/>
  <c r="AD133206" i="1"/>
  <c r="AD133207" i="1"/>
  <c r="AD133208" i="1"/>
  <c r="AD133209" i="1"/>
  <c r="AD133210" i="1"/>
  <c r="AD133211" i="1"/>
  <c r="AD133212" i="1"/>
  <c r="AD133213" i="1"/>
  <c r="AD133214" i="1"/>
  <c r="AD133215" i="1"/>
  <c r="AD133216" i="1"/>
  <c r="AD133217" i="1"/>
  <c r="AD133218" i="1"/>
  <c r="AD133219" i="1"/>
  <c r="AD133220" i="1"/>
  <c r="AD133221" i="1"/>
  <c r="AD133222" i="1"/>
  <c r="AD133223" i="1"/>
  <c r="AD133224" i="1"/>
  <c r="AD133225" i="1"/>
  <c r="AD133226" i="1"/>
  <c r="AD133227" i="1"/>
  <c r="AD133228" i="1"/>
  <c r="AD133229" i="1"/>
  <c r="AD133230" i="1"/>
  <c r="AD133231" i="1"/>
  <c r="AD133232" i="1"/>
  <c r="AD133233" i="1"/>
  <c r="AD133234" i="1"/>
  <c r="AD133235" i="1"/>
  <c r="AD133236" i="1"/>
  <c r="AD133237" i="1"/>
  <c r="AD133238" i="1"/>
  <c r="AD133239" i="1"/>
  <c r="AD133240" i="1"/>
  <c r="AD133241" i="1"/>
  <c r="AD133242" i="1"/>
  <c r="AD133243" i="1"/>
  <c r="AD133244" i="1"/>
  <c r="AD133245" i="1"/>
  <c r="AD133246" i="1"/>
  <c r="AD133247" i="1"/>
  <c r="AD133248" i="1"/>
  <c r="AD133249" i="1"/>
  <c r="AD133250" i="1"/>
  <c r="AD133251" i="1"/>
  <c r="AD133252" i="1"/>
  <c r="AD133253" i="1"/>
  <c r="AD133254" i="1"/>
  <c r="AD133255" i="1"/>
  <c r="AD133256" i="1"/>
  <c r="AD133257" i="1"/>
  <c r="AD133258" i="1"/>
  <c r="AD133259" i="1"/>
  <c r="AD133260" i="1"/>
  <c r="AD133261" i="1"/>
  <c r="AD133262" i="1"/>
  <c r="AD133263" i="1"/>
  <c r="AD133264" i="1"/>
  <c r="AD133265" i="1"/>
  <c r="AD133266" i="1"/>
  <c r="AD133267" i="1"/>
  <c r="AD133268" i="1"/>
  <c r="AD133269" i="1"/>
  <c r="AD133270" i="1"/>
  <c r="AD133271" i="1"/>
  <c r="AD133272" i="1"/>
  <c r="AD133273" i="1"/>
  <c r="AD133274" i="1"/>
  <c r="AD133275" i="1"/>
  <c r="AD133276" i="1"/>
  <c r="AD133277" i="1"/>
  <c r="AD133278" i="1"/>
  <c r="AD133279" i="1"/>
  <c r="AD133280" i="1"/>
  <c r="AD133281" i="1"/>
  <c r="AD133282" i="1"/>
  <c r="AD133283" i="1"/>
  <c r="AD133284" i="1"/>
  <c r="AD133285" i="1"/>
  <c r="AD133286" i="1"/>
  <c r="AD133287" i="1"/>
  <c r="AD133288" i="1"/>
  <c r="AD133289" i="1"/>
  <c r="AD133290" i="1"/>
  <c r="AD133291" i="1"/>
  <c r="AD133292" i="1"/>
  <c r="AD133293" i="1"/>
  <c r="AD133294" i="1"/>
  <c r="AD133295" i="1"/>
  <c r="AD133296" i="1"/>
  <c r="AD133297" i="1"/>
  <c r="AD133298" i="1"/>
  <c r="AD133299" i="1"/>
  <c r="AD133300" i="1"/>
  <c r="AD133301" i="1"/>
  <c r="AD133302" i="1"/>
  <c r="AD133303" i="1"/>
  <c r="AD133304" i="1"/>
  <c r="AD133305" i="1"/>
  <c r="AD133306" i="1"/>
  <c r="AD133307" i="1"/>
  <c r="AD133308" i="1"/>
  <c r="AD133309" i="1"/>
  <c r="AD133310" i="1"/>
  <c r="AD133311" i="1"/>
  <c r="AD133312" i="1"/>
  <c r="AD133313" i="1"/>
  <c r="AD133314" i="1"/>
  <c r="AD133315" i="1"/>
  <c r="AD133316" i="1"/>
  <c r="AD133317" i="1"/>
  <c r="AD133318" i="1"/>
  <c r="AD133319" i="1"/>
  <c r="AD133320" i="1"/>
  <c r="AD133321" i="1"/>
  <c r="AD133322" i="1"/>
  <c r="AD133323" i="1"/>
  <c r="AD133324" i="1"/>
  <c r="AD133325" i="1"/>
  <c r="AD133326" i="1"/>
  <c r="AD133327" i="1"/>
  <c r="AD133328" i="1"/>
  <c r="AD133329" i="1"/>
  <c r="AD133330" i="1"/>
  <c r="AD133331" i="1"/>
  <c r="AD133332" i="1"/>
  <c r="AD133333" i="1"/>
  <c r="AD133334" i="1"/>
  <c r="AD133335" i="1"/>
  <c r="AD133336" i="1"/>
  <c r="AD133337" i="1"/>
  <c r="AD133338" i="1"/>
  <c r="AD133339" i="1"/>
  <c r="AD133340" i="1"/>
  <c r="AD133341" i="1"/>
  <c r="AD133342" i="1"/>
  <c r="AD133343" i="1"/>
  <c r="AD133344" i="1"/>
  <c r="AD133345" i="1"/>
  <c r="AD133346" i="1"/>
  <c r="AD133347" i="1"/>
  <c r="AD133348" i="1"/>
  <c r="AD133349" i="1"/>
  <c r="AD133350" i="1"/>
  <c r="AD133351" i="1"/>
  <c r="AD133352" i="1"/>
  <c r="AD133353" i="1"/>
  <c r="AD133354" i="1"/>
  <c r="AD133355" i="1"/>
  <c r="AD133356" i="1"/>
  <c r="AD133357" i="1"/>
  <c r="AD133358" i="1"/>
  <c r="AD133359" i="1"/>
  <c r="AD133360" i="1"/>
  <c r="AD133361" i="1"/>
  <c r="AD133362" i="1"/>
  <c r="AD133363" i="1"/>
  <c r="AD133364" i="1"/>
  <c r="AD133365" i="1"/>
  <c r="AD133366" i="1"/>
  <c r="AD133367" i="1"/>
  <c r="AD133368" i="1"/>
  <c r="AD133369" i="1"/>
  <c r="AD133370" i="1"/>
  <c r="AD133371" i="1"/>
  <c r="AD133372" i="1"/>
  <c r="AD133373" i="1"/>
  <c r="AD133374" i="1"/>
  <c r="AD133375" i="1"/>
  <c r="AD133376" i="1"/>
  <c r="AD133377" i="1"/>
  <c r="AD133378" i="1"/>
  <c r="AD133379" i="1"/>
  <c r="AD133380" i="1"/>
  <c r="AD133381" i="1"/>
  <c r="AD133382" i="1"/>
  <c r="AD133383" i="1"/>
  <c r="AD133384" i="1"/>
  <c r="AD133385" i="1"/>
  <c r="AD133386" i="1"/>
  <c r="AD133387" i="1"/>
  <c r="AD133388" i="1"/>
  <c r="AD133389" i="1"/>
  <c r="AD133390" i="1"/>
  <c r="AD133391" i="1"/>
  <c r="AD133392" i="1"/>
  <c r="AD133393" i="1"/>
  <c r="AD133394" i="1"/>
  <c r="AD133395" i="1"/>
  <c r="AD133396" i="1"/>
  <c r="AD133397" i="1"/>
  <c r="AD133398" i="1"/>
  <c r="AD133399" i="1"/>
  <c r="AD133400" i="1"/>
  <c r="AD133401" i="1"/>
  <c r="AD133402" i="1"/>
  <c r="AD133403" i="1"/>
  <c r="AD133404" i="1"/>
  <c r="AD133405" i="1"/>
  <c r="AD133406" i="1"/>
  <c r="AD133407" i="1"/>
  <c r="AD133408" i="1"/>
  <c r="AD133409" i="1"/>
  <c r="AD133410" i="1"/>
  <c r="AD133411" i="1"/>
  <c r="AD133412" i="1"/>
  <c r="AD133413" i="1"/>
  <c r="AD133414" i="1"/>
  <c r="AD133415" i="1"/>
  <c r="AD133416" i="1"/>
  <c r="AD133417" i="1"/>
  <c r="AD133418" i="1"/>
  <c r="AD133419" i="1"/>
  <c r="AD133420" i="1"/>
  <c r="AD133421" i="1"/>
  <c r="AD133422" i="1"/>
  <c r="AD133423" i="1"/>
  <c r="AD133424" i="1"/>
  <c r="AD133425" i="1"/>
  <c r="AD133426" i="1"/>
  <c r="AD133427" i="1"/>
  <c r="AD133428" i="1"/>
  <c r="AD133429" i="1"/>
  <c r="AD133430" i="1"/>
  <c r="AD133431" i="1"/>
  <c r="AD133432" i="1"/>
  <c r="AD133433" i="1"/>
  <c r="AD133434" i="1"/>
  <c r="AD133435" i="1"/>
  <c r="AD133436" i="1"/>
  <c r="AD133437" i="1"/>
  <c r="AD133438" i="1"/>
  <c r="AD133439" i="1"/>
  <c r="AD133440" i="1"/>
  <c r="AD133441" i="1"/>
  <c r="AD133442" i="1"/>
  <c r="AD133443" i="1"/>
  <c r="AD133444" i="1"/>
  <c r="AD133445" i="1"/>
  <c r="AD133446" i="1"/>
  <c r="AD133447" i="1"/>
  <c r="AD133448" i="1"/>
  <c r="AD133449" i="1"/>
  <c r="AD133450" i="1"/>
  <c r="AD133451" i="1"/>
  <c r="AD133452" i="1"/>
  <c r="AD133453" i="1"/>
  <c r="AD133454" i="1"/>
  <c r="AD133455" i="1"/>
  <c r="AD133456" i="1"/>
  <c r="AD133457" i="1"/>
  <c r="AD133458" i="1"/>
  <c r="AD133459" i="1"/>
  <c r="AD133460" i="1"/>
  <c r="AD133461" i="1"/>
  <c r="AD133462" i="1"/>
  <c r="AD133463" i="1"/>
  <c r="AD133464" i="1"/>
  <c r="AD133465" i="1"/>
  <c r="AD133466" i="1"/>
  <c r="AD133467" i="1"/>
  <c r="AD133468" i="1"/>
  <c r="AD133469" i="1"/>
  <c r="AD133470" i="1"/>
  <c r="AD133471" i="1"/>
  <c r="AD133472" i="1"/>
  <c r="AD133473" i="1"/>
  <c r="AD133474" i="1"/>
  <c r="AD133475" i="1"/>
  <c r="AD133476" i="1"/>
  <c r="AD133477" i="1"/>
  <c r="AD133478" i="1"/>
  <c r="AD133479" i="1"/>
  <c r="AD133480" i="1"/>
  <c r="AD133481" i="1"/>
  <c r="AD133482" i="1"/>
  <c r="AD133483" i="1"/>
  <c r="AD133484" i="1"/>
  <c r="AD133485" i="1"/>
  <c r="AD133486" i="1"/>
  <c r="AD133487" i="1"/>
  <c r="AD133488" i="1"/>
  <c r="AD133489" i="1"/>
  <c r="AD133490" i="1"/>
  <c r="AD133491" i="1"/>
  <c r="AD133492" i="1"/>
  <c r="AD133493" i="1"/>
  <c r="AD133494" i="1"/>
  <c r="AD133495" i="1"/>
  <c r="AD133496" i="1"/>
  <c r="AD133497" i="1"/>
  <c r="AD133498" i="1"/>
  <c r="AD133499" i="1"/>
  <c r="AD133500" i="1"/>
  <c r="AD133501" i="1"/>
  <c r="AD133502" i="1"/>
  <c r="AD133503" i="1"/>
  <c r="AD133504" i="1"/>
  <c r="AD133505" i="1"/>
  <c r="AD133506" i="1"/>
  <c r="AD133507" i="1"/>
  <c r="AD133508" i="1"/>
  <c r="AD133509" i="1"/>
  <c r="AD133510" i="1"/>
  <c r="AD133511" i="1"/>
  <c r="AD133512" i="1"/>
  <c r="AD133513" i="1"/>
  <c r="AD133514" i="1"/>
  <c r="AD133515" i="1"/>
  <c r="AD133516" i="1"/>
  <c r="AD133517" i="1"/>
  <c r="AD133518" i="1"/>
  <c r="AD133519" i="1"/>
  <c r="AD133520" i="1"/>
  <c r="AD133521" i="1"/>
  <c r="AD133522" i="1"/>
  <c r="AD133523" i="1"/>
  <c r="AD133524" i="1"/>
  <c r="AD133525" i="1"/>
  <c r="AD133526" i="1"/>
  <c r="AD133527" i="1"/>
  <c r="AD133528" i="1"/>
  <c r="AD133529" i="1"/>
  <c r="AD133530" i="1"/>
  <c r="AD133531" i="1"/>
  <c r="AD133532" i="1"/>
  <c r="AD133533" i="1"/>
  <c r="AD133534" i="1"/>
  <c r="AD133535" i="1"/>
  <c r="AD133536" i="1"/>
  <c r="AD133537" i="1"/>
  <c r="AD133538" i="1"/>
  <c r="AD133539" i="1"/>
  <c r="AD133540" i="1"/>
  <c r="AD133541" i="1"/>
  <c r="AD133542" i="1"/>
  <c r="AD133543" i="1"/>
  <c r="AD133544" i="1"/>
  <c r="AD133545" i="1"/>
  <c r="AD133546" i="1"/>
  <c r="AD133547" i="1"/>
  <c r="AD133548" i="1"/>
  <c r="AD133549" i="1"/>
  <c r="AD133550" i="1"/>
  <c r="AD133551" i="1"/>
  <c r="AD133552" i="1"/>
  <c r="AD133553" i="1"/>
  <c r="AD133554" i="1"/>
  <c r="AD133555" i="1"/>
  <c r="AD133556" i="1"/>
  <c r="AD133557" i="1"/>
  <c r="AD133558" i="1"/>
  <c r="AD133559" i="1"/>
  <c r="AD133560" i="1"/>
  <c r="AD133561" i="1"/>
  <c r="AD133562" i="1"/>
  <c r="AD133563" i="1"/>
  <c r="AD133564" i="1"/>
  <c r="AD133565" i="1"/>
  <c r="AD133566" i="1"/>
  <c r="AD133567" i="1"/>
  <c r="AD133568" i="1"/>
  <c r="AD133569" i="1"/>
  <c r="AD133570" i="1"/>
  <c r="AD133571" i="1"/>
  <c r="AD133572" i="1"/>
  <c r="AD133573" i="1"/>
  <c r="AD133574" i="1"/>
  <c r="AD133575" i="1"/>
  <c r="AD133576" i="1"/>
  <c r="AD133577" i="1"/>
  <c r="AD133578" i="1"/>
  <c r="AD133579" i="1"/>
  <c r="AD133580" i="1"/>
  <c r="AD133581" i="1"/>
  <c r="AD133582" i="1"/>
  <c r="AD133583" i="1"/>
  <c r="AD133584" i="1"/>
  <c r="AD133585" i="1"/>
  <c r="AD133586" i="1"/>
  <c r="AD133587" i="1"/>
  <c r="AD133588" i="1"/>
  <c r="AD133589" i="1"/>
  <c r="AD133590" i="1"/>
  <c r="AD133591" i="1"/>
  <c r="AD133592" i="1"/>
  <c r="AD133593" i="1"/>
  <c r="AD133594" i="1"/>
  <c r="AD133595" i="1"/>
  <c r="AD133596" i="1"/>
  <c r="AD133597" i="1"/>
  <c r="AD133598" i="1"/>
  <c r="AD133599" i="1"/>
  <c r="AD133600" i="1"/>
  <c r="AD133601" i="1"/>
  <c r="AD133602" i="1"/>
  <c r="AD133603" i="1"/>
  <c r="AD133604" i="1"/>
  <c r="AD133605" i="1"/>
  <c r="AD133606" i="1"/>
  <c r="AD133607" i="1"/>
  <c r="AD133608" i="1"/>
  <c r="AD133609" i="1"/>
  <c r="AD133610" i="1"/>
  <c r="AD133611" i="1"/>
  <c r="AD133612" i="1"/>
  <c r="AD133613" i="1"/>
  <c r="AD133614" i="1"/>
  <c r="AD133615" i="1"/>
  <c r="AD133616" i="1"/>
  <c r="AD133617" i="1"/>
  <c r="AD133618" i="1"/>
  <c r="AD133619" i="1"/>
  <c r="AD133620" i="1"/>
  <c r="AD133621" i="1"/>
  <c r="AD133622" i="1"/>
  <c r="AD133623" i="1"/>
  <c r="AD133624" i="1"/>
  <c r="AD133625" i="1"/>
  <c r="AD133626" i="1"/>
  <c r="AD133627" i="1"/>
  <c r="AD133628" i="1"/>
  <c r="AD133629" i="1"/>
  <c r="AD133630" i="1"/>
  <c r="AD133631" i="1"/>
  <c r="AD133632" i="1"/>
  <c r="AD133633" i="1"/>
  <c r="AD133634" i="1"/>
  <c r="AD133635" i="1"/>
  <c r="AD133636" i="1"/>
  <c r="AD133637" i="1"/>
  <c r="AD133638" i="1"/>
  <c r="AD133639" i="1"/>
  <c r="AD133640" i="1"/>
  <c r="AD133641" i="1"/>
  <c r="AD133642" i="1"/>
  <c r="AD133643" i="1"/>
  <c r="AD133644" i="1"/>
  <c r="AD133645" i="1"/>
  <c r="AD133646" i="1"/>
  <c r="AD133647" i="1"/>
  <c r="AD133648" i="1"/>
  <c r="AD133649" i="1"/>
  <c r="AD133650" i="1"/>
  <c r="AD133651" i="1"/>
  <c r="AD133652" i="1"/>
  <c r="AD133653" i="1"/>
  <c r="AD133654" i="1"/>
  <c r="AD133655" i="1"/>
  <c r="AD133656" i="1"/>
  <c r="AD133657" i="1"/>
  <c r="AD133658" i="1"/>
  <c r="AD133659" i="1"/>
  <c r="AD133660" i="1"/>
  <c r="AD133661" i="1"/>
  <c r="AD133662" i="1"/>
  <c r="AD133663" i="1"/>
  <c r="AD133664" i="1"/>
  <c r="AD133665" i="1"/>
  <c r="AD133666" i="1"/>
  <c r="AD133667" i="1"/>
  <c r="AD133668" i="1"/>
  <c r="AD133669" i="1"/>
  <c r="AD133670" i="1"/>
  <c r="AD133671" i="1"/>
  <c r="AD133672" i="1"/>
  <c r="AD133673" i="1"/>
  <c r="AD133674" i="1"/>
  <c r="AD133675" i="1"/>
  <c r="AD133676" i="1"/>
  <c r="AD133677" i="1"/>
  <c r="AD133678" i="1"/>
  <c r="AD133679" i="1"/>
  <c r="AD133680" i="1"/>
  <c r="AD133681" i="1"/>
  <c r="AD133682" i="1"/>
  <c r="AD133683" i="1"/>
  <c r="AD133684" i="1"/>
  <c r="AD133685" i="1"/>
  <c r="AD133686" i="1"/>
  <c r="AD133687" i="1"/>
  <c r="AD133688" i="1"/>
  <c r="AD133689" i="1"/>
  <c r="AD133690" i="1"/>
  <c r="AD133691" i="1"/>
  <c r="AD133692" i="1"/>
  <c r="AD133693" i="1"/>
  <c r="AD133694" i="1"/>
  <c r="AD133695" i="1"/>
  <c r="AD133696" i="1"/>
  <c r="AD133697" i="1"/>
  <c r="AD133698" i="1"/>
  <c r="AD133699" i="1"/>
  <c r="AD133700" i="1"/>
  <c r="AD133701" i="1"/>
  <c r="AD133702" i="1"/>
  <c r="AD133703" i="1"/>
  <c r="AD133704" i="1"/>
  <c r="AD133705" i="1"/>
  <c r="AD133706" i="1"/>
  <c r="AD133707" i="1"/>
  <c r="AD133708" i="1"/>
  <c r="AD133709" i="1"/>
  <c r="AD133710" i="1"/>
  <c r="AD133711" i="1"/>
  <c r="AD133712" i="1"/>
  <c r="AD133713" i="1"/>
  <c r="AD133714" i="1"/>
  <c r="AD133715" i="1"/>
  <c r="AD133716" i="1"/>
  <c r="AD133717" i="1"/>
  <c r="AD133718" i="1"/>
  <c r="AD133719" i="1"/>
  <c r="AD133720" i="1"/>
  <c r="AD133721" i="1"/>
  <c r="AD133722" i="1"/>
  <c r="AD133723" i="1"/>
  <c r="AD133724" i="1"/>
  <c r="AD133725" i="1"/>
  <c r="AD133726" i="1"/>
  <c r="AD133727" i="1"/>
  <c r="AD133728" i="1"/>
  <c r="AD133729" i="1"/>
  <c r="AD133730" i="1"/>
  <c r="AD133731" i="1"/>
  <c r="AD133732" i="1"/>
  <c r="AD133733" i="1"/>
  <c r="AD133734" i="1"/>
  <c r="AD133735" i="1"/>
  <c r="AD133736" i="1"/>
  <c r="AD133737" i="1"/>
  <c r="AD133738" i="1"/>
  <c r="AD133739" i="1"/>
  <c r="AD133740" i="1"/>
  <c r="AD133741" i="1"/>
  <c r="AD133742" i="1"/>
  <c r="AD133743" i="1"/>
  <c r="AD133744" i="1"/>
  <c r="AD133745" i="1"/>
  <c r="AD133746" i="1"/>
  <c r="AD133747" i="1"/>
  <c r="AD133748" i="1"/>
  <c r="AD133749" i="1"/>
  <c r="AD133750" i="1"/>
  <c r="AD133751" i="1"/>
  <c r="AD133752" i="1"/>
  <c r="AD133753" i="1"/>
  <c r="AD133754" i="1"/>
  <c r="AD133755" i="1"/>
  <c r="AD133756" i="1"/>
  <c r="AD133757" i="1"/>
  <c r="AD133758" i="1"/>
  <c r="AD133759" i="1"/>
  <c r="AD133760" i="1"/>
  <c r="AD133761" i="1"/>
  <c r="AD133762" i="1"/>
  <c r="AD133763" i="1"/>
  <c r="AD133764" i="1"/>
  <c r="AD133765" i="1"/>
  <c r="AD133766" i="1"/>
  <c r="AD133767" i="1"/>
  <c r="AD133768" i="1"/>
  <c r="AD133769" i="1"/>
  <c r="AD133770" i="1"/>
  <c r="AD133771" i="1"/>
  <c r="AD133772" i="1"/>
  <c r="AD133773" i="1"/>
  <c r="AD133774" i="1"/>
  <c r="AD133775" i="1"/>
  <c r="AD133776" i="1"/>
  <c r="AD133777" i="1"/>
  <c r="AD133778" i="1"/>
  <c r="AD133779" i="1"/>
  <c r="AD133780" i="1"/>
  <c r="AD133781" i="1"/>
  <c r="AD133782" i="1"/>
  <c r="AD133783" i="1"/>
  <c r="AD133784" i="1"/>
  <c r="AD133785" i="1"/>
  <c r="AD133786" i="1"/>
  <c r="AD133787" i="1"/>
  <c r="AD133788" i="1"/>
  <c r="AD133789" i="1"/>
  <c r="AD133790" i="1"/>
  <c r="AD133791" i="1"/>
  <c r="AD133792" i="1"/>
  <c r="AD133793" i="1"/>
  <c r="AD133794" i="1"/>
  <c r="AD133795" i="1"/>
  <c r="AD133796" i="1"/>
  <c r="AD133797" i="1"/>
  <c r="AD133798" i="1"/>
  <c r="AD133799" i="1"/>
  <c r="AD133800" i="1"/>
  <c r="AD133801" i="1"/>
  <c r="AD133802" i="1"/>
  <c r="AD133803" i="1"/>
  <c r="AD133804" i="1"/>
  <c r="AD133805" i="1"/>
  <c r="AD133806" i="1"/>
  <c r="AD133807" i="1"/>
  <c r="AD133808" i="1"/>
  <c r="AD133809" i="1"/>
  <c r="AD133810" i="1"/>
  <c r="AD133811" i="1"/>
  <c r="AD133812" i="1"/>
  <c r="AD133813" i="1"/>
  <c r="AD133814" i="1"/>
  <c r="AD133815" i="1"/>
  <c r="AD133816" i="1"/>
  <c r="AD133817" i="1"/>
  <c r="AD133818" i="1"/>
  <c r="AD133819" i="1"/>
  <c r="AD133820" i="1"/>
  <c r="AD133821" i="1"/>
  <c r="AD133822" i="1"/>
  <c r="AD133823" i="1"/>
  <c r="AD133824" i="1"/>
  <c r="AD133825" i="1"/>
  <c r="AD133826" i="1"/>
  <c r="AD133827" i="1"/>
  <c r="AD133828" i="1"/>
  <c r="AD133829" i="1"/>
  <c r="AD133830" i="1"/>
  <c r="AD133831" i="1"/>
  <c r="AD133832" i="1"/>
  <c r="AD133833" i="1"/>
  <c r="AD133834" i="1"/>
  <c r="AD133835" i="1"/>
  <c r="AD133836" i="1"/>
  <c r="AD133837" i="1"/>
  <c r="AD133838" i="1"/>
  <c r="AD133839" i="1"/>
  <c r="AD133840" i="1"/>
  <c r="AD133841" i="1"/>
  <c r="AD133842" i="1"/>
  <c r="AD133843" i="1"/>
  <c r="AD133844" i="1"/>
  <c r="AD133845" i="1"/>
  <c r="AD133846" i="1"/>
  <c r="AD133847" i="1"/>
  <c r="AD133848" i="1"/>
  <c r="AD133849" i="1"/>
  <c r="AD133850" i="1"/>
  <c r="AD133851" i="1"/>
  <c r="AD133852" i="1"/>
  <c r="AD133853" i="1"/>
  <c r="AD133854" i="1"/>
  <c r="AD133855" i="1"/>
  <c r="AD133856" i="1"/>
  <c r="AD133857" i="1"/>
  <c r="AD133858" i="1"/>
  <c r="AD133859" i="1"/>
  <c r="AD133860" i="1"/>
  <c r="AD133861" i="1"/>
  <c r="AD133862" i="1"/>
  <c r="AD133863" i="1"/>
  <c r="AD133864" i="1"/>
  <c r="AD133865" i="1"/>
  <c r="AD133866" i="1"/>
  <c r="AD133867" i="1"/>
  <c r="AD133868" i="1"/>
  <c r="AD133869" i="1"/>
  <c r="AD133870" i="1"/>
  <c r="AD133871" i="1"/>
  <c r="AD133872" i="1"/>
  <c r="AD133873" i="1"/>
  <c r="AD133874" i="1"/>
  <c r="AD133875" i="1"/>
  <c r="AD133876" i="1"/>
  <c r="AD133877" i="1"/>
  <c r="AD133878" i="1"/>
  <c r="AD133879" i="1"/>
  <c r="AD133880" i="1"/>
  <c r="AD133881" i="1"/>
  <c r="AD133882" i="1"/>
  <c r="AD133883" i="1"/>
  <c r="AD133884" i="1"/>
  <c r="AD133885" i="1"/>
  <c r="AD133886" i="1"/>
  <c r="AD133887" i="1"/>
  <c r="AD133888" i="1"/>
  <c r="AD133889" i="1"/>
  <c r="AD133890" i="1"/>
  <c r="AD133891" i="1"/>
  <c r="AD133892" i="1"/>
  <c r="AD133893" i="1"/>
  <c r="AD133894" i="1"/>
  <c r="AD133895" i="1"/>
  <c r="AD133896" i="1"/>
  <c r="AD133897" i="1"/>
  <c r="AD133898" i="1"/>
  <c r="AD133899" i="1"/>
  <c r="AD133900" i="1"/>
  <c r="AD133901" i="1"/>
  <c r="AD133902" i="1"/>
  <c r="AD133903" i="1"/>
  <c r="AD133904" i="1"/>
  <c r="AD133905" i="1"/>
  <c r="AD133906" i="1"/>
  <c r="AD133907" i="1"/>
  <c r="AD133908" i="1"/>
  <c r="AD133909" i="1"/>
  <c r="AD133910" i="1"/>
  <c r="AD133911" i="1"/>
  <c r="AD133912" i="1"/>
  <c r="AD133913" i="1"/>
  <c r="AD133914" i="1"/>
  <c r="AD133915" i="1"/>
  <c r="AD133916" i="1"/>
  <c r="AD133917" i="1"/>
  <c r="AD133918" i="1"/>
  <c r="AD133919" i="1"/>
  <c r="AD133920" i="1"/>
  <c r="AD133921" i="1"/>
  <c r="AD133922" i="1"/>
  <c r="AD133923" i="1"/>
  <c r="AD133924" i="1"/>
  <c r="AD133925" i="1"/>
  <c r="AD133926" i="1"/>
  <c r="AD133927" i="1"/>
  <c r="AD133928" i="1"/>
  <c r="AD133929" i="1"/>
  <c r="AD133930" i="1"/>
  <c r="AD133931" i="1"/>
  <c r="AD133932" i="1"/>
  <c r="AD133933" i="1"/>
  <c r="AD133934" i="1"/>
  <c r="AD133935" i="1"/>
  <c r="AD133936" i="1"/>
  <c r="AD133937" i="1"/>
  <c r="AD133938" i="1"/>
  <c r="AD133939" i="1"/>
  <c r="AD133940" i="1"/>
  <c r="AD133941" i="1"/>
  <c r="AD133942" i="1"/>
  <c r="AD133943" i="1"/>
  <c r="AD133944" i="1"/>
  <c r="AD133945" i="1"/>
  <c r="AD133946" i="1"/>
  <c r="AD133947" i="1"/>
  <c r="AD133948" i="1"/>
  <c r="AD133949" i="1"/>
  <c r="AD133950" i="1"/>
  <c r="AD133951" i="1"/>
  <c r="AD133952" i="1"/>
  <c r="AD133953" i="1"/>
  <c r="AD133954" i="1"/>
  <c r="AD133955" i="1"/>
  <c r="AD133956" i="1"/>
  <c r="AD133957" i="1"/>
  <c r="AD133958" i="1"/>
  <c r="AD133959" i="1"/>
  <c r="AD133960" i="1"/>
  <c r="AD133961" i="1"/>
  <c r="AD133962" i="1"/>
  <c r="AD133963" i="1"/>
  <c r="AD133964" i="1"/>
  <c r="AD133965" i="1"/>
  <c r="AD133966" i="1"/>
  <c r="AD133967" i="1"/>
  <c r="AD133968" i="1"/>
  <c r="AD133969" i="1"/>
  <c r="AD133970" i="1"/>
  <c r="AD133971" i="1"/>
  <c r="AD133972" i="1"/>
  <c r="AD133973" i="1"/>
  <c r="AD133974" i="1"/>
  <c r="AD133975" i="1"/>
  <c r="AD133976" i="1"/>
  <c r="AD133977" i="1"/>
  <c r="AD133978" i="1"/>
  <c r="AD133979" i="1"/>
  <c r="AD133980" i="1"/>
  <c r="AD133981" i="1"/>
  <c r="AD133982" i="1"/>
  <c r="AD133983" i="1"/>
  <c r="AD133984" i="1"/>
  <c r="AD133985" i="1"/>
  <c r="AD133986" i="1"/>
  <c r="AD133987" i="1"/>
  <c r="AD133988" i="1"/>
  <c r="AD133989" i="1"/>
  <c r="AD133990" i="1"/>
  <c r="AD133991" i="1"/>
  <c r="AD133992" i="1"/>
  <c r="AD133993" i="1"/>
  <c r="AD133994" i="1"/>
  <c r="AD133995" i="1"/>
  <c r="AD133996" i="1"/>
  <c r="AD133997" i="1"/>
  <c r="AD133998" i="1"/>
  <c r="AD133999" i="1"/>
  <c r="AD134000" i="1"/>
  <c r="AD134001" i="1"/>
  <c r="AD134002" i="1"/>
  <c r="AD134003" i="1"/>
  <c r="AD134004" i="1"/>
  <c r="AD134005" i="1"/>
  <c r="AD134006" i="1"/>
  <c r="AD134007" i="1"/>
  <c r="AD134008" i="1"/>
  <c r="AD134009" i="1"/>
  <c r="AD134010" i="1"/>
  <c r="AD134011" i="1"/>
  <c r="AD134012" i="1"/>
  <c r="AD134013" i="1"/>
  <c r="AD134014" i="1"/>
  <c r="AD134015" i="1"/>
  <c r="AD134016" i="1"/>
  <c r="AD134017" i="1"/>
  <c r="AD134018" i="1"/>
  <c r="AD134019" i="1"/>
  <c r="AD134020" i="1"/>
  <c r="AD134021" i="1"/>
  <c r="AD134022" i="1"/>
  <c r="AD134023" i="1"/>
  <c r="AD134024" i="1"/>
  <c r="AD134025" i="1"/>
  <c r="AD134026" i="1"/>
  <c r="AD134027" i="1"/>
  <c r="AD134028" i="1"/>
  <c r="AD134029" i="1"/>
  <c r="AD134030" i="1"/>
  <c r="AD134031" i="1"/>
  <c r="AD134032" i="1"/>
  <c r="AD134033" i="1"/>
  <c r="AD134034" i="1"/>
  <c r="AD134035" i="1"/>
  <c r="AD134036" i="1"/>
  <c r="AD134037" i="1"/>
  <c r="AD134038" i="1"/>
  <c r="AD134039" i="1"/>
  <c r="AD134040" i="1"/>
  <c r="AD134041" i="1"/>
  <c r="AD134042" i="1"/>
  <c r="AD134043" i="1"/>
  <c r="AD134044" i="1"/>
  <c r="AD134045" i="1"/>
  <c r="AD134046" i="1"/>
  <c r="AD134047" i="1"/>
  <c r="AD134048" i="1"/>
  <c r="AD134049" i="1"/>
  <c r="AD134050" i="1"/>
  <c r="AD134051" i="1"/>
  <c r="AD134052" i="1"/>
  <c r="AD134053" i="1"/>
  <c r="AD134054" i="1"/>
  <c r="AD134055" i="1"/>
  <c r="AD134056" i="1"/>
  <c r="AD134057" i="1"/>
  <c r="AD134058" i="1"/>
  <c r="AD134059" i="1"/>
  <c r="AD134060" i="1"/>
  <c r="AD134061" i="1"/>
  <c r="AD134062" i="1"/>
  <c r="AD134063" i="1"/>
  <c r="AD134064" i="1"/>
  <c r="AD134065" i="1"/>
  <c r="AD134066" i="1"/>
  <c r="AD134067" i="1"/>
  <c r="AD134068" i="1"/>
  <c r="AD134069" i="1"/>
  <c r="AD134070" i="1"/>
  <c r="AD134071" i="1"/>
  <c r="AD134072" i="1"/>
  <c r="AD134073" i="1"/>
  <c r="AD134074" i="1"/>
  <c r="AD134075" i="1"/>
  <c r="AD134076" i="1"/>
  <c r="AD134077" i="1"/>
  <c r="AD134078" i="1"/>
  <c r="AD134079" i="1"/>
  <c r="AD134080" i="1"/>
  <c r="AD134081" i="1"/>
  <c r="AD134082" i="1"/>
  <c r="AD134083" i="1"/>
  <c r="AD134084" i="1"/>
  <c r="AD134085" i="1"/>
  <c r="AD134086" i="1"/>
  <c r="AD134087" i="1"/>
  <c r="AD134088" i="1"/>
  <c r="AD134089" i="1"/>
  <c r="AD134090" i="1"/>
  <c r="AD134091" i="1"/>
  <c r="AD134092" i="1"/>
  <c r="AD134093" i="1"/>
  <c r="AD134094" i="1"/>
  <c r="AD134095" i="1"/>
  <c r="AD134096" i="1"/>
  <c r="AD134097" i="1"/>
  <c r="AD134098" i="1"/>
  <c r="AD134099" i="1"/>
  <c r="AD134100" i="1"/>
  <c r="AD134101" i="1"/>
  <c r="AD134102" i="1"/>
  <c r="AD134103" i="1"/>
  <c r="AD134104" i="1"/>
  <c r="AD134105" i="1"/>
  <c r="AD134106" i="1"/>
  <c r="AD134107" i="1"/>
  <c r="AD134108" i="1"/>
  <c r="AD134109" i="1"/>
  <c r="AD134110" i="1"/>
  <c r="AD134111" i="1"/>
  <c r="AD134112" i="1"/>
  <c r="AD134113" i="1"/>
  <c r="AD134114" i="1"/>
  <c r="AD134115" i="1"/>
  <c r="AD134116" i="1"/>
  <c r="AD134117" i="1"/>
  <c r="AD134118" i="1"/>
  <c r="AD134119" i="1"/>
  <c r="AD134120" i="1"/>
  <c r="AD134121" i="1"/>
  <c r="AD134122" i="1"/>
  <c r="AD134123" i="1"/>
  <c r="AD134124" i="1"/>
  <c r="AD134125" i="1"/>
  <c r="AD134126" i="1"/>
  <c r="AD134127" i="1"/>
  <c r="AD134128" i="1"/>
  <c r="AD134129" i="1"/>
  <c r="AD134130" i="1"/>
  <c r="AD134131" i="1"/>
  <c r="AD134132" i="1"/>
  <c r="AD134133" i="1"/>
  <c r="AD134134" i="1"/>
  <c r="AD134135" i="1"/>
  <c r="AD134136" i="1"/>
  <c r="AD134137" i="1"/>
  <c r="AD134138" i="1"/>
  <c r="AD134139" i="1"/>
  <c r="AD134140" i="1"/>
  <c r="AD134141" i="1"/>
  <c r="AD134142" i="1"/>
  <c r="AD134143" i="1"/>
  <c r="AD134144" i="1"/>
  <c r="AD134145" i="1"/>
  <c r="AD134146" i="1"/>
  <c r="AD134147" i="1"/>
  <c r="AD134148" i="1"/>
  <c r="AD134149" i="1"/>
  <c r="AD134150" i="1"/>
  <c r="AD134151" i="1"/>
  <c r="AD134152" i="1"/>
  <c r="AD134153" i="1"/>
  <c r="AD134154" i="1"/>
  <c r="AD134155" i="1"/>
  <c r="AD134156" i="1"/>
  <c r="AD134157" i="1"/>
  <c r="AD134158" i="1"/>
  <c r="AD134159" i="1"/>
  <c r="AD134160" i="1"/>
  <c r="AD134161" i="1"/>
  <c r="AD134162" i="1"/>
  <c r="AD134163" i="1"/>
  <c r="AD134164" i="1"/>
  <c r="AD134165" i="1"/>
  <c r="AD134166" i="1"/>
  <c r="AD134167" i="1"/>
  <c r="AD134168" i="1"/>
  <c r="AD134169" i="1"/>
  <c r="AD134170" i="1"/>
  <c r="AD134171" i="1"/>
  <c r="AD134172" i="1"/>
  <c r="AD134173" i="1"/>
  <c r="AD134174" i="1"/>
  <c r="AD134175" i="1"/>
  <c r="AD134176" i="1"/>
  <c r="AD134177" i="1"/>
  <c r="AD134178" i="1"/>
  <c r="AD134179" i="1"/>
  <c r="AD134180" i="1"/>
  <c r="AD134181" i="1"/>
  <c r="AD134182" i="1"/>
  <c r="AD134183" i="1"/>
  <c r="AD134184" i="1"/>
  <c r="AD134185" i="1"/>
  <c r="AD134186" i="1"/>
  <c r="AD134187" i="1"/>
  <c r="AD134188" i="1"/>
  <c r="AD134189" i="1"/>
  <c r="AD134190" i="1"/>
  <c r="AD134191" i="1"/>
  <c r="AD134192" i="1"/>
  <c r="AD134193" i="1"/>
  <c r="AD134194" i="1"/>
  <c r="AD134195" i="1"/>
  <c r="AD134196" i="1"/>
  <c r="AD134197" i="1"/>
  <c r="AD134198" i="1"/>
  <c r="AD134199" i="1"/>
  <c r="AD134200" i="1"/>
  <c r="AD134201" i="1"/>
  <c r="AD134202" i="1"/>
  <c r="AD134203" i="1"/>
  <c r="AD134204" i="1"/>
  <c r="AD134205" i="1"/>
  <c r="AD134206" i="1"/>
  <c r="AD134207" i="1"/>
  <c r="AD134208" i="1"/>
  <c r="AD134209" i="1"/>
  <c r="AD134210" i="1"/>
  <c r="AD134211" i="1"/>
  <c r="AD134212" i="1"/>
  <c r="AD134213" i="1"/>
  <c r="AD134214" i="1"/>
  <c r="AD134215" i="1"/>
  <c r="AD134216" i="1"/>
  <c r="AD134217" i="1"/>
  <c r="AD134218" i="1"/>
  <c r="AD134219" i="1"/>
  <c r="AD134220" i="1"/>
  <c r="AD134221" i="1"/>
  <c r="AD134222" i="1"/>
  <c r="AD134223" i="1"/>
  <c r="AD134224" i="1"/>
  <c r="AD134225" i="1"/>
  <c r="AD134226" i="1"/>
  <c r="AD134227" i="1"/>
  <c r="AD134228" i="1"/>
  <c r="AD134229" i="1"/>
  <c r="AD134230" i="1"/>
  <c r="AD134231" i="1"/>
  <c r="AD134232" i="1"/>
  <c r="AD134233" i="1"/>
  <c r="AD134234" i="1"/>
  <c r="AD134235" i="1"/>
  <c r="AD134236" i="1"/>
  <c r="AD134237" i="1"/>
  <c r="AD134238" i="1"/>
  <c r="AD134239" i="1"/>
  <c r="AD134240" i="1"/>
  <c r="AD134241" i="1"/>
  <c r="AD134242" i="1"/>
  <c r="AD134243" i="1"/>
  <c r="AD134244" i="1"/>
  <c r="AD134245" i="1"/>
  <c r="AD134246" i="1"/>
  <c r="AD134247" i="1"/>
  <c r="AD134248" i="1"/>
  <c r="AD134249" i="1"/>
  <c r="AD134250" i="1"/>
  <c r="AD134251" i="1"/>
  <c r="AD134252" i="1"/>
  <c r="AD134253" i="1"/>
  <c r="AD134254" i="1"/>
  <c r="AD134255" i="1"/>
  <c r="AD134256" i="1"/>
  <c r="AD134257" i="1"/>
  <c r="AD134258" i="1"/>
  <c r="AD134259" i="1"/>
  <c r="AD134260" i="1"/>
  <c r="AD134261" i="1"/>
  <c r="AD134262" i="1"/>
  <c r="AD134263" i="1"/>
  <c r="AD134264" i="1"/>
  <c r="AD134265" i="1"/>
  <c r="AD134266" i="1"/>
  <c r="AD134267" i="1"/>
  <c r="AD134268" i="1"/>
  <c r="AD134269" i="1"/>
  <c r="AD134270" i="1"/>
  <c r="AD134271" i="1"/>
  <c r="AD134272" i="1"/>
  <c r="AD134273" i="1"/>
  <c r="AD134274" i="1"/>
  <c r="AD134275" i="1"/>
  <c r="AD134276" i="1"/>
  <c r="AD134277" i="1"/>
  <c r="AD134278" i="1"/>
  <c r="AD134279" i="1"/>
  <c r="AD134280" i="1"/>
  <c r="AD134281" i="1"/>
  <c r="AD134282" i="1"/>
  <c r="AD134283" i="1"/>
  <c r="AD134284" i="1"/>
  <c r="AD134285" i="1"/>
  <c r="AD134286" i="1"/>
  <c r="AD134287" i="1"/>
  <c r="AD134288" i="1"/>
  <c r="AD134289" i="1"/>
  <c r="AD134290" i="1"/>
  <c r="AD134291" i="1"/>
  <c r="AD134292" i="1"/>
  <c r="AD134293" i="1"/>
  <c r="AD134294" i="1"/>
  <c r="AD134295" i="1"/>
  <c r="AD134296" i="1"/>
  <c r="AD134297" i="1"/>
  <c r="AD134298" i="1"/>
  <c r="AD134299" i="1"/>
  <c r="AD134300" i="1"/>
  <c r="AD134301" i="1"/>
  <c r="AD134302" i="1"/>
  <c r="AD134303" i="1"/>
  <c r="AD134304" i="1"/>
  <c r="AD134305" i="1"/>
  <c r="AD134306" i="1"/>
  <c r="AD134307" i="1"/>
  <c r="AD134308" i="1"/>
  <c r="AD134309" i="1"/>
  <c r="AD134310" i="1"/>
  <c r="AD134311" i="1"/>
  <c r="AD134312" i="1"/>
  <c r="AD134313" i="1"/>
  <c r="AD134314" i="1"/>
  <c r="AD134315" i="1"/>
  <c r="AD134316" i="1"/>
  <c r="AD134317" i="1"/>
  <c r="AD134318" i="1"/>
  <c r="AD134319" i="1"/>
  <c r="AD134320" i="1"/>
  <c r="AD134321" i="1"/>
  <c r="AD134322" i="1"/>
  <c r="AD134323" i="1"/>
  <c r="AD134324" i="1"/>
  <c r="AD134325" i="1"/>
  <c r="AD134326" i="1"/>
  <c r="AD134327" i="1"/>
  <c r="AD134328" i="1"/>
  <c r="AD134329" i="1"/>
  <c r="AD134330" i="1"/>
  <c r="AD134331" i="1"/>
  <c r="AD134332" i="1"/>
  <c r="AD134333" i="1"/>
  <c r="AD134334" i="1"/>
  <c r="AD134335" i="1"/>
  <c r="AD134336" i="1"/>
  <c r="AD134337" i="1"/>
  <c r="AD134338" i="1"/>
  <c r="AD134339" i="1"/>
  <c r="AD134340" i="1"/>
  <c r="AD134341" i="1"/>
  <c r="AD134342" i="1"/>
  <c r="AD134343" i="1"/>
  <c r="AD134344" i="1"/>
  <c r="AD134345" i="1"/>
  <c r="AD134346" i="1"/>
  <c r="AD134347" i="1"/>
  <c r="AD134348" i="1"/>
  <c r="AD134349" i="1"/>
  <c r="AD134350" i="1"/>
  <c r="AD134351" i="1"/>
  <c r="AD134352" i="1"/>
  <c r="AD134353" i="1"/>
  <c r="AD134354" i="1"/>
  <c r="AD134355" i="1"/>
  <c r="AD134356" i="1"/>
  <c r="AD134357" i="1"/>
  <c r="AD134358" i="1"/>
  <c r="AD134359" i="1"/>
  <c r="AD134360" i="1"/>
  <c r="AD134361" i="1"/>
  <c r="AD134362" i="1"/>
  <c r="AD134363" i="1"/>
  <c r="AD134364" i="1"/>
  <c r="AD134365" i="1"/>
  <c r="AD134366" i="1"/>
  <c r="AD134367" i="1"/>
  <c r="AD134368" i="1"/>
  <c r="AD134369" i="1"/>
  <c r="AD134370" i="1"/>
  <c r="AD134371" i="1"/>
  <c r="AD134372" i="1"/>
  <c r="AD134373" i="1"/>
  <c r="AD134374" i="1"/>
  <c r="AD134375" i="1"/>
  <c r="AD134376" i="1"/>
  <c r="AD134377" i="1"/>
  <c r="AD134378" i="1"/>
  <c r="AD134379" i="1"/>
  <c r="AD134380" i="1"/>
  <c r="AD134381" i="1"/>
  <c r="AD134382" i="1"/>
  <c r="AD134383" i="1"/>
  <c r="AD134384" i="1"/>
  <c r="AD134385" i="1"/>
  <c r="AD134386" i="1"/>
  <c r="AD134387" i="1"/>
  <c r="AD134388" i="1"/>
  <c r="AD134389" i="1"/>
  <c r="AD134390" i="1"/>
  <c r="AD134391" i="1"/>
  <c r="AD134392" i="1"/>
  <c r="AD134393" i="1"/>
  <c r="AD134394" i="1"/>
  <c r="AD134395" i="1"/>
  <c r="AD134396" i="1"/>
  <c r="AD134397" i="1"/>
  <c r="AD134398" i="1"/>
  <c r="AD134399" i="1"/>
  <c r="AD134400" i="1"/>
  <c r="AD134401" i="1"/>
  <c r="AD134402" i="1"/>
  <c r="AD134403" i="1"/>
  <c r="AD134404" i="1"/>
  <c r="AD134405" i="1"/>
  <c r="AD134406" i="1"/>
  <c r="AD134407" i="1"/>
  <c r="AD134408" i="1"/>
  <c r="AD134409" i="1"/>
  <c r="AD134410" i="1"/>
  <c r="AD134411" i="1"/>
  <c r="AD134412" i="1"/>
  <c r="AD134413" i="1"/>
  <c r="AD134414" i="1"/>
  <c r="AD134415" i="1"/>
  <c r="AD134416" i="1"/>
  <c r="AD134417" i="1"/>
  <c r="AD134418" i="1"/>
  <c r="AD134419" i="1"/>
  <c r="AD134420" i="1"/>
  <c r="AD134421" i="1"/>
  <c r="AD134422" i="1"/>
  <c r="AD134423" i="1"/>
  <c r="AD134424" i="1"/>
  <c r="AD134425" i="1"/>
  <c r="AD134426" i="1"/>
  <c r="AD134427" i="1"/>
  <c r="AD134428" i="1"/>
  <c r="AD134429" i="1"/>
  <c r="AD134430" i="1"/>
  <c r="AD134431" i="1"/>
  <c r="AD134432" i="1"/>
  <c r="AD134433" i="1"/>
  <c r="AD134434" i="1"/>
  <c r="AD134435" i="1"/>
  <c r="AD134436" i="1"/>
  <c r="AD134437" i="1"/>
  <c r="AD134438" i="1"/>
  <c r="AD134439" i="1"/>
  <c r="AD134440" i="1"/>
  <c r="AD134441" i="1"/>
  <c r="AD134442" i="1"/>
  <c r="AD134443" i="1"/>
  <c r="AD134444" i="1"/>
  <c r="AD134445" i="1"/>
  <c r="AD134446" i="1"/>
  <c r="AD134447" i="1"/>
  <c r="AD134448" i="1"/>
  <c r="AD134449" i="1"/>
  <c r="AD134450" i="1"/>
  <c r="AD134451" i="1"/>
  <c r="AD134452" i="1"/>
  <c r="AD134453" i="1"/>
  <c r="AD134454" i="1"/>
  <c r="AD134455" i="1"/>
  <c r="AD134456" i="1"/>
  <c r="AD134457" i="1"/>
  <c r="AD134458" i="1"/>
  <c r="AD134459" i="1"/>
  <c r="AD134460" i="1"/>
  <c r="AD134461" i="1"/>
  <c r="AD134462" i="1"/>
  <c r="AD134463" i="1"/>
  <c r="AD134464" i="1"/>
  <c r="AD134465" i="1"/>
  <c r="AD134466" i="1"/>
  <c r="AD134467" i="1"/>
  <c r="AD134468" i="1"/>
  <c r="AD134469" i="1"/>
  <c r="AD134470" i="1"/>
  <c r="AD134471" i="1"/>
  <c r="AD134472" i="1"/>
  <c r="AD134473" i="1"/>
  <c r="AD134474" i="1"/>
  <c r="AD134475" i="1"/>
  <c r="AD134476" i="1"/>
  <c r="AD134477" i="1"/>
  <c r="AD134478" i="1"/>
  <c r="AD134479" i="1"/>
  <c r="AD134480" i="1"/>
  <c r="AD134481" i="1"/>
  <c r="AD134482" i="1"/>
  <c r="AD134483" i="1"/>
  <c r="AD134484" i="1"/>
  <c r="AD134485" i="1"/>
  <c r="AD134486" i="1"/>
  <c r="AD134487" i="1"/>
  <c r="AD134488" i="1"/>
  <c r="AD134489" i="1"/>
  <c r="AD134490" i="1"/>
  <c r="AD134491" i="1"/>
  <c r="AD134492" i="1"/>
  <c r="AD134493" i="1"/>
  <c r="AD134494" i="1"/>
  <c r="AD134495" i="1"/>
  <c r="AD134496" i="1"/>
  <c r="AD134497" i="1"/>
  <c r="AD134498" i="1"/>
  <c r="AD134499" i="1"/>
  <c r="AD134500" i="1"/>
  <c r="AD134501" i="1"/>
  <c r="AD134502" i="1"/>
  <c r="AD134503" i="1"/>
  <c r="AD134504" i="1"/>
  <c r="AD134505" i="1"/>
  <c r="AD134506" i="1"/>
  <c r="AD134507" i="1"/>
  <c r="AD134508" i="1"/>
  <c r="AD134509" i="1"/>
  <c r="AD134510" i="1"/>
  <c r="AD134511" i="1"/>
  <c r="AD134512" i="1"/>
  <c r="AD134513" i="1"/>
  <c r="AD134514" i="1"/>
  <c r="AD134515" i="1"/>
  <c r="AD134516" i="1"/>
  <c r="AD134517" i="1"/>
  <c r="AD134518" i="1"/>
  <c r="AD134519" i="1"/>
  <c r="AD134520" i="1"/>
  <c r="AD134521" i="1"/>
  <c r="AD134522" i="1"/>
  <c r="AD134523" i="1"/>
  <c r="AD134524" i="1"/>
  <c r="AD134525" i="1"/>
  <c r="AD134526" i="1"/>
  <c r="AD134527" i="1"/>
  <c r="AD134528" i="1"/>
  <c r="AD134529" i="1"/>
  <c r="AD134530" i="1"/>
  <c r="AD134531" i="1"/>
  <c r="AD134532" i="1"/>
  <c r="AD134533" i="1"/>
  <c r="AD134534" i="1"/>
  <c r="AD134535" i="1"/>
  <c r="AD134536" i="1"/>
  <c r="AD134537" i="1"/>
  <c r="AD134538" i="1"/>
  <c r="AD134539" i="1"/>
  <c r="AD134540" i="1"/>
  <c r="AD134541" i="1"/>
  <c r="AD134542" i="1"/>
  <c r="AD134543" i="1"/>
  <c r="AD134544" i="1"/>
  <c r="AD134545" i="1"/>
  <c r="AD134546" i="1"/>
  <c r="AD134547" i="1"/>
  <c r="AD134548" i="1"/>
  <c r="AD134549" i="1"/>
  <c r="AD134550" i="1"/>
  <c r="AD134551" i="1"/>
  <c r="AD134552" i="1"/>
  <c r="AD134553" i="1"/>
  <c r="AD134554" i="1"/>
  <c r="AD134555" i="1"/>
  <c r="AD134556" i="1"/>
  <c r="AD134557" i="1"/>
  <c r="AD134558" i="1"/>
  <c r="AD134559" i="1"/>
  <c r="AD134560" i="1"/>
  <c r="AD134561" i="1"/>
  <c r="AD134562" i="1"/>
  <c r="AD134563" i="1"/>
  <c r="AD134564" i="1"/>
  <c r="AD134565" i="1"/>
  <c r="AD134566" i="1"/>
  <c r="AD134567" i="1"/>
  <c r="AD134568" i="1"/>
  <c r="AD134569" i="1"/>
  <c r="AD134570" i="1"/>
  <c r="AD134571" i="1"/>
  <c r="AD134572" i="1"/>
  <c r="AD134573" i="1"/>
  <c r="AD134574" i="1"/>
  <c r="AD134575" i="1"/>
  <c r="AD134576" i="1"/>
  <c r="AD134577" i="1"/>
  <c r="AD134578" i="1"/>
  <c r="AD134579" i="1"/>
  <c r="AD134580" i="1"/>
  <c r="AD134581" i="1"/>
  <c r="AD134582" i="1"/>
  <c r="AD134583" i="1"/>
  <c r="AD134584" i="1"/>
  <c r="AD134585" i="1"/>
  <c r="AD134586" i="1"/>
  <c r="AD134587" i="1"/>
  <c r="AD134588" i="1"/>
  <c r="AD134589" i="1"/>
  <c r="AD134590" i="1"/>
  <c r="AD134591" i="1"/>
  <c r="AD134592" i="1"/>
  <c r="AD134593" i="1"/>
  <c r="AD134594" i="1"/>
  <c r="AD134595" i="1"/>
  <c r="AD134596" i="1"/>
  <c r="AD134597" i="1"/>
  <c r="AD134598" i="1"/>
  <c r="AD134599" i="1"/>
  <c r="AD134600" i="1"/>
  <c r="AD134601" i="1"/>
  <c r="AD134602" i="1"/>
  <c r="AD134603" i="1"/>
  <c r="AD134604" i="1"/>
  <c r="AD134605" i="1"/>
  <c r="AD134606" i="1"/>
  <c r="AD134607" i="1"/>
  <c r="AD134608" i="1"/>
  <c r="AD134609" i="1"/>
  <c r="AD134610" i="1"/>
  <c r="AD134611" i="1"/>
  <c r="AD134612" i="1"/>
  <c r="AD134613" i="1"/>
  <c r="AD134614" i="1"/>
  <c r="AD134615" i="1"/>
  <c r="AD134616" i="1"/>
  <c r="AD134617" i="1"/>
  <c r="AD134618" i="1"/>
  <c r="AD134619" i="1"/>
  <c r="AD134620" i="1"/>
  <c r="AD134621" i="1"/>
  <c r="AD134622" i="1"/>
  <c r="AD134623" i="1"/>
  <c r="AD134624" i="1"/>
  <c r="AD134625" i="1"/>
  <c r="AD134626" i="1"/>
  <c r="AD134627" i="1"/>
  <c r="AD134628" i="1"/>
  <c r="AD134629" i="1"/>
  <c r="AD134630" i="1"/>
  <c r="AD134631" i="1"/>
  <c r="AD134632" i="1"/>
  <c r="AD134633" i="1"/>
  <c r="AD134634" i="1"/>
  <c r="AD134635" i="1"/>
  <c r="AD134636" i="1"/>
  <c r="AD134637" i="1"/>
  <c r="AD134638" i="1"/>
  <c r="AD134639" i="1"/>
  <c r="AD134640" i="1"/>
  <c r="AD134641" i="1"/>
  <c r="AD134642" i="1"/>
  <c r="AD134643" i="1"/>
  <c r="AD134644" i="1"/>
  <c r="AD134645" i="1"/>
  <c r="AD134646" i="1"/>
  <c r="AD134647" i="1"/>
  <c r="AD134648" i="1"/>
  <c r="AD134649" i="1"/>
  <c r="AD134650" i="1"/>
  <c r="AD134651" i="1"/>
  <c r="AD134652" i="1"/>
  <c r="AD134653" i="1"/>
  <c r="AD134654" i="1"/>
  <c r="AD134655" i="1"/>
  <c r="AD134656" i="1"/>
  <c r="AD134657" i="1"/>
  <c r="AD134658" i="1"/>
  <c r="AD134659" i="1"/>
  <c r="AD134660" i="1"/>
  <c r="AD134661" i="1"/>
  <c r="AD134662" i="1"/>
  <c r="AD134663" i="1"/>
  <c r="AD134664" i="1"/>
  <c r="AD134665" i="1"/>
  <c r="AD134666" i="1"/>
  <c r="AD134667" i="1"/>
  <c r="AD134668" i="1"/>
  <c r="AD134669" i="1"/>
  <c r="AD134670" i="1"/>
  <c r="AD134671" i="1"/>
  <c r="AD134672" i="1"/>
  <c r="AD134673" i="1"/>
  <c r="AD134674" i="1"/>
  <c r="AD134675" i="1"/>
  <c r="AD134676" i="1"/>
  <c r="AD134677" i="1"/>
  <c r="AD134678" i="1"/>
  <c r="AD134679" i="1"/>
  <c r="AD134680" i="1"/>
  <c r="AD134681" i="1"/>
  <c r="AD134682" i="1"/>
  <c r="AD134683" i="1"/>
  <c r="AD134684" i="1"/>
  <c r="AD134685" i="1"/>
  <c r="AD134686" i="1"/>
  <c r="AD134687" i="1"/>
  <c r="AD134688" i="1"/>
  <c r="AD134689" i="1"/>
  <c r="AD134690" i="1"/>
  <c r="AD134691" i="1"/>
  <c r="AD134692" i="1"/>
  <c r="AD134693" i="1"/>
  <c r="AD134694" i="1"/>
  <c r="AD134695" i="1"/>
  <c r="AD134696" i="1"/>
  <c r="AD134697" i="1"/>
  <c r="AD134698" i="1"/>
  <c r="AD134699" i="1"/>
  <c r="AD134700" i="1"/>
  <c r="AD134701" i="1"/>
  <c r="AD134702" i="1"/>
  <c r="AD134703" i="1"/>
  <c r="AD134704" i="1"/>
  <c r="AD134705" i="1"/>
  <c r="AD134706" i="1"/>
  <c r="AD134707" i="1"/>
  <c r="AD134708" i="1"/>
  <c r="AD134709" i="1"/>
  <c r="AD134710" i="1"/>
  <c r="AD134711" i="1"/>
  <c r="AD134712" i="1"/>
  <c r="AD134713" i="1"/>
  <c r="AD134714" i="1"/>
  <c r="AD134715" i="1"/>
  <c r="AD134716" i="1"/>
  <c r="AD134717" i="1"/>
  <c r="AD134718" i="1"/>
  <c r="AD134719" i="1"/>
  <c r="AD134720" i="1"/>
  <c r="AD134721" i="1"/>
  <c r="AD134722" i="1"/>
  <c r="AD134723" i="1"/>
  <c r="AD134724" i="1"/>
  <c r="AD134725" i="1"/>
  <c r="AD134726" i="1"/>
  <c r="AD134727" i="1"/>
  <c r="AD134728" i="1"/>
  <c r="AD134729" i="1"/>
  <c r="AD134730" i="1"/>
  <c r="AD134731" i="1"/>
  <c r="AD134732" i="1"/>
  <c r="AD134733" i="1"/>
  <c r="AD134734" i="1"/>
  <c r="AD134735" i="1"/>
  <c r="AD134736" i="1"/>
  <c r="AD134737" i="1"/>
  <c r="AD134738" i="1"/>
  <c r="AD134739" i="1"/>
  <c r="AD134740" i="1"/>
  <c r="AD134741" i="1"/>
  <c r="AD134742" i="1"/>
  <c r="AD134743" i="1"/>
  <c r="AD134744" i="1"/>
  <c r="AD134745" i="1"/>
  <c r="AD134746" i="1"/>
  <c r="AD134747" i="1"/>
  <c r="AD134748" i="1"/>
  <c r="AD134749" i="1"/>
  <c r="AD134750" i="1"/>
  <c r="AD134751" i="1"/>
  <c r="AD134752" i="1"/>
  <c r="AD134753" i="1"/>
  <c r="AD134754" i="1"/>
  <c r="AD134755" i="1"/>
  <c r="AD134756" i="1"/>
  <c r="AD134757" i="1"/>
  <c r="AD134758" i="1"/>
  <c r="AD134759" i="1"/>
  <c r="AD134760" i="1"/>
  <c r="AD134761" i="1"/>
  <c r="AD134762" i="1"/>
  <c r="AD134763" i="1"/>
  <c r="AD134764" i="1"/>
  <c r="AD134765" i="1"/>
  <c r="AD134766" i="1"/>
  <c r="AD134767" i="1"/>
  <c r="AD134768" i="1"/>
  <c r="AD134769" i="1"/>
  <c r="AD134770" i="1"/>
  <c r="AD134771" i="1"/>
  <c r="AD134772" i="1"/>
  <c r="AD134773" i="1"/>
  <c r="AD134774" i="1"/>
  <c r="AD134775" i="1"/>
  <c r="AD134776" i="1"/>
  <c r="AD134777" i="1"/>
  <c r="AD134778" i="1"/>
  <c r="AD134779" i="1"/>
  <c r="AD134780" i="1"/>
  <c r="AD134781" i="1"/>
  <c r="AD134782" i="1"/>
  <c r="AD134783" i="1"/>
  <c r="AD134784" i="1"/>
  <c r="AD134785" i="1"/>
  <c r="AD134786" i="1"/>
  <c r="AD134787" i="1"/>
  <c r="AD134788" i="1"/>
  <c r="AD134789" i="1"/>
  <c r="AD134790" i="1"/>
  <c r="AD134791" i="1"/>
  <c r="AD134792" i="1"/>
  <c r="AD134793" i="1"/>
  <c r="AD134794" i="1"/>
  <c r="AD134795" i="1"/>
  <c r="AD134796" i="1"/>
  <c r="AD134797" i="1"/>
  <c r="AD134798" i="1"/>
  <c r="AD134799" i="1"/>
  <c r="AD134800" i="1"/>
  <c r="AD134801" i="1"/>
  <c r="AD134802" i="1"/>
  <c r="AD134803" i="1"/>
  <c r="AD134804" i="1"/>
  <c r="AD134805" i="1"/>
  <c r="AD134806" i="1"/>
  <c r="AD134807" i="1"/>
  <c r="AD134808" i="1"/>
  <c r="AD134809" i="1"/>
  <c r="AD134810" i="1"/>
  <c r="AD134811" i="1"/>
  <c r="AD134812" i="1"/>
  <c r="AD134813" i="1"/>
  <c r="AD134814" i="1"/>
  <c r="AD134815" i="1"/>
  <c r="AD134816" i="1"/>
  <c r="AD134817" i="1"/>
  <c r="AD134818" i="1"/>
  <c r="AD134819" i="1"/>
  <c r="AD134820" i="1"/>
  <c r="AD134821" i="1"/>
  <c r="AD134822" i="1"/>
  <c r="AD134823" i="1"/>
  <c r="AD134824" i="1"/>
  <c r="AD134825" i="1"/>
  <c r="AD134826" i="1"/>
  <c r="AD134827" i="1"/>
  <c r="AD134828" i="1"/>
  <c r="AD134829" i="1"/>
  <c r="AD134830" i="1"/>
  <c r="AD134831" i="1"/>
  <c r="AD134832" i="1"/>
  <c r="AD134833" i="1"/>
  <c r="AD134834" i="1"/>
  <c r="AD134835" i="1"/>
  <c r="AD134836" i="1"/>
  <c r="AD134837" i="1"/>
  <c r="AD134838" i="1"/>
  <c r="AD134839" i="1"/>
  <c r="AD134840" i="1"/>
  <c r="AD134841" i="1"/>
  <c r="AD134842" i="1"/>
  <c r="AD134843" i="1"/>
  <c r="AD134844" i="1"/>
  <c r="AD134845" i="1"/>
  <c r="AD134846" i="1"/>
  <c r="AD134847" i="1"/>
  <c r="AD134848" i="1"/>
  <c r="AD134849" i="1"/>
  <c r="AD134850" i="1"/>
  <c r="AD134851" i="1"/>
  <c r="AD134852" i="1"/>
  <c r="AD134853" i="1"/>
  <c r="AD134854" i="1"/>
  <c r="AD134855" i="1"/>
  <c r="AD134856" i="1"/>
  <c r="AD134857" i="1"/>
  <c r="AD134858" i="1"/>
  <c r="AD134859" i="1"/>
  <c r="AD134860" i="1"/>
  <c r="AD134861" i="1"/>
  <c r="AD134862" i="1"/>
  <c r="AD134863" i="1"/>
  <c r="AD134864" i="1"/>
  <c r="AD134865" i="1"/>
  <c r="AD134866" i="1"/>
  <c r="AD134867" i="1"/>
  <c r="AD134868" i="1"/>
  <c r="AD134869" i="1"/>
  <c r="AD134870" i="1"/>
  <c r="AD134871" i="1"/>
  <c r="AD134872" i="1"/>
  <c r="AD134873" i="1"/>
  <c r="AD134874" i="1"/>
  <c r="AD134875" i="1"/>
  <c r="AD134876" i="1"/>
  <c r="AD134877" i="1"/>
  <c r="AD134878" i="1"/>
  <c r="AD134879" i="1"/>
  <c r="AD134880" i="1"/>
  <c r="AD134881" i="1"/>
  <c r="AD134882" i="1"/>
  <c r="AD134883" i="1"/>
  <c r="AD134884" i="1"/>
  <c r="AD134885" i="1"/>
  <c r="AD134886" i="1"/>
  <c r="AD134887" i="1"/>
  <c r="AD134888" i="1"/>
  <c r="AD134889" i="1"/>
  <c r="AD134890" i="1"/>
  <c r="AD134891" i="1"/>
  <c r="AD134892" i="1"/>
  <c r="AD134893" i="1"/>
  <c r="AD134894" i="1"/>
  <c r="AD134895" i="1"/>
  <c r="AD134896" i="1"/>
  <c r="AD134897" i="1"/>
  <c r="AD134898" i="1"/>
  <c r="AD134899" i="1"/>
  <c r="AD134900" i="1"/>
  <c r="AD134901" i="1"/>
  <c r="AD134902" i="1"/>
  <c r="AD134903" i="1"/>
  <c r="AD134904" i="1"/>
  <c r="AD134905" i="1"/>
  <c r="AD134906" i="1"/>
  <c r="AD134907" i="1"/>
  <c r="AD134908" i="1"/>
  <c r="AD134909" i="1"/>
  <c r="AD134910" i="1"/>
  <c r="AD134911" i="1"/>
  <c r="AD134912" i="1"/>
  <c r="AD134913" i="1"/>
  <c r="AD134914" i="1"/>
  <c r="AD134915" i="1"/>
  <c r="AD134916" i="1"/>
  <c r="AD134917" i="1"/>
  <c r="AD134918" i="1"/>
  <c r="AD134919" i="1"/>
  <c r="AD134920" i="1"/>
  <c r="AD134921" i="1"/>
  <c r="AD134922" i="1"/>
  <c r="AD134923" i="1"/>
  <c r="AD134924" i="1"/>
  <c r="AD134925" i="1"/>
  <c r="AD134926" i="1"/>
  <c r="AD134927" i="1"/>
  <c r="AD134928" i="1"/>
  <c r="AD134929" i="1"/>
  <c r="AD134930" i="1"/>
  <c r="AD134931" i="1"/>
  <c r="AD134932" i="1"/>
  <c r="AD134933" i="1"/>
  <c r="AD134934" i="1"/>
  <c r="AD134935" i="1"/>
  <c r="AD134936" i="1"/>
  <c r="AD134937" i="1"/>
  <c r="AD134938" i="1"/>
  <c r="AD134939" i="1"/>
  <c r="AD134940" i="1"/>
  <c r="AD134941" i="1"/>
  <c r="AD134942" i="1"/>
  <c r="AD134943" i="1"/>
  <c r="AD134944" i="1"/>
  <c r="AD134945" i="1"/>
  <c r="AD134946" i="1"/>
  <c r="AD134947" i="1"/>
  <c r="AD134948" i="1"/>
  <c r="AD134949" i="1"/>
  <c r="AD134950" i="1"/>
  <c r="AD134951" i="1"/>
  <c r="AD134952" i="1"/>
  <c r="AD134953" i="1"/>
  <c r="AD134954" i="1"/>
  <c r="AD134955" i="1"/>
  <c r="AD134956" i="1"/>
  <c r="AD134957" i="1"/>
  <c r="AD134958" i="1"/>
  <c r="AD134959" i="1"/>
  <c r="AD134960" i="1"/>
  <c r="AD134961" i="1"/>
  <c r="AD134962" i="1"/>
  <c r="AD134963" i="1"/>
  <c r="AD134964" i="1"/>
  <c r="AD134965" i="1"/>
  <c r="AD134966" i="1"/>
  <c r="AD134967" i="1"/>
  <c r="AD134968" i="1"/>
  <c r="AD134969" i="1"/>
  <c r="AD134970" i="1"/>
  <c r="AD134971" i="1"/>
  <c r="AD134972" i="1"/>
  <c r="AD134973" i="1"/>
  <c r="AD134974" i="1"/>
  <c r="AD134975" i="1"/>
  <c r="AD134976" i="1"/>
  <c r="AD134977" i="1"/>
  <c r="AD134978" i="1"/>
  <c r="AD134979" i="1"/>
  <c r="AD134980" i="1"/>
  <c r="AD134981" i="1"/>
  <c r="AD134982" i="1"/>
  <c r="AD134983" i="1"/>
  <c r="AD134984" i="1"/>
  <c r="AD134985" i="1"/>
  <c r="AD134986" i="1"/>
  <c r="AD134987" i="1"/>
  <c r="AD134988" i="1"/>
  <c r="AD134989" i="1"/>
  <c r="AD134990" i="1"/>
  <c r="AD134991" i="1"/>
  <c r="AD134992" i="1"/>
  <c r="AD134993" i="1"/>
  <c r="AD134994" i="1"/>
  <c r="AD134995" i="1"/>
  <c r="AD134996" i="1"/>
  <c r="AD134997" i="1"/>
  <c r="AD134998" i="1"/>
  <c r="AD134999" i="1"/>
  <c r="AD135000" i="1"/>
  <c r="AD135001" i="1"/>
  <c r="AD135002" i="1"/>
  <c r="AD135003" i="1"/>
  <c r="AD135004" i="1"/>
  <c r="AD135005" i="1"/>
  <c r="AD135006" i="1"/>
  <c r="AD135007" i="1"/>
  <c r="AD135008" i="1"/>
  <c r="AD135009" i="1"/>
  <c r="AD135010" i="1"/>
  <c r="AD135011" i="1"/>
  <c r="AD135012" i="1"/>
  <c r="AD135013" i="1"/>
  <c r="AD135014" i="1"/>
  <c r="AD135015" i="1"/>
  <c r="AD135016" i="1"/>
  <c r="AD135017" i="1"/>
  <c r="AD135018" i="1"/>
  <c r="AD135019" i="1"/>
  <c r="AD135020" i="1"/>
  <c r="AD135021" i="1"/>
  <c r="AD135022" i="1"/>
  <c r="AD135023" i="1"/>
  <c r="AD135024" i="1"/>
  <c r="AD135025" i="1"/>
  <c r="AD135026" i="1"/>
  <c r="AD135027" i="1"/>
  <c r="AD135028" i="1"/>
  <c r="AD135029" i="1"/>
  <c r="AD135030" i="1"/>
  <c r="AD135031" i="1"/>
  <c r="AD135032" i="1"/>
  <c r="AD135033" i="1"/>
  <c r="AD135034" i="1"/>
  <c r="AD135035" i="1"/>
  <c r="AD135036" i="1"/>
  <c r="AD135037" i="1"/>
  <c r="AD135038" i="1"/>
  <c r="AD135039" i="1"/>
  <c r="AD135040" i="1"/>
  <c r="AD135041" i="1"/>
  <c r="AD135042" i="1"/>
  <c r="AD135043" i="1"/>
  <c r="AD135044" i="1"/>
  <c r="AD135045" i="1"/>
  <c r="AD135046" i="1"/>
  <c r="AD135047" i="1"/>
  <c r="AD135048" i="1"/>
  <c r="AD135049" i="1"/>
  <c r="AD135050" i="1"/>
  <c r="AD135051" i="1"/>
  <c r="AD135052" i="1"/>
  <c r="AD135053" i="1"/>
  <c r="AD135054" i="1"/>
  <c r="AD135055" i="1"/>
  <c r="AD135056" i="1"/>
  <c r="AD135057" i="1"/>
  <c r="AD135058" i="1"/>
  <c r="AD135059" i="1"/>
  <c r="AD135060" i="1"/>
  <c r="AD135061" i="1"/>
  <c r="AD135062" i="1"/>
  <c r="AD135063" i="1"/>
  <c r="AD135064" i="1"/>
  <c r="AD135065" i="1"/>
  <c r="AD135066" i="1"/>
  <c r="AD135067" i="1"/>
  <c r="AD135068" i="1"/>
  <c r="AD135069" i="1"/>
  <c r="AD135070" i="1"/>
  <c r="AD135071" i="1"/>
  <c r="AD135072" i="1"/>
  <c r="AD135073" i="1"/>
  <c r="AD135074" i="1"/>
  <c r="AD135075" i="1"/>
  <c r="AD135076" i="1"/>
  <c r="AD135077" i="1"/>
  <c r="AD135078" i="1"/>
  <c r="AD135079" i="1"/>
  <c r="AD135080" i="1"/>
  <c r="AD135081" i="1"/>
  <c r="AD135082" i="1"/>
  <c r="AD135083" i="1"/>
  <c r="AD135084" i="1"/>
  <c r="AD135085" i="1"/>
  <c r="AD135086" i="1"/>
  <c r="AD135087" i="1"/>
  <c r="AD135088" i="1"/>
  <c r="AD135089" i="1"/>
  <c r="AD135090" i="1"/>
  <c r="AD135091" i="1"/>
  <c r="AD135092" i="1"/>
  <c r="AD135093" i="1"/>
  <c r="AD135094" i="1"/>
  <c r="AD135095" i="1"/>
  <c r="AD135096" i="1"/>
  <c r="AD135097" i="1"/>
  <c r="AD135098" i="1"/>
  <c r="AD135099" i="1"/>
  <c r="AD135100" i="1"/>
  <c r="AD135101" i="1"/>
  <c r="AD135102" i="1"/>
  <c r="AD135103" i="1"/>
  <c r="AD135104" i="1"/>
  <c r="AD135105" i="1"/>
  <c r="AD135106" i="1"/>
  <c r="AD135107" i="1"/>
  <c r="AD135108" i="1"/>
  <c r="AD135109" i="1"/>
  <c r="AD135110" i="1"/>
  <c r="AD135111" i="1"/>
  <c r="AD135112" i="1"/>
  <c r="AD135113" i="1"/>
  <c r="AD135114" i="1"/>
  <c r="AD135115" i="1"/>
  <c r="AD135116" i="1"/>
  <c r="AD135117" i="1"/>
  <c r="AD135118" i="1"/>
  <c r="AD135119" i="1"/>
  <c r="AD135120" i="1"/>
  <c r="AD135121" i="1"/>
  <c r="AD135122" i="1"/>
  <c r="AD135123" i="1"/>
  <c r="AD135124" i="1"/>
  <c r="AD135125" i="1"/>
  <c r="AD135126" i="1"/>
  <c r="AD135127" i="1"/>
  <c r="AD135128" i="1"/>
  <c r="AD135129" i="1"/>
  <c r="AD135130" i="1"/>
  <c r="AD135131" i="1"/>
  <c r="AD135132" i="1"/>
  <c r="AD135133" i="1"/>
  <c r="AD135134" i="1"/>
  <c r="AD135135" i="1"/>
  <c r="AD135136" i="1"/>
  <c r="AD135137" i="1"/>
  <c r="AD135138" i="1"/>
  <c r="AD135139" i="1"/>
  <c r="AD135140" i="1"/>
  <c r="AD135141" i="1"/>
  <c r="AD135142" i="1"/>
  <c r="AD135143" i="1"/>
  <c r="AD135144" i="1"/>
  <c r="AD135145" i="1"/>
  <c r="AD135146" i="1"/>
  <c r="AD135147" i="1"/>
  <c r="AD135148" i="1"/>
  <c r="AD135149" i="1"/>
  <c r="AD135150" i="1"/>
  <c r="AD135151" i="1"/>
  <c r="AD135152" i="1"/>
  <c r="AD135153" i="1"/>
  <c r="AD135154" i="1"/>
  <c r="AD135155" i="1"/>
  <c r="AD135156" i="1"/>
  <c r="AD135157" i="1"/>
  <c r="AD135158" i="1"/>
  <c r="AD135159" i="1"/>
  <c r="AD135160" i="1"/>
  <c r="AD135161" i="1"/>
  <c r="AD135162" i="1"/>
  <c r="AD135163" i="1"/>
  <c r="AD135164" i="1"/>
  <c r="AD135165" i="1"/>
  <c r="AD135166" i="1"/>
  <c r="AD135167" i="1"/>
  <c r="AD135168" i="1"/>
  <c r="AD135169" i="1"/>
  <c r="AD135170" i="1"/>
  <c r="AD135171" i="1"/>
  <c r="AD135172" i="1"/>
  <c r="AD135173" i="1"/>
  <c r="AD135174" i="1"/>
  <c r="AD135175" i="1"/>
  <c r="AD135176" i="1"/>
  <c r="AD135177" i="1"/>
  <c r="AD135178" i="1"/>
  <c r="AD135179" i="1"/>
  <c r="AD135180" i="1"/>
  <c r="AD135181" i="1"/>
  <c r="AD135182" i="1"/>
  <c r="AD135183" i="1"/>
  <c r="AD135184" i="1"/>
  <c r="AD135185" i="1"/>
  <c r="AD135186" i="1"/>
  <c r="AD135187" i="1"/>
  <c r="AD135188" i="1"/>
  <c r="AD135189" i="1"/>
  <c r="AD135190" i="1"/>
  <c r="AD135191" i="1"/>
  <c r="AD135192" i="1"/>
  <c r="AD135193" i="1"/>
  <c r="AD135194" i="1"/>
  <c r="AD135195" i="1"/>
  <c r="AD135196" i="1"/>
  <c r="AD135197" i="1"/>
  <c r="AD135198" i="1"/>
  <c r="AD135199" i="1"/>
  <c r="AD135200" i="1"/>
  <c r="AD135201" i="1"/>
  <c r="AD135202" i="1"/>
  <c r="AD135203" i="1"/>
  <c r="AD135204" i="1"/>
  <c r="AD135205" i="1"/>
  <c r="AD135206" i="1"/>
  <c r="AD135207" i="1"/>
  <c r="AD135208" i="1"/>
  <c r="AD135209" i="1"/>
  <c r="AD135210" i="1"/>
  <c r="AD135211" i="1"/>
  <c r="AD135212" i="1"/>
  <c r="AD135213" i="1"/>
  <c r="AD135214" i="1"/>
  <c r="AD135215" i="1"/>
  <c r="AD135216" i="1"/>
  <c r="AD135217" i="1"/>
  <c r="AD135218" i="1"/>
  <c r="AD135219" i="1"/>
  <c r="AD135220" i="1"/>
  <c r="AD135221" i="1"/>
  <c r="AD135222" i="1"/>
  <c r="AD135223" i="1"/>
  <c r="AD135224" i="1"/>
  <c r="AD135225" i="1"/>
  <c r="AD135226" i="1"/>
  <c r="AD135227" i="1"/>
  <c r="AD135228" i="1"/>
  <c r="AD135229" i="1"/>
  <c r="AD135230" i="1"/>
  <c r="AD135231" i="1"/>
  <c r="AD135232" i="1"/>
  <c r="AD135233" i="1"/>
  <c r="AD135234" i="1"/>
  <c r="AD135235" i="1"/>
  <c r="AD135236" i="1"/>
  <c r="AD135237" i="1"/>
  <c r="AD135238" i="1"/>
  <c r="AD135239" i="1"/>
  <c r="AD135240" i="1"/>
  <c r="AD135241" i="1"/>
  <c r="AD135242" i="1"/>
  <c r="AD135243" i="1"/>
  <c r="AD135244" i="1"/>
  <c r="AD135245" i="1"/>
  <c r="AD135246" i="1"/>
  <c r="AD135247" i="1"/>
  <c r="AD135248" i="1"/>
  <c r="AD135249" i="1"/>
  <c r="AD135250" i="1"/>
  <c r="AD135251" i="1"/>
  <c r="AD135252" i="1"/>
  <c r="AD135253" i="1"/>
  <c r="AD135254" i="1"/>
  <c r="AD135255" i="1"/>
  <c r="AD135256" i="1"/>
  <c r="AD135257" i="1"/>
  <c r="AD135258" i="1"/>
  <c r="AD135259" i="1"/>
  <c r="AD135260" i="1"/>
  <c r="AD135261" i="1"/>
  <c r="AD135262" i="1"/>
  <c r="AD135263" i="1"/>
  <c r="AD135264" i="1"/>
  <c r="AD135265" i="1"/>
  <c r="AD135266" i="1"/>
  <c r="AD135267" i="1"/>
  <c r="AD135268" i="1"/>
  <c r="AD135269" i="1"/>
  <c r="AD135270" i="1"/>
  <c r="AD135271" i="1"/>
  <c r="AD135272" i="1"/>
  <c r="AD135273" i="1"/>
  <c r="AD135274" i="1"/>
  <c r="AD135275" i="1"/>
  <c r="AD135276" i="1"/>
  <c r="AD135277" i="1"/>
  <c r="AD135278" i="1"/>
  <c r="AD135279" i="1"/>
  <c r="AD135280" i="1"/>
  <c r="AD135281" i="1"/>
  <c r="AD135282" i="1"/>
  <c r="AD135283" i="1"/>
  <c r="AD135284" i="1"/>
  <c r="AD135285" i="1"/>
  <c r="AD135286" i="1"/>
  <c r="AD135287" i="1"/>
  <c r="AD135288" i="1"/>
  <c r="AD135289" i="1"/>
  <c r="AD135290" i="1"/>
  <c r="AD135291" i="1"/>
  <c r="AD135292" i="1"/>
  <c r="AD135293" i="1"/>
  <c r="AD135294" i="1"/>
  <c r="AD135295" i="1"/>
  <c r="AD135296" i="1"/>
  <c r="AD135297" i="1"/>
  <c r="AD135298" i="1"/>
  <c r="AD135299" i="1"/>
  <c r="AD135300" i="1"/>
  <c r="AD135301" i="1"/>
  <c r="AD135302" i="1"/>
  <c r="AD135303" i="1"/>
  <c r="AD135304" i="1"/>
  <c r="AD135305" i="1"/>
  <c r="AD135306" i="1"/>
  <c r="AD135307" i="1"/>
  <c r="AD135308" i="1"/>
  <c r="AD135309" i="1"/>
  <c r="AD135310" i="1"/>
  <c r="AD135311" i="1"/>
  <c r="AD135312" i="1"/>
  <c r="AD135313" i="1"/>
  <c r="AD135314" i="1"/>
  <c r="AD135315" i="1"/>
  <c r="AD135316" i="1"/>
  <c r="AD135317" i="1"/>
  <c r="AD135318" i="1"/>
  <c r="AD135319" i="1"/>
  <c r="AD135320" i="1"/>
  <c r="AD135321" i="1"/>
  <c r="AD135322" i="1"/>
  <c r="AD135323" i="1"/>
  <c r="AD135324" i="1"/>
  <c r="AD135325" i="1"/>
  <c r="AD135326" i="1"/>
  <c r="AD135327" i="1"/>
  <c r="AD135328" i="1"/>
  <c r="AD135329" i="1"/>
  <c r="AD135330" i="1"/>
  <c r="AD135331" i="1"/>
  <c r="AD135332" i="1"/>
  <c r="AD135333" i="1"/>
  <c r="AD135334" i="1"/>
  <c r="AD135335" i="1"/>
  <c r="AD135336" i="1"/>
  <c r="AD135337" i="1"/>
  <c r="AD135338" i="1"/>
  <c r="AD135339" i="1"/>
  <c r="AD135340" i="1"/>
  <c r="AD135341" i="1"/>
  <c r="AD135342" i="1"/>
  <c r="AD135343" i="1"/>
  <c r="AD135344" i="1"/>
  <c r="AD135345" i="1"/>
  <c r="AD135346" i="1"/>
  <c r="AD135347" i="1"/>
  <c r="AD135348" i="1"/>
  <c r="AD135349" i="1"/>
  <c r="AD135350" i="1"/>
  <c r="AD135351" i="1"/>
  <c r="AD135352" i="1"/>
  <c r="AD135353" i="1"/>
  <c r="AD135354" i="1"/>
  <c r="AD135355" i="1"/>
  <c r="AD135356" i="1"/>
  <c r="AD135357" i="1"/>
  <c r="AD135358" i="1"/>
  <c r="AD135359" i="1"/>
  <c r="AD135360" i="1"/>
  <c r="AD135361" i="1"/>
  <c r="AD135362" i="1"/>
  <c r="AD135363" i="1"/>
  <c r="AD135364" i="1"/>
  <c r="AD135365" i="1"/>
  <c r="AD135366" i="1"/>
  <c r="AD135367" i="1"/>
  <c r="AD135368" i="1"/>
  <c r="AD135369" i="1"/>
  <c r="AD135370" i="1"/>
  <c r="AD135371" i="1"/>
  <c r="AD135372" i="1"/>
  <c r="AD135373" i="1"/>
  <c r="AD135374" i="1"/>
  <c r="AD135375" i="1"/>
  <c r="AD135376" i="1"/>
  <c r="AD135377" i="1"/>
  <c r="AD135378" i="1"/>
  <c r="AD135379" i="1"/>
  <c r="AD135380" i="1"/>
  <c r="AD135381" i="1"/>
  <c r="AD135382" i="1"/>
  <c r="AD135383" i="1"/>
  <c r="AD135384" i="1"/>
  <c r="AD135385" i="1"/>
  <c r="AD135386" i="1"/>
  <c r="AD135387" i="1"/>
  <c r="AD135388" i="1"/>
  <c r="AD135389" i="1"/>
  <c r="AD135390" i="1"/>
  <c r="AD135391" i="1"/>
  <c r="AD135392" i="1"/>
  <c r="AD135393" i="1"/>
  <c r="AD135394" i="1"/>
  <c r="AD135395" i="1"/>
  <c r="AD135396" i="1"/>
  <c r="AD135397" i="1"/>
  <c r="AD135398" i="1"/>
  <c r="AD135399" i="1"/>
  <c r="AD135400" i="1"/>
  <c r="AD135401" i="1"/>
  <c r="AD135402" i="1"/>
  <c r="AD135403" i="1"/>
  <c r="AD135404" i="1"/>
  <c r="AD135405" i="1"/>
  <c r="AD135406" i="1"/>
  <c r="AD135407" i="1"/>
  <c r="AD135408" i="1"/>
  <c r="AD135409" i="1"/>
  <c r="AD135410" i="1"/>
  <c r="AD135411" i="1"/>
  <c r="AD135412" i="1"/>
  <c r="AD135413" i="1"/>
  <c r="AD135414" i="1"/>
  <c r="AD135415" i="1"/>
  <c r="AD135416" i="1"/>
  <c r="AD135417" i="1"/>
  <c r="AD135418" i="1"/>
  <c r="AD135419" i="1"/>
  <c r="AD135420" i="1"/>
  <c r="AD135421" i="1"/>
  <c r="AD135422" i="1"/>
  <c r="AD135423" i="1"/>
  <c r="AD135424" i="1"/>
  <c r="AD135425" i="1"/>
  <c r="AD135426" i="1"/>
  <c r="AD135427" i="1"/>
  <c r="AD135428" i="1"/>
  <c r="AD135429" i="1"/>
  <c r="AD135430" i="1"/>
  <c r="AD135431" i="1"/>
  <c r="AD135432" i="1"/>
  <c r="AD135433" i="1"/>
  <c r="AD135434" i="1"/>
  <c r="AD135435" i="1"/>
  <c r="AD135436" i="1"/>
  <c r="AD135437" i="1"/>
  <c r="AD135438" i="1"/>
  <c r="AD135439" i="1"/>
  <c r="AD135440" i="1"/>
  <c r="AD135441" i="1"/>
  <c r="AD135442" i="1"/>
  <c r="AD135443" i="1"/>
  <c r="AD135444" i="1"/>
  <c r="AD135445" i="1"/>
  <c r="AD135446" i="1"/>
  <c r="AD135447" i="1"/>
  <c r="AD135448" i="1"/>
  <c r="AD135449" i="1"/>
  <c r="AD135450" i="1"/>
  <c r="AD135451" i="1"/>
  <c r="AD135452" i="1"/>
  <c r="AD135453" i="1"/>
  <c r="AD135454" i="1"/>
  <c r="AD135455" i="1"/>
  <c r="AD135456" i="1"/>
  <c r="AD135457" i="1"/>
  <c r="AD135458" i="1"/>
  <c r="AD135459" i="1"/>
  <c r="AD135460" i="1"/>
  <c r="AD135461" i="1"/>
  <c r="AD135462" i="1"/>
  <c r="AD135463" i="1"/>
  <c r="AD135464" i="1"/>
  <c r="AD135465" i="1"/>
  <c r="AD135466" i="1"/>
  <c r="AD135467" i="1"/>
  <c r="AD135468" i="1"/>
  <c r="AD135469" i="1"/>
  <c r="AD135470" i="1"/>
  <c r="AD135471" i="1"/>
  <c r="AD135472" i="1"/>
  <c r="AD135473" i="1"/>
  <c r="AD135474" i="1"/>
  <c r="AD135475" i="1"/>
  <c r="AD135476" i="1"/>
  <c r="AD135477" i="1"/>
  <c r="AD135478" i="1"/>
  <c r="AD135479" i="1"/>
  <c r="AD135480" i="1"/>
  <c r="AD135481" i="1"/>
  <c r="AD135482" i="1"/>
  <c r="AD135483" i="1"/>
  <c r="AD135484" i="1"/>
  <c r="AD135485" i="1"/>
  <c r="AD135486" i="1"/>
  <c r="AD135487" i="1"/>
  <c r="AD135488" i="1"/>
  <c r="AD135489" i="1"/>
  <c r="AD135490" i="1"/>
  <c r="AD135491" i="1"/>
  <c r="AD135492" i="1"/>
  <c r="AD135493" i="1"/>
  <c r="AD135494" i="1"/>
  <c r="AD135495" i="1"/>
  <c r="AD135496" i="1"/>
  <c r="AD135497" i="1"/>
  <c r="AD135498" i="1"/>
  <c r="AD135499" i="1"/>
  <c r="AD135500" i="1"/>
  <c r="AD135501" i="1"/>
  <c r="AD135502" i="1"/>
  <c r="AD135503" i="1"/>
  <c r="AD135504" i="1"/>
  <c r="AD135505" i="1"/>
  <c r="AD135506" i="1"/>
  <c r="AD135507" i="1"/>
  <c r="AD135508" i="1"/>
  <c r="AD135509" i="1"/>
  <c r="AD135510" i="1"/>
  <c r="AD135511" i="1"/>
  <c r="AD135512" i="1"/>
  <c r="AD135513" i="1"/>
  <c r="AD135514" i="1"/>
  <c r="AD135515" i="1"/>
  <c r="AD135516" i="1"/>
  <c r="AD135517" i="1"/>
  <c r="AD135518" i="1"/>
  <c r="AD135519" i="1"/>
  <c r="AD135520" i="1"/>
  <c r="AD135521" i="1"/>
  <c r="AD135522" i="1"/>
  <c r="AD135523" i="1"/>
  <c r="AD135524" i="1"/>
  <c r="AD135525" i="1"/>
  <c r="AD135526" i="1"/>
  <c r="AD135527" i="1"/>
  <c r="AD135528" i="1"/>
  <c r="AD135529" i="1"/>
  <c r="AD135530" i="1"/>
  <c r="AD135531" i="1"/>
  <c r="AD135532" i="1"/>
  <c r="AD135533" i="1"/>
  <c r="AD135534" i="1"/>
  <c r="AD135535" i="1"/>
  <c r="AD135536" i="1"/>
  <c r="AD135537" i="1"/>
  <c r="AD135538" i="1"/>
  <c r="AD135539" i="1"/>
  <c r="AD135540" i="1"/>
  <c r="AD135541" i="1"/>
  <c r="AD135542" i="1"/>
  <c r="AD135543" i="1"/>
  <c r="AD135544" i="1"/>
  <c r="AD135545" i="1"/>
  <c r="AD135546" i="1"/>
  <c r="AD135547" i="1"/>
  <c r="AD135548" i="1"/>
  <c r="AD135549" i="1"/>
  <c r="AD135550" i="1"/>
  <c r="AD135551" i="1"/>
  <c r="AD135552" i="1"/>
  <c r="AD135553" i="1"/>
  <c r="AD135554" i="1"/>
  <c r="AD135555" i="1"/>
  <c r="AD135556" i="1"/>
  <c r="AD135557" i="1"/>
  <c r="AD135558" i="1"/>
  <c r="AD135559" i="1"/>
  <c r="AD135560" i="1"/>
  <c r="AD135561" i="1"/>
  <c r="AD135562" i="1"/>
  <c r="AD135563" i="1"/>
  <c r="AD135564" i="1"/>
  <c r="AD135565" i="1"/>
  <c r="AD135566" i="1"/>
  <c r="AD135567" i="1"/>
  <c r="AD135568" i="1"/>
  <c r="AD135569" i="1"/>
  <c r="AD135570" i="1"/>
  <c r="AD135571" i="1"/>
  <c r="AD135572" i="1"/>
  <c r="AD135573" i="1"/>
  <c r="AD135574" i="1"/>
  <c r="AD135575" i="1"/>
  <c r="AD135576" i="1"/>
  <c r="AD135577" i="1"/>
  <c r="AD135578" i="1"/>
  <c r="AD135579" i="1"/>
  <c r="AD135580" i="1"/>
  <c r="AD135581" i="1"/>
  <c r="AD135582" i="1"/>
  <c r="AD135583" i="1"/>
  <c r="AD135584" i="1"/>
  <c r="AD135585" i="1"/>
  <c r="AD135586" i="1"/>
  <c r="AD135587" i="1"/>
  <c r="AD135588" i="1"/>
  <c r="AD135589" i="1"/>
  <c r="AD135590" i="1"/>
  <c r="AD135591" i="1"/>
  <c r="AD135592" i="1"/>
  <c r="AD135593" i="1"/>
  <c r="AD135594" i="1"/>
  <c r="AD135595" i="1"/>
  <c r="AD135596" i="1"/>
  <c r="AD135597" i="1"/>
  <c r="AD135598" i="1"/>
  <c r="AD135599" i="1"/>
  <c r="AD135600" i="1"/>
  <c r="AD135601" i="1"/>
  <c r="AD135602" i="1"/>
  <c r="AD135603" i="1"/>
  <c r="AD135604" i="1"/>
  <c r="AD135605" i="1"/>
  <c r="AD135606" i="1"/>
  <c r="AD135607" i="1"/>
  <c r="AD135608" i="1"/>
  <c r="AD135609" i="1"/>
  <c r="AD135610" i="1"/>
  <c r="AD135611" i="1"/>
  <c r="AD135612" i="1"/>
  <c r="AD135613" i="1"/>
  <c r="AD135614" i="1"/>
  <c r="AD135615" i="1"/>
  <c r="AD135616" i="1"/>
  <c r="AD135617" i="1"/>
  <c r="AD135618" i="1"/>
  <c r="AD135619" i="1"/>
  <c r="AD135620" i="1"/>
  <c r="AD135621" i="1"/>
  <c r="AD135622" i="1"/>
  <c r="AD135623" i="1"/>
  <c r="AD135624" i="1"/>
  <c r="AD135625" i="1"/>
  <c r="AD135626" i="1"/>
  <c r="AD135627" i="1"/>
  <c r="AD135628" i="1"/>
  <c r="AD135629" i="1"/>
  <c r="AD135630" i="1"/>
  <c r="AD135631" i="1"/>
  <c r="AD135632" i="1"/>
  <c r="AD135633" i="1"/>
  <c r="AD135634" i="1"/>
  <c r="AD135635" i="1"/>
  <c r="AD135636" i="1"/>
  <c r="AD135637" i="1"/>
  <c r="AD135638" i="1"/>
  <c r="AD135639" i="1"/>
  <c r="AD135640" i="1"/>
  <c r="AD135641" i="1"/>
  <c r="AD135642" i="1"/>
  <c r="AD135643" i="1"/>
  <c r="AD135644" i="1"/>
  <c r="AD135645" i="1"/>
  <c r="AD135646" i="1"/>
  <c r="AD135647" i="1"/>
  <c r="AD135648" i="1"/>
  <c r="AD135649" i="1"/>
  <c r="AD135650" i="1"/>
  <c r="AD135651" i="1"/>
  <c r="AD135652" i="1"/>
  <c r="AD135653" i="1"/>
  <c r="AD135654" i="1"/>
  <c r="AD135655" i="1"/>
  <c r="AD135656" i="1"/>
  <c r="AD135657" i="1"/>
  <c r="AD135658" i="1"/>
  <c r="AD135659" i="1"/>
  <c r="AD135660" i="1"/>
  <c r="AD135661" i="1"/>
  <c r="AD135662" i="1"/>
  <c r="AD135663" i="1"/>
  <c r="AD135664" i="1"/>
  <c r="AD135665" i="1"/>
  <c r="AD135666" i="1"/>
  <c r="AD135667" i="1"/>
  <c r="AD135668" i="1"/>
  <c r="AD135669" i="1"/>
  <c r="AD135670" i="1"/>
  <c r="AD135671" i="1"/>
  <c r="AD135672" i="1"/>
  <c r="AD135673" i="1"/>
  <c r="AD135674" i="1"/>
  <c r="AD135675" i="1"/>
  <c r="AD135676" i="1"/>
  <c r="AD135677" i="1"/>
  <c r="AD135678" i="1"/>
  <c r="AD135679" i="1"/>
  <c r="AD135680" i="1"/>
  <c r="AD135681" i="1"/>
  <c r="AD135682" i="1"/>
  <c r="AD135683" i="1"/>
  <c r="AD135684" i="1"/>
  <c r="AD135685" i="1"/>
  <c r="AD135686" i="1"/>
  <c r="AD135687" i="1"/>
  <c r="AD135688" i="1"/>
  <c r="AD135689" i="1"/>
  <c r="AD135690" i="1"/>
  <c r="AD135691" i="1"/>
  <c r="AD135692" i="1"/>
  <c r="AD135693" i="1"/>
  <c r="AD135694" i="1"/>
  <c r="AD135695" i="1"/>
  <c r="AD135696" i="1"/>
  <c r="AD135697" i="1"/>
  <c r="AD135698" i="1"/>
  <c r="AD135699" i="1"/>
  <c r="AD135700" i="1"/>
  <c r="AD135701" i="1"/>
  <c r="AD135702" i="1"/>
  <c r="AD135703" i="1"/>
  <c r="AD135704" i="1"/>
  <c r="AD135705" i="1"/>
  <c r="AD135706" i="1"/>
  <c r="AD135707" i="1"/>
  <c r="AD135708" i="1"/>
  <c r="AD135709" i="1"/>
  <c r="AD135710" i="1"/>
  <c r="AD135711" i="1"/>
  <c r="AD135712" i="1"/>
  <c r="AD135713" i="1"/>
  <c r="AD135714" i="1"/>
  <c r="AD135715" i="1"/>
  <c r="AD135716" i="1"/>
  <c r="AD135717" i="1"/>
  <c r="AD135718" i="1"/>
  <c r="AD135719" i="1"/>
  <c r="AD135720" i="1"/>
  <c r="AD135721" i="1"/>
  <c r="AD135722" i="1"/>
  <c r="AD135723" i="1"/>
  <c r="AD135724" i="1"/>
  <c r="AD135725" i="1"/>
  <c r="AD135726" i="1"/>
  <c r="AD135727" i="1"/>
  <c r="AD135728" i="1"/>
  <c r="AD135729" i="1"/>
  <c r="AD135730" i="1"/>
  <c r="AD135731" i="1"/>
  <c r="AD135732" i="1"/>
  <c r="AD135733" i="1"/>
  <c r="AD135734" i="1"/>
  <c r="AD135735" i="1"/>
  <c r="AD135736" i="1"/>
  <c r="AD135737" i="1"/>
  <c r="AD135738" i="1"/>
  <c r="AD135739" i="1"/>
  <c r="AD135740" i="1"/>
  <c r="AD135741" i="1"/>
  <c r="AD135742" i="1"/>
  <c r="AD135743" i="1"/>
  <c r="AD135744" i="1"/>
  <c r="AD135745" i="1"/>
  <c r="AD135746" i="1"/>
  <c r="AD135747" i="1"/>
  <c r="AD135748" i="1"/>
  <c r="AD135749" i="1"/>
  <c r="AD135750" i="1"/>
  <c r="AD135751" i="1"/>
  <c r="AD135752" i="1"/>
  <c r="AD135753" i="1"/>
  <c r="AD135754" i="1"/>
  <c r="AD135755" i="1"/>
  <c r="AD135756" i="1"/>
  <c r="AD135757" i="1"/>
  <c r="AD135758" i="1"/>
  <c r="AD135759" i="1"/>
  <c r="AD135760" i="1"/>
  <c r="AD135761" i="1"/>
  <c r="AD135762" i="1"/>
  <c r="AD135763" i="1"/>
  <c r="AD135764" i="1"/>
  <c r="AD135765" i="1"/>
  <c r="AD135766" i="1"/>
  <c r="AD135767" i="1"/>
  <c r="AD135768" i="1"/>
  <c r="AD135769" i="1"/>
  <c r="AD135770" i="1"/>
  <c r="AD135771" i="1"/>
  <c r="AD135772" i="1"/>
  <c r="AD135773" i="1"/>
  <c r="AD135774" i="1"/>
  <c r="AD135775" i="1"/>
  <c r="AD135776" i="1"/>
  <c r="AD135777" i="1"/>
  <c r="AD135778" i="1"/>
  <c r="AD135779" i="1"/>
  <c r="AD135780" i="1"/>
  <c r="AD135781" i="1"/>
  <c r="AD135782" i="1"/>
  <c r="AD135783" i="1"/>
  <c r="AD135784" i="1"/>
  <c r="AD135785" i="1"/>
  <c r="AD135786" i="1"/>
  <c r="AD135787" i="1"/>
  <c r="AD135788" i="1"/>
  <c r="AD135789" i="1"/>
  <c r="AD135790" i="1"/>
  <c r="AD135791" i="1"/>
  <c r="AD135792" i="1"/>
  <c r="AD135793" i="1"/>
  <c r="AD135794" i="1"/>
  <c r="AD135795" i="1"/>
  <c r="AD135796" i="1"/>
  <c r="AD135797" i="1"/>
  <c r="AD135798" i="1"/>
  <c r="AD135799" i="1"/>
  <c r="AD135800" i="1"/>
  <c r="AD135801" i="1"/>
  <c r="AD135802" i="1"/>
  <c r="AD135803" i="1"/>
  <c r="AD135804" i="1"/>
  <c r="AD135805" i="1"/>
  <c r="AD135806" i="1"/>
  <c r="AD135807" i="1"/>
  <c r="AD135808" i="1"/>
  <c r="AD135809" i="1"/>
  <c r="AD135810" i="1"/>
  <c r="AD135811" i="1"/>
  <c r="AD135812" i="1"/>
  <c r="AD135813" i="1"/>
  <c r="AD135814" i="1"/>
  <c r="AD135815" i="1"/>
  <c r="AD135816" i="1"/>
  <c r="AD135817" i="1"/>
  <c r="AD135818" i="1"/>
  <c r="AD135819" i="1"/>
  <c r="AD135820" i="1"/>
  <c r="AD135821" i="1"/>
  <c r="AD135822" i="1"/>
  <c r="AD135823" i="1"/>
  <c r="AD135824" i="1"/>
  <c r="AD135825" i="1"/>
  <c r="AD135826" i="1"/>
  <c r="AD135827" i="1"/>
  <c r="AD135828" i="1"/>
  <c r="AD135829" i="1"/>
  <c r="AD135830" i="1"/>
  <c r="AD135831" i="1"/>
  <c r="AD135832" i="1"/>
  <c r="AD135833" i="1"/>
  <c r="AD135834" i="1"/>
  <c r="AD135835" i="1"/>
  <c r="AD135836" i="1"/>
  <c r="AD135837" i="1"/>
  <c r="AD135838" i="1"/>
  <c r="AD135839" i="1"/>
  <c r="AD135840" i="1"/>
  <c r="AD135841" i="1"/>
  <c r="AD135842" i="1"/>
  <c r="AD135843" i="1"/>
  <c r="AD135844" i="1"/>
  <c r="AD135845" i="1"/>
  <c r="AD135846" i="1"/>
  <c r="AD135847" i="1"/>
  <c r="AD135848" i="1"/>
  <c r="AD135849" i="1"/>
  <c r="AD135850" i="1"/>
  <c r="AD135851" i="1"/>
  <c r="AD135852" i="1"/>
  <c r="AD135853" i="1"/>
  <c r="AD135854" i="1"/>
  <c r="AD135855" i="1"/>
  <c r="AD135856" i="1"/>
  <c r="AD135857" i="1"/>
  <c r="AD135858" i="1"/>
  <c r="AD135859" i="1"/>
  <c r="AD135860" i="1"/>
  <c r="AD135861" i="1"/>
  <c r="AD135862" i="1"/>
  <c r="AD135863" i="1"/>
  <c r="AD135864" i="1"/>
  <c r="AD135865" i="1"/>
  <c r="AD135866" i="1"/>
  <c r="AD135867" i="1"/>
  <c r="AD135868" i="1"/>
  <c r="AD135869" i="1"/>
  <c r="AD135870" i="1"/>
  <c r="AD135871" i="1"/>
  <c r="AD135872" i="1"/>
  <c r="AD135873" i="1"/>
  <c r="AD135874" i="1"/>
  <c r="AD135875" i="1"/>
  <c r="AD135876" i="1"/>
  <c r="AD135877" i="1"/>
  <c r="AD135878" i="1"/>
  <c r="AD135879" i="1"/>
  <c r="AD135880" i="1"/>
  <c r="AD135881" i="1"/>
  <c r="AD135882" i="1"/>
  <c r="AD135883" i="1"/>
  <c r="AD135884" i="1"/>
  <c r="AD135885" i="1"/>
  <c r="AD135886" i="1"/>
  <c r="AD135887" i="1"/>
  <c r="AD135888" i="1"/>
  <c r="AD135889" i="1"/>
  <c r="AD135890" i="1"/>
  <c r="AD135891" i="1"/>
  <c r="AD135892" i="1"/>
  <c r="AD135893" i="1"/>
  <c r="AD135894" i="1"/>
  <c r="AD135895" i="1"/>
  <c r="AD135896" i="1"/>
  <c r="AD135897" i="1"/>
  <c r="AD135898" i="1"/>
  <c r="AD135899" i="1"/>
  <c r="AD135900" i="1"/>
  <c r="AD135901" i="1"/>
  <c r="AD135902" i="1"/>
  <c r="AD135903" i="1"/>
  <c r="AD135904" i="1"/>
  <c r="AD135905" i="1"/>
  <c r="AD135906" i="1"/>
  <c r="AD135907" i="1"/>
  <c r="AD135908" i="1"/>
  <c r="AD135909" i="1"/>
  <c r="AD135910" i="1"/>
  <c r="AD135911" i="1"/>
  <c r="AD135912" i="1"/>
  <c r="AD135913" i="1"/>
  <c r="AD135914" i="1"/>
  <c r="AD135915" i="1"/>
  <c r="AD135916" i="1"/>
  <c r="AD135917" i="1"/>
  <c r="AD135918" i="1"/>
  <c r="AD135919" i="1"/>
  <c r="AD135920" i="1"/>
  <c r="AD135921" i="1"/>
  <c r="AD135922" i="1"/>
  <c r="AD135923" i="1"/>
  <c r="AD135924" i="1"/>
  <c r="AD135925" i="1"/>
  <c r="AD135926" i="1"/>
  <c r="AD135927" i="1"/>
  <c r="AD135928" i="1"/>
  <c r="AD135929" i="1"/>
  <c r="AD135930" i="1"/>
  <c r="AD135931" i="1"/>
  <c r="AD135932" i="1"/>
  <c r="AD135933" i="1"/>
  <c r="AD135934" i="1"/>
  <c r="AD135935" i="1"/>
  <c r="AD135936" i="1"/>
  <c r="AD135937" i="1"/>
  <c r="AD135938" i="1"/>
  <c r="AD135939" i="1"/>
  <c r="AD135940" i="1"/>
  <c r="AD135941" i="1"/>
  <c r="AD135942" i="1"/>
  <c r="AD135943" i="1"/>
  <c r="AD135944" i="1"/>
  <c r="AD135945" i="1"/>
  <c r="AD135946" i="1"/>
  <c r="AD135947" i="1"/>
  <c r="AD135948" i="1"/>
  <c r="AD135949" i="1"/>
  <c r="AD135950" i="1"/>
  <c r="AD135951" i="1"/>
  <c r="AD135952" i="1"/>
  <c r="AD135953" i="1"/>
  <c r="AD135954" i="1"/>
  <c r="AD135955" i="1"/>
  <c r="AD135956" i="1"/>
  <c r="AD135957" i="1"/>
  <c r="AD135958" i="1"/>
  <c r="AD135959" i="1"/>
  <c r="AD135960" i="1"/>
  <c r="AD135961" i="1"/>
  <c r="AD135962" i="1"/>
  <c r="AD135963" i="1"/>
  <c r="AD135964" i="1"/>
  <c r="AD135965" i="1"/>
  <c r="AD135966" i="1"/>
  <c r="AD135967" i="1"/>
  <c r="AD135968" i="1"/>
  <c r="AD135969" i="1"/>
  <c r="AD135970" i="1"/>
  <c r="AD135971" i="1"/>
  <c r="AD135972" i="1"/>
  <c r="AD135973" i="1"/>
  <c r="AD135974" i="1"/>
  <c r="AD135975" i="1"/>
  <c r="AD135976" i="1"/>
  <c r="AD135977" i="1"/>
  <c r="AD135978" i="1"/>
  <c r="AD135979" i="1"/>
  <c r="AD135980" i="1"/>
  <c r="AD135981" i="1"/>
  <c r="AD135982" i="1"/>
  <c r="AD135983" i="1"/>
  <c r="AD135984" i="1"/>
  <c r="AD135985" i="1"/>
  <c r="AD135986" i="1"/>
  <c r="AD135987" i="1"/>
  <c r="AD135988" i="1"/>
  <c r="AD135989" i="1"/>
  <c r="AD135990" i="1"/>
  <c r="AD135991" i="1"/>
  <c r="AD135992" i="1"/>
  <c r="AD135993" i="1"/>
  <c r="AD135994" i="1"/>
  <c r="AD135995" i="1"/>
  <c r="AD135996" i="1"/>
  <c r="AD135997" i="1"/>
  <c r="AD135998" i="1"/>
  <c r="AD135999" i="1"/>
  <c r="AD136000" i="1"/>
  <c r="AD136001" i="1"/>
  <c r="AD136002" i="1"/>
  <c r="AD136003" i="1"/>
  <c r="AD136004" i="1"/>
  <c r="AD136005" i="1"/>
  <c r="AD136006" i="1"/>
  <c r="AD136007" i="1"/>
  <c r="AD136008" i="1"/>
  <c r="AD136009" i="1"/>
  <c r="AD136010" i="1"/>
  <c r="AD136011" i="1"/>
  <c r="AD136012" i="1"/>
  <c r="AD136013" i="1"/>
  <c r="AD136014" i="1"/>
  <c r="AD136015" i="1"/>
  <c r="AD136016" i="1"/>
  <c r="AD136017" i="1"/>
  <c r="AD136018" i="1"/>
  <c r="AD136019" i="1"/>
  <c r="AD136020" i="1"/>
  <c r="AD136021" i="1"/>
  <c r="AD136022" i="1"/>
  <c r="AD136023" i="1"/>
  <c r="AD136024" i="1"/>
  <c r="AD136025" i="1"/>
  <c r="AD136026" i="1"/>
  <c r="AD136027" i="1"/>
  <c r="AD136028" i="1"/>
  <c r="AD136029" i="1"/>
  <c r="AD136030" i="1"/>
  <c r="AD136031" i="1"/>
  <c r="AD136032" i="1"/>
  <c r="AD136033" i="1"/>
  <c r="AD136034" i="1"/>
  <c r="AD136035" i="1"/>
  <c r="AD136036" i="1"/>
  <c r="AD136037" i="1"/>
  <c r="AD136038" i="1"/>
  <c r="AD136039" i="1"/>
  <c r="AD136040" i="1"/>
  <c r="AD136041" i="1"/>
  <c r="AD136042" i="1"/>
  <c r="AD136043" i="1"/>
  <c r="AD136044" i="1"/>
  <c r="AD136045" i="1"/>
  <c r="AD136046" i="1"/>
  <c r="AD136047" i="1"/>
  <c r="AD136048" i="1"/>
  <c r="AD136049" i="1"/>
  <c r="AD136050" i="1"/>
  <c r="AD136051" i="1"/>
  <c r="AD136052" i="1"/>
  <c r="AD136053" i="1"/>
  <c r="AD136054" i="1"/>
  <c r="AD136055" i="1"/>
  <c r="AD136056" i="1"/>
  <c r="AD136057" i="1"/>
  <c r="AD136058" i="1"/>
  <c r="AD136059" i="1"/>
  <c r="AD136060" i="1"/>
  <c r="AD136061" i="1"/>
  <c r="AD136062" i="1"/>
  <c r="AD136063" i="1"/>
  <c r="AD136064" i="1"/>
  <c r="AD136065" i="1"/>
  <c r="AD136066" i="1"/>
  <c r="AD136067" i="1"/>
  <c r="AD136068" i="1"/>
  <c r="AD136069" i="1"/>
  <c r="AD136070" i="1"/>
  <c r="AD136071" i="1"/>
  <c r="AD136072" i="1"/>
  <c r="AD136073" i="1"/>
  <c r="AD136074" i="1"/>
  <c r="AD136075" i="1"/>
  <c r="AD136076" i="1"/>
  <c r="AD136077" i="1"/>
  <c r="AD136078" i="1"/>
  <c r="AD136079" i="1"/>
  <c r="AD136080" i="1"/>
  <c r="AD136081" i="1"/>
  <c r="AD136082" i="1"/>
  <c r="AD136083" i="1"/>
  <c r="AD136084" i="1"/>
  <c r="AD136085" i="1"/>
  <c r="AD136086" i="1"/>
  <c r="AD136087" i="1"/>
  <c r="AD136088" i="1"/>
  <c r="AD136089" i="1"/>
  <c r="AD136090" i="1"/>
  <c r="AD136091" i="1"/>
  <c r="AD136092" i="1"/>
  <c r="AD136093" i="1"/>
  <c r="AD136094" i="1"/>
  <c r="AD136095" i="1"/>
  <c r="AD136096" i="1"/>
  <c r="AD136097" i="1"/>
  <c r="AD136098" i="1"/>
  <c r="AD136099" i="1"/>
  <c r="AD136100" i="1"/>
  <c r="AD136101" i="1"/>
  <c r="AD136102" i="1"/>
  <c r="AD136103" i="1"/>
  <c r="AD136104" i="1"/>
  <c r="AD136105" i="1"/>
  <c r="AD136106" i="1"/>
  <c r="AD136107" i="1"/>
  <c r="AD136108" i="1"/>
  <c r="AD136109" i="1"/>
  <c r="AD136110" i="1"/>
  <c r="AD136111" i="1"/>
  <c r="AD136112" i="1"/>
  <c r="AD136113" i="1"/>
  <c r="AD136114" i="1"/>
  <c r="AD136115" i="1"/>
  <c r="AD136116" i="1"/>
  <c r="AD136117" i="1"/>
  <c r="AD136118" i="1"/>
  <c r="AD136119" i="1"/>
  <c r="AD136120" i="1"/>
  <c r="AD136121" i="1"/>
  <c r="AD136122" i="1"/>
  <c r="AD136123" i="1"/>
  <c r="AD136124" i="1"/>
  <c r="AD136125" i="1"/>
  <c r="AD136126" i="1"/>
  <c r="AD136127" i="1"/>
  <c r="AD136128" i="1"/>
  <c r="AD136129" i="1"/>
  <c r="AD136130" i="1"/>
  <c r="AD136131" i="1"/>
  <c r="AD136132" i="1"/>
  <c r="AD136133" i="1"/>
  <c r="AD136134" i="1"/>
  <c r="AD136135" i="1"/>
  <c r="AD136136" i="1"/>
  <c r="AD136137" i="1"/>
  <c r="AD136138" i="1"/>
  <c r="AD136139" i="1"/>
  <c r="AD136140" i="1"/>
  <c r="AD136141" i="1"/>
  <c r="AD136142" i="1"/>
  <c r="AD136143" i="1"/>
  <c r="AD136144" i="1"/>
  <c r="AD136145" i="1"/>
  <c r="AD136146" i="1"/>
  <c r="AD136147" i="1"/>
  <c r="AD136148" i="1"/>
  <c r="AD136149" i="1"/>
  <c r="AD136150" i="1"/>
  <c r="AD136151" i="1"/>
  <c r="AD136152" i="1"/>
  <c r="AD136153" i="1"/>
  <c r="AD136154" i="1"/>
  <c r="AD136155" i="1"/>
  <c r="AD136156" i="1"/>
  <c r="AD136157" i="1"/>
  <c r="AD136158" i="1"/>
  <c r="AD136159" i="1"/>
  <c r="AD136160" i="1"/>
  <c r="AD136161" i="1"/>
  <c r="AD136162" i="1"/>
  <c r="AD136163" i="1"/>
  <c r="AD136164" i="1"/>
  <c r="AD136165" i="1"/>
  <c r="AD136166" i="1"/>
  <c r="AD136167" i="1"/>
  <c r="AD136168" i="1"/>
  <c r="AD136169" i="1"/>
  <c r="AD136170" i="1"/>
  <c r="AD136171" i="1"/>
  <c r="AD136172" i="1"/>
  <c r="AD136173" i="1"/>
  <c r="AD136174" i="1"/>
  <c r="AD136175" i="1"/>
  <c r="AD136176" i="1"/>
  <c r="AD136177" i="1"/>
  <c r="AD136178" i="1"/>
  <c r="AD136179" i="1"/>
  <c r="AD136180" i="1"/>
  <c r="AD136181" i="1"/>
  <c r="AD136182" i="1"/>
  <c r="AD136183" i="1"/>
  <c r="AD136184" i="1"/>
  <c r="AD136185" i="1"/>
  <c r="AD136186" i="1"/>
  <c r="AD136187" i="1"/>
  <c r="AD136188" i="1"/>
  <c r="AD136189" i="1"/>
  <c r="AD136190" i="1"/>
  <c r="AD136191" i="1"/>
  <c r="AD136192" i="1"/>
  <c r="AD136193" i="1"/>
  <c r="AD136194" i="1"/>
  <c r="AD136195" i="1"/>
  <c r="AD136196" i="1"/>
  <c r="AD136197" i="1"/>
  <c r="AD136198" i="1"/>
  <c r="AD136199" i="1"/>
  <c r="AD136200" i="1"/>
  <c r="AD136201" i="1"/>
  <c r="AD136202" i="1"/>
  <c r="AD136203" i="1"/>
  <c r="AD136204" i="1"/>
  <c r="AD136205" i="1"/>
  <c r="AD136206" i="1"/>
  <c r="AD136207" i="1"/>
  <c r="AD136208" i="1"/>
  <c r="AD136209" i="1"/>
  <c r="AD136210" i="1"/>
  <c r="AD136211" i="1"/>
  <c r="AD136212" i="1"/>
  <c r="AD136213" i="1"/>
  <c r="AD136214" i="1"/>
  <c r="AD136215" i="1"/>
  <c r="AD136216" i="1"/>
  <c r="AD136217" i="1"/>
  <c r="AD136218" i="1"/>
  <c r="AD136219" i="1"/>
  <c r="AD136220" i="1"/>
  <c r="AD136221" i="1"/>
  <c r="AD136222" i="1"/>
  <c r="AD136223" i="1"/>
  <c r="AD136224" i="1"/>
  <c r="AD136225" i="1"/>
  <c r="AD136226" i="1"/>
  <c r="AD136227" i="1"/>
  <c r="AD136228" i="1"/>
  <c r="AD136229" i="1"/>
  <c r="AD136230" i="1"/>
  <c r="AD136231" i="1"/>
  <c r="AD136232" i="1"/>
  <c r="AD136233" i="1"/>
  <c r="AD136234" i="1"/>
  <c r="AD136235" i="1"/>
  <c r="AD136236" i="1"/>
  <c r="AD136237" i="1"/>
  <c r="AD136238" i="1"/>
  <c r="AD136239" i="1"/>
  <c r="AD136240" i="1"/>
  <c r="AD136241" i="1"/>
  <c r="AD136242" i="1"/>
  <c r="AD136243" i="1"/>
  <c r="AD136244" i="1"/>
  <c r="AD136245" i="1"/>
  <c r="AD136246" i="1"/>
  <c r="AD136247" i="1"/>
  <c r="AD136248" i="1"/>
  <c r="AD136249" i="1"/>
  <c r="AD136250" i="1"/>
  <c r="AD136251" i="1"/>
  <c r="AD136252" i="1"/>
  <c r="AD136253" i="1"/>
  <c r="AD136254" i="1"/>
  <c r="AD136255" i="1"/>
  <c r="AD136256" i="1"/>
  <c r="AD136257" i="1"/>
  <c r="AD136258" i="1"/>
  <c r="AD136259" i="1"/>
  <c r="AD136260" i="1"/>
  <c r="AD136261" i="1"/>
  <c r="AD136262" i="1"/>
  <c r="AD136263" i="1"/>
  <c r="AD136264" i="1"/>
  <c r="AD136265" i="1"/>
  <c r="AD136266" i="1"/>
  <c r="AD136267" i="1"/>
  <c r="AD136268" i="1"/>
  <c r="AD136269" i="1"/>
  <c r="AD136270" i="1"/>
  <c r="AD136271" i="1"/>
  <c r="AD136272" i="1"/>
  <c r="AD136273" i="1"/>
  <c r="AD136274" i="1"/>
  <c r="AD136275" i="1"/>
  <c r="AD136276" i="1"/>
  <c r="AD136277" i="1"/>
  <c r="AD136278" i="1"/>
  <c r="AD136279" i="1"/>
  <c r="AD136280" i="1"/>
  <c r="AD136281" i="1"/>
  <c r="AD136282" i="1"/>
  <c r="AD136283" i="1"/>
  <c r="AD136284" i="1"/>
  <c r="AD136285" i="1"/>
  <c r="AD136286" i="1"/>
  <c r="AD136287" i="1"/>
  <c r="AD136288" i="1"/>
  <c r="AD136289" i="1"/>
  <c r="AD136290" i="1"/>
  <c r="AD136291" i="1"/>
  <c r="AD136292" i="1"/>
  <c r="AD136293" i="1"/>
  <c r="AD136294" i="1"/>
  <c r="AD136295" i="1"/>
  <c r="AD136296" i="1"/>
  <c r="AD136297" i="1"/>
  <c r="AD136298" i="1"/>
  <c r="AD136299" i="1"/>
  <c r="AD136300" i="1"/>
  <c r="AD136301" i="1"/>
  <c r="AD136302" i="1"/>
  <c r="AD136303" i="1"/>
  <c r="AD136304" i="1"/>
  <c r="AD136305" i="1"/>
  <c r="AD136306" i="1"/>
  <c r="AD136307" i="1"/>
  <c r="AD136308" i="1"/>
  <c r="AD136309" i="1"/>
  <c r="AD136310" i="1"/>
  <c r="AD136311" i="1"/>
  <c r="AD136312" i="1"/>
  <c r="AD136313" i="1"/>
  <c r="AD136314" i="1"/>
  <c r="AD136315" i="1"/>
  <c r="AD136316" i="1"/>
  <c r="AD136317" i="1"/>
  <c r="AD136318" i="1"/>
  <c r="AD136319" i="1"/>
  <c r="AD136320" i="1"/>
  <c r="AD136321" i="1"/>
  <c r="AD136322" i="1"/>
  <c r="AD136323" i="1"/>
  <c r="AD136324" i="1"/>
  <c r="AD136325" i="1"/>
  <c r="AD136326" i="1"/>
  <c r="AD136327" i="1"/>
  <c r="AD136328" i="1"/>
  <c r="AD136329" i="1"/>
  <c r="AD136330" i="1"/>
  <c r="AD136331" i="1"/>
  <c r="AD136332" i="1"/>
  <c r="AD136333" i="1"/>
  <c r="AD136334" i="1"/>
  <c r="AD136335" i="1"/>
  <c r="AD136336" i="1"/>
  <c r="AD136337" i="1"/>
  <c r="AD136338" i="1"/>
  <c r="AD136339" i="1"/>
  <c r="AD136340" i="1"/>
  <c r="AD136341" i="1"/>
  <c r="AD136342" i="1"/>
  <c r="AD136343" i="1"/>
  <c r="AD136344" i="1"/>
  <c r="AD136345" i="1"/>
  <c r="AD136346" i="1"/>
  <c r="AD136347" i="1"/>
  <c r="AD136348" i="1"/>
  <c r="AD136349" i="1"/>
  <c r="AD136350" i="1"/>
  <c r="AD136351" i="1"/>
  <c r="AD136352" i="1"/>
  <c r="AD136353" i="1"/>
  <c r="AD136354" i="1"/>
  <c r="AD136355" i="1"/>
  <c r="AD136356" i="1"/>
  <c r="AD136357" i="1"/>
  <c r="AD136358" i="1"/>
  <c r="AD136359" i="1"/>
  <c r="AD136360" i="1"/>
  <c r="AD136361" i="1"/>
  <c r="AD136362" i="1"/>
  <c r="AD136363" i="1"/>
  <c r="AD136364" i="1"/>
  <c r="AD136365" i="1"/>
  <c r="AD136366" i="1"/>
  <c r="AD136367" i="1"/>
  <c r="AD136368" i="1"/>
  <c r="AD136369" i="1"/>
  <c r="AD136370" i="1"/>
  <c r="AD136371" i="1"/>
  <c r="AD136372" i="1"/>
  <c r="AD136373" i="1"/>
  <c r="AD136374" i="1"/>
  <c r="AD136375" i="1"/>
  <c r="AD136376" i="1"/>
  <c r="AD136377" i="1"/>
  <c r="AD136378" i="1"/>
  <c r="AD136379" i="1"/>
  <c r="AD136380" i="1"/>
  <c r="AD136381" i="1"/>
  <c r="AD136382" i="1"/>
  <c r="AD136383" i="1"/>
  <c r="AD136384" i="1"/>
  <c r="AD136385" i="1"/>
  <c r="AD136386" i="1"/>
  <c r="AD136387" i="1"/>
  <c r="AD136388" i="1"/>
  <c r="AD136389" i="1"/>
  <c r="AD136390" i="1"/>
  <c r="AD136391" i="1"/>
  <c r="AD136392" i="1"/>
  <c r="AD136393" i="1"/>
  <c r="AD136394" i="1"/>
  <c r="AD136395" i="1"/>
  <c r="AD136396" i="1"/>
  <c r="AD136397" i="1"/>
  <c r="AD136398" i="1"/>
  <c r="AD136399" i="1"/>
  <c r="AD136400" i="1"/>
  <c r="AD136401" i="1"/>
  <c r="AD136402" i="1"/>
  <c r="AD136403" i="1"/>
  <c r="AD136404" i="1"/>
  <c r="AD136405" i="1"/>
  <c r="AD136406" i="1"/>
  <c r="AD136407" i="1"/>
  <c r="AD136408" i="1"/>
  <c r="AD136409" i="1"/>
  <c r="AD136410" i="1"/>
  <c r="AD136411" i="1"/>
  <c r="AD136412" i="1"/>
  <c r="AD136413" i="1"/>
  <c r="AD136414" i="1"/>
  <c r="AD136415" i="1"/>
  <c r="AD136416" i="1"/>
  <c r="AD136417" i="1"/>
  <c r="AD136418" i="1"/>
  <c r="AD136419" i="1"/>
  <c r="AD136420" i="1"/>
  <c r="AD136421" i="1"/>
  <c r="AD136422" i="1"/>
  <c r="AD136423" i="1"/>
  <c r="AD136424" i="1"/>
  <c r="AD136425" i="1"/>
  <c r="AD136426" i="1"/>
  <c r="AD136427" i="1"/>
  <c r="AD136428" i="1"/>
  <c r="AD136429" i="1"/>
  <c r="AD136430" i="1"/>
  <c r="AD136431" i="1"/>
  <c r="AD136432" i="1"/>
  <c r="AD136433" i="1"/>
  <c r="AD136434" i="1"/>
  <c r="AD136435" i="1"/>
  <c r="AD136436" i="1"/>
  <c r="AD136437" i="1"/>
  <c r="AD136438" i="1"/>
  <c r="AD136439" i="1"/>
  <c r="AD136440" i="1"/>
  <c r="AD136441" i="1"/>
  <c r="AD136442" i="1"/>
  <c r="AD136443" i="1"/>
  <c r="AD136444" i="1"/>
  <c r="AD136445" i="1"/>
  <c r="AD136446" i="1"/>
  <c r="AD136447" i="1"/>
  <c r="AD136448" i="1"/>
  <c r="AD136449" i="1"/>
  <c r="AD136450" i="1"/>
  <c r="AD136451" i="1"/>
  <c r="AD136452" i="1"/>
  <c r="AD136453" i="1"/>
  <c r="AD136454" i="1"/>
  <c r="AD136455" i="1"/>
  <c r="AD136456" i="1"/>
  <c r="AD136457" i="1"/>
  <c r="AD136458" i="1"/>
  <c r="AD136459" i="1"/>
  <c r="AD136460" i="1"/>
  <c r="AD136461" i="1"/>
  <c r="AD136462" i="1"/>
  <c r="AD136463" i="1"/>
  <c r="AD136464" i="1"/>
  <c r="AD136465" i="1"/>
  <c r="AD136466" i="1"/>
  <c r="AD136467" i="1"/>
  <c r="AD136468" i="1"/>
  <c r="AD136469" i="1"/>
  <c r="AD136470" i="1"/>
  <c r="AD136471" i="1"/>
  <c r="AD136472" i="1"/>
  <c r="AD136473" i="1"/>
  <c r="AD136474" i="1"/>
  <c r="AD136475" i="1"/>
  <c r="AD136476" i="1"/>
  <c r="AD136477" i="1"/>
  <c r="AD136478" i="1"/>
  <c r="AD136479" i="1"/>
  <c r="AD136480" i="1"/>
  <c r="AD136481" i="1"/>
  <c r="AD136482" i="1"/>
  <c r="AD136483" i="1"/>
  <c r="AD136484" i="1"/>
  <c r="AD136485" i="1"/>
  <c r="AD136486" i="1"/>
  <c r="AD136487" i="1"/>
  <c r="AD136488" i="1"/>
  <c r="AD136489" i="1"/>
  <c r="AD136490" i="1"/>
  <c r="AD136491" i="1"/>
  <c r="AD136492" i="1"/>
  <c r="AD136493" i="1"/>
  <c r="AD136494" i="1"/>
  <c r="AD136495" i="1"/>
  <c r="AD136496" i="1"/>
  <c r="AD136497" i="1"/>
  <c r="AD136498" i="1"/>
  <c r="AD136499" i="1"/>
  <c r="AD136500" i="1"/>
  <c r="AD136501" i="1"/>
  <c r="AD136502" i="1"/>
  <c r="AD136503" i="1"/>
  <c r="AD136504" i="1"/>
  <c r="AD136505" i="1"/>
  <c r="AD136506" i="1"/>
  <c r="AD136507" i="1"/>
  <c r="AD136508" i="1"/>
  <c r="AD136509" i="1"/>
  <c r="AD136510" i="1"/>
  <c r="AD136511" i="1"/>
  <c r="AD136512" i="1"/>
  <c r="AD136513" i="1"/>
  <c r="AD136514" i="1"/>
  <c r="AD136515" i="1"/>
  <c r="AD136516" i="1"/>
  <c r="AD136517" i="1"/>
  <c r="AD136518" i="1"/>
  <c r="AD136519" i="1"/>
  <c r="AD136520" i="1"/>
  <c r="AD136521" i="1"/>
  <c r="AD136522" i="1"/>
  <c r="AD136523" i="1"/>
  <c r="AD136524" i="1"/>
  <c r="AD136525" i="1"/>
  <c r="AD136526" i="1"/>
  <c r="AD136527" i="1"/>
  <c r="AD136528" i="1"/>
  <c r="AD136529" i="1"/>
  <c r="AD136530" i="1"/>
  <c r="AD136531" i="1"/>
  <c r="AD136532" i="1"/>
  <c r="AD136533" i="1"/>
  <c r="AD136534" i="1"/>
  <c r="AD136535" i="1"/>
  <c r="AD136536" i="1"/>
  <c r="AD136537" i="1"/>
  <c r="AD136538" i="1"/>
  <c r="AD136539" i="1"/>
  <c r="AD136540" i="1"/>
  <c r="AD136541" i="1"/>
  <c r="AD136542" i="1"/>
  <c r="AD136543" i="1"/>
  <c r="AD136544" i="1"/>
  <c r="AD136545" i="1"/>
  <c r="AD136546" i="1"/>
  <c r="AD136547" i="1"/>
  <c r="AD136548" i="1"/>
  <c r="AD136549" i="1"/>
  <c r="AD136550" i="1"/>
  <c r="AD136551" i="1"/>
  <c r="AD136552" i="1"/>
  <c r="AD136553" i="1"/>
  <c r="AD136554" i="1"/>
  <c r="AD136555" i="1"/>
  <c r="AD136556" i="1"/>
  <c r="AD136557" i="1"/>
  <c r="AD136558" i="1"/>
  <c r="AD136559" i="1"/>
  <c r="AD136560" i="1"/>
  <c r="AD136561" i="1"/>
  <c r="AD136562" i="1"/>
  <c r="AD136563" i="1"/>
  <c r="AD136564" i="1"/>
  <c r="AD136565" i="1"/>
  <c r="AD136566" i="1"/>
  <c r="AD136567" i="1"/>
  <c r="AD136568" i="1"/>
  <c r="AD136569" i="1"/>
  <c r="AD136570" i="1"/>
  <c r="AD136571" i="1"/>
  <c r="AD136572" i="1"/>
  <c r="AD136573" i="1"/>
  <c r="AD136574" i="1"/>
  <c r="AD136575" i="1"/>
  <c r="AD136576" i="1"/>
  <c r="AD136577" i="1"/>
  <c r="AD136578" i="1"/>
  <c r="AD136579" i="1"/>
  <c r="AD136580" i="1"/>
  <c r="AD136581" i="1"/>
  <c r="AD136582" i="1"/>
  <c r="AD136583" i="1"/>
  <c r="AD136584" i="1"/>
  <c r="AD136585" i="1"/>
  <c r="AD136586" i="1"/>
  <c r="AD136587" i="1"/>
  <c r="AD136588" i="1"/>
  <c r="AD136589" i="1"/>
  <c r="AD136590" i="1"/>
  <c r="AD136591" i="1"/>
  <c r="AD136592" i="1"/>
  <c r="AD136593" i="1"/>
  <c r="AD136594" i="1"/>
  <c r="AD136595" i="1"/>
  <c r="AD136596" i="1"/>
  <c r="AD136597" i="1"/>
  <c r="AD136598" i="1"/>
  <c r="AD136599" i="1"/>
  <c r="AD136600" i="1"/>
  <c r="AD136601" i="1"/>
  <c r="AD136602" i="1"/>
  <c r="AD136603" i="1"/>
  <c r="AD136604" i="1"/>
  <c r="AD136605" i="1"/>
  <c r="AD136606" i="1"/>
  <c r="AD136607" i="1"/>
  <c r="AD136608" i="1"/>
  <c r="AD136609" i="1"/>
  <c r="AD136610" i="1"/>
  <c r="AD136611" i="1"/>
  <c r="AD136612" i="1"/>
  <c r="AD136613" i="1"/>
  <c r="AD136614" i="1"/>
  <c r="AD136615" i="1"/>
  <c r="AD136616" i="1"/>
  <c r="AD136617" i="1"/>
  <c r="AD136618" i="1"/>
  <c r="AD136619" i="1"/>
  <c r="AD136620" i="1"/>
  <c r="AD136621" i="1"/>
  <c r="AD136622" i="1"/>
  <c r="AD136623" i="1"/>
  <c r="AD136624" i="1"/>
  <c r="AD136625" i="1"/>
  <c r="AD136626" i="1"/>
  <c r="AD136627" i="1"/>
  <c r="AD136628" i="1"/>
  <c r="AD136629" i="1"/>
  <c r="AD136630" i="1"/>
  <c r="AD136631" i="1"/>
  <c r="AD136632" i="1"/>
  <c r="AD136633" i="1"/>
  <c r="AD136634" i="1"/>
  <c r="AD136635" i="1"/>
  <c r="AD136636" i="1"/>
  <c r="AD136637" i="1"/>
  <c r="AD136638" i="1"/>
  <c r="AD136639" i="1"/>
  <c r="AD136640" i="1"/>
  <c r="AD136641" i="1"/>
  <c r="AD136642" i="1"/>
  <c r="AD136643" i="1"/>
  <c r="AD136644" i="1"/>
  <c r="AD136645" i="1"/>
  <c r="AD136646" i="1"/>
  <c r="AD136647" i="1"/>
  <c r="AD136648" i="1"/>
  <c r="AD136649" i="1"/>
  <c r="AD136650" i="1"/>
  <c r="AD136651" i="1"/>
  <c r="AD136652" i="1"/>
  <c r="AD136653" i="1"/>
  <c r="AD136654" i="1"/>
  <c r="AD136655" i="1"/>
  <c r="AD136656" i="1"/>
  <c r="AD136657" i="1"/>
  <c r="AD136658" i="1"/>
  <c r="AD136659" i="1"/>
  <c r="AD136660" i="1"/>
  <c r="AD136661" i="1"/>
  <c r="AD136662" i="1"/>
  <c r="AD136663" i="1"/>
  <c r="AD136664" i="1"/>
  <c r="AD136665" i="1"/>
  <c r="AD136666" i="1"/>
  <c r="AD136667" i="1"/>
  <c r="AD136668" i="1"/>
  <c r="AD136669" i="1"/>
  <c r="AD136670" i="1"/>
  <c r="AD136671" i="1"/>
  <c r="AD136672" i="1"/>
  <c r="AD136673" i="1"/>
  <c r="AD136674" i="1"/>
  <c r="AD136675" i="1"/>
  <c r="AD136676" i="1"/>
  <c r="AD136677" i="1"/>
  <c r="AD136678" i="1"/>
  <c r="AD136679" i="1"/>
  <c r="AD136680" i="1"/>
  <c r="AD136681" i="1"/>
  <c r="AD136682" i="1"/>
  <c r="AD136683" i="1"/>
  <c r="AD136684" i="1"/>
  <c r="AD136685" i="1"/>
  <c r="AD136686" i="1"/>
  <c r="AD136687" i="1"/>
  <c r="AD136688" i="1"/>
  <c r="AD136689" i="1"/>
  <c r="AD136690" i="1"/>
  <c r="AD136691" i="1"/>
  <c r="AD136692" i="1"/>
  <c r="AD136693" i="1"/>
  <c r="AD136694" i="1"/>
  <c r="AD136695" i="1"/>
  <c r="AD136696" i="1"/>
  <c r="AD136697" i="1"/>
  <c r="AD136698" i="1"/>
  <c r="AD136699" i="1"/>
  <c r="AD136700" i="1"/>
  <c r="AD136701" i="1"/>
  <c r="AD136702" i="1"/>
  <c r="AD136703" i="1"/>
  <c r="AD136704" i="1"/>
  <c r="AD136705" i="1"/>
  <c r="AD136706" i="1"/>
  <c r="AD136707" i="1"/>
  <c r="AD136708" i="1"/>
  <c r="AD136709" i="1"/>
  <c r="AD136710" i="1"/>
  <c r="AD136711" i="1"/>
  <c r="AD136712" i="1"/>
  <c r="AD136713" i="1"/>
  <c r="AD136714" i="1"/>
  <c r="AD136715" i="1"/>
  <c r="AD136716" i="1"/>
  <c r="AD136717" i="1"/>
  <c r="AD136718" i="1"/>
  <c r="AD136719" i="1"/>
  <c r="AD136720" i="1"/>
  <c r="AD136721" i="1"/>
  <c r="AD136722" i="1"/>
  <c r="AD136723" i="1"/>
  <c r="AD136724" i="1"/>
  <c r="AD136725" i="1"/>
  <c r="AD136726" i="1"/>
  <c r="AD136727" i="1"/>
  <c r="AD136728" i="1"/>
  <c r="AD136729" i="1"/>
  <c r="AD136730" i="1"/>
  <c r="AD136731" i="1"/>
  <c r="AD136732" i="1"/>
  <c r="AD136733" i="1"/>
  <c r="AD136734" i="1"/>
  <c r="AD136735" i="1"/>
  <c r="AD136736" i="1"/>
  <c r="AD136737" i="1"/>
  <c r="AD136738" i="1"/>
  <c r="AD136739" i="1"/>
  <c r="AD136740" i="1"/>
  <c r="AD136741" i="1"/>
  <c r="AD136742" i="1"/>
  <c r="AD136743" i="1"/>
  <c r="AD136744" i="1"/>
  <c r="AD136745" i="1"/>
  <c r="AD136746" i="1"/>
  <c r="AD136747" i="1"/>
  <c r="AD136748" i="1"/>
  <c r="AD136749" i="1"/>
  <c r="AD136750" i="1"/>
  <c r="AD136751" i="1"/>
  <c r="AD136752" i="1"/>
  <c r="AD136753" i="1"/>
  <c r="AD136754" i="1"/>
  <c r="AD136755" i="1"/>
  <c r="AD136756" i="1"/>
  <c r="AD136757" i="1"/>
  <c r="AD136758" i="1"/>
  <c r="AD136759" i="1"/>
  <c r="AD136760" i="1"/>
  <c r="AD136761" i="1"/>
  <c r="AD136762" i="1"/>
  <c r="AD136763" i="1"/>
  <c r="AD136764" i="1"/>
  <c r="AD136765" i="1"/>
  <c r="AD136766" i="1"/>
  <c r="AD136767" i="1"/>
  <c r="AD136768" i="1"/>
  <c r="AD136769" i="1"/>
  <c r="AD136770" i="1"/>
  <c r="AD136771" i="1"/>
  <c r="AD136772" i="1"/>
  <c r="AD136773" i="1"/>
  <c r="AD136774" i="1"/>
  <c r="AD136775" i="1"/>
  <c r="AD136776" i="1"/>
  <c r="AD136777" i="1"/>
  <c r="AD136778" i="1"/>
  <c r="AD136779" i="1"/>
  <c r="AD136780" i="1"/>
  <c r="AD136781" i="1"/>
  <c r="AD136782" i="1"/>
  <c r="AD136783" i="1"/>
  <c r="AD136784" i="1"/>
  <c r="AD136785" i="1"/>
  <c r="AD136786" i="1"/>
  <c r="AD136787" i="1"/>
  <c r="AD136788" i="1"/>
  <c r="AD136789" i="1"/>
  <c r="AD136790" i="1"/>
  <c r="AD136791" i="1"/>
  <c r="AD136792" i="1"/>
  <c r="AD136793" i="1"/>
  <c r="AD136794" i="1"/>
  <c r="AD136795" i="1"/>
  <c r="AD136796" i="1"/>
  <c r="AD136797" i="1"/>
  <c r="AD136798" i="1"/>
  <c r="AD136799" i="1"/>
  <c r="AD136800" i="1"/>
  <c r="AD136801" i="1"/>
  <c r="AD136802" i="1"/>
  <c r="AD136803" i="1"/>
  <c r="AD136804" i="1"/>
  <c r="AD136805" i="1"/>
  <c r="AD136806" i="1"/>
  <c r="AD136807" i="1"/>
  <c r="AD136808" i="1"/>
  <c r="AD136809" i="1"/>
  <c r="AD136810" i="1"/>
  <c r="AD136811" i="1"/>
  <c r="AD136812" i="1"/>
  <c r="AD136813" i="1"/>
  <c r="AD136814" i="1"/>
  <c r="AD136815" i="1"/>
  <c r="AD136816" i="1"/>
  <c r="AD136817" i="1"/>
  <c r="AD136818" i="1"/>
  <c r="AD136819" i="1"/>
  <c r="AD136820" i="1"/>
  <c r="AD136821" i="1"/>
  <c r="AD136822" i="1"/>
  <c r="AD136823" i="1"/>
  <c r="AD136824" i="1"/>
  <c r="AD136825" i="1"/>
  <c r="AD136826" i="1"/>
  <c r="AD136827" i="1"/>
  <c r="AD136828" i="1"/>
  <c r="AD136829" i="1"/>
  <c r="AD136830" i="1"/>
  <c r="AD136831" i="1"/>
  <c r="AD136832" i="1"/>
  <c r="AD136833" i="1"/>
  <c r="AD136834" i="1"/>
  <c r="AD136835" i="1"/>
  <c r="AD136836" i="1"/>
  <c r="AD136837" i="1"/>
  <c r="AD136838" i="1"/>
  <c r="AD136839" i="1"/>
  <c r="AD136840" i="1"/>
  <c r="AD136841" i="1"/>
  <c r="AD136842" i="1"/>
  <c r="AD136843" i="1"/>
  <c r="AD136844" i="1"/>
  <c r="AD136845" i="1"/>
  <c r="AD136846" i="1"/>
  <c r="AD136847" i="1"/>
  <c r="AD136848" i="1"/>
  <c r="AD136849" i="1"/>
  <c r="AD136850" i="1"/>
  <c r="AD136851" i="1"/>
  <c r="AD136852" i="1"/>
  <c r="AD136853" i="1"/>
  <c r="AD136854" i="1"/>
  <c r="AD136855" i="1"/>
  <c r="AD136856" i="1"/>
  <c r="AD136857" i="1"/>
  <c r="AD136858" i="1"/>
  <c r="AD136859" i="1"/>
  <c r="AD136860" i="1"/>
  <c r="AD136861" i="1"/>
  <c r="AD136862" i="1"/>
  <c r="AD136863" i="1"/>
  <c r="AD136864" i="1"/>
  <c r="AD136865" i="1"/>
  <c r="AD136866" i="1"/>
  <c r="AD136867" i="1"/>
  <c r="AD136868" i="1"/>
  <c r="AD136869" i="1"/>
  <c r="AD136870" i="1"/>
  <c r="AD136871" i="1"/>
  <c r="AD136872" i="1"/>
  <c r="AD136873" i="1"/>
  <c r="AD136874" i="1"/>
  <c r="AD136875" i="1"/>
  <c r="AD136876" i="1"/>
  <c r="AD136877" i="1"/>
  <c r="AD136878" i="1"/>
  <c r="AD136879" i="1"/>
  <c r="AD136880" i="1"/>
  <c r="AD136881" i="1"/>
  <c r="AD136882" i="1"/>
  <c r="AD136883" i="1"/>
  <c r="AD136884" i="1"/>
  <c r="AD136885" i="1"/>
  <c r="AD136886" i="1"/>
  <c r="AD136887" i="1"/>
  <c r="AD136888" i="1"/>
  <c r="AD136889" i="1"/>
  <c r="AD136890" i="1"/>
  <c r="AD136891" i="1"/>
  <c r="AD136892" i="1"/>
  <c r="AD136893" i="1"/>
  <c r="AD136894" i="1"/>
  <c r="AD136895" i="1"/>
  <c r="AD136896" i="1"/>
  <c r="AD136897" i="1"/>
  <c r="AD136898" i="1"/>
  <c r="AD136899" i="1"/>
  <c r="AD136900" i="1"/>
  <c r="AD136901" i="1"/>
  <c r="AD136902" i="1"/>
  <c r="AD136903" i="1"/>
  <c r="AD136904" i="1"/>
  <c r="AD136905" i="1"/>
  <c r="AD136906" i="1"/>
  <c r="AD136907" i="1"/>
  <c r="AD136908" i="1"/>
  <c r="AD136909" i="1"/>
  <c r="AD136910" i="1"/>
  <c r="AD136911" i="1"/>
  <c r="AD136912" i="1"/>
  <c r="AD136913" i="1"/>
  <c r="AD136914" i="1"/>
  <c r="AD136915" i="1"/>
  <c r="AD136916" i="1"/>
  <c r="AD136917" i="1"/>
  <c r="AD136918" i="1"/>
  <c r="AD136919" i="1"/>
  <c r="AD136920" i="1"/>
  <c r="AD136921" i="1"/>
  <c r="AD136922" i="1"/>
  <c r="AD136923" i="1"/>
  <c r="AD136924" i="1"/>
  <c r="AD136925" i="1"/>
  <c r="AD136926" i="1"/>
  <c r="AD136927" i="1"/>
  <c r="AD136928" i="1"/>
  <c r="AD136929" i="1"/>
  <c r="AD136930" i="1"/>
  <c r="AD136931" i="1"/>
  <c r="AD136932" i="1"/>
  <c r="AD136933" i="1"/>
  <c r="AD136934" i="1"/>
  <c r="AD136935" i="1"/>
  <c r="AD136936" i="1"/>
  <c r="AD136937" i="1"/>
  <c r="AD136938" i="1"/>
  <c r="AD136939" i="1"/>
  <c r="AD136940" i="1"/>
  <c r="AD136941" i="1"/>
  <c r="AD136942" i="1"/>
  <c r="AD136943" i="1"/>
  <c r="AD136944" i="1"/>
  <c r="AD136945" i="1"/>
  <c r="AD136946" i="1"/>
  <c r="AD136947" i="1"/>
  <c r="AD136948" i="1"/>
  <c r="AD136949" i="1"/>
  <c r="AD136950" i="1"/>
  <c r="AD136951" i="1"/>
  <c r="AD136952" i="1"/>
  <c r="AD136953" i="1"/>
  <c r="AD136954" i="1"/>
  <c r="AD136955" i="1"/>
  <c r="AD136956" i="1"/>
  <c r="AD136957" i="1"/>
  <c r="AD136958" i="1"/>
  <c r="AD136959" i="1"/>
  <c r="AD136960" i="1"/>
  <c r="AD136961" i="1"/>
  <c r="AD136962" i="1"/>
  <c r="AD136963" i="1"/>
  <c r="AD136964" i="1"/>
  <c r="AD136965" i="1"/>
  <c r="AD136966" i="1"/>
  <c r="AD136967" i="1"/>
  <c r="AD136968" i="1"/>
  <c r="AD136969" i="1"/>
  <c r="AD136970" i="1"/>
  <c r="AD136971" i="1"/>
  <c r="AD136972" i="1"/>
  <c r="AD136973" i="1"/>
  <c r="AD136974" i="1"/>
  <c r="AD136975" i="1"/>
  <c r="AD136976" i="1"/>
  <c r="AD136977" i="1"/>
  <c r="AD136978" i="1"/>
  <c r="AD136979" i="1"/>
  <c r="AD136980" i="1"/>
  <c r="AD136981" i="1"/>
  <c r="AD136982" i="1"/>
  <c r="AD136983" i="1"/>
  <c r="AD136984" i="1"/>
  <c r="AD136985" i="1"/>
  <c r="AD136986" i="1"/>
  <c r="AD136987" i="1"/>
  <c r="AD136988" i="1"/>
  <c r="AD136989" i="1"/>
  <c r="AD136990" i="1"/>
  <c r="AD136991" i="1"/>
  <c r="AD136992" i="1"/>
  <c r="AD136993" i="1"/>
  <c r="AD136994" i="1"/>
  <c r="AD136995" i="1"/>
  <c r="AD136996" i="1"/>
  <c r="AD136997" i="1"/>
  <c r="AD136998" i="1"/>
  <c r="AD136999" i="1"/>
  <c r="AD137000" i="1"/>
  <c r="AD137001" i="1"/>
  <c r="AD137002" i="1"/>
  <c r="AD137003" i="1"/>
  <c r="AD137004" i="1"/>
  <c r="AD137005" i="1"/>
  <c r="AD137006" i="1"/>
  <c r="AD137007" i="1"/>
  <c r="AD137008" i="1"/>
  <c r="AD137009" i="1"/>
  <c r="AD137010" i="1"/>
  <c r="AD137011" i="1"/>
  <c r="AD137012" i="1"/>
  <c r="AD137013" i="1"/>
  <c r="AD137014" i="1"/>
  <c r="AD137015" i="1"/>
  <c r="AD137016" i="1"/>
  <c r="AD137017" i="1"/>
  <c r="AD137018" i="1"/>
  <c r="AD137019" i="1"/>
  <c r="AD137020" i="1"/>
  <c r="AD137021" i="1"/>
  <c r="AD137022" i="1"/>
  <c r="AD137023" i="1"/>
  <c r="AD137024" i="1"/>
  <c r="AD137025" i="1"/>
  <c r="AD137026" i="1"/>
  <c r="AD137027" i="1"/>
  <c r="AD137028" i="1"/>
  <c r="AD137029" i="1"/>
  <c r="AD137030" i="1"/>
  <c r="AD137031" i="1"/>
  <c r="AD137032" i="1"/>
  <c r="AD137033" i="1"/>
  <c r="AD137034" i="1"/>
  <c r="AD137035" i="1"/>
  <c r="AD137036" i="1"/>
  <c r="AD137037" i="1"/>
  <c r="AD137038" i="1"/>
  <c r="AD137039" i="1"/>
  <c r="AD137040" i="1"/>
  <c r="AD137041" i="1"/>
  <c r="AD137042" i="1"/>
  <c r="AD137043" i="1"/>
  <c r="AD137044" i="1"/>
  <c r="AD137045" i="1"/>
  <c r="AD137046" i="1"/>
  <c r="AD137047" i="1"/>
  <c r="AD137048" i="1"/>
  <c r="AD137049" i="1"/>
  <c r="AD137050" i="1"/>
  <c r="AD137051" i="1"/>
  <c r="AD137052" i="1"/>
  <c r="AD137053" i="1"/>
  <c r="AD137054" i="1"/>
  <c r="AD137055" i="1"/>
  <c r="AD137056" i="1"/>
  <c r="AD137057" i="1"/>
  <c r="AD137058" i="1"/>
  <c r="AD137059" i="1"/>
  <c r="AD137060" i="1"/>
  <c r="AD137061" i="1"/>
  <c r="AD137062" i="1"/>
  <c r="AD137063" i="1"/>
  <c r="AD137064" i="1"/>
  <c r="AD137065" i="1"/>
  <c r="AD137066" i="1"/>
  <c r="AD137067" i="1"/>
  <c r="AD137068" i="1"/>
  <c r="AD137069" i="1"/>
  <c r="AD137070" i="1"/>
  <c r="AD137071" i="1"/>
  <c r="AD137072" i="1"/>
  <c r="AD137073" i="1"/>
  <c r="AD137074" i="1"/>
  <c r="AD137075" i="1"/>
  <c r="AD137076" i="1"/>
  <c r="AD137077" i="1"/>
  <c r="AD137078" i="1"/>
  <c r="AD137079" i="1"/>
  <c r="AD137080" i="1"/>
  <c r="AD137081" i="1"/>
  <c r="AD137082" i="1"/>
  <c r="AD137083" i="1"/>
  <c r="AD137084" i="1"/>
  <c r="AD137085" i="1"/>
  <c r="AD137086" i="1"/>
  <c r="AD137087" i="1"/>
  <c r="AD137088" i="1"/>
  <c r="AD137089" i="1"/>
  <c r="AD137090" i="1"/>
  <c r="AD137091" i="1"/>
  <c r="AD137092" i="1"/>
  <c r="AD137093" i="1"/>
  <c r="AD137094" i="1"/>
  <c r="AD137095" i="1"/>
  <c r="AD137096" i="1"/>
  <c r="AD137097" i="1"/>
  <c r="AD137098" i="1"/>
  <c r="AD137099" i="1"/>
  <c r="AD137100" i="1"/>
  <c r="AD137101" i="1"/>
  <c r="AD137102" i="1"/>
  <c r="AD137103" i="1"/>
  <c r="AD137104" i="1"/>
  <c r="AD137105" i="1"/>
  <c r="AD137106" i="1"/>
  <c r="AD137107" i="1"/>
  <c r="AD137108" i="1"/>
  <c r="AD137109" i="1"/>
  <c r="AD137110" i="1"/>
  <c r="AD137111" i="1"/>
  <c r="AD137112" i="1"/>
  <c r="AD137113" i="1"/>
  <c r="AD137114" i="1"/>
  <c r="AD137115" i="1"/>
  <c r="AD137116" i="1"/>
  <c r="AD137117" i="1"/>
  <c r="AD137118" i="1"/>
  <c r="AD137119" i="1"/>
  <c r="AD137120" i="1"/>
  <c r="AD137121" i="1"/>
  <c r="AD137122" i="1"/>
  <c r="AD137123" i="1"/>
  <c r="AD137124" i="1"/>
  <c r="AD137125" i="1"/>
  <c r="AD137126" i="1"/>
  <c r="AD137127" i="1"/>
  <c r="AD137128" i="1"/>
  <c r="AD137129" i="1"/>
  <c r="AD137130" i="1"/>
  <c r="AD137131" i="1"/>
  <c r="AD137132" i="1"/>
  <c r="AD137133" i="1"/>
  <c r="AD137134" i="1"/>
  <c r="AD137135" i="1"/>
  <c r="AD137136" i="1"/>
  <c r="AD137137" i="1"/>
  <c r="AD137138" i="1"/>
  <c r="AD137139" i="1"/>
  <c r="AD137140" i="1"/>
  <c r="AD137141" i="1"/>
  <c r="AD137142" i="1"/>
  <c r="AD137143" i="1"/>
  <c r="AD137144" i="1"/>
  <c r="AD137145" i="1"/>
  <c r="AD137146" i="1"/>
  <c r="AD137147" i="1"/>
  <c r="AD137148" i="1"/>
  <c r="AD137149" i="1"/>
  <c r="AD137150" i="1"/>
  <c r="AD137151" i="1"/>
  <c r="AD137152" i="1"/>
  <c r="AD137153" i="1"/>
  <c r="AD137154" i="1"/>
  <c r="AD137155" i="1"/>
  <c r="AD137156" i="1"/>
  <c r="AD137157" i="1"/>
  <c r="AD137158" i="1"/>
  <c r="AD137159" i="1"/>
  <c r="AD137160" i="1"/>
  <c r="AD137161" i="1"/>
  <c r="AD137162" i="1"/>
  <c r="AD137163" i="1"/>
  <c r="AD137164" i="1"/>
  <c r="AD137165" i="1"/>
  <c r="AD137166" i="1"/>
  <c r="AD137167" i="1"/>
  <c r="AD137168" i="1"/>
  <c r="AD137169" i="1"/>
  <c r="AD137170" i="1"/>
  <c r="AD137171" i="1"/>
  <c r="AD137172" i="1"/>
  <c r="AD137173" i="1"/>
  <c r="AD137174" i="1"/>
  <c r="AD137175" i="1"/>
  <c r="AD137176" i="1"/>
  <c r="AD137177" i="1"/>
  <c r="AD137178" i="1"/>
  <c r="AD137179" i="1"/>
  <c r="AD137180" i="1"/>
  <c r="AD137181" i="1"/>
  <c r="AD137182" i="1"/>
  <c r="AD137183" i="1"/>
  <c r="AD137184" i="1"/>
  <c r="AD137185" i="1"/>
  <c r="AD137186" i="1"/>
  <c r="AD137187" i="1"/>
  <c r="AD137188" i="1"/>
  <c r="AD137189" i="1"/>
  <c r="AD137190" i="1"/>
  <c r="AD137191" i="1"/>
  <c r="AD137192" i="1"/>
  <c r="AD137193" i="1"/>
  <c r="AD137194" i="1"/>
  <c r="AD137195" i="1"/>
  <c r="AD137196" i="1"/>
  <c r="AD137197" i="1"/>
  <c r="AD137198" i="1"/>
  <c r="AD137199" i="1"/>
  <c r="AD137200" i="1"/>
  <c r="AD137201" i="1"/>
  <c r="AD137202" i="1"/>
  <c r="AD137203" i="1"/>
  <c r="AD137204" i="1"/>
  <c r="AD137205" i="1"/>
  <c r="AD137206" i="1"/>
  <c r="AD137207" i="1"/>
  <c r="AD137208" i="1"/>
  <c r="AD137209" i="1"/>
  <c r="AD137210" i="1"/>
  <c r="AD137211" i="1"/>
  <c r="AD137212" i="1"/>
  <c r="AD137213" i="1"/>
  <c r="AD137214" i="1"/>
  <c r="AD137215" i="1"/>
  <c r="AD137216" i="1"/>
  <c r="AD137217" i="1"/>
  <c r="AD137218" i="1"/>
  <c r="AD137219" i="1"/>
  <c r="AD137220" i="1"/>
  <c r="AD137221" i="1"/>
  <c r="AD137222" i="1"/>
  <c r="AD137223" i="1"/>
  <c r="AD137224" i="1"/>
  <c r="AD137225" i="1"/>
  <c r="AD137226" i="1"/>
  <c r="AD137227" i="1"/>
  <c r="AD137228" i="1"/>
  <c r="AD137229" i="1"/>
  <c r="AD137230" i="1"/>
  <c r="AD137231" i="1"/>
  <c r="AD137232" i="1"/>
  <c r="AD137233" i="1"/>
  <c r="AD137234" i="1"/>
  <c r="AD137235" i="1"/>
  <c r="AD137236" i="1"/>
  <c r="AD137237" i="1"/>
  <c r="AD137238" i="1"/>
  <c r="AD137239" i="1"/>
  <c r="AD137240" i="1"/>
  <c r="AD137241" i="1"/>
  <c r="AD137242" i="1"/>
  <c r="AD137243" i="1"/>
  <c r="AD137244" i="1"/>
  <c r="AD137245" i="1"/>
  <c r="AD137246" i="1"/>
  <c r="AD137247" i="1"/>
  <c r="AD137248" i="1"/>
  <c r="AD137249" i="1"/>
  <c r="AD137250" i="1"/>
  <c r="AD137251" i="1"/>
  <c r="AD137252" i="1"/>
  <c r="AD137253" i="1"/>
  <c r="AD137254" i="1"/>
  <c r="AD137255" i="1"/>
  <c r="AD137256" i="1"/>
  <c r="AD137257" i="1"/>
  <c r="AD137258" i="1"/>
  <c r="AD137259" i="1"/>
  <c r="AD137260" i="1"/>
  <c r="AD137261" i="1"/>
  <c r="AD137262" i="1"/>
  <c r="AD137263" i="1"/>
  <c r="AD137264" i="1"/>
  <c r="AD137265" i="1"/>
  <c r="AD137266" i="1"/>
  <c r="AD137267" i="1"/>
  <c r="AD137268" i="1"/>
  <c r="AD137269" i="1"/>
  <c r="AD137270" i="1"/>
  <c r="AD137271" i="1"/>
  <c r="AD137272" i="1"/>
  <c r="AD137273" i="1"/>
  <c r="AD137274" i="1"/>
  <c r="AD137275" i="1"/>
  <c r="AD137276" i="1"/>
  <c r="AD137277" i="1"/>
  <c r="AD137278" i="1"/>
  <c r="AD137279" i="1"/>
  <c r="AD137280" i="1"/>
  <c r="AD137281" i="1"/>
  <c r="AD137282" i="1"/>
  <c r="AD137283" i="1"/>
  <c r="AD137284" i="1"/>
  <c r="AD137285" i="1"/>
  <c r="AD137286" i="1"/>
  <c r="AD137287" i="1"/>
  <c r="AD137288" i="1"/>
  <c r="AD137289" i="1"/>
  <c r="AD137290" i="1"/>
  <c r="AD137291" i="1"/>
  <c r="AD137292" i="1"/>
  <c r="AD137293" i="1"/>
  <c r="AD137294" i="1"/>
  <c r="AD137295" i="1"/>
  <c r="AD137296" i="1"/>
  <c r="AD137297" i="1"/>
  <c r="AD137298" i="1"/>
  <c r="AD137299" i="1"/>
  <c r="AD137300" i="1"/>
  <c r="AD137301" i="1"/>
  <c r="AD137302" i="1"/>
  <c r="AD137303" i="1"/>
  <c r="AD137304" i="1"/>
  <c r="AD137305" i="1"/>
  <c r="AD137306" i="1"/>
  <c r="AD137307" i="1"/>
  <c r="AD137308" i="1"/>
  <c r="AD137309" i="1"/>
  <c r="AD137310" i="1"/>
  <c r="AD137311" i="1"/>
  <c r="AD137312" i="1"/>
  <c r="AD137313" i="1"/>
  <c r="AD137314" i="1"/>
  <c r="AD137315" i="1"/>
  <c r="AD137316" i="1"/>
  <c r="AD137317" i="1"/>
  <c r="AD137318" i="1"/>
  <c r="AD137319" i="1"/>
  <c r="AD137320" i="1"/>
  <c r="AD137321" i="1"/>
  <c r="AD137322" i="1"/>
  <c r="AD137323" i="1"/>
  <c r="AD137324" i="1"/>
  <c r="AD137325" i="1"/>
  <c r="AD137326" i="1"/>
  <c r="AD137327" i="1"/>
  <c r="AD137328" i="1"/>
  <c r="AD137329" i="1"/>
  <c r="AD137330" i="1"/>
  <c r="AD137331" i="1"/>
  <c r="AD137332" i="1"/>
  <c r="AD137333" i="1"/>
  <c r="AD137334" i="1"/>
  <c r="AD137335" i="1"/>
  <c r="AD137336" i="1"/>
  <c r="AD137337" i="1"/>
  <c r="AD137338" i="1"/>
  <c r="AD137339" i="1"/>
  <c r="AD137340" i="1"/>
  <c r="AD137341" i="1"/>
  <c r="AD137342" i="1"/>
  <c r="AD137343" i="1"/>
  <c r="AD137344" i="1"/>
  <c r="AD137345" i="1"/>
  <c r="AD137346" i="1"/>
  <c r="AD137347" i="1"/>
  <c r="AD137348" i="1"/>
  <c r="AD137349" i="1"/>
  <c r="AD137350" i="1"/>
  <c r="AD137351" i="1"/>
  <c r="AD137352" i="1"/>
  <c r="AD137353" i="1"/>
  <c r="AD137354" i="1"/>
  <c r="AD137355" i="1"/>
  <c r="AD137356" i="1"/>
  <c r="AD137357" i="1"/>
  <c r="AD137358" i="1"/>
  <c r="AD137359" i="1"/>
  <c r="AD137360" i="1"/>
  <c r="AD137361" i="1"/>
  <c r="AD137362" i="1"/>
  <c r="AD137363" i="1"/>
  <c r="AD137364" i="1"/>
  <c r="AD137365" i="1"/>
  <c r="AD137366" i="1"/>
  <c r="AD137367" i="1"/>
  <c r="AD137368" i="1"/>
  <c r="AD137369" i="1"/>
  <c r="AD137370" i="1"/>
  <c r="AD137371" i="1"/>
  <c r="AD137372" i="1"/>
  <c r="AD137373" i="1"/>
  <c r="AD137374" i="1"/>
  <c r="AD137375" i="1"/>
  <c r="AD137376" i="1"/>
  <c r="AD137377" i="1"/>
  <c r="AD137378" i="1"/>
  <c r="AD137379" i="1"/>
  <c r="AD137380" i="1"/>
  <c r="AD137381" i="1"/>
  <c r="AD137382" i="1"/>
  <c r="AD137383" i="1"/>
  <c r="AD137384" i="1"/>
  <c r="AD137385" i="1"/>
  <c r="AD137386" i="1"/>
  <c r="AD137387" i="1"/>
  <c r="AD137388" i="1"/>
  <c r="AD137389" i="1"/>
  <c r="AD137390" i="1"/>
  <c r="AD137391" i="1"/>
  <c r="AD137392" i="1"/>
  <c r="AD137393" i="1"/>
  <c r="AD137394" i="1"/>
  <c r="AD137395" i="1"/>
  <c r="AD137396" i="1"/>
  <c r="AD137397" i="1"/>
  <c r="AD137398" i="1"/>
  <c r="AD137399" i="1"/>
  <c r="AD137400" i="1"/>
  <c r="AD137401" i="1"/>
  <c r="AD137402" i="1"/>
  <c r="AD137403" i="1"/>
  <c r="AD137404" i="1"/>
  <c r="AD137405" i="1"/>
  <c r="AD137406" i="1"/>
  <c r="AD137407" i="1"/>
  <c r="AD137408" i="1"/>
  <c r="AD137409" i="1"/>
  <c r="AD137410" i="1"/>
  <c r="AD137411" i="1"/>
  <c r="AD137412" i="1"/>
  <c r="AD137413" i="1"/>
  <c r="AD137414" i="1"/>
  <c r="AD137415" i="1"/>
  <c r="AD137416" i="1"/>
  <c r="AD137417" i="1"/>
  <c r="AD137418" i="1"/>
  <c r="AD137419" i="1"/>
  <c r="AD137420" i="1"/>
  <c r="AD137421" i="1"/>
  <c r="AD137422" i="1"/>
  <c r="AD137423" i="1"/>
  <c r="AD137424" i="1"/>
  <c r="AD137425" i="1"/>
  <c r="AD137426" i="1"/>
  <c r="AD137427" i="1"/>
  <c r="AD137428" i="1"/>
  <c r="AD137429" i="1"/>
  <c r="AD137430" i="1"/>
  <c r="AD137431" i="1"/>
  <c r="AD137432" i="1"/>
  <c r="AD137433" i="1"/>
  <c r="AD137434" i="1"/>
  <c r="AD137435" i="1"/>
  <c r="AD137436" i="1"/>
  <c r="AD137437" i="1"/>
  <c r="AD137438" i="1"/>
  <c r="AD137439" i="1"/>
  <c r="AD137440" i="1"/>
  <c r="AD137441" i="1"/>
  <c r="AD137442" i="1"/>
  <c r="AD137443" i="1"/>
  <c r="AD137444" i="1"/>
  <c r="AD137445" i="1"/>
  <c r="AD137446" i="1"/>
  <c r="AD137447" i="1"/>
  <c r="AD137448" i="1"/>
  <c r="AD137449" i="1"/>
  <c r="AD137450" i="1"/>
  <c r="AD137451" i="1"/>
  <c r="AD137452" i="1"/>
  <c r="AD137453" i="1"/>
  <c r="AD137454" i="1"/>
  <c r="AD137455" i="1"/>
  <c r="AD137456" i="1"/>
  <c r="AD137457" i="1"/>
  <c r="AD137458" i="1"/>
  <c r="AD137459" i="1"/>
  <c r="AD137460" i="1"/>
  <c r="AD137461" i="1"/>
  <c r="AD137462" i="1"/>
  <c r="AD137463" i="1"/>
  <c r="AD137464" i="1"/>
  <c r="AD137465" i="1"/>
  <c r="AD137466" i="1"/>
  <c r="AD137467" i="1"/>
  <c r="AD137468" i="1"/>
  <c r="AD137469" i="1"/>
  <c r="AD137470" i="1"/>
  <c r="AD137471" i="1"/>
  <c r="AD137472" i="1"/>
  <c r="AD137473" i="1"/>
  <c r="AD137474" i="1"/>
  <c r="AD137475" i="1"/>
  <c r="AD137476" i="1"/>
  <c r="AD137477" i="1"/>
  <c r="AD137478" i="1"/>
  <c r="AD137479" i="1"/>
  <c r="AD137480" i="1"/>
  <c r="AD137481" i="1"/>
  <c r="AD137482" i="1"/>
  <c r="AD137483" i="1"/>
  <c r="AD137484" i="1"/>
  <c r="AD137485" i="1"/>
  <c r="AD137486" i="1"/>
  <c r="AD137487" i="1"/>
  <c r="AD137488" i="1"/>
  <c r="AD137489" i="1"/>
  <c r="AD137490" i="1"/>
  <c r="AD137491" i="1"/>
  <c r="AD137492" i="1"/>
  <c r="AD137493" i="1"/>
  <c r="AD137494" i="1"/>
  <c r="AD137495" i="1"/>
  <c r="AD137496" i="1"/>
  <c r="AD137497" i="1"/>
  <c r="AD137498" i="1"/>
  <c r="AD137499" i="1"/>
  <c r="AD137500" i="1"/>
  <c r="AD137501" i="1"/>
  <c r="AD137502" i="1"/>
  <c r="AD137503" i="1"/>
  <c r="AD137504" i="1"/>
  <c r="AD137505" i="1"/>
  <c r="AD137506" i="1"/>
  <c r="AD137507" i="1"/>
  <c r="AD137508" i="1"/>
  <c r="AD137509" i="1"/>
  <c r="AD137510" i="1"/>
  <c r="AD137511" i="1"/>
  <c r="AD137512" i="1"/>
  <c r="AD137513" i="1"/>
  <c r="AD137514" i="1"/>
  <c r="AD137515" i="1"/>
  <c r="AD137516" i="1"/>
  <c r="AD137517" i="1"/>
  <c r="AD137518" i="1"/>
  <c r="AD137519" i="1"/>
  <c r="AD137520" i="1"/>
  <c r="AD137521" i="1"/>
  <c r="AD137522" i="1"/>
  <c r="AD137523" i="1"/>
  <c r="AD137524" i="1"/>
  <c r="AD137525" i="1"/>
  <c r="AD137526" i="1"/>
  <c r="AD137527" i="1"/>
  <c r="AD137528" i="1"/>
  <c r="AD137529" i="1"/>
  <c r="AD137530" i="1"/>
  <c r="AD137531" i="1"/>
  <c r="AD137532" i="1"/>
  <c r="AD137533" i="1"/>
  <c r="AD137534" i="1"/>
  <c r="AD137535" i="1"/>
  <c r="AD137536" i="1"/>
  <c r="AD137537" i="1"/>
  <c r="AD137538" i="1"/>
  <c r="AD137539" i="1"/>
  <c r="AD137540" i="1"/>
  <c r="AD137541" i="1"/>
  <c r="AD137542" i="1"/>
  <c r="AD137543" i="1"/>
  <c r="AD137544" i="1"/>
  <c r="AD137545" i="1"/>
  <c r="AD137546" i="1"/>
  <c r="AD137547" i="1"/>
  <c r="AD137548" i="1"/>
  <c r="AD137549" i="1"/>
  <c r="AD137550" i="1"/>
  <c r="AD137551" i="1"/>
  <c r="AD137552" i="1"/>
  <c r="AD137553" i="1"/>
  <c r="AD137554" i="1"/>
  <c r="AD137555" i="1"/>
  <c r="AD137556" i="1"/>
  <c r="AD137557" i="1"/>
  <c r="AD137558" i="1"/>
  <c r="AD137559" i="1"/>
  <c r="AD137560" i="1"/>
  <c r="AD137561" i="1"/>
  <c r="AD137562" i="1"/>
  <c r="AD137563" i="1"/>
  <c r="AD137564" i="1"/>
  <c r="AD137565" i="1"/>
  <c r="AD137566" i="1"/>
  <c r="AD137567" i="1"/>
  <c r="AD137568" i="1"/>
  <c r="AD137569" i="1"/>
  <c r="AD137570" i="1"/>
  <c r="AD137571" i="1"/>
  <c r="AD137572" i="1"/>
  <c r="AD137573" i="1"/>
  <c r="AD137574" i="1"/>
  <c r="AD137575" i="1"/>
  <c r="AD137576" i="1"/>
  <c r="AD137577" i="1"/>
  <c r="AD137578" i="1"/>
  <c r="AD137579" i="1"/>
  <c r="AD137580" i="1"/>
  <c r="AD137581" i="1"/>
  <c r="AD137582" i="1"/>
  <c r="AD137583" i="1"/>
  <c r="AD137584" i="1"/>
  <c r="AD137585" i="1"/>
  <c r="AD137586" i="1"/>
  <c r="AD137587" i="1"/>
  <c r="AD137588" i="1"/>
  <c r="AD137589" i="1"/>
  <c r="AD137590" i="1"/>
  <c r="AD137591" i="1"/>
  <c r="AD137592" i="1"/>
  <c r="AD137593" i="1"/>
  <c r="AD137594" i="1"/>
  <c r="AD137595" i="1"/>
  <c r="AD137596" i="1"/>
  <c r="AD137597" i="1"/>
  <c r="AD137598" i="1"/>
  <c r="AD137599" i="1"/>
  <c r="AD137600" i="1"/>
  <c r="AD137601" i="1"/>
  <c r="AD137602" i="1"/>
  <c r="AD137603" i="1"/>
  <c r="AD137604" i="1"/>
  <c r="AD137605" i="1"/>
  <c r="AD137606" i="1"/>
  <c r="AD137607" i="1"/>
  <c r="AD137608" i="1"/>
  <c r="AD137609" i="1"/>
  <c r="AD137610" i="1"/>
  <c r="AD137611" i="1"/>
  <c r="AD137612" i="1"/>
  <c r="AD137613" i="1"/>
  <c r="AD137614" i="1"/>
  <c r="AD137615" i="1"/>
  <c r="AD137616" i="1"/>
  <c r="AD137617" i="1"/>
  <c r="AD137618" i="1"/>
  <c r="AD137619" i="1"/>
  <c r="AD137620" i="1"/>
  <c r="AD137621" i="1"/>
  <c r="AD137622" i="1"/>
  <c r="AD137623" i="1"/>
  <c r="AD137624" i="1"/>
  <c r="AD137625" i="1"/>
  <c r="AD137626" i="1"/>
  <c r="AD137627" i="1"/>
  <c r="AD137628" i="1"/>
  <c r="AD137629" i="1"/>
  <c r="AD137630" i="1"/>
  <c r="AD137631" i="1"/>
  <c r="AD137632" i="1"/>
  <c r="AD137633" i="1"/>
  <c r="AD137634" i="1"/>
  <c r="AD137635" i="1"/>
  <c r="AD137636" i="1"/>
  <c r="AD137637" i="1"/>
  <c r="AD137638" i="1"/>
  <c r="AD137639" i="1"/>
  <c r="AD137640" i="1"/>
  <c r="AD137641" i="1"/>
  <c r="AD137642" i="1"/>
  <c r="AD137643" i="1"/>
  <c r="AD137644" i="1"/>
  <c r="AD137645" i="1"/>
  <c r="AD137646" i="1"/>
  <c r="AD137647" i="1"/>
  <c r="AD137648" i="1"/>
  <c r="AD137649" i="1"/>
  <c r="AD137650" i="1"/>
  <c r="AD137651" i="1"/>
  <c r="AD137652" i="1"/>
  <c r="AD137653" i="1"/>
  <c r="AD137654" i="1"/>
  <c r="AD137655" i="1"/>
  <c r="AD137656" i="1"/>
  <c r="AD137657" i="1"/>
  <c r="AD137658" i="1"/>
  <c r="AD137659" i="1"/>
  <c r="AD137660" i="1"/>
  <c r="AD137661" i="1"/>
  <c r="AD137662" i="1"/>
  <c r="AD137663" i="1"/>
  <c r="AD137664" i="1"/>
  <c r="AD137665" i="1"/>
  <c r="AD137666" i="1"/>
  <c r="AD137667" i="1"/>
  <c r="AD137668" i="1"/>
  <c r="AD137669" i="1"/>
  <c r="AD137670" i="1"/>
  <c r="AD137671" i="1"/>
  <c r="AD137672" i="1"/>
  <c r="AD137673" i="1"/>
  <c r="AD137674" i="1"/>
  <c r="AD137675" i="1"/>
  <c r="AD137676" i="1"/>
  <c r="AD137677" i="1"/>
  <c r="AD137678" i="1"/>
  <c r="AD137679" i="1"/>
  <c r="AD137680" i="1"/>
  <c r="AD137681" i="1"/>
  <c r="AD137682" i="1"/>
  <c r="AD137683" i="1"/>
  <c r="AD137684" i="1"/>
  <c r="AD137685" i="1"/>
  <c r="AD137686" i="1"/>
  <c r="AD137687" i="1"/>
  <c r="AD137688" i="1"/>
  <c r="AD137689" i="1"/>
  <c r="AD137690" i="1"/>
  <c r="AD137691" i="1"/>
  <c r="AD137692" i="1"/>
  <c r="AD137693" i="1"/>
  <c r="AD137694" i="1"/>
  <c r="AD137695" i="1"/>
  <c r="AD137696" i="1"/>
  <c r="AD137697" i="1"/>
  <c r="AD137698" i="1"/>
  <c r="AD137699" i="1"/>
  <c r="AD137700" i="1"/>
  <c r="AD137701" i="1"/>
  <c r="AD137702" i="1"/>
  <c r="AD137703" i="1"/>
  <c r="AD137704" i="1"/>
  <c r="AD137705" i="1"/>
  <c r="AD137706" i="1"/>
  <c r="AD137707" i="1"/>
  <c r="AD137708" i="1"/>
  <c r="AD137709" i="1"/>
  <c r="AD137710" i="1"/>
  <c r="AD137711" i="1"/>
  <c r="AD137712" i="1"/>
  <c r="AD137713" i="1"/>
  <c r="AD137714" i="1"/>
  <c r="AD137715" i="1"/>
  <c r="AD137716" i="1"/>
  <c r="AD137717" i="1"/>
  <c r="AD137718" i="1"/>
  <c r="AD137719" i="1"/>
  <c r="AD137720" i="1"/>
  <c r="AD137721" i="1"/>
  <c r="AD137722" i="1"/>
  <c r="AD137723" i="1"/>
  <c r="AD137724" i="1"/>
  <c r="AD137725" i="1"/>
  <c r="AD137726" i="1"/>
  <c r="AD137727" i="1"/>
  <c r="AD137728" i="1"/>
  <c r="AD137729" i="1"/>
  <c r="AD137730" i="1"/>
  <c r="AD137731" i="1"/>
  <c r="AD137732" i="1"/>
  <c r="AD137733" i="1"/>
  <c r="AD137734" i="1"/>
  <c r="AD137735" i="1"/>
  <c r="AD137736" i="1"/>
  <c r="AD137737" i="1"/>
  <c r="AD137738" i="1"/>
  <c r="AD137739" i="1"/>
  <c r="AD137740" i="1"/>
  <c r="AD137741" i="1"/>
  <c r="AD137742" i="1"/>
  <c r="AD137743" i="1"/>
  <c r="AD137744" i="1"/>
  <c r="AD137745" i="1"/>
  <c r="AD137746" i="1"/>
  <c r="AD137747" i="1"/>
  <c r="AD137748" i="1"/>
  <c r="AD137749" i="1"/>
  <c r="AD137750" i="1"/>
  <c r="AD137751" i="1"/>
  <c r="AD137752" i="1"/>
  <c r="AD137753" i="1"/>
  <c r="AD137754" i="1"/>
  <c r="AD137755" i="1"/>
  <c r="AD137756" i="1"/>
  <c r="AD137757" i="1"/>
  <c r="AD137758" i="1"/>
  <c r="AD137759" i="1"/>
  <c r="AD137760" i="1"/>
  <c r="AD137761" i="1"/>
  <c r="AD137762" i="1"/>
  <c r="AD137763" i="1"/>
  <c r="AD137764" i="1"/>
  <c r="AD137765" i="1"/>
  <c r="AD137766" i="1"/>
  <c r="AD137767" i="1"/>
  <c r="AD137768" i="1"/>
  <c r="AD137769" i="1"/>
  <c r="AD137770" i="1"/>
  <c r="AD137771" i="1"/>
  <c r="AD137772" i="1"/>
  <c r="AD137773" i="1"/>
  <c r="AD137774" i="1"/>
  <c r="AD137775" i="1"/>
  <c r="AD137776" i="1"/>
  <c r="AD137777" i="1"/>
  <c r="AD137778" i="1"/>
  <c r="AD137779" i="1"/>
  <c r="AD137780" i="1"/>
  <c r="AD137781" i="1"/>
  <c r="AD137782" i="1"/>
  <c r="AD137783" i="1"/>
  <c r="AD137784" i="1"/>
  <c r="AD137785" i="1"/>
  <c r="AD137786" i="1"/>
  <c r="AD137787" i="1"/>
  <c r="AD137788" i="1"/>
  <c r="AD137789" i="1"/>
  <c r="AD137790" i="1"/>
  <c r="AD137791" i="1"/>
  <c r="AD137792" i="1"/>
  <c r="AD137793" i="1"/>
  <c r="AD137794" i="1"/>
  <c r="AD137795" i="1"/>
  <c r="AD137796" i="1"/>
  <c r="AD137797" i="1"/>
  <c r="AD137798" i="1"/>
  <c r="AD137799" i="1"/>
  <c r="AD137800" i="1"/>
  <c r="AD137801" i="1"/>
  <c r="AD137802" i="1"/>
  <c r="AD137803" i="1"/>
  <c r="AD137804" i="1"/>
  <c r="AD137805" i="1"/>
  <c r="AD137806" i="1"/>
  <c r="AD137807" i="1"/>
  <c r="AD137808" i="1"/>
  <c r="AD137809" i="1"/>
  <c r="AD137810" i="1"/>
  <c r="AD137811" i="1"/>
  <c r="AD137812" i="1"/>
  <c r="AD137813" i="1"/>
  <c r="AD137814" i="1"/>
  <c r="AD137815" i="1"/>
  <c r="AD137816" i="1"/>
  <c r="AD137817" i="1"/>
  <c r="AD137818" i="1"/>
  <c r="AD137819" i="1"/>
  <c r="AD137820" i="1"/>
  <c r="AD137821" i="1"/>
  <c r="AD137822" i="1"/>
  <c r="AD137823" i="1"/>
  <c r="AD137824" i="1"/>
  <c r="AD137825" i="1"/>
  <c r="AD137826" i="1"/>
  <c r="AD137827" i="1"/>
  <c r="AD137828" i="1"/>
  <c r="AD137829" i="1"/>
  <c r="AD137830" i="1"/>
  <c r="AD137831" i="1"/>
  <c r="AD137832" i="1"/>
  <c r="AD137833" i="1"/>
  <c r="AD137834" i="1"/>
  <c r="AD137835" i="1"/>
  <c r="AD137836" i="1"/>
  <c r="AD137837" i="1"/>
  <c r="AD137838" i="1"/>
  <c r="AD137839" i="1"/>
  <c r="AD137840" i="1"/>
  <c r="AD137841" i="1"/>
  <c r="AD137842" i="1"/>
  <c r="AD137843" i="1"/>
  <c r="AD137844" i="1"/>
  <c r="AD137845" i="1"/>
  <c r="AD137846" i="1"/>
  <c r="AD137847" i="1"/>
  <c r="AD137848" i="1"/>
  <c r="AD137849" i="1"/>
  <c r="AD137850" i="1"/>
  <c r="AD137851" i="1"/>
  <c r="AD137852" i="1"/>
  <c r="AD137853" i="1"/>
  <c r="AD137854" i="1"/>
  <c r="AD137855" i="1"/>
  <c r="AD137856" i="1"/>
  <c r="AD137857" i="1"/>
  <c r="AD137858" i="1"/>
  <c r="AD137859" i="1"/>
  <c r="AD137860" i="1"/>
  <c r="AD137861" i="1"/>
  <c r="AD137862" i="1"/>
  <c r="AD137863" i="1"/>
  <c r="AD137864" i="1"/>
  <c r="AD137865" i="1"/>
  <c r="AD137866" i="1"/>
  <c r="AD137867" i="1"/>
  <c r="AD137868" i="1"/>
  <c r="AD137869" i="1"/>
  <c r="AD137870" i="1"/>
  <c r="AD137871" i="1"/>
  <c r="AD137872" i="1"/>
  <c r="AD137873" i="1"/>
  <c r="AD137874" i="1"/>
  <c r="AD137875" i="1"/>
  <c r="AD137876" i="1"/>
  <c r="AD137877" i="1"/>
  <c r="AD137878" i="1"/>
  <c r="AD137879" i="1"/>
  <c r="AD137880" i="1"/>
  <c r="AD137881" i="1"/>
  <c r="AD137882" i="1"/>
  <c r="AD137883" i="1"/>
  <c r="AD137884" i="1"/>
  <c r="AD137885" i="1"/>
  <c r="AD137886" i="1"/>
  <c r="AD137887" i="1"/>
  <c r="AD137888" i="1"/>
  <c r="AD137889" i="1"/>
  <c r="AD137890" i="1"/>
  <c r="AD137891" i="1"/>
  <c r="AD137892" i="1"/>
  <c r="AD137893" i="1"/>
  <c r="AD137894" i="1"/>
  <c r="AD137895" i="1"/>
  <c r="AD137896" i="1"/>
  <c r="AD137897" i="1"/>
  <c r="AD137898" i="1"/>
  <c r="AD137899" i="1"/>
  <c r="AD137900" i="1"/>
  <c r="AD137901" i="1"/>
  <c r="AD137902" i="1"/>
  <c r="AD137903" i="1"/>
  <c r="AD137904" i="1"/>
  <c r="AD137905" i="1"/>
  <c r="AD137906" i="1"/>
  <c r="AD137907" i="1"/>
  <c r="AD137908" i="1"/>
  <c r="AD137909" i="1"/>
  <c r="AD137910" i="1"/>
  <c r="AD137911" i="1"/>
  <c r="AD137912" i="1"/>
  <c r="AD137913" i="1"/>
  <c r="AD137914" i="1"/>
  <c r="AD137915" i="1"/>
  <c r="AD137916" i="1"/>
  <c r="AD137917" i="1"/>
  <c r="AD137918" i="1"/>
  <c r="AD137919" i="1"/>
  <c r="AD137920" i="1"/>
  <c r="AD137921" i="1"/>
  <c r="AD137922" i="1"/>
  <c r="AD137923" i="1"/>
  <c r="AD137924" i="1"/>
  <c r="AD137925" i="1"/>
  <c r="AD137926" i="1"/>
  <c r="AD137927" i="1"/>
  <c r="AD137928" i="1"/>
  <c r="AD137929" i="1"/>
  <c r="AD137930" i="1"/>
  <c r="AD137931" i="1"/>
  <c r="AD137932" i="1"/>
  <c r="AD137933" i="1"/>
  <c r="AD137934" i="1"/>
  <c r="AD137935" i="1"/>
  <c r="AD137936" i="1"/>
  <c r="AD137937" i="1"/>
  <c r="AD137938" i="1"/>
  <c r="AD137939" i="1"/>
  <c r="AD137940" i="1"/>
  <c r="AD137941" i="1"/>
  <c r="AD137942" i="1"/>
  <c r="AD137943" i="1"/>
  <c r="AD137944" i="1"/>
  <c r="AD137945" i="1"/>
  <c r="AD137946" i="1"/>
  <c r="AD137947" i="1"/>
  <c r="AD137948" i="1"/>
  <c r="AD137949" i="1"/>
  <c r="AD137950" i="1"/>
  <c r="AD137951" i="1"/>
  <c r="AD137952" i="1"/>
  <c r="AD137953" i="1"/>
  <c r="AD137954" i="1"/>
  <c r="AD137955" i="1"/>
  <c r="AD137956" i="1"/>
  <c r="AD137957" i="1"/>
  <c r="AD137958" i="1"/>
  <c r="AD137959" i="1"/>
  <c r="AD137960" i="1"/>
  <c r="AD137961" i="1"/>
  <c r="AD137962" i="1"/>
  <c r="AD137963" i="1"/>
  <c r="AD137964" i="1"/>
  <c r="AD137965" i="1"/>
  <c r="AD137966" i="1"/>
  <c r="AD137967" i="1"/>
  <c r="AD137968" i="1"/>
  <c r="AD137969" i="1"/>
  <c r="AD137970" i="1"/>
  <c r="AD137971" i="1"/>
  <c r="AD137972" i="1"/>
  <c r="AD137973" i="1"/>
  <c r="AD137974" i="1"/>
  <c r="AD137975" i="1"/>
  <c r="AD137976" i="1"/>
  <c r="AD137977" i="1"/>
  <c r="AD137978" i="1"/>
  <c r="AD137979" i="1"/>
  <c r="AD137980" i="1"/>
  <c r="AD137981" i="1"/>
  <c r="AD137982" i="1"/>
  <c r="AD137983" i="1"/>
  <c r="AD137984" i="1"/>
  <c r="AD137985" i="1"/>
  <c r="AD137986" i="1"/>
  <c r="AD137987" i="1"/>
  <c r="AD137988" i="1"/>
  <c r="AD137989" i="1"/>
  <c r="AD137990" i="1"/>
  <c r="AD137991" i="1"/>
  <c r="AD137992" i="1"/>
  <c r="AD137993" i="1"/>
  <c r="AD137994" i="1"/>
  <c r="AD137995" i="1"/>
  <c r="AD137996" i="1"/>
  <c r="AD137997" i="1"/>
  <c r="AD137998" i="1"/>
  <c r="AD137999" i="1"/>
  <c r="AD138000" i="1"/>
  <c r="AD138001" i="1"/>
  <c r="AD138002" i="1"/>
  <c r="AD138003" i="1"/>
  <c r="AD138004" i="1"/>
  <c r="AD138005" i="1"/>
  <c r="AD138006" i="1"/>
  <c r="AD138007" i="1"/>
  <c r="AD138008" i="1"/>
  <c r="AD138009" i="1"/>
  <c r="AD138010" i="1"/>
  <c r="AD138011" i="1"/>
  <c r="AD138012" i="1"/>
  <c r="AD138013" i="1"/>
  <c r="AD138014" i="1"/>
  <c r="AD138015" i="1"/>
  <c r="AD138016" i="1"/>
  <c r="AD138017" i="1"/>
  <c r="AD138018" i="1"/>
  <c r="AD138019" i="1"/>
  <c r="AD138020" i="1"/>
  <c r="AD138021" i="1"/>
  <c r="AD138022" i="1"/>
  <c r="AD138023" i="1"/>
  <c r="AD138024" i="1"/>
  <c r="AD138025" i="1"/>
  <c r="AD138026" i="1"/>
  <c r="AD138027" i="1"/>
  <c r="AD138028" i="1"/>
  <c r="AD138029" i="1"/>
  <c r="AD138030" i="1"/>
  <c r="AD138031" i="1"/>
  <c r="AD138032" i="1"/>
  <c r="AD138033" i="1"/>
  <c r="AD138034" i="1"/>
  <c r="AD138035" i="1"/>
  <c r="AD138036" i="1"/>
  <c r="AD138037" i="1"/>
  <c r="AD138038" i="1"/>
  <c r="AD138039" i="1"/>
  <c r="AD138040" i="1"/>
  <c r="AD138041" i="1"/>
  <c r="AD138042" i="1"/>
  <c r="AD138043" i="1"/>
  <c r="AD138044" i="1"/>
  <c r="AD138045" i="1"/>
  <c r="AD138046" i="1"/>
  <c r="AD138047" i="1"/>
  <c r="AD138048" i="1"/>
  <c r="AD138049" i="1"/>
  <c r="AD138050" i="1"/>
  <c r="AD138051" i="1"/>
  <c r="AD138052" i="1"/>
  <c r="AD138053" i="1"/>
  <c r="AD138054" i="1"/>
  <c r="AD138055" i="1"/>
  <c r="AD138056" i="1"/>
  <c r="AD138057" i="1"/>
  <c r="AD138058" i="1"/>
  <c r="AD138059" i="1"/>
  <c r="AD138060" i="1"/>
  <c r="AD138061" i="1"/>
  <c r="AD138062" i="1"/>
  <c r="AD138063" i="1"/>
  <c r="AD138064" i="1"/>
  <c r="AD138065" i="1"/>
  <c r="AD138066" i="1"/>
  <c r="AD138067" i="1"/>
  <c r="AD138068" i="1"/>
  <c r="AD138069" i="1"/>
  <c r="AD138070" i="1"/>
  <c r="AD138071" i="1"/>
  <c r="AD138072" i="1"/>
  <c r="AD138073" i="1"/>
  <c r="AD138074" i="1"/>
  <c r="AD138075" i="1"/>
  <c r="AD138076" i="1"/>
  <c r="AD138077" i="1"/>
  <c r="AD138078" i="1"/>
  <c r="AD138079" i="1"/>
  <c r="AD138080" i="1"/>
  <c r="AD138081" i="1"/>
  <c r="AD138082" i="1"/>
  <c r="AD138083" i="1"/>
  <c r="AD138084" i="1"/>
  <c r="AD138085" i="1"/>
  <c r="AD138086" i="1"/>
  <c r="AD138087" i="1"/>
  <c r="AD138088" i="1"/>
  <c r="AD138089" i="1"/>
  <c r="AD138090" i="1"/>
  <c r="AD138091" i="1"/>
  <c r="AD138092" i="1"/>
  <c r="AD138093" i="1"/>
  <c r="AD138094" i="1"/>
  <c r="AD138095" i="1"/>
  <c r="AD138096" i="1"/>
  <c r="AD138097" i="1"/>
  <c r="AD138098" i="1"/>
  <c r="AD138099" i="1"/>
  <c r="AD138100" i="1"/>
  <c r="AD138101" i="1"/>
  <c r="AD138102" i="1"/>
  <c r="AD138103" i="1"/>
  <c r="AD138104" i="1"/>
  <c r="AD138105" i="1"/>
  <c r="AD138106" i="1"/>
  <c r="AD138107" i="1"/>
  <c r="AD138108" i="1"/>
  <c r="AD138109" i="1"/>
  <c r="AD138110" i="1"/>
  <c r="AD138111" i="1"/>
  <c r="AD138112" i="1"/>
  <c r="AD138113" i="1"/>
  <c r="AD138114" i="1"/>
  <c r="AD138115" i="1"/>
  <c r="AD138116" i="1"/>
  <c r="AD138117" i="1"/>
  <c r="AD138118" i="1"/>
  <c r="AD138119" i="1"/>
  <c r="AD138120" i="1"/>
  <c r="AD138121" i="1"/>
  <c r="AD138122" i="1"/>
  <c r="AD138123" i="1"/>
  <c r="AD138124" i="1"/>
  <c r="AD138125" i="1"/>
  <c r="AD138126" i="1"/>
  <c r="AD138127" i="1"/>
  <c r="AD138128" i="1"/>
  <c r="AD138129" i="1"/>
  <c r="AD138130" i="1"/>
  <c r="AD138131" i="1"/>
  <c r="AD138132" i="1"/>
  <c r="AD138133" i="1"/>
  <c r="AD138134" i="1"/>
  <c r="AD138135" i="1"/>
  <c r="AD138136" i="1"/>
  <c r="AD138137" i="1"/>
  <c r="AD138138" i="1"/>
  <c r="AD138139" i="1"/>
  <c r="AD138140" i="1"/>
  <c r="AD138141" i="1"/>
  <c r="AD138142" i="1"/>
  <c r="AD138143" i="1"/>
  <c r="AD138144" i="1"/>
  <c r="AD138145" i="1"/>
  <c r="AD138146" i="1"/>
  <c r="AD138147" i="1"/>
  <c r="AD138148" i="1"/>
  <c r="AD138149" i="1"/>
  <c r="AD138150" i="1"/>
  <c r="AD138151" i="1"/>
  <c r="AD138152" i="1"/>
  <c r="AD138153" i="1"/>
  <c r="AD138154" i="1"/>
  <c r="AD138155" i="1"/>
  <c r="AD138156" i="1"/>
  <c r="AD138157" i="1"/>
  <c r="AD138158" i="1"/>
  <c r="AD138159" i="1"/>
  <c r="AD138160" i="1"/>
  <c r="AD138161" i="1"/>
  <c r="AD138162" i="1"/>
  <c r="AD138163" i="1"/>
  <c r="AD138164" i="1"/>
  <c r="AD138165" i="1"/>
  <c r="AD138166" i="1"/>
  <c r="AD138167" i="1"/>
  <c r="AD138168" i="1"/>
  <c r="AD138169" i="1"/>
  <c r="AD138170" i="1"/>
  <c r="AD138171" i="1"/>
  <c r="AD138172" i="1"/>
  <c r="AD138173" i="1"/>
  <c r="AD138174" i="1"/>
  <c r="AD138175" i="1"/>
  <c r="AD138176" i="1"/>
  <c r="AD138177" i="1"/>
  <c r="AD138178" i="1"/>
  <c r="AD138179" i="1"/>
  <c r="AD138180" i="1"/>
  <c r="AD138181" i="1"/>
  <c r="AD138182" i="1"/>
  <c r="AD138183" i="1"/>
  <c r="AD138184" i="1"/>
  <c r="AD138185" i="1"/>
  <c r="AD138186" i="1"/>
  <c r="AD138187" i="1"/>
  <c r="AD138188" i="1"/>
  <c r="AD138189" i="1"/>
  <c r="AD138190" i="1"/>
  <c r="AD138191" i="1"/>
  <c r="AD138192" i="1"/>
  <c r="AD138193" i="1"/>
  <c r="AD138194" i="1"/>
  <c r="AD138195" i="1"/>
  <c r="AD138196" i="1"/>
  <c r="AD138197" i="1"/>
  <c r="AD138198" i="1"/>
  <c r="AD138199" i="1"/>
  <c r="AD138200" i="1"/>
  <c r="AD138201" i="1"/>
  <c r="AD138202" i="1"/>
  <c r="AD138203" i="1"/>
  <c r="AD138204" i="1"/>
  <c r="AD138205" i="1"/>
  <c r="AD138206" i="1"/>
  <c r="AD138207" i="1"/>
  <c r="AD138208" i="1"/>
  <c r="AD138209" i="1"/>
  <c r="AD138210" i="1"/>
  <c r="AD138211" i="1"/>
  <c r="AD138212" i="1"/>
  <c r="AD138213" i="1"/>
  <c r="AD138214" i="1"/>
  <c r="AD138215" i="1"/>
  <c r="AD138216" i="1"/>
  <c r="AD138217" i="1"/>
  <c r="AD138218" i="1"/>
  <c r="AD138219" i="1"/>
  <c r="AD138220" i="1"/>
  <c r="AD138221" i="1"/>
  <c r="AD138222" i="1"/>
  <c r="AD138223" i="1"/>
  <c r="AD138224" i="1"/>
  <c r="AD138225" i="1"/>
  <c r="AD138226" i="1"/>
  <c r="AD138227" i="1"/>
  <c r="AD138228" i="1"/>
  <c r="AD138229" i="1"/>
  <c r="AD138230" i="1"/>
  <c r="AD138231" i="1"/>
  <c r="AD138232" i="1"/>
  <c r="AD138233" i="1"/>
  <c r="AD138234" i="1"/>
  <c r="AD138235" i="1"/>
  <c r="AD138236" i="1"/>
  <c r="AD138237" i="1"/>
  <c r="AD138238" i="1"/>
  <c r="AD138239" i="1"/>
  <c r="AD138240" i="1"/>
  <c r="AD138241" i="1"/>
  <c r="AD138242" i="1"/>
  <c r="AD138243" i="1"/>
  <c r="AD138244" i="1"/>
  <c r="AD138245" i="1"/>
  <c r="AD138246" i="1"/>
  <c r="AD138247" i="1"/>
  <c r="AD138248" i="1"/>
  <c r="AD138249" i="1"/>
  <c r="AD138250" i="1"/>
  <c r="AD138251" i="1"/>
  <c r="AD138252" i="1"/>
  <c r="AD138253" i="1"/>
  <c r="AD138254" i="1"/>
  <c r="AD138255" i="1"/>
  <c r="AD138256" i="1"/>
  <c r="AD138257" i="1"/>
  <c r="AD138258" i="1"/>
  <c r="AD138259" i="1"/>
  <c r="AD138260" i="1"/>
  <c r="AD138261" i="1"/>
  <c r="AD138262" i="1"/>
  <c r="AD138263" i="1"/>
  <c r="AD138264" i="1"/>
  <c r="AD138265" i="1"/>
  <c r="AD138266" i="1"/>
  <c r="AD138267" i="1"/>
  <c r="AD138268" i="1"/>
  <c r="AD138269" i="1"/>
  <c r="AD138270" i="1"/>
  <c r="AD138271" i="1"/>
  <c r="AD138272" i="1"/>
  <c r="AD138273" i="1"/>
  <c r="AD138274" i="1"/>
  <c r="AD138275" i="1"/>
  <c r="AD138276" i="1"/>
  <c r="AD138277" i="1"/>
  <c r="AD138278" i="1"/>
  <c r="AD138279" i="1"/>
  <c r="AD138280" i="1"/>
  <c r="AD138281" i="1"/>
  <c r="AD138282" i="1"/>
  <c r="AD138283" i="1"/>
  <c r="AD138284" i="1"/>
  <c r="AD138285" i="1"/>
  <c r="AD138286" i="1"/>
  <c r="AD138287" i="1"/>
  <c r="AD138288" i="1"/>
  <c r="AD138289" i="1"/>
  <c r="AD138290" i="1"/>
  <c r="AD138291" i="1"/>
  <c r="AD138292" i="1"/>
  <c r="AD138293" i="1"/>
  <c r="AD138294" i="1"/>
  <c r="AD138295" i="1"/>
  <c r="AD138296" i="1"/>
  <c r="AD138297" i="1"/>
  <c r="AD138298" i="1"/>
  <c r="AD138299" i="1"/>
  <c r="AD138300" i="1"/>
  <c r="AD138301" i="1"/>
  <c r="AD138302" i="1"/>
  <c r="AD138303" i="1"/>
  <c r="AD138304" i="1"/>
  <c r="AD138305" i="1"/>
  <c r="AD138306" i="1"/>
  <c r="AD138307" i="1"/>
  <c r="AD138308" i="1"/>
  <c r="AD138309" i="1"/>
  <c r="AD138310" i="1"/>
  <c r="AD138311" i="1"/>
  <c r="AD138312" i="1"/>
  <c r="AD138313" i="1"/>
  <c r="AD138314" i="1"/>
  <c r="AD138315" i="1"/>
  <c r="AD138316" i="1"/>
  <c r="AD138317" i="1"/>
  <c r="AD138318" i="1"/>
  <c r="AD138319" i="1"/>
  <c r="AD138320" i="1"/>
  <c r="AD138321" i="1"/>
  <c r="AD138322" i="1"/>
  <c r="AD138323" i="1"/>
  <c r="AD138324" i="1"/>
  <c r="AD138325" i="1"/>
  <c r="AD138326" i="1"/>
  <c r="AD138327" i="1"/>
  <c r="AD138328" i="1"/>
  <c r="AD138329" i="1"/>
  <c r="AD138330" i="1"/>
  <c r="AD138331" i="1"/>
  <c r="AD138332" i="1"/>
  <c r="AD138333" i="1"/>
  <c r="AD138334" i="1"/>
  <c r="AD138335" i="1"/>
  <c r="AD138336" i="1"/>
  <c r="AD138337" i="1"/>
  <c r="AD138338" i="1"/>
  <c r="AD138339" i="1"/>
  <c r="AD138340" i="1"/>
  <c r="AD138341" i="1"/>
  <c r="AD138342" i="1"/>
  <c r="AD138343" i="1"/>
  <c r="AD138344" i="1"/>
  <c r="AD138345" i="1"/>
  <c r="AD138346" i="1"/>
  <c r="AD138347" i="1"/>
  <c r="AD138348" i="1"/>
  <c r="AD138349" i="1"/>
  <c r="AD138350" i="1"/>
  <c r="AD138351" i="1"/>
  <c r="AD138352" i="1"/>
  <c r="AD138353" i="1"/>
  <c r="AD138354" i="1"/>
  <c r="AD138355" i="1"/>
  <c r="AD138356" i="1"/>
  <c r="AD138357" i="1"/>
  <c r="AD138358" i="1"/>
  <c r="AD138359" i="1"/>
  <c r="AD138360" i="1"/>
  <c r="AD138361" i="1"/>
  <c r="AD138362" i="1"/>
  <c r="AD138363" i="1"/>
  <c r="AD138364" i="1"/>
  <c r="AD138365" i="1"/>
  <c r="AD138366" i="1"/>
  <c r="AD138367" i="1"/>
  <c r="AD138368" i="1"/>
  <c r="AD138369" i="1"/>
  <c r="AD138370" i="1"/>
  <c r="AD138371" i="1"/>
  <c r="AD138372" i="1"/>
  <c r="AD138373" i="1"/>
  <c r="AD138374" i="1"/>
  <c r="AD138375" i="1"/>
  <c r="AD138376" i="1"/>
  <c r="AD138377" i="1"/>
  <c r="AD138378" i="1"/>
  <c r="AD138379" i="1"/>
  <c r="AD138380" i="1"/>
  <c r="AD138381" i="1"/>
  <c r="AD138382" i="1"/>
  <c r="AD138383" i="1"/>
  <c r="AD138384" i="1"/>
  <c r="AD138385" i="1"/>
  <c r="AD138386" i="1"/>
  <c r="AD138387" i="1"/>
  <c r="AD138388" i="1"/>
  <c r="AD138389" i="1"/>
  <c r="AD138390" i="1"/>
  <c r="AD138391" i="1"/>
  <c r="AD138392" i="1"/>
  <c r="AD138393" i="1"/>
  <c r="AD138394" i="1"/>
  <c r="AD138395" i="1"/>
  <c r="AD138396" i="1"/>
  <c r="AD138397" i="1"/>
  <c r="AD138398" i="1"/>
  <c r="AD138399" i="1"/>
  <c r="AD138400" i="1"/>
  <c r="AD138401" i="1"/>
  <c r="AD138402" i="1"/>
  <c r="AD138403" i="1"/>
  <c r="AD138404" i="1"/>
  <c r="AD138405" i="1"/>
  <c r="AD138406" i="1"/>
  <c r="AD138407" i="1"/>
  <c r="AD138408" i="1"/>
  <c r="AD138409" i="1"/>
  <c r="AD138410" i="1"/>
  <c r="AD138411" i="1"/>
  <c r="AD138412" i="1"/>
  <c r="AD138413" i="1"/>
  <c r="AD138414" i="1"/>
  <c r="AD138415" i="1"/>
  <c r="AD138416" i="1"/>
  <c r="AD138417" i="1"/>
  <c r="AD138418" i="1"/>
  <c r="AD138419" i="1"/>
  <c r="AD138420" i="1"/>
  <c r="AD138421" i="1"/>
  <c r="AD138422" i="1"/>
  <c r="AD138423" i="1"/>
  <c r="AD138424" i="1"/>
  <c r="AD138425" i="1"/>
  <c r="AD138426" i="1"/>
  <c r="AD138427" i="1"/>
  <c r="AD138428" i="1"/>
  <c r="AD138429" i="1"/>
  <c r="AD138430" i="1"/>
  <c r="AD138431" i="1"/>
  <c r="AD138432" i="1"/>
  <c r="AD138433" i="1"/>
  <c r="AD138434" i="1"/>
  <c r="AD138435" i="1"/>
  <c r="AD138436" i="1"/>
  <c r="AD138437" i="1"/>
  <c r="AD138438" i="1"/>
  <c r="AD138439" i="1"/>
  <c r="AD138440" i="1"/>
  <c r="AD138441" i="1"/>
  <c r="AD138442" i="1"/>
  <c r="AD138443" i="1"/>
  <c r="AD138444" i="1"/>
  <c r="AD138445" i="1"/>
  <c r="AD138446" i="1"/>
  <c r="AD138447" i="1"/>
  <c r="AD138448" i="1"/>
  <c r="AD138449" i="1"/>
  <c r="AD138450" i="1"/>
  <c r="AD138451" i="1"/>
  <c r="AD138452" i="1"/>
  <c r="AD138453" i="1"/>
  <c r="AD138454" i="1"/>
  <c r="AD138455" i="1"/>
  <c r="AD138456" i="1"/>
  <c r="AD138457" i="1"/>
  <c r="AD138458" i="1"/>
  <c r="AD138459" i="1"/>
  <c r="AD138460" i="1"/>
  <c r="AD138461" i="1"/>
  <c r="AD138462" i="1"/>
  <c r="AD138463" i="1"/>
  <c r="AD138464" i="1"/>
  <c r="AD138465" i="1"/>
  <c r="AD138466" i="1"/>
  <c r="AD138467" i="1"/>
  <c r="AD138468" i="1"/>
  <c r="AD138469" i="1"/>
  <c r="AD138470" i="1"/>
  <c r="AD138471" i="1"/>
  <c r="AD138472" i="1"/>
  <c r="AD138473" i="1"/>
  <c r="AD138474" i="1"/>
  <c r="AD138475" i="1"/>
  <c r="AD138476" i="1"/>
  <c r="AD138477" i="1"/>
  <c r="AD138478" i="1"/>
  <c r="AD138479" i="1"/>
  <c r="AD138480" i="1"/>
  <c r="AD138481" i="1"/>
  <c r="AD138482" i="1"/>
  <c r="AD138483" i="1"/>
  <c r="AD138484" i="1"/>
  <c r="AD138485" i="1"/>
  <c r="AD138486" i="1"/>
  <c r="AD138487" i="1"/>
  <c r="AD138488" i="1"/>
  <c r="AD138489" i="1"/>
  <c r="AD138490" i="1"/>
  <c r="AD138491" i="1"/>
  <c r="AD138492" i="1"/>
  <c r="AD138493" i="1"/>
  <c r="AD138494" i="1"/>
  <c r="AD138495" i="1"/>
  <c r="AD138496" i="1"/>
  <c r="AD138497" i="1"/>
  <c r="AD138498" i="1"/>
  <c r="AD138499" i="1"/>
  <c r="AD138500" i="1"/>
  <c r="AD138501" i="1"/>
  <c r="AD138502" i="1"/>
  <c r="AD138503" i="1"/>
  <c r="AD138504" i="1"/>
  <c r="AD138505" i="1"/>
  <c r="AD138506" i="1"/>
  <c r="AD138507" i="1"/>
  <c r="AD138508" i="1"/>
  <c r="AD138509" i="1"/>
  <c r="AD138510" i="1"/>
  <c r="AD138511" i="1"/>
  <c r="AD138512" i="1"/>
  <c r="AD138513" i="1"/>
  <c r="AD138514" i="1"/>
  <c r="AD138515" i="1"/>
  <c r="AD138516" i="1"/>
  <c r="AD138517" i="1"/>
  <c r="AD138518" i="1"/>
  <c r="AD138519" i="1"/>
  <c r="AD138520" i="1"/>
  <c r="AD138521" i="1"/>
  <c r="AD138522" i="1"/>
  <c r="AD138523" i="1"/>
  <c r="AD138524" i="1"/>
  <c r="AD138525" i="1"/>
  <c r="AD138526" i="1"/>
  <c r="AD138527" i="1"/>
  <c r="AD138528" i="1"/>
  <c r="AD138529" i="1"/>
  <c r="AD138530" i="1"/>
  <c r="AD138531" i="1"/>
  <c r="AD138532" i="1"/>
  <c r="AD138533" i="1"/>
  <c r="AD138534" i="1"/>
  <c r="AD138535" i="1"/>
  <c r="AD138536" i="1"/>
  <c r="AD138537" i="1"/>
  <c r="AD138538" i="1"/>
  <c r="AD138539" i="1"/>
  <c r="AD138540" i="1"/>
  <c r="AD138541" i="1"/>
  <c r="AD138542" i="1"/>
  <c r="AD138543" i="1"/>
  <c r="AD138544" i="1"/>
  <c r="AD138545" i="1"/>
  <c r="AD138546" i="1"/>
  <c r="AD138547" i="1"/>
  <c r="AD138548" i="1"/>
  <c r="AD138549" i="1"/>
  <c r="AD138550" i="1"/>
  <c r="AD138551" i="1"/>
  <c r="AD138552" i="1"/>
  <c r="AD138553" i="1"/>
  <c r="AD138554" i="1"/>
  <c r="AD138555" i="1"/>
  <c r="AD138556" i="1"/>
  <c r="AD138557" i="1"/>
  <c r="AD138558" i="1"/>
  <c r="AD138559" i="1"/>
  <c r="AD138560" i="1"/>
  <c r="AD138561" i="1"/>
  <c r="AD138562" i="1"/>
  <c r="AD138563" i="1"/>
  <c r="AD138564" i="1"/>
  <c r="AD138565" i="1"/>
  <c r="AD138566" i="1"/>
  <c r="AD138567" i="1"/>
  <c r="AD138568" i="1"/>
  <c r="AD138569" i="1"/>
  <c r="AD138570" i="1"/>
  <c r="AD138571" i="1"/>
  <c r="AD138572" i="1"/>
  <c r="AD138573" i="1"/>
  <c r="AD138574" i="1"/>
  <c r="AD138575" i="1"/>
  <c r="AD138576" i="1"/>
  <c r="AD138577" i="1"/>
  <c r="AD138578" i="1"/>
  <c r="AD138579" i="1"/>
  <c r="AD138580" i="1"/>
  <c r="AD138581" i="1"/>
  <c r="AD138582" i="1"/>
  <c r="AD138583" i="1"/>
  <c r="AD138584" i="1"/>
  <c r="AD138585" i="1"/>
  <c r="AD138586" i="1"/>
  <c r="AD138587" i="1"/>
  <c r="AD138588" i="1"/>
  <c r="AD138589" i="1"/>
  <c r="AD138590" i="1"/>
  <c r="AD138591" i="1"/>
  <c r="AD138592" i="1"/>
  <c r="AD138593" i="1"/>
  <c r="AD138594" i="1"/>
  <c r="AD138595" i="1"/>
  <c r="AD138596" i="1"/>
  <c r="AD138597" i="1"/>
  <c r="AD138598" i="1"/>
  <c r="AD138599" i="1"/>
  <c r="AD138600" i="1"/>
  <c r="AD138601" i="1"/>
  <c r="AD138602" i="1"/>
  <c r="AD138603" i="1"/>
  <c r="AD138604" i="1"/>
  <c r="AD138605" i="1"/>
  <c r="AD138606" i="1"/>
  <c r="AD138607" i="1"/>
  <c r="AD138608" i="1"/>
  <c r="AD138609" i="1"/>
  <c r="AD138610" i="1"/>
  <c r="AD138611" i="1"/>
  <c r="AD138612" i="1"/>
  <c r="AD138613" i="1"/>
  <c r="AD138614" i="1"/>
  <c r="AD138615" i="1"/>
  <c r="AD138616" i="1"/>
  <c r="AD138617" i="1"/>
  <c r="AD138618" i="1"/>
  <c r="AD138619" i="1"/>
  <c r="AD138620" i="1"/>
  <c r="AD138621" i="1"/>
  <c r="AD138622" i="1"/>
  <c r="AD138623" i="1"/>
  <c r="AD138624" i="1"/>
  <c r="AD138625" i="1"/>
  <c r="AD138626" i="1"/>
  <c r="AD138627" i="1"/>
  <c r="AD138628" i="1"/>
  <c r="AD138629" i="1"/>
  <c r="AD138630" i="1"/>
  <c r="AD138631" i="1"/>
  <c r="AD138632" i="1"/>
  <c r="AD138633" i="1"/>
  <c r="AD138634" i="1"/>
  <c r="AD138635" i="1"/>
  <c r="AD138636" i="1"/>
  <c r="AD138637" i="1"/>
  <c r="AD138638" i="1"/>
  <c r="AD138639" i="1"/>
  <c r="AD138640" i="1"/>
  <c r="AD138641" i="1"/>
  <c r="AD138642" i="1"/>
  <c r="AD138643" i="1"/>
  <c r="AD138644" i="1"/>
  <c r="AD138645" i="1"/>
  <c r="AD138646" i="1"/>
  <c r="AD138647" i="1"/>
  <c r="AD138648" i="1"/>
  <c r="AD138649" i="1"/>
  <c r="AD138650" i="1"/>
  <c r="AD138651" i="1"/>
  <c r="AD138652" i="1"/>
  <c r="AD138653" i="1"/>
  <c r="AD138654" i="1"/>
  <c r="AD138655" i="1"/>
  <c r="AD138656" i="1"/>
  <c r="AD138657" i="1"/>
  <c r="AD138658" i="1"/>
  <c r="AD138659" i="1"/>
  <c r="AD138660" i="1"/>
  <c r="AD138661" i="1"/>
  <c r="AD138662" i="1"/>
  <c r="AD138663" i="1"/>
  <c r="AD138664" i="1"/>
  <c r="AD138665" i="1"/>
  <c r="AD138666" i="1"/>
  <c r="AD138667" i="1"/>
  <c r="AD138668" i="1"/>
  <c r="AD138669" i="1"/>
  <c r="AD138670" i="1"/>
  <c r="AD138671" i="1"/>
  <c r="AD138672" i="1"/>
  <c r="AD138673" i="1"/>
  <c r="AD138674" i="1"/>
  <c r="AD138675" i="1"/>
  <c r="AD138676" i="1"/>
  <c r="AD138677" i="1"/>
  <c r="AD138678" i="1"/>
  <c r="AD138679" i="1"/>
  <c r="AD138680" i="1"/>
  <c r="AD138681" i="1"/>
  <c r="AD138682" i="1"/>
  <c r="AD138683" i="1"/>
  <c r="AD138684" i="1"/>
  <c r="AD138685" i="1"/>
  <c r="AD138686" i="1"/>
  <c r="AD138687" i="1"/>
  <c r="AD138688" i="1"/>
  <c r="AD138689" i="1"/>
  <c r="AD138690" i="1"/>
  <c r="AD138691" i="1"/>
  <c r="AD138692" i="1"/>
  <c r="AD138693" i="1"/>
  <c r="AD138694" i="1"/>
  <c r="AD138695" i="1"/>
  <c r="AD138696" i="1"/>
  <c r="AD138697" i="1"/>
  <c r="AD138698" i="1"/>
  <c r="AD138699" i="1"/>
  <c r="AD138700" i="1"/>
  <c r="AD138701" i="1"/>
  <c r="AD138702" i="1"/>
  <c r="AD138703" i="1"/>
  <c r="AD138704" i="1"/>
  <c r="AD138705" i="1"/>
  <c r="AD138706" i="1"/>
  <c r="AD138707" i="1"/>
  <c r="AD138708" i="1"/>
  <c r="AD138709" i="1"/>
  <c r="AD138710" i="1"/>
  <c r="AD138711" i="1"/>
  <c r="AD138712" i="1"/>
  <c r="AD138713" i="1"/>
  <c r="AD138714" i="1"/>
  <c r="AD138715" i="1"/>
  <c r="AD138716" i="1"/>
  <c r="AD138717" i="1"/>
  <c r="AD138718" i="1"/>
  <c r="AD138719" i="1"/>
  <c r="AD138720" i="1"/>
  <c r="AD138721" i="1"/>
  <c r="AD138722" i="1"/>
  <c r="AD138723" i="1"/>
  <c r="AD138724" i="1"/>
  <c r="AD138725" i="1"/>
  <c r="AD138726" i="1"/>
  <c r="AD138727" i="1"/>
  <c r="AD138728" i="1"/>
  <c r="AD138729" i="1"/>
  <c r="AD138730" i="1"/>
  <c r="AD138731" i="1"/>
  <c r="AD138732" i="1"/>
  <c r="AD138733" i="1"/>
  <c r="AD138734" i="1"/>
  <c r="AD138735" i="1"/>
  <c r="AD138736" i="1"/>
  <c r="AD138737" i="1"/>
  <c r="AD138738" i="1"/>
  <c r="AD138739" i="1"/>
  <c r="AD138740" i="1"/>
  <c r="AD138741" i="1"/>
  <c r="AD138742" i="1"/>
  <c r="AD138743" i="1"/>
  <c r="AD138744" i="1"/>
  <c r="AD138745" i="1"/>
  <c r="AD138746" i="1"/>
  <c r="AD138747" i="1"/>
  <c r="AD138748" i="1"/>
  <c r="AD138749" i="1"/>
  <c r="AD138750" i="1"/>
  <c r="AD138751" i="1"/>
  <c r="AD138752" i="1"/>
  <c r="AD138753" i="1"/>
  <c r="AD138754" i="1"/>
  <c r="AD138755" i="1"/>
  <c r="AD138756" i="1"/>
  <c r="AD138757" i="1"/>
  <c r="AD138758" i="1"/>
  <c r="AD138759" i="1"/>
  <c r="AD138760" i="1"/>
  <c r="AD138761" i="1"/>
  <c r="AD138762" i="1"/>
  <c r="AD138763" i="1"/>
  <c r="AD138764" i="1"/>
  <c r="AD138765" i="1"/>
  <c r="AD138766" i="1"/>
  <c r="AD138767" i="1"/>
  <c r="AD138768" i="1"/>
  <c r="AD138769" i="1"/>
  <c r="AD138770" i="1"/>
  <c r="AD138771" i="1"/>
  <c r="AD138772" i="1"/>
  <c r="AD138773" i="1"/>
  <c r="AD138774" i="1"/>
  <c r="AD138775" i="1"/>
  <c r="AD138776" i="1"/>
  <c r="AD138777" i="1"/>
  <c r="AD138778" i="1"/>
  <c r="AD138779" i="1"/>
  <c r="AD138780" i="1"/>
  <c r="AD138781" i="1"/>
  <c r="AD138782" i="1"/>
  <c r="AD138783" i="1"/>
  <c r="AD138784" i="1"/>
  <c r="AD138785" i="1"/>
  <c r="AD138786" i="1"/>
  <c r="AD138787" i="1"/>
  <c r="AD138788" i="1"/>
  <c r="AD138789" i="1"/>
  <c r="AD138790" i="1"/>
  <c r="AD138791" i="1"/>
  <c r="AD138792" i="1"/>
  <c r="AD138793" i="1"/>
  <c r="AD138794" i="1"/>
  <c r="AD138795" i="1"/>
  <c r="AD138796" i="1"/>
  <c r="AD138797" i="1"/>
  <c r="AD138798" i="1"/>
  <c r="AD138799" i="1"/>
  <c r="AD138800" i="1"/>
  <c r="AD138801" i="1"/>
  <c r="AD138802" i="1"/>
  <c r="AD138803" i="1"/>
  <c r="AD138804" i="1"/>
  <c r="AD138805" i="1"/>
  <c r="AD138806" i="1"/>
  <c r="AD138807" i="1"/>
  <c r="AD138808" i="1"/>
  <c r="AD138809" i="1"/>
  <c r="AD138810" i="1"/>
  <c r="AD138811" i="1"/>
  <c r="AD138812" i="1"/>
  <c r="AD138813" i="1"/>
  <c r="AD138814" i="1"/>
  <c r="AD138815" i="1"/>
  <c r="AD138816" i="1"/>
  <c r="AD138817" i="1"/>
  <c r="AD138818" i="1"/>
  <c r="AD138819" i="1"/>
  <c r="AD138820" i="1"/>
  <c r="AD138821" i="1"/>
  <c r="AD138822" i="1"/>
  <c r="AD138823" i="1"/>
  <c r="AD138824" i="1"/>
  <c r="AD138825" i="1"/>
  <c r="AD138826" i="1"/>
  <c r="AD138827" i="1"/>
  <c r="AD138828" i="1"/>
  <c r="AD138829" i="1"/>
  <c r="AD138830" i="1"/>
  <c r="AD138831" i="1"/>
  <c r="AD138832" i="1"/>
  <c r="AD138833" i="1"/>
  <c r="AD138834" i="1"/>
  <c r="AD138835" i="1"/>
  <c r="AD138836" i="1"/>
  <c r="AD138837" i="1"/>
  <c r="AD138838" i="1"/>
  <c r="AD138839" i="1"/>
  <c r="AD138840" i="1"/>
  <c r="AD138841" i="1"/>
  <c r="AD138842" i="1"/>
  <c r="AD138843" i="1"/>
  <c r="AD138844" i="1"/>
  <c r="AD138845" i="1"/>
  <c r="AD138846" i="1"/>
  <c r="AD138847" i="1"/>
  <c r="AD138848" i="1"/>
  <c r="AD138849" i="1"/>
  <c r="AD138850" i="1"/>
  <c r="AD138851" i="1"/>
  <c r="AD138852" i="1"/>
  <c r="AD138853" i="1"/>
  <c r="AD138854" i="1"/>
  <c r="AD138855" i="1"/>
  <c r="AD138856" i="1"/>
  <c r="AD138857" i="1"/>
  <c r="AD138858" i="1"/>
  <c r="AD138859" i="1"/>
  <c r="AD138860" i="1"/>
  <c r="AD138861" i="1"/>
  <c r="AD138862" i="1"/>
  <c r="AD138863" i="1"/>
  <c r="AD138864" i="1"/>
  <c r="AD138865" i="1"/>
  <c r="AD138866" i="1"/>
  <c r="AD138867" i="1"/>
  <c r="AD138868" i="1"/>
  <c r="AD138869" i="1"/>
  <c r="AD138870" i="1"/>
  <c r="AD138871" i="1"/>
  <c r="AD138872" i="1"/>
  <c r="AD138873" i="1"/>
  <c r="AD138874" i="1"/>
  <c r="AD138875" i="1"/>
  <c r="AD138876" i="1"/>
  <c r="AD138877" i="1"/>
  <c r="AD138878" i="1"/>
  <c r="AD138879" i="1"/>
  <c r="AD138880" i="1"/>
  <c r="AD138881" i="1"/>
  <c r="AD138882" i="1"/>
  <c r="AD138883" i="1"/>
  <c r="AD138884" i="1"/>
  <c r="AD138885" i="1"/>
  <c r="AD138886" i="1"/>
  <c r="AD138887" i="1"/>
  <c r="AD138888" i="1"/>
  <c r="AD138889" i="1"/>
  <c r="AD138890" i="1"/>
  <c r="AD138891" i="1"/>
  <c r="AD138892" i="1"/>
  <c r="AD138893" i="1"/>
  <c r="AD138894" i="1"/>
  <c r="AD138895" i="1"/>
  <c r="AD138896" i="1"/>
  <c r="AD138897" i="1"/>
  <c r="AD138898" i="1"/>
  <c r="AD138899" i="1"/>
  <c r="AD138900" i="1"/>
  <c r="AD138901" i="1"/>
  <c r="AD138902" i="1"/>
  <c r="AD138903" i="1"/>
  <c r="AD138904" i="1"/>
  <c r="AD138905" i="1"/>
  <c r="AD138906" i="1"/>
  <c r="AD138907" i="1"/>
  <c r="AD138908" i="1"/>
  <c r="AD138909" i="1"/>
  <c r="AD138910" i="1"/>
  <c r="AD138911" i="1"/>
  <c r="AD138912" i="1"/>
  <c r="AD138913" i="1"/>
  <c r="AD138914" i="1"/>
  <c r="AD138915" i="1"/>
  <c r="AD138916" i="1"/>
  <c r="AD138917" i="1"/>
  <c r="AD138918" i="1"/>
  <c r="AD138919" i="1"/>
  <c r="AD138920" i="1"/>
  <c r="AD138921" i="1"/>
  <c r="AD138922" i="1"/>
  <c r="AD138923" i="1"/>
  <c r="AD138924" i="1"/>
  <c r="AD138925" i="1"/>
  <c r="AD138926" i="1"/>
  <c r="AD138927" i="1"/>
  <c r="AD138928" i="1"/>
  <c r="AD138929" i="1"/>
  <c r="AD138930" i="1"/>
  <c r="AD138931" i="1"/>
  <c r="AD138932" i="1"/>
  <c r="AD138933" i="1"/>
  <c r="AD138934" i="1"/>
  <c r="AD138935" i="1"/>
  <c r="AD138936" i="1"/>
  <c r="AD138937" i="1"/>
  <c r="AD138938" i="1"/>
  <c r="AD138939" i="1"/>
  <c r="AD138940" i="1"/>
  <c r="AD138941" i="1"/>
  <c r="AD138942" i="1"/>
  <c r="AD138943" i="1"/>
  <c r="AD138944" i="1"/>
  <c r="AD138945" i="1"/>
  <c r="AD138946" i="1"/>
  <c r="AD138947" i="1"/>
  <c r="AD138948" i="1"/>
  <c r="AD138949" i="1"/>
  <c r="AD138950" i="1"/>
  <c r="AD138951" i="1"/>
  <c r="AD138952" i="1"/>
  <c r="AD138953" i="1"/>
  <c r="AD138954" i="1"/>
  <c r="AD138955" i="1"/>
  <c r="AD138956" i="1"/>
  <c r="AD138957" i="1"/>
  <c r="AD138958" i="1"/>
  <c r="AD138959" i="1"/>
  <c r="AD138960" i="1"/>
  <c r="AD138961" i="1"/>
  <c r="AD138962" i="1"/>
  <c r="AD138963" i="1"/>
  <c r="AD138964" i="1"/>
  <c r="AD138965" i="1"/>
  <c r="AD138966" i="1"/>
  <c r="AD138967" i="1"/>
  <c r="AD138968" i="1"/>
  <c r="AD138969" i="1"/>
  <c r="AD138970" i="1"/>
  <c r="AD138971" i="1"/>
  <c r="AD138972" i="1"/>
  <c r="AD138973" i="1"/>
  <c r="AD138974" i="1"/>
  <c r="AD138975" i="1"/>
  <c r="AD138976" i="1"/>
  <c r="AD138977" i="1"/>
  <c r="AD138978" i="1"/>
  <c r="AD138979" i="1"/>
  <c r="AD138980" i="1"/>
  <c r="AD138981" i="1"/>
  <c r="AD138982" i="1"/>
  <c r="AD138983" i="1"/>
  <c r="AD138984" i="1"/>
  <c r="AD138985" i="1"/>
  <c r="AD138986" i="1"/>
  <c r="AD138987" i="1"/>
  <c r="AD138988" i="1"/>
  <c r="AD138989" i="1"/>
  <c r="AD138990" i="1"/>
  <c r="AD138991" i="1"/>
  <c r="AD138992" i="1"/>
  <c r="AD138993" i="1"/>
  <c r="AD138994" i="1"/>
  <c r="AD138995" i="1"/>
  <c r="AD138996" i="1"/>
  <c r="AD138997" i="1"/>
  <c r="AD138998" i="1"/>
  <c r="AD138999" i="1"/>
  <c r="AD139000" i="1"/>
  <c r="AD139001" i="1"/>
  <c r="AD139002" i="1"/>
  <c r="AD139003" i="1"/>
  <c r="AD139004" i="1"/>
  <c r="AD139005" i="1"/>
  <c r="AD139006" i="1"/>
  <c r="AD139007" i="1"/>
  <c r="AD139008" i="1"/>
  <c r="AD139009" i="1"/>
  <c r="AD139010" i="1"/>
  <c r="AD139011" i="1"/>
  <c r="AD139012" i="1"/>
  <c r="AD139013" i="1"/>
  <c r="AD139014" i="1"/>
  <c r="AD139015" i="1"/>
  <c r="AD139016" i="1"/>
  <c r="AD139017" i="1"/>
  <c r="AD139018" i="1"/>
  <c r="AD139019" i="1"/>
  <c r="AD139020" i="1"/>
  <c r="AD139021" i="1"/>
  <c r="AD139022" i="1"/>
  <c r="AD139023" i="1"/>
  <c r="AD139024" i="1"/>
  <c r="AD139025" i="1"/>
  <c r="AD139026" i="1"/>
  <c r="AD139027" i="1"/>
  <c r="AD139028" i="1"/>
  <c r="AD139029" i="1"/>
  <c r="AD139030" i="1"/>
  <c r="AD139031" i="1"/>
  <c r="AD139032" i="1"/>
  <c r="AD139033" i="1"/>
  <c r="AD139034" i="1"/>
  <c r="AD139035" i="1"/>
  <c r="AD139036" i="1"/>
  <c r="AD139037" i="1"/>
  <c r="AD139038" i="1"/>
  <c r="AD139039" i="1"/>
  <c r="AD139040" i="1"/>
  <c r="AD139041" i="1"/>
  <c r="AD139042" i="1"/>
  <c r="AD139043" i="1"/>
  <c r="AD139044" i="1"/>
  <c r="AD139045" i="1"/>
  <c r="AD139046" i="1"/>
  <c r="AD139047" i="1"/>
  <c r="AD139048" i="1"/>
  <c r="AD139049" i="1"/>
  <c r="AD139050" i="1"/>
  <c r="AD139051" i="1"/>
  <c r="AD139052" i="1"/>
  <c r="AD139053" i="1"/>
  <c r="AD139054" i="1"/>
  <c r="AD139055" i="1"/>
  <c r="AD139056" i="1"/>
  <c r="AD139057" i="1"/>
  <c r="AD139058" i="1"/>
  <c r="AD139059" i="1"/>
  <c r="AD139060" i="1"/>
  <c r="AD139061" i="1"/>
  <c r="AD139062" i="1"/>
  <c r="AD139063" i="1"/>
  <c r="AD139064" i="1"/>
  <c r="AD139065" i="1"/>
  <c r="AD139066" i="1"/>
  <c r="AD139067" i="1"/>
  <c r="AD139068" i="1"/>
  <c r="AD139069" i="1"/>
  <c r="AD139070" i="1"/>
  <c r="AD139071" i="1"/>
  <c r="AD139072" i="1"/>
  <c r="AD139073" i="1"/>
  <c r="AD139074" i="1"/>
  <c r="AD139075" i="1"/>
  <c r="AD139076" i="1"/>
  <c r="AD139077" i="1"/>
  <c r="AD139078" i="1"/>
  <c r="AD139079" i="1"/>
  <c r="AD139080" i="1"/>
  <c r="AD139081" i="1"/>
  <c r="AD139082" i="1"/>
  <c r="AD139083" i="1"/>
  <c r="AD139084" i="1"/>
  <c r="AD139085" i="1"/>
  <c r="AD139086" i="1"/>
  <c r="AD139087" i="1"/>
  <c r="AD139088" i="1"/>
  <c r="AD139089" i="1"/>
  <c r="AD139090" i="1"/>
  <c r="AD139091" i="1"/>
  <c r="AD139092" i="1"/>
  <c r="AD139093" i="1"/>
  <c r="AD139094" i="1"/>
  <c r="AD139095" i="1"/>
  <c r="AD139096" i="1"/>
  <c r="AD139097" i="1"/>
  <c r="AD139098" i="1"/>
  <c r="AD139099" i="1"/>
  <c r="AD139100" i="1"/>
  <c r="AD139101" i="1"/>
  <c r="AD139102" i="1"/>
  <c r="AD139103" i="1"/>
  <c r="AD139104" i="1"/>
  <c r="AD139105" i="1"/>
  <c r="AD139106" i="1"/>
  <c r="AD139107" i="1"/>
  <c r="AD139108" i="1"/>
  <c r="AD139109" i="1"/>
  <c r="AD139110" i="1"/>
  <c r="AD139111" i="1"/>
  <c r="AD139112" i="1"/>
  <c r="AD139113" i="1"/>
  <c r="AD139114" i="1"/>
  <c r="AD139115" i="1"/>
  <c r="AD139116" i="1"/>
  <c r="AD139117" i="1"/>
  <c r="AD139118" i="1"/>
  <c r="AD139119" i="1"/>
  <c r="AD139120" i="1"/>
  <c r="AD139121" i="1"/>
  <c r="AD139122" i="1"/>
  <c r="AD139123" i="1"/>
  <c r="AD139124" i="1"/>
  <c r="AD139125" i="1"/>
  <c r="AD139126" i="1"/>
  <c r="AD139127" i="1"/>
  <c r="AD139128" i="1"/>
  <c r="AD139129" i="1"/>
  <c r="AD139130" i="1"/>
  <c r="AD139131" i="1"/>
  <c r="AD139132" i="1"/>
  <c r="AD139133" i="1"/>
  <c r="AD139134" i="1"/>
  <c r="AD139135" i="1"/>
  <c r="AD139136" i="1"/>
  <c r="AD139137" i="1"/>
  <c r="AD139138" i="1"/>
  <c r="AD139139" i="1"/>
  <c r="AD139140" i="1"/>
  <c r="AD139141" i="1"/>
  <c r="AD139142" i="1"/>
  <c r="AD139143" i="1"/>
  <c r="AD139144" i="1"/>
  <c r="AD139145" i="1"/>
  <c r="AD139146" i="1"/>
  <c r="AD139147" i="1"/>
  <c r="AD139148" i="1"/>
  <c r="AD139149" i="1"/>
  <c r="AD139150" i="1"/>
  <c r="AD139151" i="1"/>
  <c r="AD139152" i="1"/>
  <c r="AD139153" i="1"/>
  <c r="AD139154" i="1"/>
  <c r="AD139155" i="1"/>
  <c r="AD139156" i="1"/>
  <c r="AD139157" i="1"/>
  <c r="AD139158" i="1"/>
  <c r="AD139159" i="1"/>
  <c r="AD139160" i="1"/>
  <c r="AD139161" i="1"/>
  <c r="AD139162" i="1"/>
  <c r="AD139163" i="1"/>
  <c r="AD139164" i="1"/>
  <c r="AD139165" i="1"/>
  <c r="AD139166" i="1"/>
  <c r="AD139167" i="1"/>
  <c r="AD139168" i="1"/>
  <c r="AD139169" i="1"/>
  <c r="AD139170" i="1"/>
  <c r="AD139171" i="1"/>
  <c r="AD139172" i="1"/>
  <c r="AD139173" i="1"/>
  <c r="AD139174" i="1"/>
  <c r="AD139175" i="1"/>
  <c r="AD139176" i="1"/>
  <c r="AD139177" i="1"/>
  <c r="AD139178" i="1"/>
  <c r="AD139179" i="1"/>
  <c r="AD139180" i="1"/>
  <c r="AD139181" i="1"/>
  <c r="AD139182" i="1"/>
  <c r="AD139183" i="1"/>
  <c r="AD139184" i="1"/>
  <c r="AD139185" i="1"/>
  <c r="AD139186" i="1"/>
  <c r="AD139187" i="1"/>
  <c r="AD139188" i="1"/>
  <c r="AD139189" i="1"/>
  <c r="AD139190" i="1"/>
  <c r="AD139191" i="1"/>
  <c r="AD139192" i="1"/>
  <c r="AD139193" i="1"/>
  <c r="AD139194" i="1"/>
  <c r="AD139195" i="1"/>
  <c r="AD139196" i="1"/>
  <c r="AD139197" i="1"/>
  <c r="AD139198" i="1"/>
  <c r="AD139199" i="1"/>
  <c r="AD139200" i="1"/>
  <c r="AD139201" i="1"/>
  <c r="AD139202" i="1"/>
  <c r="AD139203" i="1"/>
  <c r="AD139204" i="1"/>
  <c r="AD139205" i="1"/>
  <c r="AD139206" i="1"/>
  <c r="AD139207" i="1"/>
  <c r="AD139208" i="1"/>
  <c r="AD139209" i="1"/>
  <c r="AD139210" i="1"/>
  <c r="AD139211" i="1"/>
  <c r="AD139212" i="1"/>
  <c r="AD139213" i="1"/>
  <c r="AD139214" i="1"/>
  <c r="AD139215" i="1"/>
  <c r="AD139216" i="1"/>
  <c r="AD139217" i="1"/>
  <c r="AD139218" i="1"/>
  <c r="AD139219" i="1"/>
  <c r="AD139220" i="1"/>
  <c r="AD139221" i="1"/>
  <c r="AD139222" i="1"/>
  <c r="AD139223" i="1"/>
  <c r="AD139224" i="1"/>
  <c r="AD139225" i="1"/>
  <c r="AD139226" i="1"/>
  <c r="AD139227" i="1"/>
  <c r="AD139228" i="1"/>
  <c r="AD139229" i="1"/>
  <c r="AD139230" i="1"/>
  <c r="AD139231" i="1"/>
  <c r="AD139232" i="1"/>
  <c r="AD139233" i="1"/>
  <c r="AD139234" i="1"/>
  <c r="AD139235" i="1"/>
  <c r="AD139236" i="1"/>
  <c r="AD139237" i="1"/>
  <c r="AD139238" i="1"/>
  <c r="AD139239" i="1"/>
  <c r="AD139240" i="1"/>
  <c r="AD139241" i="1"/>
  <c r="AD139242" i="1"/>
  <c r="AD139243" i="1"/>
  <c r="AD139244" i="1"/>
  <c r="AD139245" i="1"/>
  <c r="AD139246" i="1"/>
  <c r="AD139247" i="1"/>
  <c r="AD139248" i="1"/>
  <c r="AD139249" i="1"/>
  <c r="AD139250" i="1"/>
  <c r="AD139251" i="1"/>
  <c r="AD139252" i="1"/>
  <c r="AD139253" i="1"/>
  <c r="AD139254" i="1"/>
  <c r="AD139255" i="1"/>
  <c r="AD139256" i="1"/>
  <c r="AD139257" i="1"/>
  <c r="AD139258" i="1"/>
  <c r="AD139259" i="1"/>
  <c r="AD139260" i="1"/>
  <c r="AD139261" i="1"/>
  <c r="AD139262" i="1"/>
  <c r="AD139263" i="1"/>
  <c r="AD139264" i="1"/>
  <c r="AD139265" i="1"/>
  <c r="AD139266" i="1"/>
  <c r="AD139267" i="1"/>
  <c r="AD139268" i="1"/>
  <c r="AD139269" i="1"/>
  <c r="AD139270" i="1"/>
  <c r="AD139271" i="1"/>
  <c r="AD139272" i="1"/>
  <c r="AD139273" i="1"/>
  <c r="AD139274" i="1"/>
  <c r="AD139275" i="1"/>
  <c r="AD139276" i="1"/>
  <c r="AD139277" i="1"/>
  <c r="AD139278" i="1"/>
  <c r="AD139279" i="1"/>
  <c r="AD139280" i="1"/>
  <c r="AD139281" i="1"/>
  <c r="AD139282" i="1"/>
  <c r="AD139283" i="1"/>
  <c r="AD139284" i="1"/>
  <c r="AD139285" i="1"/>
  <c r="AD139286" i="1"/>
  <c r="AD139287" i="1"/>
  <c r="AD139288" i="1"/>
  <c r="AD139289" i="1"/>
  <c r="AD139290" i="1"/>
  <c r="AD139291" i="1"/>
  <c r="AD139292" i="1"/>
  <c r="AD139293" i="1"/>
  <c r="AD139294" i="1"/>
  <c r="AD139295" i="1"/>
  <c r="AD139296" i="1"/>
  <c r="AD139297" i="1"/>
  <c r="AD139298" i="1"/>
  <c r="AD139299" i="1"/>
  <c r="AD139300" i="1"/>
  <c r="AD139301" i="1"/>
  <c r="AD139302" i="1"/>
  <c r="AD139303" i="1"/>
  <c r="AD139304" i="1"/>
  <c r="AD139305" i="1"/>
  <c r="AD139306" i="1"/>
  <c r="AD139307" i="1"/>
  <c r="AD139308" i="1"/>
  <c r="AD139309" i="1"/>
  <c r="AD139310" i="1"/>
  <c r="AD139311" i="1"/>
  <c r="AD139312" i="1"/>
  <c r="AD139313" i="1"/>
  <c r="AD139314" i="1"/>
  <c r="AD139315" i="1"/>
  <c r="AD139316" i="1"/>
  <c r="AD139317" i="1"/>
  <c r="AD139318" i="1"/>
  <c r="AD139319" i="1"/>
  <c r="AD139320" i="1"/>
  <c r="AD139321" i="1"/>
  <c r="AD139322" i="1"/>
  <c r="AD139323" i="1"/>
  <c r="AD139324" i="1"/>
  <c r="AD139325" i="1"/>
  <c r="AD139326" i="1"/>
  <c r="AD139327" i="1"/>
  <c r="AD139328" i="1"/>
  <c r="AD139329" i="1"/>
  <c r="AD139330" i="1"/>
  <c r="AD139331" i="1"/>
  <c r="AD139332" i="1"/>
  <c r="AD139333" i="1"/>
  <c r="AD139334" i="1"/>
  <c r="AD139335" i="1"/>
  <c r="AD139336" i="1"/>
  <c r="AD139337" i="1"/>
  <c r="AD139338" i="1"/>
  <c r="AD139339" i="1"/>
  <c r="AD139340" i="1"/>
  <c r="AD139341" i="1"/>
  <c r="AD139342" i="1"/>
  <c r="AD139343" i="1"/>
  <c r="AD139344" i="1"/>
  <c r="AD139345" i="1"/>
  <c r="AD139346" i="1"/>
  <c r="AD139347" i="1"/>
  <c r="AD139348" i="1"/>
  <c r="AD139349" i="1"/>
  <c r="AD139350" i="1"/>
  <c r="AD139351" i="1"/>
  <c r="AD139352" i="1"/>
  <c r="AD139353" i="1"/>
  <c r="AD139354" i="1"/>
  <c r="AD139355" i="1"/>
  <c r="AD139356" i="1"/>
  <c r="AD139357" i="1"/>
  <c r="AD139358" i="1"/>
  <c r="AD139359" i="1"/>
  <c r="AD139360" i="1"/>
  <c r="AD139361" i="1"/>
  <c r="AD139362" i="1"/>
  <c r="AD139363" i="1"/>
  <c r="AD139364" i="1"/>
  <c r="AD139365" i="1"/>
  <c r="AD139366" i="1"/>
  <c r="AD139367" i="1"/>
  <c r="AD139368" i="1"/>
  <c r="AD139369" i="1"/>
  <c r="AD139370" i="1"/>
  <c r="AD139371" i="1"/>
  <c r="AD139372" i="1"/>
  <c r="AD139373" i="1"/>
  <c r="AD139374" i="1"/>
  <c r="AD139375" i="1"/>
  <c r="AD139376" i="1"/>
  <c r="AD139377" i="1"/>
  <c r="AD139378" i="1"/>
  <c r="AD139379" i="1"/>
  <c r="AD139380" i="1"/>
  <c r="AD139381" i="1"/>
  <c r="AD139382" i="1"/>
  <c r="AD139383" i="1"/>
  <c r="AD139384" i="1"/>
  <c r="AD139385" i="1"/>
  <c r="AD139386" i="1"/>
  <c r="AD139387" i="1"/>
  <c r="AD139388" i="1"/>
  <c r="AD139389" i="1"/>
  <c r="AD139390" i="1"/>
  <c r="AD139391" i="1"/>
  <c r="AD139392" i="1"/>
  <c r="AD139393" i="1"/>
  <c r="AD139394" i="1"/>
  <c r="AD139395" i="1"/>
  <c r="AD139396" i="1"/>
  <c r="AD139397" i="1"/>
  <c r="AD139398" i="1"/>
  <c r="AD139399" i="1"/>
  <c r="AD139400" i="1"/>
  <c r="AD139401" i="1"/>
  <c r="AD139402" i="1"/>
  <c r="AD139403" i="1"/>
  <c r="AD139404" i="1"/>
  <c r="AD139405" i="1"/>
  <c r="AD139406" i="1"/>
  <c r="AD139407" i="1"/>
  <c r="AD139408" i="1"/>
  <c r="AD139409" i="1"/>
  <c r="AD139410" i="1"/>
  <c r="AD139411" i="1"/>
  <c r="AD139412" i="1"/>
  <c r="AD139413" i="1"/>
  <c r="AD139414" i="1"/>
  <c r="AD139415" i="1"/>
  <c r="AD139416" i="1"/>
  <c r="AD139417" i="1"/>
  <c r="AD139418" i="1"/>
  <c r="AD139419" i="1"/>
  <c r="AD139420" i="1"/>
  <c r="AD139421" i="1"/>
  <c r="AD139422" i="1"/>
  <c r="AD139423" i="1"/>
  <c r="AD139424" i="1"/>
  <c r="AD139425" i="1"/>
  <c r="AD139426" i="1"/>
  <c r="AD139427" i="1"/>
  <c r="AD139428" i="1"/>
  <c r="AD139429" i="1"/>
  <c r="AD139430" i="1"/>
  <c r="AD139431" i="1"/>
  <c r="AD139432" i="1"/>
  <c r="AD139433" i="1"/>
  <c r="AD139434" i="1"/>
  <c r="AD139435" i="1"/>
  <c r="AD139436" i="1"/>
  <c r="AD139437" i="1"/>
  <c r="AD139438" i="1"/>
  <c r="AD139439" i="1"/>
  <c r="AD139440" i="1"/>
  <c r="AD139441" i="1"/>
  <c r="AD139442" i="1"/>
  <c r="AD139443" i="1"/>
  <c r="AD139444" i="1"/>
  <c r="AD139445" i="1"/>
  <c r="AD139446" i="1"/>
  <c r="AD139447" i="1"/>
  <c r="AD139448" i="1"/>
  <c r="AD139449" i="1"/>
  <c r="AD139450" i="1"/>
  <c r="AD139451" i="1"/>
  <c r="AD139452" i="1"/>
  <c r="AD139453" i="1"/>
  <c r="AD139454" i="1"/>
  <c r="AD139455" i="1"/>
  <c r="AD139456" i="1"/>
  <c r="AD139457" i="1"/>
  <c r="AD139458" i="1"/>
  <c r="AD139459" i="1"/>
  <c r="AD139460" i="1"/>
  <c r="AD139461" i="1"/>
  <c r="AD139462" i="1"/>
  <c r="AD139463" i="1"/>
  <c r="AD139464" i="1"/>
  <c r="AD139465" i="1"/>
  <c r="AD139466" i="1"/>
  <c r="AD139467" i="1"/>
  <c r="AD139468" i="1"/>
  <c r="AD139469" i="1"/>
  <c r="AD139470" i="1"/>
  <c r="AD139471" i="1"/>
  <c r="AD139472" i="1"/>
  <c r="AD139473" i="1"/>
  <c r="AD139474" i="1"/>
  <c r="AD139475" i="1"/>
  <c r="AD139476" i="1"/>
  <c r="AD139477" i="1"/>
  <c r="AD139478" i="1"/>
  <c r="AD139479" i="1"/>
  <c r="AD139480" i="1"/>
  <c r="AD139481" i="1"/>
  <c r="AD139482" i="1"/>
  <c r="AD139483" i="1"/>
  <c r="AD139484" i="1"/>
  <c r="AD139485" i="1"/>
  <c r="AD139486" i="1"/>
  <c r="AD139487" i="1"/>
  <c r="AD139488" i="1"/>
  <c r="AD139489" i="1"/>
  <c r="AD139490" i="1"/>
  <c r="AD139491" i="1"/>
  <c r="AD139492" i="1"/>
  <c r="AD139493" i="1"/>
  <c r="AD139494" i="1"/>
  <c r="AD139495" i="1"/>
  <c r="AD139496" i="1"/>
  <c r="AD139497" i="1"/>
  <c r="AD139498" i="1"/>
  <c r="AD139499" i="1"/>
  <c r="AD139500" i="1"/>
  <c r="AD139501" i="1"/>
  <c r="AD139502" i="1"/>
  <c r="AD139503" i="1"/>
  <c r="AD139504" i="1"/>
  <c r="AD139505" i="1"/>
  <c r="AD139506" i="1"/>
  <c r="AD139507" i="1"/>
  <c r="AD139508" i="1"/>
  <c r="AD139509" i="1"/>
  <c r="AD139510" i="1"/>
  <c r="AD139511" i="1"/>
  <c r="AD139512" i="1"/>
  <c r="AD139513" i="1"/>
  <c r="AD139514" i="1"/>
  <c r="AD139515" i="1"/>
  <c r="AD139516" i="1"/>
  <c r="AD139517" i="1"/>
  <c r="AD139518" i="1"/>
  <c r="AD139519" i="1"/>
  <c r="AD139520" i="1"/>
  <c r="AD139521" i="1"/>
  <c r="AD139522" i="1"/>
  <c r="AD139523" i="1"/>
  <c r="AD139524" i="1"/>
  <c r="AD139525" i="1"/>
  <c r="AD139526" i="1"/>
  <c r="AD139527" i="1"/>
  <c r="AD139528" i="1"/>
  <c r="AD139529" i="1"/>
  <c r="AD139530" i="1"/>
  <c r="AD139531" i="1"/>
  <c r="AD139532" i="1"/>
  <c r="AD139533" i="1"/>
  <c r="AD139534" i="1"/>
  <c r="AD139535" i="1"/>
  <c r="AD139536" i="1"/>
  <c r="AD139537" i="1"/>
  <c r="AD139538" i="1"/>
  <c r="AD139539" i="1"/>
  <c r="AD139540" i="1"/>
  <c r="AD139541" i="1"/>
  <c r="AD139542" i="1"/>
  <c r="AD139543" i="1"/>
  <c r="AD139544" i="1"/>
  <c r="AD139545" i="1"/>
  <c r="AD139546" i="1"/>
  <c r="AD139547" i="1"/>
  <c r="AD139548" i="1"/>
  <c r="AD139549" i="1"/>
  <c r="AD139550" i="1"/>
  <c r="AD139551" i="1"/>
  <c r="AD139552" i="1"/>
  <c r="AD139553" i="1"/>
  <c r="AD139554" i="1"/>
  <c r="AD139555" i="1"/>
  <c r="AD139556" i="1"/>
  <c r="AD139557" i="1"/>
  <c r="AD139558" i="1"/>
  <c r="AD139559" i="1"/>
  <c r="AD139560" i="1"/>
  <c r="AD139561" i="1"/>
  <c r="AD139562" i="1"/>
  <c r="AD139563" i="1"/>
  <c r="AD139564" i="1"/>
  <c r="AD139565" i="1"/>
  <c r="AD139566" i="1"/>
  <c r="AD139567" i="1"/>
  <c r="AD139568" i="1"/>
  <c r="AD139569" i="1"/>
  <c r="AD139570" i="1"/>
  <c r="AD139571" i="1"/>
  <c r="AD139572" i="1"/>
  <c r="AD139573" i="1"/>
  <c r="AD139574" i="1"/>
  <c r="AD139575" i="1"/>
  <c r="AD139576" i="1"/>
  <c r="AD139577" i="1"/>
  <c r="AD139578" i="1"/>
  <c r="AD139579" i="1"/>
  <c r="AD139580" i="1"/>
  <c r="AD139581" i="1"/>
  <c r="AD139582" i="1"/>
  <c r="AD139583" i="1"/>
  <c r="AD139584" i="1"/>
  <c r="AD139585" i="1"/>
  <c r="AD139586" i="1"/>
  <c r="AD139587" i="1"/>
  <c r="AD139588" i="1"/>
  <c r="AD139589" i="1"/>
  <c r="AD139590" i="1"/>
  <c r="AD139591" i="1"/>
  <c r="AD139592" i="1"/>
  <c r="AD139593" i="1"/>
  <c r="AD139594" i="1"/>
  <c r="AD139595" i="1"/>
  <c r="AD139596" i="1"/>
  <c r="AD139597" i="1"/>
  <c r="AD139598" i="1"/>
  <c r="AD139599" i="1"/>
  <c r="AD139600" i="1"/>
  <c r="AD139601" i="1"/>
  <c r="AD139602" i="1"/>
  <c r="AD139603" i="1"/>
  <c r="AD139604" i="1"/>
  <c r="AD139605" i="1"/>
  <c r="AD139606" i="1"/>
  <c r="AD139607" i="1"/>
  <c r="AD139608" i="1"/>
  <c r="AD139609" i="1"/>
  <c r="AD139610" i="1"/>
  <c r="AD139611" i="1"/>
  <c r="AD139612" i="1"/>
  <c r="AD139613" i="1"/>
  <c r="AD139614" i="1"/>
  <c r="AD139615" i="1"/>
  <c r="AD139616" i="1"/>
  <c r="AD139617" i="1"/>
  <c r="AD139618" i="1"/>
  <c r="AD139619" i="1"/>
  <c r="AD139620" i="1"/>
  <c r="AD139621" i="1"/>
  <c r="AD139622" i="1"/>
  <c r="AD139623" i="1"/>
  <c r="AD139624" i="1"/>
  <c r="AD139625" i="1"/>
  <c r="AD139626" i="1"/>
  <c r="AD139627" i="1"/>
  <c r="AD139628" i="1"/>
  <c r="AD139629" i="1"/>
  <c r="AD139630" i="1"/>
  <c r="AD139631" i="1"/>
  <c r="AD139632" i="1"/>
  <c r="AD139633" i="1"/>
  <c r="AD139634" i="1"/>
  <c r="AD139635" i="1"/>
  <c r="AD139636" i="1"/>
  <c r="AD139637" i="1"/>
  <c r="AD139638" i="1"/>
  <c r="AD139639" i="1"/>
  <c r="AD139640" i="1"/>
  <c r="AD139641" i="1"/>
  <c r="AD139642" i="1"/>
  <c r="AD139643" i="1"/>
  <c r="AD139644" i="1"/>
  <c r="AD139645" i="1"/>
  <c r="AD139646" i="1"/>
  <c r="AD139647" i="1"/>
  <c r="AD139648" i="1"/>
  <c r="AD139649" i="1"/>
  <c r="AD139650" i="1"/>
  <c r="AD139651" i="1"/>
  <c r="AD139652" i="1"/>
  <c r="AD139653" i="1"/>
  <c r="AD139654" i="1"/>
  <c r="AD139655" i="1"/>
  <c r="AD139656" i="1"/>
  <c r="AD139657" i="1"/>
  <c r="AD139658" i="1"/>
  <c r="AD139659" i="1"/>
  <c r="AD139660" i="1"/>
  <c r="AD139661" i="1"/>
  <c r="AD139662" i="1"/>
  <c r="AD139663" i="1"/>
  <c r="AD139664" i="1"/>
  <c r="AD139665" i="1"/>
  <c r="AD139666" i="1"/>
  <c r="AD139667" i="1"/>
  <c r="AD139668" i="1"/>
  <c r="AD139669" i="1"/>
  <c r="AD139670" i="1"/>
  <c r="AD139671" i="1"/>
  <c r="AD139672" i="1"/>
  <c r="AD139673" i="1"/>
  <c r="AD139674" i="1"/>
  <c r="AD139675" i="1"/>
  <c r="AD139676" i="1"/>
  <c r="AD139677" i="1"/>
  <c r="AD139678" i="1"/>
  <c r="AD139679" i="1"/>
  <c r="AD139680" i="1"/>
  <c r="AD139681" i="1"/>
  <c r="AD139682" i="1"/>
  <c r="AD139683" i="1"/>
  <c r="AD139684" i="1"/>
  <c r="AD139685" i="1"/>
  <c r="AD139686" i="1"/>
  <c r="AD139687" i="1"/>
  <c r="AD139688" i="1"/>
  <c r="AD139689" i="1"/>
  <c r="AD139690" i="1"/>
  <c r="AD139691" i="1"/>
  <c r="AD139692" i="1"/>
  <c r="AD139693" i="1"/>
  <c r="AD139694" i="1"/>
  <c r="AD139695" i="1"/>
  <c r="AD139696" i="1"/>
  <c r="AD139697" i="1"/>
  <c r="AD139698" i="1"/>
  <c r="AD139699" i="1"/>
  <c r="AD139700" i="1"/>
  <c r="AD139701" i="1"/>
  <c r="AD139702" i="1"/>
  <c r="AD139703" i="1"/>
  <c r="AD139704" i="1"/>
  <c r="AD139705" i="1"/>
  <c r="AD139706" i="1"/>
  <c r="AD139707" i="1"/>
  <c r="AD139708" i="1"/>
  <c r="AD139709" i="1"/>
  <c r="AD139710" i="1"/>
  <c r="AD139711" i="1"/>
  <c r="AD139712" i="1"/>
  <c r="AD139713" i="1"/>
  <c r="AD139714" i="1"/>
  <c r="AD139715" i="1"/>
  <c r="AD139716" i="1"/>
  <c r="AD139717" i="1"/>
  <c r="AD139718" i="1"/>
  <c r="AD139719" i="1"/>
  <c r="AD139720" i="1"/>
  <c r="AD139721" i="1"/>
  <c r="AD139722" i="1"/>
  <c r="AD139723" i="1"/>
  <c r="AD139724" i="1"/>
  <c r="AD139725" i="1"/>
  <c r="AD139726" i="1"/>
  <c r="AD139727" i="1"/>
  <c r="AD139728" i="1"/>
  <c r="AD139729" i="1"/>
  <c r="AD139730" i="1"/>
  <c r="AD139731" i="1"/>
  <c r="AD139732" i="1"/>
  <c r="AD139733" i="1"/>
  <c r="AD139734" i="1"/>
  <c r="AD139735" i="1"/>
  <c r="AD139736" i="1"/>
  <c r="AD139737" i="1"/>
  <c r="AD139738" i="1"/>
  <c r="AD139739" i="1"/>
  <c r="AD139740" i="1"/>
  <c r="AD139741" i="1"/>
  <c r="AD139742" i="1"/>
  <c r="AD139743" i="1"/>
  <c r="AD139744" i="1"/>
  <c r="AD139745" i="1"/>
  <c r="AD139746" i="1"/>
  <c r="AD139747" i="1"/>
  <c r="AD139748" i="1"/>
  <c r="AD139749" i="1"/>
  <c r="AD139750" i="1"/>
  <c r="AD139751" i="1"/>
  <c r="AD139752" i="1"/>
  <c r="AD139753" i="1"/>
  <c r="AD139754" i="1"/>
  <c r="AD139755" i="1"/>
  <c r="AD139756" i="1"/>
  <c r="AD139757" i="1"/>
  <c r="AD139758" i="1"/>
  <c r="AD139759" i="1"/>
  <c r="AD139760" i="1"/>
  <c r="AD139761" i="1"/>
  <c r="AD139762" i="1"/>
  <c r="AD139763" i="1"/>
  <c r="AD139764" i="1"/>
  <c r="AD139765" i="1"/>
  <c r="AD139766" i="1"/>
  <c r="AD139767" i="1"/>
  <c r="AD139768" i="1"/>
  <c r="AD139769" i="1"/>
  <c r="AD139770" i="1"/>
  <c r="AD139771" i="1"/>
  <c r="AD139772" i="1"/>
  <c r="AD139773" i="1"/>
  <c r="AD139774" i="1"/>
  <c r="AD139775" i="1"/>
  <c r="AD139776" i="1"/>
  <c r="AD139777" i="1"/>
  <c r="AD139778" i="1"/>
  <c r="AD139779" i="1"/>
  <c r="AD139780" i="1"/>
  <c r="AD139781" i="1"/>
  <c r="AD139782" i="1"/>
  <c r="AD139783" i="1"/>
  <c r="AD139784" i="1"/>
  <c r="AD139785" i="1"/>
  <c r="AD139786" i="1"/>
  <c r="AD139787" i="1"/>
  <c r="AD139788" i="1"/>
  <c r="AD139789" i="1"/>
  <c r="AD139790" i="1"/>
  <c r="AD139791" i="1"/>
  <c r="AD139792" i="1"/>
  <c r="AD139793" i="1"/>
  <c r="AD139794" i="1"/>
  <c r="AD139795" i="1"/>
  <c r="AD139796" i="1"/>
  <c r="AD139797" i="1"/>
  <c r="AD139798" i="1"/>
  <c r="AD139799" i="1"/>
  <c r="AD139800" i="1"/>
  <c r="AD139801" i="1"/>
  <c r="AD139802" i="1"/>
  <c r="AD139803" i="1"/>
  <c r="AD139804" i="1"/>
  <c r="AD139805" i="1"/>
  <c r="AD139806" i="1"/>
  <c r="AD139807" i="1"/>
  <c r="AD139808" i="1"/>
  <c r="AD139809" i="1"/>
  <c r="AD139810" i="1"/>
  <c r="AD139811" i="1"/>
  <c r="AD139812" i="1"/>
  <c r="AD139813" i="1"/>
  <c r="AD139814" i="1"/>
  <c r="AD139815" i="1"/>
  <c r="AD139816" i="1"/>
  <c r="AD139817" i="1"/>
  <c r="AD139818" i="1"/>
  <c r="AD139819" i="1"/>
  <c r="AD139820" i="1"/>
  <c r="AD139821" i="1"/>
  <c r="AD139822" i="1"/>
  <c r="AD139823" i="1"/>
  <c r="AD139824" i="1"/>
  <c r="AD139825" i="1"/>
  <c r="AD139826" i="1"/>
  <c r="AD139827" i="1"/>
  <c r="AD139828" i="1"/>
  <c r="AD139829" i="1"/>
  <c r="AD139830" i="1"/>
  <c r="AD139831" i="1"/>
  <c r="AD139832" i="1"/>
  <c r="AD139833" i="1"/>
  <c r="AD139834" i="1"/>
  <c r="AD139835" i="1"/>
  <c r="AD139836" i="1"/>
  <c r="AD139837" i="1"/>
  <c r="AD139838" i="1"/>
  <c r="AD139839" i="1"/>
  <c r="AD139840" i="1"/>
  <c r="AD139841" i="1"/>
  <c r="AD139842" i="1"/>
  <c r="AD139843" i="1"/>
  <c r="AD139844" i="1"/>
  <c r="AD139845" i="1"/>
  <c r="AD139846" i="1"/>
  <c r="AD139847" i="1"/>
  <c r="AD139848" i="1"/>
  <c r="AD139849" i="1"/>
  <c r="AD139850" i="1"/>
  <c r="AD139851" i="1"/>
  <c r="AD139852" i="1"/>
  <c r="AD139853" i="1"/>
  <c r="AD139854" i="1"/>
  <c r="AD139855" i="1"/>
  <c r="AD139856" i="1"/>
  <c r="AD139857" i="1"/>
  <c r="AD139858" i="1"/>
  <c r="AD139859" i="1"/>
  <c r="AD139860" i="1"/>
  <c r="AD139861" i="1"/>
  <c r="AD139862" i="1"/>
  <c r="AD139863" i="1"/>
  <c r="AD139864" i="1"/>
  <c r="AD139865" i="1"/>
  <c r="AD139866" i="1"/>
  <c r="AD139867" i="1"/>
  <c r="AD139868" i="1"/>
  <c r="AD139869" i="1"/>
  <c r="AD139870" i="1"/>
  <c r="AD139871" i="1"/>
  <c r="AD139872" i="1"/>
  <c r="AD139873" i="1"/>
  <c r="AD139874" i="1"/>
  <c r="AD139875" i="1"/>
  <c r="AD139876" i="1"/>
  <c r="AD139877" i="1"/>
  <c r="AD139878" i="1"/>
  <c r="AD139879" i="1"/>
  <c r="AD139880" i="1"/>
  <c r="AD139881" i="1"/>
  <c r="AD139882" i="1"/>
  <c r="AD139883" i="1"/>
  <c r="AD139884" i="1"/>
  <c r="AD139885" i="1"/>
  <c r="AD139886" i="1"/>
  <c r="AD139887" i="1"/>
  <c r="AD139888" i="1"/>
  <c r="AD139889" i="1"/>
  <c r="AD139890" i="1"/>
  <c r="AD139891" i="1"/>
  <c r="AD139892" i="1"/>
  <c r="AD139893" i="1"/>
  <c r="AD139894" i="1"/>
  <c r="AD139895" i="1"/>
  <c r="AD139896" i="1"/>
  <c r="AD139897" i="1"/>
  <c r="AD139898" i="1"/>
  <c r="AD139899" i="1"/>
  <c r="AD139900" i="1"/>
  <c r="AD139901" i="1"/>
  <c r="AD139902" i="1"/>
  <c r="AD139903" i="1"/>
  <c r="AD139904" i="1"/>
  <c r="AD139905" i="1"/>
  <c r="AD139906" i="1"/>
  <c r="AD139907" i="1"/>
  <c r="AD139908" i="1"/>
  <c r="AD139909" i="1"/>
  <c r="AD139910" i="1"/>
  <c r="AD139911" i="1"/>
  <c r="AD139912" i="1"/>
  <c r="AD139913" i="1"/>
  <c r="AD139914" i="1"/>
  <c r="AD139915" i="1"/>
  <c r="AD139916" i="1"/>
  <c r="AD139917" i="1"/>
  <c r="AD139918" i="1"/>
  <c r="AD139919" i="1"/>
  <c r="AD139920" i="1"/>
  <c r="AD139921" i="1"/>
  <c r="AD139922" i="1"/>
  <c r="AD139923" i="1"/>
  <c r="AD139924" i="1"/>
  <c r="AD139925" i="1"/>
  <c r="AD139926" i="1"/>
  <c r="AD139927" i="1"/>
  <c r="AD139928" i="1"/>
  <c r="AD139929" i="1"/>
  <c r="AD139930" i="1"/>
  <c r="AD139931" i="1"/>
  <c r="AD139932" i="1"/>
  <c r="AD139933" i="1"/>
  <c r="AD139934" i="1"/>
  <c r="AD139935" i="1"/>
  <c r="AD139936" i="1"/>
  <c r="AD139937" i="1"/>
  <c r="AD139938" i="1"/>
  <c r="AD139939" i="1"/>
  <c r="AD139940" i="1"/>
  <c r="AD139941" i="1"/>
  <c r="AD139942" i="1"/>
  <c r="AD139943" i="1"/>
  <c r="AD139944" i="1"/>
  <c r="AD139945" i="1"/>
  <c r="AD139946" i="1"/>
  <c r="AD139947" i="1"/>
  <c r="AD139948" i="1"/>
  <c r="AD139949" i="1"/>
  <c r="AD139950" i="1"/>
  <c r="AD139951" i="1"/>
  <c r="AD139952" i="1"/>
  <c r="AD139953" i="1"/>
  <c r="AD139954" i="1"/>
  <c r="AD139955" i="1"/>
  <c r="AD139956" i="1"/>
  <c r="AD139957" i="1"/>
  <c r="AD139958" i="1"/>
  <c r="AD139959" i="1"/>
  <c r="AD139960" i="1"/>
  <c r="AD139961" i="1"/>
  <c r="AD139962" i="1"/>
  <c r="AD139963" i="1"/>
  <c r="AD139964" i="1"/>
  <c r="AD139965" i="1"/>
  <c r="AD139966" i="1"/>
  <c r="AD139967" i="1"/>
  <c r="AD139968" i="1"/>
  <c r="AD139969" i="1"/>
  <c r="AD139970" i="1"/>
  <c r="AD139971" i="1"/>
  <c r="AD139972" i="1"/>
  <c r="AD139973" i="1"/>
  <c r="AD139974" i="1"/>
  <c r="AD139975" i="1"/>
  <c r="AD139976" i="1"/>
  <c r="AD139977" i="1"/>
  <c r="AD139978" i="1"/>
  <c r="AD139979" i="1"/>
  <c r="AD139980" i="1"/>
  <c r="AD139981" i="1"/>
  <c r="AD139982" i="1"/>
  <c r="AD139983" i="1"/>
  <c r="AD139984" i="1"/>
  <c r="AD139985" i="1"/>
  <c r="AD139986" i="1"/>
  <c r="AD139987" i="1"/>
  <c r="AD139988" i="1"/>
  <c r="AD139989" i="1"/>
  <c r="AD139990" i="1"/>
  <c r="AD139991" i="1"/>
  <c r="AD139992" i="1"/>
  <c r="AD139993" i="1"/>
  <c r="AD139994" i="1"/>
  <c r="AD139995" i="1"/>
  <c r="AD139996" i="1"/>
  <c r="AD139997" i="1"/>
  <c r="AD139998" i="1"/>
  <c r="AD139999" i="1"/>
  <c r="AD140000" i="1"/>
  <c r="AD140001" i="1"/>
  <c r="AD140002" i="1"/>
  <c r="AD140003" i="1"/>
  <c r="AD140004" i="1"/>
  <c r="AD140005" i="1"/>
  <c r="AD140006" i="1"/>
  <c r="AD140007" i="1"/>
  <c r="AD140008" i="1"/>
  <c r="AD140009" i="1"/>
  <c r="AD140010" i="1"/>
  <c r="AD140011" i="1"/>
  <c r="AD140012" i="1"/>
  <c r="AD140013" i="1"/>
  <c r="AD140014" i="1"/>
  <c r="AD140015" i="1"/>
  <c r="AD140016" i="1"/>
  <c r="AD140017" i="1"/>
  <c r="AD140018" i="1"/>
  <c r="AD140019" i="1"/>
  <c r="AD140020" i="1"/>
  <c r="AD140021" i="1"/>
  <c r="AD140022" i="1"/>
  <c r="AD140023" i="1"/>
  <c r="AD140024" i="1"/>
  <c r="AD140025" i="1"/>
  <c r="AD140026" i="1"/>
  <c r="AD140027" i="1"/>
  <c r="AD140028" i="1"/>
  <c r="AD140029" i="1"/>
  <c r="AD140030" i="1"/>
  <c r="AD140031" i="1"/>
  <c r="AD140032" i="1"/>
  <c r="AD140033" i="1"/>
  <c r="AD140034" i="1"/>
  <c r="AD140035" i="1"/>
  <c r="AD140036" i="1"/>
  <c r="AD140037" i="1"/>
  <c r="AD140038" i="1"/>
  <c r="AD140039" i="1"/>
  <c r="AD140040" i="1"/>
  <c r="AD140041" i="1"/>
  <c r="AD140042" i="1"/>
  <c r="AD140043" i="1"/>
  <c r="AD140044" i="1"/>
  <c r="AD140045" i="1"/>
  <c r="AD140046" i="1"/>
  <c r="AD140047" i="1"/>
  <c r="AD140048" i="1"/>
  <c r="AD140049" i="1"/>
  <c r="AD140050" i="1"/>
  <c r="AD140051" i="1"/>
  <c r="AD140052" i="1"/>
  <c r="AD140053" i="1"/>
  <c r="AD140054" i="1"/>
  <c r="AD140055" i="1"/>
  <c r="AD140056" i="1"/>
  <c r="AD140057" i="1"/>
  <c r="AD140058" i="1"/>
  <c r="AD140059" i="1"/>
  <c r="AD140060" i="1"/>
  <c r="AD140061" i="1"/>
  <c r="AD140062" i="1"/>
  <c r="AD140063" i="1"/>
  <c r="AD140064" i="1"/>
  <c r="AD140065" i="1"/>
  <c r="AD140066" i="1"/>
  <c r="AD140067" i="1"/>
  <c r="AD140068" i="1"/>
  <c r="AD140069" i="1"/>
  <c r="AD140070" i="1"/>
  <c r="AD140071" i="1"/>
  <c r="AD140072" i="1"/>
  <c r="AD140073" i="1"/>
  <c r="AD140074" i="1"/>
  <c r="AD140075" i="1"/>
  <c r="AD140076" i="1"/>
  <c r="AD140077" i="1"/>
  <c r="AD140078" i="1"/>
  <c r="AD140079" i="1"/>
  <c r="AD140080" i="1"/>
  <c r="AD140081" i="1"/>
  <c r="AD140082" i="1"/>
  <c r="AD140083" i="1"/>
  <c r="AD140084" i="1"/>
  <c r="AD140085" i="1"/>
  <c r="AD140086" i="1"/>
  <c r="AD140087" i="1"/>
  <c r="AD140088" i="1"/>
  <c r="AD140089" i="1"/>
  <c r="AD140090" i="1"/>
  <c r="AD140091" i="1"/>
  <c r="AD140092" i="1"/>
  <c r="AD140093" i="1"/>
  <c r="AD140094" i="1"/>
  <c r="AD140095" i="1"/>
  <c r="AD140096" i="1"/>
  <c r="AD140097" i="1"/>
  <c r="AD140098" i="1"/>
  <c r="AD140099" i="1"/>
  <c r="AD140100" i="1"/>
  <c r="AD140101" i="1"/>
  <c r="AD140102" i="1"/>
  <c r="AD140103" i="1"/>
  <c r="AD140104" i="1"/>
  <c r="AD140105" i="1"/>
  <c r="AD140106" i="1"/>
  <c r="AD140107" i="1"/>
  <c r="AD140108" i="1"/>
  <c r="AD140109" i="1"/>
  <c r="AD140110" i="1"/>
  <c r="AD140111" i="1"/>
  <c r="AD140112" i="1"/>
  <c r="AD140113" i="1"/>
  <c r="AD140114" i="1"/>
  <c r="AD140115" i="1"/>
  <c r="AD140116" i="1"/>
  <c r="AD140117" i="1"/>
  <c r="AD140118" i="1"/>
  <c r="AD140119" i="1"/>
  <c r="AD140120" i="1"/>
  <c r="AD140121" i="1"/>
  <c r="AD140122" i="1"/>
  <c r="AD140123" i="1"/>
  <c r="AD140124" i="1"/>
  <c r="AD140125" i="1"/>
  <c r="AD140126" i="1"/>
  <c r="AD140127" i="1"/>
  <c r="AD140128" i="1"/>
  <c r="AD140129" i="1"/>
  <c r="AD140130" i="1"/>
  <c r="AD140131" i="1"/>
  <c r="AD140132" i="1"/>
  <c r="AD140133" i="1"/>
  <c r="AD140134" i="1"/>
  <c r="AD140135" i="1"/>
  <c r="AD140136" i="1"/>
  <c r="AD140137" i="1"/>
  <c r="AD140138" i="1"/>
  <c r="AD140139" i="1"/>
  <c r="AD140140" i="1"/>
  <c r="AD140141" i="1"/>
  <c r="AD140142" i="1"/>
  <c r="AD140143" i="1"/>
  <c r="AD140144" i="1"/>
  <c r="AD140145" i="1"/>
  <c r="AD140146" i="1"/>
  <c r="AD140147" i="1"/>
  <c r="AD140148" i="1"/>
  <c r="AD140149" i="1"/>
  <c r="AD140150" i="1"/>
  <c r="AD140151" i="1"/>
  <c r="AD140152" i="1"/>
  <c r="AD140153" i="1"/>
  <c r="AD140154" i="1"/>
  <c r="AD140155" i="1"/>
  <c r="AD140156" i="1"/>
  <c r="AD140157" i="1"/>
  <c r="AD140158" i="1"/>
  <c r="AD140159" i="1"/>
  <c r="AD140160" i="1"/>
  <c r="AD140161" i="1"/>
  <c r="AD140162" i="1"/>
  <c r="AD140163" i="1"/>
  <c r="AD140164" i="1"/>
  <c r="AD140165" i="1"/>
  <c r="AD140166" i="1"/>
  <c r="AD140167" i="1"/>
  <c r="AD140168" i="1"/>
  <c r="AD140169" i="1"/>
  <c r="AD140170" i="1"/>
  <c r="AD140171" i="1"/>
  <c r="AD140172" i="1"/>
  <c r="AD140173" i="1"/>
  <c r="AD140174" i="1"/>
  <c r="AD140175" i="1"/>
  <c r="AD140176" i="1"/>
  <c r="AD140177" i="1"/>
  <c r="AD140178" i="1"/>
  <c r="AD140179" i="1"/>
  <c r="AD140180" i="1"/>
  <c r="AD140181" i="1"/>
  <c r="AD140182" i="1"/>
  <c r="AD140183" i="1"/>
  <c r="AD140184" i="1"/>
  <c r="AD140185" i="1"/>
  <c r="AD140186" i="1"/>
  <c r="AD140187" i="1"/>
  <c r="AD140188" i="1"/>
  <c r="AD140189" i="1"/>
  <c r="AD140190" i="1"/>
  <c r="AD140191" i="1"/>
  <c r="AD140192" i="1"/>
  <c r="AD140193" i="1"/>
  <c r="AD140194" i="1"/>
  <c r="AD140195" i="1"/>
  <c r="AD140196" i="1"/>
  <c r="AD140197" i="1"/>
  <c r="AD140198" i="1"/>
  <c r="AD140199" i="1"/>
  <c r="AD140200" i="1"/>
  <c r="AD140201" i="1"/>
  <c r="AD140202" i="1"/>
  <c r="AD140203" i="1"/>
  <c r="AD140204" i="1"/>
  <c r="AD140205" i="1"/>
  <c r="AD140206" i="1"/>
  <c r="AD140207" i="1"/>
  <c r="AD140208" i="1"/>
  <c r="AD140209" i="1"/>
  <c r="AD140210" i="1"/>
  <c r="AD140211" i="1"/>
  <c r="AD140212" i="1"/>
  <c r="AD140213" i="1"/>
  <c r="AD140214" i="1"/>
  <c r="AD140215" i="1"/>
  <c r="AD140216" i="1"/>
  <c r="AD140217" i="1"/>
  <c r="AD140218" i="1"/>
  <c r="AD140219" i="1"/>
  <c r="AD140220" i="1"/>
  <c r="AD140221" i="1"/>
  <c r="AD140222" i="1"/>
  <c r="AD140223" i="1"/>
  <c r="AD140224" i="1"/>
  <c r="AD140225" i="1"/>
  <c r="AD140226" i="1"/>
  <c r="AD140227" i="1"/>
  <c r="AD140228" i="1"/>
  <c r="AD140229" i="1"/>
  <c r="AD140230" i="1"/>
  <c r="AD140231" i="1"/>
  <c r="AD140232" i="1"/>
  <c r="AD140233" i="1"/>
  <c r="AD140234" i="1"/>
  <c r="AD140235" i="1"/>
  <c r="AD140236" i="1"/>
  <c r="AD140237" i="1"/>
  <c r="AD140238" i="1"/>
  <c r="AD140239" i="1"/>
  <c r="AD140240" i="1"/>
  <c r="AD140241" i="1"/>
  <c r="AD140242" i="1"/>
  <c r="AD140243" i="1"/>
  <c r="AD140244" i="1"/>
  <c r="AD140245" i="1"/>
  <c r="AD140246" i="1"/>
  <c r="AD140247" i="1"/>
  <c r="AD140248" i="1"/>
  <c r="AD140249" i="1"/>
  <c r="AD140250" i="1"/>
  <c r="AD140251" i="1"/>
  <c r="AD140252" i="1"/>
  <c r="AD140253" i="1"/>
  <c r="AD140254" i="1"/>
  <c r="AD140255" i="1"/>
  <c r="AD140256" i="1"/>
  <c r="AD140257" i="1"/>
  <c r="AD140258" i="1"/>
  <c r="AD140259" i="1"/>
  <c r="AD140260" i="1"/>
  <c r="AD140261" i="1"/>
  <c r="AD140262" i="1"/>
  <c r="AD140263" i="1"/>
  <c r="AD140264" i="1"/>
  <c r="AD140265" i="1"/>
  <c r="AD140266" i="1"/>
  <c r="AD140267" i="1"/>
  <c r="AD140268" i="1"/>
  <c r="AD140269" i="1"/>
  <c r="AD140270" i="1"/>
  <c r="AD140271" i="1"/>
  <c r="AD140272" i="1"/>
  <c r="AD140273" i="1"/>
  <c r="AD140274" i="1"/>
  <c r="AD140275" i="1"/>
  <c r="AD140276" i="1"/>
  <c r="AD140277" i="1"/>
  <c r="AD140278" i="1"/>
  <c r="AD140279" i="1"/>
  <c r="AD140280" i="1"/>
  <c r="AD140281" i="1"/>
  <c r="AD140282" i="1"/>
  <c r="AD140283" i="1"/>
  <c r="AD140284" i="1"/>
  <c r="AD140285" i="1"/>
  <c r="AD140286" i="1"/>
  <c r="AD140287" i="1"/>
  <c r="AD140288" i="1"/>
  <c r="AD140289" i="1"/>
  <c r="AD140290" i="1"/>
  <c r="AD140291" i="1"/>
  <c r="AD140292" i="1"/>
  <c r="AD140293" i="1"/>
  <c r="AD140294" i="1"/>
  <c r="AD140295" i="1"/>
  <c r="AD140296" i="1"/>
  <c r="AD140297" i="1"/>
  <c r="AD140298" i="1"/>
  <c r="AD140299" i="1"/>
  <c r="AD140300" i="1"/>
  <c r="AD140301" i="1"/>
  <c r="AD140302" i="1"/>
  <c r="AD140303" i="1"/>
  <c r="AD140304" i="1"/>
  <c r="AD140305" i="1"/>
  <c r="AD140306" i="1"/>
  <c r="AD140307" i="1"/>
  <c r="AD140308" i="1"/>
  <c r="AD140309" i="1"/>
  <c r="AD140310" i="1"/>
  <c r="AD140311" i="1"/>
  <c r="AD140312" i="1"/>
  <c r="AD140313" i="1"/>
  <c r="AD140314" i="1"/>
  <c r="AD140315" i="1"/>
  <c r="AD140316" i="1"/>
  <c r="AD140317" i="1"/>
  <c r="AD140318" i="1"/>
  <c r="AD140319" i="1"/>
  <c r="AD140320" i="1"/>
  <c r="AD140321" i="1"/>
  <c r="AD140322" i="1"/>
  <c r="AD140323" i="1"/>
  <c r="AD140324" i="1"/>
  <c r="AD140325" i="1"/>
  <c r="AD140326" i="1"/>
  <c r="AD140327" i="1"/>
  <c r="AD140328" i="1"/>
  <c r="AD140329" i="1"/>
  <c r="AD140330" i="1"/>
  <c r="AD140331" i="1"/>
  <c r="AD140332" i="1"/>
  <c r="AD140333" i="1"/>
  <c r="AD140334" i="1"/>
  <c r="AD140335" i="1"/>
  <c r="AD140336" i="1"/>
  <c r="AD140337" i="1"/>
  <c r="AD140338" i="1"/>
  <c r="AD140339" i="1"/>
  <c r="AD140340" i="1"/>
  <c r="AD140341" i="1"/>
  <c r="AD140342" i="1"/>
  <c r="AD140343" i="1"/>
  <c r="AD140344" i="1"/>
  <c r="AD140345" i="1"/>
  <c r="AD140346" i="1"/>
  <c r="AD140347" i="1"/>
  <c r="AD140348" i="1"/>
  <c r="AD140349" i="1"/>
  <c r="AD140350" i="1"/>
  <c r="AD140351" i="1"/>
  <c r="AD140352" i="1"/>
  <c r="AD140353" i="1"/>
  <c r="AD140354" i="1"/>
  <c r="AD140355" i="1"/>
  <c r="AD140356" i="1"/>
  <c r="AD140357" i="1"/>
  <c r="AD140358" i="1"/>
  <c r="AD140359" i="1"/>
  <c r="AD140360" i="1"/>
  <c r="AD140361" i="1"/>
  <c r="AD140362" i="1"/>
  <c r="AD140363" i="1"/>
  <c r="AD140364" i="1"/>
  <c r="AD140365" i="1"/>
  <c r="AD140366" i="1"/>
  <c r="AD140367" i="1"/>
  <c r="AD140368" i="1"/>
  <c r="AD140369" i="1"/>
  <c r="AD140370" i="1"/>
  <c r="AD140371" i="1"/>
  <c r="AD140372" i="1"/>
  <c r="AD140373" i="1"/>
  <c r="AD140374" i="1"/>
  <c r="AD140375" i="1"/>
  <c r="AD140376" i="1"/>
  <c r="AD140377" i="1"/>
  <c r="AD140378" i="1"/>
  <c r="AD140379" i="1"/>
  <c r="AD140380" i="1"/>
  <c r="AD140381" i="1"/>
  <c r="AD140382" i="1"/>
  <c r="AD140383" i="1"/>
  <c r="AD140384" i="1"/>
  <c r="AD140385" i="1"/>
  <c r="AD140386" i="1"/>
  <c r="AD140387" i="1"/>
  <c r="AD140388" i="1"/>
  <c r="AD140389" i="1"/>
  <c r="AD140390" i="1"/>
  <c r="AD140391" i="1"/>
  <c r="AD140392" i="1"/>
  <c r="AD140393" i="1"/>
  <c r="AD140394" i="1"/>
  <c r="AD140395" i="1"/>
  <c r="AD140396" i="1"/>
  <c r="AD140397" i="1"/>
  <c r="AD140398" i="1"/>
  <c r="AD140399" i="1"/>
  <c r="AD140400" i="1"/>
  <c r="AD140401" i="1"/>
  <c r="AD140402" i="1"/>
  <c r="AD140403" i="1"/>
  <c r="AD140404" i="1"/>
  <c r="AD140405" i="1"/>
  <c r="AD140406" i="1"/>
  <c r="AD140407" i="1"/>
  <c r="AD140408" i="1"/>
  <c r="AD140409" i="1"/>
  <c r="AD140410" i="1"/>
  <c r="AD140411" i="1"/>
  <c r="AD140412" i="1"/>
  <c r="AD140413" i="1"/>
  <c r="AD140414" i="1"/>
  <c r="AD140415" i="1"/>
  <c r="AD140416" i="1"/>
  <c r="AD140417" i="1"/>
  <c r="AD140418" i="1"/>
  <c r="AD140419" i="1"/>
  <c r="AD140420" i="1"/>
  <c r="AD140421" i="1"/>
  <c r="AD140422" i="1"/>
  <c r="AD140423" i="1"/>
  <c r="AD140424" i="1"/>
  <c r="AD140425" i="1"/>
  <c r="AD140426" i="1"/>
  <c r="AD140427" i="1"/>
  <c r="AD140428" i="1"/>
  <c r="AD140429" i="1"/>
  <c r="AD140430" i="1"/>
  <c r="AD140431" i="1"/>
  <c r="AD140432" i="1"/>
  <c r="AD140433" i="1"/>
  <c r="AD140434" i="1"/>
  <c r="AD140435" i="1"/>
  <c r="AD140436" i="1"/>
  <c r="AD140437" i="1"/>
  <c r="AD140438" i="1"/>
  <c r="AD140439" i="1"/>
  <c r="AD140440" i="1"/>
  <c r="AD140441" i="1"/>
  <c r="AD140442" i="1"/>
  <c r="AD140443" i="1"/>
  <c r="AD140444" i="1"/>
  <c r="AD140445" i="1"/>
  <c r="AD140446" i="1"/>
  <c r="AD140447" i="1"/>
  <c r="AD140448" i="1"/>
  <c r="AD140449" i="1"/>
  <c r="AD140450" i="1"/>
  <c r="AD140451" i="1"/>
  <c r="AD140452" i="1"/>
  <c r="AD140453" i="1"/>
  <c r="AD140454" i="1"/>
  <c r="AD140455" i="1"/>
  <c r="AD140456" i="1"/>
  <c r="AD140457" i="1"/>
  <c r="AD140458" i="1"/>
  <c r="AD140459" i="1"/>
  <c r="AD140460" i="1"/>
  <c r="AD140461" i="1"/>
  <c r="AD140462" i="1"/>
  <c r="AD140463" i="1"/>
  <c r="AD140464" i="1"/>
  <c r="AD140465" i="1"/>
  <c r="AD140466" i="1"/>
  <c r="AD140467" i="1"/>
  <c r="AD140468" i="1"/>
  <c r="AD140469" i="1"/>
  <c r="AD140470" i="1"/>
  <c r="AD140471" i="1"/>
  <c r="AD140472" i="1"/>
  <c r="AD140473" i="1"/>
  <c r="AD140474" i="1"/>
  <c r="AD140475" i="1"/>
  <c r="AD140476" i="1"/>
  <c r="AD140477" i="1"/>
  <c r="AD140478" i="1"/>
  <c r="AD140479" i="1"/>
  <c r="AD140480" i="1"/>
  <c r="AD140481" i="1"/>
  <c r="AD140482" i="1"/>
  <c r="AD140483" i="1"/>
  <c r="AD140484" i="1"/>
  <c r="AD140485" i="1"/>
  <c r="AD140486" i="1"/>
  <c r="AD140487" i="1"/>
  <c r="AD140488" i="1"/>
  <c r="AD140489" i="1"/>
  <c r="AD140490" i="1"/>
  <c r="AD140491" i="1"/>
  <c r="AD140492" i="1"/>
  <c r="AD140493" i="1"/>
  <c r="AD140494" i="1"/>
  <c r="AD140495" i="1"/>
  <c r="AD140496" i="1"/>
  <c r="AD140497" i="1"/>
  <c r="AD140498" i="1"/>
  <c r="AD140499" i="1"/>
  <c r="AD140500" i="1"/>
  <c r="AD140501" i="1"/>
  <c r="AD140502" i="1"/>
  <c r="AD140503" i="1"/>
  <c r="AD140504" i="1"/>
  <c r="AD140505" i="1"/>
  <c r="AD140506" i="1"/>
  <c r="AD140507" i="1"/>
  <c r="AD140508" i="1"/>
  <c r="AD140509" i="1"/>
  <c r="AD140510" i="1"/>
  <c r="AD140511" i="1"/>
  <c r="AD140512" i="1"/>
  <c r="AD140513" i="1"/>
  <c r="AD140514" i="1"/>
  <c r="AD140515" i="1"/>
  <c r="AD140516" i="1"/>
  <c r="AD140517" i="1"/>
  <c r="AD140518" i="1"/>
  <c r="AD140519" i="1"/>
  <c r="AD140520" i="1"/>
  <c r="AD140521" i="1"/>
  <c r="AD140522" i="1"/>
  <c r="AD140523" i="1"/>
  <c r="AD140524" i="1"/>
  <c r="AD140525" i="1"/>
  <c r="AD140526" i="1"/>
  <c r="AD140527" i="1"/>
  <c r="AD140528" i="1"/>
  <c r="AD140529" i="1"/>
  <c r="AD140530" i="1"/>
  <c r="AD140531" i="1"/>
  <c r="AD140532" i="1"/>
  <c r="AD140533" i="1"/>
  <c r="AD140534" i="1"/>
  <c r="AD140535" i="1"/>
  <c r="AD140536" i="1"/>
  <c r="AD140537" i="1"/>
  <c r="AD140538" i="1"/>
  <c r="AD140539" i="1"/>
  <c r="AD140540" i="1"/>
  <c r="AD140541" i="1"/>
  <c r="AD140542" i="1"/>
  <c r="AD140543" i="1"/>
  <c r="AD140544" i="1"/>
  <c r="AD140545" i="1"/>
  <c r="AD140546" i="1"/>
  <c r="AD140547" i="1"/>
  <c r="AD140548" i="1"/>
  <c r="AD140549" i="1"/>
  <c r="AD140550" i="1"/>
  <c r="AD140551" i="1"/>
  <c r="AD140552" i="1"/>
  <c r="AD140553" i="1"/>
  <c r="AD140554" i="1"/>
  <c r="AD140555" i="1"/>
  <c r="AD140556" i="1"/>
  <c r="AD140557" i="1"/>
  <c r="AD140558" i="1"/>
  <c r="AD140559" i="1"/>
  <c r="AD140560" i="1"/>
  <c r="AD140561" i="1"/>
  <c r="AD140562" i="1"/>
  <c r="AD140563" i="1"/>
  <c r="AD140564" i="1"/>
  <c r="AD140565" i="1"/>
  <c r="AD140566" i="1"/>
  <c r="AD140567" i="1"/>
  <c r="AD140568" i="1"/>
  <c r="AD140569" i="1"/>
  <c r="AD140570" i="1"/>
  <c r="AD140571" i="1"/>
  <c r="AD140572" i="1"/>
  <c r="AD140573" i="1"/>
  <c r="AD140574" i="1"/>
  <c r="AD140575" i="1"/>
  <c r="AD140576" i="1"/>
  <c r="AD140577" i="1"/>
  <c r="AD140578" i="1"/>
  <c r="AD140579" i="1"/>
  <c r="AD140580" i="1"/>
  <c r="AD140581" i="1"/>
  <c r="AD140582" i="1"/>
  <c r="AD140583" i="1"/>
  <c r="AD140584" i="1"/>
  <c r="AD140585" i="1"/>
  <c r="AD140586" i="1"/>
  <c r="AD140587" i="1"/>
  <c r="AD140588" i="1"/>
  <c r="AD140589" i="1"/>
  <c r="AD140590" i="1"/>
  <c r="AD140591" i="1"/>
  <c r="AD140592" i="1"/>
  <c r="AD140593" i="1"/>
  <c r="AD140594" i="1"/>
  <c r="AD140595" i="1"/>
  <c r="AD140596" i="1"/>
  <c r="AD140597" i="1"/>
  <c r="AD140598" i="1"/>
  <c r="AD140599" i="1"/>
  <c r="AD140600" i="1"/>
  <c r="AD140601" i="1"/>
  <c r="AD140602" i="1"/>
  <c r="AD140603" i="1"/>
  <c r="AD140604" i="1"/>
  <c r="AD140605" i="1"/>
  <c r="AD140606" i="1"/>
  <c r="AD140607" i="1"/>
  <c r="AD140608" i="1"/>
  <c r="AD140609" i="1"/>
  <c r="AD140610" i="1"/>
  <c r="AD140611" i="1"/>
  <c r="AD140612" i="1"/>
  <c r="AD140613" i="1"/>
  <c r="AD140614" i="1"/>
  <c r="AD140615" i="1"/>
  <c r="AD140616" i="1"/>
  <c r="AD140617" i="1"/>
  <c r="AD140618" i="1"/>
  <c r="AD140619" i="1"/>
  <c r="AD140620" i="1"/>
  <c r="AD140621" i="1"/>
  <c r="AD140622" i="1"/>
  <c r="AD140623" i="1"/>
  <c r="AD140624" i="1"/>
  <c r="AD140625" i="1"/>
  <c r="AD140626" i="1"/>
  <c r="AD140627" i="1"/>
  <c r="AD140628" i="1"/>
  <c r="AD140629" i="1"/>
  <c r="AD140630" i="1"/>
  <c r="AD140631" i="1"/>
  <c r="AD140632" i="1"/>
  <c r="AD140633" i="1"/>
  <c r="AD140634" i="1"/>
  <c r="AD140635" i="1"/>
  <c r="AD140636" i="1"/>
  <c r="AD140637" i="1"/>
  <c r="AD140638" i="1"/>
  <c r="AD140639" i="1"/>
  <c r="AD140640" i="1"/>
  <c r="AD140641" i="1"/>
  <c r="AD140642" i="1"/>
  <c r="AD140643" i="1"/>
  <c r="AD140644" i="1"/>
  <c r="AD140645" i="1"/>
  <c r="AD140646" i="1"/>
  <c r="AD140647" i="1"/>
  <c r="AD140648" i="1"/>
  <c r="AD140649" i="1"/>
  <c r="AD140650" i="1"/>
  <c r="AD140651" i="1"/>
  <c r="AD140652" i="1"/>
  <c r="AD140653" i="1"/>
  <c r="AD140654" i="1"/>
  <c r="AD140655" i="1"/>
  <c r="AD140656" i="1"/>
  <c r="AD140657" i="1"/>
  <c r="AD140658" i="1"/>
  <c r="AD140659" i="1"/>
  <c r="AD140660" i="1"/>
  <c r="AD140661" i="1"/>
  <c r="AD140662" i="1"/>
  <c r="AD140663" i="1"/>
  <c r="AD140664" i="1"/>
  <c r="AD140665" i="1"/>
  <c r="AD140666" i="1"/>
  <c r="AD140667" i="1"/>
  <c r="AD140668" i="1"/>
  <c r="AD140669" i="1"/>
  <c r="AD140670" i="1"/>
  <c r="AD140671" i="1"/>
  <c r="AD140672" i="1"/>
  <c r="AD140673" i="1"/>
  <c r="AD140674" i="1"/>
  <c r="AD140675" i="1"/>
  <c r="AD140676" i="1"/>
  <c r="AD140677" i="1"/>
  <c r="AD140678" i="1"/>
  <c r="AD140679" i="1"/>
  <c r="AD140680" i="1"/>
  <c r="AD140681" i="1"/>
  <c r="AD140682" i="1"/>
  <c r="AD140683" i="1"/>
  <c r="AD140684" i="1"/>
  <c r="AD140685" i="1"/>
  <c r="AD140686" i="1"/>
  <c r="AD140687" i="1"/>
  <c r="AD140688" i="1"/>
  <c r="AD140689" i="1"/>
  <c r="AD140690" i="1"/>
  <c r="AD140691" i="1"/>
  <c r="AD140692" i="1"/>
  <c r="AD140693" i="1"/>
  <c r="AD140694" i="1"/>
  <c r="AD140695" i="1"/>
  <c r="AD140696" i="1"/>
  <c r="AD140697" i="1"/>
  <c r="AD140698" i="1"/>
  <c r="AD140699" i="1"/>
  <c r="AD140700" i="1"/>
  <c r="AD140701" i="1"/>
  <c r="AD140702" i="1"/>
  <c r="AD140703" i="1"/>
  <c r="AD140704" i="1"/>
  <c r="AD140705" i="1"/>
  <c r="AD140706" i="1"/>
  <c r="AD140707" i="1"/>
  <c r="AD140708" i="1"/>
  <c r="AD140709" i="1"/>
  <c r="AD140710" i="1"/>
  <c r="AD140711" i="1"/>
  <c r="AD140712" i="1"/>
  <c r="AD140713" i="1"/>
  <c r="AD140714" i="1"/>
  <c r="AD140715" i="1"/>
  <c r="AD140716" i="1"/>
  <c r="AD140717" i="1"/>
  <c r="AD140718" i="1"/>
  <c r="AD140719" i="1"/>
  <c r="AD140720" i="1"/>
  <c r="AD140721" i="1"/>
  <c r="AD140722" i="1"/>
  <c r="AD140723" i="1"/>
  <c r="AD140724" i="1"/>
  <c r="AD140725" i="1"/>
  <c r="AD140726" i="1"/>
  <c r="AD140727" i="1"/>
  <c r="AD140728" i="1"/>
  <c r="AD140729" i="1"/>
  <c r="AD140730" i="1"/>
  <c r="AD140731" i="1"/>
  <c r="AD140732" i="1"/>
  <c r="AD140733" i="1"/>
  <c r="AD140734" i="1"/>
  <c r="AD140735" i="1"/>
  <c r="AD140736" i="1"/>
  <c r="AD140737" i="1"/>
  <c r="AD140738" i="1"/>
  <c r="AD140739" i="1"/>
  <c r="AD140740" i="1"/>
  <c r="AD140741" i="1"/>
  <c r="AD140742" i="1"/>
  <c r="AD140743" i="1"/>
  <c r="AD140744" i="1"/>
  <c r="AD140745" i="1"/>
  <c r="AD140746" i="1"/>
  <c r="AD140747" i="1"/>
  <c r="AD140748" i="1"/>
  <c r="AD140749" i="1"/>
  <c r="AD140750" i="1"/>
  <c r="AD140751" i="1"/>
  <c r="AD140752" i="1"/>
  <c r="AD140753" i="1"/>
  <c r="AD140754" i="1"/>
  <c r="AD140755" i="1"/>
  <c r="AD140756" i="1"/>
  <c r="AD140757" i="1"/>
  <c r="AD140758" i="1"/>
  <c r="AD140759" i="1"/>
  <c r="AD140760" i="1"/>
  <c r="AD140761" i="1"/>
  <c r="AD140762" i="1"/>
  <c r="AD140763" i="1"/>
  <c r="AD140764" i="1"/>
  <c r="AD140765" i="1"/>
  <c r="AD140766" i="1"/>
  <c r="AD140767" i="1"/>
  <c r="AD140768" i="1"/>
  <c r="AD140769" i="1"/>
  <c r="AD140770" i="1"/>
  <c r="AD140771" i="1"/>
  <c r="AD140772" i="1"/>
  <c r="AD140773" i="1"/>
  <c r="AD140774" i="1"/>
  <c r="AD140775" i="1"/>
  <c r="AD140776" i="1"/>
  <c r="AD140777" i="1"/>
  <c r="AD140778" i="1"/>
  <c r="AD140779" i="1"/>
  <c r="AD140780" i="1"/>
  <c r="AD140781" i="1"/>
  <c r="AD140782" i="1"/>
  <c r="AD140783" i="1"/>
  <c r="AD140784" i="1"/>
  <c r="AD140785" i="1"/>
  <c r="AD140786" i="1"/>
  <c r="AD140787" i="1"/>
  <c r="AD140788" i="1"/>
  <c r="AD140789" i="1"/>
  <c r="AD140790" i="1"/>
  <c r="AD140791" i="1"/>
  <c r="AD140792" i="1"/>
  <c r="AD140793" i="1"/>
  <c r="AD140794" i="1"/>
  <c r="AD140795" i="1"/>
  <c r="AD140796" i="1"/>
  <c r="AD140797" i="1"/>
  <c r="AD140798" i="1"/>
  <c r="AD140799" i="1"/>
  <c r="AD140800" i="1"/>
  <c r="AD140801" i="1"/>
  <c r="AD140802" i="1"/>
  <c r="AD140803" i="1"/>
  <c r="AD140804" i="1"/>
  <c r="AD140805" i="1"/>
  <c r="AD140806" i="1"/>
  <c r="AD140807" i="1"/>
  <c r="AD140808" i="1"/>
  <c r="AD140809" i="1"/>
  <c r="AD140810" i="1"/>
  <c r="AD140811" i="1"/>
  <c r="AD140812" i="1"/>
  <c r="AD140813" i="1"/>
  <c r="AD140814" i="1"/>
  <c r="AD140815" i="1"/>
  <c r="AD140816" i="1"/>
  <c r="AD140817" i="1"/>
  <c r="AD140818" i="1"/>
  <c r="AD140819" i="1"/>
  <c r="AD140820" i="1"/>
  <c r="AD140821" i="1"/>
  <c r="AD140822" i="1"/>
  <c r="AD140823" i="1"/>
  <c r="AD140824" i="1"/>
  <c r="AD140825" i="1"/>
  <c r="AD140826" i="1"/>
  <c r="AD140827" i="1"/>
  <c r="AD140828" i="1"/>
  <c r="AD140829" i="1"/>
  <c r="AD140830" i="1"/>
  <c r="AD140831" i="1"/>
  <c r="AD140832" i="1"/>
  <c r="AD140833" i="1"/>
  <c r="AD140834" i="1"/>
  <c r="AD140835" i="1"/>
  <c r="AD140836" i="1"/>
  <c r="AD140837" i="1"/>
  <c r="AD140838" i="1"/>
  <c r="AD140839" i="1"/>
  <c r="AD140840" i="1"/>
  <c r="AD140841" i="1"/>
  <c r="AD140842" i="1"/>
  <c r="AD140843" i="1"/>
  <c r="AD140844" i="1"/>
  <c r="AD140845" i="1"/>
  <c r="AD140846" i="1"/>
  <c r="AD140847" i="1"/>
  <c r="AD140848" i="1"/>
  <c r="AD140849" i="1"/>
  <c r="AD140850" i="1"/>
  <c r="AD140851" i="1"/>
  <c r="AD140852" i="1"/>
  <c r="AD140853" i="1"/>
  <c r="AD140854" i="1"/>
  <c r="AD140855" i="1"/>
  <c r="AD140856" i="1"/>
  <c r="AD140857" i="1"/>
  <c r="AD140858" i="1"/>
  <c r="AD140859" i="1"/>
  <c r="AD140860" i="1"/>
  <c r="AD140861" i="1"/>
  <c r="AD140862" i="1"/>
  <c r="AD140863" i="1"/>
  <c r="AD140864" i="1"/>
  <c r="AD140865" i="1"/>
  <c r="AD140866" i="1"/>
  <c r="AD140867" i="1"/>
  <c r="AD140868" i="1"/>
  <c r="AD140869" i="1"/>
  <c r="AD140870" i="1"/>
  <c r="AD140871" i="1"/>
  <c r="AD140872" i="1"/>
  <c r="AD140873" i="1"/>
  <c r="AD140874" i="1"/>
  <c r="AD140875" i="1"/>
  <c r="AD140876" i="1"/>
  <c r="AD140877" i="1"/>
  <c r="AD140878" i="1"/>
  <c r="AD140879" i="1"/>
  <c r="AD140880" i="1"/>
  <c r="AD140881" i="1"/>
  <c r="AD140882" i="1"/>
  <c r="AD140883" i="1"/>
  <c r="AD140884" i="1"/>
  <c r="AD140885" i="1"/>
  <c r="AD140886" i="1"/>
  <c r="AD140887" i="1"/>
  <c r="AD140888" i="1"/>
  <c r="AD140889" i="1"/>
  <c r="AD140890" i="1"/>
  <c r="AD140891" i="1"/>
  <c r="AD140892" i="1"/>
  <c r="AD140893" i="1"/>
  <c r="AD140894" i="1"/>
  <c r="AD140895" i="1"/>
  <c r="AD140896" i="1"/>
  <c r="AD140897" i="1"/>
  <c r="AD140898" i="1"/>
  <c r="AD140899" i="1"/>
  <c r="AD140900" i="1"/>
  <c r="AD140901" i="1"/>
  <c r="AD140902" i="1"/>
  <c r="AD140903" i="1"/>
  <c r="AD140904" i="1"/>
  <c r="AD140905" i="1"/>
  <c r="AD140906" i="1"/>
  <c r="AD140907" i="1"/>
  <c r="AD140908" i="1"/>
  <c r="AD140909" i="1"/>
  <c r="AD140910" i="1"/>
  <c r="AD140911" i="1"/>
  <c r="AD140912" i="1"/>
  <c r="AD140913" i="1"/>
  <c r="AD140914" i="1"/>
  <c r="AD140915" i="1"/>
  <c r="AD140916" i="1"/>
  <c r="AD140917" i="1"/>
  <c r="AD140918" i="1"/>
  <c r="AD140919" i="1"/>
  <c r="AD140920" i="1"/>
  <c r="AD140921" i="1"/>
  <c r="AD140922" i="1"/>
  <c r="AD140923" i="1"/>
  <c r="AD140924" i="1"/>
  <c r="AD140925" i="1"/>
  <c r="AD140926" i="1"/>
  <c r="AD140927" i="1"/>
  <c r="AD140928" i="1"/>
  <c r="AD140929" i="1"/>
  <c r="AD140930" i="1"/>
  <c r="AD140931" i="1"/>
  <c r="AD140932" i="1"/>
  <c r="AD140933" i="1"/>
  <c r="AD140934" i="1"/>
  <c r="AD140935" i="1"/>
  <c r="AD140936" i="1"/>
  <c r="AD140937" i="1"/>
  <c r="AD140938" i="1"/>
  <c r="AD140939" i="1"/>
  <c r="AD140940" i="1"/>
  <c r="AD140941" i="1"/>
  <c r="AD140942" i="1"/>
  <c r="AD140943" i="1"/>
  <c r="AD140944" i="1"/>
  <c r="AD140945" i="1"/>
  <c r="AD140946" i="1"/>
  <c r="AD140947" i="1"/>
  <c r="AD140948" i="1"/>
  <c r="AD140949" i="1"/>
  <c r="AD140950" i="1"/>
  <c r="AD140951" i="1"/>
  <c r="AD140952" i="1"/>
  <c r="AD140953" i="1"/>
  <c r="AD140954" i="1"/>
  <c r="AD140955" i="1"/>
  <c r="AD140956" i="1"/>
  <c r="AD140957" i="1"/>
  <c r="AD140958" i="1"/>
  <c r="AD140959" i="1"/>
  <c r="AD140960" i="1"/>
  <c r="AD140961" i="1"/>
  <c r="AD140962" i="1"/>
  <c r="AD140963" i="1"/>
  <c r="AD140964" i="1"/>
  <c r="AD140965" i="1"/>
  <c r="AD140966" i="1"/>
  <c r="AD140967" i="1"/>
  <c r="AD140968" i="1"/>
  <c r="AD140969" i="1"/>
  <c r="AD140970" i="1"/>
  <c r="AD140971" i="1"/>
  <c r="AD140972" i="1"/>
  <c r="AD140973" i="1"/>
  <c r="AD140974" i="1"/>
  <c r="AD140975" i="1"/>
  <c r="AD140976" i="1"/>
  <c r="AD140977" i="1"/>
  <c r="AD140978" i="1"/>
  <c r="AD140979" i="1"/>
  <c r="AD140980" i="1"/>
  <c r="AD140981" i="1"/>
  <c r="AD140982" i="1"/>
  <c r="AD140983" i="1"/>
  <c r="AD140984" i="1"/>
  <c r="AD140985" i="1"/>
  <c r="AD140986" i="1"/>
  <c r="AD140987" i="1"/>
  <c r="AD140988" i="1"/>
  <c r="AD140989" i="1"/>
  <c r="AD140990" i="1"/>
  <c r="AD140991" i="1"/>
  <c r="AD140992" i="1"/>
  <c r="AD140993" i="1"/>
  <c r="AD140994" i="1"/>
  <c r="AD140995" i="1"/>
  <c r="AD140996" i="1"/>
  <c r="AD140997" i="1"/>
  <c r="AD140998" i="1"/>
  <c r="AD140999" i="1"/>
  <c r="AD141000" i="1"/>
  <c r="AD141001" i="1"/>
  <c r="AD141002" i="1"/>
  <c r="AD141003" i="1"/>
  <c r="AD141004" i="1"/>
  <c r="AD141005" i="1"/>
  <c r="AD141006" i="1"/>
  <c r="AD141007" i="1"/>
  <c r="AD141008" i="1"/>
  <c r="AD141009" i="1"/>
  <c r="AD141010" i="1"/>
  <c r="AD141011" i="1"/>
  <c r="AD141012" i="1"/>
  <c r="AD141013" i="1"/>
  <c r="AD141014" i="1"/>
  <c r="AD141015" i="1"/>
  <c r="AD141016" i="1"/>
  <c r="AD141017" i="1"/>
  <c r="AD141018" i="1"/>
  <c r="AD141019" i="1"/>
  <c r="AD141020" i="1"/>
  <c r="AD141021" i="1"/>
  <c r="AD141022" i="1"/>
  <c r="AD141023" i="1"/>
  <c r="AD141024" i="1"/>
  <c r="AD141025" i="1"/>
  <c r="AD141026" i="1"/>
  <c r="AD141027" i="1"/>
  <c r="AD141028" i="1"/>
  <c r="AD141029" i="1"/>
  <c r="AD141030" i="1"/>
  <c r="AD141031" i="1"/>
  <c r="AD141032" i="1"/>
  <c r="AD141033" i="1"/>
  <c r="AD141034" i="1"/>
  <c r="AD141035" i="1"/>
  <c r="AD141036" i="1"/>
  <c r="AD141037" i="1"/>
  <c r="AD141038" i="1"/>
  <c r="AD141039" i="1"/>
  <c r="AD141040" i="1"/>
  <c r="AD141041" i="1"/>
  <c r="AD141042" i="1"/>
  <c r="AD141043" i="1"/>
  <c r="AD141044" i="1"/>
  <c r="AD141045" i="1"/>
  <c r="AD141046" i="1"/>
  <c r="AD141047" i="1"/>
  <c r="AD141048" i="1"/>
  <c r="AD141049" i="1"/>
  <c r="AD141050" i="1"/>
  <c r="AD141051" i="1"/>
  <c r="AD141052" i="1"/>
  <c r="AD141053" i="1"/>
  <c r="AD141054" i="1"/>
  <c r="AD141055" i="1"/>
  <c r="AD141056" i="1"/>
  <c r="AD141057" i="1"/>
  <c r="AD141058" i="1"/>
  <c r="AD141059" i="1"/>
  <c r="AD141060" i="1"/>
  <c r="AD141061" i="1"/>
  <c r="AD141062" i="1"/>
  <c r="AD141063" i="1"/>
  <c r="AD141064" i="1"/>
  <c r="AD141065" i="1"/>
  <c r="AD141066" i="1"/>
  <c r="AD141067" i="1"/>
  <c r="AD141068" i="1"/>
  <c r="AD141069" i="1"/>
  <c r="AD141070" i="1"/>
  <c r="AD141071" i="1"/>
  <c r="AD141072" i="1"/>
  <c r="AD141073" i="1"/>
  <c r="AD141074" i="1"/>
  <c r="AD141075" i="1"/>
  <c r="AD141076" i="1"/>
  <c r="AD141077" i="1"/>
  <c r="AD141078" i="1"/>
  <c r="AD141079" i="1"/>
  <c r="AD141080" i="1"/>
  <c r="AD141081" i="1"/>
  <c r="AD141082" i="1"/>
  <c r="AD141083" i="1"/>
  <c r="AD141084" i="1"/>
  <c r="AD141085" i="1"/>
  <c r="AD141086" i="1"/>
  <c r="AD141087" i="1"/>
  <c r="AD141088" i="1"/>
  <c r="AD141089" i="1"/>
  <c r="AD141090" i="1"/>
  <c r="AD141091" i="1"/>
  <c r="AD141092" i="1"/>
  <c r="AD141093" i="1"/>
  <c r="AD141094" i="1"/>
  <c r="AD141095" i="1"/>
  <c r="AD141096" i="1"/>
  <c r="AD141097" i="1"/>
  <c r="AD141098" i="1"/>
  <c r="AD141099" i="1"/>
  <c r="AD141100" i="1"/>
  <c r="AD141101" i="1"/>
  <c r="AD141102" i="1"/>
  <c r="AD141103" i="1"/>
  <c r="AD141104" i="1"/>
  <c r="AD141105" i="1"/>
  <c r="AD141106" i="1"/>
  <c r="AD141107" i="1"/>
  <c r="AD141108" i="1"/>
  <c r="AD141109" i="1"/>
  <c r="AD141110" i="1"/>
  <c r="AD141111" i="1"/>
  <c r="AD141112" i="1"/>
  <c r="AD141113" i="1"/>
  <c r="AD141114" i="1"/>
  <c r="AD141115" i="1"/>
  <c r="AD141116" i="1"/>
  <c r="AD141117" i="1"/>
  <c r="AD141118" i="1"/>
  <c r="AD141119" i="1"/>
  <c r="AD141120" i="1"/>
  <c r="AD141121" i="1"/>
  <c r="AD141122" i="1"/>
  <c r="AD141123" i="1"/>
  <c r="AD141124" i="1"/>
  <c r="AD141125" i="1"/>
  <c r="AD141126" i="1"/>
  <c r="AD141127" i="1"/>
  <c r="AD141128" i="1"/>
  <c r="AD141129" i="1"/>
  <c r="AD141130" i="1"/>
  <c r="AD141131" i="1"/>
  <c r="AD141132" i="1"/>
  <c r="AD141133" i="1"/>
  <c r="AD141134" i="1"/>
  <c r="AD141135" i="1"/>
  <c r="AD141136" i="1"/>
  <c r="AD141137" i="1"/>
  <c r="AD141138" i="1"/>
  <c r="AD141139" i="1"/>
  <c r="AD141140" i="1"/>
  <c r="AD141141" i="1"/>
  <c r="AD141142" i="1"/>
  <c r="AD141143" i="1"/>
  <c r="AD141144" i="1"/>
  <c r="AD141145" i="1"/>
  <c r="AD141146" i="1"/>
  <c r="AD141147" i="1"/>
  <c r="AD141148" i="1"/>
  <c r="AD141149" i="1"/>
  <c r="AD141150" i="1"/>
  <c r="AD141151" i="1"/>
  <c r="AD141152" i="1"/>
  <c r="AD141153" i="1"/>
  <c r="AD141154" i="1"/>
  <c r="AD141155" i="1"/>
  <c r="AD141156" i="1"/>
  <c r="AD141157" i="1"/>
  <c r="AD141158" i="1"/>
  <c r="AD141159" i="1"/>
  <c r="AD141160" i="1"/>
  <c r="AD141161" i="1"/>
  <c r="AD141162" i="1"/>
  <c r="AD141163" i="1"/>
  <c r="AD141164" i="1"/>
  <c r="AD141165" i="1"/>
  <c r="AD141166" i="1"/>
  <c r="AD141167" i="1"/>
  <c r="AD141168" i="1"/>
  <c r="AD141169" i="1"/>
  <c r="AD141170" i="1"/>
  <c r="AD141171" i="1"/>
  <c r="AD141172" i="1"/>
  <c r="AD141173" i="1"/>
  <c r="AD141174" i="1"/>
  <c r="AD141175" i="1"/>
  <c r="AD141176" i="1"/>
  <c r="AD141177" i="1"/>
  <c r="AD141178" i="1"/>
  <c r="AD141179" i="1"/>
  <c r="AD141180" i="1"/>
  <c r="AD141181" i="1"/>
  <c r="AD141182" i="1"/>
  <c r="AD141183" i="1"/>
  <c r="AD141184" i="1"/>
  <c r="AD141185" i="1"/>
  <c r="AD141186" i="1"/>
  <c r="AD141187" i="1"/>
  <c r="AD141188" i="1"/>
  <c r="AD141189" i="1"/>
  <c r="AD141190" i="1"/>
  <c r="AD141191" i="1"/>
  <c r="AD141192" i="1"/>
  <c r="AD141193" i="1"/>
  <c r="AD141194" i="1"/>
  <c r="AD141195" i="1"/>
  <c r="AD141196" i="1"/>
  <c r="AD141197" i="1"/>
  <c r="AD141198" i="1"/>
  <c r="AD141199" i="1"/>
  <c r="AD141200" i="1"/>
  <c r="AD141201" i="1"/>
  <c r="AD141202" i="1"/>
  <c r="AD141203" i="1"/>
  <c r="AD141204" i="1"/>
  <c r="AD141205" i="1"/>
  <c r="AD141206" i="1"/>
  <c r="AD141207" i="1"/>
  <c r="AD141208" i="1"/>
  <c r="AD141209" i="1"/>
  <c r="AD141210" i="1"/>
  <c r="AD141211" i="1"/>
  <c r="AD141212" i="1"/>
  <c r="AD141213" i="1"/>
  <c r="AD141214" i="1"/>
  <c r="AD141215" i="1"/>
  <c r="AD141216" i="1"/>
  <c r="AD141217" i="1"/>
  <c r="AD141218" i="1"/>
  <c r="AD141219" i="1"/>
  <c r="AD141220" i="1"/>
  <c r="AD141221" i="1"/>
  <c r="AD141222" i="1"/>
  <c r="AD141223" i="1"/>
  <c r="AD141224" i="1"/>
  <c r="AD141225" i="1"/>
  <c r="AD141226" i="1"/>
  <c r="AD141227" i="1"/>
  <c r="AD141228" i="1"/>
  <c r="AD141229" i="1"/>
  <c r="AD141230" i="1"/>
  <c r="AD141231" i="1"/>
  <c r="AD141232" i="1"/>
  <c r="AD141233" i="1"/>
  <c r="AD141234" i="1"/>
  <c r="AD141235" i="1"/>
  <c r="AD141236" i="1"/>
  <c r="AD141237" i="1"/>
  <c r="AD141238" i="1"/>
  <c r="AD141239" i="1"/>
  <c r="AD141240" i="1"/>
  <c r="AD141241" i="1"/>
  <c r="AD141242" i="1"/>
  <c r="AD141243" i="1"/>
  <c r="AD141244" i="1"/>
  <c r="AD141245" i="1"/>
  <c r="AD141246" i="1"/>
  <c r="AD141247" i="1"/>
  <c r="AD141248" i="1"/>
  <c r="AD141249" i="1"/>
  <c r="AD141250" i="1"/>
  <c r="AD141251" i="1"/>
  <c r="AD141252" i="1"/>
  <c r="AD141253" i="1"/>
  <c r="AD141254" i="1"/>
  <c r="AD141255" i="1"/>
  <c r="AD141256" i="1"/>
  <c r="AD141257" i="1"/>
  <c r="AD141258" i="1"/>
  <c r="AD141259" i="1"/>
  <c r="AD141260" i="1"/>
  <c r="AD141261" i="1"/>
  <c r="AD141262" i="1"/>
  <c r="AD141263" i="1"/>
  <c r="AD141264" i="1"/>
  <c r="AD141265" i="1"/>
  <c r="AD141266" i="1"/>
  <c r="AD141267" i="1"/>
  <c r="AD141268" i="1"/>
  <c r="AD141269" i="1"/>
  <c r="AD141270" i="1"/>
  <c r="AD141271" i="1"/>
  <c r="AD141272" i="1"/>
  <c r="AD141273" i="1"/>
  <c r="AD141274" i="1"/>
  <c r="AD141275" i="1"/>
  <c r="AD141276" i="1"/>
  <c r="AD141277" i="1"/>
  <c r="AD141278" i="1"/>
  <c r="AD141279" i="1"/>
  <c r="AD141280" i="1"/>
  <c r="AD141281" i="1"/>
  <c r="AD141282" i="1"/>
  <c r="AD141283" i="1"/>
  <c r="AD141284" i="1"/>
  <c r="AD141285" i="1"/>
  <c r="AD141286" i="1"/>
  <c r="AD141287" i="1"/>
  <c r="AD141288" i="1"/>
  <c r="AD141289" i="1"/>
  <c r="AD141290" i="1"/>
  <c r="AD141291" i="1"/>
  <c r="AD141292" i="1"/>
  <c r="AD141293" i="1"/>
  <c r="AD141294" i="1"/>
  <c r="AD141295" i="1"/>
  <c r="AD141296" i="1"/>
  <c r="AD141297" i="1"/>
  <c r="AD141298" i="1"/>
  <c r="AD141299" i="1"/>
  <c r="AD141300" i="1"/>
  <c r="AD141301" i="1"/>
  <c r="AD141302" i="1"/>
  <c r="AD141303" i="1"/>
  <c r="AD141304" i="1"/>
  <c r="AD141305" i="1"/>
  <c r="AD141306" i="1"/>
  <c r="AD141307" i="1"/>
  <c r="AD141308" i="1"/>
  <c r="AD141309" i="1"/>
  <c r="AD141310" i="1"/>
  <c r="AD141311" i="1"/>
  <c r="AD141312" i="1"/>
  <c r="AD141313" i="1"/>
  <c r="AD141314" i="1"/>
  <c r="AD141315" i="1"/>
  <c r="AD141316" i="1"/>
  <c r="AD141317" i="1"/>
  <c r="AD141318" i="1"/>
  <c r="AD141319" i="1"/>
  <c r="AD141320" i="1"/>
  <c r="AD141321" i="1"/>
  <c r="AD141322" i="1"/>
  <c r="AD141323" i="1"/>
  <c r="AD141324" i="1"/>
  <c r="AD141325" i="1"/>
  <c r="AD141326" i="1"/>
  <c r="AD141327" i="1"/>
  <c r="AD141328" i="1"/>
  <c r="AD141329" i="1"/>
  <c r="AD141330" i="1"/>
  <c r="AD141331" i="1"/>
  <c r="AD141332" i="1"/>
  <c r="AD141333" i="1"/>
  <c r="AD141334" i="1"/>
  <c r="AD141335" i="1"/>
  <c r="AD141336" i="1"/>
  <c r="AD141337" i="1"/>
  <c r="AD141338" i="1"/>
  <c r="AD141339" i="1"/>
  <c r="AD141340" i="1"/>
  <c r="AD141341" i="1"/>
  <c r="AD141342" i="1"/>
  <c r="AD141343" i="1"/>
  <c r="AD141344" i="1"/>
  <c r="AD141345" i="1"/>
  <c r="AD141346" i="1"/>
  <c r="AD141347" i="1"/>
  <c r="AD141348" i="1"/>
  <c r="AD141349" i="1"/>
  <c r="AD141350" i="1"/>
  <c r="AD141351" i="1"/>
  <c r="AD141352" i="1"/>
  <c r="AD141353" i="1"/>
  <c r="AD141354" i="1"/>
  <c r="AD141355" i="1"/>
  <c r="AD141356" i="1"/>
  <c r="AD141357" i="1"/>
  <c r="AD141358" i="1"/>
  <c r="AD141359" i="1"/>
  <c r="AD141360" i="1"/>
  <c r="AD141361" i="1"/>
  <c r="AD141362" i="1"/>
  <c r="AD141363" i="1"/>
  <c r="AD141364" i="1"/>
  <c r="AD141365" i="1"/>
  <c r="AD141366" i="1"/>
  <c r="AD141367" i="1"/>
  <c r="AD141368" i="1"/>
  <c r="AD141369" i="1"/>
  <c r="AD141370" i="1"/>
  <c r="AD141371" i="1"/>
  <c r="AD141372" i="1"/>
  <c r="AD141373" i="1"/>
  <c r="AD141374" i="1"/>
  <c r="AD141375" i="1"/>
  <c r="AD141376" i="1"/>
  <c r="AD141377" i="1"/>
  <c r="AD141378" i="1"/>
  <c r="AD141379" i="1"/>
  <c r="AD141380" i="1"/>
  <c r="AD141381" i="1"/>
  <c r="AD141382" i="1"/>
  <c r="AD141383" i="1"/>
  <c r="AD141384" i="1"/>
  <c r="AD141385" i="1"/>
  <c r="AD141386" i="1"/>
  <c r="AD141387" i="1"/>
  <c r="AD141388" i="1"/>
  <c r="AD141389" i="1"/>
  <c r="AD141390" i="1"/>
  <c r="AD141391" i="1"/>
  <c r="AD141392" i="1"/>
  <c r="AD141393" i="1"/>
  <c r="AD141394" i="1"/>
  <c r="AD141395" i="1"/>
  <c r="AD141396" i="1"/>
  <c r="AD141397" i="1"/>
  <c r="AD141398" i="1"/>
  <c r="AD141399" i="1"/>
  <c r="AD141400" i="1"/>
  <c r="AD141401" i="1"/>
  <c r="AD141402" i="1"/>
  <c r="AD141403" i="1"/>
  <c r="AD141404" i="1"/>
  <c r="AD141405" i="1"/>
  <c r="AD141406" i="1"/>
  <c r="AD141407" i="1"/>
  <c r="AD141408" i="1"/>
  <c r="AD141409" i="1"/>
  <c r="AD141410" i="1"/>
  <c r="AD141411" i="1"/>
  <c r="AD141412" i="1"/>
  <c r="AD141413" i="1"/>
  <c r="AD141414" i="1"/>
  <c r="AD141415" i="1"/>
  <c r="AD141416" i="1"/>
  <c r="AD141417" i="1"/>
  <c r="AD141418" i="1"/>
  <c r="AD141419" i="1"/>
  <c r="AD141420" i="1"/>
  <c r="AD141421" i="1"/>
  <c r="AD141422" i="1"/>
  <c r="AD141423" i="1"/>
  <c r="AD141424" i="1"/>
  <c r="AD141425" i="1"/>
  <c r="AD141426" i="1"/>
  <c r="AD141427" i="1"/>
  <c r="AD141428" i="1"/>
  <c r="AD141429" i="1"/>
  <c r="AD141430" i="1"/>
  <c r="AD141431" i="1"/>
  <c r="AD141432" i="1"/>
  <c r="AD141433" i="1"/>
  <c r="AD141434" i="1"/>
  <c r="AD141435" i="1"/>
  <c r="AD141436" i="1"/>
  <c r="AD141437" i="1"/>
  <c r="AD141438" i="1"/>
  <c r="AD141439" i="1"/>
  <c r="AD141440" i="1"/>
  <c r="AD141441" i="1"/>
  <c r="AD141442" i="1"/>
  <c r="AD141443" i="1"/>
  <c r="AD141444" i="1"/>
  <c r="AD141445" i="1"/>
  <c r="AD141446" i="1"/>
  <c r="AD141447" i="1"/>
  <c r="AD141448" i="1"/>
  <c r="AD141449" i="1"/>
  <c r="AD141450" i="1"/>
  <c r="AD141451" i="1"/>
  <c r="AD141452" i="1"/>
  <c r="AD141453" i="1"/>
  <c r="AD141454" i="1"/>
  <c r="AD141455" i="1"/>
  <c r="AD141456" i="1"/>
  <c r="AD141457" i="1"/>
  <c r="AD141458" i="1"/>
  <c r="AD141459" i="1"/>
  <c r="AD141460" i="1"/>
  <c r="AD141461" i="1"/>
  <c r="AD141462" i="1"/>
  <c r="AD141463" i="1"/>
  <c r="AD141464" i="1"/>
  <c r="AD141465" i="1"/>
  <c r="AD141466" i="1"/>
  <c r="AD141467" i="1"/>
  <c r="AD141468" i="1"/>
  <c r="AD141469" i="1"/>
  <c r="AD141470" i="1"/>
  <c r="AD141471" i="1"/>
  <c r="AD141472" i="1"/>
  <c r="AD141473" i="1"/>
  <c r="AD141474" i="1"/>
  <c r="AD141475" i="1"/>
  <c r="AD141476" i="1"/>
  <c r="AD141477" i="1"/>
  <c r="AD141478" i="1"/>
  <c r="AD141479" i="1"/>
  <c r="AD141480" i="1"/>
  <c r="AD141481" i="1"/>
  <c r="AD141482" i="1"/>
  <c r="AD141483" i="1"/>
  <c r="AD141484" i="1"/>
  <c r="AD141485" i="1"/>
  <c r="AD141486" i="1"/>
  <c r="AD141487" i="1"/>
  <c r="AD141488" i="1"/>
  <c r="AD141489" i="1"/>
  <c r="AD141490" i="1"/>
  <c r="AD141491" i="1"/>
  <c r="AD141492" i="1"/>
  <c r="AD141493" i="1"/>
  <c r="AD141494" i="1"/>
  <c r="AD141495" i="1"/>
  <c r="AD141496" i="1"/>
  <c r="AD141497" i="1"/>
  <c r="AD141498" i="1"/>
  <c r="AD141499" i="1"/>
  <c r="AD141500" i="1"/>
  <c r="AD141501" i="1"/>
  <c r="AD141502" i="1"/>
  <c r="AD141503" i="1"/>
  <c r="AD141504" i="1"/>
  <c r="AD141505" i="1"/>
  <c r="AD141506" i="1"/>
  <c r="AD141507" i="1"/>
  <c r="AD141508" i="1"/>
  <c r="AD141509" i="1"/>
  <c r="AD141510" i="1"/>
  <c r="AD141511" i="1"/>
  <c r="AD141512" i="1"/>
  <c r="AD141513" i="1"/>
  <c r="AD141514" i="1"/>
  <c r="AD141515" i="1"/>
  <c r="AD141516" i="1"/>
  <c r="AD141517" i="1"/>
  <c r="AD141518" i="1"/>
  <c r="AD141519" i="1"/>
  <c r="AD141520" i="1"/>
  <c r="AD141521" i="1"/>
  <c r="AD141522" i="1"/>
  <c r="AD141523" i="1"/>
  <c r="AD141524" i="1"/>
  <c r="AD141525" i="1"/>
  <c r="AD141526" i="1"/>
  <c r="AD141527" i="1"/>
  <c r="AD141528" i="1"/>
  <c r="AD141529" i="1"/>
  <c r="AD141530" i="1"/>
  <c r="AD141531" i="1"/>
  <c r="AD141532" i="1"/>
  <c r="AD141533" i="1"/>
  <c r="AD141534" i="1"/>
  <c r="AD141535" i="1"/>
  <c r="AD141536" i="1"/>
  <c r="AD141537" i="1"/>
  <c r="AD141538" i="1"/>
  <c r="AD141539" i="1"/>
  <c r="AD141540" i="1"/>
  <c r="AD141541" i="1"/>
  <c r="AD141542" i="1"/>
  <c r="AD141543" i="1"/>
  <c r="AD141544" i="1"/>
  <c r="AD141545" i="1"/>
  <c r="AD141546" i="1"/>
  <c r="AD141547" i="1"/>
  <c r="AD141548" i="1"/>
  <c r="AD141549" i="1"/>
  <c r="AD141550" i="1"/>
  <c r="AD141551" i="1"/>
  <c r="AD141552" i="1"/>
  <c r="AD141553" i="1"/>
  <c r="AD141554" i="1"/>
  <c r="AD141555" i="1"/>
  <c r="AD141556" i="1"/>
  <c r="AD141557" i="1"/>
  <c r="AD141558" i="1"/>
  <c r="AD141559" i="1"/>
  <c r="AD141560" i="1"/>
  <c r="AD141561" i="1"/>
  <c r="AD141562" i="1"/>
  <c r="AD141563" i="1"/>
  <c r="AD141564" i="1"/>
  <c r="AD141565" i="1"/>
  <c r="AD141566" i="1"/>
  <c r="AD141567" i="1"/>
  <c r="AD141568" i="1"/>
  <c r="AD141569" i="1"/>
  <c r="AD141570" i="1"/>
  <c r="AD141571" i="1"/>
  <c r="AD141572" i="1"/>
  <c r="AD141573" i="1"/>
  <c r="AD141574" i="1"/>
  <c r="AD141575" i="1"/>
  <c r="AD141576" i="1"/>
  <c r="AD141577" i="1"/>
  <c r="AD141578" i="1"/>
  <c r="AD141579" i="1"/>
  <c r="AD141580" i="1"/>
  <c r="AD141581" i="1"/>
  <c r="AD141582" i="1"/>
  <c r="AD141583" i="1"/>
  <c r="AD141584" i="1"/>
  <c r="AD141585" i="1"/>
  <c r="AD141586" i="1"/>
  <c r="AD141587" i="1"/>
  <c r="AD141588" i="1"/>
  <c r="AD141589" i="1"/>
  <c r="AD141590" i="1"/>
  <c r="AD141591" i="1"/>
  <c r="AD141592" i="1"/>
  <c r="AD141593" i="1"/>
  <c r="AD141594" i="1"/>
  <c r="AD141595" i="1"/>
  <c r="AD141596" i="1"/>
  <c r="AD141597" i="1"/>
  <c r="AD141598" i="1"/>
  <c r="AD141599" i="1"/>
  <c r="AD141600" i="1"/>
  <c r="AD141601" i="1"/>
  <c r="AD141602" i="1"/>
  <c r="AD141603" i="1"/>
  <c r="AD141604" i="1"/>
  <c r="AD141605" i="1"/>
  <c r="AD141606" i="1"/>
  <c r="AD141607" i="1"/>
  <c r="AD141608" i="1"/>
  <c r="AD141609" i="1"/>
  <c r="AD141610" i="1"/>
  <c r="AD141611" i="1"/>
  <c r="AD141612" i="1"/>
  <c r="AD141613" i="1"/>
  <c r="AD141614" i="1"/>
  <c r="AD141615" i="1"/>
  <c r="AD141616" i="1"/>
  <c r="AD141617" i="1"/>
  <c r="AD141618" i="1"/>
  <c r="AD141619" i="1"/>
  <c r="AD141620" i="1"/>
  <c r="AD141621" i="1"/>
  <c r="AD141622" i="1"/>
  <c r="AD141623" i="1"/>
  <c r="AD141624" i="1"/>
  <c r="AD141625" i="1"/>
  <c r="AD141626" i="1"/>
  <c r="AD141627" i="1"/>
  <c r="AD141628" i="1"/>
  <c r="AD141629" i="1"/>
  <c r="AD141630" i="1"/>
  <c r="AD141631" i="1"/>
  <c r="AD141632" i="1"/>
  <c r="AD141633" i="1"/>
  <c r="AD141634" i="1"/>
  <c r="AD141635" i="1"/>
  <c r="AD141636" i="1"/>
  <c r="AD141637" i="1"/>
  <c r="AD141638" i="1"/>
  <c r="AD141639" i="1"/>
  <c r="AD141640" i="1"/>
  <c r="AD141641" i="1"/>
  <c r="AD141642" i="1"/>
  <c r="AD141643" i="1"/>
  <c r="AD141644" i="1"/>
  <c r="AD141645" i="1"/>
  <c r="AD141646" i="1"/>
  <c r="AD141647" i="1"/>
  <c r="AD141648" i="1"/>
  <c r="AD141649" i="1"/>
  <c r="AD141650" i="1"/>
  <c r="AD141651" i="1"/>
  <c r="AD141652" i="1"/>
  <c r="AD141653" i="1"/>
  <c r="AD141654" i="1"/>
  <c r="AD141655" i="1"/>
  <c r="AD141656" i="1"/>
  <c r="AD141657" i="1"/>
  <c r="AD141658" i="1"/>
  <c r="AD141659" i="1"/>
  <c r="AD141660" i="1"/>
  <c r="AD141661" i="1"/>
  <c r="AD141662" i="1"/>
  <c r="AD141663" i="1"/>
  <c r="AD141664" i="1"/>
  <c r="AD141665" i="1"/>
  <c r="AD141666" i="1"/>
  <c r="AD141667" i="1"/>
  <c r="AD141668" i="1"/>
  <c r="AD141669" i="1"/>
  <c r="AD141670" i="1"/>
  <c r="AD141671" i="1"/>
  <c r="AD141672" i="1"/>
  <c r="AD141673" i="1"/>
  <c r="AD141674" i="1"/>
  <c r="AD141675" i="1"/>
  <c r="AD141676" i="1"/>
  <c r="AD141677" i="1"/>
  <c r="AD141678" i="1"/>
  <c r="AD141679" i="1"/>
  <c r="AD141680" i="1"/>
  <c r="AD141681" i="1"/>
  <c r="AD141682" i="1"/>
  <c r="AD141683" i="1"/>
  <c r="AD141684" i="1"/>
  <c r="AD141685" i="1"/>
  <c r="AD141686" i="1"/>
  <c r="AD141687" i="1"/>
  <c r="AD141688" i="1"/>
  <c r="AD141689" i="1"/>
  <c r="AD141690" i="1"/>
  <c r="AD141691" i="1"/>
  <c r="AD141692" i="1"/>
  <c r="AD141693" i="1"/>
  <c r="AD141694" i="1"/>
  <c r="AD141695" i="1"/>
  <c r="AD141696" i="1"/>
  <c r="AD141697" i="1"/>
  <c r="AD141698" i="1"/>
  <c r="AD141699" i="1"/>
  <c r="AD141700" i="1"/>
  <c r="AD141701" i="1"/>
  <c r="AD141702" i="1"/>
  <c r="AD141703" i="1"/>
  <c r="AD141704" i="1"/>
  <c r="AD141705" i="1"/>
  <c r="AD141706" i="1"/>
  <c r="AD141707" i="1"/>
  <c r="AD141708" i="1"/>
  <c r="AD141709" i="1"/>
  <c r="AD141710" i="1"/>
  <c r="AD141711" i="1"/>
  <c r="AD141712" i="1"/>
  <c r="AD141713" i="1"/>
  <c r="AD141714" i="1"/>
  <c r="AD141715" i="1"/>
  <c r="AD141716" i="1"/>
  <c r="AD141717" i="1"/>
  <c r="AD141718" i="1"/>
  <c r="AD141719" i="1"/>
  <c r="AD141720" i="1"/>
  <c r="AD141721" i="1"/>
  <c r="AD141722" i="1"/>
  <c r="AD141723" i="1"/>
  <c r="AD141724" i="1"/>
  <c r="AD141725" i="1"/>
  <c r="AD141726" i="1"/>
  <c r="AD141727" i="1"/>
  <c r="AD141728" i="1"/>
  <c r="AD141729" i="1"/>
  <c r="AD141730" i="1"/>
  <c r="AD141731" i="1"/>
  <c r="AD141732" i="1"/>
  <c r="AD141733" i="1"/>
  <c r="AD141734" i="1"/>
  <c r="AD141735" i="1"/>
  <c r="AD141736" i="1"/>
  <c r="AD141737" i="1"/>
  <c r="AD141738" i="1"/>
  <c r="AD141739" i="1"/>
  <c r="AD141740" i="1"/>
  <c r="AD141741" i="1"/>
  <c r="AD141742" i="1"/>
  <c r="AD141743" i="1"/>
  <c r="AD141744" i="1"/>
  <c r="AD141745" i="1"/>
  <c r="AD141746" i="1"/>
  <c r="AD141747" i="1"/>
  <c r="AD141748" i="1"/>
  <c r="AD141749" i="1"/>
  <c r="AD141750" i="1"/>
  <c r="AD141751" i="1"/>
  <c r="AD141752" i="1"/>
  <c r="AD141753" i="1"/>
  <c r="AD141754" i="1"/>
  <c r="AD141755" i="1"/>
  <c r="AD141756" i="1"/>
  <c r="AD141757" i="1"/>
  <c r="AD141758" i="1"/>
  <c r="AD141759" i="1"/>
  <c r="AD141760" i="1"/>
  <c r="AD141761" i="1"/>
  <c r="AD141762" i="1"/>
  <c r="AD141763" i="1"/>
  <c r="AD141764" i="1"/>
  <c r="AD141765" i="1"/>
  <c r="AD141766" i="1"/>
  <c r="AD141767" i="1"/>
  <c r="AD141768" i="1"/>
  <c r="AD141769" i="1"/>
  <c r="AD141770" i="1"/>
  <c r="AD141771" i="1"/>
  <c r="AD141772" i="1"/>
  <c r="AD141773" i="1"/>
  <c r="AD141774" i="1"/>
  <c r="AD141775" i="1"/>
  <c r="AD141776" i="1"/>
  <c r="AD141777" i="1"/>
  <c r="AD141778" i="1"/>
  <c r="AD141779" i="1"/>
  <c r="AD141780" i="1"/>
  <c r="AD141781" i="1"/>
  <c r="AD141782" i="1"/>
  <c r="AD141783" i="1"/>
  <c r="AD141784" i="1"/>
  <c r="AD141785" i="1"/>
  <c r="AD141786" i="1"/>
  <c r="AD141787" i="1"/>
  <c r="AD141788" i="1"/>
  <c r="AD141789" i="1"/>
  <c r="AD141790" i="1"/>
  <c r="AD141791" i="1"/>
  <c r="AD141792" i="1"/>
  <c r="AD141793" i="1"/>
  <c r="AD141794" i="1"/>
  <c r="AD141795" i="1"/>
  <c r="AD141796" i="1"/>
  <c r="AD141797" i="1"/>
  <c r="AD141798" i="1"/>
  <c r="AD141799" i="1"/>
  <c r="AD141800" i="1"/>
  <c r="AD141801" i="1"/>
  <c r="AD141802" i="1"/>
  <c r="AD141803" i="1"/>
  <c r="AD141804" i="1"/>
  <c r="AD141805" i="1"/>
  <c r="AD141806" i="1"/>
  <c r="AD141807" i="1"/>
  <c r="AD141808" i="1"/>
  <c r="AD141809" i="1"/>
  <c r="AD141810" i="1"/>
  <c r="AD141811" i="1"/>
  <c r="AD141812" i="1"/>
  <c r="AD141813" i="1"/>
  <c r="AD141814" i="1"/>
  <c r="AD141815" i="1"/>
  <c r="AD141816" i="1"/>
  <c r="AD141817" i="1"/>
  <c r="AD141818" i="1"/>
  <c r="AD141819" i="1"/>
  <c r="AD141820" i="1"/>
  <c r="AD141821" i="1"/>
  <c r="AD141822" i="1"/>
  <c r="AD141823" i="1"/>
  <c r="AD141824" i="1"/>
  <c r="AD141825" i="1"/>
  <c r="AD141826" i="1"/>
  <c r="AD141827" i="1"/>
  <c r="AD141828" i="1"/>
  <c r="AD141829" i="1"/>
  <c r="AD141830" i="1"/>
  <c r="AD141831" i="1"/>
  <c r="AD141832" i="1"/>
  <c r="AD141833" i="1"/>
  <c r="AD141834" i="1"/>
  <c r="AD141835" i="1"/>
  <c r="AD141836" i="1"/>
  <c r="AD141837" i="1"/>
  <c r="AD141838" i="1"/>
  <c r="AD141839" i="1"/>
  <c r="AD141840" i="1"/>
  <c r="AD141841" i="1"/>
  <c r="AD141842" i="1"/>
  <c r="AD141843" i="1"/>
  <c r="AD141844" i="1"/>
  <c r="AD141845" i="1"/>
  <c r="AD141846" i="1"/>
  <c r="AD141847" i="1"/>
  <c r="AD141848" i="1"/>
  <c r="AD141849" i="1"/>
  <c r="AD141850" i="1"/>
  <c r="AD141851" i="1"/>
  <c r="AD141852" i="1"/>
  <c r="AD141853" i="1"/>
  <c r="AD141854" i="1"/>
  <c r="AD141855" i="1"/>
  <c r="AD141856" i="1"/>
  <c r="AD141857" i="1"/>
  <c r="AD141858" i="1"/>
  <c r="AD141859" i="1"/>
  <c r="AD141860" i="1"/>
  <c r="AD141861" i="1"/>
  <c r="AD141862" i="1"/>
  <c r="AD141863" i="1"/>
  <c r="AD141864" i="1"/>
  <c r="AD141865" i="1"/>
  <c r="AD141866" i="1"/>
  <c r="AD141867" i="1"/>
  <c r="AD141868" i="1"/>
  <c r="AD141869" i="1"/>
  <c r="AD141870" i="1"/>
  <c r="AD141871" i="1"/>
  <c r="AD141872" i="1"/>
  <c r="AD141873" i="1"/>
  <c r="AD141874" i="1"/>
  <c r="AD141875" i="1"/>
  <c r="AD141876" i="1"/>
  <c r="AD141877" i="1"/>
  <c r="AD141878" i="1"/>
  <c r="AD141879" i="1"/>
  <c r="AD141880" i="1"/>
  <c r="AD141881" i="1"/>
  <c r="AD141882" i="1"/>
  <c r="AD141883" i="1"/>
  <c r="AD141884" i="1"/>
  <c r="AD141885" i="1"/>
  <c r="AD141886" i="1"/>
  <c r="AD141887" i="1"/>
  <c r="AD141888" i="1"/>
  <c r="AD141889" i="1"/>
  <c r="AD141890" i="1"/>
  <c r="AD141891" i="1"/>
  <c r="AD141892" i="1"/>
  <c r="AD141893" i="1"/>
  <c r="AD141894" i="1"/>
  <c r="AD141895" i="1"/>
  <c r="AD141896" i="1"/>
  <c r="AD141897" i="1"/>
  <c r="AD141898" i="1"/>
  <c r="AD141899" i="1"/>
  <c r="AD141900" i="1"/>
  <c r="AD141901" i="1"/>
  <c r="AD141902" i="1"/>
  <c r="AD141903" i="1"/>
  <c r="AD141904" i="1"/>
  <c r="AD141905" i="1"/>
  <c r="AD141906" i="1"/>
  <c r="AD141907" i="1"/>
  <c r="AD141908" i="1"/>
  <c r="AD141909" i="1"/>
  <c r="AD141910" i="1"/>
  <c r="AD141911" i="1"/>
  <c r="AD141912" i="1"/>
  <c r="AD141913" i="1"/>
  <c r="AD141914" i="1"/>
  <c r="AD141915" i="1"/>
  <c r="AD141916" i="1"/>
  <c r="AD141917" i="1"/>
  <c r="AD141918" i="1"/>
  <c r="AD141919" i="1"/>
  <c r="AD141920" i="1"/>
  <c r="AD141921" i="1"/>
  <c r="AD141922" i="1"/>
  <c r="AD141923" i="1"/>
  <c r="AD141924" i="1"/>
  <c r="AD141925" i="1"/>
  <c r="AD141926" i="1"/>
  <c r="AD141927" i="1"/>
  <c r="AD141928" i="1"/>
  <c r="AD141929" i="1"/>
  <c r="AD141930" i="1"/>
  <c r="AD141931" i="1"/>
  <c r="AD141932" i="1"/>
  <c r="AD141933" i="1"/>
  <c r="AD141934" i="1"/>
  <c r="AD141935" i="1"/>
  <c r="AD141936" i="1"/>
  <c r="AD141937" i="1"/>
  <c r="AD141938" i="1"/>
  <c r="AD141939" i="1"/>
  <c r="AD141940" i="1"/>
  <c r="AD141941" i="1"/>
  <c r="AD141942" i="1"/>
  <c r="AD141943" i="1"/>
  <c r="AD141944" i="1"/>
  <c r="AD141945" i="1"/>
  <c r="AD141946" i="1"/>
  <c r="AD141947" i="1"/>
  <c r="AD141948" i="1"/>
  <c r="AD141949" i="1"/>
  <c r="AD141950" i="1"/>
  <c r="AD141951" i="1"/>
  <c r="AD141952" i="1"/>
  <c r="AD141953" i="1"/>
  <c r="AD141954" i="1"/>
  <c r="AD141955" i="1"/>
  <c r="AD141956" i="1"/>
  <c r="AD141957" i="1"/>
  <c r="AD141958" i="1"/>
  <c r="AD141959" i="1"/>
  <c r="AD141960" i="1"/>
  <c r="AD141961" i="1"/>
  <c r="AD141962" i="1"/>
  <c r="AD141963" i="1"/>
  <c r="AD141964" i="1"/>
  <c r="AD141965" i="1"/>
  <c r="AD141966" i="1"/>
  <c r="AD141967" i="1"/>
  <c r="AD141968" i="1"/>
  <c r="AD141969" i="1"/>
  <c r="AD141970" i="1"/>
  <c r="AD141971" i="1"/>
  <c r="AD141972" i="1"/>
  <c r="AD141973" i="1"/>
  <c r="AD141974" i="1"/>
  <c r="AD141975" i="1"/>
  <c r="AD141976" i="1"/>
  <c r="AD141977" i="1"/>
  <c r="AD141978" i="1"/>
  <c r="AD141979" i="1"/>
  <c r="AD141980" i="1"/>
  <c r="AD141981" i="1"/>
  <c r="AD141982" i="1"/>
  <c r="AD141983" i="1"/>
  <c r="AD141984" i="1"/>
  <c r="AD141985" i="1"/>
  <c r="AD141986" i="1"/>
  <c r="AD141987" i="1"/>
  <c r="AD141988" i="1"/>
  <c r="AD141989" i="1"/>
  <c r="AD141990" i="1"/>
  <c r="AD141991" i="1"/>
  <c r="AD141992" i="1"/>
  <c r="AD141993" i="1"/>
  <c r="AD141994" i="1"/>
  <c r="AD141995" i="1"/>
  <c r="AD141996" i="1"/>
  <c r="AD141997" i="1"/>
  <c r="AD141998" i="1"/>
  <c r="AD141999" i="1"/>
  <c r="AD142000" i="1"/>
  <c r="AD142001" i="1"/>
  <c r="AD142002" i="1"/>
  <c r="AD142003" i="1"/>
  <c r="AD142004" i="1"/>
  <c r="AD142005" i="1"/>
  <c r="AD142006" i="1"/>
  <c r="AD142007" i="1"/>
  <c r="AD142008" i="1"/>
  <c r="AD142009" i="1"/>
  <c r="AD142010" i="1"/>
  <c r="AD142011" i="1"/>
  <c r="AD142012" i="1"/>
  <c r="AD142013" i="1"/>
  <c r="AD142014" i="1"/>
  <c r="AD142015" i="1"/>
  <c r="AD142016" i="1"/>
  <c r="AD142017" i="1"/>
  <c r="AD142018" i="1"/>
  <c r="AD142019" i="1"/>
  <c r="AD142020" i="1"/>
  <c r="AD142021" i="1"/>
  <c r="AD142022" i="1"/>
  <c r="AD142023" i="1"/>
  <c r="AD142024" i="1"/>
  <c r="AD142025" i="1"/>
  <c r="AD142026" i="1"/>
  <c r="AD142027" i="1"/>
  <c r="AD142028" i="1"/>
  <c r="AD142029" i="1"/>
  <c r="AD142030" i="1"/>
  <c r="AD142031" i="1"/>
  <c r="AD142032" i="1"/>
  <c r="AD142033" i="1"/>
  <c r="AD142034" i="1"/>
  <c r="AD142035" i="1"/>
  <c r="AD142036" i="1"/>
  <c r="AD142037" i="1"/>
  <c r="AD142038" i="1"/>
  <c r="AD142039" i="1"/>
  <c r="AD142040" i="1"/>
  <c r="AD142041" i="1"/>
  <c r="AD142042" i="1"/>
  <c r="AD142043" i="1"/>
  <c r="AD142044" i="1"/>
  <c r="AD142045" i="1"/>
  <c r="AD142046" i="1"/>
  <c r="AD142047" i="1"/>
  <c r="AD142048" i="1"/>
  <c r="AD142049" i="1"/>
  <c r="AD142050" i="1"/>
  <c r="AD142051" i="1"/>
  <c r="AD142052" i="1"/>
  <c r="AD142053" i="1"/>
  <c r="AD142054" i="1"/>
  <c r="AD142055" i="1"/>
  <c r="AD142056" i="1"/>
  <c r="AD142057" i="1"/>
  <c r="AD142058" i="1"/>
  <c r="AD142059" i="1"/>
  <c r="AD142060" i="1"/>
  <c r="AD142061" i="1"/>
  <c r="AD142062" i="1"/>
  <c r="AD142063" i="1"/>
  <c r="AD142064" i="1"/>
  <c r="AD142065" i="1"/>
  <c r="AD142066" i="1"/>
  <c r="AD142067" i="1"/>
  <c r="AD142068" i="1"/>
  <c r="AD142069" i="1"/>
  <c r="AD142070" i="1"/>
  <c r="AD142071" i="1"/>
  <c r="AD142072" i="1"/>
  <c r="AD142073" i="1"/>
  <c r="AD142074" i="1"/>
  <c r="AD142075" i="1"/>
  <c r="AD142076" i="1"/>
  <c r="AD142077" i="1"/>
  <c r="AD142078" i="1"/>
  <c r="AD142079" i="1"/>
  <c r="AD142080" i="1"/>
  <c r="AD142081" i="1"/>
  <c r="AD142082" i="1"/>
  <c r="AD142083" i="1"/>
  <c r="AD142084" i="1"/>
  <c r="AD142085" i="1"/>
  <c r="AD142086" i="1"/>
  <c r="AD142087" i="1"/>
  <c r="AD142088" i="1"/>
  <c r="AD142089" i="1"/>
  <c r="AD142090" i="1"/>
  <c r="AD142091" i="1"/>
  <c r="AD142092" i="1"/>
  <c r="AD142093" i="1"/>
  <c r="AD142094" i="1"/>
  <c r="AD142095" i="1"/>
  <c r="AD142096" i="1"/>
  <c r="AD142097" i="1"/>
  <c r="AD142098" i="1"/>
  <c r="AD142099" i="1"/>
  <c r="AD142100" i="1"/>
  <c r="AD142101" i="1"/>
  <c r="AD142102" i="1"/>
  <c r="AD142103" i="1"/>
  <c r="AD142104" i="1"/>
  <c r="AD142105" i="1"/>
  <c r="AD142106" i="1"/>
  <c r="AD142107" i="1"/>
  <c r="AD142108" i="1"/>
  <c r="AD142109" i="1"/>
  <c r="AD142110" i="1"/>
  <c r="AD142111" i="1"/>
  <c r="AD142112" i="1"/>
  <c r="AD142113" i="1"/>
  <c r="AD142114" i="1"/>
  <c r="AD142115" i="1"/>
  <c r="AD142116" i="1"/>
  <c r="AD142117" i="1"/>
  <c r="AD142118" i="1"/>
  <c r="AD142119" i="1"/>
  <c r="AD142120" i="1"/>
  <c r="AD142121" i="1"/>
  <c r="AD142122" i="1"/>
  <c r="AD142123" i="1"/>
  <c r="AD142124" i="1"/>
  <c r="AD142125" i="1"/>
  <c r="AD142126" i="1"/>
  <c r="AD142127" i="1"/>
  <c r="AD142128" i="1"/>
  <c r="AD142129" i="1"/>
  <c r="AD142130" i="1"/>
  <c r="AD142131" i="1"/>
  <c r="AD142132" i="1"/>
  <c r="AD142133" i="1"/>
  <c r="AD142134" i="1"/>
  <c r="AD142135" i="1"/>
  <c r="AD142136" i="1"/>
  <c r="AD142137" i="1"/>
  <c r="AD142138" i="1"/>
  <c r="AD142139" i="1"/>
  <c r="AD142140" i="1"/>
  <c r="AD142141" i="1"/>
  <c r="AD142142" i="1"/>
  <c r="AD142143" i="1"/>
  <c r="AD142144" i="1"/>
  <c r="AD142145" i="1"/>
  <c r="AD142146" i="1"/>
  <c r="AD142147" i="1"/>
  <c r="AD142148" i="1"/>
  <c r="AD142149" i="1"/>
  <c r="AD142150" i="1"/>
  <c r="AD142151" i="1"/>
  <c r="AD142152" i="1"/>
  <c r="AD142153" i="1"/>
  <c r="AD142154" i="1"/>
  <c r="AD142155" i="1"/>
  <c r="AD142156" i="1"/>
  <c r="AD142157" i="1"/>
  <c r="AD142158" i="1"/>
  <c r="AD142159" i="1"/>
  <c r="AD142160" i="1"/>
  <c r="AD142161" i="1"/>
  <c r="AD142162" i="1"/>
  <c r="AD142163" i="1"/>
  <c r="AD142164" i="1"/>
  <c r="AD142165" i="1"/>
  <c r="AD142166" i="1"/>
  <c r="AD142167" i="1"/>
  <c r="AD142168" i="1"/>
  <c r="AD142169" i="1"/>
  <c r="AD142170" i="1"/>
  <c r="AD142171" i="1"/>
  <c r="AD142172" i="1"/>
  <c r="AD142173" i="1"/>
  <c r="AD142174" i="1"/>
  <c r="AD142175" i="1"/>
  <c r="AD142176" i="1"/>
  <c r="AD142177" i="1"/>
  <c r="AD142178" i="1"/>
  <c r="AD142179" i="1"/>
  <c r="AD142180" i="1"/>
  <c r="AD142181" i="1"/>
  <c r="AD142182" i="1"/>
  <c r="AD142183" i="1"/>
  <c r="AD142184" i="1"/>
  <c r="AD142185" i="1"/>
  <c r="AD142186" i="1"/>
  <c r="AD142187" i="1"/>
  <c r="AD142188" i="1"/>
  <c r="AD142189" i="1"/>
  <c r="AD142190" i="1"/>
  <c r="AD142191" i="1"/>
  <c r="AD142192" i="1"/>
  <c r="AD142193" i="1"/>
  <c r="AD142194" i="1"/>
  <c r="AD142195" i="1"/>
  <c r="AD142196" i="1"/>
  <c r="AD142197" i="1"/>
  <c r="AD142198" i="1"/>
  <c r="AD142199" i="1"/>
  <c r="AD142200" i="1"/>
  <c r="AD142201" i="1"/>
  <c r="AD142202" i="1"/>
  <c r="AD142203" i="1"/>
  <c r="AD142204" i="1"/>
  <c r="AD142205" i="1"/>
  <c r="AD142206" i="1"/>
  <c r="AD142207" i="1"/>
  <c r="AD142208" i="1"/>
  <c r="AD142209" i="1"/>
  <c r="AD142210" i="1"/>
  <c r="AD142211" i="1"/>
  <c r="AD142212" i="1"/>
  <c r="AD142213" i="1"/>
  <c r="AD142214" i="1"/>
  <c r="AD142215" i="1"/>
  <c r="AD142216" i="1"/>
  <c r="AD142217" i="1"/>
  <c r="AD142218" i="1"/>
  <c r="AD142219" i="1"/>
  <c r="AD142220" i="1"/>
  <c r="AD142221" i="1"/>
  <c r="AD142222" i="1"/>
  <c r="AD142223" i="1"/>
  <c r="AD142224" i="1"/>
  <c r="AD142225" i="1"/>
  <c r="AD142226" i="1"/>
  <c r="AD142227" i="1"/>
  <c r="AD142228" i="1"/>
  <c r="AD142229" i="1"/>
  <c r="AD142230" i="1"/>
  <c r="AD142231" i="1"/>
  <c r="AD142232" i="1"/>
  <c r="AD142233" i="1"/>
  <c r="AD142234" i="1"/>
  <c r="AD142235" i="1"/>
  <c r="AD142236" i="1"/>
  <c r="AD142237" i="1"/>
  <c r="AD142238" i="1"/>
  <c r="AD142239" i="1"/>
  <c r="AD142240" i="1"/>
  <c r="AD142241" i="1"/>
  <c r="AD142242" i="1"/>
  <c r="AD142243" i="1"/>
  <c r="AD142244" i="1"/>
  <c r="AD142245" i="1"/>
  <c r="AD142246" i="1"/>
  <c r="AD142247" i="1"/>
  <c r="AD142248" i="1"/>
  <c r="AD142249" i="1"/>
  <c r="AD142250" i="1"/>
  <c r="AD142251" i="1"/>
  <c r="AD142252" i="1"/>
  <c r="AD142253" i="1"/>
  <c r="AD142254" i="1"/>
  <c r="AD142255" i="1"/>
  <c r="AD142256" i="1"/>
  <c r="AD142257" i="1"/>
  <c r="AD142258" i="1"/>
  <c r="AD142259" i="1"/>
  <c r="AD142260" i="1"/>
  <c r="AD142261" i="1"/>
  <c r="AD142262" i="1"/>
  <c r="AD142263" i="1"/>
  <c r="AD142264" i="1"/>
  <c r="AD142265" i="1"/>
  <c r="AD142266" i="1"/>
  <c r="AD142267" i="1"/>
  <c r="AD142268" i="1"/>
  <c r="AD142269" i="1"/>
  <c r="AD142270" i="1"/>
  <c r="AD142271" i="1"/>
  <c r="AD142272" i="1"/>
  <c r="AD142273" i="1"/>
  <c r="AD142274" i="1"/>
  <c r="AD142275" i="1"/>
  <c r="AD142276" i="1"/>
  <c r="AD142277" i="1"/>
  <c r="AD142278" i="1"/>
  <c r="AD142279" i="1"/>
  <c r="AD142280" i="1"/>
  <c r="AD142281" i="1"/>
  <c r="AD142282" i="1"/>
  <c r="AD142283" i="1"/>
  <c r="AD142284" i="1"/>
  <c r="AD142285" i="1"/>
  <c r="AD142286" i="1"/>
  <c r="AD142287" i="1"/>
  <c r="AD142288" i="1"/>
  <c r="AD142289" i="1"/>
  <c r="AD142290" i="1"/>
  <c r="AD142291" i="1"/>
  <c r="AD142292" i="1"/>
  <c r="AD142293" i="1"/>
  <c r="AD142294" i="1"/>
  <c r="AD142295" i="1"/>
  <c r="AD142296" i="1"/>
  <c r="AD142297" i="1"/>
  <c r="AD142298" i="1"/>
  <c r="AD142299" i="1"/>
  <c r="AD142300" i="1"/>
  <c r="AD142301" i="1"/>
  <c r="AD142302" i="1"/>
  <c r="AD142303" i="1"/>
  <c r="AD142304" i="1"/>
  <c r="AD142305" i="1"/>
  <c r="AD142306" i="1"/>
  <c r="AD142307" i="1"/>
  <c r="AD142308" i="1"/>
  <c r="AD142309" i="1"/>
  <c r="AD142310" i="1"/>
  <c r="AD142311" i="1"/>
  <c r="AD142312" i="1"/>
  <c r="AD142313" i="1"/>
  <c r="AD142314" i="1"/>
  <c r="AD142315" i="1"/>
  <c r="AD142316" i="1"/>
  <c r="AD142317" i="1"/>
  <c r="AD142318" i="1"/>
  <c r="AD142319" i="1"/>
  <c r="AD142320" i="1"/>
  <c r="AD142321" i="1"/>
  <c r="AD142322" i="1"/>
  <c r="AD142323" i="1"/>
  <c r="AD142324" i="1"/>
  <c r="AD142325" i="1"/>
  <c r="AD142326" i="1"/>
  <c r="AD142327" i="1"/>
  <c r="AD142328" i="1"/>
  <c r="AD142329" i="1"/>
  <c r="AD142330" i="1"/>
  <c r="AD142331" i="1"/>
  <c r="AD142332" i="1"/>
  <c r="AD142333" i="1"/>
  <c r="AD142334" i="1"/>
  <c r="AD142335" i="1"/>
  <c r="AD142336" i="1"/>
  <c r="AD142337" i="1"/>
  <c r="AD142338" i="1"/>
  <c r="AD142339" i="1"/>
  <c r="AD142340" i="1"/>
  <c r="AD142341" i="1"/>
  <c r="AD142342" i="1"/>
  <c r="AD142343" i="1"/>
  <c r="AD142344" i="1"/>
  <c r="AD142345" i="1"/>
  <c r="AD142346" i="1"/>
  <c r="AD142347" i="1"/>
  <c r="AD142348" i="1"/>
  <c r="AD142349" i="1"/>
  <c r="AD142350" i="1"/>
  <c r="AD142351" i="1"/>
  <c r="AD142352" i="1"/>
  <c r="AD142353" i="1"/>
  <c r="AD142354" i="1"/>
  <c r="AD142355" i="1"/>
  <c r="AD142356" i="1"/>
  <c r="AD142357" i="1"/>
  <c r="AD142358" i="1"/>
  <c r="AD142359" i="1"/>
  <c r="AD142360" i="1"/>
  <c r="AD142361" i="1"/>
  <c r="AD142362" i="1"/>
  <c r="AD142363" i="1"/>
  <c r="AD142364" i="1"/>
  <c r="AD142365" i="1"/>
  <c r="AD142366" i="1"/>
  <c r="AD142367" i="1"/>
  <c r="AD142368" i="1"/>
  <c r="AD142369" i="1"/>
  <c r="AD142370" i="1"/>
  <c r="AD142371" i="1"/>
  <c r="AD142372" i="1"/>
  <c r="AD142373" i="1"/>
  <c r="AD142374" i="1"/>
  <c r="AD142375" i="1"/>
  <c r="AD142376" i="1"/>
  <c r="AD142377" i="1"/>
  <c r="AD142378" i="1"/>
  <c r="AD142379" i="1"/>
  <c r="AD142380" i="1"/>
  <c r="AD142381" i="1"/>
  <c r="AD142382" i="1"/>
  <c r="AD142383" i="1"/>
  <c r="AD142384" i="1"/>
  <c r="AD142385" i="1"/>
  <c r="AD142386" i="1"/>
  <c r="AD142387" i="1"/>
  <c r="AD142388" i="1"/>
  <c r="AD142389" i="1"/>
  <c r="AD142390" i="1"/>
  <c r="AD142391" i="1"/>
  <c r="AD142392" i="1"/>
  <c r="AD142393" i="1"/>
  <c r="AD142394" i="1"/>
  <c r="AD142395" i="1"/>
  <c r="AD142396" i="1"/>
  <c r="AD142397" i="1"/>
  <c r="AD142398" i="1"/>
  <c r="AD142399" i="1"/>
  <c r="AD142400" i="1"/>
  <c r="AD142401" i="1"/>
  <c r="AD142402" i="1"/>
  <c r="AD142403" i="1"/>
  <c r="AD142404" i="1"/>
  <c r="AD142405" i="1"/>
  <c r="AD142406" i="1"/>
  <c r="AD142407" i="1"/>
  <c r="AD142408" i="1"/>
  <c r="AD142409" i="1"/>
  <c r="AD142410" i="1"/>
  <c r="AD142411" i="1"/>
  <c r="AD142412" i="1"/>
  <c r="AD142413" i="1"/>
  <c r="AD142414" i="1"/>
  <c r="AD142415" i="1"/>
  <c r="AD142416" i="1"/>
  <c r="AD142417" i="1"/>
  <c r="AD142418" i="1"/>
  <c r="AD142419" i="1"/>
  <c r="AD142420" i="1"/>
  <c r="AD142421" i="1"/>
  <c r="AD142422" i="1"/>
  <c r="AD142423" i="1"/>
  <c r="AD142424" i="1"/>
  <c r="AD142425" i="1"/>
  <c r="AD142426" i="1"/>
  <c r="AD142427" i="1"/>
  <c r="AD142428" i="1"/>
  <c r="AD142429" i="1"/>
  <c r="AD142430" i="1"/>
  <c r="AD142431" i="1"/>
  <c r="AD142432" i="1"/>
  <c r="AD142433" i="1"/>
  <c r="AD142434" i="1"/>
  <c r="AD142435" i="1"/>
  <c r="AD142436" i="1"/>
  <c r="AD142437" i="1"/>
  <c r="AD142438" i="1"/>
  <c r="AD142439" i="1"/>
  <c r="AD142440" i="1"/>
  <c r="AD142441" i="1"/>
  <c r="AD142442" i="1"/>
  <c r="AD142443" i="1"/>
  <c r="AD142444" i="1"/>
  <c r="AD142445" i="1"/>
  <c r="AD142446" i="1"/>
  <c r="AD142447" i="1"/>
  <c r="AD142448" i="1"/>
  <c r="AD142449" i="1"/>
  <c r="AD142450" i="1"/>
  <c r="AD142451" i="1"/>
  <c r="AD142452" i="1"/>
  <c r="AD142453" i="1"/>
  <c r="AD142454" i="1"/>
  <c r="AD142455" i="1"/>
  <c r="AD142456" i="1"/>
  <c r="AD142457" i="1"/>
  <c r="AD142458" i="1"/>
  <c r="AD142459" i="1"/>
  <c r="AD142460" i="1"/>
  <c r="AD142461" i="1"/>
  <c r="AD142462" i="1"/>
  <c r="AD142463" i="1"/>
  <c r="AD142464" i="1"/>
  <c r="AD142465" i="1"/>
  <c r="AD142466" i="1"/>
  <c r="AD142467" i="1"/>
  <c r="AD142468" i="1"/>
  <c r="AD142469" i="1"/>
  <c r="AD142470" i="1"/>
  <c r="AD142471" i="1"/>
  <c r="AD142472" i="1"/>
  <c r="AD142473" i="1"/>
  <c r="AD142474" i="1"/>
  <c r="AD142475" i="1"/>
  <c r="AD142476" i="1"/>
  <c r="AD142477" i="1"/>
  <c r="AD142478" i="1"/>
  <c r="AD142479" i="1"/>
  <c r="AD142480" i="1"/>
  <c r="AD142481" i="1"/>
  <c r="AD142482" i="1"/>
  <c r="AD142483" i="1"/>
  <c r="AD142484" i="1"/>
  <c r="AD142485" i="1"/>
  <c r="AD142486" i="1"/>
  <c r="AD142487" i="1"/>
  <c r="AD142488" i="1"/>
  <c r="AD142489" i="1"/>
  <c r="AD142490" i="1"/>
  <c r="AD142491" i="1"/>
  <c r="AD142492" i="1"/>
  <c r="AD142493" i="1"/>
  <c r="AD142494" i="1"/>
  <c r="AD142495" i="1"/>
  <c r="AD142496" i="1"/>
  <c r="AD142497" i="1"/>
  <c r="AD142498" i="1"/>
  <c r="AD142499" i="1"/>
  <c r="AD142500" i="1"/>
  <c r="AD142501" i="1"/>
  <c r="AD142502" i="1"/>
  <c r="AD142503" i="1"/>
  <c r="AD142504" i="1"/>
  <c r="AD142505" i="1"/>
  <c r="AD142506" i="1"/>
  <c r="AD142507" i="1"/>
  <c r="AD142508" i="1"/>
  <c r="AD142509" i="1"/>
  <c r="AD142510" i="1"/>
  <c r="AD142511" i="1"/>
  <c r="AD142512" i="1"/>
  <c r="AD142513" i="1"/>
  <c r="AD142514" i="1"/>
  <c r="AD142515" i="1"/>
  <c r="AD142516" i="1"/>
  <c r="AD142517" i="1"/>
  <c r="AD142518" i="1"/>
  <c r="AD142519" i="1"/>
  <c r="AD142520" i="1"/>
  <c r="AD142521" i="1"/>
  <c r="AD142522" i="1"/>
  <c r="AD142523" i="1"/>
  <c r="AD142524" i="1"/>
  <c r="AD142525" i="1"/>
  <c r="AD142526" i="1"/>
  <c r="AD142527" i="1"/>
  <c r="AD142528" i="1"/>
  <c r="AD142529" i="1"/>
  <c r="AD142530" i="1"/>
  <c r="AD142531" i="1"/>
  <c r="AD142532" i="1"/>
  <c r="AD142533" i="1"/>
  <c r="AD142534" i="1"/>
  <c r="AD142535" i="1"/>
  <c r="AD142536" i="1"/>
  <c r="AD142537" i="1"/>
  <c r="AD142538" i="1"/>
  <c r="AD142539" i="1"/>
  <c r="AD142540" i="1"/>
  <c r="AD142541" i="1"/>
  <c r="AD142542" i="1"/>
  <c r="AD142543" i="1"/>
  <c r="AD142544" i="1"/>
  <c r="AD142545" i="1"/>
  <c r="AD142546" i="1"/>
  <c r="AD142547" i="1"/>
  <c r="AD142548" i="1"/>
  <c r="AD142549" i="1"/>
  <c r="AD142550" i="1"/>
  <c r="AD142551" i="1"/>
  <c r="AD142552" i="1"/>
  <c r="AD142553" i="1"/>
  <c r="AD142554" i="1"/>
  <c r="AD142555" i="1"/>
  <c r="AD142556" i="1"/>
  <c r="AD142557" i="1"/>
  <c r="AD142558" i="1"/>
  <c r="AD142559" i="1"/>
  <c r="AD142560" i="1"/>
  <c r="AD142561" i="1"/>
  <c r="AD142562" i="1"/>
  <c r="AD142563" i="1"/>
  <c r="AD142564" i="1"/>
  <c r="AD142565" i="1"/>
  <c r="AD142566" i="1"/>
  <c r="AD142567" i="1"/>
  <c r="AD142568" i="1"/>
  <c r="AD142569" i="1"/>
  <c r="AD142570" i="1"/>
  <c r="AD142571" i="1"/>
  <c r="AD142572" i="1"/>
  <c r="AD142573" i="1"/>
  <c r="AD142574" i="1"/>
  <c r="AD142575" i="1"/>
  <c r="AD142576" i="1"/>
  <c r="AD142577" i="1"/>
  <c r="AD142578" i="1"/>
  <c r="AD142579" i="1"/>
  <c r="AD142580" i="1"/>
  <c r="AD142581" i="1"/>
  <c r="AD142582" i="1"/>
  <c r="AD142583" i="1"/>
  <c r="AD142584" i="1"/>
  <c r="AD142585" i="1"/>
  <c r="AD142586" i="1"/>
  <c r="AD142587" i="1"/>
  <c r="AD142588" i="1"/>
  <c r="AD142589" i="1"/>
  <c r="AD142590" i="1"/>
  <c r="AD142591" i="1"/>
  <c r="AD142592" i="1"/>
  <c r="AD142593" i="1"/>
  <c r="AD142594" i="1"/>
  <c r="AD142595" i="1"/>
  <c r="AD142596" i="1"/>
  <c r="AD142597" i="1"/>
  <c r="AD142598" i="1"/>
  <c r="AD142599" i="1"/>
  <c r="AD142600" i="1"/>
  <c r="AD142601" i="1"/>
  <c r="AD142602" i="1"/>
  <c r="AD142603" i="1"/>
  <c r="AD142604" i="1"/>
  <c r="AD142605" i="1"/>
  <c r="AD142606" i="1"/>
  <c r="AD142607" i="1"/>
  <c r="AD142608" i="1"/>
  <c r="AD142609" i="1"/>
  <c r="AD142610" i="1"/>
  <c r="AD142611" i="1"/>
  <c r="AD142612" i="1"/>
  <c r="AD142613" i="1"/>
  <c r="AD142614" i="1"/>
  <c r="AD142615" i="1"/>
  <c r="AD142616" i="1"/>
  <c r="AD142617" i="1"/>
  <c r="AD142618" i="1"/>
  <c r="AD142619" i="1"/>
  <c r="AD142620" i="1"/>
  <c r="AD142621" i="1"/>
  <c r="AD142622" i="1"/>
  <c r="AD142623" i="1"/>
  <c r="AD142624" i="1"/>
  <c r="AD142625" i="1"/>
  <c r="AD142626" i="1"/>
  <c r="AD142627" i="1"/>
  <c r="AD142628" i="1"/>
  <c r="AD142629" i="1"/>
  <c r="AD142630" i="1"/>
  <c r="AD142631" i="1"/>
  <c r="AD142632" i="1"/>
  <c r="AD142633" i="1"/>
  <c r="AD142634" i="1"/>
  <c r="AD142635" i="1"/>
  <c r="AD142636" i="1"/>
  <c r="AD142637" i="1"/>
  <c r="AD142638" i="1"/>
  <c r="AD142639" i="1"/>
  <c r="AD142640" i="1"/>
  <c r="AD142641" i="1"/>
  <c r="AD142642" i="1"/>
  <c r="AD142643" i="1"/>
  <c r="AD142644" i="1"/>
  <c r="AD142645" i="1"/>
  <c r="AD142646" i="1"/>
  <c r="AD142647" i="1"/>
  <c r="AD142648" i="1"/>
  <c r="AD142649" i="1"/>
  <c r="AD142650" i="1"/>
  <c r="AD142651" i="1"/>
  <c r="AD142652" i="1"/>
  <c r="AD142653" i="1"/>
  <c r="AD142654" i="1"/>
  <c r="AD142655" i="1"/>
  <c r="AD142656" i="1"/>
  <c r="AD142657" i="1"/>
  <c r="AD142658" i="1"/>
  <c r="AD142659" i="1"/>
  <c r="AD142660" i="1"/>
  <c r="AD142661" i="1"/>
  <c r="AD142662" i="1"/>
  <c r="AD142663" i="1"/>
  <c r="AD142664" i="1"/>
  <c r="AD142665" i="1"/>
  <c r="AD142666" i="1"/>
  <c r="AD142667" i="1"/>
  <c r="AD142668" i="1"/>
  <c r="AD142669" i="1"/>
  <c r="AD142670" i="1"/>
  <c r="AD142671" i="1"/>
  <c r="AD142672" i="1"/>
  <c r="AD142673" i="1"/>
  <c r="AD142674" i="1"/>
  <c r="AD142675" i="1"/>
  <c r="AD142676" i="1"/>
  <c r="AD142677" i="1"/>
  <c r="AD142678" i="1"/>
  <c r="AD142679" i="1"/>
  <c r="AD142680" i="1"/>
  <c r="AD142681" i="1"/>
  <c r="AD142682" i="1"/>
  <c r="AD142683" i="1"/>
  <c r="AD142684" i="1"/>
  <c r="AD142685" i="1"/>
  <c r="AD142686" i="1"/>
  <c r="AD142687" i="1"/>
  <c r="AD142688" i="1"/>
  <c r="AD142689" i="1"/>
  <c r="AD142690" i="1"/>
  <c r="AD142691" i="1"/>
  <c r="AD142692" i="1"/>
  <c r="AD142693" i="1"/>
  <c r="AD142694" i="1"/>
  <c r="AD142695" i="1"/>
  <c r="AD142696" i="1"/>
  <c r="AD142697" i="1"/>
  <c r="AD142698" i="1"/>
  <c r="AD142699" i="1"/>
  <c r="AD142700" i="1"/>
  <c r="AD142701" i="1"/>
  <c r="AD142702" i="1"/>
  <c r="AD142703" i="1"/>
  <c r="AD142704" i="1"/>
  <c r="AD142705" i="1"/>
  <c r="AD142706" i="1"/>
  <c r="AD142707" i="1"/>
  <c r="AD142708" i="1"/>
  <c r="AD142709" i="1"/>
  <c r="AD142710" i="1"/>
  <c r="AD142711" i="1"/>
  <c r="AD142712" i="1"/>
  <c r="AD142713" i="1"/>
  <c r="AD142714" i="1"/>
  <c r="AD142715" i="1"/>
  <c r="AD142716" i="1"/>
  <c r="AD142717" i="1"/>
  <c r="AD142718" i="1"/>
  <c r="AD142719" i="1"/>
  <c r="AD142720" i="1"/>
  <c r="AD142721" i="1"/>
  <c r="AD142722" i="1"/>
  <c r="AD142723" i="1"/>
  <c r="AD142724" i="1"/>
  <c r="AD142725" i="1"/>
  <c r="AD142726" i="1"/>
  <c r="AD142727" i="1"/>
  <c r="AD142728" i="1"/>
  <c r="AD142729" i="1"/>
  <c r="AD142730" i="1"/>
  <c r="AD142731" i="1"/>
  <c r="AD142732" i="1"/>
  <c r="AD142733" i="1"/>
  <c r="AD142734" i="1"/>
  <c r="AD142735" i="1"/>
  <c r="AD142736" i="1"/>
  <c r="AD142737" i="1"/>
  <c r="AD142738" i="1"/>
  <c r="AD142739" i="1"/>
  <c r="AD142740" i="1"/>
  <c r="AD142741" i="1"/>
  <c r="AD142742" i="1"/>
  <c r="AD142743" i="1"/>
  <c r="AD142744" i="1"/>
  <c r="AD142745" i="1"/>
  <c r="AD142746" i="1"/>
  <c r="AD142747" i="1"/>
  <c r="AD142748" i="1"/>
  <c r="AD142749" i="1"/>
  <c r="AD142750" i="1"/>
  <c r="AD142751" i="1"/>
  <c r="AD142752" i="1"/>
  <c r="AD142753" i="1"/>
  <c r="AD142754" i="1"/>
  <c r="AD142755" i="1"/>
  <c r="AD142756" i="1"/>
  <c r="AD142757" i="1"/>
  <c r="AD142758" i="1"/>
  <c r="AD142759" i="1"/>
  <c r="AD142760" i="1"/>
  <c r="AD142761" i="1"/>
  <c r="AD142762" i="1"/>
  <c r="AD142763" i="1"/>
  <c r="AD142764" i="1"/>
  <c r="AD142765" i="1"/>
  <c r="AD142766" i="1"/>
  <c r="AD142767" i="1"/>
  <c r="AD142768" i="1"/>
  <c r="AD142769" i="1"/>
  <c r="AD142770" i="1"/>
  <c r="AD142771" i="1"/>
  <c r="AD142772" i="1"/>
  <c r="AD142773" i="1"/>
  <c r="AD142774" i="1"/>
  <c r="AD142775" i="1"/>
  <c r="AD142776" i="1"/>
  <c r="AD142777" i="1"/>
  <c r="AD142778" i="1"/>
  <c r="AD142779" i="1"/>
  <c r="AD142780" i="1"/>
  <c r="AD142781" i="1"/>
  <c r="AD142782" i="1"/>
  <c r="AD142783" i="1"/>
  <c r="AD142784" i="1"/>
  <c r="AD142785" i="1"/>
  <c r="AD142786" i="1"/>
  <c r="AD142787" i="1"/>
  <c r="AD142788" i="1"/>
  <c r="AD142789" i="1"/>
  <c r="AD142790" i="1"/>
  <c r="AD142791" i="1"/>
  <c r="AD142792" i="1"/>
  <c r="AD142793" i="1"/>
  <c r="AD142794" i="1"/>
  <c r="AD142795" i="1"/>
  <c r="AD142796" i="1"/>
  <c r="AD142797" i="1"/>
  <c r="AD142798" i="1"/>
  <c r="AD142799" i="1"/>
  <c r="AD142800" i="1"/>
  <c r="AD142801" i="1"/>
  <c r="AD142802" i="1"/>
  <c r="AD142803" i="1"/>
  <c r="AD142804" i="1"/>
  <c r="AD142805" i="1"/>
  <c r="AD142806" i="1"/>
  <c r="AD142807" i="1"/>
  <c r="AD142808" i="1"/>
  <c r="AD142809" i="1"/>
  <c r="AD142810" i="1"/>
  <c r="AD142811" i="1"/>
  <c r="AD142812" i="1"/>
  <c r="AD142813" i="1"/>
  <c r="AD142814" i="1"/>
  <c r="AD142815" i="1"/>
  <c r="AD142816" i="1"/>
  <c r="AD142817" i="1"/>
  <c r="AD142818" i="1"/>
  <c r="AD142819" i="1"/>
  <c r="AD142820" i="1"/>
  <c r="AD142821" i="1"/>
  <c r="AD142822" i="1"/>
  <c r="AD142823" i="1"/>
  <c r="AD142824" i="1"/>
  <c r="AD142825" i="1"/>
  <c r="AD142826" i="1"/>
  <c r="AD142827" i="1"/>
  <c r="AD142828" i="1"/>
  <c r="AD142829" i="1"/>
  <c r="AD142830" i="1"/>
  <c r="AD142831" i="1"/>
  <c r="AD142832" i="1"/>
  <c r="AD142833" i="1"/>
  <c r="AD142834" i="1"/>
  <c r="AD142835" i="1"/>
  <c r="AD142836" i="1"/>
  <c r="AD142837" i="1"/>
  <c r="AD142838" i="1"/>
  <c r="AD142839" i="1"/>
  <c r="AD142840" i="1"/>
  <c r="AD142841" i="1"/>
  <c r="AD142842" i="1"/>
  <c r="AD142843" i="1"/>
  <c r="AD142844" i="1"/>
  <c r="AD142845" i="1"/>
  <c r="AD142846" i="1"/>
  <c r="AD142847" i="1"/>
  <c r="AD142848" i="1"/>
  <c r="AD142849" i="1"/>
  <c r="AD142850" i="1"/>
  <c r="AD142851" i="1"/>
  <c r="AD142852" i="1"/>
  <c r="AD142853" i="1"/>
  <c r="AD142854" i="1"/>
  <c r="AD142855" i="1"/>
  <c r="AD142856" i="1"/>
  <c r="AD142857" i="1"/>
  <c r="AD142858" i="1"/>
  <c r="AD142859" i="1"/>
  <c r="AD142860" i="1"/>
  <c r="AD142861" i="1"/>
  <c r="AD142862" i="1"/>
  <c r="AD142863" i="1"/>
  <c r="AD142864" i="1"/>
  <c r="AD142865" i="1"/>
  <c r="AD142866" i="1"/>
  <c r="AD142867" i="1"/>
  <c r="AD142868" i="1"/>
  <c r="AD142869" i="1"/>
  <c r="AD142870" i="1"/>
  <c r="AD142871" i="1"/>
  <c r="AD142872" i="1"/>
  <c r="AD142873" i="1"/>
  <c r="AD142874" i="1"/>
  <c r="AD142875" i="1"/>
  <c r="AD142876" i="1"/>
  <c r="AD142877" i="1"/>
  <c r="AD142878" i="1"/>
  <c r="AD142879" i="1"/>
  <c r="AD142880" i="1"/>
  <c r="AD142881" i="1"/>
  <c r="AD142882" i="1"/>
  <c r="AD142883" i="1"/>
  <c r="AD142884" i="1"/>
  <c r="AD142885" i="1"/>
  <c r="AD142886" i="1"/>
  <c r="AD142887" i="1"/>
  <c r="AD142888" i="1"/>
  <c r="AD142889" i="1"/>
  <c r="AD142890" i="1"/>
  <c r="AD142891" i="1"/>
  <c r="AD142892" i="1"/>
  <c r="AD142893" i="1"/>
  <c r="AD142894" i="1"/>
  <c r="AD142895" i="1"/>
  <c r="AD142896" i="1"/>
  <c r="AD142897" i="1"/>
  <c r="AD142898" i="1"/>
  <c r="AD142899" i="1"/>
  <c r="AD142900" i="1"/>
  <c r="AD142901" i="1"/>
  <c r="AD142902" i="1"/>
  <c r="AD142903" i="1"/>
  <c r="AD142904" i="1"/>
  <c r="AD142905" i="1"/>
  <c r="AD142906" i="1"/>
  <c r="AD142907" i="1"/>
  <c r="AD142908" i="1"/>
  <c r="AD142909" i="1"/>
  <c r="AD142910" i="1"/>
  <c r="AD142911" i="1"/>
  <c r="AD142912" i="1"/>
  <c r="AD142913" i="1"/>
  <c r="AD142914" i="1"/>
  <c r="AD142915" i="1"/>
  <c r="AD142916" i="1"/>
  <c r="AD142917" i="1"/>
  <c r="AD142918" i="1"/>
  <c r="AD142919" i="1"/>
  <c r="AD142920" i="1"/>
  <c r="AD142921" i="1"/>
  <c r="AD142922" i="1"/>
  <c r="AD142923" i="1"/>
  <c r="AD142924" i="1"/>
  <c r="AD142925" i="1"/>
  <c r="AD142926" i="1"/>
  <c r="AD142927" i="1"/>
  <c r="AD142928" i="1"/>
  <c r="AD142929" i="1"/>
  <c r="AD142930" i="1"/>
  <c r="AD142931" i="1"/>
  <c r="AD142932" i="1"/>
  <c r="AD142933" i="1"/>
  <c r="AD142934" i="1"/>
  <c r="AD142935" i="1"/>
  <c r="AD142936" i="1"/>
  <c r="AD142937" i="1"/>
  <c r="AD142938" i="1"/>
  <c r="AD142939" i="1"/>
  <c r="AD142940" i="1"/>
  <c r="AD142941" i="1"/>
  <c r="AD142942" i="1"/>
  <c r="AD142943" i="1"/>
  <c r="AD142944" i="1"/>
  <c r="AD142945" i="1"/>
  <c r="AD142946" i="1"/>
  <c r="AD142947" i="1"/>
  <c r="AD142948" i="1"/>
  <c r="AD142949" i="1"/>
  <c r="AD142950" i="1"/>
  <c r="AD142951" i="1"/>
  <c r="AD142952" i="1"/>
  <c r="AD142953" i="1"/>
  <c r="AD142954" i="1"/>
  <c r="AD142955" i="1"/>
  <c r="AD142956" i="1"/>
  <c r="AD142957" i="1"/>
  <c r="AD142958" i="1"/>
  <c r="AD142959" i="1"/>
  <c r="AD142960" i="1"/>
  <c r="AD142961" i="1"/>
  <c r="AD142962" i="1"/>
  <c r="AD142963" i="1"/>
  <c r="AD142964" i="1"/>
  <c r="AD142965" i="1"/>
  <c r="AD142966" i="1"/>
  <c r="AD142967" i="1"/>
  <c r="AD142968" i="1"/>
  <c r="AD142969" i="1"/>
  <c r="AD142970" i="1"/>
  <c r="AD142971" i="1"/>
  <c r="AD142972" i="1"/>
  <c r="AD142973" i="1"/>
  <c r="AD142974" i="1"/>
  <c r="AD142975" i="1"/>
  <c r="AD142976" i="1"/>
  <c r="AD142977" i="1"/>
  <c r="AD142978" i="1"/>
  <c r="AD142979" i="1"/>
  <c r="AD142980" i="1"/>
  <c r="AD142981" i="1"/>
  <c r="AD142982" i="1"/>
  <c r="AD142983" i="1"/>
  <c r="AD142984" i="1"/>
  <c r="AD142985" i="1"/>
  <c r="AD142986" i="1"/>
  <c r="AD142987" i="1"/>
  <c r="AD142988" i="1"/>
  <c r="AD142989" i="1"/>
  <c r="AD142990" i="1"/>
  <c r="AD142991" i="1"/>
  <c r="AD142992" i="1"/>
  <c r="AD142993" i="1"/>
  <c r="AD142994" i="1"/>
  <c r="AD142995" i="1"/>
  <c r="AD142996" i="1"/>
  <c r="AD142997" i="1"/>
  <c r="AD142998" i="1"/>
  <c r="AD142999" i="1"/>
  <c r="AD143000" i="1"/>
  <c r="AD143001" i="1"/>
  <c r="AD143002" i="1"/>
  <c r="AD143003" i="1"/>
  <c r="AD143004" i="1"/>
  <c r="AD143005" i="1"/>
  <c r="AD143006" i="1"/>
  <c r="AD143007" i="1"/>
  <c r="AD143008" i="1"/>
  <c r="AD143009" i="1"/>
  <c r="AD143010" i="1"/>
  <c r="AD143011" i="1"/>
  <c r="AD143012" i="1"/>
  <c r="AD143013" i="1"/>
  <c r="AD143014" i="1"/>
  <c r="AD143015" i="1"/>
  <c r="AD143016" i="1"/>
  <c r="AD143017" i="1"/>
  <c r="AD143018" i="1"/>
  <c r="AD143019" i="1"/>
  <c r="AD143020" i="1"/>
  <c r="AD143021" i="1"/>
  <c r="AD143022" i="1"/>
  <c r="AD143023" i="1"/>
  <c r="AD143024" i="1"/>
  <c r="AD143025" i="1"/>
  <c r="AD143026" i="1"/>
  <c r="AD143027" i="1"/>
  <c r="AD143028" i="1"/>
  <c r="AD143029" i="1"/>
  <c r="AD143030" i="1"/>
  <c r="AD143031" i="1"/>
  <c r="AD143032" i="1"/>
  <c r="AD143033" i="1"/>
  <c r="AD143034" i="1"/>
  <c r="AD143035" i="1"/>
  <c r="AD143036" i="1"/>
  <c r="AD143037" i="1"/>
  <c r="AD143038" i="1"/>
  <c r="AD143039" i="1"/>
  <c r="AD143040" i="1"/>
  <c r="AD143041" i="1"/>
  <c r="AD143042" i="1"/>
  <c r="AD143043" i="1"/>
  <c r="AD143044" i="1"/>
  <c r="AD143045" i="1"/>
  <c r="AD143046" i="1"/>
  <c r="AD143047" i="1"/>
  <c r="AD143048" i="1"/>
  <c r="AD143049" i="1"/>
  <c r="AD143050" i="1"/>
  <c r="AD143051" i="1"/>
  <c r="AD143052" i="1"/>
  <c r="AD143053" i="1"/>
  <c r="AD143054" i="1"/>
  <c r="AD143055" i="1"/>
  <c r="AD143056" i="1"/>
  <c r="AD143057" i="1"/>
  <c r="AD143058" i="1"/>
  <c r="AD143059" i="1"/>
  <c r="AD143060" i="1"/>
  <c r="AD143061" i="1"/>
  <c r="AD143062" i="1"/>
  <c r="AD143063" i="1"/>
  <c r="AD143064" i="1"/>
  <c r="AD143065" i="1"/>
  <c r="AD143066" i="1"/>
  <c r="AD143067" i="1"/>
  <c r="AD143068" i="1"/>
  <c r="AD143069" i="1"/>
  <c r="AD143070" i="1"/>
  <c r="AD143071" i="1"/>
  <c r="AD143072" i="1"/>
  <c r="AD143073" i="1"/>
  <c r="AD143074" i="1"/>
  <c r="AD143075" i="1"/>
  <c r="AD143076" i="1"/>
  <c r="AD143077" i="1"/>
  <c r="AD143078" i="1"/>
  <c r="AD143079" i="1"/>
  <c r="AD143080" i="1"/>
  <c r="AD143081" i="1"/>
  <c r="AD143082" i="1"/>
  <c r="AD143083" i="1"/>
  <c r="AD143084" i="1"/>
  <c r="AD143085" i="1"/>
  <c r="AD143086" i="1"/>
  <c r="AD143087" i="1"/>
  <c r="AD143088" i="1"/>
  <c r="AD143089" i="1"/>
  <c r="AD143090" i="1"/>
  <c r="AD143091" i="1"/>
  <c r="AD143092" i="1"/>
  <c r="AD143093" i="1"/>
  <c r="AD143094" i="1"/>
  <c r="AD143095" i="1"/>
  <c r="AD143096" i="1"/>
  <c r="AD143097" i="1"/>
  <c r="AD143098" i="1"/>
  <c r="AD143099" i="1"/>
  <c r="AD143100" i="1"/>
  <c r="AD143101" i="1"/>
  <c r="AD143102" i="1"/>
  <c r="AD143103" i="1"/>
  <c r="AD143104" i="1"/>
  <c r="AD143105" i="1"/>
  <c r="AD143106" i="1"/>
  <c r="AD143107" i="1"/>
  <c r="AD143108" i="1"/>
  <c r="AD143109" i="1"/>
  <c r="AD143110" i="1"/>
  <c r="AD143111" i="1"/>
  <c r="AD143112" i="1"/>
  <c r="AD143113" i="1"/>
  <c r="AD143114" i="1"/>
  <c r="AD143115" i="1"/>
  <c r="AD143116" i="1"/>
  <c r="AD143117" i="1"/>
  <c r="AD143118" i="1"/>
  <c r="AD143119" i="1"/>
  <c r="AD143120" i="1"/>
  <c r="AD143121" i="1"/>
  <c r="AD143122" i="1"/>
  <c r="AD143123" i="1"/>
  <c r="AD143124" i="1"/>
  <c r="AD143125" i="1"/>
  <c r="AD143126" i="1"/>
  <c r="AD143127" i="1"/>
  <c r="AD143128" i="1"/>
  <c r="AD143129" i="1"/>
  <c r="AD143130" i="1"/>
  <c r="AD143131" i="1"/>
  <c r="AD143132" i="1"/>
  <c r="AD143133" i="1"/>
  <c r="AD143134" i="1"/>
  <c r="AD143135" i="1"/>
  <c r="AD143136" i="1"/>
  <c r="AD143137" i="1"/>
  <c r="AD143138" i="1"/>
  <c r="AD143139" i="1"/>
  <c r="AD143140" i="1"/>
  <c r="AD143141" i="1"/>
  <c r="AD143142" i="1"/>
  <c r="AD143143" i="1"/>
  <c r="AD143144" i="1"/>
  <c r="AD143145" i="1"/>
  <c r="AD143146" i="1"/>
  <c r="AD143147" i="1"/>
  <c r="AD143148" i="1"/>
  <c r="AD143149" i="1"/>
  <c r="AD143150" i="1"/>
  <c r="AD143151" i="1"/>
  <c r="AD143152" i="1"/>
  <c r="AD143153" i="1"/>
  <c r="AD143154" i="1"/>
  <c r="AD143155" i="1"/>
  <c r="AD143156" i="1"/>
  <c r="AD143157" i="1"/>
  <c r="AD143158" i="1"/>
  <c r="AD143159" i="1"/>
  <c r="AD143160" i="1"/>
  <c r="AD143161" i="1"/>
  <c r="AD143162" i="1"/>
  <c r="AD143163" i="1"/>
  <c r="AD143164" i="1"/>
  <c r="AD143165" i="1"/>
  <c r="AD143166" i="1"/>
  <c r="AD143167" i="1"/>
  <c r="AD143168" i="1"/>
  <c r="AD143169" i="1"/>
  <c r="AD143170" i="1"/>
  <c r="AD143171" i="1"/>
  <c r="AD143172" i="1"/>
  <c r="AD143173" i="1"/>
  <c r="AD143174" i="1"/>
  <c r="AD143175" i="1"/>
  <c r="AD143176" i="1"/>
  <c r="AD143177" i="1"/>
  <c r="AD143178" i="1"/>
  <c r="AD143179" i="1"/>
  <c r="AD143180" i="1"/>
  <c r="AD143181" i="1"/>
  <c r="AD143182" i="1"/>
  <c r="AD143183" i="1"/>
  <c r="AD143184" i="1"/>
  <c r="AD143185" i="1"/>
  <c r="AD143186" i="1"/>
  <c r="AD143187" i="1"/>
  <c r="AD143188" i="1"/>
  <c r="AD143189" i="1"/>
  <c r="AD143190" i="1"/>
  <c r="AD143191" i="1"/>
  <c r="AD143192" i="1"/>
  <c r="AD143193" i="1"/>
  <c r="AD143194" i="1"/>
  <c r="AD143195" i="1"/>
  <c r="AD143196" i="1"/>
  <c r="AD143197" i="1"/>
  <c r="AD143198" i="1"/>
  <c r="AD143199" i="1"/>
  <c r="AD143200" i="1"/>
  <c r="AD143201" i="1"/>
  <c r="AD143202" i="1"/>
  <c r="AD143203" i="1"/>
  <c r="AD143204" i="1"/>
  <c r="AD143205" i="1"/>
  <c r="AD143206" i="1"/>
  <c r="AD143207" i="1"/>
  <c r="AD143208" i="1"/>
  <c r="AD143209" i="1"/>
  <c r="AD143210" i="1"/>
  <c r="AD143211" i="1"/>
  <c r="AD143212" i="1"/>
  <c r="AD143213" i="1"/>
  <c r="AD143214" i="1"/>
  <c r="AD143215" i="1"/>
  <c r="AD143216" i="1"/>
  <c r="AD143217" i="1"/>
  <c r="AD143218" i="1"/>
  <c r="AD143219" i="1"/>
  <c r="AD143220" i="1"/>
  <c r="AD143221" i="1"/>
  <c r="AD143222" i="1"/>
  <c r="AD143223" i="1"/>
  <c r="AD143224" i="1"/>
  <c r="AD143225" i="1"/>
  <c r="AD143226" i="1"/>
  <c r="AD143227" i="1"/>
  <c r="AD143228" i="1"/>
  <c r="AD143229" i="1"/>
  <c r="AD143230" i="1"/>
  <c r="AD143231" i="1"/>
  <c r="AD143232" i="1"/>
  <c r="AD143233" i="1"/>
  <c r="AD143234" i="1"/>
  <c r="AD143235" i="1"/>
  <c r="AD143236" i="1"/>
  <c r="AD143237" i="1"/>
  <c r="AD143238" i="1"/>
  <c r="AD143239" i="1"/>
  <c r="AD143240" i="1"/>
  <c r="AD143241" i="1"/>
  <c r="AD143242" i="1"/>
  <c r="AD143243" i="1"/>
  <c r="AD143244" i="1"/>
  <c r="AD143245" i="1"/>
  <c r="AD143246" i="1"/>
  <c r="AD143247" i="1"/>
  <c r="AD143248" i="1"/>
  <c r="AD143249" i="1"/>
  <c r="AD143250" i="1"/>
  <c r="AD143251" i="1"/>
  <c r="AD143252" i="1"/>
  <c r="AD143253" i="1"/>
  <c r="AD143254" i="1"/>
  <c r="AD143255" i="1"/>
  <c r="AD143256" i="1"/>
  <c r="AD143257" i="1"/>
  <c r="AD143258" i="1"/>
  <c r="AD143259" i="1"/>
  <c r="AD143260" i="1"/>
  <c r="AD143261" i="1"/>
  <c r="AD143262" i="1"/>
  <c r="AD143263" i="1"/>
  <c r="AD143264" i="1"/>
  <c r="AD143265" i="1"/>
  <c r="AD143266" i="1"/>
  <c r="AD143267" i="1"/>
  <c r="AD143268" i="1"/>
  <c r="AD143269" i="1"/>
  <c r="AD143270" i="1"/>
  <c r="AD143271" i="1"/>
  <c r="AD143272" i="1"/>
  <c r="AD143273" i="1"/>
  <c r="AD143274" i="1"/>
  <c r="AD143275" i="1"/>
  <c r="AD143276" i="1"/>
  <c r="AD143277" i="1"/>
  <c r="AD143278" i="1"/>
  <c r="AD143279" i="1"/>
  <c r="AD143280" i="1"/>
  <c r="AD143281" i="1"/>
  <c r="AD143282" i="1"/>
  <c r="AD143283" i="1"/>
  <c r="AD143284" i="1"/>
  <c r="AD143285" i="1"/>
  <c r="AD143286" i="1"/>
  <c r="AD143287" i="1"/>
  <c r="AD143288" i="1"/>
  <c r="AD143289" i="1"/>
  <c r="AD143290" i="1"/>
  <c r="AD143291" i="1"/>
  <c r="AD143292" i="1"/>
  <c r="AD143293" i="1"/>
  <c r="AD143294" i="1"/>
  <c r="AD143295" i="1"/>
  <c r="AD143296" i="1"/>
  <c r="AD143297" i="1"/>
  <c r="AD143298" i="1"/>
  <c r="AD143299" i="1"/>
  <c r="AD143300" i="1"/>
  <c r="AD143301" i="1"/>
  <c r="AD143302" i="1"/>
  <c r="AD143303" i="1"/>
  <c r="AD143304" i="1"/>
  <c r="AD143305" i="1"/>
  <c r="AD143306" i="1"/>
  <c r="AD143307" i="1"/>
  <c r="AD143308" i="1"/>
  <c r="AD143309" i="1"/>
  <c r="AD143310" i="1"/>
  <c r="AD143311" i="1"/>
  <c r="AD143312" i="1"/>
  <c r="AD143313" i="1"/>
  <c r="AD143314" i="1"/>
  <c r="AD143315" i="1"/>
  <c r="AD143316" i="1"/>
  <c r="AD143317" i="1"/>
  <c r="AD143318" i="1"/>
  <c r="AD143319" i="1"/>
  <c r="AD143320" i="1"/>
  <c r="AD143321" i="1"/>
  <c r="AD143322" i="1"/>
  <c r="AD143323" i="1"/>
  <c r="AD143324" i="1"/>
  <c r="AD143325" i="1"/>
  <c r="AD143326" i="1"/>
  <c r="AD143327" i="1"/>
  <c r="AD143328" i="1"/>
  <c r="AD143329" i="1"/>
  <c r="AD143330" i="1"/>
  <c r="AD143331" i="1"/>
  <c r="AD143332" i="1"/>
  <c r="AD143333" i="1"/>
  <c r="AD143334" i="1"/>
  <c r="AD143335" i="1"/>
  <c r="AD143336" i="1"/>
  <c r="AD143337" i="1"/>
  <c r="AD143338" i="1"/>
  <c r="AD143339" i="1"/>
  <c r="AD143340" i="1"/>
  <c r="AD143341" i="1"/>
  <c r="AD143342" i="1"/>
  <c r="AD143343" i="1"/>
  <c r="AD143344" i="1"/>
  <c r="AD143345" i="1"/>
  <c r="AD143346" i="1"/>
  <c r="AD143347" i="1"/>
  <c r="AD143348" i="1"/>
  <c r="AD143349" i="1"/>
  <c r="AD143350" i="1"/>
  <c r="AD143351" i="1"/>
  <c r="AD143352" i="1"/>
  <c r="AD143353" i="1"/>
  <c r="AD143354" i="1"/>
  <c r="AD143355" i="1"/>
  <c r="AD143356" i="1"/>
  <c r="AD143357" i="1"/>
  <c r="AD143358" i="1"/>
  <c r="AD143359" i="1"/>
  <c r="AD143360" i="1"/>
  <c r="AD143361" i="1"/>
  <c r="AD143362" i="1"/>
  <c r="AD143363" i="1"/>
  <c r="AD143364" i="1"/>
  <c r="AD143365" i="1"/>
  <c r="AD143366" i="1"/>
  <c r="AD143367" i="1"/>
  <c r="AD143368" i="1"/>
  <c r="AD143369" i="1"/>
  <c r="AD143370" i="1"/>
  <c r="AD143371" i="1"/>
  <c r="AD143372" i="1"/>
  <c r="AD143373" i="1"/>
  <c r="AD143374" i="1"/>
  <c r="AD143375" i="1"/>
  <c r="AD143376" i="1"/>
  <c r="AD143377" i="1"/>
  <c r="AD143378" i="1"/>
  <c r="AD143379" i="1"/>
  <c r="AD143380" i="1"/>
  <c r="AD143381" i="1"/>
  <c r="AD143382" i="1"/>
  <c r="AD143383" i="1"/>
  <c r="AD143384" i="1"/>
  <c r="AD143385" i="1"/>
  <c r="AD143386" i="1"/>
  <c r="AD143387" i="1"/>
  <c r="AD143388" i="1"/>
  <c r="AD143389" i="1"/>
  <c r="AD143390" i="1"/>
  <c r="AD143391" i="1"/>
  <c r="AD143392" i="1"/>
  <c r="AD143393" i="1"/>
  <c r="AD143394" i="1"/>
  <c r="AD143395" i="1"/>
  <c r="AD143396" i="1"/>
  <c r="AD143397" i="1"/>
  <c r="AD143398" i="1"/>
  <c r="AD143399" i="1"/>
  <c r="AD143400" i="1"/>
  <c r="AD143401" i="1"/>
  <c r="AD143402" i="1"/>
  <c r="AD143403" i="1"/>
  <c r="AD143404" i="1"/>
  <c r="AD143405" i="1"/>
  <c r="AD143406" i="1"/>
  <c r="AD143407" i="1"/>
  <c r="AD143408" i="1"/>
  <c r="AD143409" i="1"/>
  <c r="AD143410" i="1"/>
  <c r="AD143411" i="1"/>
  <c r="AD143412" i="1"/>
  <c r="AD143413" i="1"/>
  <c r="AD143414" i="1"/>
  <c r="AD143415" i="1"/>
  <c r="AD143416" i="1"/>
  <c r="AD143417" i="1"/>
  <c r="AD143418" i="1"/>
  <c r="AD143419" i="1"/>
  <c r="AD143420" i="1"/>
  <c r="AD143421" i="1"/>
  <c r="AD143422" i="1"/>
  <c r="AD143423" i="1"/>
  <c r="AD143424" i="1"/>
  <c r="AD143425" i="1"/>
  <c r="AD143426" i="1"/>
  <c r="AD143427" i="1"/>
  <c r="AD143428" i="1"/>
  <c r="AD143429" i="1"/>
  <c r="AD143430" i="1"/>
  <c r="AD143431" i="1"/>
  <c r="AD143432" i="1"/>
  <c r="AD143433" i="1"/>
  <c r="AD143434" i="1"/>
  <c r="AD143435" i="1"/>
  <c r="AD143436" i="1"/>
  <c r="AD143437" i="1"/>
  <c r="AD143438" i="1"/>
  <c r="AD143439" i="1"/>
  <c r="AD143440" i="1"/>
  <c r="AD143441" i="1"/>
  <c r="AD143442" i="1"/>
  <c r="AD143443" i="1"/>
  <c r="AD143444" i="1"/>
  <c r="AD143445" i="1"/>
  <c r="AD143446" i="1"/>
  <c r="AD143447" i="1"/>
  <c r="AD143448" i="1"/>
  <c r="AD143449" i="1"/>
  <c r="AD143450" i="1"/>
  <c r="AD143451" i="1"/>
  <c r="AD143452" i="1"/>
  <c r="AD143453" i="1"/>
  <c r="AD143454" i="1"/>
  <c r="AD143455" i="1"/>
  <c r="AD143456" i="1"/>
  <c r="AD143457" i="1"/>
  <c r="AD143458" i="1"/>
  <c r="AD143459" i="1"/>
  <c r="AD143460" i="1"/>
  <c r="AD143461" i="1"/>
  <c r="AD143462" i="1"/>
  <c r="AD143463" i="1"/>
  <c r="AD143464" i="1"/>
  <c r="AD143465" i="1"/>
  <c r="AD143466" i="1"/>
  <c r="AD143467" i="1"/>
  <c r="AD143468" i="1"/>
  <c r="AD143469" i="1"/>
  <c r="AD143470" i="1"/>
  <c r="AD143471" i="1"/>
  <c r="AD143472" i="1"/>
  <c r="AD143473" i="1"/>
  <c r="AD143474" i="1"/>
  <c r="AD143475" i="1"/>
  <c r="AD143476" i="1"/>
  <c r="AD143477" i="1"/>
  <c r="AD143478" i="1"/>
  <c r="AD143479" i="1"/>
  <c r="AD143480" i="1"/>
  <c r="AD143481" i="1"/>
  <c r="AD143482" i="1"/>
  <c r="AD143483" i="1"/>
  <c r="AD143484" i="1"/>
  <c r="AD143485" i="1"/>
  <c r="AD143486" i="1"/>
  <c r="AD143487" i="1"/>
  <c r="AD143488" i="1"/>
  <c r="AD143489" i="1"/>
  <c r="AD143490" i="1"/>
  <c r="AD143491" i="1"/>
  <c r="AD143492" i="1"/>
  <c r="AD143493" i="1"/>
  <c r="AD143494" i="1"/>
  <c r="AD143495" i="1"/>
  <c r="AD143496" i="1"/>
  <c r="AD143497" i="1"/>
  <c r="AD143498" i="1"/>
  <c r="AD143499" i="1"/>
  <c r="AD143500" i="1"/>
  <c r="AD143501" i="1"/>
  <c r="AD143502" i="1"/>
  <c r="AD143503" i="1"/>
  <c r="AD143504" i="1"/>
  <c r="AD143505" i="1"/>
  <c r="AD143506" i="1"/>
  <c r="AD143507" i="1"/>
  <c r="AD143508" i="1"/>
  <c r="AD143509" i="1"/>
  <c r="AD143510" i="1"/>
  <c r="AD143511" i="1"/>
  <c r="AD143512" i="1"/>
  <c r="AD143513" i="1"/>
  <c r="AD143514" i="1"/>
  <c r="AD143515" i="1"/>
  <c r="AD143516" i="1"/>
  <c r="AD143517" i="1"/>
  <c r="AD143518" i="1"/>
  <c r="AD143519" i="1"/>
  <c r="AD143520" i="1"/>
  <c r="AD143521" i="1"/>
  <c r="AD143522" i="1"/>
  <c r="AD143523" i="1"/>
  <c r="AD143524" i="1"/>
  <c r="AD143525" i="1"/>
  <c r="AD143526" i="1"/>
  <c r="AD143527" i="1"/>
  <c r="AD143528" i="1"/>
  <c r="AD143529" i="1"/>
  <c r="AD143530" i="1"/>
  <c r="AD143531" i="1"/>
  <c r="AD143532" i="1"/>
  <c r="AD143533" i="1"/>
  <c r="AD143534" i="1"/>
  <c r="AD143535" i="1"/>
  <c r="AD143536" i="1"/>
  <c r="AD143537" i="1"/>
  <c r="AD143538" i="1"/>
  <c r="AD143539" i="1"/>
  <c r="AD143540" i="1"/>
  <c r="AD143541" i="1"/>
  <c r="AD143542" i="1"/>
  <c r="AD143543" i="1"/>
  <c r="AD143544" i="1"/>
  <c r="AD143545" i="1"/>
  <c r="AD143546" i="1"/>
  <c r="AD143547" i="1"/>
  <c r="AD143548" i="1"/>
  <c r="AD143549" i="1"/>
  <c r="AD143550" i="1"/>
  <c r="AD143551" i="1"/>
  <c r="AD143552" i="1"/>
  <c r="AD143553" i="1"/>
  <c r="AD143554" i="1"/>
  <c r="AD143555" i="1"/>
  <c r="AD143556" i="1"/>
  <c r="AD143557" i="1"/>
  <c r="AD143558" i="1"/>
  <c r="AD143559" i="1"/>
  <c r="AD143560" i="1"/>
  <c r="AD143561" i="1"/>
  <c r="AD143562" i="1"/>
  <c r="AD143563" i="1"/>
  <c r="AD143564" i="1"/>
  <c r="AD143565" i="1"/>
  <c r="AD143566" i="1"/>
  <c r="AD143567" i="1"/>
  <c r="AD143568" i="1"/>
  <c r="AD143569" i="1"/>
  <c r="AD143570" i="1"/>
  <c r="AD143571" i="1"/>
  <c r="AD143572" i="1"/>
  <c r="AD143573" i="1"/>
  <c r="AD143574" i="1"/>
  <c r="AD143575" i="1"/>
  <c r="AD143576" i="1"/>
  <c r="AD143577" i="1"/>
  <c r="AD143578" i="1"/>
  <c r="AD143579" i="1"/>
  <c r="AD143580" i="1"/>
  <c r="AD143581" i="1"/>
  <c r="AD143582" i="1"/>
  <c r="AD143583" i="1"/>
  <c r="AD143584" i="1"/>
  <c r="AD143585" i="1"/>
  <c r="AD143586" i="1"/>
  <c r="AD143587" i="1"/>
  <c r="AD143588" i="1"/>
  <c r="AD143589" i="1"/>
  <c r="AD143590" i="1"/>
  <c r="AD143591" i="1"/>
  <c r="AD143592" i="1"/>
  <c r="AD143593" i="1"/>
  <c r="AD143594" i="1"/>
  <c r="AD143595" i="1"/>
  <c r="AD143596" i="1"/>
  <c r="AD143597" i="1"/>
  <c r="AD143598" i="1"/>
  <c r="AD143599" i="1"/>
  <c r="AD143600" i="1"/>
  <c r="AD143601" i="1"/>
  <c r="AD143602" i="1"/>
  <c r="AD143603" i="1"/>
  <c r="AD143604" i="1"/>
  <c r="AD143605" i="1"/>
  <c r="AD143606" i="1"/>
  <c r="AD143607" i="1"/>
  <c r="AD143608" i="1"/>
  <c r="AD143609" i="1"/>
  <c r="AD143610" i="1"/>
  <c r="AD143611" i="1"/>
  <c r="AD143612" i="1"/>
  <c r="AD143613" i="1"/>
  <c r="AD143614" i="1"/>
  <c r="AD143615" i="1"/>
  <c r="AD143616" i="1"/>
  <c r="AD143617" i="1"/>
  <c r="AD143618" i="1"/>
  <c r="AD143619" i="1"/>
  <c r="AD143620" i="1"/>
  <c r="AD143621" i="1"/>
  <c r="AD143622" i="1"/>
  <c r="AD143623" i="1"/>
  <c r="AD143624" i="1"/>
  <c r="AD143625" i="1"/>
  <c r="AD143626" i="1"/>
  <c r="AD143627" i="1"/>
  <c r="AD143628" i="1"/>
  <c r="AD143629" i="1"/>
  <c r="AD143630" i="1"/>
  <c r="AD143631" i="1"/>
  <c r="AD143632" i="1"/>
  <c r="AD143633" i="1"/>
  <c r="AD143634" i="1"/>
  <c r="AD143635" i="1"/>
  <c r="AD143636" i="1"/>
  <c r="AD143637" i="1"/>
  <c r="AD143638" i="1"/>
  <c r="AD143639" i="1"/>
  <c r="AD143640" i="1"/>
  <c r="AD143641" i="1"/>
  <c r="AD143642" i="1"/>
  <c r="AD143643" i="1"/>
  <c r="AD143644" i="1"/>
  <c r="AD143645" i="1"/>
  <c r="AD143646" i="1"/>
  <c r="AD143647" i="1"/>
  <c r="AD143648" i="1"/>
  <c r="AD143649" i="1"/>
  <c r="AD143650" i="1"/>
  <c r="AD143651" i="1"/>
  <c r="AD143652" i="1"/>
  <c r="AD143653" i="1"/>
  <c r="AD143654" i="1"/>
  <c r="AD143655" i="1"/>
  <c r="AD143656" i="1"/>
  <c r="AD143657" i="1"/>
  <c r="AD143658" i="1"/>
  <c r="AD143659" i="1"/>
  <c r="AD143660" i="1"/>
  <c r="AD143661" i="1"/>
  <c r="AD143662" i="1"/>
  <c r="AD143663" i="1"/>
  <c r="AD143664" i="1"/>
  <c r="AD143665" i="1"/>
  <c r="AD143666" i="1"/>
  <c r="AD143667" i="1"/>
  <c r="AD143668" i="1"/>
  <c r="AD143669" i="1"/>
  <c r="AD143670" i="1"/>
  <c r="AD143671" i="1"/>
  <c r="AD143672" i="1"/>
  <c r="AD143673" i="1"/>
  <c r="AD143674" i="1"/>
  <c r="AD143675" i="1"/>
  <c r="AD143676" i="1"/>
  <c r="AD143677" i="1"/>
  <c r="AD143678" i="1"/>
  <c r="AD143679" i="1"/>
  <c r="AD143680" i="1"/>
  <c r="AD143681" i="1"/>
  <c r="AD143682" i="1"/>
  <c r="AD143683" i="1"/>
  <c r="AD143684" i="1"/>
  <c r="AD143685" i="1"/>
  <c r="AD143686" i="1"/>
  <c r="AD143687" i="1"/>
  <c r="AD143688" i="1"/>
  <c r="AD143689" i="1"/>
  <c r="AD143690" i="1"/>
  <c r="AD143691" i="1"/>
  <c r="AD143692" i="1"/>
  <c r="AD143693" i="1"/>
  <c r="AD143694" i="1"/>
  <c r="AD143695" i="1"/>
  <c r="AD143696" i="1"/>
  <c r="AD143697" i="1"/>
  <c r="AD143698" i="1"/>
  <c r="AD143699" i="1"/>
  <c r="AD143700" i="1"/>
  <c r="AD143701" i="1"/>
  <c r="AD143702" i="1"/>
  <c r="AD143703" i="1"/>
  <c r="AD143704" i="1"/>
  <c r="AD143705" i="1"/>
  <c r="AD143706" i="1"/>
  <c r="AD143707" i="1"/>
  <c r="AD143708" i="1"/>
  <c r="AD143709" i="1"/>
  <c r="AD143710" i="1"/>
  <c r="AD143711" i="1"/>
  <c r="AD143712" i="1"/>
  <c r="AD143713" i="1"/>
  <c r="AD143714" i="1"/>
  <c r="AD143715" i="1"/>
  <c r="AD143716" i="1"/>
  <c r="AD143717" i="1"/>
  <c r="AD143718" i="1"/>
  <c r="AD143719" i="1"/>
  <c r="AD143720" i="1"/>
  <c r="AD143721" i="1"/>
  <c r="AD143722" i="1"/>
  <c r="AD143723" i="1"/>
  <c r="AD143724" i="1"/>
  <c r="AD143725" i="1"/>
  <c r="AD143726" i="1"/>
  <c r="AD143727" i="1"/>
  <c r="AD143728" i="1"/>
  <c r="AD143729" i="1"/>
  <c r="AD143730" i="1"/>
  <c r="AD143731" i="1"/>
  <c r="AD143732" i="1"/>
  <c r="AD143733" i="1"/>
  <c r="AD143734" i="1"/>
  <c r="AD143735" i="1"/>
  <c r="AD143736" i="1"/>
  <c r="AD143737" i="1"/>
  <c r="AD143738" i="1"/>
  <c r="AD143739" i="1"/>
  <c r="AD143740" i="1"/>
  <c r="AD143741" i="1"/>
  <c r="AD143742" i="1"/>
  <c r="AD143743" i="1"/>
  <c r="AD143744" i="1"/>
  <c r="AD143745" i="1"/>
  <c r="AD143746" i="1"/>
  <c r="AD143747" i="1"/>
  <c r="AD143748" i="1"/>
  <c r="AD143749" i="1"/>
  <c r="AD143750" i="1"/>
  <c r="AD143751" i="1"/>
  <c r="AD143752" i="1"/>
  <c r="AD143753" i="1"/>
  <c r="AD143754" i="1"/>
  <c r="AD143755" i="1"/>
  <c r="AD143756" i="1"/>
  <c r="AD143757" i="1"/>
  <c r="AD143758" i="1"/>
  <c r="AD143759" i="1"/>
  <c r="AD143760" i="1"/>
  <c r="AD143761" i="1"/>
  <c r="AD143762" i="1"/>
  <c r="AD143763" i="1"/>
  <c r="AD143764" i="1"/>
  <c r="AD143765" i="1"/>
  <c r="AD143766" i="1"/>
  <c r="AD143767" i="1"/>
  <c r="AD143768" i="1"/>
  <c r="AD143769" i="1"/>
  <c r="AD143770" i="1"/>
  <c r="AD143771" i="1"/>
  <c r="AD143772" i="1"/>
  <c r="AD143773" i="1"/>
  <c r="AD143774" i="1"/>
  <c r="AD143775" i="1"/>
  <c r="AD143776" i="1"/>
  <c r="AD143777" i="1"/>
  <c r="AD143778" i="1"/>
  <c r="AD143779" i="1"/>
  <c r="AD143780" i="1"/>
  <c r="AD143781" i="1"/>
  <c r="AD143782" i="1"/>
  <c r="AD143783" i="1"/>
  <c r="AD143784" i="1"/>
  <c r="AD143785" i="1"/>
  <c r="AD143786" i="1"/>
  <c r="AD143787" i="1"/>
  <c r="AD143788" i="1"/>
  <c r="AD143789" i="1"/>
  <c r="AD143790" i="1"/>
  <c r="AD143791" i="1"/>
  <c r="AD143792" i="1"/>
  <c r="AD143793" i="1"/>
  <c r="AD143794" i="1"/>
  <c r="AD143795" i="1"/>
  <c r="AD143796" i="1"/>
  <c r="AD143797" i="1"/>
  <c r="AD143798" i="1"/>
  <c r="AD143799" i="1"/>
  <c r="AD143800" i="1"/>
  <c r="AD143801" i="1"/>
  <c r="AD143802" i="1"/>
  <c r="AD143803" i="1"/>
  <c r="AD143804" i="1"/>
  <c r="AD143805" i="1"/>
  <c r="AD143806" i="1"/>
  <c r="AD143807" i="1"/>
  <c r="AD143808" i="1"/>
  <c r="AD143809" i="1"/>
  <c r="AD143810" i="1"/>
  <c r="AD143811" i="1"/>
  <c r="AD143812" i="1"/>
  <c r="AD143813" i="1"/>
  <c r="AD143814" i="1"/>
  <c r="AD143815" i="1"/>
  <c r="AD143816" i="1"/>
  <c r="AD143817" i="1"/>
  <c r="AD143818" i="1"/>
  <c r="AD143819" i="1"/>
  <c r="AD143820" i="1"/>
  <c r="AD143821" i="1"/>
  <c r="AD143822" i="1"/>
  <c r="AD143823" i="1"/>
  <c r="AD143824" i="1"/>
  <c r="AD143825" i="1"/>
  <c r="AD143826" i="1"/>
  <c r="AD143827" i="1"/>
  <c r="AD143828" i="1"/>
  <c r="AD143829" i="1"/>
  <c r="AD143830" i="1"/>
  <c r="AD143831" i="1"/>
  <c r="AD143832" i="1"/>
  <c r="AD143833" i="1"/>
  <c r="AD143834" i="1"/>
  <c r="AD143835" i="1"/>
  <c r="AD143836" i="1"/>
  <c r="AD143837" i="1"/>
  <c r="AD143838" i="1"/>
  <c r="AD143839" i="1"/>
  <c r="AD143840" i="1"/>
  <c r="AD143841" i="1"/>
  <c r="AD143842" i="1"/>
  <c r="AD143843" i="1"/>
  <c r="AD143844" i="1"/>
  <c r="AD143845" i="1"/>
  <c r="AD143846" i="1"/>
  <c r="AD143847" i="1"/>
  <c r="AD143848" i="1"/>
  <c r="AD143849" i="1"/>
  <c r="AD143850" i="1"/>
  <c r="AD143851" i="1"/>
  <c r="AD143852" i="1"/>
  <c r="AD143853" i="1"/>
  <c r="AD143854" i="1"/>
  <c r="AD143855" i="1"/>
  <c r="AD143856" i="1"/>
  <c r="AD143857" i="1"/>
  <c r="AD143858" i="1"/>
  <c r="AD143859" i="1"/>
  <c r="AD143860" i="1"/>
  <c r="AD143861" i="1"/>
  <c r="AD143862" i="1"/>
  <c r="AD143863" i="1"/>
  <c r="AD143864" i="1"/>
  <c r="AD143865" i="1"/>
  <c r="AD143866" i="1"/>
  <c r="AD143867" i="1"/>
  <c r="AD143868" i="1"/>
  <c r="AD143869" i="1"/>
  <c r="AD143870" i="1"/>
  <c r="AD143871" i="1"/>
  <c r="AD143872" i="1"/>
  <c r="AD143873" i="1"/>
  <c r="AD143874" i="1"/>
  <c r="AD143875" i="1"/>
  <c r="AD143876" i="1"/>
  <c r="AD143877" i="1"/>
  <c r="AD143878" i="1"/>
  <c r="AD143879" i="1"/>
  <c r="AD143880" i="1"/>
  <c r="AD143881" i="1"/>
  <c r="AD143882" i="1"/>
  <c r="AD143883" i="1"/>
  <c r="AD143884" i="1"/>
  <c r="AD143885" i="1"/>
  <c r="AD143886" i="1"/>
  <c r="AD143887" i="1"/>
  <c r="AD143888" i="1"/>
  <c r="AD143889" i="1"/>
  <c r="AD143890" i="1"/>
  <c r="AD143891" i="1"/>
  <c r="AD143892" i="1"/>
  <c r="AD143893" i="1"/>
  <c r="AD143894" i="1"/>
  <c r="AD143895" i="1"/>
  <c r="AD143896" i="1"/>
  <c r="AD143897" i="1"/>
  <c r="AD143898" i="1"/>
  <c r="AD143899" i="1"/>
  <c r="AD143900" i="1"/>
  <c r="AD143901" i="1"/>
  <c r="AD143902" i="1"/>
  <c r="AD143903" i="1"/>
  <c r="AD143904" i="1"/>
  <c r="AD143905" i="1"/>
  <c r="AD143906" i="1"/>
  <c r="AD143907" i="1"/>
  <c r="AD143908" i="1"/>
  <c r="AD143909" i="1"/>
  <c r="AD143910" i="1"/>
  <c r="AD143911" i="1"/>
  <c r="AD143912" i="1"/>
  <c r="AD143913" i="1"/>
  <c r="AD143914" i="1"/>
  <c r="AD143915" i="1"/>
  <c r="AD143916" i="1"/>
  <c r="AD143917" i="1"/>
  <c r="AD143918" i="1"/>
  <c r="AD143919" i="1"/>
  <c r="AD143920" i="1"/>
  <c r="AD143921" i="1"/>
  <c r="AD143922" i="1"/>
  <c r="AD143923" i="1"/>
  <c r="AD143924" i="1"/>
  <c r="AD143925" i="1"/>
  <c r="AD143926" i="1"/>
  <c r="AD143927" i="1"/>
  <c r="AD143928" i="1"/>
  <c r="AD143929" i="1"/>
  <c r="AD143930" i="1"/>
  <c r="AD143931" i="1"/>
  <c r="AD143932" i="1"/>
  <c r="AD143933" i="1"/>
  <c r="AD143934" i="1"/>
  <c r="AD143935" i="1"/>
  <c r="AD143936" i="1"/>
  <c r="AD143937" i="1"/>
  <c r="AD143938" i="1"/>
  <c r="AD143939" i="1"/>
  <c r="AD143940" i="1"/>
  <c r="AD143941" i="1"/>
  <c r="AD143942" i="1"/>
  <c r="AD143943" i="1"/>
  <c r="AD143944" i="1"/>
  <c r="AD143945" i="1"/>
  <c r="AD143946" i="1"/>
  <c r="AD143947" i="1"/>
  <c r="AD143948" i="1"/>
  <c r="AD143949" i="1"/>
  <c r="AD143950" i="1"/>
  <c r="AD143951" i="1"/>
  <c r="AD143952" i="1"/>
  <c r="AD143953" i="1"/>
  <c r="AD143954" i="1"/>
  <c r="AD143955" i="1"/>
  <c r="AD143956" i="1"/>
  <c r="AD143957" i="1"/>
  <c r="AD143958" i="1"/>
  <c r="AD143959" i="1"/>
  <c r="AD143960" i="1"/>
  <c r="AD143961" i="1"/>
  <c r="AD143962" i="1"/>
  <c r="AD143963" i="1"/>
  <c r="AD143964" i="1"/>
  <c r="AD143965" i="1"/>
  <c r="AD143966" i="1"/>
  <c r="AD143967" i="1"/>
  <c r="AD143968" i="1"/>
  <c r="AD143969" i="1"/>
  <c r="AD143970" i="1"/>
  <c r="AD143971" i="1"/>
  <c r="AD143972" i="1"/>
  <c r="AD143973" i="1"/>
  <c r="AD143974" i="1"/>
  <c r="AD143975" i="1"/>
  <c r="AD143976" i="1"/>
  <c r="AD143977" i="1"/>
  <c r="AD143978" i="1"/>
  <c r="AD143979" i="1"/>
  <c r="AD143980" i="1"/>
  <c r="AD143981" i="1"/>
  <c r="AD143982" i="1"/>
  <c r="AD143983" i="1"/>
  <c r="AD143984" i="1"/>
  <c r="AD143985" i="1"/>
  <c r="AD143986" i="1"/>
  <c r="AD143987" i="1"/>
  <c r="AD143988" i="1"/>
  <c r="AD143989" i="1"/>
  <c r="AD143990" i="1"/>
  <c r="AD143991" i="1"/>
  <c r="AD143992" i="1"/>
  <c r="AD143993" i="1"/>
  <c r="AD143994" i="1"/>
  <c r="AD143995" i="1"/>
  <c r="AD143996" i="1"/>
  <c r="AD143997" i="1"/>
  <c r="AD143998" i="1"/>
  <c r="AD143999" i="1"/>
  <c r="AD144000" i="1"/>
  <c r="AD144001" i="1"/>
  <c r="AD144002" i="1"/>
  <c r="AD144003" i="1"/>
  <c r="AD144004" i="1"/>
  <c r="AD144005" i="1"/>
  <c r="AD144006" i="1"/>
  <c r="AD144007" i="1"/>
  <c r="AD144008" i="1"/>
  <c r="AD144009" i="1"/>
  <c r="AD144010" i="1"/>
  <c r="AD144011" i="1"/>
  <c r="AD144012" i="1"/>
  <c r="AD144013" i="1"/>
  <c r="AD144014" i="1"/>
  <c r="AD144015" i="1"/>
  <c r="AD144016" i="1"/>
  <c r="AD144017" i="1"/>
  <c r="AD144018" i="1"/>
  <c r="AD144019" i="1"/>
  <c r="AD144020" i="1"/>
  <c r="AD144021" i="1"/>
  <c r="AD144022" i="1"/>
  <c r="AD144023" i="1"/>
  <c r="AD144024" i="1"/>
  <c r="AD144025" i="1"/>
  <c r="AD144026" i="1"/>
  <c r="AD144027" i="1"/>
  <c r="AD144028" i="1"/>
  <c r="AD144029" i="1"/>
  <c r="AD144030" i="1"/>
  <c r="AD144031" i="1"/>
  <c r="AD144032" i="1"/>
  <c r="AD144033" i="1"/>
  <c r="AD144034" i="1"/>
  <c r="AD144035" i="1"/>
  <c r="AD144036" i="1"/>
  <c r="AD144037" i="1"/>
  <c r="AD144038" i="1"/>
  <c r="AD144039" i="1"/>
  <c r="AD144040" i="1"/>
  <c r="AD144041" i="1"/>
  <c r="AD144042" i="1"/>
  <c r="AD144043" i="1"/>
  <c r="AD144044" i="1"/>
  <c r="AD144045" i="1"/>
  <c r="AD144046" i="1"/>
  <c r="AD144047" i="1"/>
  <c r="AD144048" i="1"/>
  <c r="AD144049" i="1"/>
  <c r="AD144050" i="1"/>
  <c r="AD144051" i="1"/>
  <c r="AD144052" i="1"/>
  <c r="AD144053" i="1"/>
  <c r="AD144054" i="1"/>
  <c r="AD144055" i="1"/>
  <c r="AD144056" i="1"/>
  <c r="AD144057" i="1"/>
  <c r="AD144058" i="1"/>
  <c r="AD144059" i="1"/>
  <c r="AD144060" i="1"/>
  <c r="AD144061" i="1"/>
  <c r="AD144062" i="1"/>
  <c r="AD144063" i="1"/>
  <c r="AD144064" i="1"/>
  <c r="AD144065" i="1"/>
  <c r="AD144066" i="1"/>
  <c r="AD144067" i="1"/>
  <c r="AD144068" i="1"/>
  <c r="AD144069" i="1"/>
  <c r="AD144070" i="1"/>
  <c r="AD144071" i="1"/>
  <c r="AD144072" i="1"/>
  <c r="AD144073" i="1"/>
  <c r="AD144074" i="1"/>
  <c r="AD144075" i="1"/>
  <c r="AD144076" i="1"/>
  <c r="AD144077" i="1"/>
  <c r="AD144078" i="1"/>
  <c r="AD144079" i="1"/>
  <c r="AD144080" i="1"/>
  <c r="AD144081" i="1"/>
  <c r="AD144082" i="1"/>
  <c r="AD144083" i="1"/>
  <c r="AD144084" i="1"/>
  <c r="AD144085" i="1"/>
  <c r="AD144086" i="1"/>
  <c r="AD144087" i="1"/>
  <c r="AD144088" i="1"/>
  <c r="AD144089" i="1"/>
  <c r="AD144090" i="1"/>
  <c r="AD144091" i="1"/>
  <c r="AD144092" i="1"/>
  <c r="AD144093" i="1"/>
  <c r="AD144094" i="1"/>
  <c r="AD144095" i="1"/>
  <c r="AD144096" i="1"/>
  <c r="AD144097" i="1"/>
  <c r="AD144098" i="1"/>
  <c r="AD144099" i="1"/>
  <c r="AD144100" i="1"/>
  <c r="AD144101" i="1"/>
  <c r="AD144102" i="1"/>
  <c r="AD144103" i="1"/>
  <c r="AD144104" i="1"/>
  <c r="AD144105" i="1"/>
  <c r="AD144106" i="1"/>
  <c r="AD144107" i="1"/>
  <c r="AD144108" i="1"/>
  <c r="AD144109" i="1"/>
  <c r="AD144110" i="1"/>
  <c r="AD144111" i="1"/>
  <c r="AD144112" i="1"/>
  <c r="AD144113" i="1"/>
  <c r="AD144114" i="1"/>
  <c r="AD144115" i="1"/>
  <c r="AD144116" i="1"/>
  <c r="AD144117" i="1"/>
  <c r="AD144118" i="1"/>
  <c r="AD144119" i="1"/>
  <c r="AD144120" i="1"/>
  <c r="AD144121" i="1"/>
  <c r="AD144122" i="1"/>
  <c r="AD144123" i="1"/>
  <c r="AD144124" i="1"/>
  <c r="AD144125" i="1"/>
  <c r="AD144126" i="1"/>
  <c r="AD144127" i="1"/>
  <c r="AD144128" i="1"/>
  <c r="AD144129" i="1"/>
  <c r="AD144130" i="1"/>
  <c r="AD144131" i="1"/>
  <c r="AD144132" i="1"/>
  <c r="AD144133" i="1"/>
  <c r="AD144134" i="1"/>
  <c r="AD144135" i="1"/>
  <c r="AD144136" i="1"/>
  <c r="AD144137" i="1"/>
  <c r="AD144138" i="1"/>
  <c r="AD144139" i="1"/>
  <c r="AD144140" i="1"/>
  <c r="AD144141" i="1"/>
  <c r="AD144142" i="1"/>
  <c r="AD144143" i="1"/>
  <c r="AD144144" i="1"/>
  <c r="AD144145" i="1"/>
  <c r="AD144146" i="1"/>
  <c r="AD144147" i="1"/>
  <c r="AD144148" i="1"/>
  <c r="AD144149" i="1"/>
  <c r="AD144150" i="1"/>
  <c r="AD144151" i="1"/>
  <c r="AD144152" i="1"/>
  <c r="AD144153" i="1"/>
  <c r="AD144154" i="1"/>
  <c r="AD144155" i="1"/>
  <c r="AD144156" i="1"/>
  <c r="AD144157" i="1"/>
  <c r="AD144158" i="1"/>
  <c r="AD144159" i="1"/>
  <c r="AD144160" i="1"/>
  <c r="AD144161" i="1"/>
  <c r="AD144162" i="1"/>
  <c r="AD144163" i="1"/>
  <c r="AD144164" i="1"/>
  <c r="AD144165" i="1"/>
  <c r="AD144166" i="1"/>
  <c r="AD144167" i="1"/>
  <c r="AD144168" i="1"/>
  <c r="AD144169" i="1"/>
  <c r="AD144170" i="1"/>
  <c r="AD144171" i="1"/>
  <c r="AD144172" i="1"/>
  <c r="AD144173" i="1"/>
  <c r="AD144174" i="1"/>
  <c r="AD144175" i="1"/>
  <c r="AD144176" i="1"/>
  <c r="AD144177" i="1"/>
  <c r="AD144178" i="1"/>
  <c r="AD144179" i="1"/>
  <c r="AD144180" i="1"/>
  <c r="AD144181" i="1"/>
  <c r="AD144182" i="1"/>
  <c r="AD144183" i="1"/>
  <c r="AD144184" i="1"/>
  <c r="AD144185" i="1"/>
  <c r="AD144186" i="1"/>
  <c r="AD144187" i="1"/>
  <c r="AD144188" i="1"/>
  <c r="AD144189" i="1"/>
  <c r="AD144190" i="1"/>
  <c r="AD144191" i="1"/>
  <c r="AD144192" i="1"/>
  <c r="AD144193" i="1"/>
  <c r="AD144194" i="1"/>
  <c r="AD144195" i="1"/>
  <c r="AD144196" i="1"/>
  <c r="AD144197" i="1"/>
  <c r="AD144198" i="1"/>
  <c r="AD144199" i="1"/>
  <c r="AD144200" i="1"/>
  <c r="AD144201" i="1"/>
  <c r="AD144202" i="1"/>
  <c r="AD144203" i="1"/>
  <c r="AD144204" i="1"/>
  <c r="AD144205" i="1"/>
  <c r="AD144206" i="1"/>
  <c r="AD144207" i="1"/>
  <c r="AD144208" i="1"/>
  <c r="AD144209" i="1"/>
  <c r="AD144210" i="1"/>
  <c r="AD144211" i="1"/>
  <c r="AD144212" i="1"/>
  <c r="AD144213" i="1"/>
  <c r="AD144214" i="1"/>
  <c r="AD144215" i="1"/>
  <c r="AD144216" i="1"/>
  <c r="AD144217" i="1"/>
  <c r="AD144218" i="1"/>
  <c r="AD144219" i="1"/>
  <c r="AD144220" i="1"/>
  <c r="AD144221" i="1"/>
  <c r="AD144222" i="1"/>
  <c r="AD144223" i="1"/>
  <c r="AD144224" i="1"/>
  <c r="AD144225" i="1"/>
  <c r="AD144226" i="1"/>
  <c r="AD144227" i="1"/>
  <c r="AD144228" i="1"/>
  <c r="AD144229" i="1"/>
  <c r="AD144230" i="1"/>
  <c r="AD144231" i="1"/>
  <c r="AD144232" i="1"/>
  <c r="AD144233" i="1"/>
  <c r="AD144234" i="1"/>
  <c r="AD144235" i="1"/>
  <c r="AD144236" i="1"/>
  <c r="AD144237" i="1"/>
  <c r="AD144238" i="1"/>
  <c r="AD144239" i="1"/>
  <c r="AD144240" i="1"/>
  <c r="AD144241" i="1"/>
  <c r="AD144242" i="1"/>
  <c r="AD144243" i="1"/>
  <c r="AD144244" i="1"/>
  <c r="AD144245" i="1"/>
  <c r="AD144246" i="1"/>
  <c r="AD144247" i="1"/>
  <c r="AD144248" i="1"/>
  <c r="AD144249" i="1"/>
  <c r="AD144250" i="1"/>
  <c r="AD144251" i="1"/>
  <c r="AD144252" i="1"/>
  <c r="AD144253" i="1"/>
  <c r="AD144254" i="1"/>
  <c r="AD144255" i="1"/>
  <c r="AD144256" i="1"/>
  <c r="AD144257" i="1"/>
  <c r="AD144258" i="1"/>
  <c r="AD144259" i="1"/>
  <c r="AD144260" i="1"/>
  <c r="AD144261" i="1"/>
  <c r="AD144262" i="1"/>
  <c r="AD144263" i="1"/>
  <c r="AD144264" i="1"/>
  <c r="AD144265" i="1"/>
  <c r="AD144266" i="1"/>
  <c r="AD144267" i="1"/>
  <c r="AD144268" i="1"/>
  <c r="AD144269" i="1"/>
  <c r="AD144270" i="1"/>
  <c r="AD144271" i="1"/>
  <c r="AD144272" i="1"/>
  <c r="AD144273" i="1"/>
  <c r="AD144274" i="1"/>
  <c r="AD144275" i="1"/>
  <c r="AD144276" i="1"/>
  <c r="AD144277" i="1"/>
  <c r="AD144278" i="1"/>
  <c r="AD144279" i="1"/>
  <c r="AD144280" i="1"/>
  <c r="AD144281" i="1"/>
  <c r="AD144282" i="1"/>
  <c r="AD144283" i="1"/>
  <c r="AD144284" i="1"/>
  <c r="AD144285" i="1"/>
  <c r="AD144286" i="1"/>
  <c r="AD144287" i="1"/>
  <c r="AD144288" i="1"/>
  <c r="AD144289" i="1"/>
  <c r="AD144290" i="1"/>
  <c r="AD144291" i="1"/>
  <c r="AD144292" i="1"/>
  <c r="AD144293" i="1"/>
  <c r="AD144294" i="1"/>
  <c r="AD144295" i="1"/>
  <c r="AD144296" i="1"/>
  <c r="AD144297" i="1"/>
  <c r="AD144298" i="1"/>
  <c r="AD144299" i="1"/>
  <c r="AD144300" i="1"/>
  <c r="AD144301" i="1"/>
  <c r="AD144302" i="1"/>
  <c r="AD144303" i="1"/>
  <c r="AD144304" i="1"/>
  <c r="AD144305" i="1"/>
  <c r="AD144306" i="1"/>
  <c r="AD144307" i="1"/>
  <c r="AD144308" i="1"/>
  <c r="AD144309" i="1"/>
  <c r="AD144310" i="1"/>
  <c r="AD144311" i="1"/>
  <c r="AD144312" i="1"/>
  <c r="AD144313" i="1"/>
  <c r="AD144314" i="1"/>
  <c r="AD144315" i="1"/>
  <c r="AD144316" i="1"/>
  <c r="AD144317" i="1"/>
  <c r="AD144318" i="1"/>
  <c r="AD144319" i="1"/>
  <c r="AD144320" i="1"/>
  <c r="AD144321" i="1"/>
  <c r="AD144322" i="1"/>
  <c r="AD144323" i="1"/>
  <c r="AD144324" i="1"/>
  <c r="AD144325" i="1"/>
  <c r="AD144326" i="1"/>
  <c r="AD144327" i="1"/>
  <c r="AD144328" i="1"/>
  <c r="AD144329" i="1"/>
  <c r="AD144330" i="1"/>
  <c r="AD144331" i="1"/>
  <c r="AD144332" i="1"/>
  <c r="AD144333" i="1"/>
  <c r="AD144334" i="1"/>
  <c r="AD144335" i="1"/>
  <c r="AD144336" i="1"/>
  <c r="AD144337" i="1"/>
  <c r="AD144338" i="1"/>
  <c r="AD144339" i="1"/>
  <c r="AD144340" i="1"/>
  <c r="AD144341" i="1"/>
  <c r="AD144342" i="1"/>
  <c r="AD144343" i="1"/>
  <c r="AD144344" i="1"/>
  <c r="AD144345" i="1"/>
  <c r="AD144346" i="1"/>
  <c r="AD144347" i="1"/>
  <c r="AD144348" i="1"/>
  <c r="AD144349" i="1"/>
  <c r="AD144350" i="1"/>
  <c r="AD144351" i="1"/>
  <c r="AD144352" i="1"/>
  <c r="AD144353" i="1"/>
  <c r="AD144354" i="1"/>
  <c r="AD144355" i="1"/>
  <c r="AD144356" i="1"/>
  <c r="AD144357" i="1"/>
  <c r="AD144358" i="1"/>
  <c r="AD144359" i="1"/>
  <c r="AD144360" i="1"/>
  <c r="AD144361" i="1"/>
  <c r="AD144362" i="1"/>
  <c r="AD144363" i="1"/>
  <c r="AD144364" i="1"/>
  <c r="AD144365" i="1"/>
  <c r="AD144366" i="1"/>
  <c r="AD144367" i="1"/>
  <c r="AD144368" i="1"/>
  <c r="AD144369" i="1"/>
  <c r="AD144370" i="1"/>
  <c r="AD144371" i="1"/>
  <c r="AD144372" i="1"/>
  <c r="AD144373" i="1"/>
  <c r="AD144374" i="1"/>
  <c r="AD144375" i="1"/>
  <c r="AD144376" i="1"/>
  <c r="AD144377" i="1"/>
  <c r="AD144378" i="1"/>
  <c r="AD144379" i="1"/>
  <c r="AD144380" i="1"/>
  <c r="AD144381" i="1"/>
  <c r="AD144382" i="1"/>
  <c r="AD144383" i="1"/>
  <c r="AD144384" i="1"/>
  <c r="AD144385" i="1"/>
  <c r="AD144386" i="1"/>
  <c r="AD144387" i="1"/>
  <c r="AD144388" i="1"/>
  <c r="AD144389" i="1"/>
  <c r="AD144390" i="1"/>
  <c r="AD144391" i="1"/>
  <c r="AD144392" i="1"/>
  <c r="AD144393" i="1"/>
  <c r="AD144394" i="1"/>
  <c r="AD144395" i="1"/>
  <c r="AD144396" i="1"/>
  <c r="AD144397" i="1"/>
  <c r="AD144398" i="1"/>
  <c r="AD144399" i="1"/>
  <c r="AD144400" i="1"/>
  <c r="AD144401" i="1"/>
  <c r="AD144402" i="1"/>
  <c r="AD144403" i="1"/>
  <c r="AD144404" i="1"/>
  <c r="AD144405" i="1"/>
  <c r="AD144406" i="1"/>
  <c r="AD144407" i="1"/>
  <c r="AD144408" i="1"/>
  <c r="AD144409" i="1"/>
  <c r="AD144410" i="1"/>
  <c r="AD144411" i="1"/>
  <c r="AD144412" i="1"/>
  <c r="AD144413" i="1"/>
  <c r="AD144414" i="1"/>
  <c r="AD144415" i="1"/>
  <c r="AD144416" i="1"/>
  <c r="AD144417" i="1"/>
  <c r="AD144418" i="1"/>
  <c r="AD144419" i="1"/>
  <c r="AD144420" i="1"/>
  <c r="AD144421" i="1"/>
  <c r="AD144422" i="1"/>
  <c r="AD144423" i="1"/>
  <c r="AD144424" i="1"/>
  <c r="AD144425" i="1"/>
  <c r="AD144426" i="1"/>
  <c r="AD144427" i="1"/>
  <c r="AD144428" i="1"/>
  <c r="AD144429" i="1"/>
  <c r="AD144430" i="1"/>
  <c r="AD144431" i="1"/>
  <c r="AD144432" i="1"/>
  <c r="AD144433" i="1"/>
  <c r="AD144434" i="1"/>
  <c r="AD144435" i="1"/>
  <c r="AD144436" i="1"/>
  <c r="AD144437" i="1"/>
  <c r="AD144438" i="1"/>
  <c r="AD144439" i="1"/>
  <c r="AD144440" i="1"/>
  <c r="AD144441" i="1"/>
  <c r="AD144442" i="1"/>
  <c r="AD144443" i="1"/>
  <c r="AD144444" i="1"/>
  <c r="AD144445" i="1"/>
  <c r="AD144446" i="1"/>
  <c r="AD144447" i="1"/>
  <c r="AD144448" i="1"/>
  <c r="AD144449" i="1"/>
  <c r="AD144450" i="1"/>
  <c r="AD144451" i="1"/>
  <c r="AD144452" i="1"/>
  <c r="AD144453" i="1"/>
  <c r="AD144454" i="1"/>
  <c r="AD144455" i="1"/>
  <c r="AD144456" i="1"/>
  <c r="AD144457" i="1"/>
  <c r="AD144458" i="1"/>
  <c r="AD144459" i="1"/>
  <c r="AD144460" i="1"/>
  <c r="AD144461" i="1"/>
  <c r="AD144462" i="1"/>
  <c r="AD144463" i="1"/>
  <c r="AD144464" i="1"/>
  <c r="AD144465" i="1"/>
  <c r="AD144466" i="1"/>
  <c r="AD144467" i="1"/>
  <c r="AD144468" i="1"/>
  <c r="AD144469" i="1"/>
  <c r="AD144470" i="1"/>
  <c r="AD144471" i="1"/>
  <c r="AD144472" i="1"/>
  <c r="AD144473" i="1"/>
  <c r="AD144474" i="1"/>
  <c r="AD144475" i="1"/>
  <c r="AD144476" i="1"/>
  <c r="AD144477" i="1"/>
  <c r="AD144478" i="1"/>
  <c r="AD144479" i="1"/>
  <c r="AD144480" i="1"/>
  <c r="AD144481" i="1"/>
  <c r="AD144482" i="1"/>
  <c r="AD144483" i="1"/>
  <c r="AD144484" i="1"/>
  <c r="AD144485" i="1"/>
  <c r="AD144486" i="1"/>
  <c r="AD144487" i="1"/>
  <c r="AD144488" i="1"/>
  <c r="AD144489" i="1"/>
  <c r="AD144490" i="1"/>
  <c r="AD144491" i="1"/>
  <c r="AD144492" i="1"/>
  <c r="AD144493" i="1"/>
  <c r="AD144494" i="1"/>
  <c r="AD144495" i="1"/>
  <c r="AD144496" i="1"/>
  <c r="AD144497" i="1"/>
  <c r="AD144498" i="1"/>
  <c r="AD144499" i="1"/>
  <c r="AD144500" i="1"/>
  <c r="AD144501" i="1"/>
  <c r="AD144502" i="1"/>
  <c r="AD144503" i="1"/>
  <c r="AD144504" i="1"/>
  <c r="AD144505" i="1"/>
  <c r="AD144506" i="1"/>
  <c r="AD144507" i="1"/>
  <c r="AD144508" i="1"/>
  <c r="AD144509" i="1"/>
  <c r="AD144510" i="1"/>
  <c r="AD144511" i="1"/>
  <c r="AD144512" i="1"/>
  <c r="AD144513" i="1"/>
  <c r="AD144514" i="1"/>
  <c r="AD144515" i="1"/>
  <c r="AD144516" i="1"/>
  <c r="AD144517" i="1"/>
  <c r="AD144518" i="1"/>
  <c r="AD144519" i="1"/>
  <c r="AD144520" i="1"/>
  <c r="AD144521" i="1"/>
  <c r="AD144522" i="1"/>
  <c r="AD144523" i="1"/>
  <c r="AD144524" i="1"/>
  <c r="AD144525" i="1"/>
  <c r="AD144526" i="1"/>
  <c r="AD144527" i="1"/>
  <c r="AD144528" i="1"/>
  <c r="AD144529" i="1"/>
  <c r="AD144530" i="1"/>
  <c r="AD144531" i="1"/>
  <c r="AD144532" i="1"/>
  <c r="AD144533" i="1"/>
  <c r="AD144534" i="1"/>
  <c r="AD144535" i="1"/>
  <c r="AD144536" i="1"/>
  <c r="AD144537" i="1"/>
  <c r="AD144538" i="1"/>
  <c r="AD144539" i="1"/>
  <c r="AD144540" i="1"/>
  <c r="AD144541" i="1"/>
  <c r="AD144542" i="1"/>
  <c r="AD144543" i="1"/>
  <c r="AD144544" i="1"/>
  <c r="AD144545" i="1"/>
  <c r="AD144546" i="1"/>
  <c r="AD144547" i="1"/>
  <c r="AD144548" i="1"/>
  <c r="AD144549" i="1"/>
  <c r="AD144550" i="1"/>
  <c r="AD144551" i="1"/>
  <c r="AD144552" i="1"/>
  <c r="AD144553" i="1"/>
  <c r="AD144554" i="1"/>
  <c r="AD144555" i="1"/>
  <c r="AD144556" i="1"/>
  <c r="AD144557" i="1"/>
  <c r="AD144558" i="1"/>
  <c r="AD144559" i="1"/>
  <c r="AD144560" i="1"/>
  <c r="AD144561" i="1"/>
  <c r="AD144562" i="1"/>
  <c r="AD144563" i="1"/>
  <c r="AD144564" i="1"/>
  <c r="AD144565" i="1"/>
  <c r="AD144566" i="1"/>
  <c r="AD144567" i="1"/>
  <c r="AD144568" i="1"/>
  <c r="AD144569" i="1"/>
  <c r="AD144570" i="1"/>
  <c r="AD144571" i="1"/>
  <c r="AD144572" i="1"/>
  <c r="AD144573" i="1"/>
  <c r="AD144574" i="1"/>
  <c r="AD144575" i="1"/>
  <c r="AD144576" i="1"/>
  <c r="AD144577" i="1"/>
  <c r="AD144578" i="1"/>
  <c r="AD144579" i="1"/>
  <c r="AD144580" i="1"/>
  <c r="AD144581" i="1"/>
  <c r="AD144582" i="1"/>
  <c r="AD144583" i="1"/>
  <c r="AD144584" i="1"/>
  <c r="AD144585" i="1"/>
  <c r="AD144586" i="1"/>
  <c r="AD144587" i="1"/>
  <c r="AD144588" i="1"/>
  <c r="AD144589" i="1"/>
  <c r="AD144590" i="1"/>
  <c r="AD144591" i="1"/>
  <c r="AD144592" i="1"/>
  <c r="AD144593" i="1"/>
  <c r="AD144594" i="1"/>
  <c r="AD144595" i="1"/>
  <c r="AD144596" i="1"/>
  <c r="AD144597" i="1"/>
  <c r="AD144598" i="1"/>
  <c r="AD144599" i="1"/>
  <c r="AD144600" i="1"/>
  <c r="AD144601" i="1"/>
  <c r="AD144602" i="1"/>
  <c r="AD144603" i="1"/>
  <c r="AD144604" i="1"/>
  <c r="AD144605" i="1"/>
  <c r="AD144606" i="1"/>
  <c r="AD144607" i="1"/>
  <c r="AD144608" i="1"/>
  <c r="AD144609" i="1"/>
  <c r="AD144610" i="1"/>
  <c r="AD144611" i="1"/>
  <c r="AD144612" i="1"/>
  <c r="AD144613" i="1"/>
  <c r="AD144614" i="1"/>
  <c r="AD144615" i="1"/>
  <c r="AD144616" i="1"/>
  <c r="AD144617" i="1"/>
  <c r="AD144618" i="1"/>
  <c r="AD144619" i="1"/>
  <c r="AD144620" i="1"/>
  <c r="AD144621" i="1"/>
  <c r="AD144622" i="1"/>
  <c r="AD144623" i="1"/>
  <c r="AD144624" i="1"/>
  <c r="AD144625" i="1"/>
  <c r="AD144626" i="1"/>
  <c r="AD144627" i="1"/>
  <c r="AD144628" i="1"/>
  <c r="AD144629" i="1"/>
  <c r="AD144630" i="1"/>
  <c r="AD144631" i="1"/>
  <c r="AD144632" i="1"/>
  <c r="AD144633" i="1"/>
  <c r="AD144634" i="1"/>
  <c r="AD144635" i="1"/>
  <c r="AD144636" i="1"/>
  <c r="AD144637" i="1"/>
  <c r="AD144638" i="1"/>
  <c r="AD144639" i="1"/>
  <c r="AD144640" i="1"/>
  <c r="AD144641" i="1"/>
  <c r="AD144642" i="1"/>
  <c r="AD144643" i="1"/>
  <c r="AD144644" i="1"/>
  <c r="AD144645" i="1"/>
  <c r="AD144646" i="1"/>
  <c r="AD144647" i="1"/>
  <c r="AD144648" i="1"/>
  <c r="AD144649" i="1"/>
  <c r="AD144650" i="1"/>
  <c r="AD144651" i="1"/>
  <c r="AD144652" i="1"/>
  <c r="AD144653" i="1"/>
  <c r="AD144654" i="1"/>
  <c r="AD144655" i="1"/>
  <c r="AD144656" i="1"/>
  <c r="AD144657" i="1"/>
  <c r="AD144658" i="1"/>
  <c r="AD144659" i="1"/>
  <c r="AD144660" i="1"/>
  <c r="AD144661" i="1"/>
  <c r="AD144662" i="1"/>
  <c r="AD144663" i="1"/>
  <c r="AD144664" i="1"/>
  <c r="AD144665" i="1"/>
  <c r="AD144666" i="1"/>
  <c r="AD144667" i="1"/>
  <c r="AD144668" i="1"/>
  <c r="AD144669" i="1"/>
  <c r="AD144670" i="1"/>
  <c r="AD144671" i="1"/>
  <c r="AD144672" i="1"/>
  <c r="AD144673" i="1"/>
  <c r="AD144674" i="1"/>
  <c r="AD144675" i="1"/>
  <c r="AD144676" i="1"/>
  <c r="AD144677" i="1"/>
  <c r="AD144678" i="1"/>
  <c r="AD144679" i="1"/>
  <c r="AD144680" i="1"/>
  <c r="AD144681" i="1"/>
  <c r="AD144682" i="1"/>
  <c r="AD144683" i="1"/>
  <c r="AD144684" i="1"/>
  <c r="AD144685" i="1"/>
  <c r="AD144686" i="1"/>
  <c r="AD144687" i="1"/>
  <c r="AD144688" i="1"/>
  <c r="AD144689" i="1"/>
  <c r="AD144690" i="1"/>
  <c r="AD144691" i="1"/>
  <c r="AD144692" i="1"/>
  <c r="AD144693" i="1"/>
  <c r="AD144694" i="1"/>
  <c r="AD144695" i="1"/>
  <c r="AD144696" i="1"/>
  <c r="AD144697" i="1"/>
  <c r="AD144698" i="1"/>
  <c r="AD144699" i="1"/>
  <c r="AD144700" i="1"/>
  <c r="AD144701" i="1"/>
  <c r="AD144702" i="1"/>
  <c r="AD144703" i="1"/>
  <c r="AD144704" i="1"/>
  <c r="AD144705" i="1"/>
  <c r="AD144706" i="1"/>
  <c r="AD144707" i="1"/>
  <c r="AD144708" i="1"/>
  <c r="AD144709" i="1"/>
  <c r="AD144710" i="1"/>
  <c r="AD144711" i="1"/>
  <c r="AD144712" i="1"/>
  <c r="AD144713" i="1"/>
  <c r="AD144714" i="1"/>
  <c r="AD144715" i="1"/>
  <c r="AD144716" i="1"/>
  <c r="AD144717" i="1"/>
  <c r="AD144718" i="1"/>
  <c r="AD144719" i="1"/>
  <c r="AD144720" i="1"/>
  <c r="AD144721" i="1"/>
  <c r="AD144722" i="1"/>
  <c r="AD144723" i="1"/>
  <c r="AD144724" i="1"/>
  <c r="AD144725" i="1"/>
  <c r="AD144726" i="1"/>
  <c r="AD144727" i="1"/>
  <c r="AD144728" i="1"/>
  <c r="AD144729" i="1"/>
  <c r="AD144730" i="1"/>
  <c r="AD144731" i="1"/>
  <c r="AD144732" i="1"/>
  <c r="AD144733" i="1"/>
  <c r="AD144734" i="1"/>
  <c r="AD144735" i="1"/>
  <c r="AD144736" i="1"/>
  <c r="AD144737" i="1"/>
  <c r="AD144738" i="1"/>
  <c r="AD144739" i="1"/>
  <c r="AD144740" i="1"/>
  <c r="AD144741" i="1"/>
  <c r="AD144742" i="1"/>
  <c r="AD144743" i="1"/>
  <c r="AD144744" i="1"/>
  <c r="AD144745" i="1"/>
  <c r="AD144746" i="1"/>
  <c r="AD144747" i="1"/>
  <c r="AD144748" i="1"/>
  <c r="AD144749" i="1"/>
  <c r="AD144750" i="1"/>
  <c r="AD144751" i="1"/>
  <c r="AD144752" i="1"/>
  <c r="AD144753" i="1"/>
  <c r="AD144754" i="1"/>
  <c r="AD144755" i="1"/>
  <c r="AD144756" i="1"/>
  <c r="AD144757" i="1"/>
  <c r="AD144758" i="1"/>
  <c r="AD144759" i="1"/>
  <c r="AD144760" i="1"/>
  <c r="AD144761" i="1"/>
  <c r="AD144762" i="1"/>
  <c r="AD144763" i="1"/>
  <c r="AD144764" i="1"/>
  <c r="AD144765" i="1"/>
  <c r="AD144766" i="1"/>
  <c r="AD144767" i="1"/>
  <c r="AD144768" i="1"/>
  <c r="AD144769" i="1"/>
  <c r="AD144770" i="1"/>
  <c r="AD144771" i="1"/>
  <c r="AD144772" i="1"/>
  <c r="AD144773" i="1"/>
  <c r="AD144774" i="1"/>
  <c r="AD144775" i="1"/>
  <c r="AD144776" i="1"/>
  <c r="AD144777" i="1"/>
  <c r="AD144778" i="1"/>
  <c r="AD144779" i="1"/>
  <c r="AD144780" i="1"/>
  <c r="AD144781" i="1"/>
  <c r="AD144782" i="1"/>
  <c r="AD144783" i="1"/>
  <c r="AD144784" i="1"/>
  <c r="AD144785" i="1"/>
  <c r="AD144786" i="1"/>
  <c r="AD144787" i="1"/>
  <c r="AD144788" i="1"/>
  <c r="AD144789" i="1"/>
  <c r="AD144790" i="1"/>
  <c r="AD144791" i="1"/>
  <c r="AD144792" i="1"/>
  <c r="AD144793" i="1"/>
  <c r="AD144794" i="1"/>
  <c r="AD144795" i="1"/>
  <c r="AD144796" i="1"/>
  <c r="AD144797" i="1"/>
  <c r="AD144798" i="1"/>
  <c r="AD144799" i="1"/>
  <c r="AD144800" i="1"/>
  <c r="AD144801" i="1"/>
  <c r="AD144802" i="1"/>
  <c r="AD144803" i="1"/>
  <c r="AD144804" i="1"/>
  <c r="AD144805" i="1"/>
  <c r="AD144806" i="1"/>
  <c r="AD144807" i="1"/>
  <c r="AD144808" i="1"/>
  <c r="AD144809" i="1"/>
  <c r="AD144810" i="1"/>
  <c r="AD144811" i="1"/>
  <c r="AD144812" i="1"/>
  <c r="AD144813" i="1"/>
  <c r="AD144814" i="1"/>
  <c r="AD144815" i="1"/>
  <c r="AD144816" i="1"/>
  <c r="AD144817" i="1"/>
  <c r="AD144818" i="1"/>
  <c r="AD144819" i="1"/>
  <c r="AD144820" i="1"/>
  <c r="AD144821" i="1"/>
  <c r="AD144822" i="1"/>
  <c r="AD144823" i="1"/>
  <c r="AD144824" i="1"/>
  <c r="AD144825" i="1"/>
  <c r="AD144826" i="1"/>
  <c r="AD144827" i="1"/>
  <c r="AD144828" i="1"/>
  <c r="AD144829" i="1"/>
  <c r="AD144830" i="1"/>
  <c r="AD144831" i="1"/>
  <c r="AD144832" i="1"/>
  <c r="AD144833" i="1"/>
  <c r="AD144834" i="1"/>
  <c r="AD144835" i="1"/>
  <c r="AD144836" i="1"/>
  <c r="AD144837" i="1"/>
  <c r="AD144838" i="1"/>
  <c r="AD144839" i="1"/>
  <c r="AD144840" i="1"/>
  <c r="AD144841" i="1"/>
  <c r="AD144842" i="1"/>
  <c r="AD144843" i="1"/>
  <c r="AD144844" i="1"/>
  <c r="AD144845" i="1"/>
  <c r="AD144846" i="1"/>
  <c r="AD144847" i="1"/>
  <c r="AD144848" i="1"/>
  <c r="AD144849" i="1"/>
  <c r="AD144850" i="1"/>
  <c r="AD144851" i="1"/>
  <c r="AD144852" i="1"/>
  <c r="AD144853" i="1"/>
  <c r="AD144854" i="1"/>
  <c r="AD144855" i="1"/>
  <c r="AD144856" i="1"/>
  <c r="AD144857" i="1"/>
  <c r="AD144858" i="1"/>
  <c r="AD144859" i="1"/>
  <c r="AD144860" i="1"/>
  <c r="AD144861" i="1"/>
  <c r="AD144862" i="1"/>
  <c r="AD144863" i="1"/>
  <c r="AD144864" i="1"/>
  <c r="AD144865" i="1"/>
  <c r="AD144866" i="1"/>
  <c r="AD144867" i="1"/>
  <c r="AD144868" i="1"/>
  <c r="AD144869" i="1"/>
  <c r="AD144870" i="1"/>
  <c r="AD144871" i="1"/>
  <c r="AD144872" i="1"/>
  <c r="AD144873" i="1"/>
  <c r="AD144874" i="1"/>
  <c r="AD144875" i="1"/>
  <c r="AD144876" i="1"/>
  <c r="AD144877" i="1"/>
  <c r="AD144878" i="1"/>
  <c r="AD144879" i="1"/>
  <c r="AD144880" i="1"/>
  <c r="AD144881" i="1"/>
  <c r="AD144882" i="1"/>
  <c r="AD144883" i="1"/>
  <c r="AD144884" i="1"/>
  <c r="AD144885" i="1"/>
  <c r="AD144886" i="1"/>
  <c r="AD144887" i="1"/>
  <c r="AD144888" i="1"/>
  <c r="AD144889" i="1"/>
  <c r="AD144890" i="1"/>
  <c r="AD144891" i="1"/>
  <c r="AD144892" i="1"/>
  <c r="AD144893" i="1"/>
  <c r="AD144894" i="1"/>
  <c r="AD144895" i="1"/>
  <c r="AD144896" i="1"/>
  <c r="AD144897" i="1"/>
  <c r="AD144898" i="1"/>
  <c r="AD144899" i="1"/>
  <c r="AD144900" i="1"/>
  <c r="AD144901" i="1"/>
  <c r="AD144902" i="1"/>
  <c r="AD144903" i="1"/>
  <c r="AD144904" i="1"/>
  <c r="AD144905" i="1"/>
  <c r="AD144906" i="1"/>
  <c r="AD144907" i="1"/>
  <c r="AD144908" i="1"/>
  <c r="AD144909" i="1"/>
  <c r="AD144910" i="1"/>
  <c r="AD144911" i="1"/>
  <c r="AD144912" i="1"/>
  <c r="AD144913" i="1"/>
  <c r="AD144914" i="1"/>
  <c r="AD144915" i="1"/>
  <c r="AD144916" i="1"/>
  <c r="AD144917" i="1"/>
  <c r="AD144918" i="1"/>
  <c r="AD144919" i="1"/>
  <c r="AD144920" i="1"/>
  <c r="AD144921" i="1"/>
  <c r="AD144922" i="1"/>
  <c r="AD144923" i="1"/>
  <c r="AD144924" i="1"/>
  <c r="AD144925" i="1"/>
  <c r="AD144926" i="1"/>
  <c r="AD144927" i="1"/>
  <c r="AD144928" i="1"/>
  <c r="AD144929" i="1"/>
  <c r="AD144930" i="1"/>
  <c r="AD144931" i="1"/>
  <c r="AD144932" i="1"/>
  <c r="AD144933" i="1"/>
  <c r="AD144934" i="1"/>
  <c r="AD144935" i="1"/>
  <c r="AD144936" i="1"/>
  <c r="AD144937" i="1"/>
  <c r="AD144938" i="1"/>
  <c r="AD144939" i="1"/>
  <c r="AD144940" i="1"/>
  <c r="AD144941" i="1"/>
  <c r="AD144942" i="1"/>
  <c r="AD144943" i="1"/>
  <c r="AD144944" i="1"/>
  <c r="AD144945" i="1"/>
  <c r="AD144946" i="1"/>
  <c r="AD144947" i="1"/>
  <c r="AD144948" i="1"/>
  <c r="AD144949" i="1"/>
  <c r="AD144950" i="1"/>
  <c r="AD144951" i="1"/>
  <c r="AD144952" i="1"/>
  <c r="AD144953" i="1"/>
  <c r="AD144954" i="1"/>
  <c r="AD144955" i="1"/>
  <c r="AD144956" i="1"/>
  <c r="AD144957" i="1"/>
  <c r="AD144958" i="1"/>
  <c r="AD144959" i="1"/>
  <c r="AD144960" i="1"/>
  <c r="AD144961" i="1"/>
  <c r="AD144962" i="1"/>
  <c r="AD144963" i="1"/>
  <c r="AD144964" i="1"/>
  <c r="AD144965" i="1"/>
  <c r="AD144966" i="1"/>
  <c r="AD144967" i="1"/>
  <c r="AD144968" i="1"/>
  <c r="AD144969" i="1"/>
  <c r="AD144970" i="1"/>
  <c r="AD144971" i="1"/>
  <c r="AD144972" i="1"/>
  <c r="AD144973" i="1"/>
  <c r="AD144974" i="1"/>
  <c r="AD144975" i="1"/>
  <c r="AD144976" i="1"/>
  <c r="AD144977" i="1"/>
  <c r="AD144978" i="1"/>
  <c r="AD144979" i="1"/>
  <c r="AD144980" i="1"/>
  <c r="AD144981" i="1"/>
  <c r="AD144982" i="1"/>
  <c r="AD144983" i="1"/>
  <c r="AD144984" i="1"/>
  <c r="AD144985" i="1"/>
  <c r="AD144986" i="1"/>
  <c r="AD144987" i="1"/>
  <c r="AD144988" i="1"/>
  <c r="AD144989" i="1"/>
  <c r="AD144990" i="1"/>
  <c r="AD144991" i="1"/>
  <c r="AD144992" i="1"/>
  <c r="AD144993" i="1"/>
  <c r="AD144994" i="1"/>
  <c r="AD144995" i="1"/>
  <c r="AD144996" i="1"/>
  <c r="AD144997" i="1"/>
  <c r="AD144998" i="1"/>
  <c r="AD144999" i="1"/>
  <c r="AD145000" i="1"/>
  <c r="AD145001" i="1"/>
  <c r="AD145002" i="1"/>
  <c r="AD145003" i="1"/>
  <c r="AD145004" i="1"/>
  <c r="AD145005" i="1"/>
  <c r="AD145006" i="1"/>
  <c r="AD145007" i="1"/>
  <c r="AD145008" i="1"/>
  <c r="AD145009" i="1"/>
  <c r="AD145010" i="1"/>
  <c r="AD145011" i="1"/>
  <c r="AD145012" i="1"/>
  <c r="AD145013" i="1"/>
  <c r="AD145014" i="1"/>
  <c r="AD145015" i="1"/>
  <c r="AD145016" i="1"/>
  <c r="AD145017" i="1"/>
  <c r="AD145018" i="1"/>
  <c r="AD145019" i="1"/>
  <c r="AD145020" i="1"/>
  <c r="AD145021" i="1"/>
  <c r="AD145022" i="1"/>
  <c r="AD145023" i="1"/>
  <c r="AD145024" i="1"/>
  <c r="AD145025" i="1"/>
  <c r="AD145026" i="1"/>
  <c r="AD145027" i="1"/>
  <c r="AD145028" i="1"/>
  <c r="AD145029" i="1"/>
  <c r="AD145030" i="1"/>
  <c r="AD145031" i="1"/>
  <c r="AD145032" i="1"/>
  <c r="AD145033" i="1"/>
  <c r="AD145034" i="1"/>
  <c r="AD145035" i="1"/>
  <c r="AD145036" i="1"/>
  <c r="AD145037" i="1"/>
  <c r="AD145038" i="1"/>
  <c r="AD145039" i="1"/>
  <c r="AD145040" i="1"/>
  <c r="AD145041" i="1"/>
  <c r="AD145042" i="1"/>
  <c r="AD145043" i="1"/>
  <c r="AD145044" i="1"/>
  <c r="AD145045" i="1"/>
  <c r="AD145046" i="1"/>
  <c r="AD145047" i="1"/>
  <c r="AD145048" i="1"/>
  <c r="AD145049" i="1"/>
  <c r="AD145050" i="1"/>
  <c r="AD145051" i="1"/>
  <c r="AD145052" i="1"/>
  <c r="AD145053" i="1"/>
  <c r="AD145054" i="1"/>
  <c r="AD145055" i="1"/>
  <c r="AD145056" i="1"/>
  <c r="AD145057" i="1"/>
  <c r="AD145058" i="1"/>
  <c r="AD145059" i="1"/>
  <c r="AD145060" i="1"/>
  <c r="AD145061" i="1"/>
  <c r="AD145062" i="1"/>
  <c r="AD145063" i="1"/>
  <c r="AD145064" i="1"/>
  <c r="AD145065" i="1"/>
  <c r="AD145066" i="1"/>
  <c r="AD145067" i="1"/>
  <c r="AD145068" i="1"/>
  <c r="AD145069" i="1"/>
  <c r="AD145070" i="1"/>
  <c r="AD145071" i="1"/>
  <c r="AD145072" i="1"/>
  <c r="AD145073" i="1"/>
  <c r="AD145074" i="1"/>
  <c r="AD145075" i="1"/>
  <c r="AD145076" i="1"/>
  <c r="AD145077" i="1"/>
  <c r="AD145078" i="1"/>
  <c r="AD145079" i="1"/>
  <c r="AD145080" i="1"/>
  <c r="AD145081" i="1"/>
  <c r="AD145082" i="1"/>
  <c r="AD145083" i="1"/>
  <c r="AD145084" i="1"/>
  <c r="AD145085" i="1"/>
  <c r="AD145086" i="1"/>
  <c r="AD145087" i="1"/>
  <c r="AD145088" i="1"/>
  <c r="AD145089" i="1"/>
  <c r="AD145090" i="1"/>
  <c r="AD145091" i="1"/>
  <c r="AD145092" i="1"/>
  <c r="AD145093" i="1"/>
  <c r="AD145094" i="1"/>
  <c r="AD145095" i="1"/>
  <c r="AD145096" i="1"/>
  <c r="AD145097" i="1"/>
  <c r="AD145098" i="1"/>
  <c r="AD145099" i="1"/>
  <c r="AD145100" i="1"/>
  <c r="AD145101" i="1"/>
  <c r="AD145102" i="1"/>
  <c r="AD145103" i="1"/>
  <c r="AD145104" i="1"/>
  <c r="AD145105" i="1"/>
  <c r="AD145106" i="1"/>
  <c r="AD145107" i="1"/>
  <c r="AD145108" i="1"/>
  <c r="AD145109" i="1"/>
  <c r="AD145110" i="1"/>
  <c r="AD145111" i="1"/>
  <c r="AD145112" i="1"/>
  <c r="AD145113" i="1"/>
  <c r="AD145114" i="1"/>
  <c r="AD145115" i="1"/>
  <c r="AD145116" i="1"/>
  <c r="AD145117" i="1"/>
  <c r="AD145118" i="1"/>
  <c r="AD145119" i="1"/>
  <c r="AD145120" i="1"/>
  <c r="AD145121" i="1"/>
  <c r="AD145122" i="1"/>
  <c r="AD145123" i="1"/>
  <c r="AD145124" i="1"/>
  <c r="AD145125" i="1"/>
  <c r="AD145126" i="1"/>
  <c r="AD145127" i="1"/>
  <c r="AD145128" i="1"/>
  <c r="AD145129" i="1"/>
  <c r="AD145130" i="1"/>
  <c r="AD145131" i="1"/>
  <c r="AD145132" i="1"/>
  <c r="AD145133" i="1"/>
  <c r="AD145134" i="1"/>
  <c r="AD145135" i="1"/>
  <c r="AD145136" i="1"/>
  <c r="AD145137" i="1"/>
  <c r="AD145138" i="1"/>
  <c r="AD145139" i="1"/>
  <c r="AD145140" i="1"/>
  <c r="AD145141" i="1"/>
  <c r="AD145142" i="1"/>
  <c r="AD145143" i="1"/>
  <c r="AD145144" i="1"/>
  <c r="AD145145" i="1"/>
  <c r="AD145146" i="1"/>
  <c r="AD145147" i="1"/>
  <c r="AD145148" i="1"/>
  <c r="AD145149" i="1"/>
  <c r="AD145150" i="1"/>
  <c r="AD145151" i="1"/>
  <c r="AD145152" i="1"/>
  <c r="AD145153" i="1"/>
  <c r="AD145154" i="1"/>
  <c r="AD145155" i="1"/>
  <c r="AD145156" i="1"/>
  <c r="AD145157" i="1"/>
  <c r="AD145158" i="1"/>
  <c r="AD145159" i="1"/>
  <c r="AD145160" i="1"/>
  <c r="AD145161" i="1"/>
  <c r="AD145162" i="1"/>
  <c r="AD145163" i="1"/>
  <c r="AD145164" i="1"/>
  <c r="AD145165" i="1"/>
  <c r="AD145166" i="1"/>
  <c r="AD145167" i="1"/>
  <c r="AD145168" i="1"/>
  <c r="AD145169" i="1"/>
  <c r="AD145170" i="1"/>
  <c r="AD145171" i="1"/>
  <c r="AD145172" i="1"/>
  <c r="AD145173" i="1"/>
  <c r="AD145174" i="1"/>
  <c r="AD145175" i="1"/>
  <c r="AD145176" i="1"/>
  <c r="AD145177" i="1"/>
  <c r="AD145178" i="1"/>
  <c r="AD145179" i="1"/>
  <c r="AD145180" i="1"/>
  <c r="AD145181" i="1"/>
  <c r="AD145182" i="1"/>
  <c r="AD145183" i="1"/>
  <c r="AD145184" i="1"/>
  <c r="AD145185" i="1"/>
  <c r="AD145186" i="1"/>
  <c r="AD145187" i="1"/>
  <c r="AD145188" i="1"/>
  <c r="AD145189" i="1"/>
  <c r="AD145190" i="1"/>
  <c r="AD145191" i="1"/>
  <c r="AD145192" i="1"/>
  <c r="AD145193" i="1"/>
  <c r="AD145194" i="1"/>
  <c r="AD145195" i="1"/>
  <c r="AD145196" i="1"/>
  <c r="AD145197" i="1"/>
  <c r="AD145198" i="1"/>
  <c r="AD145199" i="1"/>
  <c r="AD145200" i="1"/>
  <c r="AD145201" i="1"/>
  <c r="AD145202" i="1"/>
  <c r="AD145203" i="1"/>
  <c r="AD145204" i="1"/>
  <c r="AD145205" i="1"/>
  <c r="AD145206" i="1"/>
  <c r="AD145207" i="1"/>
  <c r="AD145208" i="1"/>
  <c r="AD145209" i="1"/>
  <c r="AD145210" i="1"/>
  <c r="AD145211" i="1"/>
  <c r="AD145212" i="1"/>
  <c r="AD145213" i="1"/>
  <c r="AD145214" i="1"/>
  <c r="AD145215" i="1"/>
  <c r="AD145216" i="1"/>
  <c r="AD145217" i="1"/>
  <c r="AD145218" i="1"/>
  <c r="AD145219" i="1"/>
  <c r="AD145220" i="1"/>
  <c r="AD145221" i="1"/>
  <c r="AD145222" i="1"/>
  <c r="AD145223" i="1"/>
  <c r="AD145224" i="1"/>
  <c r="AD145225" i="1"/>
  <c r="AD145226" i="1"/>
  <c r="AD145227" i="1"/>
  <c r="AD145228" i="1"/>
  <c r="AD145229" i="1"/>
  <c r="AD145230" i="1"/>
  <c r="AD145231" i="1"/>
  <c r="AD145232" i="1"/>
  <c r="AD145233" i="1"/>
  <c r="AD145234" i="1"/>
  <c r="AD145235" i="1"/>
  <c r="AD145236" i="1"/>
  <c r="AD145237" i="1"/>
  <c r="AD145238" i="1"/>
  <c r="AD145239" i="1"/>
  <c r="AD145240" i="1"/>
  <c r="AD145241" i="1"/>
  <c r="AD145242" i="1"/>
  <c r="AD145243" i="1"/>
  <c r="AD145244" i="1"/>
  <c r="AD145245" i="1"/>
  <c r="AD145246" i="1"/>
  <c r="AD145247" i="1"/>
  <c r="AD145248" i="1"/>
  <c r="AD145249" i="1"/>
  <c r="AD145250" i="1"/>
  <c r="AD145251" i="1"/>
  <c r="AD145252" i="1"/>
  <c r="AD145253" i="1"/>
  <c r="AD145254" i="1"/>
  <c r="AD145255" i="1"/>
  <c r="AD145256" i="1"/>
  <c r="AD145257" i="1"/>
  <c r="AD145258" i="1"/>
  <c r="AD145259" i="1"/>
  <c r="AD145260" i="1"/>
  <c r="AD145261" i="1"/>
  <c r="AD145262" i="1"/>
  <c r="AD145263" i="1"/>
  <c r="AD145264" i="1"/>
  <c r="AD145265" i="1"/>
  <c r="AD145266" i="1"/>
  <c r="AD145267" i="1"/>
  <c r="AD145268" i="1"/>
  <c r="AD145269" i="1"/>
  <c r="AD145270" i="1"/>
  <c r="AD145271" i="1"/>
  <c r="AD145272" i="1"/>
  <c r="AD145273" i="1"/>
  <c r="AD145274" i="1"/>
  <c r="AD145275" i="1"/>
  <c r="AD145276" i="1"/>
  <c r="AD145277" i="1"/>
  <c r="AD145278" i="1"/>
  <c r="AD145279" i="1"/>
  <c r="AD145280" i="1"/>
  <c r="AD145281" i="1"/>
  <c r="AD145282" i="1"/>
  <c r="AD145283" i="1"/>
  <c r="AD145284" i="1"/>
  <c r="AD145285" i="1"/>
  <c r="AD145286" i="1"/>
  <c r="AD145287" i="1"/>
  <c r="AD145288" i="1"/>
  <c r="AD145289" i="1"/>
  <c r="AD145290" i="1"/>
  <c r="AD145291" i="1"/>
  <c r="AD145292" i="1"/>
  <c r="AD145293" i="1"/>
  <c r="AD145294" i="1"/>
  <c r="AD145295" i="1"/>
  <c r="AD145296" i="1"/>
  <c r="AD145297" i="1"/>
  <c r="AD145298" i="1"/>
  <c r="AD145299" i="1"/>
  <c r="AD145300" i="1"/>
  <c r="AD145301" i="1"/>
  <c r="AD145302" i="1"/>
  <c r="AD145303" i="1"/>
  <c r="AD145304" i="1"/>
  <c r="AD145305" i="1"/>
  <c r="AD145306" i="1"/>
  <c r="AD145307" i="1"/>
  <c r="AD145308" i="1"/>
  <c r="AD145309" i="1"/>
  <c r="AD145310" i="1"/>
  <c r="AD145311" i="1"/>
  <c r="AD145312" i="1"/>
  <c r="AD145313" i="1"/>
  <c r="AD145314" i="1"/>
  <c r="AD145315" i="1"/>
  <c r="AD145316" i="1"/>
  <c r="AD145317" i="1"/>
  <c r="AD145318" i="1"/>
  <c r="AD145319" i="1"/>
  <c r="AD145320" i="1"/>
  <c r="AD145321" i="1"/>
  <c r="AD145322" i="1"/>
  <c r="AD145323" i="1"/>
  <c r="AD145324" i="1"/>
  <c r="AD145325" i="1"/>
  <c r="AD145326" i="1"/>
  <c r="AD145327" i="1"/>
  <c r="AD145328" i="1"/>
  <c r="AD145329" i="1"/>
  <c r="AD145330" i="1"/>
  <c r="AD145331" i="1"/>
  <c r="AD145332" i="1"/>
  <c r="AD145333" i="1"/>
  <c r="AD145334" i="1"/>
  <c r="AD145335" i="1"/>
  <c r="AD145336" i="1"/>
  <c r="AD145337" i="1"/>
  <c r="AD145338" i="1"/>
  <c r="AD145339" i="1"/>
  <c r="AD145340" i="1"/>
  <c r="AD145341" i="1"/>
  <c r="AD145342" i="1"/>
  <c r="AD145343" i="1"/>
  <c r="AD145344" i="1"/>
  <c r="AD145345" i="1"/>
  <c r="AD145346" i="1"/>
  <c r="AD145347" i="1"/>
  <c r="AD145348" i="1"/>
  <c r="AD145349" i="1"/>
  <c r="AD145350" i="1"/>
  <c r="AD145351" i="1"/>
  <c r="AD145352" i="1"/>
  <c r="AD145353" i="1"/>
  <c r="AD145354" i="1"/>
  <c r="AD145355" i="1"/>
  <c r="AD145356" i="1"/>
  <c r="AD145357" i="1"/>
  <c r="AD145358" i="1"/>
  <c r="AD145359" i="1"/>
  <c r="AD145360" i="1"/>
  <c r="AD145361" i="1"/>
  <c r="AD145362" i="1"/>
  <c r="AD145363" i="1"/>
  <c r="AD145364" i="1"/>
  <c r="AD145365" i="1"/>
  <c r="AD145366" i="1"/>
  <c r="AD145367" i="1"/>
  <c r="AD145368" i="1"/>
  <c r="AD145369" i="1"/>
  <c r="AD145370" i="1"/>
  <c r="AD145371" i="1"/>
  <c r="AD145372" i="1"/>
  <c r="AD145373" i="1"/>
  <c r="AD145374" i="1"/>
  <c r="AD145375" i="1"/>
  <c r="AD145376" i="1"/>
  <c r="AD145377" i="1"/>
  <c r="AD145378" i="1"/>
  <c r="AD145379" i="1"/>
  <c r="AD145380" i="1"/>
  <c r="AD145381" i="1"/>
  <c r="AD145382" i="1"/>
  <c r="AD145383" i="1"/>
  <c r="AD145384" i="1"/>
  <c r="AD145385" i="1"/>
  <c r="AD145386" i="1"/>
  <c r="AD145387" i="1"/>
  <c r="AD145388" i="1"/>
  <c r="AD145389" i="1"/>
  <c r="AD145390" i="1"/>
  <c r="AD145391" i="1"/>
  <c r="AD145392" i="1"/>
  <c r="AD145393" i="1"/>
  <c r="AD145394" i="1"/>
  <c r="AD145395" i="1"/>
  <c r="AD145396" i="1"/>
  <c r="AD145397" i="1"/>
  <c r="AD145398" i="1"/>
  <c r="AD145399" i="1"/>
  <c r="AD145400" i="1"/>
  <c r="AD145401" i="1"/>
  <c r="AD145402" i="1"/>
  <c r="AD145403" i="1"/>
  <c r="AD145404" i="1"/>
  <c r="AD145405" i="1"/>
  <c r="AD145406" i="1"/>
  <c r="AD145407" i="1"/>
  <c r="AD145408" i="1"/>
  <c r="AD145409" i="1"/>
  <c r="AD145410" i="1"/>
  <c r="AD145411" i="1"/>
  <c r="AD145412" i="1"/>
  <c r="AD145413" i="1"/>
  <c r="AD145414" i="1"/>
  <c r="AD145415" i="1"/>
  <c r="AD145416" i="1"/>
  <c r="AD145417" i="1"/>
  <c r="AD145418" i="1"/>
  <c r="AD145419" i="1"/>
  <c r="AD145420" i="1"/>
  <c r="AD145421" i="1"/>
  <c r="AD145422" i="1"/>
  <c r="AD145423" i="1"/>
  <c r="AD145424" i="1"/>
  <c r="AD145425" i="1"/>
  <c r="AD145426" i="1"/>
  <c r="AD145427" i="1"/>
  <c r="AD145428" i="1"/>
  <c r="AD145429" i="1"/>
  <c r="AD145430" i="1"/>
  <c r="AD145431" i="1"/>
  <c r="AD145432" i="1"/>
  <c r="AD145433" i="1"/>
  <c r="AD145434" i="1"/>
  <c r="AD145435" i="1"/>
  <c r="AD145436" i="1"/>
  <c r="AD145437" i="1"/>
  <c r="AD145438" i="1"/>
  <c r="AD145439" i="1"/>
  <c r="AD145440" i="1"/>
  <c r="AD145441" i="1"/>
  <c r="AD145442" i="1"/>
  <c r="AD145443" i="1"/>
  <c r="AD145444" i="1"/>
  <c r="AD145445" i="1"/>
  <c r="AD145446" i="1"/>
  <c r="AD145447" i="1"/>
  <c r="AD145448" i="1"/>
  <c r="AD145449" i="1"/>
  <c r="AD145450" i="1"/>
  <c r="AD145451" i="1"/>
  <c r="AD145452" i="1"/>
  <c r="AD145453" i="1"/>
  <c r="AD145454" i="1"/>
  <c r="AD145455" i="1"/>
  <c r="AD145456" i="1"/>
  <c r="AD145457" i="1"/>
  <c r="AD145458" i="1"/>
  <c r="AD145459" i="1"/>
  <c r="AD145460" i="1"/>
  <c r="AD145461" i="1"/>
  <c r="AD145462" i="1"/>
  <c r="AD145463" i="1"/>
  <c r="AD145464" i="1"/>
  <c r="AD145465" i="1"/>
  <c r="AD145466" i="1"/>
  <c r="AD145467" i="1"/>
  <c r="AD145468" i="1"/>
  <c r="AD145469" i="1"/>
  <c r="AD145470" i="1"/>
  <c r="AD145471" i="1"/>
  <c r="AD145472" i="1"/>
  <c r="AD145473" i="1"/>
  <c r="AD145474" i="1"/>
  <c r="AD145475" i="1"/>
  <c r="AD145476" i="1"/>
  <c r="AD145477" i="1"/>
  <c r="AD145478" i="1"/>
  <c r="AD145479" i="1"/>
  <c r="AD145480" i="1"/>
  <c r="AD145481" i="1"/>
  <c r="AD145482" i="1"/>
  <c r="AD145483" i="1"/>
  <c r="AD145484" i="1"/>
  <c r="AD145485" i="1"/>
  <c r="AD145486" i="1"/>
  <c r="AD145487" i="1"/>
  <c r="AD145488" i="1"/>
  <c r="AD145489" i="1"/>
  <c r="AD145490" i="1"/>
  <c r="AD145491" i="1"/>
  <c r="AD145492" i="1"/>
  <c r="AD145493" i="1"/>
  <c r="AD145494" i="1"/>
  <c r="AD145495" i="1"/>
  <c r="AD145496" i="1"/>
  <c r="AD145497" i="1"/>
  <c r="AD145498" i="1"/>
  <c r="AD145499" i="1"/>
  <c r="AD145500" i="1"/>
  <c r="AD145501" i="1"/>
  <c r="AD145502" i="1"/>
  <c r="AD145503" i="1"/>
  <c r="AD145504" i="1"/>
  <c r="AD145505" i="1"/>
  <c r="AD145506" i="1"/>
  <c r="AD145507" i="1"/>
  <c r="AD145508" i="1"/>
  <c r="AD145509" i="1"/>
  <c r="AD145510" i="1"/>
  <c r="AD145511" i="1"/>
  <c r="AD145512" i="1"/>
  <c r="AD145513" i="1"/>
  <c r="AD145514" i="1"/>
  <c r="AD145515" i="1"/>
  <c r="AD145516" i="1"/>
  <c r="AD145517" i="1"/>
  <c r="AD145518" i="1"/>
  <c r="AD145519" i="1"/>
  <c r="AD145520" i="1"/>
  <c r="AD145521" i="1"/>
  <c r="AD145522" i="1"/>
  <c r="AD145523" i="1"/>
  <c r="AD145524" i="1"/>
  <c r="AD145525" i="1"/>
  <c r="AD145526" i="1"/>
  <c r="AD145527" i="1"/>
  <c r="AD145528" i="1"/>
  <c r="AD145529" i="1"/>
  <c r="AD145530" i="1"/>
  <c r="AD145531" i="1"/>
  <c r="AD145532" i="1"/>
  <c r="AD145533" i="1"/>
  <c r="AD145534" i="1"/>
  <c r="AD145535" i="1"/>
  <c r="AD145536" i="1"/>
  <c r="AD145537" i="1"/>
  <c r="AD145538" i="1"/>
  <c r="AD145539" i="1"/>
  <c r="AD145540" i="1"/>
  <c r="AD145541" i="1"/>
  <c r="AD145542" i="1"/>
  <c r="AD145543" i="1"/>
  <c r="AD145544" i="1"/>
  <c r="AD145545" i="1"/>
  <c r="AD145546" i="1"/>
  <c r="AD145547" i="1"/>
  <c r="AD145548" i="1"/>
  <c r="AD145549" i="1"/>
  <c r="AD145550" i="1"/>
  <c r="AD145551" i="1"/>
  <c r="AD145552" i="1"/>
  <c r="AD145553" i="1"/>
  <c r="AD145554" i="1"/>
  <c r="AD145555" i="1"/>
  <c r="AD145556" i="1"/>
  <c r="AD145557" i="1"/>
  <c r="AD145558" i="1"/>
  <c r="AD145559" i="1"/>
  <c r="AD145560" i="1"/>
  <c r="AD145561" i="1"/>
  <c r="AD145562" i="1"/>
  <c r="AD145563" i="1"/>
  <c r="AD145564" i="1"/>
  <c r="AD145565" i="1"/>
  <c r="AD145566" i="1"/>
  <c r="AD145567" i="1"/>
  <c r="AD145568" i="1"/>
  <c r="AD145569" i="1"/>
  <c r="AD145570" i="1"/>
  <c r="AD145571" i="1"/>
  <c r="AD145572" i="1"/>
  <c r="AD145573" i="1"/>
  <c r="AD145574" i="1"/>
  <c r="AD145575" i="1"/>
  <c r="AD145576" i="1"/>
  <c r="AD145577" i="1"/>
  <c r="AD145578" i="1"/>
  <c r="AD145579" i="1"/>
  <c r="AD145580" i="1"/>
  <c r="AD145581" i="1"/>
  <c r="AD145582" i="1"/>
  <c r="AD145583" i="1"/>
  <c r="AD145584" i="1"/>
  <c r="AD145585" i="1"/>
  <c r="AD145586" i="1"/>
  <c r="AD145587" i="1"/>
  <c r="AD145588" i="1"/>
  <c r="AD145589" i="1"/>
  <c r="AD145590" i="1"/>
  <c r="AD145591" i="1"/>
  <c r="AD145592" i="1"/>
  <c r="AD145593" i="1"/>
  <c r="AD145594" i="1"/>
  <c r="AD145595" i="1"/>
  <c r="AD145596" i="1"/>
  <c r="AD145597" i="1"/>
  <c r="AD145598" i="1"/>
  <c r="AD145599" i="1"/>
  <c r="AD145600" i="1"/>
  <c r="AD145601" i="1"/>
  <c r="AD145602" i="1"/>
  <c r="AD145603" i="1"/>
  <c r="AD145604" i="1"/>
  <c r="AD145605" i="1"/>
  <c r="AD145606" i="1"/>
  <c r="AD145607" i="1"/>
  <c r="AD145608" i="1"/>
  <c r="AD145609" i="1"/>
  <c r="AD145610" i="1"/>
  <c r="AD145611" i="1"/>
  <c r="AD145612" i="1"/>
  <c r="AD145613" i="1"/>
  <c r="AD145614" i="1"/>
  <c r="AD145615" i="1"/>
  <c r="AD145616" i="1"/>
  <c r="AD145617" i="1"/>
  <c r="AD145618" i="1"/>
  <c r="AD145619" i="1"/>
  <c r="AD145620" i="1"/>
  <c r="AD145621" i="1"/>
  <c r="AD145622" i="1"/>
  <c r="AD145623" i="1"/>
  <c r="AD145624" i="1"/>
  <c r="AD145625" i="1"/>
  <c r="AD145626" i="1"/>
  <c r="AD145627" i="1"/>
  <c r="AD145628" i="1"/>
  <c r="AD145629" i="1"/>
  <c r="AD145630" i="1"/>
  <c r="AD145631" i="1"/>
  <c r="AD145632" i="1"/>
  <c r="AD145633" i="1"/>
  <c r="AD145634" i="1"/>
  <c r="AD145635" i="1"/>
  <c r="AD145636" i="1"/>
  <c r="AD145637" i="1"/>
  <c r="AD145638" i="1"/>
  <c r="AD145639" i="1"/>
  <c r="AD145640" i="1"/>
  <c r="AD145641" i="1"/>
  <c r="AD145642" i="1"/>
  <c r="AD145643" i="1"/>
  <c r="AD145644" i="1"/>
  <c r="AD145645" i="1"/>
  <c r="AD145646" i="1"/>
  <c r="AD145647" i="1"/>
  <c r="AD145648" i="1"/>
  <c r="AD145649" i="1"/>
  <c r="AD145650" i="1"/>
  <c r="AD145651" i="1"/>
  <c r="AD145652" i="1"/>
  <c r="AD145653" i="1"/>
  <c r="AD145654" i="1"/>
  <c r="AD145655" i="1"/>
  <c r="AD145656" i="1"/>
  <c r="AD145657" i="1"/>
  <c r="AD145658" i="1"/>
  <c r="AD145659" i="1"/>
  <c r="AD145660" i="1"/>
  <c r="AD145661" i="1"/>
  <c r="AD145662" i="1"/>
  <c r="AD145663" i="1"/>
  <c r="AD145664" i="1"/>
  <c r="AD145665" i="1"/>
  <c r="AD145666" i="1"/>
  <c r="AD145667" i="1"/>
  <c r="AD145668" i="1"/>
  <c r="AD145669" i="1"/>
  <c r="AD145670" i="1"/>
  <c r="AD145671" i="1"/>
  <c r="AD145672" i="1"/>
  <c r="AD145673" i="1"/>
  <c r="AD145674" i="1"/>
  <c r="AD145675" i="1"/>
  <c r="AD145676" i="1"/>
  <c r="AD145677" i="1"/>
  <c r="AD145678" i="1"/>
  <c r="AD145679" i="1"/>
  <c r="AD145680" i="1"/>
  <c r="AD145681" i="1"/>
  <c r="AD145682" i="1"/>
  <c r="AD145683" i="1"/>
  <c r="AD145684" i="1"/>
  <c r="AD145685" i="1"/>
  <c r="AD145686" i="1"/>
  <c r="AD145687" i="1"/>
  <c r="AD145688" i="1"/>
  <c r="AD145689" i="1"/>
  <c r="AD145690" i="1"/>
  <c r="AD145691" i="1"/>
  <c r="AD145692" i="1"/>
  <c r="AD145693" i="1"/>
  <c r="AD145694" i="1"/>
  <c r="AD145695" i="1"/>
  <c r="AD145696" i="1"/>
  <c r="AD145697" i="1"/>
  <c r="AD145698" i="1"/>
  <c r="AD145699" i="1"/>
  <c r="AD145700" i="1"/>
  <c r="AD145701" i="1"/>
  <c r="AD145702" i="1"/>
  <c r="AD145703" i="1"/>
  <c r="AD145704" i="1"/>
  <c r="AD145705" i="1"/>
  <c r="AD145706" i="1"/>
  <c r="AD145707" i="1"/>
  <c r="AD145708" i="1"/>
  <c r="AD145709" i="1"/>
  <c r="AD145710" i="1"/>
  <c r="AD145711" i="1"/>
  <c r="AD145712" i="1"/>
  <c r="AD145713" i="1"/>
  <c r="AD145714" i="1"/>
  <c r="AD145715" i="1"/>
  <c r="AD145716" i="1"/>
  <c r="AD145717" i="1"/>
  <c r="AD145718" i="1"/>
  <c r="AD145719" i="1"/>
  <c r="AD145720" i="1"/>
  <c r="AD145721" i="1"/>
  <c r="AD145722" i="1"/>
  <c r="AD145723" i="1"/>
  <c r="AD145724" i="1"/>
  <c r="AD145725" i="1"/>
  <c r="AD145726" i="1"/>
  <c r="AD145727" i="1"/>
  <c r="AD145728" i="1"/>
  <c r="AD145729" i="1"/>
  <c r="AD145730" i="1"/>
  <c r="AD145731" i="1"/>
  <c r="AD145732" i="1"/>
  <c r="AD145733" i="1"/>
  <c r="AD145734" i="1"/>
  <c r="AD145735" i="1"/>
  <c r="AD145736" i="1"/>
  <c r="AD145737" i="1"/>
  <c r="AD145738" i="1"/>
  <c r="AD145739" i="1"/>
  <c r="AD145740" i="1"/>
  <c r="AD145741" i="1"/>
  <c r="AD145742" i="1"/>
  <c r="AD145743" i="1"/>
  <c r="AD145744" i="1"/>
  <c r="AD145745" i="1"/>
  <c r="AD145746" i="1"/>
  <c r="AD145747" i="1"/>
  <c r="AD145748" i="1"/>
  <c r="AD145749" i="1"/>
  <c r="AD145750" i="1"/>
  <c r="AD145751" i="1"/>
  <c r="AD145752" i="1"/>
  <c r="AD145753" i="1"/>
  <c r="AD145754" i="1"/>
  <c r="AD145755" i="1"/>
  <c r="AD145756" i="1"/>
  <c r="AD145757" i="1"/>
  <c r="AD145758" i="1"/>
  <c r="AD145759" i="1"/>
  <c r="AD145760" i="1"/>
  <c r="AD145761" i="1"/>
  <c r="AD145762" i="1"/>
  <c r="AD145763" i="1"/>
  <c r="AD145764" i="1"/>
  <c r="AD145765" i="1"/>
  <c r="AD145766" i="1"/>
  <c r="AD145767" i="1"/>
  <c r="AD145768" i="1"/>
  <c r="AD145769" i="1"/>
  <c r="AD145770" i="1"/>
  <c r="AD145771" i="1"/>
  <c r="AD145772" i="1"/>
  <c r="AD145773" i="1"/>
  <c r="AD145774" i="1"/>
  <c r="AD145775" i="1"/>
  <c r="AD145776" i="1"/>
  <c r="AD145777" i="1"/>
  <c r="AD145778" i="1"/>
  <c r="AD145779" i="1"/>
  <c r="AD145780" i="1"/>
  <c r="AD145781" i="1"/>
  <c r="AD145782" i="1"/>
  <c r="AD145783" i="1"/>
  <c r="AD145784" i="1"/>
  <c r="AD145785" i="1"/>
  <c r="AD145786" i="1"/>
  <c r="AD145787" i="1"/>
  <c r="AD145788" i="1"/>
  <c r="AD145789" i="1"/>
  <c r="AD145790" i="1"/>
  <c r="AD145791" i="1"/>
  <c r="AD145792" i="1"/>
  <c r="AD145793" i="1"/>
  <c r="AD145794" i="1"/>
  <c r="AD145795" i="1"/>
  <c r="AD145796" i="1"/>
  <c r="AD145797" i="1"/>
  <c r="AD145798" i="1"/>
  <c r="AD145799" i="1"/>
  <c r="AD145800" i="1"/>
  <c r="AD145801" i="1"/>
  <c r="AD145802" i="1"/>
  <c r="AD145803" i="1"/>
  <c r="AD145804" i="1"/>
  <c r="AD145805" i="1"/>
  <c r="AD145806" i="1"/>
  <c r="AD145807" i="1"/>
  <c r="AD145808" i="1"/>
  <c r="AD145809" i="1"/>
  <c r="AD145810" i="1"/>
  <c r="AD145811" i="1"/>
  <c r="AD145812" i="1"/>
  <c r="AD145813" i="1"/>
  <c r="AD145814" i="1"/>
  <c r="AD145815" i="1"/>
  <c r="AD145816" i="1"/>
  <c r="AD145817" i="1"/>
  <c r="AD145818" i="1"/>
  <c r="AD145819" i="1"/>
  <c r="AD145820" i="1"/>
  <c r="AD145821" i="1"/>
  <c r="AD145822" i="1"/>
  <c r="AD145823" i="1"/>
  <c r="AD145824" i="1"/>
  <c r="AD145825" i="1"/>
  <c r="AD145826" i="1"/>
  <c r="AD145827" i="1"/>
  <c r="AD145828" i="1"/>
  <c r="AD145829" i="1"/>
  <c r="AD145830" i="1"/>
  <c r="AD145831" i="1"/>
  <c r="AD145832" i="1"/>
  <c r="AD145833" i="1"/>
  <c r="AD145834" i="1"/>
  <c r="AD145835" i="1"/>
  <c r="AD145836" i="1"/>
  <c r="AD145837" i="1"/>
  <c r="AD145838" i="1"/>
  <c r="AD145839" i="1"/>
  <c r="AD145840" i="1"/>
  <c r="AD145841" i="1"/>
  <c r="AD145842" i="1"/>
  <c r="AD145843" i="1"/>
  <c r="AD145844" i="1"/>
  <c r="AD145845" i="1"/>
  <c r="AD145846" i="1"/>
  <c r="AD145847" i="1"/>
  <c r="AD145848" i="1"/>
  <c r="AD145849" i="1"/>
  <c r="AD145850" i="1"/>
  <c r="AD145851" i="1"/>
  <c r="AD145852" i="1"/>
  <c r="AD145853" i="1"/>
  <c r="AD145854" i="1"/>
  <c r="AD145855" i="1"/>
  <c r="AD145856" i="1"/>
  <c r="AD145857" i="1"/>
  <c r="AD145858" i="1"/>
  <c r="AD145859" i="1"/>
  <c r="AD145860" i="1"/>
  <c r="AD145861" i="1"/>
  <c r="AD145862" i="1"/>
  <c r="AD145863" i="1"/>
  <c r="AD145864" i="1"/>
  <c r="AD145865" i="1"/>
  <c r="AD145866" i="1"/>
  <c r="AD145867" i="1"/>
  <c r="AD145868" i="1"/>
  <c r="AD145869" i="1"/>
  <c r="AD145870" i="1"/>
  <c r="AD145871" i="1"/>
  <c r="AD145872" i="1"/>
  <c r="AD145873" i="1"/>
  <c r="AD145874" i="1"/>
  <c r="AD145875" i="1"/>
  <c r="AD145876" i="1"/>
  <c r="AD145877" i="1"/>
  <c r="AD145878" i="1"/>
  <c r="AD145879" i="1"/>
  <c r="AD145880" i="1"/>
  <c r="AD145881" i="1"/>
  <c r="AD145882" i="1"/>
  <c r="AD145883" i="1"/>
  <c r="AD145884" i="1"/>
  <c r="AD145885" i="1"/>
  <c r="AD145886" i="1"/>
  <c r="AD145887" i="1"/>
  <c r="AD145888" i="1"/>
  <c r="AD145889" i="1"/>
  <c r="AD145890" i="1"/>
  <c r="AD145891" i="1"/>
  <c r="AD145892" i="1"/>
  <c r="AD145893" i="1"/>
  <c r="AD145894" i="1"/>
  <c r="AD145895" i="1"/>
  <c r="AD145896" i="1"/>
  <c r="AD145897" i="1"/>
  <c r="AD145898" i="1"/>
  <c r="AD145899" i="1"/>
  <c r="AD145900" i="1"/>
  <c r="AD145901" i="1"/>
  <c r="AD145902" i="1"/>
  <c r="AD145903" i="1"/>
  <c r="AD145904" i="1"/>
  <c r="AD145905" i="1"/>
  <c r="AD145906" i="1"/>
  <c r="AD145907" i="1"/>
  <c r="AD145908" i="1"/>
  <c r="AD145909" i="1"/>
  <c r="AD145910" i="1"/>
  <c r="AD145911" i="1"/>
  <c r="AD145912" i="1"/>
  <c r="AD145913" i="1"/>
  <c r="AD145914" i="1"/>
  <c r="AD145915" i="1"/>
  <c r="AD145916" i="1"/>
  <c r="AD145917" i="1"/>
  <c r="AD145918" i="1"/>
  <c r="AD145919" i="1"/>
  <c r="AD145920" i="1"/>
  <c r="AD145921" i="1"/>
  <c r="AD145922" i="1"/>
  <c r="AD145923" i="1"/>
  <c r="AD145924" i="1"/>
  <c r="AD145925" i="1"/>
  <c r="AD145926" i="1"/>
  <c r="AD145927" i="1"/>
  <c r="AD145928" i="1"/>
  <c r="AD145929" i="1"/>
  <c r="AD145930" i="1"/>
  <c r="AD145931" i="1"/>
  <c r="AD145932" i="1"/>
  <c r="AD145933" i="1"/>
  <c r="AD145934" i="1"/>
  <c r="AD145935" i="1"/>
  <c r="AD145936" i="1"/>
  <c r="AD145937" i="1"/>
  <c r="AD145938" i="1"/>
  <c r="AD145939" i="1"/>
  <c r="AD145940" i="1"/>
  <c r="AD145941" i="1"/>
  <c r="AD145942" i="1"/>
  <c r="AD145943" i="1"/>
  <c r="AD145944" i="1"/>
  <c r="AD145945" i="1"/>
  <c r="AD145946" i="1"/>
  <c r="AD145947" i="1"/>
  <c r="AD145948" i="1"/>
  <c r="AD145949" i="1"/>
  <c r="AD145950" i="1"/>
  <c r="AD145951" i="1"/>
  <c r="AD145952" i="1"/>
  <c r="AD145953" i="1"/>
  <c r="AD145954" i="1"/>
  <c r="AD145955" i="1"/>
  <c r="AD145956" i="1"/>
  <c r="AD145957" i="1"/>
  <c r="AD145958" i="1"/>
  <c r="AD145959" i="1"/>
  <c r="AD145960" i="1"/>
  <c r="AD145961" i="1"/>
  <c r="AD145962" i="1"/>
  <c r="AD145963" i="1"/>
  <c r="AD145964" i="1"/>
  <c r="AD145965" i="1"/>
  <c r="AD145966" i="1"/>
  <c r="AD145967" i="1"/>
  <c r="AD145968" i="1"/>
  <c r="AD145969" i="1"/>
  <c r="AD145970" i="1"/>
  <c r="AD145971" i="1"/>
  <c r="AD145972" i="1"/>
  <c r="AD145973" i="1"/>
  <c r="AD145974" i="1"/>
  <c r="AD145975" i="1"/>
  <c r="AD145976" i="1"/>
  <c r="AD145977" i="1"/>
  <c r="AD145978" i="1"/>
  <c r="AD145979" i="1"/>
  <c r="AD145980" i="1"/>
  <c r="AD145981" i="1"/>
  <c r="AD145982" i="1"/>
  <c r="AD145983" i="1"/>
  <c r="AD145984" i="1"/>
  <c r="AD145985" i="1"/>
  <c r="AD145986" i="1"/>
  <c r="AD145987" i="1"/>
  <c r="AD145988" i="1"/>
  <c r="AD145989" i="1"/>
  <c r="AD145990" i="1"/>
  <c r="AD145991" i="1"/>
  <c r="AD145992" i="1"/>
  <c r="AD145993" i="1"/>
  <c r="AD145994" i="1"/>
  <c r="AD145995" i="1"/>
  <c r="AD145996" i="1"/>
  <c r="AD145997" i="1"/>
  <c r="AD145998" i="1"/>
  <c r="AD145999" i="1"/>
  <c r="AD146000" i="1"/>
  <c r="AD146001" i="1"/>
  <c r="AD146002" i="1"/>
  <c r="AD146003" i="1"/>
  <c r="AD146004" i="1"/>
  <c r="AD146005" i="1"/>
  <c r="AD146006" i="1"/>
  <c r="AD146007" i="1"/>
  <c r="AD146008" i="1"/>
  <c r="AD146009" i="1"/>
  <c r="AD146010" i="1"/>
  <c r="AD146011" i="1"/>
  <c r="AD146012" i="1"/>
  <c r="AD146013" i="1"/>
  <c r="AD146014" i="1"/>
  <c r="AD146015" i="1"/>
  <c r="AD146016" i="1"/>
  <c r="AD146017" i="1"/>
  <c r="AD146018" i="1"/>
  <c r="AD146019" i="1"/>
  <c r="AD146020" i="1"/>
  <c r="AD146021" i="1"/>
  <c r="AD146022" i="1"/>
  <c r="AD146023" i="1"/>
  <c r="AD146024" i="1"/>
  <c r="AD146025" i="1"/>
  <c r="AD146026" i="1"/>
  <c r="AD146027" i="1"/>
  <c r="AD146028" i="1"/>
  <c r="AD146029" i="1"/>
  <c r="AD146030" i="1"/>
  <c r="AD146031" i="1"/>
  <c r="AD146032" i="1"/>
  <c r="AD146033" i="1"/>
  <c r="AD146034" i="1"/>
  <c r="AD146035" i="1"/>
  <c r="AD146036" i="1"/>
  <c r="AD146037" i="1"/>
  <c r="AD146038" i="1"/>
  <c r="AD146039" i="1"/>
  <c r="AD146040" i="1"/>
  <c r="AD146041" i="1"/>
  <c r="AD146042" i="1"/>
  <c r="AD146043" i="1"/>
  <c r="AD146044" i="1"/>
  <c r="AD146045" i="1"/>
  <c r="AD146046" i="1"/>
  <c r="AD146047" i="1"/>
  <c r="AD146048" i="1"/>
  <c r="AD146049" i="1"/>
  <c r="AD146050" i="1"/>
  <c r="AD146051" i="1"/>
  <c r="AD146052" i="1"/>
  <c r="AD146053" i="1"/>
  <c r="AD146054" i="1"/>
  <c r="AD146055" i="1"/>
  <c r="AD146056" i="1"/>
  <c r="AD146057" i="1"/>
  <c r="AD146058" i="1"/>
  <c r="AD146059" i="1"/>
  <c r="AD146060" i="1"/>
  <c r="AD146061" i="1"/>
  <c r="AD146062" i="1"/>
  <c r="AD146063" i="1"/>
  <c r="AD146064" i="1"/>
  <c r="AD146065" i="1"/>
  <c r="AD146066" i="1"/>
  <c r="AD146067" i="1"/>
  <c r="AD146068" i="1"/>
  <c r="AD146069" i="1"/>
  <c r="AD146070" i="1"/>
  <c r="AD146071" i="1"/>
  <c r="AD146072" i="1"/>
  <c r="AD146073" i="1"/>
  <c r="AD146074" i="1"/>
  <c r="AD146075" i="1"/>
  <c r="AD146076" i="1"/>
  <c r="AD146077" i="1"/>
  <c r="AD146078" i="1"/>
  <c r="AD146079" i="1"/>
  <c r="AD146080" i="1"/>
  <c r="AD146081" i="1"/>
  <c r="AD146082" i="1"/>
  <c r="AD146083" i="1"/>
  <c r="AD146084" i="1"/>
  <c r="AD146085" i="1"/>
  <c r="AD146086" i="1"/>
  <c r="AD146087" i="1"/>
  <c r="AD146088" i="1"/>
  <c r="AD146089" i="1"/>
  <c r="AD146090" i="1"/>
  <c r="AD146091" i="1"/>
  <c r="AD146092" i="1"/>
  <c r="AD146093" i="1"/>
  <c r="AD146094" i="1"/>
  <c r="AD146095" i="1"/>
  <c r="AD146096" i="1"/>
  <c r="AD146097" i="1"/>
  <c r="AD146098" i="1"/>
  <c r="AD146099" i="1"/>
  <c r="AD146100" i="1"/>
  <c r="AD146101" i="1"/>
  <c r="AD146102" i="1"/>
  <c r="AD146103" i="1"/>
  <c r="AD146104" i="1"/>
  <c r="AD146105" i="1"/>
  <c r="AD146106" i="1"/>
  <c r="AD146107" i="1"/>
  <c r="AD146108" i="1"/>
  <c r="AD146109" i="1"/>
  <c r="AD146110" i="1"/>
  <c r="AD146111" i="1"/>
  <c r="AD146112" i="1"/>
  <c r="AD146113" i="1"/>
  <c r="AD146114" i="1"/>
  <c r="AD146115" i="1"/>
  <c r="AD146116" i="1"/>
  <c r="AD146117" i="1"/>
  <c r="AD146118" i="1"/>
  <c r="AD146119" i="1"/>
  <c r="AD146120" i="1"/>
  <c r="AD146121" i="1"/>
  <c r="AD146122" i="1"/>
  <c r="AD146123" i="1"/>
  <c r="AD146124" i="1"/>
  <c r="AD146125" i="1"/>
  <c r="AD146126" i="1"/>
  <c r="AD146127" i="1"/>
  <c r="AD146128" i="1"/>
  <c r="AD146129" i="1"/>
  <c r="AD146130" i="1"/>
  <c r="AD146131" i="1"/>
  <c r="AD146132" i="1"/>
  <c r="AD146133" i="1"/>
  <c r="AD146134" i="1"/>
  <c r="AD146135" i="1"/>
  <c r="AD146136" i="1"/>
  <c r="AD146137" i="1"/>
  <c r="AD146138" i="1"/>
  <c r="AD146139" i="1"/>
  <c r="AD146140" i="1"/>
  <c r="AD146141" i="1"/>
  <c r="AD146142" i="1"/>
  <c r="AD146143" i="1"/>
  <c r="AD146144" i="1"/>
  <c r="AD146145" i="1"/>
  <c r="AD146146" i="1"/>
  <c r="AD146147" i="1"/>
  <c r="AD146148" i="1"/>
  <c r="AD146149" i="1"/>
  <c r="AD146150" i="1"/>
  <c r="AD146151" i="1"/>
  <c r="AD146152" i="1"/>
  <c r="AD146153" i="1"/>
  <c r="AD146154" i="1"/>
  <c r="AD146155" i="1"/>
  <c r="AD146156" i="1"/>
  <c r="AD146157" i="1"/>
  <c r="AD146158" i="1"/>
  <c r="AD146159" i="1"/>
  <c r="AD146160" i="1"/>
  <c r="AD146161" i="1"/>
  <c r="AD146162" i="1"/>
  <c r="AD146163" i="1"/>
  <c r="AD146164" i="1"/>
  <c r="AD146165" i="1"/>
  <c r="AD146166" i="1"/>
  <c r="AD146167" i="1"/>
  <c r="AD146168" i="1"/>
  <c r="AD146169" i="1"/>
  <c r="AD146170" i="1"/>
  <c r="AD146171" i="1"/>
  <c r="AD146172" i="1"/>
  <c r="AD146173" i="1"/>
  <c r="AD146174" i="1"/>
  <c r="AD146175" i="1"/>
  <c r="AD146176" i="1"/>
  <c r="AD146177" i="1"/>
  <c r="AD146178" i="1"/>
  <c r="AD146179" i="1"/>
  <c r="AD146180" i="1"/>
  <c r="AD146181" i="1"/>
  <c r="AD146182" i="1"/>
  <c r="AD146183" i="1"/>
  <c r="AD146184" i="1"/>
  <c r="AD146185" i="1"/>
  <c r="AD146186" i="1"/>
  <c r="AD146187" i="1"/>
  <c r="AD146188" i="1"/>
  <c r="AD146189" i="1"/>
  <c r="AD146190" i="1"/>
  <c r="AD146191" i="1"/>
  <c r="AD146192" i="1"/>
  <c r="AD146193" i="1"/>
  <c r="AD146194" i="1"/>
  <c r="AD146195" i="1"/>
  <c r="AD146196" i="1"/>
  <c r="AD146197" i="1"/>
  <c r="AD146198" i="1"/>
  <c r="AD146199" i="1"/>
  <c r="AD146200" i="1"/>
  <c r="AD146201" i="1"/>
  <c r="AD146202" i="1"/>
  <c r="AD146203" i="1"/>
  <c r="AD146204" i="1"/>
  <c r="AD146205" i="1"/>
  <c r="AD146206" i="1"/>
  <c r="AD146207" i="1"/>
  <c r="AD146208" i="1"/>
  <c r="AD146209" i="1"/>
  <c r="AD146210" i="1"/>
  <c r="AD146211" i="1"/>
  <c r="AD146212" i="1"/>
  <c r="AD146213" i="1"/>
  <c r="AD146214" i="1"/>
  <c r="AD146215" i="1"/>
  <c r="AD146216" i="1"/>
  <c r="AD146217" i="1"/>
  <c r="AD146218" i="1"/>
  <c r="AD146219" i="1"/>
  <c r="AD146220" i="1"/>
  <c r="AD146221" i="1"/>
  <c r="AD146222" i="1"/>
  <c r="AD146223" i="1"/>
  <c r="AD146224" i="1"/>
  <c r="AD146225" i="1"/>
  <c r="AD146226" i="1"/>
  <c r="AD146227" i="1"/>
  <c r="AD146228" i="1"/>
  <c r="AD146229" i="1"/>
  <c r="AD146230" i="1"/>
  <c r="AD146231" i="1"/>
  <c r="AD146232" i="1"/>
  <c r="AD146233" i="1"/>
  <c r="AD146234" i="1"/>
  <c r="AD146235" i="1"/>
  <c r="AD146236" i="1"/>
  <c r="AD146237" i="1"/>
  <c r="AD146238" i="1"/>
  <c r="AD146239" i="1"/>
  <c r="AD146240" i="1"/>
  <c r="AD146241" i="1"/>
  <c r="AD146242" i="1"/>
  <c r="AD146243" i="1"/>
  <c r="AD146244" i="1"/>
  <c r="AD146245" i="1"/>
  <c r="AD146246" i="1"/>
  <c r="AD146247" i="1"/>
  <c r="AD146248" i="1"/>
  <c r="AD146249" i="1"/>
  <c r="AD146250" i="1"/>
  <c r="AD146251" i="1"/>
  <c r="AD146252" i="1"/>
  <c r="AD146253" i="1"/>
  <c r="AD146254" i="1"/>
  <c r="AD146255" i="1"/>
  <c r="AD146256" i="1"/>
  <c r="AD146257" i="1"/>
  <c r="AD146258" i="1"/>
  <c r="AD146259" i="1"/>
  <c r="AD146260" i="1"/>
  <c r="AD146261" i="1"/>
  <c r="AD146262" i="1"/>
  <c r="AD146263" i="1"/>
  <c r="AD146264" i="1"/>
  <c r="AD146265" i="1"/>
  <c r="AD146266" i="1"/>
  <c r="AD146267" i="1"/>
  <c r="AD146268" i="1"/>
  <c r="AD146269" i="1"/>
  <c r="AD146270" i="1"/>
  <c r="AD146271" i="1"/>
  <c r="AD146272" i="1"/>
  <c r="AD146273" i="1"/>
  <c r="AD146274" i="1"/>
  <c r="AD146275" i="1"/>
  <c r="AD146276" i="1"/>
  <c r="AD146277" i="1"/>
  <c r="AD146278" i="1"/>
  <c r="AD146279" i="1"/>
  <c r="AD146280" i="1"/>
  <c r="AD146281" i="1"/>
  <c r="AD146282" i="1"/>
  <c r="AD146283" i="1"/>
  <c r="AD146284" i="1"/>
  <c r="AD146285" i="1"/>
  <c r="AD146286" i="1"/>
  <c r="AD146287" i="1"/>
  <c r="AD146288" i="1"/>
  <c r="AD146289" i="1"/>
  <c r="AD146290" i="1"/>
  <c r="AD146291" i="1"/>
  <c r="AD146292" i="1"/>
  <c r="AD146293" i="1"/>
  <c r="AD146294" i="1"/>
  <c r="AD146295" i="1"/>
  <c r="AD146296" i="1"/>
  <c r="AD146297" i="1"/>
  <c r="AD146298" i="1"/>
  <c r="AD146299" i="1"/>
  <c r="AD146300" i="1"/>
  <c r="AD146301" i="1"/>
  <c r="AD146302" i="1"/>
  <c r="AD146303" i="1"/>
  <c r="AD146304" i="1"/>
  <c r="AD146305" i="1"/>
  <c r="AD146306" i="1"/>
  <c r="AD146307" i="1"/>
  <c r="AD146308" i="1"/>
  <c r="AD146309" i="1"/>
  <c r="AD146310" i="1"/>
  <c r="AD146311" i="1"/>
  <c r="AD146312" i="1"/>
  <c r="AD146313" i="1"/>
  <c r="AD146314" i="1"/>
  <c r="AD146315" i="1"/>
  <c r="AD146316" i="1"/>
  <c r="AD146317" i="1"/>
  <c r="AD146318" i="1"/>
  <c r="AD146319" i="1"/>
  <c r="AD146320" i="1"/>
  <c r="AD146321" i="1"/>
  <c r="AD146322" i="1"/>
  <c r="AD146323" i="1"/>
  <c r="AD146324" i="1"/>
  <c r="AD146325" i="1"/>
  <c r="AD146326" i="1"/>
  <c r="AD146327" i="1"/>
  <c r="AD146328" i="1"/>
  <c r="AD146329" i="1"/>
  <c r="AD146330" i="1"/>
  <c r="AD146331" i="1"/>
  <c r="AD146332" i="1"/>
  <c r="AD146333" i="1"/>
  <c r="AD146334" i="1"/>
  <c r="AD146335" i="1"/>
  <c r="AD146336" i="1"/>
  <c r="AD146337" i="1"/>
  <c r="AD146338" i="1"/>
  <c r="AD146339" i="1"/>
  <c r="AD146340" i="1"/>
  <c r="AD146341" i="1"/>
  <c r="AD146342" i="1"/>
  <c r="AD146343" i="1"/>
  <c r="AD146344" i="1"/>
  <c r="AD146345" i="1"/>
  <c r="AD146346" i="1"/>
  <c r="AD146347" i="1"/>
  <c r="AD146348" i="1"/>
  <c r="AD146349" i="1"/>
  <c r="AD146350" i="1"/>
  <c r="AD146351" i="1"/>
  <c r="AD146352" i="1"/>
  <c r="AD146353" i="1"/>
  <c r="AD146354" i="1"/>
  <c r="AD146355" i="1"/>
  <c r="AD146356" i="1"/>
  <c r="AD146357" i="1"/>
  <c r="AD146358" i="1"/>
  <c r="AD146359" i="1"/>
  <c r="AD146360" i="1"/>
  <c r="AD146361" i="1"/>
  <c r="AD146362" i="1"/>
  <c r="AD146363" i="1"/>
  <c r="AD146364" i="1"/>
  <c r="AD146365" i="1"/>
  <c r="AD146366" i="1"/>
  <c r="AD146367" i="1"/>
  <c r="AD146368" i="1"/>
  <c r="AD146369" i="1"/>
  <c r="AD146370" i="1"/>
  <c r="AD146371" i="1"/>
  <c r="AD146372" i="1"/>
  <c r="AD146373" i="1"/>
  <c r="AD146374" i="1"/>
  <c r="AD146375" i="1"/>
  <c r="AD146376" i="1"/>
  <c r="AD146377" i="1"/>
  <c r="AD146378" i="1"/>
  <c r="AD146379" i="1"/>
  <c r="AD146380" i="1"/>
  <c r="AD146381" i="1"/>
  <c r="AD146382" i="1"/>
  <c r="AD146383" i="1"/>
  <c r="AD146384" i="1"/>
  <c r="AD146385" i="1"/>
  <c r="AD146386" i="1"/>
  <c r="AD146387" i="1"/>
  <c r="AD146388" i="1"/>
  <c r="AD146389" i="1"/>
  <c r="AD146390" i="1"/>
  <c r="AD146391" i="1"/>
  <c r="AD146392" i="1"/>
  <c r="AD146393" i="1"/>
  <c r="AD146394" i="1"/>
  <c r="AD146395" i="1"/>
  <c r="AD146396" i="1"/>
  <c r="AD146397" i="1"/>
  <c r="AD146398" i="1"/>
  <c r="AD146399" i="1"/>
  <c r="AD146400" i="1"/>
  <c r="AD146401" i="1"/>
  <c r="AD146402" i="1"/>
  <c r="AD146403" i="1"/>
  <c r="AD146404" i="1"/>
  <c r="AD146405" i="1"/>
  <c r="AD146406" i="1"/>
  <c r="AD146407" i="1"/>
  <c r="AD146408" i="1"/>
  <c r="AD146409" i="1"/>
  <c r="AD146410" i="1"/>
  <c r="AD146411" i="1"/>
  <c r="AD146412" i="1"/>
  <c r="AD146413" i="1"/>
  <c r="AD146414" i="1"/>
  <c r="AD146415" i="1"/>
  <c r="AD146416" i="1"/>
  <c r="AD146417" i="1"/>
  <c r="AD146418" i="1"/>
  <c r="AD146419" i="1"/>
  <c r="AD146420" i="1"/>
  <c r="AD146421" i="1"/>
  <c r="AD146422" i="1"/>
  <c r="AD146423" i="1"/>
  <c r="AD146424" i="1"/>
  <c r="AD146425" i="1"/>
  <c r="AD146426" i="1"/>
  <c r="AD146427" i="1"/>
  <c r="AD146428" i="1"/>
  <c r="AD146429" i="1"/>
  <c r="AD146430" i="1"/>
  <c r="AD146431" i="1"/>
  <c r="AD146432" i="1"/>
  <c r="AD146433" i="1"/>
  <c r="AD146434" i="1"/>
  <c r="AD146435" i="1"/>
  <c r="AD146436" i="1"/>
  <c r="AD146437" i="1"/>
  <c r="AD146438" i="1"/>
  <c r="AD146439" i="1"/>
  <c r="AD146440" i="1"/>
  <c r="AD146441" i="1"/>
  <c r="AD146442" i="1"/>
  <c r="AD146443" i="1"/>
  <c r="AD146444" i="1"/>
  <c r="AD146445" i="1"/>
  <c r="AD146446" i="1"/>
  <c r="AD146447" i="1"/>
  <c r="AD146448" i="1"/>
  <c r="AD146449" i="1"/>
  <c r="AD146450" i="1"/>
  <c r="AD146451" i="1"/>
  <c r="AD146452" i="1"/>
  <c r="AD146453" i="1"/>
  <c r="AD146454" i="1"/>
  <c r="AD146455" i="1"/>
  <c r="AD146456" i="1"/>
  <c r="AD146457" i="1"/>
  <c r="AD146458" i="1"/>
  <c r="AD146459" i="1"/>
  <c r="AD146460" i="1"/>
  <c r="AD146461" i="1"/>
  <c r="AD146462" i="1"/>
  <c r="AD146463" i="1"/>
  <c r="AD146464" i="1"/>
  <c r="AD146465" i="1"/>
  <c r="AD146466" i="1"/>
  <c r="AD146467" i="1"/>
  <c r="AD146468" i="1"/>
  <c r="AD146469" i="1"/>
  <c r="AD146470" i="1"/>
  <c r="AD146471" i="1"/>
  <c r="AD146472" i="1"/>
  <c r="AD146473" i="1"/>
  <c r="AD146474" i="1"/>
  <c r="AD146475" i="1"/>
  <c r="AD146476" i="1"/>
  <c r="AD146477" i="1"/>
  <c r="AD146478" i="1"/>
  <c r="AD146479" i="1"/>
  <c r="AD146480" i="1"/>
  <c r="AD146481" i="1"/>
  <c r="AD146482" i="1"/>
  <c r="AD146483" i="1"/>
  <c r="AD146484" i="1"/>
  <c r="AD146485" i="1"/>
  <c r="AD146486" i="1"/>
  <c r="AD146487" i="1"/>
  <c r="AD146488" i="1"/>
  <c r="AD146489" i="1"/>
  <c r="AD146490" i="1"/>
  <c r="AD146491" i="1"/>
  <c r="AD146492" i="1"/>
  <c r="AD146493" i="1"/>
  <c r="AD146494" i="1"/>
  <c r="AD146495" i="1"/>
  <c r="AD146496" i="1"/>
  <c r="AD146497" i="1"/>
  <c r="AD146498" i="1"/>
  <c r="AD146499" i="1"/>
  <c r="AD146500" i="1"/>
  <c r="AD146501" i="1"/>
  <c r="AD146502" i="1"/>
  <c r="AD146503" i="1"/>
  <c r="AD146504" i="1"/>
  <c r="AD146505" i="1"/>
  <c r="AD146506" i="1"/>
  <c r="AD146507" i="1"/>
  <c r="AD146508" i="1"/>
  <c r="AD146509" i="1"/>
  <c r="AD146510" i="1"/>
  <c r="AD146511" i="1"/>
  <c r="AD146512" i="1"/>
  <c r="AD146513" i="1"/>
  <c r="AD146514" i="1"/>
  <c r="AD146515" i="1"/>
  <c r="AD146516" i="1"/>
  <c r="AD146517" i="1"/>
  <c r="AD146518" i="1"/>
  <c r="AD146519" i="1"/>
  <c r="AD146520" i="1"/>
  <c r="AD146521" i="1"/>
  <c r="AD146522" i="1"/>
  <c r="AD146523" i="1"/>
  <c r="AD146524" i="1"/>
  <c r="AD146525" i="1"/>
  <c r="AD146526" i="1"/>
  <c r="AD146527" i="1"/>
  <c r="AD146528" i="1"/>
  <c r="AD146529" i="1"/>
  <c r="AD146530" i="1"/>
  <c r="AD146531" i="1"/>
  <c r="AD146532" i="1"/>
  <c r="AD146533" i="1"/>
  <c r="AD146534" i="1"/>
  <c r="AD146535" i="1"/>
  <c r="AD146536" i="1"/>
  <c r="AD146537" i="1"/>
  <c r="AD146538" i="1"/>
  <c r="AD146539" i="1"/>
  <c r="AD146540" i="1"/>
  <c r="AD146541" i="1"/>
  <c r="AD146542" i="1"/>
  <c r="AD146543" i="1"/>
  <c r="AD146544" i="1"/>
  <c r="AD146545" i="1"/>
  <c r="AD146546" i="1"/>
  <c r="AD146547" i="1"/>
  <c r="AD146548" i="1"/>
  <c r="AD146549" i="1"/>
  <c r="AD146550" i="1"/>
  <c r="AD146551" i="1"/>
  <c r="AD146552" i="1"/>
  <c r="AD146553" i="1"/>
  <c r="AD146554" i="1"/>
  <c r="AD146555" i="1"/>
  <c r="AD146556" i="1"/>
  <c r="AD146557" i="1"/>
  <c r="AD146558" i="1"/>
  <c r="AD146559" i="1"/>
  <c r="AD146560" i="1"/>
  <c r="AD146561" i="1"/>
  <c r="AD146562" i="1"/>
  <c r="AD146563" i="1"/>
  <c r="AD146564" i="1"/>
  <c r="AD146565" i="1"/>
  <c r="AD146566" i="1"/>
  <c r="AD146567" i="1"/>
  <c r="AD146568" i="1"/>
  <c r="AD146569" i="1"/>
  <c r="AD146570" i="1"/>
  <c r="AD146571" i="1"/>
  <c r="AD146572" i="1"/>
  <c r="AD146573" i="1"/>
  <c r="AD146574" i="1"/>
  <c r="AD146575" i="1"/>
  <c r="AD146576" i="1"/>
  <c r="AD146577" i="1"/>
  <c r="AD146578" i="1"/>
  <c r="AD146579" i="1"/>
  <c r="AD146580" i="1"/>
  <c r="AD146581" i="1"/>
  <c r="AD146582" i="1"/>
  <c r="AD146583" i="1"/>
  <c r="AD146584" i="1"/>
  <c r="AD146585" i="1"/>
  <c r="AD146586" i="1"/>
  <c r="AD146587" i="1"/>
  <c r="AD146588" i="1"/>
  <c r="AD146589" i="1"/>
  <c r="AD146590" i="1"/>
  <c r="AD146591" i="1"/>
  <c r="AD146592" i="1"/>
  <c r="AD146593" i="1"/>
  <c r="AD146594" i="1"/>
  <c r="AD146595" i="1"/>
  <c r="AD146596" i="1"/>
  <c r="AD146597" i="1"/>
  <c r="AD146598" i="1"/>
  <c r="AD146599" i="1"/>
  <c r="AD146600" i="1"/>
  <c r="AD146601" i="1"/>
  <c r="AD146602" i="1"/>
  <c r="AD146603" i="1"/>
  <c r="AD146604" i="1"/>
  <c r="AD146605" i="1"/>
  <c r="AD146606" i="1"/>
  <c r="AD146607" i="1"/>
  <c r="AD146608" i="1"/>
  <c r="AD146609" i="1"/>
  <c r="AD146610" i="1"/>
  <c r="AD146611" i="1"/>
  <c r="AD146612" i="1"/>
  <c r="AD146613" i="1"/>
  <c r="AD146614" i="1"/>
  <c r="AD146615" i="1"/>
  <c r="AD146616" i="1"/>
  <c r="AD146617" i="1"/>
  <c r="AD146618" i="1"/>
  <c r="AD146619" i="1"/>
  <c r="AD146620" i="1"/>
  <c r="AD146621" i="1"/>
  <c r="AD146622" i="1"/>
  <c r="AD146623" i="1"/>
  <c r="AD146624" i="1"/>
  <c r="AD146625" i="1"/>
  <c r="AD146626" i="1"/>
  <c r="AD146627" i="1"/>
  <c r="AD146628" i="1"/>
  <c r="AD146629" i="1"/>
  <c r="AD146630" i="1"/>
  <c r="AD146631" i="1"/>
  <c r="AD146632" i="1"/>
  <c r="AD146633" i="1"/>
  <c r="AD146634" i="1"/>
  <c r="AD146635" i="1"/>
  <c r="AD146636" i="1"/>
  <c r="AD146637" i="1"/>
  <c r="AD146638" i="1"/>
  <c r="AD146639" i="1"/>
  <c r="AD146640" i="1"/>
  <c r="AD146641" i="1"/>
  <c r="AD146642" i="1"/>
  <c r="AD146643" i="1"/>
  <c r="AD146644" i="1"/>
  <c r="AD146645" i="1"/>
  <c r="AD146646" i="1"/>
  <c r="AD146647" i="1"/>
  <c r="AD146648" i="1"/>
  <c r="AD146649" i="1"/>
  <c r="AD146650" i="1"/>
  <c r="AD146651" i="1"/>
  <c r="AD146652" i="1"/>
  <c r="AD146653" i="1"/>
  <c r="AD146654" i="1"/>
  <c r="AD146655" i="1"/>
  <c r="AD146656" i="1"/>
  <c r="AD146657" i="1"/>
  <c r="AD146658" i="1"/>
  <c r="AD146659" i="1"/>
  <c r="AD146660" i="1"/>
  <c r="AD146661" i="1"/>
  <c r="AD146662" i="1"/>
  <c r="AD146663" i="1"/>
  <c r="AD146664" i="1"/>
  <c r="AD146665" i="1"/>
  <c r="AD146666" i="1"/>
  <c r="AD146667" i="1"/>
  <c r="AD146668" i="1"/>
  <c r="AD146669" i="1"/>
  <c r="AD146670" i="1"/>
  <c r="AD146671" i="1"/>
  <c r="AD146672" i="1"/>
  <c r="AD146673" i="1"/>
  <c r="AD146674" i="1"/>
  <c r="AD146675" i="1"/>
  <c r="AD146676" i="1"/>
  <c r="AD146677" i="1"/>
  <c r="AD146678" i="1"/>
  <c r="AD146679" i="1"/>
  <c r="AD146680" i="1"/>
  <c r="AD146681" i="1"/>
  <c r="AD146682" i="1"/>
  <c r="AD146683" i="1"/>
  <c r="AD146684" i="1"/>
  <c r="AD146685" i="1"/>
  <c r="AD146686" i="1"/>
  <c r="AD146687" i="1"/>
  <c r="AD146688" i="1"/>
  <c r="AD146689" i="1"/>
  <c r="AD146690" i="1"/>
  <c r="AD146691" i="1"/>
  <c r="AD146692" i="1"/>
  <c r="AD146693" i="1"/>
  <c r="AD146694" i="1"/>
  <c r="AD146695" i="1"/>
  <c r="AD146696" i="1"/>
  <c r="AD146697" i="1"/>
  <c r="AD146698" i="1"/>
  <c r="AD146699" i="1"/>
  <c r="AD146700" i="1"/>
  <c r="AD146701" i="1"/>
  <c r="AD146702" i="1"/>
  <c r="AD146703" i="1"/>
  <c r="AD146704" i="1"/>
  <c r="AD146705" i="1"/>
  <c r="AD146706" i="1"/>
  <c r="AD146707" i="1"/>
  <c r="AD146708" i="1"/>
  <c r="AD146709" i="1"/>
  <c r="AD146710" i="1"/>
  <c r="AD146711" i="1"/>
  <c r="AD146712" i="1"/>
  <c r="AD146713" i="1"/>
  <c r="AD146714" i="1"/>
  <c r="AD146715" i="1"/>
  <c r="AD146716" i="1"/>
  <c r="AD146717" i="1"/>
  <c r="AD146718" i="1"/>
  <c r="AD146719" i="1"/>
  <c r="AD146720" i="1"/>
  <c r="AD146721" i="1"/>
  <c r="AD146722" i="1"/>
  <c r="AD146723" i="1"/>
  <c r="AD146724" i="1"/>
  <c r="AD146725" i="1"/>
  <c r="AD146726" i="1"/>
  <c r="AD146727" i="1"/>
  <c r="AD146728" i="1"/>
  <c r="AD146729" i="1"/>
  <c r="AD146730" i="1"/>
  <c r="AD146731" i="1"/>
  <c r="AD146732" i="1"/>
  <c r="AD146733" i="1"/>
  <c r="AD146734" i="1"/>
  <c r="AD146735" i="1"/>
  <c r="AD146736" i="1"/>
  <c r="AD146737" i="1"/>
  <c r="AD146738" i="1"/>
  <c r="AD146739" i="1"/>
  <c r="AD146740" i="1"/>
  <c r="AD146741" i="1"/>
  <c r="AD146742" i="1"/>
  <c r="AD146743" i="1"/>
  <c r="AD146744" i="1"/>
  <c r="AD146745" i="1"/>
  <c r="AD146746" i="1"/>
  <c r="AD146747" i="1"/>
  <c r="AD146748" i="1"/>
  <c r="AD146749" i="1"/>
  <c r="AD146750" i="1"/>
  <c r="AD146751" i="1"/>
  <c r="AD146752" i="1"/>
  <c r="AD146753" i="1"/>
  <c r="AD146754" i="1"/>
  <c r="AD146755" i="1"/>
  <c r="AD146756" i="1"/>
  <c r="AD146757" i="1"/>
  <c r="AD146758" i="1"/>
  <c r="AD146759" i="1"/>
  <c r="AD146760" i="1"/>
  <c r="AD146761" i="1"/>
  <c r="AD146762" i="1"/>
  <c r="AD146763" i="1"/>
  <c r="AD146764" i="1"/>
  <c r="AD146765" i="1"/>
  <c r="AD146766" i="1"/>
  <c r="AD146767" i="1"/>
  <c r="AD146768" i="1"/>
  <c r="AD146769" i="1"/>
  <c r="AD146770" i="1"/>
  <c r="AD146771" i="1"/>
  <c r="AD146772" i="1"/>
  <c r="AD146773" i="1"/>
  <c r="AD146774" i="1"/>
  <c r="AD146775" i="1"/>
  <c r="AD146776" i="1"/>
  <c r="AD146777" i="1"/>
  <c r="AD146778" i="1"/>
  <c r="AD146779" i="1"/>
  <c r="AD146780" i="1"/>
  <c r="AD146781" i="1"/>
  <c r="AD146782" i="1"/>
  <c r="AD146783" i="1"/>
  <c r="AD146784" i="1"/>
  <c r="AD146785" i="1"/>
  <c r="AD146786" i="1"/>
  <c r="AD146787" i="1"/>
  <c r="AD146788" i="1"/>
  <c r="AD146789" i="1"/>
  <c r="AD146790" i="1"/>
  <c r="AD146791" i="1"/>
  <c r="AD146792" i="1"/>
  <c r="AD146793" i="1"/>
  <c r="AD146794" i="1"/>
  <c r="AD146795" i="1"/>
  <c r="AD146796" i="1"/>
  <c r="AD146797" i="1"/>
  <c r="AD146798" i="1"/>
  <c r="AD146799" i="1"/>
  <c r="AD146800" i="1"/>
  <c r="AD146801" i="1"/>
  <c r="AD146802" i="1"/>
  <c r="AD146803" i="1"/>
  <c r="AD146804" i="1"/>
  <c r="AD146805" i="1"/>
  <c r="AD146806" i="1"/>
  <c r="AD146807" i="1"/>
  <c r="AD146808" i="1"/>
  <c r="AD146809" i="1"/>
  <c r="AD146810" i="1"/>
  <c r="AD146811" i="1"/>
  <c r="AD146812" i="1"/>
  <c r="AD146813" i="1"/>
  <c r="AD146814" i="1"/>
  <c r="AD146815" i="1"/>
  <c r="AD146816" i="1"/>
  <c r="AD146817" i="1"/>
  <c r="AD146818" i="1"/>
  <c r="AD146819" i="1"/>
  <c r="AD146820" i="1"/>
  <c r="AD146821" i="1"/>
  <c r="AD146822" i="1"/>
  <c r="AD146823" i="1"/>
  <c r="AD146824" i="1"/>
  <c r="AD146825" i="1"/>
  <c r="AD146826" i="1"/>
  <c r="AD146827" i="1"/>
  <c r="AD146828" i="1"/>
  <c r="AD146829" i="1"/>
  <c r="AD146830" i="1"/>
  <c r="AD146831" i="1"/>
  <c r="AD146832" i="1"/>
  <c r="AD146833" i="1"/>
  <c r="AD146834" i="1"/>
  <c r="AD146835" i="1"/>
  <c r="AD146836" i="1"/>
  <c r="AD146837" i="1"/>
  <c r="AD146838" i="1"/>
  <c r="AD146839" i="1"/>
  <c r="AD146840" i="1"/>
  <c r="AD146841" i="1"/>
  <c r="AD146842" i="1"/>
  <c r="AD146843" i="1"/>
  <c r="AD146844" i="1"/>
  <c r="AD146845" i="1"/>
  <c r="AD146846" i="1"/>
  <c r="AD146847" i="1"/>
  <c r="AD146848" i="1"/>
  <c r="AD146849" i="1"/>
  <c r="AD146850" i="1"/>
  <c r="AD146851" i="1"/>
  <c r="AD146852" i="1"/>
  <c r="AD146853" i="1"/>
  <c r="AD146854" i="1"/>
  <c r="AD146855" i="1"/>
  <c r="AD146856" i="1"/>
  <c r="AD146857" i="1"/>
  <c r="AD146858" i="1"/>
  <c r="AD146859" i="1"/>
  <c r="AD146860" i="1"/>
  <c r="AD146861" i="1"/>
  <c r="AD146862" i="1"/>
  <c r="AD146863" i="1"/>
  <c r="AD146864" i="1"/>
  <c r="AD146865" i="1"/>
  <c r="AD146866" i="1"/>
  <c r="AD146867" i="1"/>
  <c r="AD146868" i="1"/>
  <c r="AD146869" i="1"/>
  <c r="AD146870" i="1"/>
  <c r="AD146871" i="1"/>
  <c r="AD146872" i="1"/>
  <c r="AD146873" i="1"/>
  <c r="AD146874" i="1"/>
  <c r="AD146875" i="1"/>
  <c r="AD146876" i="1"/>
  <c r="AD146877" i="1"/>
  <c r="AD146878" i="1"/>
  <c r="AD146879" i="1"/>
  <c r="AD146880" i="1"/>
  <c r="AD146881" i="1"/>
  <c r="AD146882" i="1"/>
  <c r="AD146883" i="1"/>
  <c r="AD146884" i="1"/>
  <c r="AD146885" i="1"/>
  <c r="AD146886" i="1"/>
  <c r="AD146887" i="1"/>
  <c r="AD146888" i="1"/>
  <c r="AD146889" i="1"/>
  <c r="AD146890" i="1"/>
  <c r="AD146891" i="1"/>
  <c r="AD146892" i="1"/>
  <c r="AD146893" i="1"/>
  <c r="AD146894" i="1"/>
  <c r="AD146895" i="1"/>
  <c r="AD146896" i="1"/>
  <c r="AD146897" i="1"/>
  <c r="AD146898" i="1"/>
  <c r="AD146899" i="1"/>
  <c r="AD146900" i="1"/>
  <c r="AD146901" i="1"/>
  <c r="AD146902" i="1"/>
  <c r="AD146903" i="1"/>
  <c r="AD146904" i="1"/>
  <c r="AD146905" i="1"/>
  <c r="AD146906" i="1"/>
  <c r="AD146907" i="1"/>
  <c r="AD146908" i="1"/>
  <c r="AD146909" i="1"/>
  <c r="AD146910" i="1"/>
  <c r="AD146911" i="1"/>
  <c r="AD146912" i="1"/>
  <c r="AD146913" i="1"/>
  <c r="AD146914" i="1"/>
  <c r="AD146915" i="1"/>
  <c r="AD146916" i="1"/>
  <c r="AD146917" i="1"/>
  <c r="AD146918" i="1"/>
  <c r="AD146919" i="1"/>
  <c r="AD146920" i="1"/>
  <c r="AD146921" i="1"/>
  <c r="AD146922" i="1"/>
  <c r="AD146923" i="1"/>
  <c r="AD146924" i="1"/>
  <c r="AD146925" i="1"/>
  <c r="AD146926" i="1"/>
  <c r="AD146927" i="1"/>
  <c r="AD146928" i="1"/>
  <c r="AD146929" i="1"/>
  <c r="AD146930" i="1"/>
  <c r="AD146931" i="1"/>
  <c r="AD146932" i="1"/>
  <c r="AD146933" i="1"/>
  <c r="AD146934" i="1"/>
  <c r="AD146935" i="1"/>
  <c r="AD146936" i="1"/>
  <c r="AD146937" i="1"/>
  <c r="AD146938" i="1"/>
  <c r="AD146939" i="1"/>
  <c r="AD146940" i="1"/>
  <c r="AD146941" i="1"/>
  <c r="AD146942" i="1"/>
  <c r="AD146943" i="1"/>
  <c r="AD146944" i="1"/>
  <c r="AD146945" i="1"/>
  <c r="AD146946" i="1"/>
  <c r="AD146947" i="1"/>
  <c r="AD146948" i="1"/>
  <c r="AD146949" i="1"/>
  <c r="AD146950" i="1"/>
  <c r="AD146951" i="1"/>
  <c r="AD146952" i="1"/>
  <c r="AD146953" i="1"/>
  <c r="AD146954" i="1"/>
  <c r="AD146955" i="1"/>
  <c r="AD146956" i="1"/>
  <c r="AD146957" i="1"/>
  <c r="AD146958" i="1"/>
  <c r="AD146959" i="1"/>
  <c r="AD146960" i="1"/>
  <c r="AD146961" i="1"/>
  <c r="AD146962" i="1"/>
  <c r="AD146963" i="1"/>
  <c r="AD146964" i="1"/>
  <c r="AD146965" i="1"/>
  <c r="AD146966" i="1"/>
  <c r="AD146967" i="1"/>
  <c r="AD146968" i="1"/>
  <c r="AD146969" i="1"/>
  <c r="AD146970" i="1"/>
  <c r="AD146971" i="1"/>
  <c r="AD146972" i="1"/>
  <c r="AD146973" i="1"/>
  <c r="AD146974" i="1"/>
  <c r="AD146975" i="1"/>
  <c r="AD146976" i="1"/>
  <c r="AD146977" i="1"/>
  <c r="AD146978" i="1"/>
  <c r="AD146979" i="1"/>
  <c r="AD146980" i="1"/>
  <c r="AD146981" i="1"/>
  <c r="AD146982" i="1"/>
  <c r="AD146983" i="1"/>
  <c r="AD146984" i="1"/>
  <c r="AD146985" i="1"/>
  <c r="AD146986" i="1"/>
  <c r="AD146987" i="1"/>
  <c r="AD146988" i="1"/>
  <c r="AD146989" i="1"/>
  <c r="AD146990" i="1"/>
  <c r="AD146991" i="1"/>
  <c r="AD146992" i="1"/>
  <c r="AD146993" i="1"/>
  <c r="AD146994" i="1"/>
  <c r="AD146995" i="1"/>
  <c r="AD146996" i="1"/>
  <c r="AD146997" i="1"/>
  <c r="AD146998" i="1"/>
  <c r="AD146999" i="1"/>
  <c r="AD147000" i="1"/>
  <c r="AD147001" i="1"/>
  <c r="AD147002" i="1"/>
  <c r="AD147003" i="1"/>
  <c r="AD147004" i="1"/>
  <c r="AD147005" i="1"/>
  <c r="AD147006" i="1"/>
  <c r="AD147007" i="1"/>
  <c r="AD147008" i="1"/>
  <c r="AD147009" i="1"/>
  <c r="AD147010" i="1"/>
  <c r="AD147011" i="1"/>
  <c r="AD147012" i="1"/>
  <c r="AD147013" i="1"/>
  <c r="AD147014" i="1"/>
  <c r="AD147015" i="1"/>
  <c r="AD147016" i="1"/>
  <c r="AD147017" i="1"/>
  <c r="AD147018" i="1"/>
  <c r="AD147019" i="1"/>
  <c r="AD147020" i="1"/>
  <c r="AD147021" i="1"/>
  <c r="AD147022" i="1"/>
  <c r="AD147023" i="1"/>
  <c r="AD147024" i="1"/>
  <c r="AD147025" i="1"/>
  <c r="AD147026" i="1"/>
  <c r="AD147027" i="1"/>
  <c r="AD147028" i="1"/>
  <c r="AD147029" i="1"/>
  <c r="AD147030" i="1"/>
  <c r="AD147031" i="1"/>
  <c r="AD147032" i="1"/>
  <c r="AD147033" i="1"/>
  <c r="AD147034" i="1"/>
  <c r="AD147035" i="1"/>
  <c r="AD147036" i="1"/>
  <c r="AD147037" i="1"/>
  <c r="AD147038" i="1"/>
  <c r="AD147039" i="1"/>
  <c r="AD147040" i="1"/>
  <c r="AD147041" i="1"/>
  <c r="AD147042" i="1"/>
  <c r="AD147043" i="1"/>
  <c r="AD147044" i="1"/>
  <c r="AD147045" i="1"/>
  <c r="AD147046" i="1"/>
  <c r="AD147047" i="1"/>
  <c r="AD147048" i="1"/>
  <c r="AD147049" i="1"/>
  <c r="AD147050" i="1"/>
  <c r="AD147051" i="1"/>
  <c r="AD147052" i="1"/>
  <c r="AD147053" i="1"/>
  <c r="AD147054" i="1"/>
  <c r="AD147055" i="1"/>
  <c r="AD147056" i="1"/>
  <c r="AD147057" i="1"/>
  <c r="AD147058" i="1"/>
  <c r="AD147059" i="1"/>
  <c r="AD147060" i="1"/>
  <c r="AD147061" i="1"/>
  <c r="AD147062" i="1"/>
  <c r="AD147063" i="1"/>
  <c r="AD147064" i="1"/>
  <c r="AD147065" i="1"/>
  <c r="AD147066" i="1"/>
  <c r="AD147067" i="1"/>
  <c r="AD147068" i="1"/>
  <c r="AD147069" i="1"/>
  <c r="AD147070" i="1"/>
  <c r="AD147071" i="1"/>
  <c r="AD147072" i="1"/>
  <c r="AD147073" i="1"/>
  <c r="AD147074" i="1"/>
  <c r="AD147075" i="1"/>
  <c r="AD147076" i="1"/>
  <c r="AD147077" i="1"/>
  <c r="AD147078" i="1"/>
  <c r="AD147079" i="1"/>
  <c r="AD147080" i="1"/>
  <c r="AD147081" i="1"/>
  <c r="AD147082" i="1"/>
  <c r="AD147083" i="1"/>
  <c r="AD147084" i="1"/>
  <c r="AD147085" i="1"/>
  <c r="AD147086" i="1"/>
  <c r="AD147087" i="1"/>
  <c r="AD147088" i="1"/>
  <c r="AD147089" i="1"/>
  <c r="AD147090" i="1"/>
  <c r="AD147091" i="1"/>
  <c r="AD147092" i="1"/>
  <c r="AD147093" i="1"/>
  <c r="AD147094" i="1"/>
  <c r="AD147095" i="1"/>
  <c r="AD147096" i="1"/>
  <c r="AD147097" i="1"/>
  <c r="AD147098" i="1"/>
  <c r="AD147099" i="1"/>
  <c r="AD147100" i="1"/>
  <c r="AD147101" i="1"/>
  <c r="AD147102" i="1"/>
  <c r="AD147103" i="1"/>
  <c r="AD147104" i="1"/>
  <c r="AD147105" i="1"/>
  <c r="AD147106" i="1"/>
  <c r="AD147107" i="1"/>
  <c r="AD147108" i="1"/>
  <c r="AD147109" i="1"/>
  <c r="AD147110" i="1"/>
  <c r="AD147111" i="1"/>
  <c r="AD147112" i="1"/>
  <c r="AD147113" i="1"/>
  <c r="AD147114" i="1"/>
  <c r="AD147115" i="1"/>
  <c r="AD147116" i="1"/>
  <c r="AD147117" i="1"/>
  <c r="AD147118" i="1"/>
  <c r="AD147119" i="1"/>
  <c r="AD147120" i="1"/>
  <c r="AD147121" i="1"/>
  <c r="AD147122" i="1"/>
  <c r="AD147123" i="1"/>
  <c r="AD147124" i="1"/>
  <c r="AD147125" i="1"/>
  <c r="AD147126" i="1"/>
  <c r="AD147127" i="1"/>
  <c r="AD147128" i="1"/>
  <c r="AD147129" i="1"/>
  <c r="AD147130" i="1"/>
  <c r="AD147131" i="1"/>
  <c r="AD147132" i="1"/>
  <c r="AD147133" i="1"/>
  <c r="AD147134" i="1"/>
  <c r="AD147135" i="1"/>
  <c r="AD147136" i="1"/>
  <c r="AD147137" i="1"/>
  <c r="AD147138" i="1"/>
  <c r="AD147139" i="1"/>
  <c r="AD147140" i="1"/>
  <c r="AD147141" i="1"/>
  <c r="AD147142" i="1"/>
  <c r="AD147143" i="1"/>
  <c r="AD147144" i="1"/>
  <c r="AD147145" i="1"/>
  <c r="AD147146" i="1"/>
  <c r="AD147147" i="1"/>
  <c r="AD147148" i="1"/>
  <c r="AD147149" i="1"/>
  <c r="AD147150" i="1"/>
  <c r="AD147151" i="1"/>
  <c r="AD147152" i="1"/>
  <c r="AD147153" i="1"/>
  <c r="AD147154" i="1"/>
  <c r="AD147155" i="1"/>
  <c r="AD147156" i="1"/>
  <c r="AD147157" i="1"/>
  <c r="AD147158" i="1"/>
  <c r="AD147159" i="1"/>
  <c r="AD147160" i="1"/>
  <c r="AD147161" i="1"/>
  <c r="AD147162" i="1"/>
  <c r="AD147163" i="1"/>
  <c r="AD147164" i="1"/>
  <c r="AD147165" i="1"/>
  <c r="AD147166" i="1"/>
  <c r="AD147167" i="1"/>
  <c r="AD147168" i="1"/>
  <c r="AD147169" i="1"/>
  <c r="AD147170" i="1"/>
  <c r="AD147171" i="1"/>
  <c r="AD147172" i="1"/>
  <c r="AD147173" i="1"/>
  <c r="AD147174" i="1"/>
  <c r="AD147175" i="1"/>
  <c r="AD147176" i="1"/>
  <c r="AD147177" i="1"/>
  <c r="AD147178" i="1"/>
  <c r="AD147179" i="1"/>
  <c r="AD147180" i="1"/>
  <c r="AD147181" i="1"/>
  <c r="AD147182" i="1"/>
  <c r="AD147183" i="1"/>
  <c r="AD147184" i="1"/>
  <c r="AD147185" i="1"/>
  <c r="AD147186" i="1"/>
  <c r="AD147187" i="1"/>
  <c r="AD147188" i="1"/>
  <c r="AD147189" i="1"/>
  <c r="AD147190" i="1"/>
  <c r="AD147191" i="1"/>
  <c r="AD147192" i="1"/>
  <c r="AD147193" i="1"/>
  <c r="AD147194" i="1"/>
  <c r="AD147195" i="1"/>
  <c r="AD147196" i="1"/>
  <c r="AD147197" i="1"/>
  <c r="AD147198" i="1"/>
  <c r="AD147199" i="1"/>
  <c r="AD147200" i="1"/>
  <c r="AD147201" i="1"/>
  <c r="AD147202" i="1"/>
  <c r="AD147203" i="1"/>
  <c r="AD147204" i="1"/>
  <c r="AD147205" i="1"/>
  <c r="AD147206" i="1"/>
  <c r="AD147207" i="1"/>
  <c r="AD147208" i="1"/>
  <c r="AD147209" i="1"/>
  <c r="AD147210" i="1"/>
  <c r="AD147211" i="1"/>
  <c r="AD147212" i="1"/>
  <c r="AD147213" i="1"/>
  <c r="AD147214" i="1"/>
  <c r="AD147215" i="1"/>
  <c r="AD147216" i="1"/>
  <c r="AD147217" i="1"/>
  <c r="AD147218" i="1"/>
  <c r="AD147219" i="1"/>
  <c r="AD147220" i="1"/>
  <c r="AD147221" i="1"/>
  <c r="AD147222" i="1"/>
  <c r="AD147223" i="1"/>
  <c r="AD147224" i="1"/>
  <c r="AD147225" i="1"/>
  <c r="AD147226" i="1"/>
  <c r="AD147227" i="1"/>
  <c r="AD147228" i="1"/>
  <c r="AD147229" i="1"/>
  <c r="AD147230" i="1"/>
  <c r="AD147231" i="1"/>
  <c r="AD147232" i="1"/>
  <c r="AD147233" i="1"/>
  <c r="AD147234" i="1"/>
  <c r="AD147235" i="1"/>
  <c r="AD147236" i="1"/>
  <c r="AD147237" i="1"/>
  <c r="AD147238" i="1"/>
  <c r="AD147239" i="1"/>
  <c r="AD147240" i="1"/>
  <c r="AD147241" i="1"/>
  <c r="AD147242" i="1"/>
  <c r="AD147243" i="1"/>
  <c r="AD147244" i="1"/>
  <c r="AD147245" i="1"/>
  <c r="AD147246" i="1"/>
  <c r="AD147247" i="1"/>
  <c r="AD147248" i="1"/>
  <c r="AD147249" i="1"/>
  <c r="AD147250" i="1"/>
  <c r="AD147251" i="1"/>
  <c r="AD147252" i="1"/>
  <c r="AD147253" i="1"/>
  <c r="AD147254" i="1"/>
  <c r="AD147255" i="1"/>
  <c r="AD147256" i="1"/>
  <c r="AD147257" i="1"/>
  <c r="AD147258" i="1"/>
  <c r="AD147259" i="1"/>
  <c r="AD147260" i="1"/>
  <c r="AD147261" i="1"/>
  <c r="AD147262" i="1"/>
  <c r="AD147263" i="1"/>
  <c r="AD147264" i="1"/>
  <c r="AD147265" i="1"/>
  <c r="AD147266" i="1"/>
  <c r="AD147267" i="1"/>
  <c r="AD147268" i="1"/>
  <c r="AD147269" i="1"/>
  <c r="AD147270" i="1"/>
  <c r="AD147271" i="1"/>
  <c r="AD147272" i="1"/>
  <c r="AD147273" i="1"/>
  <c r="AD147274" i="1"/>
  <c r="AD147275" i="1"/>
  <c r="AD147276" i="1"/>
  <c r="AD147277" i="1"/>
  <c r="AD147278" i="1"/>
  <c r="AD147279" i="1"/>
  <c r="AD147280" i="1"/>
  <c r="AD147281" i="1"/>
  <c r="AD147282" i="1"/>
  <c r="AD147283" i="1"/>
  <c r="AD147284" i="1"/>
  <c r="AD147285" i="1"/>
  <c r="AD147286" i="1"/>
  <c r="AD147287" i="1"/>
  <c r="AD147288" i="1"/>
  <c r="AD147289" i="1"/>
  <c r="AD147290" i="1"/>
  <c r="AD147291" i="1"/>
  <c r="AD147292" i="1"/>
  <c r="AD147293" i="1"/>
  <c r="AD147294" i="1"/>
  <c r="AD147295" i="1"/>
  <c r="AD147296" i="1"/>
  <c r="AD147297" i="1"/>
  <c r="AD147298" i="1"/>
  <c r="AD147299" i="1"/>
  <c r="AD147300" i="1"/>
  <c r="AD147301" i="1"/>
  <c r="AD147302" i="1"/>
  <c r="AD147303" i="1"/>
  <c r="AD147304" i="1"/>
  <c r="AD147305" i="1"/>
  <c r="AD147306" i="1"/>
  <c r="AD147307" i="1"/>
  <c r="AD147308" i="1"/>
  <c r="AD147309" i="1"/>
  <c r="AD147310" i="1"/>
  <c r="AD147311" i="1"/>
  <c r="AD147312" i="1"/>
  <c r="AD147313" i="1"/>
  <c r="AD147314" i="1"/>
  <c r="AD147315" i="1"/>
  <c r="AD147316" i="1"/>
  <c r="AD147317" i="1"/>
  <c r="AD147318" i="1"/>
  <c r="AD147319" i="1"/>
  <c r="AD147320" i="1"/>
  <c r="AD147321" i="1"/>
  <c r="AD147322" i="1"/>
  <c r="AD147323" i="1"/>
  <c r="AD147324" i="1"/>
  <c r="AD147325" i="1"/>
  <c r="AD147326" i="1"/>
  <c r="AD147327" i="1"/>
  <c r="AD147328" i="1"/>
  <c r="AD147329" i="1"/>
  <c r="AD147330" i="1"/>
  <c r="AD147331" i="1"/>
  <c r="AD147332" i="1"/>
  <c r="AD147333" i="1"/>
  <c r="AD147334" i="1"/>
  <c r="AD147335" i="1"/>
  <c r="AD147336" i="1"/>
  <c r="AD147337" i="1"/>
  <c r="AD147338" i="1"/>
  <c r="AD147339" i="1"/>
  <c r="AD147340" i="1"/>
  <c r="AD147341" i="1"/>
  <c r="AD147342" i="1"/>
  <c r="AD147343" i="1"/>
  <c r="AD147344" i="1"/>
  <c r="AD147345" i="1"/>
  <c r="AD147346" i="1"/>
  <c r="AD147347" i="1"/>
  <c r="AD147348" i="1"/>
  <c r="AD147349" i="1"/>
  <c r="AD147350" i="1"/>
  <c r="AD147351" i="1"/>
  <c r="AD147352" i="1"/>
  <c r="AD147353" i="1"/>
  <c r="AD147354" i="1"/>
  <c r="AD147355" i="1"/>
  <c r="AD147356" i="1"/>
  <c r="AD147357" i="1"/>
  <c r="AD147358" i="1"/>
  <c r="AD147359" i="1"/>
  <c r="AD147360" i="1"/>
  <c r="AD147361" i="1"/>
  <c r="AD147362" i="1"/>
  <c r="AD147363" i="1"/>
  <c r="AD147364" i="1"/>
  <c r="AD147365" i="1"/>
  <c r="AD147366" i="1"/>
  <c r="AD147367" i="1"/>
  <c r="AD147368" i="1"/>
  <c r="AD147369" i="1"/>
  <c r="AD147370" i="1"/>
  <c r="AD147371" i="1"/>
  <c r="AD147372" i="1"/>
  <c r="AD147373" i="1"/>
  <c r="AD147374" i="1"/>
  <c r="AD147375" i="1"/>
  <c r="AD147376" i="1"/>
  <c r="AD147377" i="1"/>
  <c r="AD147378" i="1"/>
  <c r="AD147379" i="1"/>
  <c r="AD147380" i="1"/>
  <c r="AD147381" i="1"/>
  <c r="AD147382" i="1"/>
  <c r="AD147383" i="1"/>
  <c r="AD147384" i="1"/>
  <c r="AD147385" i="1"/>
  <c r="AD147386" i="1"/>
  <c r="AD147387" i="1"/>
  <c r="AD147388" i="1"/>
  <c r="AD147389" i="1"/>
  <c r="AD147390" i="1"/>
  <c r="AD147391" i="1"/>
  <c r="AD147392" i="1"/>
  <c r="AD147393" i="1"/>
  <c r="AD147394" i="1"/>
  <c r="AD147395" i="1"/>
  <c r="AD147396" i="1"/>
  <c r="AD147397" i="1"/>
  <c r="AD147398" i="1"/>
  <c r="AD147399" i="1"/>
  <c r="AD147400" i="1"/>
  <c r="AD147401" i="1"/>
  <c r="AD147402" i="1"/>
  <c r="AD147403" i="1"/>
  <c r="AD147404" i="1"/>
  <c r="AD147405" i="1"/>
  <c r="AD147406" i="1"/>
  <c r="AD147407" i="1"/>
  <c r="AD147408" i="1"/>
  <c r="AD147409" i="1"/>
  <c r="AD147410" i="1"/>
  <c r="AD147411" i="1"/>
  <c r="AD147412" i="1"/>
  <c r="AD147413" i="1"/>
  <c r="AD147414" i="1"/>
  <c r="AD147415" i="1"/>
  <c r="AD147416" i="1"/>
  <c r="AD147417" i="1"/>
  <c r="AD147418" i="1"/>
  <c r="AD147419" i="1"/>
  <c r="AD147420" i="1"/>
  <c r="AD147421" i="1"/>
  <c r="AD147422" i="1"/>
  <c r="AD147423" i="1"/>
  <c r="AD147424" i="1"/>
  <c r="AD147425" i="1"/>
  <c r="AD147426" i="1"/>
  <c r="AD147427" i="1"/>
  <c r="AD147428" i="1"/>
  <c r="AD147429" i="1"/>
  <c r="AD147430" i="1"/>
  <c r="AD147431" i="1"/>
  <c r="AD147432" i="1"/>
  <c r="AD147433" i="1"/>
  <c r="AD147434" i="1"/>
  <c r="AD147435" i="1"/>
  <c r="AD147436" i="1"/>
  <c r="AD147437" i="1"/>
  <c r="AD147438" i="1"/>
  <c r="AD147439" i="1"/>
  <c r="AD147440" i="1"/>
  <c r="AD147441" i="1"/>
  <c r="AD147442" i="1"/>
  <c r="AD147443" i="1"/>
  <c r="AD147444" i="1"/>
  <c r="AD147445" i="1"/>
  <c r="AD147446" i="1"/>
  <c r="AD147447" i="1"/>
  <c r="AD147448" i="1"/>
  <c r="AD147449" i="1"/>
  <c r="AD147450" i="1"/>
  <c r="AD147451" i="1"/>
  <c r="AD147452" i="1"/>
  <c r="AD147453" i="1"/>
  <c r="AD147454" i="1"/>
  <c r="AD147455" i="1"/>
  <c r="AD147456" i="1"/>
  <c r="AD147457" i="1"/>
  <c r="AD147458" i="1"/>
  <c r="AD147459" i="1"/>
  <c r="AD147460" i="1"/>
  <c r="AD147461" i="1"/>
  <c r="AD147462" i="1"/>
  <c r="AD147463" i="1"/>
  <c r="AD147464" i="1"/>
  <c r="AD147465" i="1"/>
  <c r="AD147466" i="1"/>
  <c r="AD147467" i="1"/>
  <c r="AD147468" i="1"/>
  <c r="AD147469" i="1"/>
  <c r="AD147470" i="1"/>
  <c r="AD147471" i="1"/>
  <c r="AD147472" i="1"/>
  <c r="AD147473" i="1"/>
  <c r="AD147474" i="1"/>
  <c r="AD147475" i="1"/>
  <c r="AD147476" i="1"/>
  <c r="AD147477" i="1"/>
  <c r="AD147478" i="1"/>
  <c r="AD147479" i="1"/>
  <c r="AD147480" i="1"/>
  <c r="AD147481" i="1"/>
  <c r="AD147482" i="1"/>
  <c r="AD147483" i="1"/>
  <c r="AD147484" i="1"/>
  <c r="AD147485" i="1"/>
  <c r="AD147486" i="1"/>
  <c r="AD147487" i="1"/>
  <c r="AD147488" i="1"/>
  <c r="AD147489" i="1"/>
  <c r="AD147490" i="1"/>
  <c r="AD147491" i="1"/>
  <c r="AD147492" i="1"/>
  <c r="AD147493" i="1"/>
  <c r="AD147494" i="1"/>
  <c r="AD147495" i="1"/>
  <c r="AD147496" i="1"/>
  <c r="AD147497" i="1"/>
  <c r="AD147498" i="1"/>
  <c r="AD147499" i="1"/>
  <c r="AD147500" i="1"/>
  <c r="AD147501" i="1"/>
  <c r="AD147502" i="1"/>
  <c r="AD147503" i="1"/>
  <c r="AD147504" i="1"/>
  <c r="AD147505" i="1"/>
  <c r="AD147506" i="1"/>
  <c r="AD147507" i="1"/>
  <c r="AD147508" i="1"/>
  <c r="AD147509" i="1"/>
  <c r="AD147510" i="1"/>
  <c r="AD147511" i="1"/>
  <c r="AD147512" i="1"/>
  <c r="AD147513" i="1"/>
  <c r="AD147514" i="1"/>
  <c r="AD147515" i="1"/>
  <c r="AD147516" i="1"/>
  <c r="AD147517" i="1"/>
  <c r="AD147518" i="1"/>
  <c r="AD147519" i="1"/>
  <c r="AD147520" i="1"/>
  <c r="AD147521" i="1"/>
  <c r="AD147522" i="1"/>
  <c r="AD147523" i="1"/>
  <c r="AD147524" i="1"/>
  <c r="AD147525" i="1"/>
  <c r="AD147526" i="1"/>
  <c r="AD147527" i="1"/>
  <c r="AD147528" i="1"/>
  <c r="AD147529" i="1"/>
  <c r="AD147530" i="1"/>
  <c r="AD147531" i="1"/>
  <c r="AD147532" i="1"/>
  <c r="AD147533" i="1"/>
  <c r="AD147534" i="1"/>
  <c r="AD147535" i="1"/>
  <c r="AD147536" i="1"/>
  <c r="AD147537" i="1"/>
  <c r="AD147538" i="1"/>
  <c r="AD147539" i="1"/>
  <c r="AD147540" i="1"/>
  <c r="AD147541" i="1"/>
  <c r="AD147542" i="1"/>
  <c r="AD147543" i="1"/>
  <c r="AD147544" i="1"/>
  <c r="AD147545" i="1"/>
  <c r="AD147546" i="1"/>
  <c r="AD147547" i="1"/>
  <c r="AD147548" i="1"/>
  <c r="AD147549" i="1"/>
  <c r="AD147550" i="1"/>
  <c r="AD147551" i="1"/>
  <c r="AD147552" i="1"/>
  <c r="AD147553" i="1"/>
  <c r="AD147554" i="1"/>
  <c r="AD147555" i="1"/>
  <c r="AD147556" i="1"/>
  <c r="AD147557" i="1"/>
  <c r="AD147558" i="1"/>
  <c r="AD147559" i="1"/>
  <c r="AD147560" i="1"/>
  <c r="AD147561" i="1"/>
  <c r="AD147562" i="1"/>
  <c r="AD147563" i="1"/>
  <c r="AD147564" i="1"/>
  <c r="AD147565" i="1"/>
  <c r="AD147566" i="1"/>
  <c r="AD147567" i="1"/>
  <c r="AD147568" i="1"/>
  <c r="AD147569" i="1"/>
  <c r="AD147570" i="1"/>
  <c r="AD147571" i="1"/>
  <c r="AD147572" i="1"/>
  <c r="AD147573" i="1"/>
  <c r="AD147574" i="1"/>
  <c r="AD147575" i="1"/>
  <c r="AD147576" i="1"/>
  <c r="AD147577" i="1"/>
  <c r="AD147578" i="1"/>
  <c r="AD147579" i="1"/>
  <c r="AD147580" i="1"/>
  <c r="AD147581" i="1"/>
  <c r="AD147582" i="1"/>
  <c r="AD147583" i="1"/>
  <c r="AD147584" i="1"/>
  <c r="AD147585" i="1"/>
  <c r="AD147586" i="1"/>
  <c r="AD147587" i="1"/>
  <c r="AD147588" i="1"/>
  <c r="AD147589" i="1"/>
  <c r="AD147590" i="1"/>
  <c r="AD147591" i="1"/>
  <c r="AD147592" i="1"/>
  <c r="AD147593" i="1"/>
  <c r="AD147594" i="1"/>
  <c r="AD147595" i="1"/>
  <c r="AD147596" i="1"/>
  <c r="AD147597" i="1"/>
  <c r="AD147598" i="1"/>
  <c r="AD147599" i="1"/>
  <c r="AD147600" i="1"/>
  <c r="AD147601" i="1"/>
  <c r="AD147602" i="1"/>
  <c r="AD147603" i="1"/>
  <c r="AD147604" i="1"/>
  <c r="AD147605" i="1"/>
  <c r="AD147606" i="1"/>
  <c r="AD147607" i="1"/>
  <c r="AD147608" i="1"/>
  <c r="AD147609" i="1"/>
  <c r="AD147610" i="1"/>
  <c r="AD147611" i="1"/>
  <c r="AD147612" i="1"/>
  <c r="AD147613" i="1"/>
  <c r="AD147614" i="1"/>
  <c r="AD147615" i="1"/>
  <c r="AD147616" i="1"/>
  <c r="AD147617" i="1"/>
  <c r="AD147618" i="1"/>
  <c r="AD147619" i="1"/>
  <c r="AD147620" i="1"/>
  <c r="AD147621" i="1"/>
  <c r="AD147622" i="1"/>
  <c r="AD147623" i="1"/>
  <c r="AD147624" i="1"/>
  <c r="AD147625" i="1"/>
  <c r="AD147626" i="1"/>
  <c r="AD147627" i="1"/>
  <c r="AD147628" i="1"/>
  <c r="AD147629" i="1"/>
  <c r="AD147630" i="1"/>
  <c r="AD147631" i="1"/>
  <c r="AD147632" i="1"/>
  <c r="AD147633" i="1"/>
  <c r="AD147634" i="1"/>
  <c r="AD147635" i="1"/>
  <c r="AD147636" i="1"/>
  <c r="AD147637" i="1"/>
  <c r="AD147638" i="1"/>
  <c r="AD147639" i="1"/>
  <c r="AD147640" i="1"/>
  <c r="AD147641" i="1"/>
  <c r="AD147642" i="1"/>
  <c r="AD147643" i="1"/>
  <c r="AD147644" i="1"/>
  <c r="AD147645" i="1"/>
  <c r="AD147646" i="1"/>
  <c r="AD147647" i="1"/>
  <c r="AD147648" i="1"/>
  <c r="AD147649" i="1"/>
  <c r="AD147650" i="1"/>
  <c r="AD147651" i="1"/>
  <c r="AD147652" i="1"/>
  <c r="AD147653" i="1"/>
  <c r="AD147654" i="1"/>
  <c r="AD147655" i="1"/>
  <c r="AD147656" i="1"/>
  <c r="AD147657" i="1"/>
  <c r="AD147658" i="1"/>
  <c r="AD147659" i="1"/>
  <c r="AD147660" i="1"/>
  <c r="AD147661" i="1"/>
  <c r="AD147662" i="1"/>
  <c r="AD147663" i="1"/>
  <c r="AD147664" i="1"/>
  <c r="AD147665" i="1"/>
  <c r="AD147666" i="1"/>
  <c r="AD147667" i="1"/>
  <c r="AD147668" i="1"/>
  <c r="AD147669" i="1"/>
  <c r="AD147670" i="1"/>
  <c r="AD147671" i="1"/>
  <c r="AD147672" i="1"/>
  <c r="AD147673" i="1"/>
  <c r="AD147674" i="1"/>
  <c r="AD147675" i="1"/>
  <c r="AD147676" i="1"/>
  <c r="AD147677" i="1"/>
  <c r="AD147678" i="1"/>
  <c r="AD147679" i="1"/>
  <c r="AD147680" i="1"/>
  <c r="AD147681" i="1"/>
  <c r="AD147682" i="1"/>
  <c r="AD147683" i="1"/>
  <c r="AD147684" i="1"/>
  <c r="AD147685" i="1"/>
  <c r="AD147686" i="1"/>
  <c r="AD147687" i="1"/>
  <c r="AD147688" i="1"/>
  <c r="AD147689" i="1"/>
  <c r="AD147690" i="1"/>
  <c r="AD147691" i="1"/>
  <c r="AD147692" i="1"/>
  <c r="AD147693" i="1"/>
  <c r="AD147694" i="1"/>
  <c r="AD147695" i="1"/>
  <c r="AD147696" i="1"/>
  <c r="AD147697" i="1"/>
  <c r="AD147698" i="1"/>
  <c r="AD147699" i="1"/>
  <c r="AD147700" i="1"/>
  <c r="AD147701" i="1"/>
  <c r="AD147702" i="1"/>
  <c r="AD147703" i="1"/>
  <c r="AD147704" i="1"/>
  <c r="AD147705" i="1"/>
  <c r="AD147706" i="1"/>
  <c r="AD147707" i="1"/>
  <c r="AD147708" i="1"/>
  <c r="AD147709" i="1"/>
  <c r="AD147710" i="1"/>
  <c r="AD147711" i="1"/>
  <c r="AD147712" i="1"/>
  <c r="AD147713" i="1"/>
  <c r="AD147714" i="1"/>
  <c r="AD147715" i="1"/>
  <c r="AD147716" i="1"/>
  <c r="AD147717" i="1"/>
  <c r="AD147718" i="1"/>
  <c r="AD147719" i="1"/>
  <c r="AD147720" i="1"/>
  <c r="AD147721" i="1"/>
  <c r="AD147722" i="1"/>
  <c r="AD147723" i="1"/>
  <c r="AD147724" i="1"/>
  <c r="AD147725" i="1"/>
  <c r="AD147726" i="1"/>
  <c r="AD147727" i="1"/>
  <c r="AD147728" i="1"/>
  <c r="AD147729" i="1"/>
  <c r="AD147730" i="1"/>
  <c r="AD147731" i="1"/>
  <c r="AD147732" i="1"/>
  <c r="AD147733" i="1"/>
  <c r="AD147734" i="1"/>
  <c r="AD147735" i="1"/>
  <c r="AD147736" i="1"/>
  <c r="AD147737" i="1"/>
  <c r="AD147738" i="1"/>
  <c r="AD147739" i="1"/>
  <c r="AD147740" i="1"/>
  <c r="AD147741" i="1"/>
  <c r="AD147742" i="1"/>
  <c r="AD147743" i="1"/>
  <c r="AD147744" i="1"/>
  <c r="AD147745" i="1"/>
  <c r="AD147746" i="1"/>
  <c r="AD147747" i="1"/>
  <c r="AD147748" i="1"/>
  <c r="AD147749" i="1"/>
  <c r="AD147750" i="1"/>
  <c r="AD147751" i="1"/>
  <c r="AD147752" i="1"/>
  <c r="AD147753" i="1"/>
  <c r="AD147754" i="1"/>
  <c r="AD147755" i="1"/>
  <c r="AD147756" i="1"/>
  <c r="AD147757" i="1"/>
  <c r="AD147758" i="1"/>
  <c r="AD147759" i="1"/>
  <c r="AD147760" i="1"/>
  <c r="AD147761" i="1"/>
  <c r="AD147762" i="1"/>
  <c r="AD147763" i="1"/>
  <c r="AD147764" i="1"/>
  <c r="AD147765" i="1"/>
  <c r="AD147766" i="1"/>
  <c r="AD147767" i="1"/>
  <c r="AD147768" i="1"/>
  <c r="AD147769" i="1"/>
  <c r="AD147770" i="1"/>
  <c r="AD147771" i="1"/>
  <c r="AD147772" i="1"/>
  <c r="AD147773" i="1"/>
  <c r="AD147774" i="1"/>
  <c r="AD147775" i="1"/>
  <c r="AD147776" i="1"/>
  <c r="AD147777" i="1"/>
  <c r="AD147778" i="1"/>
  <c r="AD147779" i="1"/>
  <c r="AD147780" i="1"/>
  <c r="AD147781" i="1"/>
  <c r="AD147782" i="1"/>
  <c r="AD147783" i="1"/>
  <c r="AD147784" i="1"/>
  <c r="AD147785" i="1"/>
  <c r="AD147786" i="1"/>
  <c r="AD147787" i="1"/>
  <c r="AD147788" i="1"/>
  <c r="AD147789" i="1"/>
  <c r="AD147790" i="1"/>
  <c r="AD147791" i="1"/>
  <c r="AD147792" i="1"/>
  <c r="AD147793" i="1"/>
  <c r="AD147794" i="1"/>
  <c r="AD147795" i="1"/>
  <c r="AD147796" i="1"/>
  <c r="AD147797" i="1"/>
  <c r="AD147798" i="1"/>
  <c r="AD147799" i="1"/>
  <c r="AD147800" i="1"/>
  <c r="AD147801" i="1"/>
  <c r="AD147802" i="1"/>
  <c r="AD147803" i="1"/>
  <c r="AD147804" i="1"/>
  <c r="AD147805" i="1"/>
  <c r="AD147806" i="1"/>
  <c r="AD147807" i="1"/>
  <c r="AD147808" i="1"/>
  <c r="AD147809" i="1"/>
  <c r="AD147810" i="1"/>
  <c r="AD147811" i="1"/>
  <c r="AD147812" i="1"/>
  <c r="AD147813" i="1"/>
  <c r="AD147814" i="1"/>
  <c r="AD147815" i="1"/>
  <c r="AD147816" i="1"/>
  <c r="AD147817" i="1"/>
  <c r="AD147818" i="1"/>
  <c r="AD147819" i="1"/>
  <c r="AD147820" i="1"/>
  <c r="AD147821" i="1"/>
  <c r="AD147822" i="1"/>
  <c r="AD147823" i="1"/>
  <c r="AD147824" i="1"/>
  <c r="AD147825" i="1"/>
  <c r="AD147826" i="1"/>
  <c r="AD147827" i="1"/>
  <c r="AD147828" i="1"/>
  <c r="AD147829" i="1"/>
  <c r="AD147830" i="1"/>
  <c r="AD147831" i="1"/>
  <c r="AD147832" i="1"/>
  <c r="AD147833" i="1"/>
  <c r="AD147834" i="1"/>
  <c r="AD147835" i="1"/>
  <c r="AD147836" i="1"/>
  <c r="AD147837" i="1"/>
  <c r="AD147838" i="1"/>
  <c r="AD147839" i="1"/>
  <c r="AD147840" i="1"/>
  <c r="AD147841" i="1"/>
  <c r="AD147842" i="1"/>
  <c r="AD147843" i="1"/>
  <c r="AD147844" i="1"/>
  <c r="AD147845" i="1"/>
  <c r="AD147846" i="1"/>
  <c r="AD147847" i="1"/>
  <c r="AD147848" i="1"/>
  <c r="AD147849" i="1"/>
  <c r="AD147850" i="1"/>
  <c r="AD147851" i="1"/>
  <c r="AD147852" i="1"/>
  <c r="AD147853" i="1"/>
  <c r="AD147854" i="1"/>
  <c r="AD147855" i="1"/>
  <c r="AD147856" i="1"/>
  <c r="AD147857" i="1"/>
  <c r="AD147858" i="1"/>
  <c r="AD147859" i="1"/>
  <c r="AD147860" i="1"/>
  <c r="AD147861" i="1"/>
  <c r="AD147862" i="1"/>
  <c r="AD147863" i="1"/>
  <c r="AD147864" i="1"/>
  <c r="AD147865" i="1"/>
  <c r="AD147866" i="1"/>
  <c r="AD147867" i="1"/>
  <c r="AD147868" i="1"/>
  <c r="AD147869" i="1"/>
  <c r="AD147870" i="1"/>
  <c r="AD147871" i="1"/>
  <c r="AD147872" i="1"/>
  <c r="AD147873" i="1"/>
  <c r="AD147874" i="1"/>
  <c r="AD147875" i="1"/>
  <c r="AD147876" i="1"/>
  <c r="AD147877" i="1"/>
  <c r="AD147878" i="1"/>
  <c r="AD147879" i="1"/>
  <c r="AD147880" i="1"/>
  <c r="AD147881" i="1"/>
  <c r="AD147882" i="1"/>
  <c r="AD147883" i="1"/>
  <c r="AD147884" i="1"/>
  <c r="AD147885" i="1"/>
  <c r="AD147886" i="1"/>
  <c r="AD147887" i="1"/>
  <c r="AD147888" i="1"/>
  <c r="AD147889" i="1"/>
  <c r="AD147890" i="1"/>
  <c r="AD147891" i="1"/>
  <c r="AD147892" i="1"/>
  <c r="AD147893" i="1"/>
  <c r="AD147894" i="1"/>
  <c r="AD147895" i="1"/>
  <c r="AD147896" i="1"/>
  <c r="AD147897" i="1"/>
  <c r="AD147898" i="1"/>
  <c r="AD147899" i="1"/>
  <c r="AD147900" i="1"/>
  <c r="AD147901" i="1"/>
  <c r="AD147902" i="1"/>
  <c r="AD147903" i="1"/>
  <c r="AD147904" i="1"/>
  <c r="AD147905" i="1"/>
  <c r="AD147906" i="1"/>
  <c r="AD147907" i="1"/>
  <c r="AD147908" i="1"/>
  <c r="AD147909" i="1"/>
  <c r="AD147910" i="1"/>
  <c r="AD147911" i="1"/>
  <c r="AD147912" i="1"/>
  <c r="AD147913" i="1"/>
  <c r="AD147914" i="1"/>
  <c r="AD147915" i="1"/>
  <c r="AD147916" i="1"/>
  <c r="AD147917" i="1"/>
  <c r="AD147918" i="1"/>
  <c r="AD147919" i="1"/>
  <c r="AD147920" i="1"/>
  <c r="AD147921" i="1"/>
  <c r="AD147922" i="1"/>
  <c r="AD147923" i="1"/>
  <c r="AD147924" i="1"/>
  <c r="AD147925" i="1"/>
  <c r="AD147926" i="1"/>
  <c r="AD147927" i="1"/>
  <c r="AD147928" i="1"/>
  <c r="AD147929" i="1"/>
  <c r="AD147930" i="1"/>
  <c r="AD147931" i="1"/>
  <c r="AD147932" i="1"/>
  <c r="AD147933" i="1"/>
  <c r="AD147934" i="1"/>
  <c r="AD147935" i="1"/>
  <c r="AD147936" i="1"/>
  <c r="AD147937" i="1"/>
  <c r="AD147938" i="1"/>
  <c r="AD147939" i="1"/>
  <c r="AD147940" i="1"/>
  <c r="AD147941" i="1"/>
  <c r="AD147942" i="1"/>
  <c r="AD147943" i="1"/>
  <c r="AD147944" i="1"/>
  <c r="AD147945" i="1"/>
  <c r="AD147946" i="1"/>
  <c r="AD147947" i="1"/>
  <c r="AD147948" i="1"/>
  <c r="AD147949" i="1"/>
  <c r="AD147950" i="1"/>
  <c r="AD147951" i="1"/>
  <c r="AD147952" i="1"/>
  <c r="AD147953" i="1"/>
  <c r="AD147954" i="1"/>
  <c r="AD147955" i="1"/>
  <c r="AD147956" i="1"/>
  <c r="AD147957" i="1"/>
  <c r="AD147958" i="1"/>
  <c r="AD147959" i="1"/>
  <c r="AD147960" i="1"/>
  <c r="AD147961" i="1"/>
  <c r="AD147962" i="1"/>
  <c r="AD147963" i="1"/>
  <c r="AD147964" i="1"/>
  <c r="AD147965" i="1"/>
  <c r="AD147966" i="1"/>
  <c r="AD147967" i="1"/>
  <c r="AD147968" i="1"/>
  <c r="AD147969" i="1"/>
  <c r="AD147970" i="1"/>
  <c r="AD147971" i="1"/>
  <c r="AD147972" i="1"/>
  <c r="AD147973" i="1"/>
  <c r="AD147974" i="1"/>
  <c r="AD147975" i="1"/>
  <c r="AD147976" i="1"/>
  <c r="AD147977" i="1"/>
  <c r="AD147978" i="1"/>
  <c r="AD147979" i="1"/>
  <c r="AD147980" i="1"/>
  <c r="AD147981" i="1"/>
  <c r="AD147982" i="1"/>
  <c r="AD147983" i="1"/>
  <c r="AD147984" i="1"/>
  <c r="AD147985" i="1"/>
  <c r="AD147986" i="1"/>
  <c r="AD147987" i="1"/>
  <c r="AD147988" i="1"/>
  <c r="AD147989" i="1"/>
  <c r="AD147990" i="1"/>
  <c r="AD147991" i="1"/>
  <c r="AD147992" i="1"/>
  <c r="AD147993" i="1"/>
  <c r="AD147994" i="1"/>
  <c r="AD147995" i="1"/>
  <c r="AD147996" i="1"/>
  <c r="AD147997" i="1"/>
  <c r="AD147998" i="1"/>
  <c r="AD147999" i="1"/>
  <c r="AD148000" i="1"/>
  <c r="AD148001" i="1"/>
  <c r="AD148002" i="1"/>
  <c r="AD148003" i="1"/>
  <c r="AD148004" i="1"/>
  <c r="AD148005" i="1"/>
  <c r="AD148006" i="1"/>
  <c r="AD148007" i="1"/>
  <c r="AD148008" i="1"/>
  <c r="AD148009" i="1"/>
  <c r="AD148010" i="1"/>
  <c r="AD148011" i="1"/>
  <c r="AD148012" i="1"/>
  <c r="AD148013" i="1"/>
  <c r="AD148014" i="1"/>
  <c r="AD148015" i="1"/>
  <c r="AD148016" i="1"/>
  <c r="AD148017" i="1"/>
  <c r="AD148018" i="1"/>
  <c r="AD148019" i="1"/>
  <c r="AD148020" i="1"/>
  <c r="AD148021" i="1"/>
  <c r="AD148022" i="1"/>
  <c r="AD148023" i="1"/>
  <c r="AD148024" i="1"/>
  <c r="AD148025" i="1"/>
  <c r="AD148026" i="1"/>
  <c r="AD148027" i="1"/>
  <c r="AD148028" i="1"/>
  <c r="AD148029" i="1"/>
  <c r="AD148030" i="1"/>
  <c r="AD148031" i="1"/>
  <c r="AD148032" i="1"/>
  <c r="AD148033" i="1"/>
  <c r="AD148034" i="1"/>
  <c r="AD148035" i="1"/>
  <c r="AD148036" i="1"/>
  <c r="AD148037" i="1"/>
  <c r="AD148038" i="1"/>
  <c r="AD148039" i="1"/>
  <c r="AD148040" i="1"/>
  <c r="AD148041" i="1"/>
  <c r="AD148042" i="1"/>
  <c r="AD148043" i="1"/>
  <c r="AD148044" i="1"/>
  <c r="AD148045" i="1"/>
  <c r="AD148046" i="1"/>
  <c r="AD148047" i="1"/>
  <c r="AD148048" i="1"/>
  <c r="AD148049" i="1"/>
  <c r="AD148050" i="1"/>
  <c r="AD148051" i="1"/>
  <c r="AD148052" i="1"/>
  <c r="AD148053" i="1"/>
  <c r="AD148054" i="1"/>
  <c r="AD148055" i="1"/>
  <c r="AD148056" i="1"/>
  <c r="AD148057" i="1"/>
  <c r="AD148058" i="1"/>
  <c r="AD148059" i="1"/>
  <c r="AD148060" i="1"/>
  <c r="AD148061" i="1"/>
  <c r="AD148062" i="1"/>
  <c r="AD148063" i="1"/>
  <c r="AD148064" i="1"/>
  <c r="AD148065" i="1"/>
  <c r="AD148066" i="1"/>
  <c r="AD148067" i="1"/>
  <c r="AD148068" i="1"/>
  <c r="AD148069" i="1"/>
  <c r="AD148070" i="1"/>
  <c r="AD148071" i="1"/>
  <c r="AD148072" i="1"/>
  <c r="AD148073" i="1"/>
  <c r="AD148074" i="1"/>
  <c r="AD148075" i="1"/>
  <c r="AD148076" i="1"/>
  <c r="AD148077" i="1"/>
  <c r="AD148078" i="1"/>
  <c r="AD148079" i="1"/>
  <c r="AD148080" i="1"/>
  <c r="AD148081" i="1"/>
  <c r="AD148082" i="1"/>
  <c r="AD148083" i="1"/>
  <c r="AD148084" i="1"/>
  <c r="AD148085" i="1"/>
  <c r="AD148086" i="1"/>
  <c r="AD148087" i="1"/>
  <c r="AD148088" i="1"/>
  <c r="AD148089" i="1"/>
  <c r="AD148090" i="1"/>
  <c r="AD148091" i="1"/>
  <c r="AD148092" i="1"/>
  <c r="AD148093" i="1"/>
  <c r="AD148094" i="1"/>
  <c r="AD148095" i="1"/>
  <c r="AD148096" i="1"/>
  <c r="AD148097" i="1"/>
  <c r="AD148098" i="1"/>
  <c r="AD148099" i="1"/>
  <c r="AD148100" i="1"/>
  <c r="AD148101" i="1"/>
  <c r="AD148102" i="1"/>
  <c r="AD148103" i="1"/>
  <c r="AD148104" i="1"/>
  <c r="AD148105" i="1"/>
  <c r="AD148106" i="1"/>
  <c r="AD148107" i="1"/>
  <c r="AD148108" i="1"/>
  <c r="AD148109" i="1"/>
  <c r="AD148110" i="1"/>
  <c r="AD148111" i="1"/>
  <c r="AD148112" i="1"/>
  <c r="AD148113" i="1"/>
  <c r="AD148114" i="1"/>
  <c r="AD148115" i="1"/>
  <c r="AD148116" i="1"/>
  <c r="AD148117" i="1"/>
  <c r="AD148118" i="1"/>
  <c r="AD148119" i="1"/>
  <c r="AD148120" i="1"/>
  <c r="AD148121" i="1"/>
  <c r="AD148122" i="1"/>
  <c r="AD148123" i="1"/>
  <c r="AD148124" i="1"/>
  <c r="AD148125" i="1"/>
  <c r="AD148126" i="1"/>
  <c r="AD148127" i="1"/>
  <c r="AD148128" i="1"/>
  <c r="AD148129" i="1"/>
  <c r="AD148130" i="1"/>
  <c r="AD148131" i="1"/>
  <c r="AD148132" i="1"/>
  <c r="AD148133" i="1"/>
  <c r="AD148134" i="1"/>
  <c r="AD148135" i="1"/>
  <c r="AD148136" i="1"/>
  <c r="AD148137" i="1"/>
  <c r="AD148138" i="1"/>
  <c r="AD148139" i="1"/>
  <c r="AD148140" i="1"/>
  <c r="AD148141" i="1"/>
  <c r="AD148142" i="1"/>
  <c r="AD148143" i="1"/>
  <c r="AD148144" i="1"/>
  <c r="AD148145" i="1"/>
  <c r="AD148146" i="1"/>
  <c r="AD148147" i="1"/>
  <c r="AD148148" i="1"/>
  <c r="AD148149" i="1"/>
  <c r="AD148150" i="1"/>
  <c r="AD148151" i="1"/>
  <c r="AD148152" i="1"/>
  <c r="AD148153" i="1"/>
  <c r="AD148154" i="1"/>
  <c r="AD148155" i="1"/>
  <c r="AD148156" i="1"/>
  <c r="AD148157" i="1"/>
  <c r="AD148158" i="1"/>
  <c r="AD148159" i="1"/>
  <c r="AD148160" i="1"/>
  <c r="AD148161" i="1"/>
  <c r="AD148162" i="1"/>
  <c r="AD148163" i="1"/>
  <c r="AD148164" i="1"/>
  <c r="AD148165" i="1"/>
  <c r="AD148166" i="1"/>
  <c r="AD148167" i="1"/>
  <c r="AD148168" i="1"/>
  <c r="AD148169" i="1"/>
  <c r="AD148170" i="1"/>
  <c r="AD148171" i="1"/>
  <c r="AD148172" i="1"/>
  <c r="AD148173" i="1"/>
  <c r="AD148174" i="1"/>
  <c r="AD148175" i="1"/>
  <c r="AD148176" i="1"/>
  <c r="AD148177" i="1"/>
  <c r="AD148178" i="1"/>
  <c r="AD148179" i="1"/>
  <c r="AD148180" i="1"/>
  <c r="AD148181" i="1"/>
  <c r="AD148182" i="1"/>
  <c r="AD148183" i="1"/>
  <c r="AD148184" i="1"/>
  <c r="AD148185" i="1"/>
  <c r="AD148186" i="1"/>
  <c r="AD148187" i="1"/>
  <c r="AD148188" i="1"/>
  <c r="AD148189" i="1"/>
  <c r="AD148190" i="1"/>
  <c r="AD148191" i="1"/>
  <c r="AD148192" i="1"/>
  <c r="AD148193" i="1"/>
  <c r="AD148194" i="1"/>
  <c r="AD148195" i="1"/>
  <c r="AD148196" i="1"/>
  <c r="AD148197" i="1"/>
  <c r="AD148198" i="1"/>
  <c r="AD148199" i="1"/>
  <c r="AD148200" i="1"/>
  <c r="AD148201" i="1"/>
  <c r="AD148202" i="1"/>
  <c r="AD148203" i="1"/>
  <c r="AD148204" i="1"/>
  <c r="AD148205" i="1"/>
  <c r="AD148206" i="1"/>
  <c r="AD148207" i="1"/>
  <c r="AD148208" i="1"/>
  <c r="AD148209" i="1"/>
  <c r="AD148210" i="1"/>
  <c r="AD148211" i="1"/>
  <c r="AD148212" i="1"/>
  <c r="AD148213" i="1"/>
  <c r="AD148214" i="1"/>
  <c r="AD148215" i="1"/>
  <c r="AD148216" i="1"/>
  <c r="AD148217" i="1"/>
  <c r="AD148218" i="1"/>
  <c r="AD148219" i="1"/>
  <c r="AD148220" i="1"/>
  <c r="AD148221" i="1"/>
  <c r="AD148222" i="1"/>
  <c r="AD148223" i="1"/>
  <c r="AD148224" i="1"/>
  <c r="AD148225" i="1"/>
  <c r="AD148226" i="1"/>
  <c r="AD148227" i="1"/>
  <c r="AD148228" i="1"/>
  <c r="AD148229" i="1"/>
  <c r="AD148230" i="1"/>
  <c r="AD148231" i="1"/>
  <c r="AD148232" i="1"/>
  <c r="AD148233" i="1"/>
  <c r="AD148234" i="1"/>
  <c r="AD148235" i="1"/>
  <c r="AD148236" i="1"/>
  <c r="AD148237" i="1"/>
  <c r="AD148238" i="1"/>
  <c r="AD148239" i="1"/>
  <c r="AD148240" i="1"/>
  <c r="AD148241" i="1"/>
  <c r="AD148242" i="1"/>
  <c r="AD148243" i="1"/>
  <c r="AD148244" i="1"/>
  <c r="AD148245" i="1"/>
  <c r="AD148246" i="1"/>
  <c r="AD148247" i="1"/>
  <c r="AD148248" i="1"/>
  <c r="AD148249" i="1"/>
  <c r="AD148250" i="1"/>
  <c r="AD148251" i="1"/>
  <c r="AD148252" i="1"/>
  <c r="AD148253" i="1"/>
  <c r="AD148254" i="1"/>
  <c r="AD148255" i="1"/>
  <c r="AD148256" i="1"/>
  <c r="AD148257" i="1"/>
  <c r="AD148258" i="1"/>
  <c r="AD148259" i="1"/>
  <c r="AD148260" i="1"/>
  <c r="AD148261" i="1"/>
  <c r="AD148262" i="1"/>
  <c r="AD148263" i="1"/>
  <c r="AD148264" i="1"/>
  <c r="AD148265" i="1"/>
  <c r="AD148266" i="1"/>
  <c r="AD148267" i="1"/>
  <c r="AD148268" i="1"/>
  <c r="AD148269" i="1"/>
  <c r="AD148270" i="1"/>
  <c r="AD148271" i="1"/>
  <c r="AD148272" i="1"/>
  <c r="AD148273" i="1"/>
  <c r="AD148274" i="1"/>
  <c r="AD148275" i="1"/>
  <c r="AD148276" i="1"/>
  <c r="AD148277" i="1"/>
  <c r="AD148278" i="1"/>
  <c r="AD148279" i="1"/>
  <c r="AD148280" i="1"/>
  <c r="AD148281" i="1"/>
  <c r="AD148282" i="1"/>
  <c r="AD148283" i="1"/>
  <c r="AD148284" i="1"/>
  <c r="AD148285" i="1"/>
  <c r="AD148286" i="1"/>
  <c r="AD148287" i="1"/>
  <c r="AD148288" i="1"/>
  <c r="AD148289" i="1"/>
  <c r="AD148290" i="1"/>
  <c r="AD148291" i="1"/>
  <c r="AD148292" i="1"/>
  <c r="AD148293" i="1"/>
  <c r="AD148294" i="1"/>
  <c r="AD148295" i="1"/>
  <c r="AD148296" i="1"/>
  <c r="AD148297" i="1"/>
  <c r="AD148298" i="1"/>
  <c r="AD148299" i="1"/>
  <c r="AD148300" i="1"/>
  <c r="AD148301" i="1"/>
  <c r="AD148302" i="1"/>
  <c r="AD148303" i="1"/>
  <c r="AD148304" i="1"/>
  <c r="AD148305" i="1"/>
  <c r="AD148306" i="1"/>
  <c r="AD148307" i="1"/>
  <c r="AD148308" i="1"/>
  <c r="AD148309" i="1"/>
  <c r="AD148310" i="1"/>
  <c r="AD148311" i="1"/>
  <c r="AD148312" i="1"/>
  <c r="AD148313" i="1"/>
  <c r="AD148314" i="1"/>
  <c r="AD148315" i="1"/>
  <c r="AD148316" i="1"/>
  <c r="AD148317" i="1"/>
  <c r="AD148318" i="1"/>
  <c r="AD148319" i="1"/>
  <c r="AD148320" i="1"/>
  <c r="AD148321" i="1"/>
  <c r="AD148322" i="1"/>
  <c r="AD148323" i="1"/>
  <c r="AD148324" i="1"/>
  <c r="AD148325" i="1"/>
  <c r="AD148326" i="1"/>
  <c r="AD148327" i="1"/>
  <c r="AD148328" i="1"/>
  <c r="AD148329" i="1"/>
  <c r="AD148330" i="1"/>
  <c r="AD148331" i="1"/>
  <c r="AD148332" i="1"/>
  <c r="AD148333" i="1"/>
  <c r="AD148334" i="1"/>
  <c r="AD148335" i="1"/>
  <c r="AD148336" i="1"/>
  <c r="AD148337" i="1"/>
  <c r="AD148338" i="1"/>
  <c r="AD148339" i="1"/>
  <c r="AD148340" i="1"/>
  <c r="AD148341" i="1"/>
  <c r="AD148342" i="1"/>
  <c r="AD148343" i="1"/>
  <c r="AD148344" i="1"/>
  <c r="AD148345" i="1"/>
  <c r="AD148346" i="1"/>
  <c r="AD148347" i="1"/>
  <c r="AD148348" i="1"/>
  <c r="AD148349" i="1"/>
  <c r="AD148350" i="1"/>
  <c r="AD148351" i="1"/>
  <c r="AD148352" i="1"/>
  <c r="AD148353" i="1"/>
  <c r="AD148354" i="1"/>
  <c r="AD148355" i="1"/>
  <c r="AD148356" i="1"/>
  <c r="AD148357" i="1"/>
  <c r="AD148358" i="1"/>
  <c r="AD148359" i="1"/>
  <c r="AD148360" i="1"/>
  <c r="AD148361" i="1"/>
  <c r="AD148362" i="1"/>
  <c r="AD148363" i="1"/>
  <c r="AD148364" i="1"/>
  <c r="AD148365" i="1"/>
  <c r="AD148366" i="1"/>
  <c r="AD148367" i="1"/>
  <c r="AD148368" i="1"/>
  <c r="AD148369" i="1"/>
  <c r="AD148370" i="1"/>
  <c r="AD148371" i="1"/>
  <c r="AD148372" i="1"/>
  <c r="AD148373" i="1"/>
  <c r="AD148374" i="1"/>
  <c r="AD148375" i="1"/>
  <c r="AD148376" i="1"/>
  <c r="AD148377" i="1"/>
  <c r="AD148378" i="1"/>
  <c r="AD148379" i="1"/>
  <c r="AD148380" i="1"/>
  <c r="AD148381" i="1"/>
  <c r="AD148382" i="1"/>
  <c r="AD148383" i="1"/>
  <c r="AD148384" i="1"/>
  <c r="AD148385" i="1"/>
  <c r="AD148386" i="1"/>
  <c r="AD148387" i="1"/>
  <c r="AD148388" i="1"/>
  <c r="AD148389" i="1"/>
  <c r="AD148390" i="1"/>
  <c r="AD148391" i="1"/>
  <c r="AD148392" i="1"/>
  <c r="AD148393" i="1"/>
  <c r="AD148394" i="1"/>
  <c r="AD148395" i="1"/>
  <c r="AD148396" i="1"/>
  <c r="AD148397" i="1"/>
  <c r="AD148398" i="1"/>
  <c r="AD148399" i="1"/>
  <c r="AD148400" i="1"/>
  <c r="AD148401" i="1"/>
  <c r="AD148402" i="1"/>
  <c r="AD148403" i="1"/>
  <c r="AD148404" i="1"/>
  <c r="AD148405" i="1"/>
  <c r="AD148406" i="1"/>
  <c r="AD148407" i="1"/>
  <c r="AD148408" i="1"/>
  <c r="AD148409" i="1"/>
  <c r="AD148410" i="1"/>
  <c r="AD148411" i="1"/>
  <c r="AD148412" i="1"/>
  <c r="AD148413" i="1"/>
  <c r="AD148414" i="1"/>
  <c r="AD148415" i="1"/>
  <c r="AD148416" i="1"/>
  <c r="AD148417" i="1"/>
  <c r="AD148418" i="1"/>
  <c r="AD148419" i="1"/>
  <c r="AD148420" i="1"/>
  <c r="AD148421" i="1"/>
  <c r="AD148422" i="1"/>
  <c r="AD148423" i="1"/>
  <c r="AD148424" i="1"/>
  <c r="AD148425" i="1"/>
  <c r="AD148426" i="1"/>
  <c r="AD148427" i="1"/>
  <c r="AD148428" i="1"/>
  <c r="AD148429" i="1"/>
  <c r="AD148430" i="1"/>
  <c r="AD148431" i="1"/>
  <c r="AD148432" i="1"/>
  <c r="AD148433" i="1"/>
  <c r="AD148434" i="1"/>
  <c r="AD148435" i="1"/>
  <c r="AD148436" i="1"/>
  <c r="AD148437" i="1"/>
  <c r="AD148438" i="1"/>
  <c r="AD148439" i="1"/>
  <c r="AD148440" i="1"/>
  <c r="AD148441" i="1"/>
  <c r="AD148442" i="1"/>
  <c r="AD148443" i="1"/>
  <c r="AD148444" i="1"/>
  <c r="AD148445" i="1"/>
  <c r="AD148446" i="1"/>
  <c r="AD148447" i="1"/>
  <c r="AD148448" i="1"/>
  <c r="AD148449" i="1"/>
  <c r="AD148450" i="1"/>
  <c r="AD148451" i="1"/>
  <c r="AD148452" i="1"/>
  <c r="AD148453" i="1"/>
  <c r="AD148454" i="1"/>
  <c r="AD148455" i="1"/>
  <c r="AD148456" i="1"/>
  <c r="AD148457" i="1"/>
  <c r="AD148458" i="1"/>
  <c r="AD148459" i="1"/>
  <c r="AD148460" i="1"/>
  <c r="AD148461" i="1"/>
  <c r="AD148462" i="1"/>
  <c r="AD148463" i="1"/>
  <c r="AD148464" i="1"/>
  <c r="AD148465" i="1"/>
  <c r="AD148466" i="1"/>
  <c r="AD148467" i="1"/>
  <c r="AD148468" i="1"/>
  <c r="AD148469" i="1"/>
  <c r="AD148470" i="1"/>
  <c r="AD148471" i="1"/>
  <c r="AD148472" i="1"/>
  <c r="AD148473" i="1"/>
  <c r="AD148474" i="1"/>
  <c r="AD148475" i="1"/>
  <c r="AD148476" i="1"/>
  <c r="AD148477" i="1"/>
  <c r="AD148478" i="1"/>
  <c r="AD148479" i="1"/>
  <c r="AD148480" i="1"/>
  <c r="AD148481" i="1"/>
  <c r="AD148482" i="1"/>
  <c r="AD148483" i="1"/>
  <c r="AD148484" i="1"/>
  <c r="AD148485" i="1"/>
  <c r="AD148486" i="1"/>
  <c r="AD148487" i="1"/>
  <c r="AD148488" i="1"/>
  <c r="AD148489" i="1"/>
  <c r="AD148490" i="1"/>
  <c r="AD148491" i="1"/>
  <c r="AD148492" i="1"/>
  <c r="AD148493" i="1"/>
  <c r="AD148494" i="1"/>
  <c r="AD148495" i="1"/>
  <c r="AD148496" i="1"/>
  <c r="AD148497" i="1"/>
  <c r="AD148498" i="1"/>
  <c r="AD148499" i="1"/>
  <c r="AD148500" i="1"/>
  <c r="AD148501" i="1"/>
  <c r="AD148502" i="1"/>
  <c r="AD148503" i="1"/>
  <c r="AD148504" i="1"/>
  <c r="AD148505" i="1"/>
  <c r="AD148506" i="1"/>
  <c r="AD148507" i="1"/>
  <c r="AD148508" i="1"/>
  <c r="AD148509" i="1"/>
  <c r="AD148510" i="1"/>
  <c r="AD148511" i="1"/>
  <c r="AD148512" i="1"/>
  <c r="AD148513" i="1"/>
  <c r="AD148514" i="1"/>
  <c r="AD148515" i="1"/>
  <c r="AD148516" i="1"/>
  <c r="AD148517" i="1"/>
  <c r="AD148518" i="1"/>
  <c r="AD148519" i="1"/>
  <c r="AD148520" i="1"/>
  <c r="AD148521" i="1"/>
  <c r="AD148522" i="1"/>
  <c r="AD148523" i="1"/>
  <c r="AD148524" i="1"/>
  <c r="AD148525" i="1"/>
  <c r="AD148526" i="1"/>
  <c r="AD148527" i="1"/>
  <c r="AD148528" i="1"/>
  <c r="AD148529" i="1"/>
  <c r="AD148530" i="1"/>
  <c r="AD148531" i="1"/>
  <c r="AD148532" i="1"/>
  <c r="AD148533" i="1"/>
  <c r="AD148534" i="1"/>
  <c r="AD148535" i="1"/>
  <c r="AD148536" i="1"/>
  <c r="AD148537" i="1"/>
  <c r="AD148538" i="1"/>
  <c r="AD148539" i="1"/>
  <c r="AD148540" i="1"/>
  <c r="AD148541" i="1"/>
  <c r="AD148542" i="1"/>
  <c r="AD148543" i="1"/>
  <c r="AD148544" i="1"/>
  <c r="AD148545" i="1"/>
  <c r="AD148546" i="1"/>
  <c r="AD148547" i="1"/>
  <c r="AD148548" i="1"/>
  <c r="AD148549" i="1"/>
  <c r="AD148550" i="1"/>
  <c r="AD148551" i="1"/>
  <c r="AD148552" i="1"/>
  <c r="AD148553" i="1"/>
  <c r="AD148554" i="1"/>
  <c r="AD148555" i="1"/>
  <c r="AD148556" i="1"/>
  <c r="AD148557" i="1"/>
  <c r="AD148558" i="1"/>
  <c r="AD148559" i="1"/>
  <c r="AD148560" i="1"/>
  <c r="AD148561" i="1"/>
  <c r="AD148562" i="1"/>
  <c r="AD148563" i="1"/>
  <c r="AD148564" i="1"/>
  <c r="AD148565" i="1"/>
  <c r="AD148566" i="1"/>
  <c r="AD148567" i="1"/>
  <c r="AD148568" i="1"/>
  <c r="AD148569" i="1"/>
  <c r="AD148570" i="1"/>
  <c r="AD148571" i="1"/>
  <c r="AD148572" i="1"/>
  <c r="AD148573" i="1"/>
  <c r="AD148574" i="1"/>
  <c r="AD148575" i="1"/>
  <c r="AD148576" i="1"/>
  <c r="AD148577" i="1"/>
  <c r="AD148578" i="1"/>
  <c r="AD148579" i="1"/>
  <c r="AD148580" i="1"/>
  <c r="AD148581" i="1"/>
  <c r="AD148582" i="1"/>
  <c r="AD148583" i="1"/>
  <c r="AD148584" i="1"/>
  <c r="AD148585" i="1"/>
  <c r="AD148586" i="1"/>
  <c r="AD148587" i="1"/>
  <c r="AD148588" i="1"/>
  <c r="AD148589" i="1"/>
  <c r="AD148590" i="1"/>
  <c r="AD148591" i="1"/>
  <c r="AD148592" i="1"/>
  <c r="AD148593" i="1"/>
  <c r="AD148594" i="1"/>
  <c r="AD148595" i="1"/>
  <c r="AD148596" i="1"/>
  <c r="AD148597" i="1"/>
  <c r="AD148598" i="1"/>
  <c r="AD148599" i="1"/>
  <c r="AD148600" i="1"/>
  <c r="AD148601" i="1"/>
  <c r="AD148602" i="1"/>
  <c r="AD148603" i="1"/>
  <c r="AD148604" i="1"/>
  <c r="AD148605" i="1"/>
  <c r="AD148606" i="1"/>
  <c r="AD148607" i="1"/>
  <c r="AD148608" i="1"/>
  <c r="AD148609" i="1"/>
  <c r="AD148610" i="1"/>
  <c r="AD148611" i="1"/>
  <c r="AD148612" i="1"/>
  <c r="AD148613" i="1"/>
  <c r="AD148614" i="1"/>
  <c r="AD148615" i="1"/>
  <c r="AD148616" i="1"/>
  <c r="AD148617" i="1"/>
  <c r="AD148618" i="1"/>
  <c r="AD148619" i="1"/>
  <c r="AD148620" i="1"/>
  <c r="AD148621" i="1"/>
  <c r="AD148622" i="1"/>
  <c r="AD148623" i="1"/>
  <c r="AD148624" i="1"/>
  <c r="AD148625" i="1"/>
  <c r="AD148626" i="1"/>
  <c r="AD148627" i="1"/>
  <c r="AD148628" i="1"/>
  <c r="AD148629" i="1"/>
  <c r="AD148630" i="1"/>
  <c r="AD148631" i="1"/>
  <c r="AD148632" i="1"/>
  <c r="AD148633" i="1"/>
  <c r="AD148634" i="1"/>
  <c r="AD148635" i="1"/>
  <c r="AD148636" i="1"/>
  <c r="AD148637" i="1"/>
  <c r="AD148638" i="1"/>
  <c r="AD148639" i="1"/>
  <c r="AD148640" i="1"/>
  <c r="AD148641" i="1"/>
  <c r="AD148642" i="1"/>
  <c r="AD148643" i="1"/>
  <c r="AD148644" i="1"/>
  <c r="AD148645" i="1"/>
  <c r="AD148646" i="1"/>
  <c r="AD148647" i="1"/>
  <c r="AD148648" i="1"/>
  <c r="AD148649" i="1"/>
  <c r="AD148650" i="1"/>
  <c r="AD148651" i="1"/>
  <c r="AD148652" i="1"/>
  <c r="AD148653" i="1"/>
  <c r="AD148654" i="1"/>
  <c r="AD148655" i="1"/>
  <c r="AD148656" i="1"/>
  <c r="AD148657" i="1"/>
  <c r="AD148658" i="1"/>
  <c r="AD148659" i="1"/>
  <c r="AD148660" i="1"/>
  <c r="AD148661" i="1"/>
  <c r="AD148662" i="1"/>
  <c r="AD148663" i="1"/>
  <c r="AD148664" i="1"/>
  <c r="AD148665" i="1"/>
  <c r="AD148666" i="1"/>
  <c r="AD148667" i="1"/>
  <c r="AD148668" i="1"/>
  <c r="AD148669" i="1"/>
  <c r="AD148670" i="1"/>
  <c r="AD148671" i="1"/>
  <c r="AD148672" i="1"/>
  <c r="AD148673" i="1"/>
  <c r="AD148674" i="1"/>
  <c r="AD148675" i="1"/>
  <c r="AD148676" i="1"/>
  <c r="AD148677" i="1"/>
  <c r="AD148678" i="1"/>
  <c r="AD148679" i="1"/>
  <c r="AD148680" i="1"/>
  <c r="AD148681" i="1"/>
  <c r="AD148682" i="1"/>
  <c r="AD148683" i="1"/>
  <c r="AD148684" i="1"/>
  <c r="AD148685" i="1"/>
  <c r="AD148686" i="1"/>
  <c r="AD148687" i="1"/>
  <c r="AD148688" i="1"/>
  <c r="AD148689" i="1"/>
  <c r="AD148690" i="1"/>
  <c r="AD148691" i="1"/>
  <c r="AD148692" i="1"/>
  <c r="AD148693" i="1"/>
  <c r="AD148694" i="1"/>
  <c r="AD148695" i="1"/>
  <c r="AD148696" i="1"/>
  <c r="AD148697" i="1"/>
  <c r="AD148698" i="1"/>
  <c r="AD148699" i="1"/>
  <c r="AD148700" i="1"/>
  <c r="AD148701" i="1"/>
  <c r="AD148702" i="1"/>
  <c r="AD148703" i="1"/>
  <c r="AD148704" i="1"/>
  <c r="AD148705" i="1"/>
  <c r="AD148706" i="1"/>
  <c r="AD148707" i="1"/>
  <c r="AD148708" i="1"/>
  <c r="AD148709" i="1"/>
  <c r="AD148710" i="1"/>
  <c r="AD148711" i="1"/>
  <c r="AD148712" i="1"/>
  <c r="AD148713" i="1"/>
  <c r="AD148714" i="1"/>
  <c r="AD148715" i="1"/>
  <c r="AD148716" i="1"/>
  <c r="AD148717" i="1"/>
  <c r="AD148718" i="1"/>
  <c r="AD148719" i="1"/>
  <c r="AD148720" i="1"/>
  <c r="AD148721" i="1"/>
  <c r="AD148722" i="1"/>
  <c r="AD148723" i="1"/>
  <c r="AD148724" i="1"/>
  <c r="AD148725" i="1"/>
  <c r="AD148726" i="1"/>
  <c r="AD148727" i="1"/>
  <c r="AD148728" i="1"/>
  <c r="AD148729" i="1"/>
  <c r="AD148730" i="1"/>
  <c r="AD148731" i="1"/>
  <c r="AD148732" i="1"/>
  <c r="AD148733" i="1"/>
  <c r="AD148734" i="1"/>
  <c r="AD148735" i="1"/>
  <c r="AD148736" i="1"/>
  <c r="AD148737" i="1"/>
  <c r="AD148738" i="1"/>
  <c r="AD148739" i="1"/>
  <c r="AD148740" i="1"/>
  <c r="AD148741" i="1"/>
  <c r="AD148742" i="1"/>
  <c r="AD148743" i="1"/>
  <c r="AD148744" i="1"/>
  <c r="AD148745" i="1"/>
  <c r="AD148746" i="1"/>
  <c r="AD148747" i="1"/>
  <c r="AD148748" i="1"/>
  <c r="AD148749" i="1"/>
  <c r="AD148750" i="1"/>
  <c r="AD148751" i="1"/>
  <c r="AD148752" i="1"/>
  <c r="AD148753" i="1"/>
  <c r="AD148754" i="1"/>
  <c r="AD148755" i="1"/>
  <c r="AD148756" i="1"/>
  <c r="AD148757" i="1"/>
  <c r="AD148758" i="1"/>
  <c r="AD148759" i="1"/>
  <c r="AD148760" i="1"/>
  <c r="AD148761" i="1"/>
  <c r="AD148762" i="1"/>
  <c r="AD148763" i="1"/>
  <c r="AD148764" i="1"/>
  <c r="AD148765" i="1"/>
  <c r="AD148766" i="1"/>
  <c r="AD148767" i="1"/>
  <c r="AD148768" i="1"/>
  <c r="AD148769" i="1"/>
  <c r="AD148770" i="1"/>
  <c r="AD148771" i="1"/>
  <c r="AD148772" i="1"/>
  <c r="AD148773" i="1"/>
  <c r="AD148774" i="1"/>
  <c r="AD148775" i="1"/>
  <c r="AD148776" i="1"/>
  <c r="AD148777" i="1"/>
  <c r="AD148778" i="1"/>
  <c r="AD148779" i="1"/>
  <c r="AD148780" i="1"/>
  <c r="AD148781" i="1"/>
  <c r="AD148782" i="1"/>
  <c r="AD148783" i="1"/>
  <c r="AD148784" i="1"/>
  <c r="AD148785" i="1"/>
  <c r="AD148786" i="1"/>
  <c r="AD148787" i="1"/>
  <c r="AD148788" i="1"/>
  <c r="AD148789" i="1"/>
  <c r="AD148790" i="1"/>
  <c r="AD148791" i="1"/>
  <c r="AD148792" i="1"/>
  <c r="AD148793" i="1"/>
  <c r="AD148794" i="1"/>
  <c r="AD148795" i="1"/>
  <c r="AD148796" i="1"/>
  <c r="AD148797" i="1"/>
  <c r="AD148798" i="1"/>
  <c r="AD148799" i="1"/>
  <c r="AD148800" i="1"/>
  <c r="AD148801" i="1"/>
  <c r="AD148802" i="1"/>
  <c r="AD148803" i="1"/>
  <c r="AD148804" i="1"/>
  <c r="AD148805" i="1"/>
  <c r="AD148806" i="1"/>
  <c r="AD148807" i="1"/>
  <c r="AD148808" i="1"/>
  <c r="AD148809" i="1"/>
  <c r="AD148810" i="1"/>
  <c r="AD148811" i="1"/>
  <c r="AD148812" i="1"/>
  <c r="AD148813" i="1"/>
  <c r="AD148814" i="1"/>
  <c r="AD148815" i="1"/>
  <c r="AD148816" i="1"/>
  <c r="AD148817" i="1"/>
  <c r="AD148818" i="1"/>
  <c r="AD148819" i="1"/>
  <c r="AD148820" i="1"/>
  <c r="AD148821" i="1"/>
  <c r="AD148822" i="1"/>
  <c r="AD148823" i="1"/>
  <c r="AD148824" i="1"/>
  <c r="AD148825" i="1"/>
  <c r="AD148826" i="1"/>
  <c r="AD148827" i="1"/>
  <c r="AD148828" i="1"/>
  <c r="AD148829" i="1"/>
  <c r="AD148830" i="1"/>
  <c r="AD148831" i="1"/>
  <c r="AD148832" i="1"/>
  <c r="AD148833" i="1"/>
  <c r="AD148834" i="1"/>
  <c r="AD148835" i="1"/>
  <c r="AD148836" i="1"/>
  <c r="AD148837" i="1"/>
  <c r="AD148838" i="1"/>
  <c r="AD148839" i="1"/>
  <c r="AD148840" i="1"/>
  <c r="AD148841" i="1"/>
  <c r="AD148842" i="1"/>
  <c r="AD148843" i="1"/>
  <c r="AD148844" i="1"/>
  <c r="AD148845" i="1"/>
  <c r="AD148846" i="1"/>
  <c r="AD148847" i="1"/>
  <c r="AD148848" i="1"/>
  <c r="AD148849" i="1"/>
  <c r="AD148850" i="1"/>
  <c r="AD148851" i="1"/>
  <c r="AD148852" i="1"/>
  <c r="AD148853" i="1"/>
  <c r="AD148854" i="1"/>
  <c r="AD148855" i="1"/>
  <c r="AD148856" i="1"/>
  <c r="AD148857" i="1"/>
  <c r="AD148858" i="1"/>
  <c r="AD148859" i="1"/>
  <c r="AD148860" i="1"/>
  <c r="AD148861" i="1"/>
  <c r="AD148862" i="1"/>
  <c r="AD148863" i="1"/>
  <c r="AD148864" i="1"/>
  <c r="AD148865" i="1"/>
  <c r="AD148866" i="1"/>
  <c r="AD148867" i="1"/>
  <c r="AD148868" i="1"/>
  <c r="AD148869" i="1"/>
  <c r="AD148870" i="1"/>
  <c r="AD148871" i="1"/>
  <c r="AD148872" i="1"/>
  <c r="AD148873" i="1"/>
  <c r="AD148874" i="1"/>
  <c r="AD148875" i="1"/>
  <c r="AD148876" i="1"/>
  <c r="AD148877" i="1"/>
  <c r="AD148878" i="1"/>
  <c r="AD148879" i="1"/>
  <c r="AD148880" i="1"/>
  <c r="AD148881" i="1"/>
  <c r="AD148882" i="1"/>
  <c r="AD148883" i="1"/>
  <c r="AD148884" i="1"/>
  <c r="AD148885" i="1"/>
  <c r="AD148886" i="1"/>
  <c r="AD148887" i="1"/>
  <c r="AD148888" i="1"/>
  <c r="AD148889" i="1"/>
  <c r="AD148890" i="1"/>
  <c r="AD148891" i="1"/>
  <c r="AD148892" i="1"/>
  <c r="AD148893" i="1"/>
  <c r="AD148894" i="1"/>
  <c r="AD148895" i="1"/>
  <c r="AD148896" i="1"/>
  <c r="AD148897" i="1"/>
  <c r="AD148898" i="1"/>
  <c r="AD148899" i="1"/>
  <c r="AD148900" i="1"/>
  <c r="AD148901" i="1"/>
  <c r="AD148902" i="1"/>
  <c r="AD148903" i="1"/>
  <c r="AD148904" i="1"/>
  <c r="AD148905" i="1"/>
  <c r="AD148906" i="1"/>
  <c r="AD148907" i="1"/>
  <c r="AD148908" i="1"/>
  <c r="AD148909" i="1"/>
  <c r="AD148910" i="1"/>
  <c r="AD148911" i="1"/>
  <c r="AD148912" i="1"/>
  <c r="AD148913" i="1"/>
  <c r="AD148914" i="1"/>
  <c r="AD148915" i="1"/>
  <c r="AD148916" i="1"/>
  <c r="AD148917" i="1"/>
  <c r="AD148918" i="1"/>
  <c r="AD148919" i="1"/>
  <c r="AD148920" i="1"/>
  <c r="AD148921" i="1"/>
  <c r="AD148922" i="1"/>
  <c r="AD148923" i="1"/>
  <c r="AD148924" i="1"/>
  <c r="AD148925" i="1"/>
  <c r="AD148926" i="1"/>
  <c r="AD148927" i="1"/>
  <c r="AD148928" i="1"/>
  <c r="AD148929" i="1"/>
  <c r="AD148930" i="1"/>
  <c r="AD148931" i="1"/>
  <c r="AD148932" i="1"/>
  <c r="AD148933" i="1"/>
  <c r="AD148934" i="1"/>
  <c r="AD148935" i="1"/>
  <c r="AD148936" i="1"/>
  <c r="AD148937" i="1"/>
  <c r="AD148938" i="1"/>
  <c r="AD148939" i="1"/>
  <c r="AD148940" i="1"/>
  <c r="AD148941" i="1"/>
  <c r="AD148942" i="1"/>
  <c r="AD148943" i="1"/>
  <c r="AD148944" i="1"/>
  <c r="AD148945" i="1"/>
  <c r="AD148946" i="1"/>
  <c r="AD148947" i="1"/>
  <c r="AD148948" i="1"/>
  <c r="AD148949" i="1"/>
  <c r="AD148950" i="1"/>
  <c r="AD148951" i="1"/>
  <c r="AD148952" i="1"/>
  <c r="AD148953" i="1"/>
  <c r="AD148954" i="1"/>
  <c r="AD148955" i="1"/>
  <c r="AD148956" i="1"/>
  <c r="AD148957" i="1"/>
  <c r="AD148958" i="1"/>
  <c r="AD148959" i="1"/>
  <c r="AD148960" i="1"/>
  <c r="AD148961" i="1"/>
  <c r="AD148962" i="1"/>
  <c r="AD148963" i="1"/>
  <c r="AD148964" i="1"/>
  <c r="AD148965" i="1"/>
  <c r="AD148966" i="1"/>
  <c r="AD148967" i="1"/>
  <c r="AD148968" i="1"/>
  <c r="AD148969" i="1"/>
  <c r="AD148970" i="1"/>
  <c r="AD148971" i="1"/>
  <c r="AD148972" i="1"/>
  <c r="AD148973" i="1"/>
  <c r="AD148974" i="1"/>
  <c r="AD148975" i="1"/>
  <c r="AD148976" i="1"/>
  <c r="AD148977" i="1"/>
  <c r="AD148978" i="1"/>
  <c r="AD148979" i="1"/>
  <c r="AD148980" i="1"/>
  <c r="AD148981" i="1"/>
  <c r="AD148982" i="1"/>
  <c r="AD148983" i="1"/>
  <c r="AD148984" i="1"/>
  <c r="AD148985" i="1"/>
  <c r="AD148986" i="1"/>
  <c r="AD148987" i="1"/>
  <c r="AD148988" i="1"/>
  <c r="AD148989" i="1"/>
  <c r="AD148990" i="1"/>
  <c r="AD148991" i="1"/>
  <c r="AD148992" i="1"/>
  <c r="AD148993" i="1"/>
  <c r="AD148994" i="1"/>
  <c r="AD148995" i="1"/>
  <c r="AD148996" i="1"/>
  <c r="AD148997" i="1"/>
  <c r="AD148998" i="1"/>
  <c r="AD148999" i="1"/>
  <c r="AD149000" i="1"/>
  <c r="AD149001" i="1"/>
  <c r="AD149002" i="1"/>
  <c r="AD149003" i="1"/>
  <c r="AD149004" i="1"/>
  <c r="AD149005" i="1"/>
  <c r="AD149006" i="1"/>
  <c r="AD149007" i="1"/>
  <c r="AD149008" i="1"/>
  <c r="AD149009" i="1"/>
  <c r="AD149010" i="1"/>
  <c r="AD149011" i="1"/>
  <c r="AD149012" i="1"/>
  <c r="AD149013" i="1"/>
  <c r="AD149014" i="1"/>
  <c r="AD149015" i="1"/>
  <c r="AD149016" i="1"/>
  <c r="AD149017" i="1"/>
  <c r="AD149018" i="1"/>
  <c r="AD149019" i="1"/>
  <c r="AD149020" i="1"/>
  <c r="AD149021" i="1"/>
  <c r="AD149022" i="1"/>
  <c r="AD149023" i="1"/>
  <c r="AD149024" i="1"/>
  <c r="AD149025" i="1"/>
  <c r="AD149026" i="1"/>
  <c r="AD149027" i="1"/>
  <c r="AD149028" i="1"/>
  <c r="AD149029" i="1"/>
  <c r="AD149030" i="1"/>
  <c r="AD149031" i="1"/>
  <c r="AD149032" i="1"/>
  <c r="AD149033" i="1"/>
  <c r="AD149034" i="1"/>
  <c r="AD149035" i="1"/>
  <c r="AD149036" i="1"/>
  <c r="AD149037" i="1"/>
  <c r="AD149038" i="1"/>
  <c r="AD149039" i="1"/>
  <c r="AD149040" i="1"/>
  <c r="AD149041" i="1"/>
  <c r="AD149042" i="1"/>
  <c r="AD149043" i="1"/>
  <c r="AD149044" i="1"/>
  <c r="AD149045" i="1"/>
  <c r="AD149046" i="1"/>
  <c r="AD149047" i="1"/>
  <c r="AD149048" i="1"/>
  <c r="AD149049" i="1"/>
  <c r="AD149050" i="1"/>
  <c r="AD149051" i="1"/>
  <c r="AD149052" i="1"/>
  <c r="AD149053" i="1"/>
  <c r="AD149054" i="1"/>
  <c r="AD149055" i="1"/>
  <c r="AD149056" i="1"/>
  <c r="AD149057" i="1"/>
  <c r="AD149058" i="1"/>
  <c r="AD149059" i="1"/>
  <c r="AD149060" i="1"/>
  <c r="AD149061" i="1"/>
  <c r="AD149062" i="1"/>
  <c r="AD149063" i="1"/>
  <c r="AD149064" i="1"/>
  <c r="AD149065" i="1"/>
  <c r="AD149066" i="1"/>
  <c r="AD149067" i="1"/>
  <c r="AD149068" i="1"/>
  <c r="AD149069" i="1"/>
  <c r="AD149070" i="1"/>
  <c r="AD149071" i="1"/>
  <c r="AD149072" i="1"/>
  <c r="AD149073" i="1"/>
  <c r="AD149074" i="1"/>
  <c r="AD149075" i="1"/>
  <c r="AD149076" i="1"/>
  <c r="AD149077" i="1"/>
  <c r="AD149078" i="1"/>
  <c r="AD149079" i="1"/>
  <c r="AD149080" i="1"/>
  <c r="AD149081" i="1"/>
  <c r="AD149082" i="1"/>
  <c r="AD149083" i="1"/>
  <c r="AD149084" i="1"/>
  <c r="AD149085" i="1"/>
  <c r="AD149086" i="1"/>
  <c r="AD149087" i="1"/>
  <c r="AD149088" i="1"/>
  <c r="AD149089" i="1"/>
  <c r="AD149090" i="1"/>
  <c r="AD149091" i="1"/>
  <c r="AD149092" i="1"/>
  <c r="AD149093" i="1"/>
  <c r="AD149094" i="1"/>
  <c r="AD149095" i="1"/>
  <c r="AD149096" i="1"/>
  <c r="AD149097" i="1"/>
  <c r="AD149098" i="1"/>
  <c r="AD149099" i="1"/>
  <c r="AD149100" i="1"/>
  <c r="AD149101" i="1"/>
  <c r="AD149102" i="1"/>
  <c r="AD149103" i="1"/>
  <c r="AD149104" i="1"/>
  <c r="AD149105" i="1"/>
  <c r="AD149106" i="1"/>
  <c r="AD149107" i="1"/>
  <c r="AD149108" i="1"/>
  <c r="AD149109" i="1"/>
  <c r="AD149110" i="1"/>
  <c r="AD149111" i="1"/>
  <c r="AD149112" i="1"/>
  <c r="AD149113" i="1"/>
  <c r="AD149114" i="1"/>
  <c r="AD149115" i="1"/>
  <c r="AD149116" i="1"/>
  <c r="AD149117" i="1"/>
  <c r="AD149118" i="1"/>
  <c r="AD149119" i="1"/>
  <c r="AD149120" i="1"/>
  <c r="AD149121" i="1"/>
  <c r="AD149122" i="1"/>
  <c r="AD149123" i="1"/>
  <c r="AD149124" i="1"/>
  <c r="AD149125" i="1"/>
  <c r="AD149126" i="1"/>
  <c r="AD149127" i="1"/>
  <c r="AD149128" i="1"/>
  <c r="AD149129" i="1"/>
  <c r="AD149130" i="1"/>
  <c r="AD149131" i="1"/>
  <c r="AD149132" i="1"/>
  <c r="AD149133" i="1"/>
  <c r="AD149134" i="1"/>
  <c r="AD149135" i="1"/>
  <c r="AD149136" i="1"/>
  <c r="AD149137" i="1"/>
  <c r="AD149138" i="1"/>
  <c r="AD149139" i="1"/>
  <c r="AD149140" i="1"/>
  <c r="AD149141" i="1"/>
  <c r="AD149142" i="1"/>
  <c r="AD149143" i="1"/>
  <c r="AD149144" i="1"/>
  <c r="AD149145" i="1"/>
  <c r="AD149146" i="1"/>
  <c r="AD149147" i="1"/>
  <c r="AD149148" i="1"/>
  <c r="AD149149" i="1"/>
  <c r="AD149150" i="1"/>
  <c r="AD149151" i="1"/>
  <c r="AD149152" i="1"/>
  <c r="AD149153" i="1"/>
  <c r="AD149154" i="1"/>
  <c r="AD149155" i="1"/>
  <c r="AD149156" i="1"/>
  <c r="AD149157" i="1"/>
  <c r="AD149158" i="1"/>
  <c r="AD149159" i="1"/>
  <c r="AD149160" i="1"/>
  <c r="AD149161" i="1"/>
  <c r="AD149162" i="1"/>
  <c r="AD149163" i="1"/>
  <c r="AD149164" i="1"/>
  <c r="AD149165" i="1"/>
  <c r="AD149166" i="1"/>
  <c r="AD149167" i="1"/>
  <c r="AD149168" i="1"/>
  <c r="AD149169" i="1"/>
  <c r="AD149170" i="1"/>
  <c r="AD149171" i="1"/>
  <c r="AD149172" i="1"/>
  <c r="AD149173" i="1"/>
  <c r="AD149174" i="1"/>
  <c r="AD149175" i="1"/>
  <c r="AD149176" i="1"/>
  <c r="AD149177" i="1"/>
  <c r="AD149178" i="1"/>
  <c r="AD149179" i="1"/>
  <c r="AD149180" i="1"/>
  <c r="AD149181" i="1"/>
  <c r="AD149182" i="1"/>
  <c r="AD149183" i="1"/>
  <c r="AD149184" i="1"/>
  <c r="AD149185" i="1"/>
  <c r="AD149186" i="1"/>
  <c r="AD149187" i="1"/>
  <c r="AD149188" i="1"/>
  <c r="AD149189" i="1"/>
  <c r="AD149190" i="1"/>
  <c r="AD149191" i="1"/>
  <c r="AD149192" i="1"/>
  <c r="AD149193" i="1"/>
  <c r="AD149194" i="1"/>
  <c r="AD149195" i="1"/>
  <c r="AD149196" i="1"/>
  <c r="AD149197" i="1"/>
  <c r="AD149198" i="1"/>
  <c r="AD149199" i="1"/>
  <c r="AD149200" i="1"/>
  <c r="AD149201" i="1"/>
  <c r="AD149202" i="1"/>
  <c r="AD149203" i="1"/>
  <c r="AD149204" i="1"/>
  <c r="AD149205" i="1"/>
  <c r="AD149206" i="1"/>
  <c r="AD149207" i="1"/>
  <c r="AD149208" i="1"/>
  <c r="AD149209" i="1"/>
  <c r="AD149210" i="1"/>
  <c r="AD149211" i="1"/>
  <c r="AD149212" i="1"/>
  <c r="AD149213" i="1"/>
  <c r="AD149214" i="1"/>
  <c r="AD149215" i="1"/>
  <c r="AD149216" i="1"/>
  <c r="AD149217" i="1"/>
  <c r="AD149218" i="1"/>
  <c r="AD149219" i="1"/>
  <c r="AD149220" i="1"/>
  <c r="AD149221" i="1"/>
  <c r="AD149222" i="1"/>
  <c r="AD149223" i="1"/>
  <c r="AD149224" i="1"/>
  <c r="AD149225" i="1"/>
  <c r="AD149226" i="1"/>
  <c r="AD149227" i="1"/>
  <c r="AD149228" i="1"/>
  <c r="AD149229" i="1"/>
  <c r="AD149230" i="1"/>
  <c r="AD149231" i="1"/>
  <c r="AD149232" i="1"/>
  <c r="AD149233" i="1"/>
  <c r="AD149234" i="1"/>
  <c r="AD149235" i="1"/>
  <c r="AD149236" i="1"/>
  <c r="AD149237" i="1"/>
  <c r="AD149238" i="1"/>
  <c r="AD149239" i="1"/>
  <c r="AD149240" i="1"/>
  <c r="AD149241" i="1"/>
  <c r="AD149242" i="1"/>
  <c r="AD149243" i="1"/>
  <c r="AD149244" i="1"/>
  <c r="AD149245" i="1"/>
  <c r="AD149246" i="1"/>
  <c r="AD149247" i="1"/>
  <c r="AD149248" i="1"/>
  <c r="AD149249" i="1"/>
  <c r="AD149250" i="1"/>
  <c r="AD149251" i="1"/>
  <c r="AD149252" i="1"/>
  <c r="AD149253" i="1"/>
  <c r="AD149254" i="1"/>
  <c r="AD149255" i="1"/>
  <c r="AD149256" i="1"/>
  <c r="AD149257" i="1"/>
  <c r="AD149258" i="1"/>
  <c r="AD149259" i="1"/>
  <c r="AD149260" i="1"/>
  <c r="AD149261" i="1"/>
  <c r="AD149262" i="1"/>
  <c r="AD149263" i="1"/>
  <c r="AD149264" i="1"/>
  <c r="AD149265" i="1"/>
  <c r="AD149266" i="1"/>
  <c r="AD149267" i="1"/>
  <c r="AD149268" i="1"/>
  <c r="AD149269" i="1"/>
  <c r="AD149270" i="1"/>
  <c r="AD149271" i="1"/>
  <c r="AD149272" i="1"/>
  <c r="AD149273" i="1"/>
  <c r="AD149274" i="1"/>
  <c r="AD149275" i="1"/>
  <c r="AD149276" i="1"/>
  <c r="AD149277" i="1"/>
  <c r="AD149278" i="1"/>
  <c r="AD149279" i="1"/>
  <c r="AD149280" i="1"/>
  <c r="AD149281" i="1"/>
  <c r="AD149282" i="1"/>
  <c r="AD149283" i="1"/>
  <c r="AD149284" i="1"/>
  <c r="AD149285" i="1"/>
  <c r="AD149286" i="1"/>
  <c r="AD149287" i="1"/>
  <c r="AD149288" i="1"/>
  <c r="AD149289" i="1"/>
  <c r="AD149290" i="1"/>
  <c r="AD149291" i="1"/>
  <c r="AD149292" i="1"/>
  <c r="AD149293" i="1"/>
  <c r="AD149294" i="1"/>
  <c r="AD149295" i="1"/>
  <c r="AD149296" i="1"/>
  <c r="AD149297" i="1"/>
  <c r="AD149298" i="1"/>
  <c r="AD149299" i="1"/>
  <c r="AD149300" i="1"/>
  <c r="AD149301" i="1"/>
  <c r="AD149302" i="1"/>
  <c r="AD149303" i="1"/>
  <c r="AD149304" i="1"/>
  <c r="AD149305" i="1"/>
  <c r="AD149306" i="1"/>
  <c r="AD149307" i="1"/>
  <c r="AD149308" i="1"/>
  <c r="AD149309" i="1"/>
  <c r="AD149310" i="1"/>
  <c r="AD149311" i="1"/>
  <c r="AD149312" i="1"/>
  <c r="AD149313" i="1"/>
  <c r="AD149314" i="1"/>
  <c r="AD149315" i="1"/>
  <c r="AD149316" i="1"/>
  <c r="AD149317" i="1"/>
  <c r="AD149318" i="1"/>
  <c r="AD149319" i="1"/>
  <c r="AD149320" i="1"/>
  <c r="AD149321" i="1"/>
  <c r="AD149322" i="1"/>
  <c r="AD149323" i="1"/>
  <c r="AD149324" i="1"/>
  <c r="AD149325" i="1"/>
  <c r="AD149326" i="1"/>
  <c r="AD149327" i="1"/>
  <c r="AD149328" i="1"/>
  <c r="AD149329" i="1"/>
  <c r="AD149330" i="1"/>
  <c r="AD149331" i="1"/>
  <c r="AD149332" i="1"/>
  <c r="AD149333" i="1"/>
  <c r="AD149334" i="1"/>
  <c r="AD149335" i="1"/>
  <c r="AD149336" i="1"/>
  <c r="AD149337" i="1"/>
  <c r="AD149338" i="1"/>
  <c r="AD149339" i="1"/>
  <c r="AD149340" i="1"/>
  <c r="AD149341" i="1"/>
  <c r="AD149342" i="1"/>
  <c r="AD149343" i="1"/>
  <c r="AD149344" i="1"/>
  <c r="AD149345" i="1"/>
  <c r="AD149346" i="1"/>
  <c r="AD149347" i="1"/>
  <c r="AD149348" i="1"/>
  <c r="AD149349" i="1"/>
  <c r="AD149350" i="1"/>
  <c r="AD149351" i="1"/>
  <c r="AD149352" i="1"/>
  <c r="AD149353" i="1"/>
  <c r="AD149354" i="1"/>
  <c r="AD149355" i="1"/>
  <c r="AD149356" i="1"/>
  <c r="AD149357" i="1"/>
  <c r="AD149358" i="1"/>
  <c r="AD149359" i="1"/>
  <c r="AD149360" i="1"/>
  <c r="AD149361" i="1"/>
  <c r="AD149362" i="1"/>
  <c r="AD149363" i="1"/>
  <c r="AD149364" i="1"/>
  <c r="AD149365" i="1"/>
  <c r="AD149366" i="1"/>
  <c r="AD149367" i="1"/>
  <c r="AD149368" i="1"/>
  <c r="AD149369" i="1"/>
  <c r="AD149370" i="1"/>
  <c r="AD149371" i="1"/>
  <c r="AD149372" i="1"/>
  <c r="AD149373" i="1"/>
  <c r="AD149374" i="1"/>
  <c r="AD149375" i="1"/>
  <c r="AD149376" i="1"/>
  <c r="AD149377" i="1"/>
  <c r="AD149378" i="1"/>
  <c r="AD149379" i="1"/>
  <c r="AD149380" i="1"/>
  <c r="AD149381" i="1"/>
  <c r="AD149382" i="1"/>
  <c r="AD149383" i="1"/>
  <c r="AD149384" i="1"/>
  <c r="AD149385" i="1"/>
  <c r="AD149386" i="1"/>
  <c r="AD149387" i="1"/>
  <c r="AD149388" i="1"/>
  <c r="AD149389" i="1"/>
  <c r="AD149390" i="1"/>
  <c r="AD149391" i="1"/>
  <c r="AD149392" i="1"/>
  <c r="AD149393" i="1"/>
  <c r="AD149394" i="1"/>
  <c r="AD149395" i="1"/>
  <c r="AD149396" i="1"/>
  <c r="AD149397" i="1"/>
  <c r="AD149398" i="1"/>
  <c r="AD149399" i="1"/>
  <c r="AD149400" i="1"/>
  <c r="AD149401" i="1"/>
  <c r="AD149402" i="1"/>
  <c r="AD149403" i="1"/>
  <c r="AD149404" i="1"/>
  <c r="AD149405" i="1"/>
  <c r="AD149406" i="1"/>
  <c r="AD149407" i="1"/>
  <c r="AD149408" i="1"/>
  <c r="AD149409" i="1"/>
  <c r="AD149410" i="1"/>
  <c r="AD149411" i="1"/>
  <c r="AD149412" i="1"/>
  <c r="AD149413" i="1"/>
  <c r="AD149414" i="1"/>
  <c r="AD149415" i="1"/>
  <c r="AD149416" i="1"/>
  <c r="AD149417" i="1"/>
  <c r="AD149418" i="1"/>
  <c r="AD149419" i="1"/>
  <c r="AD149420" i="1"/>
  <c r="AD149421" i="1"/>
  <c r="AD149422" i="1"/>
  <c r="AD149423" i="1"/>
  <c r="AD149424" i="1"/>
  <c r="AD149425" i="1"/>
  <c r="AD149426" i="1"/>
  <c r="AD149427" i="1"/>
  <c r="AD149428" i="1"/>
  <c r="AD149429" i="1"/>
  <c r="AD149430" i="1"/>
  <c r="AD149431" i="1"/>
  <c r="AD149432" i="1"/>
  <c r="AD149433" i="1"/>
  <c r="AD149434" i="1"/>
  <c r="AD149435" i="1"/>
  <c r="AD149436" i="1"/>
  <c r="AD149437" i="1"/>
  <c r="AD149438" i="1"/>
  <c r="AD149439" i="1"/>
  <c r="AD149440" i="1"/>
  <c r="AD149441" i="1"/>
  <c r="AD149442" i="1"/>
  <c r="AD149443" i="1"/>
  <c r="AD149444" i="1"/>
  <c r="AD149445" i="1"/>
  <c r="AD149446" i="1"/>
  <c r="AD149447" i="1"/>
  <c r="AD149448" i="1"/>
  <c r="AD149449" i="1"/>
  <c r="AD149450" i="1"/>
  <c r="AD149451" i="1"/>
  <c r="AD149452" i="1"/>
  <c r="AD149453" i="1"/>
  <c r="AD149454" i="1"/>
  <c r="AD149455" i="1"/>
  <c r="AD149456" i="1"/>
  <c r="AD149457" i="1"/>
  <c r="AD149458" i="1"/>
  <c r="AD149459" i="1"/>
  <c r="AD149460" i="1"/>
  <c r="AD149461" i="1"/>
  <c r="AD149462" i="1"/>
  <c r="AD149463" i="1"/>
  <c r="AD149464" i="1"/>
  <c r="AD149465" i="1"/>
  <c r="AD149466" i="1"/>
  <c r="AD149467" i="1"/>
  <c r="AD149468" i="1"/>
  <c r="AD149469" i="1"/>
  <c r="AD149470" i="1"/>
  <c r="AD149471" i="1"/>
  <c r="AD149472" i="1"/>
  <c r="AD149473" i="1"/>
  <c r="AD149474" i="1"/>
  <c r="AD149475" i="1"/>
  <c r="AD149476" i="1"/>
  <c r="AD149477" i="1"/>
  <c r="AD149478" i="1"/>
  <c r="AD149479" i="1"/>
  <c r="AD149480" i="1"/>
  <c r="AD149481" i="1"/>
  <c r="AD149482" i="1"/>
  <c r="AD149483" i="1"/>
  <c r="AD149484" i="1"/>
  <c r="AD149485" i="1"/>
  <c r="AD149486" i="1"/>
  <c r="AD149487" i="1"/>
  <c r="AD149488" i="1"/>
  <c r="AD149489" i="1"/>
  <c r="AD149490" i="1"/>
  <c r="AD149491" i="1"/>
  <c r="AD149492" i="1"/>
  <c r="AD149493" i="1"/>
  <c r="AD149494" i="1"/>
  <c r="AD149495" i="1"/>
  <c r="AD149496" i="1"/>
  <c r="AD149497" i="1"/>
  <c r="AD149498" i="1"/>
  <c r="AD149499" i="1"/>
  <c r="AD149500" i="1"/>
  <c r="AD149501" i="1"/>
  <c r="AD149502" i="1"/>
  <c r="AD149503" i="1"/>
  <c r="AD149504" i="1"/>
  <c r="AD149505" i="1"/>
  <c r="AD149506" i="1"/>
  <c r="AD149507" i="1"/>
  <c r="AD149508" i="1"/>
  <c r="AD149509" i="1"/>
  <c r="AD149510" i="1"/>
  <c r="AD149511" i="1"/>
  <c r="AD149512" i="1"/>
  <c r="AD149513" i="1"/>
  <c r="AD149514" i="1"/>
  <c r="AD149515" i="1"/>
  <c r="AD149516" i="1"/>
  <c r="AD149517" i="1"/>
  <c r="AD149518" i="1"/>
  <c r="AD149519" i="1"/>
  <c r="AD149520" i="1"/>
  <c r="AD149521" i="1"/>
  <c r="AD149522" i="1"/>
  <c r="AD149523" i="1"/>
  <c r="AD149524" i="1"/>
  <c r="AD149525" i="1"/>
  <c r="AD149526" i="1"/>
  <c r="AD149527" i="1"/>
  <c r="AD149528" i="1"/>
  <c r="AD149529" i="1"/>
  <c r="AD149530" i="1"/>
  <c r="AD149531" i="1"/>
  <c r="AD149532" i="1"/>
  <c r="AD149533" i="1"/>
  <c r="AD149534" i="1"/>
  <c r="AD149535" i="1"/>
  <c r="AD149536" i="1"/>
  <c r="AD149537" i="1"/>
  <c r="AD149538" i="1"/>
  <c r="AD149539" i="1"/>
  <c r="AD149540" i="1"/>
  <c r="AD149541" i="1"/>
  <c r="AD149542" i="1"/>
  <c r="AD149543" i="1"/>
  <c r="AD149544" i="1"/>
  <c r="AD149545" i="1"/>
  <c r="AD149546" i="1"/>
  <c r="AD149547" i="1"/>
  <c r="AD149548" i="1"/>
  <c r="AD149549" i="1"/>
  <c r="AD149550" i="1"/>
  <c r="AD149551" i="1"/>
  <c r="AD149552" i="1"/>
  <c r="AD149553" i="1"/>
  <c r="AD149554" i="1"/>
  <c r="AD149555" i="1"/>
  <c r="AD149556" i="1"/>
  <c r="AD149557" i="1"/>
  <c r="AD149558" i="1"/>
  <c r="AD149559" i="1"/>
  <c r="AD149560" i="1"/>
  <c r="AD149561" i="1"/>
  <c r="AD149562" i="1"/>
  <c r="AD149563" i="1"/>
  <c r="AD149564" i="1"/>
  <c r="AD149565" i="1"/>
  <c r="AD149566" i="1"/>
  <c r="AD149567" i="1"/>
  <c r="AD149568" i="1"/>
  <c r="AD149569" i="1"/>
  <c r="AD149570" i="1"/>
  <c r="AD149571" i="1"/>
  <c r="AD149572" i="1"/>
  <c r="AD149573" i="1"/>
  <c r="AD149574" i="1"/>
  <c r="AD149575" i="1"/>
  <c r="AD149576" i="1"/>
  <c r="AD149577" i="1"/>
  <c r="AD149578" i="1"/>
  <c r="AD149579" i="1"/>
  <c r="AD149580" i="1"/>
  <c r="AD149581" i="1"/>
  <c r="AD149582" i="1"/>
  <c r="AD149583" i="1"/>
  <c r="AD149584" i="1"/>
  <c r="AD149585" i="1"/>
  <c r="AD149586" i="1"/>
  <c r="AD149587" i="1"/>
  <c r="AD149588" i="1"/>
  <c r="AD149589" i="1"/>
  <c r="AD149590" i="1"/>
  <c r="AD149591" i="1"/>
  <c r="AD149592" i="1"/>
  <c r="AD149593" i="1"/>
  <c r="AD149594" i="1"/>
  <c r="AD149595" i="1"/>
  <c r="AD149596" i="1"/>
  <c r="AD149597" i="1"/>
  <c r="AD149598" i="1"/>
  <c r="AD149599" i="1"/>
  <c r="AD149600" i="1"/>
  <c r="AD149601" i="1"/>
  <c r="AD149602" i="1"/>
  <c r="AD149603" i="1"/>
  <c r="AD149604" i="1"/>
  <c r="AD149605" i="1"/>
  <c r="AD149606" i="1"/>
  <c r="AD149607" i="1"/>
  <c r="AD149608" i="1"/>
  <c r="AD149609" i="1"/>
  <c r="AD149610" i="1"/>
  <c r="AD149611" i="1"/>
  <c r="AD149612" i="1"/>
  <c r="AD149613" i="1"/>
  <c r="AD149614" i="1"/>
  <c r="AD149615" i="1"/>
  <c r="AD149616" i="1"/>
  <c r="AD149617" i="1"/>
  <c r="AD149618" i="1"/>
  <c r="AD149619" i="1"/>
  <c r="AD149620" i="1"/>
  <c r="AD149621" i="1"/>
  <c r="AD149622" i="1"/>
  <c r="AD149623" i="1"/>
  <c r="AD149624" i="1"/>
  <c r="AD149625" i="1"/>
  <c r="AD149626" i="1"/>
  <c r="AD149627" i="1"/>
  <c r="AD149628" i="1"/>
  <c r="AD149629" i="1"/>
  <c r="AD149630" i="1"/>
  <c r="AD149631" i="1"/>
  <c r="AD149632" i="1"/>
  <c r="AD149633" i="1"/>
  <c r="AD149634" i="1"/>
  <c r="AD149635" i="1"/>
  <c r="AD149636" i="1"/>
  <c r="AD149637" i="1"/>
  <c r="AD149638" i="1"/>
  <c r="AD149639" i="1"/>
  <c r="AD149640" i="1"/>
  <c r="AD149641" i="1"/>
  <c r="AD149642" i="1"/>
  <c r="AD149643" i="1"/>
  <c r="AD149644" i="1"/>
  <c r="AD149645" i="1"/>
  <c r="AD149646" i="1"/>
  <c r="AD149647" i="1"/>
  <c r="AD149648" i="1"/>
  <c r="AD149649" i="1"/>
  <c r="AD149650" i="1"/>
  <c r="AD149651" i="1"/>
  <c r="AD149652" i="1"/>
  <c r="AD149653" i="1"/>
  <c r="AD149654" i="1"/>
  <c r="AD149655" i="1"/>
  <c r="AD149656" i="1"/>
  <c r="AD149657" i="1"/>
  <c r="AD149658" i="1"/>
  <c r="AD149659" i="1"/>
  <c r="AD149660" i="1"/>
  <c r="AD149661" i="1"/>
  <c r="AD149662" i="1"/>
  <c r="AD149663" i="1"/>
  <c r="AD149664" i="1"/>
  <c r="AD149665" i="1"/>
  <c r="AD149666" i="1"/>
  <c r="AD149667" i="1"/>
  <c r="AD149668" i="1"/>
  <c r="AD149669" i="1"/>
  <c r="AD149670" i="1"/>
  <c r="AD149671" i="1"/>
  <c r="AD149672" i="1"/>
  <c r="AD149673" i="1"/>
  <c r="AD149674" i="1"/>
  <c r="AD149675" i="1"/>
  <c r="AD149676" i="1"/>
  <c r="AD149677" i="1"/>
  <c r="AD149678" i="1"/>
  <c r="AD149679" i="1"/>
  <c r="AD149680" i="1"/>
  <c r="AD149681" i="1"/>
  <c r="AD149682" i="1"/>
  <c r="AD149683" i="1"/>
  <c r="AD149684" i="1"/>
  <c r="AD149685" i="1"/>
  <c r="AD149686" i="1"/>
  <c r="AD149687" i="1"/>
  <c r="AD149688" i="1"/>
  <c r="AD149689" i="1"/>
  <c r="AD149690" i="1"/>
  <c r="AD149691" i="1"/>
  <c r="AD149692" i="1"/>
  <c r="AD149693" i="1"/>
  <c r="AD149694" i="1"/>
  <c r="AD149695" i="1"/>
  <c r="AD149696" i="1"/>
  <c r="AD149697" i="1"/>
  <c r="AD149698" i="1"/>
  <c r="AD149699" i="1"/>
  <c r="AD149700" i="1"/>
  <c r="AD149701" i="1"/>
  <c r="AD149702" i="1"/>
  <c r="AD149703" i="1"/>
  <c r="AD149704" i="1"/>
  <c r="AD149705" i="1"/>
  <c r="AD149706" i="1"/>
  <c r="AD149707" i="1"/>
  <c r="AD149708" i="1"/>
  <c r="AD149709" i="1"/>
  <c r="AD149710" i="1"/>
  <c r="AD149711" i="1"/>
  <c r="AD149712" i="1"/>
  <c r="AD149713" i="1"/>
  <c r="AD149714" i="1"/>
  <c r="AD149715" i="1"/>
  <c r="AD149716" i="1"/>
  <c r="AD149717" i="1"/>
  <c r="AD149718" i="1"/>
  <c r="AD149719" i="1"/>
  <c r="AD149720" i="1"/>
  <c r="AD149721" i="1"/>
  <c r="AD149722" i="1"/>
  <c r="AD149723" i="1"/>
  <c r="AD149724" i="1"/>
  <c r="AD149725" i="1"/>
  <c r="AD149726" i="1"/>
  <c r="AD149727" i="1"/>
  <c r="AD149728" i="1"/>
  <c r="AD149729" i="1"/>
  <c r="AD149730" i="1"/>
  <c r="AD149731" i="1"/>
  <c r="AD149732" i="1"/>
  <c r="AD149733" i="1"/>
  <c r="AD149734" i="1"/>
  <c r="AD149735" i="1"/>
  <c r="AD149736" i="1"/>
  <c r="AD149737" i="1"/>
  <c r="AD149738" i="1"/>
  <c r="AD149739" i="1"/>
  <c r="AD149740" i="1"/>
  <c r="AD149741" i="1"/>
  <c r="AD149742" i="1"/>
  <c r="AD149743" i="1"/>
  <c r="AD149744" i="1"/>
  <c r="AD149745" i="1"/>
  <c r="AD149746" i="1"/>
  <c r="AD149747" i="1"/>
  <c r="AD149748" i="1"/>
  <c r="AD149749" i="1"/>
  <c r="AD149750" i="1"/>
  <c r="AD149751" i="1"/>
  <c r="AD149752" i="1"/>
  <c r="AD149753" i="1"/>
  <c r="AD149754" i="1"/>
  <c r="AD149755" i="1"/>
  <c r="AD149756" i="1"/>
  <c r="AD149757" i="1"/>
  <c r="AD149758" i="1"/>
  <c r="AD149759" i="1"/>
  <c r="AD149760" i="1"/>
  <c r="AD149761" i="1"/>
  <c r="AD149762" i="1"/>
  <c r="AD149763" i="1"/>
  <c r="AD149764" i="1"/>
  <c r="AD149765" i="1"/>
  <c r="AD149766" i="1"/>
  <c r="AD149767" i="1"/>
  <c r="AD149768" i="1"/>
  <c r="AD149769" i="1"/>
  <c r="AD149770" i="1"/>
  <c r="AD149771" i="1"/>
  <c r="AD149772" i="1"/>
  <c r="AD149773" i="1"/>
  <c r="AD149774" i="1"/>
  <c r="AD149775" i="1"/>
  <c r="AD149776" i="1"/>
  <c r="AD149777" i="1"/>
  <c r="AD149778" i="1"/>
  <c r="AD149779" i="1"/>
  <c r="AD149780" i="1"/>
  <c r="AD149781" i="1"/>
  <c r="AD149782" i="1"/>
  <c r="AD149783" i="1"/>
  <c r="AD149784" i="1"/>
  <c r="AD149785" i="1"/>
  <c r="AD149786" i="1"/>
  <c r="AD149787" i="1"/>
  <c r="AD149788" i="1"/>
  <c r="AD149789" i="1"/>
  <c r="AD149790" i="1"/>
  <c r="AD149791" i="1"/>
  <c r="AD149792" i="1"/>
  <c r="AD149793" i="1"/>
  <c r="AD149794" i="1"/>
  <c r="AD149795" i="1"/>
  <c r="AD149796" i="1"/>
  <c r="AD149797" i="1"/>
  <c r="AD149798" i="1"/>
  <c r="AD149799" i="1"/>
  <c r="AD149800" i="1"/>
  <c r="AD149801" i="1"/>
  <c r="AD149802" i="1"/>
  <c r="AD149803" i="1"/>
  <c r="AD149804" i="1"/>
  <c r="AD149805" i="1"/>
  <c r="AD149806" i="1"/>
  <c r="AD149807" i="1"/>
  <c r="AD149808" i="1"/>
  <c r="AD149809" i="1"/>
  <c r="AD149810" i="1"/>
  <c r="AD149811" i="1"/>
  <c r="AD149812" i="1"/>
  <c r="AD149813" i="1"/>
  <c r="AD149814" i="1"/>
  <c r="AD149815" i="1"/>
  <c r="AD149816" i="1"/>
  <c r="AD149817" i="1"/>
  <c r="AD149818" i="1"/>
  <c r="AD149819" i="1"/>
  <c r="AD149820" i="1"/>
  <c r="AD149821" i="1"/>
  <c r="AD149822" i="1"/>
  <c r="AD149823" i="1"/>
  <c r="AD149824" i="1"/>
  <c r="AD149825" i="1"/>
  <c r="AD149826" i="1"/>
  <c r="AD149827" i="1"/>
  <c r="AD149828" i="1"/>
  <c r="AD149829" i="1"/>
  <c r="AD149830" i="1"/>
  <c r="AD149831" i="1"/>
  <c r="AD149832" i="1"/>
  <c r="AD149833" i="1"/>
  <c r="AD149834" i="1"/>
  <c r="AD149835" i="1"/>
  <c r="AD149836" i="1"/>
  <c r="AD149837" i="1"/>
  <c r="AD149838" i="1"/>
  <c r="AD149839" i="1"/>
  <c r="AD149840" i="1"/>
  <c r="AD149841" i="1"/>
  <c r="AD149842" i="1"/>
  <c r="AD149843" i="1"/>
  <c r="AD149844" i="1"/>
  <c r="AD149845" i="1"/>
  <c r="AD149846" i="1"/>
  <c r="AD149847" i="1"/>
  <c r="AD149848" i="1"/>
  <c r="AD149849" i="1"/>
  <c r="AD149850" i="1"/>
  <c r="AD149851" i="1"/>
  <c r="AD149852" i="1"/>
  <c r="AD149853" i="1"/>
  <c r="AD149854" i="1"/>
  <c r="AD149855" i="1"/>
  <c r="AD149856" i="1"/>
  <c r="AD149857" i="1"/>
  <c r="AD149858" i="1"/>
  <c r="AD149859" i="1"/>
  <c r="AD149860" i="1"/>
  <c r="AD149861" i="1"/>
  <c r="AD149862" i="1"/>
  <c r="AD149863" i="1"/>
  <c r="AD149864" i="1"/>
  <c r="AD149865" i="1"/>
  <c r="AD149866" i="1"/>
  <c r="AD149867" i="1"/>
  <c r="AD149868" i="1"/>
  <c r="AD149869" i="1"/>
  <c r="AD149870" i="1"/>
  <c r="AD149871" i="1"/>
  <c r="AD149872" i="1"/>
  <c r="AD149873" i="1"/>
  <c r="AD149874" i="1"/>
  <c r="AD149875" i="1"/>
  <c r="AD149876" i="1"/>
  <c r="AD149877" i="1"/>
  <c r="AD149878" i="1"/>
  <c r="AD149879" i="1"/>
  <c r="AD149880" i="1"/>
  <c r="AD149881" i="1"/>
  <c r="AD149882" i="1"/>
  <c r="AD149883" i="1"/>
  <c r="AD149884" i="1"/>
  <c r="AD149885" i="1"/>
  <c r="AD149886" i="1"/>
  <c r="AD149887" i="1"/>
  <c r="AD149888" i="1"/>
  <c r="AD149889" i="1"/>
  <c r="AD149890" i="1"/>
  <c r="AD149891" i="1"/>
  <c r="AD149892" i="1"/>
  <c r="AD149893" i="1"/>
  <c r="AD149894" i="1"/>
  <c r="AD149895" i="1"/>
  <c r="AD149896" i="1"/>
  <c r="AD149897" i="1"/>
  <c r="AD149898" i="1"/>
  <c r="AD149899" i="1"/>
  <c r="AD149900" i="1"/>
  <c r="AD149901" i="1"/>
  <c r="AD149902" i="1"/>
  <c r="AD149903" i="1"/>
  <c r="AD149904" i="1"/>
  <c r="AD149905" i="1"/>
  <c r="AD149906" i="1"/>
  <c r="AD149907" i="1"/>
  <c r="AD149908" i="1"/>
  <c r="AD149909" i="1"/>
  <c r="AD149910" i="1"/>
  <c r="AD149911" i="1"/>
  <c r="AD149912" i="1"/>
  <c r="AD149913" i="1"/>
  <c r="AD149914" i="1"/>
  <c r="AD149915" i="1"/>
  <c r="AD149916" i="1"/>
  <c r="AD149917" i="1"/>
  <c r="AD149918" i="1"/>
  <c r="AD149919" i="1"/>
  <c r="AD149920" i="1"/>
  <c r="AD149921" i="1"/>
  <c r="AD149922" i="1"/>
  <c r="AD149923" i="1"/>
  <c r="AD149924" i="1"/>
  <c r="AD149925" i="1"/>
  <c r="AD149926" i="1"/>
  <c r="AD149927" i="1"/>
  <c r="AD149928" i="1"/>
  <c r="AD149929" i="1"/>
  <c r="AD149930" i="1"/>
  <c r="AD149931" i="1"/>
  <c r="AD149932" i="1"/>
  <c r="AD149933" i="1"/>
  <c r="AD149934" i="1"/>
  <c r="AD149935" i="1"/>
  <c r="AD149936" i="1"/>
  <c r="AD149937" i="1"/>
  <c r="AD149938" i="1"/>
  <c r="AD149939" i="1"/>
  <c r="AD149940" i="1"/>
  <c r="AD149941" i="1"/>
  <c r="AD149942" i="1"/>
  <c r="AD149943" i="1"/>
  <c r="AD149944" i="1"/>
  <c r="AD149945" i="1"/>
  <c r="AD149946" i="1"/>
  <c r="AD149947" i="1"/>
  <c r="AD149948" i="1"/>
  <c r="AD149949" i="1"/>
  <c r="AD149950" i="1"/>
  <c r="AD149951" i="1"/>
  <c r="AD149952" i="1"/>
  <c r="AD149953" i="1"/>
  <c r="AD149954" i="1"/>
  <c r="AD149955" i="1"/>
  <c r="AD149956" i="1"/>
  <c r="AD149957" i="1"/>
  <c r="AD149958" i="1"/>
  <c r="AD149959" i="1"/>
  <c r="AD149960" i="1"/>
  <c r="AD149961" i="1"/>
  <c r="AD149962" i="1"/>
  <c r="AD149963" i="1"/>
  <c r="AD149964" i="1"/>
  <c r="AD149965" i="1"/>
  <c r="AD149966" i="1"/>
  <c r="AD149967" i="1"/>
  <c r="AD149968" i="1"/>
  <c r="AD149969" i="1"/>
  <c r="AD149970" i="1"/>
  <c r="AD149971" i="1"/>
  <c r="AD149972" i="1"/>
  <c r="AD149973" i="1"/>
  <c r="AD149974" i="1"/>
  <c r="AD149975" i="1"/>
  <c r="AD149976" i="1"/>
  <c r="AD149977" i="1"/>
  <c r="AD149978" i="1"/>
  <c r="AD149979" i="1"/>
  <c r="AD149980" i="1"/>
  <c r="AD149981" i="1"/>
  <c r="AD149982" i="1"/>
  <c r="AD149983" i="1"/>
  <c r="AD149984" i="1"/>
  <c r="AD149985" i="1"/>
  <c r="AD149986" i="1"/>
  <c r="AD149987" i="1"/>
  <c r="AD149988" i="1"/>
  <c r="AD149989" i="1"/>
  <c r="AD149990" i="1"/>
  <c r="AD149991" i="1"/>
  <c r="AD149992" i="1"/>
  <c r="AD149993" i="1"/>
  <c r="AD149994" i="1"/>
  <c r="AD149995" i="1"/>
  <c r="AD149996" i="1"/>
  <c r="AD149997" i="1"/>
  <c r="AD149998" i="1"/>
  <c r="AD149999" i="1"/>
  <c r="AD150000" i="1"/>
  <c r="AD150001" i="1"/>
  <c r="AD150002" i="1"/>
  <c r="AD150003" i="1"/>
  <c r="AD150004" i="1"/>
  <c r="AD150005" i="1"/>
  <c r="AD150006" i="1"/>
  <c r="AD150007" i="1"/>
  <c r="AD150008" i="1"/>
  <c r="AD150009" i="1"/>
  <c r="AD150010" i="1"/>
  <c r="AD150011" i="1"/>
  <c r="AD150012" i="1"/>
  <c r="AD150013" i="1"/>
  <c r="AD150014" i="1"/>
  <c r="AD150015" i="1"/>
  <c r="AD150016" i="1"/>
  <c r="AD150017" i="1"/>
  <c r="AD150018" i="1"/>
  <c r="AD150019" i="1"/>
  <c r="AD150020" i="1"/>
  <c r="AD150021" i="1"/>
  <c r="AD150022" i="1"/>
  <c r="AD150023" i="1"/>
  <c r="AD150024" i="1"/>
  <c r="AD150025" i="1"/>
  <c r="AD150026" i="1"/>
  <c r="AD150027" i="1"/>
  <c r="AD150028" i="1"/>
  <c r="AD150029" i="1"/>
  <c r="AD150030" i="1"/>
  <c r="AD150031" i="1"/>
  <c r="AD150032" i="1"/>
  <c r="AD150033" i="1"/>
  <c r="AD150034" i="1"/>
  <c r="AD150035" i="1"/>
  <c r="AD150036" i="1"/>
  <c r="AD150037" i="1"/>
  <c r="AD150038" i="1"/>
  <c r="AD150039" i="1"/>
  <c r="AD150040" i="1"/>
  <c r="AD150041" i="1"/>
  <c r="AD150042" i="1"/>
  <c r="AD150043" i="1"/>
  <c r="AD150044" i="1"/>
  <c r="AD150045" i="1"/>
  <c r="AD150046" i="1"/>
  <c r="AD150047" i="1"/>
  <c r="AD150048" i="1"/>
  <c r="AD150049" i="1"/>
  <c r="AD150050" i="1"/>
  <c r="AD150051" i="1"/>
  <c r="AD150052" i="1"/>
  <c r="AD150053" i="1"/>
  <c r="AD150054" i="1"/>
  <c r="AD150055" i="1"/>
  <c r="AD150056" i="1"/>
  <c r="AD150057" i="1"/>
  <c r="AD150058" i="1"/>
  <c r="AD150059" i="1"/>
  <c r="AD150060" i="1"/>
  <c r="AD150061" i="1"/>
  <c r="AD150062" i="1"/>
  <c r="AD150063" i="1"/>
  <c r="AD150064" i="1"/>
  <c r="AD150065" i="1"/>
  <c r="AD150066" i="1"/>
  <c r="AD150067" i="1"/>
  <c r="AD150068" i="1"/>
  <c r="AD150069" i="1"/>
  <c r="AD150070" i="1"/>
  <c r="AD150071" i="1"/>
  <c r="AD150072" i="1"/>
  <c r="AD150073" i="1"/>
  <c r="AD150074" i="1"/>
  <c r="AD150075" i="1"/>
  <c r="AD150076" i="1"/>
  <c r="AD150077" i="1"/>
  <c r="AD150078" i="1"/>
  <c r="AD150079" i="1"/>
  <c r="AD150080" i="1"/>
  <c r="AD150081" i="1"/>
  <c r="AD150082" i="1"/>
  <c r="AD150083" i="1"/>
  <c r="AD150084" i="1"/>
  <c r="AD150085" i="1"/>
  <c r="AD150086" i="1"/>
  <c r="AD150087" i="1"/>
  <c r="AD150088" i="1"/>
  <c r="AD150089" i="1"/>
  <c r="AD150090" i="1"/>
  <c r="AD150091" i="1"/>
  <c r="AD150092" i="1"/>
  <c r="AD150093" i="1"/>
  <c r="AD150094" i="1"/>
  <c r="AD150095" i="1"/>
  <c r="AD150096" i="1"/>
  <c r="AD150097" i="1"/>
  <c r="AD150098" i="1"/>
  <c r="AD150099" i="1"/>
  <c r="AD150100" i="1"/>
  <c r="AD150101" i="1"/>
  <c r="AD150102" i="1"/>
  <c r="AD150103" i="1"/>
  <c r="AD150104" i="1"/>
  <c r="AD150105" i="1"/>
  <c r="AD150106" i="1"/>
  <c r="AD150107" i="1"/>
  <c r="AD150108" i="1"/>
  <c r="AD150109" i="1"/>
  <c r="AD150110" i="1"/>
  <c r="AD150111" i="1"/>
  <c r="AD150112" i="1"/>
  <c r="AD150113" i="1"/>
  <c r="AD150114" i="1"/>
  <c r="AD150115" i="1"/>
  <c r="AD150116" i="1"/>
  <c r="AD150117" i="1"/>
  <c r="AD150118" i="1"/>
  <c r="AD150119" i="1"/>
  <c r="AD150120" i="1"/>
  <c r="AD150121" i="1"/>
  <c r="AD150122" i="1"/>
  <c r="AD150123" i="1"/>
  <c r="AD150124" i="1"/>
  <c r="AD150125" i="1"/>
  <c r="AD150126" i="1"/>
  <c r="AD150127" i="1"/>
  <c r="AD150128" i="1"/>
  <c r="AD150129" i="1"/>
  <c r="AD150130" i="1"/>
  <c r="AD150131" i="1"/>
  <c r="AD150132" i="1"/>
  <c r="AD150133" i="1"/>
  <c r="AD150134" i="1"/>
  <c r="AD150135" i="1"/>
  <c r="AD150136" i="1"/>
  <c r="AD150137" i="1"/>
  <c r="AD150138" i="1"/>
  <c r="AD150139" i="1"/>
  <c r="AD150140" i="1"/>
  <c r="AD150141" i="1"/>
  <c r="AD150142" i="1"/>
  <c r="AD150143" i="1"/>
  <c r="AD150144" i="1"/>
  <c r="AD150145" i="1"/>
  <c r="AD150146" i="1"/>
  <c r="AD150147" i="1"/>
  <c r="AD150148" i="1"/>
  <c r="AD150149" i="1"/>
  <c r="AD150150" i="1"/>
  <c r="AD150151" i="1"/>
  <c r="AD150152" i="1"/>
  <c r="AD150153" i="1"/>
  <c r="AD150154" i="1"/>
  <c r="AD150155" i="1"/>
  <c r="AD150156" i="1"/>
  <c r="AD150157" i="1"/>
  <c r="AD150158" i="1"/>
  <c r="AD150159" i="1"/>
  <c r="AD150160" i="1"/>
  <c r="AD150161" i="1"/>
  <c r="AD150162" i="1"/>
  <c r="AD150163" i="1"/>
  <c r="AD150164" i="1"/>
  <c r="AD150165" i="1"/>
  <c r="AD150166" i="1"/>
  <c r="AD150167" i="1"/>
  <c r="AD150168" i="1"/>
  <c r="AD150169" i="1"/>
  <c r="AD150170" i="1"/>
  <c r="AD150171" i="1"/>
  <c r="AD150172" i="1"/>
  <c r="AD150173" i="1"/>
  <c r="AD150174" i="1"/>
  <c r="AD150175" i="1"/>
  <c r="AD150176" i="1"/>
  <c r="AD150177" i="1"/>
  <c r="AD150178" i="1"/>
  <c r="AD150179" i="1"/>
  <c r="AD150180" i="1"/>
  <c r="AD150181" i="1"/>
  <c r="AD150182" i="1"/>
  <c r="AD150183" i="1"/>
  <c r="AD150184" i="1"/>
  <c r="AD150185" i="1"/>
  <c r="AD150186" i="1"/>
  <c r="AD150187" i="1"/>
  <c r="AD150188" i="1"/>
  <c r="AD150189" i="1"/>
  <c r="AD150190" i="1"/>
  <c r="AD150191" i="1"/>
  <c r="AD150192" i="1"/>
  <c r="AD150193" i="1"/>
  <c r="AD150194" i="1"/>
  <c r="AD150195" i="1"/>
  <c r="AD150196" i="1"/>
  <c r="AD150197" i="1"/>
  <c r="AD150198" i="1"/>
  <c r="AD150199" i="1"/>
  <c r="AD150200" i="1"/>
  <c r="AD150201" i="1"/>
  <c r="AD150202" i="1"/>
  <c r="AD150203" i="1"/>
  <c r="AD150204" i="1"/>
  <c r="AD150205" i="1"/>
  <c r="AD150206" i="1"/>
  <c r="AD150207" i="1"/>
  <c r="AD150208" i="1"/>
  <c r="AD150209" i="1"/>
  <c r="AD150210" i="1"/>
  <c r="AD150211" i="1"/>
  <c r="AD150212" i="1"/>
  <c r="AD150213" i="1"/>
  <c r="AD150214" i="1"/>
  <c r="AD150215" i="1"/>
  <c r="AD150216" i="1"/>
  <c r="AD150217" i="1"/>
  <c r="AD150218" i="1"/>
  <c r="AD150219" i="1"/>
  <c r="AD150220" i="1"/>
  <c r="AD150221" i="1"/>
  <c r="AD150222" i="1"/>
  <c r="AD150223" i="1"/>
  <c r="AD150224" i="1"/>
  <c r="AD150225" i="1"/>
  <c r="AD150226" i="1"/>
  <c r="AD150227" i="1"/>
  <c r="AD150228" i="1"/>
  <c r="AD150229" i="1"/>
  <c r="AD150230" i="1"/>
  <c r="AD150231" i="1"/>
  <c r="AD150232" i="1"/>
  <c r="AD150233" i="1"/>
  <c r="AD150234" i="1"/>
  <c r="AD150235" i="1"/>
  <c r="AD150236" i="1"/>
  <c r="AD150237" i="1"/>
  <c r="AD150238" i="1"/>
  <c r="AD150239" i="1"/>
  <c r="AD150240" i="1"/>
  <c r="AD150241" i="1"/>
  <c r="AD150242" i="1"/>
  <c r="AD150243" i="1"/>
  <c r="AD150244" i="1"/>
  <c r="AD150245" i="1"/>
  <c r="AD150246" i="1"/>
  <c r="AD150247" i="1"/>
  <c r="AD150248" i="1"/>
  <c r="AD150249" i="1"/>
  <c r="AD150250" i="1"/>
  <c r="AD150251" i="1"/>
  <c r="AD150252" i="1"/>
  <c r="AD150253" i="1"/>
  <c r="AD150254" i="1"/>
  <c r="AD150255" i="1"/>
  <c r="AD150256" i="1"/>
  <c r="AD150257" i="1"/>
  <c r="AD150258" i="1"/>
  <c r="AD150259" i="1"/>
  <c r="AD150260" i="1"/>
  <c r="AD150261" i="1"/>
  <c r="AD150262" i="1"/>
  <c r="AD150263" i="1"/>
  <c r="AD150264" i="1"/>
  <c r="AD150265" i="1"/>
  <c r="AD150266" i="1"/>
  <c r="AD150267" i="1"/>
  <c r="AD150268" i="1"/>
  <c r="AD150269" i="1"/>
  <c r="AD150270" i="1"/>
  <c r="AD150271" i="1"/>
  <c r="AD150272" i="1"/>
  <c r="AD150273" i="1"/>
  <c r="AD150274" i="1"/>
  <c r="AD150275" i="1"/>
  <c r="AD150276" i="1"/>
  <c r="AD150277" i="1"/>
  <c r="AD150278" i="1"/>
  <c r="AD150279" i="1"/>
  <c r="AD150280" i="1"/>
  <c r="AD150281" i="1"/>
  <c r="AD150282" i="1"/>
  <c r="AD150283" i="1"/>
  <c r="AD150284" i="1"/>
  <c r="AD150285" i="1"/>
  <c r="AD150286" i="1"/>
  <c r="AD150287" i="1"/>
  <c r="AD150288" i="1"/>
  <c r="AD150289" i="1"/>
  <c r="AD150290" i="1"/>
  <c r="AD150291" i="1"/>
  <c r="AD150292" i="1"/>
  <c r="AD150293" i="1"/>
  <c r="AD150294" i="1"/>
  <c r="AD150295" i="1"/>
  <c r="AD150296" i="1"/>
  <c r="AD150297" i="1"/>
  <c r="AD150298" i="1"/>
  <c r="AD150299" i="1"/>
  <c r="AD150300" i="1"/>
  <c r="AD150301" i="1"/>
  <c r="AD150302" i="1"/>
  <c r="AD150303" i="1"/>
  <c r="AD150304" i="1"/>
  <c r="AD150305" i="1"/>
  <c r="AD150306" i="1"/>
  <c r="AD150307" i="1"/>
  <c r="AD150308" i="1"/>
  <c r="AD150309" i="1"/>
  <c r="AD150310" i="1"/>
  <c r="AD150311" i="1"/>
  <c r="AD150312" i="1"/>
  <c r="AD150313" i="1"/>
  <c r="AD150314" i="1"/>
  <c r="AD150315" i="1"/>
  <c r="AD150316" i="1"/>
  <c r="AD150317" i="1"/>
  <c r="AD150318" i="1"/>
  <c r="AD150319" i="1"/>
  <c r="AD150320" i="1"/>
  <c r="AD150321" i="1"/>
  <c r="AD150322" i="1"/>
  <c r="AD150323" i="1"/>
  <c r="AD150324" i="1"/>
  <c r="AD150325" i="1"/>
  <c r="AD150326" i="1"/>
  <c r="AD150327" i="1"/>
  <c r="AD150328" i="1"/>
  <c r="AD150329" i="1"/>
  <c r="AD150330" i="1"/>
  <c r="AD150331" i="1"/>
  <c r="AD150332" i="1"/>
  <c r="AD150333" i="1"/>
  <c r="AD150334" i="1"/>
  <c r="AD150335" i="1"/>
  <c r="AD150336" i="1"/>
  <c r="AD150337" i="1"/>
  <c r="AD150338" i="1"/>
  <c r="AD150339" i="1"/>
  <c r="AD150340" i="1"/>
  <c r="AD150341" i="1"/>
  <c r="AD150342" i="1"/>
  <c r="AD150343" i="1"/>
  <c r="AD150344" i="1"/>
  <c r="AD150345" i="1"/>
  <c r="AD150346" i="1"/>
  <c r="AD150347" i="1"/>
  <c r="AD150348" i="1"/>
  <c r="AD150349" i="1"/>
  <c r="AD150350" i="1"/>
  <c r="AD150351" i="1"/>
  <c r="AD150352" i="1"/>
  <c r="AD150353" i="1"/>
  <c r="AD150354" i="1"/>
  <c r="AD150355" i="1"/>
  <c r="AD150356" i="1"/>
  <c r="AD150357" i="1"/>
  <c r="AD150358" i="1"/>
  <c r="AD150359" i="1"/>
  <c r="AD150360" i="1"/>
  <c r="AD150361" i="1"/>
  <c r="AD150362" i="1"/>
  <c r="AD150363" i="1"/>
  <c r="AD150364" i="1"/>
  <c r="AD150365" i="1"/>
  <c r="AD150366" i="1"/>
  <c r="AD150367" i="1"/>
  <c r="AD150368" i="1"/>
  <c r="AD150369" i="1"/>
  <c r="AD150370" i="1"/>
  <c r="AD150371" i="1"/>
  <c r="AD150372" i="1"/>
  <c r="AD150373" i="1"/>
  <c r="AD150374" i="1"/>
  <c r="AD150375" i="1"/>
  <c r="AD150376" i="1"/>
  <c r="AD150377" i="1"/>
  <c r="AD150378" i="1"/>
  <c r="AD150379" i="1"/>
  <c r="AD150380" i="1"/>
  <c r="AD150381" i="1"/>
  <c r="AD150382" i="1"/>
  <c r="AD150383" i="1"/>
  <c r="AD150384" i="1"/>
  <c r="AD150385" i="1"/>
  <c r="AD150386" i="1"/>
  <c r="AD150387" i="1"/>
  <c r="AD150388" i="1"/>
  <c r="AD150389" i="1"/>
  <c r="AD150390" i="1"/>
  <c r="AD150391" i="1"/>
  <c r="AD150392" i="1"/>
  <c r="AD150393" i="1"/>
  <c r="AD150394" i="1"/>
  <c r="AD150395" i="1"/>
  <c r="AD150396" i="1"/>
  <c r="AD150397" i="1"/>
  <c r="AD150398" i="1"/>
  <c r="AD150399" i="1"/>
  <c r="AD150400" i="1"/>
  <c r="AD150401" i="1"/>
  <c r="AD150402" i="1"/>
  <c r="AD150403" i="1"/>
  <c r="AD150404" i="1"/>
  <c r="AD150405" i="1"/>
  <c r="AD150406" i="1"/>
  <c r="AD150407" i="1"/>
  <c r="AD150408" i="1"/>
  <c r="AD150409" i="1"/>
  <c r="AD150410" i="1"/>
  <c r="AD150411" i="1"/>
  <c r="AD150412" i="1"/>
  <c r="AD150413" i="1"/>
  <c r="AD150414" i="1"/>
  <c r="AD150415" i="1"/>
  <c r="AD150416" i="1"/>
  <c r="AD150417" i="1"/>
  <c r="AD150418" i="1"/>
  <c r="AD150419" i="1"/>
  <c r="AD150420" i="1"/>
  <c r="AD150421" i="1"/>
  <c r="AD150422" i="1"/>
  <c r="AD150423" i="1"/>
  <c r="AD150424" i="1"/>
  <c r="AD150425" i="1"/>
  <c r="AD150426" i="1"/>
  <c r="AD150427" i="1"/>
  <c r="AD150428" i="1"/>
  <c r="AD150429" i="1"/>
  <c r="AD150430" i="1"/>
  <c r="AD150431" i="1"/>
  <c r="AD150432" i="1"/>
  <c r="AD150433" i="1"/>
  <c r="AD150434" i="1"/>
  <c r="AD150435" i="1"/>
  <c r="AD150436" i="1"/>
  <c r="AD150437" i="1"/>
  <c r="AD150438" i="1"/>
  <c r="AD150439" i="1"/>
  <c r="AD150440" i="1"/>
  <c r="AD150441" i="1"/>
  <c r="AD150442" i="1"/>
  <c r="AD150443" i="1"/>
  <c r="AD150444" i="1"/>
  <c r="AD150445" i="1"/>
  <c r="AD150446" i="1"/>
  <c r="AD150447" i="1"/>
  <c r="AD150448" i="1"/>
  <c r="AD150449" i="1"/>
  <c r="AD150450" i="1"/>
  <c r="AD150451" i="1"/>
  <c r="AD150452" i="1"/>
  <c r="AD150453" i="1"/>
  <c r="AD150454" i="1"/>
  <c r="AD150455" i="1"/>
  <c r="AD150456" i="1"/>
  <c r="AD150457" i="1"/>
  <c r="AD150458" i="1"/>
  <c r="AD150459" i="1"/>
  <c r="AD150460" i="1"/>
  <c r="AD150461" i="1"/>
  <c r="AD150462" i="1"/>
  <c r="AD150463" i="1"/>
  <c r="AD150464" i="1"/>
  <c r="AD150465" i="1"/>
  <c r="AD150466" i="1"/>
  <c r="AD150467" i="1"/>
  <c r="AD150468" i="1"/>
  <c r="AD150469" i="1"/>
  <c r="AD150470" i="1"/>
  <c r="AD150471" i="1"/>
  <c r="AD150472" i="1"/>
  <c r="AD150473" i="1"/>
  <c r="AD150474" i="1"/>
  <c r="AD150475" i="1"/>
  <c r="AD150476" i="1"/>
  <c r="AD150477" i="1"/>
  <c r="AD150478" i="1"/>
  <c r="AD150479" i="1"/>
  <c r="AD150480" i="1"/>
  <c r="AD150481" i="1"/>
  <c r="AD150482" i="1"/>
  <c r="AD150483" i="1"/>
  <c r="AD150484" i="1"/>
  <c r="AD150485" i="1"/>
  <c r="AD150486" i="1"/>
  <c r="AD150487" i="1"/>
  <c r="AD150488" i="1"/>
  <c r="AD150489" i="1"/>
  <c r="AD150490" i="1"/>
  <c r="AD150491" i="1"/>
  <c r="AD150492" i="1"/>
  <c r="AD150493" i="1"/>
  <c r="AD150494" i="1"/>
  <c r="AD150495" i="1"/>
  <c r="AD150496" i="1"/>
  <c r="AD150497" i="1"/>
  <c r="AD150498" i="1"/>
  <c r="AD150499" i="1"/>
  <c r="AD150500" i="1"/>
  <c r="AD150501" i="1"/>
  <c r="AD150502" i="1"/>
  <c r="AD150503" i="1"/>
  <c r="AD150504" i="1"/>
  <c r="AD150505" i="1"/>
  <c r="AD150506" i="1"/>
  <c r="AD150507" i="1"/>
  <c r="AD150508" i="1"/>
  <c r="AD150509" i="1"/>
  <c r="AD150510" i="1"/>
  <c r="AD150511" i="1"/>
  <c r="AD150512" i="1"/>
  <c r="AD150513" i="1"/>
  <c r="AD150514" i="1"/>
  <c r="AD150515" i="1"/>
  <c r="AD150516" i="1"/>
  <c r="AD150517" i="1"/>
  <c r="AD150518" i="1"/>
  <c r="AD150519" i="1"/>
  <c r="AD150520" i="1"/>
  <c r="AD150521" i="1"/>
  <c r="AD150522" i="1"/>
  <c r="AD150523" i="1"/>
  <c r="AD150524" i="1"/>
  <c r="AD150525" i="1"/>
  <c r="AD150526" i="1"/>
  <c r="AD150527" i="1"/>
  <c r="AD150528" i="1"/>
  <c r="AD150529" i="1"/>
  <c r="AD150530" i="1"/>
  <c r="AD150531" i="1"/>
  <c r="AD150532" i="1"/>
  <c r="AD150533" i="1"/>
  <c r="AD150534" i="1"/>
  <c r="AD150535" i="1"/>
  <c r="AD150536" i="1"/>
  <c r="AD150537" i="1"/>
  <c r="AD150538" i="1"/>
  <c r="AD150539" i="1"/>
  <c r="AD150540" i="1"/>
  <c r="AD150541" i="1"/>
  <c r="AD150542" i="1"/>
  <c r="AD150543" i="1"/>
  <c r="AD150544" i="1"/>
  <c r="AD150545" i="1"/>
  <c r="AD150546" i="1"/>
  <c r="AD150547" i="1"/>
  <c r="AD150548" i="1"/>
  <c r="AD150549" i="1"/>
  <c r="AD150550" i="1"/>
  <c r="AD150551" i="1"/>
  <c r="AD150552" i="1"/>
  <c r="AD150553" i="1"/>
  <c r="AD150554" i="1"/>
  <c r="AD150555" i="1"/>
  <c r="AD150556" i="1"/>
  <c r="AD150557" i="1"/>
  <c r="AD150558" i="1"/>
  <c r="AD150559" i="1"/>
  <c r="AD150560" i="1"/>
  <c r="AD150561" i="1"/>
  <c r="AD150562" i="1"/>
  <c r="AD150563" i="1"/>
  <c r="AD150564" i="1"/>
  <c r="AD150565" i="1"/>
  <c r="AD150566" i="1"/>
  <c r="AD150567" i="1"/>
  <c r="AD150568" i="1"/>
  <c r="AD150569" i="1"/>
  <c r="AD150570" i="1"/>
  <c r="AD150571" i="1"/>
  <c r="AD150572" i="1"/>
  <c r="AD150573" i="1"/>
  <c r="AD150574" i="1"/>
  <c r="AD150575" i="1"/>
  <c r="AD150576" i="1"/>
  <c r="AD150577" i="1"/>
  <c r="AD150578" i="1"/>
  <c r="AD150579" i="1"/>
  <c r="AD150580" i="1"/>
  <c r="AD150581" i="1"/>
  <c r="AD150582" i="1"/>
  <c r="AD150583" i="1"/>
  <c r="AD150584" i="1"/>
  <c r="AD150585" i="1"/>
  <c r="AD150586" i="1"/>
  <c r="AD150587" i="1"/>
  <c r="AD150588" i="1"/>
  <c r="AD150589" i="1"/>
  <c r="AD150590" i="1"/>
  <c r="AD150591" i="1"/>
  <c r="AD150592" i="1"/>
  <c r="AD150593" i="1"/>
  <c r="AD150594" i="1"/>
  <c r="AD150595" i="1"/>
  <c r="AD150596" i="1"/>
  <c r="AD150597" i="1"/>
  <c r="AD150598" i="1"/>
  <c r="AD150599" i="1"/>
  <c r="AD150600" i="1"/>
  <c r="AD150601" i="1"/>
  <c r="AD150602" i="1"/>
  <c r="AD150603" i="1"/>
  <c r="AD150604" i="1"/>
  <c r="AD150605" i="1"/>
  <c r="AD150606" i="1"/>
  <c r="AD150607" i="1"/>
  <c r="AD150608" i="1"/>
  <c r="AD150609" i="1"/>
  <c r="AD150610" i="1"/>
  <c r="AD150611" i="1"/>
  <c r="AD150612" i="1"/>
  <c r="AD150613" i="1"/>
  <c r="AD150614" i="1"/>
  <c r="AD150615" i="1"/>
  <c r="AD150616" i="1"/>
  <c r="AD150617" i="1"/>
  <c r="AD150618" i="1"/>
  <c r="AD150619" i="1"/>
  <c r="AD150620" i="1"/>
  <c r="AD150621" i="1"/>
  <c r="AD150622" i="1"/>
  <c r="AD150623" i="1"/>
  <c r="AD150624" i="1"/>
  <c r="AD150625" i="1"/>
  <c r="AD150626" i="1"/>
  <c r="AD150627" i="1"/>
  <c r="AD150628" i="1"/>
  <c r="AD150629" i="1"/>
  <c r="AD150630" i="1"/>
  <c r="AD150631" i="1"/>
  <c r="AD150632" i="1"/>
  <c r="AD150633" i="1"/>
  <c r="AD150634" i="1"/>
  <c r="AD150635" i="1"/>
  <c r="AD150636" i="1"/>
  <c r="AD150637" i="1"/>
  <c r="AD150638" i="1"/>
  <c r="AD150639" i="1"/>
  <c r="AD150640" i="1"/>
  <c r="AD150641" i="1"/>
  <c r="AD150642" i="1"/>
  <c r="AD150643" i="1"/>
  <c r="AD150644" i="1"/>
  <c r="AD150645" i="1"/>
  <c r="AD150646" i="1"/>
  <c r="AD150647" i="1"/>
  <c r="AD150648" i="1"/>
  <c r="AD150649" i="1"/>
  <c r="AD150650" i="1"/>
  <c r="AD150651" i="1"/>
  <c r="AD150652" i="1"/>
  <c r="AD150653" i="1"/>
  <c r="AD150654" i="1"/>
  <c r="AD150655" i="1"/>
  <c r="AD150656" i="1"/>
  <c r="AD150657" i="1"/>
  <c r="AD150658" i="1"/>
  <c r="AD150659" i="1"/>
  <c r="AD150660" i="1"/>
  <c r="AD150661" i="1"/>
  <c r="AD150662" i="1"/>
  <c r="AD150663" i="1"/>
  <c r="AD150664" i="1"/>
  <c r="AD150665" i="1"/>
  <c r="AD150666" i="1"/>
  <c r="AD150667" i="1"/>
  <c r="AD150668" i="1"/>
  <c r="AD150669" i="1"/>
  <c r="AD150670" i="1"/>
  <c r="AD150671" i="1"/>
  <c r="AD150672" i="1"/>
  <c r="AD150673" i="1"/>
  <c r="AD150674" i="1"/>
  <c r="AD150675" i="1"/>
  <c r="AD150676" i="1"/>
  <c r="AD150677" i="1"/>
  <c r="AD150678" i="1"/>
  <c r="AD150679" i="1"/>
  <c r="AD150680" i="1"/>
  <c r="AD150681" i="1"/>
  <c r="AD150682" i="1"/>
  <c r="AD150683" i="1"/>
  <c r="AD150684" i="1"/>
  <c r="AD150685" i="1"/>
  <c r="AD150686" i="1"/>
  <c r="AD150687" i="1"/>
  <c r="AD150688" i="1"/>
  <c r="AD150689" i="1"/>
  <c r="AD150690" i="1"/>
  <c r="AD150691" i="1"/>
  <c r="AD150692" i="1"/>
  <c r="AD150693" i="1"/>
  <c r="AD150694" i="1"/>
  <c r="AD150695" i="1"/>
  <c r="AD150696" i="1"/>
  <c r="AD150697" i="1"/>
  <c r="AD150698" i="1"/>
  <c r="AD150699" i="1"/>
  <c r="AD150700" i="1"/>
  <c r="AD150701" i="1"/>
  <c r="AD150702" i="1"/>
  <c r="AD150703" i="1"/>
  <c r="AD150704" i="1"/>
  <c r="AD150705" i="1"/>
  <c r="AD150706" i="1"/>
  <c r="AD150707" i="1"/>
  <c r="AD150708" i="1"/>
  <c r="AD150709" i="1"/>
  <c r="AD150710" i="1"/>
  <c r="AD150711" i="1"/>
  <c r="AD150712" i="1"/>
  <c r="AD150713" i="1"/>
  <c r="AD150714" i="1"/>
  <c r="AD150715" i="1"/>
  <c r="AD150716" i="1"/>
  <c r="AD150717" i="1"/>
  <c r="AD150718" i="1"/>
  <c r="AD150719" i="1"/>
  <c r="AD150720" i="1"/>
  <c r="AD150722" i="1"/>
  <c r="AD150723" i="1"/>
  <c r="AD150724" i="1"/>
  <c r="AD150725" i="1"/>
  <c r="AD150726" i="1"/>
  <c r="AD150727" i="1"/>
  <c r="AD150728" i="1"/>
  <c r="AD150729" i="1"/>
  <c r="AD150730" i="1"/>
  <c r="AD150731" i="1"/>
  <c r="AD150732" i="1"/>
  <c r="AD150733" i="1"/>
  <c r="AD150734" i="1"/>
  <c r="AD150735" i="1"/>
  <c r="AD150736" i="1"/>
  <c r="AD150737" i="1"/>
  <c r="AD150738" i="1"/>
  <c r="AD150739" i="1"/>
  <c r="AD150740" i="1"/>
  <c r="AD150741" i="1"/>
  <c r="AD150742" i="1"/>
  <c r="AD150743" i="1"/>
  <c r="AD150744" i="1"/>
  <c r="AD150746" i="1"/>
  <c r="AD150747" i="1"/>
  <c r="AD150748" i="1"/>
  <c r="AD150749" i="1"/>
  <c r="AD150750" i="1"/>
  <c r="AD150751" i="1"/>
  <c r="AD150752" i="1"/>
  <c r="AD150753" i="1"/>
  <c r="AD150754" i="1"/>
  <c r="AD150755" i="1"/>
  <c r="AD150756" i="1"/>
  <c r="AD150758" i="1"/>
  <c r="AD150759" i="1"/>
  <c r="AD150760" i="1"/>
  <c r="AD150761" i="1"/>
  <c r="AD150762" i="1"/>
  <c r="AD150763" i="1"/>
  <c r="AD150764" i="1"/>
  <c r="AD150765" i="1"/>
  <c r="AD150766" i="1"/>
  <c r="AD150767" i="1"/>
  <c r="AD150768" i="1"/>
  <c r="AD150770" i="1"/>
  <c r="AD150771" i="1"/>
  <c r="AD150772" i="1"/>
  <c r="AD150773" i="1"/>
  <c r="AD150774" i="1"/>
  <c r="AD150775" i="1"/>
  <c r="AD150776" i="1"/>
  <c r="AD150777" i="1"/>
  <c r="AD150778" i="1"/>
  <c r="AD150779" i="1"/>
  <c r="AD150780" i="1"/>
  <c r="AD150782" i="1"/>
  <c r="AD150783" i="1"/>
  <c r="AD150784" i="1"/>
  <c r="AD150785" i="1"/>
  <c r="AD150786" i="1"/>
  <c r="AD150787" i="1"/>
  <c r="AD150788" i="1"/>
  <c r="AD150789" i="1"/>
  <c r="AD150790" i="1"/>
  <c r="AD150791" i="1"/>
  <c r="AD150792" i="1"/>
  <c r="AD150794" i="1"/>
  <c r="AD150795" i="1"/>
  <c r="AD150796" i="1"/>
  <c r="AD150797" i="1"/>
  <c r="AD150798" i="1"/>
  <c r="AD150799" i="1"/>
  <c r="AD150800" i="1"/>
  <c r="AD150801" i="1"/>
  <c r="AD150802" i="1"/>
  <c r="AD150803" i="1"/>
  <c r="AD150804" i="1"/>
  <c r="AD150806" i="1"/>
  <c r="AD150807" i="1"/>
  <c r="AD150808" i="1"/>
  <c r="AD150809" i="1"/>
  <c r="AD150810" i="1"/>
  <c r="AD150811" i="1"/>
  <c r="AD150812" i="1"/>
  <c r="AD150813" i="1"/>
  <c r="AD150814" i="1"/>
  <c r="AD150815" i="1"/>
  <c r="AD150816" i="1"/>
  <c r="AD150818" i="1"/>
  <c r="AD150819" i="1"/>
  <c r="AD150820" i="1"/>
  <c r="AD150821" i="1"/>
  <c r="AD150822" i="1"/>
  <c r="AD150823" i="1"/>
  <c r="AD150824" i="1"/>
  <c r="AD150825" i="1"/>
  <c r="AD150826" i="1"/>
  <c r="AD150827" i="1"/>
  <c r="AD150828" i="1"/>
  <c r="AD150830" i="1"/>
  <c r="AD150831" i="1"/>
  <c r="AD150832" i="1"/>
  <c r="AD150833" i="1"/>
  <c r="AD150834" i="1"/>
  <c r="AD150835" i="1"/>
  <c r="AD150836" i="1"/>
  <c r="AD150837" i="1"/>
  <c r="AD150838" i="1"/>
  <c r="AD150839" i="1"/>
  <c r="AD150840" i="1"/>
  <c r="AD150842" i="1"/>
  <c r="AD150843" i="1"/>
  <c r="AD150844" i="1"/>
  <c r="AD150845" i="1"/>
  <c r="AD150846" i="1"/>
  <c r="AD150847" i="1"/>
  <c r="AD150848" i="1"/>
  <c r="AD150849" i="1"/>
  <c r="AD150850" i="1"/>
  <c r="AD150851" i="1"/>
  <c r="AD150852" i="1"/>
  <c r="AD150854" i="1"/>
  <c r="AD150855" i="1"/>
  <c r="AD150856" i="1"/>
  <c r="AD150857" i="1"/>
  <c r="AD150858" i="1"/>
  <c r="AD150859" i="1"/>
  <c r="AD150860" i="1"/>
  <c r="AD150861" i="1"/>
  <c r="AD150862" i="1"/>
  <c r="AD150863" i="1"/>
  <c r="AD150864" i="1"/>
  <c r="AD150866" i="1"/>
  <c r="AD150867" i="1"/>
  <c r="AD150868" i="1"/>
  <c r="AD150869" i="1"/>
  <c r="AD150870" i="1"/>
  <c r="AD150871" i="1"/>
  <c r="AD150872" i="1"/>
  <c r="AD150873" i="1"/>
  <c r="AD150874" i="1"/>
  <c r="AD150875" i="1"/>
  <c r="AD150876" i="1"/>
  <c r="AD150878" i="1"/>
  <c r="AD150879" i="1"/>
  <c r="AD150880" i="1"/>
  <c r="AD150881" i="1"/>
  <c r="AD150882" i="1"/>
  <c r="AD150883" i="1"/>
  <c r="AD150884" i="1"/>
  <c r="AD150885" i="1"/>
  <c r="AD150886" i="1"/>
  <c r="AD150887" i="1"/>
  <c r="AD150888" i="1"/>
  <c r="AD150890" i="1"/>
  <c r="AD150891" i="1"/>
  <c r="AD150892" i="1"/>
  <c r="AD150893" i="1"/>
  <c r="AD150894" i="1"/>
  <c r="AD150895" i="1"/>
  <c r="AD150896" i="1"/>
  <c r="AD150897" i="1"/>
  <c r="AD150898" i="1"/>
  <c r="AD150899" i="1"/>
  <c r="AD150900" i="1"/>
  <c r="AD150902" i="1"/>
  <c r="AD150903" i="1"/>
  <c r="AD150904" i="1"/>
  <c r="AD150905" i="1"/>
  <c r="AD150906" i="1"/>
  <c r="AD150907" i="1"/>
  <c r="AD150908" i="1"/>
  <c r="AD150909" i="1"/>
  <c r="AD150910" i="1"/>
  <c r="AD150911" i="1"/>
  <c r="AD150912" i="1"/>
  <c r="AD150914" i="1"/>
  <c r="AD150915" i="1"/>
  <c r="AD150916" i="1"/>
  <c r="AD150917" i="1"/>
  <c r="AD150918" i="1"/>
  <c r="AD150919" i="1"/>
  <c r="AD150920" i="1"/>
  <c r="AD150921" i="1"/>
  <c r="AD150922" i="1"/>
  <c r="AD150923" i="1"/>
  <c r="AD150924" i="1"/>
  <c r="AD150926" i="1"/>
  <c r="AD150927" i="1"/>
  <c r="AD150928" i="1"/>
  <c r="AD150929" i="1"/>
  <c r="AD150930" i="1"/>
  <c r="AD150931" i="1"/>
  <c r="AD150932" i="1"/>
  <c r="AD150933" i="1"/>
  <c r="AD150934" i="1"/>
  <c r="AD150935" i="1"/>
  <c r="AD150936" i="1"/>
  <c r="AD150938" i="1"/>
  <c r="AD150939" i="1"/>
  <c r="AD150940" i="1"/>
  <c r="AD150941" i="1"/>
  <c r="AD150942" i="1"/>
  <c r="AD150943" i="1"/>
  <c r="AD150944" i="1"/>
  <c r="AD150945" i="1"/>
  <c r="AD150946" i="1"/>
  <c r="AD150947" i="1"/>
  <c r="AD150948" i="1"/>
  <c r="AD150950" i="1"/>
  <c r="AD150951" i="1"/>
  <c r="AD150952" i="1"/>
  <c r="AD150953" i="1"/>
  <c r="AD150954" i="1"/>
  <c r="AD150955" i="1"/>
  <c r="AD150956" i="1"/>
  <c r="AD150957" i="1"/>
  <c r="AD150958" i="1"/>
  <c r="AD150959" i="1"/>
  <c r="AD150960" i="1"/>
  <c r="AD150962" i="1"/>
  <c r="AD150963" i="1"/>
  <c r="AD150964" i="1"/>
  <c r="AD150965" i="1"/>
  <c r="AD150966" i="1"/>
  <c r="AD150967" i="1"/>
  <c r="AD150968" i="1"/>
  <c r="AD150969" i="1"/>
  <c r="AD150970" i="1"/>
  <c r="AD150971" i="1"/>
  <c r="AD150972" i="1"/>
  <c r="AD150974" i="1"/>
  <c r="AD150975" i="1"/>
  <c r="AD150976" i="1"/>
  <c r="AD150977" i="1"/>
  <c r="AD150978" i="1"/>
  <c r="AD150979" i="1"/>
  <c r="AD150980" i="1"/>
  <c r="AD150981" i="1"/>
  <c r="AD150982" i="1"/>
  <c r="AD150983" i="1"/>
  <c r="AD150984" i="1"/>
  <c r="AD150986" i="1"/>
  <c r="AD150987" i="1"/>
  <c r="AD150988" i="1"/>
  <c r="AD150989" i="1"/>
  <c r="AD150990" i="1"/>
  <c r="AD150991" i="1"/>
  <c r="AD150992" i="1"/>
  <c r="AD150993" i="1"/>
  <c r="AD150994" i="1"/>
  <c r="AD150995" i="1"/>
  <c r="AD150996" i="1"/>
  <c r="AD150998" i="1"/>
  <c r="AD150999" i="1"/>
  <c r="AD151000" i="1"/>
  <c r="AD151001" i="1"/>
  <c r="AD151002" i="1"/>
  <c r="AD151003" i="1"/>
  <c r="AD151004" i="1"/>
  <c r="AD151005" i="1"/>
  <c r="AD151006" i="1"/>
  <c r="AD151007" i="1"/>
  <c r="AD151008" i="1"/>
  <c r="AD151010" i="1"/>
  <c r="AD151011" i="1"/>
  <c r="AD151012" i="1"/>
  <c r="AD151013" i="1"/>
  <c r="AD151014" i="1"/>
  <c r="AD151015" i="1"/>
  <c r="AD151016" i="1"/>
  <c r="AD151017" i="1"/>
  <c r="AD151018" i="1"/>
  <c r="AD151019" i="1"/>
  <c r="AD151020" i="1"/>
  <c r="AD151022" i="1"/>
  <c r="AD151023" i="1"/>
  <c r="AD151024" i="1"/>
  <c r="AD151025" i="1"/>
  <c r="AD151026" i="1"/>
  <c r="AD151027" i="1"/>
  <c r="AD151028" i="1"/>
  <c r="AD151029" i="1"/>
  <c r="AD151030" i="1"/>
  <c r="AD151031" i="1"/>
  <c r="AD151032" i="1"/>
  <c r="AD151034" i="1"/>
  <c r="AD151035" i="1"/>
  <c r="AD151036" i="1"/>
  <c r="AD151037" i="1"/>
  <c r="AD151038" i="1"/>
  <c r="AD151039" i="1"/>
  <c r="AD151040" i="1"/>
  <c r="AD151041" i="1"/>
  <c r="AD151042" i="1"/>
  <c r="AD151043" i="1"/>
  <c r="AD151044" i="1"/>
  <c r="AD151046" i="1"/>
  <c r="AD151047" i="1"/>
  <c r="AD151048" i="1"/>
  <c r="AD151049" i="1"/>
  <c r="AD151050" i="1"/>
  <c r="AD151051" i="1"/>
  <c r="AD151052" i="1"/>
  <c r="AD151053" i="1"/>
  <c r="AD151054" i="1"/>
  <c r="AD151055" i="1"/>
  <c r="AD151056" i="1"/>
  <c r="AD151058" i="1"/>
  <c r="AD151059" i="1"/>
  <c r="AD151060" i="1"/>
  <c r="AD151061" i="1"/>
  <c r="AD151062" i="1"/>
  <c r="AD151063" i="1"/>
  <c r="AD151064" i="1"/>
  <c r="AD151065" i="1"/>
  <c r="AD151066" i="1"/>
  <c r="AD151067" i="1"/>
  <c r="AD151068" i="1"/>
  <c r="AD151070" i="1"/>
  <c r="AD151071" i="1"/>
  <c r="AD151072" i="1"/>
  <c r="AD151073" i="1"/>
  <c r="AD151074" i="1"/>
  <c r="AD151075" i="1"/>
  <c r="AD151076" i="1"/>
  <c r="AD151077" i="1"/>
  <c r="AD151078" i="1"/>
  <c r="AD151079" i="1"/>
  <c r="AD151080" i="1"/>
  <c r="AD151082" i="1"/>
  <c r="AD151083" i="1"/>
  <c r="AD151084" i="1"/>
  <c r="AD151085" i="1"/>
  <c r="AD151086" i="1"/>
  <c r="AD151087" i="1"/>
  <c r="AD151088" i="1"/>
  <c r="AD151089" i="1"/>
  <c r="AD151090" i="1"/>
  <c r="AD151091" i="1"/>
  <c r="AD151092" i="1"/>
  <c r="AD151094" i="1"/>
  <c r="AD151095" i="1"/>
  <c r="AD151096" i="1"/>
  <c r="AD151097" i="1"/>
  <c r="AD151098" i="1"/>
  <c r="AD151099" i="1"/>
  <c r="AD151100" i="1"/>
  <c r="AD151101" i="1"/>
  <c r="AD151102" i="1"/>
  <c r="AD151103" i="1"/>
  <c r="AD151104" i="1"/>
  <c r="AD151106" i="1"/>
  <c r="AD151107" i="1"/>
  <c r="AD151108" i="1"/>
  <c r="AD151109" i="1"/>
  <c r="AD151110" i="1"/>
  <c r="AD151111" i="1"/>
  <c r="AD151112" i="1"/>
  <c r="AD151113" i="1"/>
  <c r="AD151114" i="1"/>
  <c r="AD151115" i="1"/>
  <c r="AD151116" i="1"/>
  <c r="AD151118" i="1"/>
  <c r="AD151119" i="1"/>
  <c r="AD151120" i="1"/>
  <c r="AD151121" i="1"/>
  <c r="AD151122" i="1"/>
  <c r="AD151123" i="1"/>
  <c r="AD151124" i="1"/>
  <c r="AD151125" i="1"/>
  <c r="AD151126" i="1"/>
  <c r="AD151127" i="1"/>
  <c r="AD151128" i="1"/>
  <c r="AD151130" i="1"/>
  <c r="AD151131" i="1"/>
  <c r="AD151132" i="1"/>
  <c r="AD151133" i="1"/>
  <c r="AD151134" i="1"/>
  <c r="AD151135" i="1"/>
  <c r="AD151136" i="1"/>
  <c r="AD151137" i="1"/>
  <c r="AD151138" i="1"/>
  <c r="AD151139" i="1"/>
  <c r="AD151140" i="1"/>
  <c r="AD151142" i="1"/>
  <c r="AD151143" i="1"/>
  <c r="AD151144" i="1"/>
  <c r="AD151145" i="1"/>
  <c r="AD151146" i="1"/>
  <c r="AD151147" i="1"/>
  <c r="AD151148" i="1"/>
  <c r="AD151149" i="1"/>
  <c r="AD151150" i="1"/>
  <c r="AD151151" i="1"/>
  <c r="AD151152" i="1"/>
  <c r="AD151154" i="1"/>
  <c r="AD151155" i="1"/>
  <c r="AD151156" i="1"/>
  <c r="AD151157" i="1"/>
  <c r="AD151158" i="1"/>
  <c r="AD151159" i="1"/>
  <c r="AD151160" i="1"/>
  <c r="AD151161" i="1"/>
  <c r="AD151162" i="1"/>
  <c r="AD151163" i="1"/>
  <c r="AD151164" i="1"/>
  <c r="AD151166" i="1"/>
  <c r="AD151167" i="1"/>
  <c r="AD151168" i="1"/>
  <c r="AD151169" i="1"/>
  <c r="AD151170" i="1"/>
  <c r="AD151171" i="1"/>
  <c r="AD151172" i="1"/>
  <c r="AD151173" i="1"/>
  <c r="AD151174" i="1"/>
  <c r="AD151175" i="1"/>
  <c r="AD151176" i="1"/>
  <c r="AD151178" i="1"/>
  <c r="AD151179" i="1"/>
  <c r="AD151180" i="1"/>
  <c r="AD151181" i="1"/>
  <c r="AD151182" i="1"/>
  <c r="AD151183" i="1"/>
  <c r="AD151184" i="1"/>
  <c r="AD151185" i="1"/>
  <c r="AD151186" i="1"/>
  <c r="AD151187" i="1"/>
  <c r="AD151188" i="1"/>
  <c r="AD151190" i="1"/>
  <c r="AD151191" i="1"/>
  <c r="AD151192" i="1"/>
  <c r="AD151193" i="1"/>
  <c r="AD151194" i="1"/>
  <c r="AD151195" i="1"/>
  <c r="AD151196" i="1"/>
  <c r="AD151197" i="1"/>
  <c r="AD151198" i="1"/>
  <c r="AD151199" i="1"/>
  <c r="AD151200" i="1"/>
  <c r="AD151202" i="1"/>
  <c r="AD151203" i="1"/>
  <c r="AD151204" i="1"/>
  <c r="AD151205" i="1"/>
  <c r="AD151206" i="1"/>
  <c r="AD151207" i="1"/>
  <c r="AD151208" i="1"/>
  <c r="AD151209" i="1"/>
  <c r="AD151210" i="1"/>
  <c r="AD151211" i="1"/>
  <c r="AD151212" i="1"/>
  <c r="AD151214" i="1"/>
  <c r="AD151215" i="1"/>
  <c r="AD151216" i="1"/>
  <c r="AD151217" i="1"/>
  <c r="AD151218" i="1"/>
  <c r="AD151219" i="1"/>
  <c r="AD151220" i="1"/>
  <c r="AD151221" i="1"/>
  <c r="AD151222" i="1"/>
  <c r="AD151223" i="1"/>
  <c r="AD151224" i="1"/>
  <c r="AD151226" i="1"/>
  <c r="AD151227" i="1"/>
  <c r="AD151228" i="1"/>
  <c r="AD151229" i="1"/>
  <c r="AD151230" i="1"/>
  <c r="AD151231" i="1"/>
  <c r="AD151232" i="1"/>
  <c r="AD151233" i="1"/>
  <c r="AD151234" i="1"/>
  <c r="AD151235" i="1"/>
  <c r="AD151236" i="1"/>
  <c r="AD151238" i="1"/>
  <c r="AD151239" i="1"/>
  <c r="AD151240" i="1"/>
  <c r="AD151241" i="1"/>
  <c r="AD151242" i="1"/>
  <c r="AD151243" i="1"/>
  <c r="AD151244" i="1"/>
  <c r="AD151245" i="1"/>
  <c r="AD151246" i="1"/>
  <c r="AD151247" i="1"/>
  <c r="AD151248" i="1"/>
  <c r="AD151250" i="1"/>
  <c r="AD151251" i="1"/>
  <c r="AD151252" i="1"/>
  <c r="AD151253" i="1"/>
  <c r="AD151254" i="1"/>
  <c r="AD151255" i="1"/>
  <c r="AD151256" i="1"/>
  <c r="AD151257" i="1"/>
  <c r="AD151258" i="1"/>
  <c r="AD151259" i="1"/>
  <c r="AD151260" i="1"/>
  <c r="AD151262" i="1"/>
  <c r="AD151263" i="1"/>
  <c r="AD151264" i="1"/>
  <c r="AD151265" i="1"/>
  <c r="AD151266" i="1"/>
  <c r="AD151267" i="1"/>
  <c r="AD151268" i="1"/>
  <c r="AD151269" i="1"/>
  <c r="AD151270" i="1"/>
  <c r="AD151271" i="1"/>
  <c r="AD151272" i="1"/>
  <c r="AD151274" i="1"/>
  <c r="AD151275" i="1"/>
  <c r="AD151276" i="1"/>
  <c r="AD151277" i="1"/>
  <c r="AD151278" i="1"/>
  <c r="AD151279" i="1"/>
  <c r="AD151280" i="1"/>
  <c r="AD151281" i="1"/>
  <c r="AD151282" i="1"/>
  <c r="AD151283" i="1"/>
  <c r="AD151284" i="1"/>
  <c r="AD151286" i="1"/>
  <c r="AD151287" i="1"/>
  <c r="AD151288" i="1"/>
  <c r="AD151289" i="1"/>
  <c r="AD151290" i="1"/>
  <c r="AD151291" i="1"/>
  <c r="AD151292" i="1"/>
  <c r="AD151293" i="1"/>
  <c r="AD151294" i="1"/>
  <c r="AD151295" i="1"/>
  <c r="AD151296" i="1"/>
  <c r="AD151298" i="1"/>
  <c r="AD151299" i="1"/>
  <c r="AD151300" i="1"/>
  <c r="AD151301" i="1"/>
  <c r="AD151302" i="1"/>
  <c r="AD151303" i="1"/>
  <c r="AD151304" i="1"/>
  <c r="AD151305" i="1"/>
  <c r="AD151306" i="1"/>
  <c r="AD151307" i="1"/>
  <c r="AD151308" i="1"/>
  <c r="AD151310" i="1"/>
  <c r="AD151311" i="1"/>
  <c r="AD151312" i="1"/>
  <c r="AD151313" i="1"/>
  <c r="AD151314" i="1"/>
  <c r="AD151315" i="1"/>
  <c r="AD151316" i="1"/>
  <c r="AD151317" i="1"/>
  <c r="AD151318" i="1"/>
  <c r="AD151319" i="1"/>
  <c r="AD151320" i="1"/>
  <c r="AD151322" i="1"/>
  <c r="AD151323" i="1"/>
  <c r="AD151324" i="1"/>
  <c r="AD151325" i="1"/>
  <c r="AD151326" i="1"/>
  <c r="AD151327" i="1"/>
  <c r="AD151328" i="1"/>
  <c r="AD151329" i="1"/>
  <c r="AD151330" i="1"/>
  <c r="AD151331" i="1"/>
  <c r="AD151332" i="1"/>
  <c r="AD151334" i="1"/>
  <c r="AD151335" i="1"/>
  <c r="AD151336" i="1"/>
  <c r="AD151337" i="1"/>
  <c r="AD151338" i="1"/>
  <c r="AD151339" i="1"/>
  <c r="AD151340" i="1"/>
  <c r="AD151341" i="1"/>
  <c r="AD151342" i="1"/>
  <c r="AD151343" i="1"/>
  <c r="AD151344" i="1"/>
  <c r="AD151346" i="1"/>
  <c r="AD151347" i="1"/>
  <c r="AD151348" i="1"/>
  <c r="AD151349" i="1"/>
  <c r="AD151350" i="1"/>
  <c r="AD151351" i="1"/>
  <c r="AD151352" i="1"/>
  <c r="AD151353" i="1"/>
  <c r="AD151354" i="1"/>
  <c r="AD151355" i="1"/>
  <c r="AD151356" i="1"/>
  <c r="AD151358" i="1"/>
  <c r="AD151359" i="1"/>
  <c r="AD151360" i="1"/>
  <c r="AD151361" i="1"/>
  <c r="AD151362" i="1"/>
  <c r="AD151363" i="1"/>
  <c r="AD151364" i="1"/>
  <c r="AD151365" i="1"/>
  <c r="AD151366" i="1"/>
  <c r="AD151367" i="1"/>
  <c r="AD151368" i="1"/>
  <c r="AD151370" i="1"/>
  <c r="AD151371" i="1"/>
  <c r="AD151372" i="1"/>
  <c r="AD151373" i="1"/>
  <c r="AD151374" i="1"/>
  <c r="AD151375" i="1"/>
  <c r="AD151376" i="1"/>
  <c r="AD151377" i="1"/>
  <c r="AD151378" i="1"/>
  <c r="AD151379" i="1"/>
  <c r="AD151380" i="1"/>
  <c r="AD151382" i="1"/>
  <c r="AD151383" i="1"/>
  <c r="AD151384" i="1"/>
  <c r="AD151385" i="1"/>
  <c r="AD151386" i="1"/>
  <c r="AD151387" i="1"/>
  <c r="AD151388" i="1"/>
  <c r="AD151389" i="1"/>
  <c r="AD151390" i="1"/>
  <c r="AD151391" i="1"/>
  <c r="AD151392" i="1"/>
  <c r="AD151394" i="1"/>
  <c r="AD151395" i="1"/>
  <c r="AD151396" i="1"/>
  <c r="AD151397" i="1"/>
  <c r="AD151398" i="1"/>
  <c r="AD151399" i="1"/>
  <c r="AD151400" i="1"/>
  <c r="AD151401" i="1"/>
  <c r="AD151402" i="1"/>
  <c r="AD151403" i="1"/>
  <c r="AD151404" i="1"/>
  <c r="AD151406" i="1"/>
  <c r="AD151407" i="1"/>
  <c r="AD151408" i="1"/>
  <c r="AD151409" i="1"/>
  <c r="AD151410" i="1"/>
  <c r="AD151411" i="1"/>
  <c r="AD151412" i="1"/>
  <c r="AD151413" i="1"/>
  <c r="AD151414" i="1"/>
  <c r="AD151415" i="1"/>
  <c r="AD151416" i="1"/>
  <c r="AD151418" i="1"/>
  <c r="AD151419" i="1"/>
  <c r="AD151420" i="1"/>
  <c r="AD151421" i="1"/>
  <c r="AD151422" i="1"/>
  <c r="AD151423" i="1"/>
  <c r="AD151424" i="1"/>
  <c r="AD151425" i="1"/>
  <c r="AD151426" i="1"/>
  <c r="AD151427" i="1"/>
  <c r="AD151428" i="1"/>
  <c r="AD151430" i="1"/>
  <c r="AD151431" i="1"/>
  <c r="AD151432" i="1"/>
  <c r="AD151433" i="1"/>
  <c r="AD151434" i="1"/>
  <c r="AD151435" i="1"/>
  <c r="AD151436" i="1"/>
  <c r="AD151437" i="1"/>
  <c r="AD151438" i="1"/>
  <c r="AD151439" i="1"/>
  <c r="AD151440" i="1"/>
  <c r="AD151442" i="1"/>
  <c r="AD151443" i="1"/>
  <c r="AD151444" i="1"/>
  <c r="AD151445" i="1"/>
  <c r="AD151446" i="1"/>
  <c r="AD151447" i="1"/>
  <c r="AD151448" i="1"/>
  <c r="AD151449" i="1"/>
  <c r="AD151450" i="1"/>
  <c r="AD151451" i="1"/>
  <c r="AD151452" i="1"/>
  <c r="AD151454" i="1"/>
  <c r="AD151455" i="1"/>
  <c r="AD151456" i="1"/>
  <c r="AD151457" i="1"/>
  <c r="AD151458" i="1"/>
  <c r="AD151459" i="1"/>
  <c r="AD151460" i="1"/>
  <c r="AD151461" i="1"/>
  <c r="AD151462" i="1"/>
  <c r="AD151463" i="1"/>
  <c r="AD151464" i="1"/>
  <c r="AD151466" i="1"/>
  <c r="AD151467" i="1"/>
  <c r="AD151468" i="1"/>
  <c r="AD151469" i="1"/>
  <c r="AD151470" i="1"/>
  <c r="AD151471" i="1"/>
  <c r="AD151472" i="1"/>
  <c r="AD151473" i="1"/>
  <c r="AD151474" i="1"/>
  <c r="AD151475" i="1"/>
  <c r="AD151476" i="1"/>
  <c r="AD151478" i="1"/>
  <c r="AD151479" i="1"/>
  <c r="AD151480" i="1"/>
  <c r="AD151481" i="1"/>
  <c r="AD151482" i="1"/>
  <c r="AD151483" i="1"/>
  <c r="AD151484" i="1"/>
  <c r="AD151485" i="1"/>
  <c r="AD151486" i="1"/>
  <c r="AD151487" i="1"/>
  <c r="AD151488" i="1"/>
  <c r="AD151490" i="1"/>
  <c r="AD151491" i="1"/>
  <c r="AD151492" i="1"/>
  <c r="AD151493" i="1"/>
  <c r="AD151494" i="1"/>
  <c r="AD151495" i="1"/>
  <c r="AD151496" i="1"/>
  <c r="AD151497" i="1"/>
  <c r="AD151498" i="1"/>
  <c r="AD151499" i="1"/>
  <c r="AD151500" i="1"/>
  <c r="AD151502" i="1"/>
  <c r="AD151503" i="1"/>
  <c r="AD151504" i="1"/>
  <c r="AD151505" i="1"/>
  <c r="AD151506" i="1"/>
  <c r="AD151507" i="1"/>
  <c r="AD151508" i="1"/>
  <c r="AD151509" i="1"/>
  <c r="AD151510" i="1"/>
  <c r="AD151511" i="1"/>
  <c r="AD151512" i="1"/>
  <c r="AD151514" i="1"/>
  <c r="AD151515" i="1"/>
  <c r="AD151516" i="1"/>
  <c r="AD151517" i="1"/>
  <c r="AD151518" i="1"/>
  <c r="AD151519" i="1"/>
  <c r="AD151520" i="1"/>
  <c r="AD151521" i="1"/>
  <c r="AD151522" i="1"/>
  <c r="AD151523" i="1"/>
  <c r="AD151524" i="1"/>
  <c r="AD151526" i="1"/>
  <c r="AD151527" i="1"/>
  <c r="AD151528" i="1"/>
  <c r="AD151529" i="1"/>
  <c r="AD151530" i="1"/>
  <c r="AD151531" i="1"/>
  <c r="AD151532" i="1"/>
  <c r="AD151533" i="1"/>
  <c r="AD151534" i="1"/>
  <c r="AD151535" i="1"/>
  <c r="AD151536" i="1"/>
  <c r="AD151538" i="1"/>
  <c r="AD151539" i="1"/>
  <c r="AD151540" i="1"/>
  <c r="AD151541" i="1"/>
  <c r="AD151542" i="1"/>
  <c r="AD151543" i="1"/>
  <c r="AD151544" i="1"/>
  <c r="AD151545" i="1"/>
  <c r="AD151546" i="1"/>
  <c r="AD151547" i="1"/>
  <c r="AD151548" i="1"/>
  <c r="AD151550" i="1"/>
  <c r="AD151551" i="1"/>
  <c r="AD151552" i="1"/>
  <c r="AD151553" i="1"/>
  <c r="AD151554" i="1"/>
  <c r="AD151555" i="1"/>
  <c r="AD151556" i="1"/>
  <c r="AD151557" i="1"/>
  <c r="AD151558" i="1"/>
  <c r="AD151559" i="1"/>
  <c r="AD151560" i="1"/>
  <c r="AD151562" i="1"/>
  <c r="AD151563" i="1"/>
  <c r="AD151564" i="1"/>
  <c r="AD151565" i="1"/>
  <c r="AD151566" i="1"/>
  <c r="AD151567" i="1"/>
  <c r="AD151568" i="1"/>
  <c r="AD151569" i="1"/>
  <c r="AD151570" i="1"/>
  <c r="AD151571" i="1"/>
  <c r="AD151572" i="1"/>
  <c r="AD151574" i="1"/>
  <c r="AD151575" i="1"/>
  <c r="AD151576" i="1"/>
  <c r="AD151577" i="1"/>
  <c r="AD151578" i="1"/>
  <c r="AD151579" i="1"/>
  <c r="AD151580" i="1"/>
  <c r="AD151581" i="1"/>
  <c r="AD151582" i="1"/>
  <c r="AD151583" i="1"/>
  <c r="AD151584" i="1"/>
  <c r="AD151586" i="1"/>
  <c r="AD151587" i="1"/>
  <c r="AD151588" i="1"/>
  <c r="AD151589" i="1"/>
  <c r="AD151590" i="1"/>
  <c r="AD151591" i="1"/>
  <c r="AD151592" i="1"/>
  <c r="AD151593" i="1"/>
  <c r="AD151594" i="1"/>
  <c r="AD151595" i="1"/>
  <c r="AD151596" i="1"/>
  <c r="AD151598" i="1"/>
  <c r="AD151599" i="1"/>
  <c r="AD151600" i="1"/>
  <c r="AD151601" i="1"/>
  <c r="AD151602" i="1"/>
  <c r="AD151603" i="1"/>
  <c r="AD151604" i="1"/>
  <c r="AD151605" i="1"/>
  <c r="AD151606" i="1"/>
  <c r="AD151607" i="1"/>
  <c r="AD151608" i="1"/>
  <c r="AD151610" i="1"/>
  <c r="AD151611" i="1"/>
  <c r="AD151612" i="1"/>
  <c r="AD151613" i="1"/>
  <c r="AD151614" i="1"/>
  <c r="AD151615" i="1"/>
  <c r="AD151616" i="1"/>
  <c r="AD151617" i="1"/>
  <c r="AD151618" i="1"/>
  <c r="AD151619" i="1"/>
  <c r="AD151620" i="1"/>
  <c r="AD151622" i="1"/>
  <c r="AD151623" i="1"/>
  <c r="AD151624" i="1"/>
  <c r="AD151625" i="1"/>
  <c r="AD151626" i="1"/>
  <c r="AD151627" i="1"/>
  <c r="AD151628" i="1"/>
  <c r="AD151629" i="1"/>
  <c r="AD151630" i="1"/>
  <c r="AD151631" i="1"/>
  <c r="AD151632" i="1"/>
  <c r="AD151634" i="1"/>
  <c r="AD151635" i="1"/>
  <c r="AD151636" i="1"/>
  <c r="AD151637" i="1"/>
  <c r="AD151638" i="1"/>
  <c r="AD151639" i="1"/>
  <c r="AD151640" i="1"/>
  <c r="AD151641" i="1"/>
  <c r="AD151642" i="1"/>
  <c r="AD151643" i="1"/>
  <c r="AD151644" i="1"/>
  <c r="AD151646" i="1"/>
  <c r="AD151647" i="1"/>
  <c r="AD151648" i="1"/>
  <c r="AD151649" i="1"/>
  <c r="AD151650" i="1"/>
  <c r="AD151651" i="1"/>
  <c r="AD151652" i="1"/>
  <c r="AD151653" i="1"/>
  <c r="AD151654" i="1"/>
  <c r="AD151655" i="1"/>
  <c r="AD151656" i="1"/>
  <c r="AD151658" i="1"/>
  <c r="AD151659" i="1"/>
  <c r="AD151660" i="1"/>
  <c r="AD151661" i="1"/>
  <c r="AD151662" i="1"/>
  <c r="AD151663" i="1"/>
  <c r="AD151664" i="1"/>
  <c r="AD151665" i="1"/>
  <c r="AD151666" i="1"/>
  <c r="AD151667" i="1"/>
  <c r="AD151668" i="1"/>
  <c r="AD151670" i="1"/>
  <c r="AD151671" i="1"/>
  <c r="AD151672" i="1"/>
  <c r="AD151673" i="1"/>
  <c r="AD151674" i="1"/>
  <c r="AD151675" i="1"/>
  <c r="AD151676" i="1"/>
  <c r="AD151677" i="1"/>
  <c r="AD151678" i="1"/>
  <c r="AD151679" i="1"/>
  <c r="AD151680" i="1"/>
  <c r="AD151682" i="1"/>
  <c r="AD151683" i="1"/>
  <c r="AD151684" i="1"/>
  <c r="AD151685" i="1"/>
  <c r="AD151686" i="1"/>
  <c r="AD151687" i="1"/>
  <c r="AD151688" i="1"/>
  <c r="AD151689" i="1"/>
  <c r="AD151690" i="1"/>
  <c r="AD151691" i="1"/>
  <c r="AD151692" i="1"/>
  <c r="AD151694" i="1"/>
  <c r="AD151695" i="1"/>
  <c r="AD151696" i="1"/>
  <c r="AD151697" i="1"/>
  <c r="AD151698" i="1"/>
  <c r="AD151699" i="1"/>
  <c r="AD151700" i="1"/>
  <c r="AD151701" i="1"/>
  <c r="AD151702" i="1"/>
  <c r="AD151703" i="1"/>
  <c r="AD151704" i="1"/>
  <c r="AD151706" i="1"/>
  <c r="AD151707" i="1"/>
  <c r="AD151708" i="1"/>
  <c r="AD151709" i="1"/>
  <c r="AD151710" i="1"/>
  <c r="AD151711" i="1"/>
  <c r="AD151712" i="1"/>
  <c r="AD151713" i="1"/>
  <c r="AD151714" i="1"/>
  <c r="AD151715" i="1"/>
  <c r="AD151716" i="1"/>
  <c r="AD151718" i="1"/>
  <c r="AD151719" i="1"/>
  <c r="AD151720" i="1"/>
  <c r="AD151721" i="1"/>
  <c r="AD151722" i="1"/>
  <c r="AD151723" i="1"/>
  <c r="AD151724" i="1"/>
  <c r="AD151725" i="1"/>
  <c r="AD151726" i="1"/>
  <c r="AD151727" i="1"/>
  <c r="AD151728" i="1"/>
  <c r="AD151730" i="1"/>
  <c r="AD151731" i="1"/>
  <c r="AD151732" i="1"/>
  <c r="AD151733" i="1"/>
  <c r="AD151734" i="1"/>
  <c r="AD151735" i="1"/>
  <c r="AD151736" i="1"/>
  <c r="AD151737" i="1"/>
  <c r="AD151738" i="1"/>
  <c r="AD151739" i="1"/>
  <c r="AD151740" i="1"/>
  <c r="AD151742" i="1"/>
  <c r="AD151743" i="1"/>
  <c r="AD151744" i="1"/>
  <c r="AD151745" i="1"/>
  <c r="AD151746" i="1"/>
  <c r="AD151747" i="1"/>
  <c r="AD151748" i="1"/>
  <c r="AD151749" i="1"/>
  <c r="AD151750" i="1"/>
  <c r="AD151751" i="1"/>
  <c r="AD151752" i="1"/>
  <c r="AD151753" i="1"/>
  <c r="AD151754" i="1"/>
  <c r="AD151755" i="1"/>
  <c r="AD151756" i="1"/>
  <c r="AD151757" i="1"/>
  <c r="AD151758" i="1"/>
  <c r="AD151759" i="1"/>
  <c r="AD151760" i="1"/>
  <c r="AD151761" i="1"/>
  <c r="AD151762" i="1"/>
  <c r="AD151763" i="1"/>
  <c r="AD151764" i="1"/>
  <c r="AD151765" i="1"/>
  <c r="AD151766" i="1"/>
  <c r="AD151767" i="1"/>
  <c r="AD151768" i="1"/>
  <c r="AD151769" i="1"/>
  <c r="AD151770" i="1"/>
  <c r="AD151771" i="1"/>
  <c r="AD151772" i="1"/>
  <c r="AD151773" i="1"/>
  <c r="AD151774" i="1"/>
  <c r="AD151775" i="1"/>
  <c r="AD151776" i="1"/>
  <c r="AD151777" i="1"/>
  <c r="AD151778" i="1"/>
  <c r="AD151779" i="1"/>
  <c r="AD151780" i="1"/>
  <c r="AD151781" i="1"/>
  <c r="AD151782" i="1"/>
  <c r="AD151783" i="1"/>
  <c r="AD151784" i="1"/>
  <c r="AD151785" i="1"/>
  <c r="AD151786" i="1"/>
  <c r="AD151787" i="1"/>
  <c r="AD151788" i="1"/>
  <c r="AD151789" i="1"/>
  <c r="AD151790" i="1"/>
  <c r="AD151791" i="1"/>
  <c r="AD151792" i="1"/>
  <c r="AD151793" i="1"/>
  <c r="AD151794" i="1"/>
  <c r="AD151795" i="1"/>
  <c r="AD151796" i="1"/>
  <c r="AD151797" i="1"/>
  <c r="AD151798" i="1"/>
  <c r="AD151799" i="1"/>
  <c r="AD151800" i="1"/>
  <c r="AD151801" i="1"/>
  <c r="AD151802" i="1"/>
  <c r="AD151803" i="1"/>
  <c r="AD151804" i="1"/>
  <c r="AD151805" i="1"/>
  <c r="AD151806" i="1"/>
  <c r="AD151807" i="1"/>
  <c r="AD151808" i="1"/>
  <c r="AD151809" i="1"/>
  <c r="AD151810" i="1"/>
  <c r="AD151811" i="1"/>
  <c r="AD151812" i="1"/>
  <c r="AD151813" i="1"/>
  <c r="AD151814" i="1"/>
  <c r="AD151815" i="1"/>
  <c r="AD151816" i="1"/>
  <c r="AD151817" i="1"/>
  <c r="AD151818" i="1"/>
  <c r="AD151819" i="1"/>
  <c r="AD151820" i="1"/>
  <c r="AD151821" i="1"/>
  <c r="AD151822" i="1"/>
  <c r="AD151823" i="1"/>
  <c r="AD151824" i="1"/>
  <c r="AD151825" i="1"/>
  <c r="AD151826" i="1"/>
  <c r="AD151827" i="1"/>
  <c r="AD151828" i="1"/>
  <c r="AD151829" i="1"/>
  <c r="AD151830" i="1"/>
  <c r="AD151831" i="1"/>
  <c r="AD151832" i="1"/>
  <c r="AD151833" i="1"/>
  <c r="AD151834" i="1"/>
  <c r="AD151835" i="1"/>
  <c r="AD151836" i="1"/>
  <c r="AD151837" i="1"/>
  <c r="AD151838" i="1"/>
  <c r="AD151839" i="1"/>
  <c r="AD151840" i="1"/>
  <c r="AD151841" i="1"/>
  <c r="AD151842" i="1"/>
  <c r="AD151843" i="1"/>
  <c r="AD151844" i="1"/>
  <c r="AD151845" i="1"/>
  <c r="AD151846" i="1"/>
  <c r="AD151847" i="1"/>
  <c r="AD151848" i="1"/>
  <c r="AD151849" i="1"/>
  <c r="AD151850" i="1"/>
  <c r="AD151851" i="1"/>
  <c r="AD151852" i="1"/>
  <c r="AD151853" i="1"/>
  <c r="AD151854" i="1"/>
  <c r="AD151855" i="1"/>
  <c r="AD151856" i="1"/>
  <c r="AD151857" i="1"/>
  <c r="AD151858" i="1"/>
  <c r="AD151859" i="1"/>
  <c r="AD151860" i="1"/>
  <c r="AD151861" i="1"/>
  <c r="AD151862" i="1"/>
  <c r="AD151863" i="1"/>
  <c r="AD151864" i="1"/>
  <c r="AD151865" i="1"/>
  <c r="AD151866" i="1"/>
  <c r="AD151867" i="1"/>
  <c r="AD151868" i="1"/>
  <c r="AD151869" i="1"/>
  <c r="AD151870" i="1"/>
  <c r="AD151871" i="1"/>
  <c r="AD151872" i="1"/>
  <c r="AD151873" i="1"/>
  <c r="AD151874" i="1"/>
  <c r="AD151875" i="1"/>
  <c r="AD151876" i="1"/>
  <c r="AD151877" i="1"/>
  <c r="AD151878" i="1"/>
  <c r="AD151879" i="1"/>
  <c r="AD151880" i="1"/>
  <c r="AD151881" i="1"/>
  <c r="AD151882" i="1"/>
  <c r="AD151883" i="1"/>
  <c r="AD151884" i="1"/>
  <c r="AD151885" i="1"/>
  <c r="AD151886" i="1"/>
  <c r="AD151887" i="1"/>
  <c r="AD151888" i="1"/>
  <c r="AD151889" i="1"/>
  <c r="AD151890" i="1"/>
  <c r="AD151891" i="1"/>
  <c r="AD151892" i="1"/>
  <c r="AD151893" i="1"/>
  <c r="AD151894" i="1"/>
  <c r="AD151895" i="1"/>
  <c r="AD151896" i="1"/>
  <c r="AD151897" i="1"/>
  <c r="AD151898" i="1"/>
  <c r="AD151899" i="1"/>
  <c r="AD151900" i="1"/>
  <c r="AD151901" i="1"/>
  <c r="AD151902" i="1"/>
  <c r="AD151903" i="1"/>
  <c r="AD151904" i="1"/>
  <c r="AD151905" i="1"/>
  <c r="AD151906" i="1"/>
  <c r="AD151907" i="1"/>
  <c r="AD151908" i="1"/>
  <c r="AD151909" i="1"/>
  <c r="AD151910" i="1"/>
  <c r="AD151911" i="1"/>
  <c r="AD151912" i="1"/>
  <c r="AD151913" i="1"/>
  <c r="AD151914" i="1"/>
  <c r="AD151915" i="1"/>
  <c r="AD151916" i="1"/>
  <c r="AD151917" i="1"/>
  <c r="AD151918" i="1"/>
  <c r="AD151919" i="1"/>
  <c r="AD151920" i="1"/>
  <c r="AD151921" i="1"/>
  <c r="AD151922" i="1"/>
  <c r="AD151923" i="1"/>
  <c r="AD151924" i="1"/>
  <c r="AD151925" i="1"/>
  <c r="AD151926" i="1"/>
  <c r="AD151927" i="1"/>
  <c r="AD151928" i="1"/>
  <c r="AD151929" i="1"/>
  <c r="AD151930" i="1"/>
  <c r="AD151931" i="1"/>
  <c r="AD151932" i="1"/>
  <c r="AD151933" i="1"/>
  <c r="AD151934" i="1"/>
  <c r="AD151935" i="1"/>
  <c r="AD151936" i="1"/>
  <c r="AD151937" i="1"/>
  <c r="AD151938" i="1"/>
  <c r="AD151939" i="1"/>
  <c r="AD151940" i="1"/>
  <c r="AD151941" i="1"/>
  <c r="AD151942" i="1"/>
  <c r="AD151943" i="1"/>
  <c r="AD151944" i="1"/>
  <c r="AD151945" i="1"/>
  <c r="AD151946" i="1"/>
  <c r="AD151947" i="1"/>
  <c r="AD151948" i="1"/>
  <c r="AD151949" i="1"/>
  <c r="AD151950" i="1"/>
  <c r="AD151951" i="1"/>
  <c r="AD151952" i="1"/>
  <c r="AD151953" i="1"/>
  <c r="AD151954" i="1"/>
  <c r="AD151955" i="1"/>
  <c r="AD151956" i="1"/>
  <c r="AD151957" i="1"/>
  <c r="AD151958" i="1"/>
  <c r="AD151959" i="1"/>
  <c r="AD151960" i="1"/>
  <c r="AD151961" i="1"/>
  <c r="AD151962" i="1"/>
  <c r="AD151963" i="1"/>
  <c r="AD151964" i="1"/>
  <c r="AC2" i="1"/>
  <c r="AD2" i="1" s="1"/>
</calcChain>
</file>

<file path=xl/sharedStrings.xml><?xml version="1.0" encoding="utf-8"?>
<sst xmlns="http://schemas.openxmlformats.org/spreadsheetml/2006/main" count="2111467" uniqueCount="154998">
  <si>
    <t>numid</t>
  </si>
  <si>
    <t>pid</t>
  </si>
  <si>
    <t>vid</t>
  </si>
  <si>
    <t>lid</t>
  </si>
  <si>
    <t>sid</t>
  </si>
  <si>
    <t>postcode</t>
  </si>
  <si>
    <t>straat</t>
  </si>
  <si>
    <t>huisnummer</t>
  </si>
  <si>
    <t>huisletter</t>
  </si>
  <si>
    <t>huisnummertoevoeging</t>
  </si>
  <si>
    <t>oppervlakte</t>
  </si>
  <si>
    <t>woningequivalent</t>
  </si>
  <si>
    <t>gebruiksdoelen</t>
  </si>
  <si>
    <t>pand_bouwjaar</t>
  </si>
  <si>
    <t>gemiddelde_woz_waarde_woning</t>
  </si>
  <si>
    <t>gemiddelde_gemeente_woz</t>
  </si>
  <si>
    <t>energieklasse</t>
  </si>
  <si>
    <t>woning_type</t>
  </si>
  <si>
    <t>pand_gebruiksoppervlakte</t>
  </si>
  <si>
    <t>sbicode</t>
  </si>
  <si>
    <t>eancount</t>
  </si>
  <si>
    <t>group_id_2022</t>
  </si>
  <si>
    <t>p6_gasm3_2022</t>
  </si>
  <si>
    <t>p6_kwh_2022</t>
  </si>
  <si>
    <t>kwh_leveringsrichting_2022</t>
  </si>
  <si>
    <t>p6_grondbeslag_m2</t>
  </si>
  <si>
    <t>p6_gas_aansluitingen_2022</t>
  </si>
  <si>
    <t>point</t>
  </si>
  <si>
    <t>buurtcode</t>
  </si>
  <si>
    <t>buurtnaam</t>
  </si>
  <si>
    <t>wijkcode</t>
  </si>
  <si>
    <t>wijknaam</t>
  </si>
  <si>
    <t>gemeentecode</t>
  </si>
  <si>
    <t>gemeentenaam</t>
  </si>
  <si>
    <t>provincienaam</t>
  </si>
  <si>
    <t>provinciecode</t>
  </si>
  <si>
    <t>2951BC</t>
  </si>
  <si>
    <t>Begoniastraat</t>
  </si>
  <si>
    <t>woonfunctie</t>
  </si>
  <si>
    <t>F</t>
  </si>
  <si>
    <t>Rijwoning hoek</t>
  </si>
  <si>
    <t>POINT (4.660162542020699 51.86858330711618)</t>
  </si>
  <si>
    <t>BU04820306</t>
  </si>
  <si>
    <t>Florabuurt</t>
  </si>
  <si>
    <t>WK048203</t>
  </si>
  <si>
    <t>Wijk 03 Blokweer</t>
  </si>
  <si>
    <t>GM0482</t>
  </si>
  <si>
    <t>Alblasserdam</t>
  </si>
  <si>
    <t>Zuid-Holland</t>
  </si>
  <si>
    <t>PV28</t>
  </si>
  <si>
    <t>2954BN</t>
  </si>
  <si>
    <t>Brasem</t>
  </si>
  <si>
    <t>POINT (4.657520846415028 51.872108442592314)</t>
  </si>
  <si>
    <t>BU04820301</t>
  </si>
  <si>
    <t>Zeelt</t>
  </si>
  <si>
    <t>2953EP</t>
  </si>
  <si>
    <t>Reigerstraat</t>
  </si>
  <si>
    <t>POINT (4.6454393685306306 51.872985563661004)</t>
  </si>
  <si>
    <t>BU04820202</t>
  </si>
  <si>
    <t>Vogelbuurt</t>
  </si>
  <si>
    <t>WK048202</t>
  </si>
  <si>
    <t>Wijk 02 Kinderdijk</t>
  </si>
  <si>
    <t>2951HG</t>
  </si>
  <si>
    <t>Krulmos</t>
  </si>
  <si>
    <t>B</t>
  </si>
  <si>
    <t>Twee-onder-een-kap / rijwoning hoek</t>
  </si>
  <si>
    <t>2951HE-2951HG</t>
  </si>
  <si>
    <t>POINT (4.665522605096617 51.86844557989676)</t>
  </si>
  <si>
    <t>BU04820304</t>
  </si>
  <si>
    <t>Blokweer Zuid</t>
  </si>
  <si>
    <t>2953EC</t>
  </si>
  <si>
    <t>Fazantstraat</t>
  </si>
  <si>
    <t>a</t>
  </si>
  <si>
    <t>Flatwoning (overig)</t>
  </si>
  <si>
    <t>POINT (4.6402919387731645 51.87436146388154)</t>
  </si>
  <si>
    <t>2951AB</t>
  </si>
  <si>
    <t>Cornelis Smitstraat</t>
  </si>
  <si>
    <t>POINT (4.66014670993219 51.86327093150065)</t>
  </si>
  <si>
    <t>BU04820102</t>
  </si>
  <si>
    <t>Redersbuurt</t>
  </si>
  <si>
    <t>WK048201</t>
  </si>
  <si>
    <t>Wijk 01 Centrum</t>
  </si>
  <si>
    <t>2953GB</t>
  </si>
  <si>
    <t>Rietgors</t>
  </si>
  <si>
    <t>Rijwoning tussen</t>
  </si>
  <si>
    <t>POINT (4.63862150532786 51.87429959504157)</t>
  </si>
  <si>
    <t>2951TN</t>
  </si>
  <si>
    <t>Vondellaan</t>
  </si>
  <si>
    <t>POINT (4.669607503694361 51.86358978884973)</t>
  </si>
  <si>
    <t>BU04820402</t>
  </si>
  <si>
    <t>Schrijversbuurt</t>
  </si>
  <si>
    <t>WK048204</t>
  </si>
  <si>
    <t>Wijk 04 Souburgh</t>
  </si>
  <si>
    <t>2953CR</t>
  </si>
  <si>
    <t>Oost Kinderdijk</t>
  </si>
  <si>
    <t>2953CR-2953CS</t>
  </si>
  <si>
    <t>POINT (4.639159803097332 51.869871626438446)</t>
  </si>
  <si>
    <t>BU04820201</t>
  </si>
  <si>
    <t>Dijk</t>
  </si>
  <si>
    <t>2951BD</t>
  </si>
  <si>
    <t>Beuklaan</t>
  </si>
  <si>
    <t>G</t>
  </si>
  <si>
    <t>POINT (4.660914876592247 51.867850894651525)</t>
  </si>
  <si>
    <t>2951GH</t>
  </si>
  <si>
    <t>Kerkstraat</t>
  </si>
  <si>
    <t>gezondheidszorgfunctie</t>
  </si>
  <si>
    <t>2953CN</t>
  </si>
  <si>
    <t>Vrijstaande woning</t>
  </si>
  <si>
    <t>POINT (4.638130022102968 51.870674041065556)</t>
  </si>
  <si>
    <t>2953AW</t>
  </si>
  <si>
    <t>Willem Dreeshof</t>
  </si>
  <si>
    <t>POINT (4.655034574908043 51.86828628844322)</t>
  </si>
  <si>
    <t>BU04820307</t>
  </si>
  <si>
    <t>Staatsliedenbuurt</t>
  </si>
  <si>
    <t>2951BV</t>
  </si>
  <si>
    <t>Pinksterbloemstraat</t>
  </si>
  <si>
    <t>winkelfunctie</t>
  </si>
  <si>
    <t>POINT (4.659552935987528 51.86650315989867)</t>
  </si>
  <si>
    <t>POINT (4.6657712467058134 51.861085426041875)</t>
  </si>
  <si>
    <t>BU04820103</t>
  </si>
  <si>
    <t>kerkbuurt</t>
  </si>
  <si>
    <t>2951TG</t>
  </si>
  <si>
    <t>Brederostraat</t>
  </si>
  <si>
    <t>POINT (4.670519337437822 51.86559082987128)</t>
  </si>
  <si>
    <t>2951SV</t>
  </si>
  <si>
    <t>Paulus Potterstraat</t>
  </si>
  <si>
    <t>POINT (4.668556271193281 51.869416973868425)</t>
  </si>
  <si>
    <t>BU04820401</t>
  </si>
  <si>
    <t>Schildersbuurt</t>
  </si>
  <si>
    <t>2953AA</t>
  </si>
  <si>
    <t>Blokweerweg</t>
  </si>
  <si>
    <t>C</t>
  </si>
  <si>
    <t>POINT (4.654704358515892 51.865825839521776)</t>
  </si>
  <si>
    <t>BU04820101</t>
  </si>
  <si>
    <t>Cortgene</t>
  </si>
  <si>
    <t>2953CT</t>
  </si>
  <si>
    <t>Rijnstraat</t>
  </si>
  <si>
    <t>D</t>
  </si>
  <si>
    <t>Appartement</t>
  </si>
  <si>
    <t>POINT (4.641877604982258 51.87235179010774)</t>
  </si>
  <si>
    <t>BU04820205</t>
  </si>
  <si>
    <t>Rivierenbuurt</t>
  </si>
  <si>
    <t>2951XK</t>
  </si>
  <si>
    <t>Nicolaas Beetsstraat</t>
  </si>
  <si>
    <t>2951XH-2951XL</t>
  </si>
  <si>
    <t>POINT (4.666577574587443 51.86784981992385)</t>
  </si>
  <si>
    <t>POINT (4.656817458844518 51.86892209835302)</t>
  </si>
  <si>
    <t>2953EA</t>
  </si>
  <si>
    <t>Eksterstraat</t>
  </si>
  <si>
    <t>POINT (4.645197865302637 51.872660447626465)</t>
  </si>
  <si>
    <t>2954BL</t>
  </si>
  <si>
    <t>POINT (4.656320389196729 51.87181334310885)</t>
  </si>
  <si>
    <t>2952AR</t>
  </si>
  <si>
    <t>Ruigenhil</t>
  </si>
  <si>
    <t>2952AP-2952AR</t>
  </si>
  <si>
    <t>POINT (4.660096187861607 51.85830889428302)</t>
  </si>
  <si>
    <t>BU04820104</t>
  </si>
  <si>
    <t>Polderbuurt</t>
  </si>
  <si>
    <t>2951SM</t>
  </si>
  <si>
    <t>Pieter de Hoochplaats</t>
  </si>
  <si>
    <t>A</t>
  </si>
  <si>
    <t>2951SC-2951SM</t>
  </si>
  <si>
    <t>POINT (4.667389089290336 51.86840310174826)</t>
  </si>
  <si>
    <t>POINT (4.664698508027538 51.861128619350104)</t>
  </si>
  <si>
    <t>2953WC</t>
  </si>
  <si>
    <t>De Boezem</t>
  </si>
  <si>
    <t>POINT (4.648058003091639 51.87092569776508)</t>
  </si>
  <si>
    <t>BU04820203</t>
  </si>
  <si>
    <t>Waterland</t>
  </si>
  <si>
    <t>2951XG</t>
  </si>
  <si>
    <t>Mauritsstraat</t>
  </si>
  <si>
    <t>E</t>
  </si>
  <si>
    <t>POINT (4.667273948969528 51.86561592444677)</t>
  </si>
  <si>
    <t>BU04820404</t>
  </si>
  <si>
    <t>Oranjebuurt</t>
  </si>
  <si>
    <t>2951XX</t>
  </si>
  <si>
    <t>Willem de Zwijgerlaan</t>
  </si>
  <si>
    <t>POINT (4.667393324051607 51.86586833746739)</t>
  </si>
  <si>
    <t>2951CL</t>
  </si>
  <si>
    <t>Van Eesterensingel</t>
  </si>
  <si>
    <t>2951CH-2951CL</t>
  </si>
  <si>
    <t>POINT (4.656018889103903 51.866238518881694)</t>
  </si>
  <si>
    <t>2954AC</t>
  </si>
  <si>
    <t>Kattestaart</t>
  </si>
  <si>
    <t>POINT (4.663374236745221 51.87202151492756)</t>
  </si>
  <si>
    <t>BU04820303</t>
  </si>
  <si>
    <t>Blokweer Noord</t>
  </si>
  <si>
    <t>2951XJ</t>
  </si>
  <si>
    <t>POINT (4.666754095408908 51.86770708494331)</t>
  </si>
  <si>
    <t>2952AS</t>
  </si>
  <si>
    <t>Kleine Beer</t>
  </si>
  <si>
    <t>h</t>
  </si>
  <si>
    <t>industriefunctie</t>
  </si>
  <si>
    <t>POINT (4.671870730826271 51.851615628405455)</t>
  </si>
  <si>
    <t>BU04820502</t>
  </si>
  <si>
    <t>Hoogendijk</t>
  </si>
  <si>
    <t>WK048205</t>
  </si>
  <si>
    <t>Wijk 05 Bedrijventerrein</t>
  </si>
  <si>
    <t>2953AB</t>
  </si>
  <si>
    <t>POINT (4.655503392042109 51.86814514026976)</t>
  </si>
  <si>
    <t>2951BM</t>
  </si>
  <si>
    <t>Korenbloemstraat</t>
  </si>
  <si>
    <t>POINT (4.659441294149743 51.86649347955359)</t>
  </si>
  <si>
    <t>2951VE</t>
  </si>
  <si>
    <t>Lelsstraat</t>
  </si>
  <si>
    <t>POINT (4.66029304295344 51.86409879106609)</t>
  </si>
  <si>
    <t>2951AT</t>
  </si>
  <si>
    <t>Von Lindernstraat</t>
  </si>
  <si>
    <t>POINT (4.663684145545013 51.863130982013786)</t>
  </si>
  <si>
    <t>2951CK</t>
  </si>
  <si>
    <t>POINT (4.655990437653768 51.86620238723823)</t>
  </si>
  <si>
    <t>2951VP</t>
  </si>
  <si>
    <t>Randweg</t>
  </si>
  <si>
    <t>POINT (4.662039982845383 51.86650955320123)</t>
  </si>
  <si>
    <t>BU04820305</t>
  </si>
  <si>
    <t>Drentsebuurt</t>
  </si>
  <si>
    <t>2951HK</t>
  </si>
  <si>
    <t>Veenmos</t>
  </si>
  <si>
    <t>POINT (4.6647361563081216 51.86859355153896)</t>
  </si>
  <si>
    <t>2951AN</t>
  </si>
  <si>
    <t>Souburgstraat</t>
  </si>
  <si>
    <t>2951AM-2951AN</t>
  </si>
  <si>
    <t>POINT (4.667131440575068 51.863179134485726)</t>
  </si>
  <si>
    <t>Maisonnette</t>
  </si>
  <si>
    <t>POINT (4.665577910753733 51.861825799855495)</t>
  </si>
  <si>
    <t>2951XP</t>
  </si>
  <si>
    <t>2951XM-2951XP</t>
  </si>
  <si>
    <t>POINT (4.668714600632471 51.86677528949449)</t>
  </si>
  <si>
    <t>2953AT</t>
  </si>
  <si>
    <t>Van Hogendorpweg</t>
  </si>
  <si>
    <t>POINT (4.65172171295273 51.86976219702181)</t>
  </si>
  <si>
    <t>2951AZ</t>
  </si>
  <si>
    <t>Zeevaartstraat</t>
  </si>
  <si>
    <t>POINT (4.665006921661587 51.86257733453944)</t>
  </si>
  <si>
    <t>2951GR</t>
  </si>
  <si>
    <t>Jan U. Smithof</t>
  </si>
  <si>
    <t>POINT (4.6616109439476014 51.86114968203057)</t>
  </si>
  <si>
    <t>2951CH</t>
  </si>
  <si>
    <t>POINT (4.6572391062816125 51.86620116590348)</t>
  </si>
  <si>
    <t>2951SP</t>
  </si>
  <si>
    <t>2951SN-2951ST</t>
  </si>
  <si>
    <t>POINT (4.667457874667402 51.869095646707805)</t>
  </si>
  <si>
    <t>2951VR</t>
  </si>
  <si>
    <t>POINT (4.66156257444519 51.86460101618601)</t>
  </si>
  <si>
    <t>2951JG</t>
  </si>
  <si>
    <t>Kraanbaan</t>
  </si>
  <si>
    <t>2951JE-2951JG</t>
  </si>
  <si>
    <t>POINT (4.654981097269592 51.861163408639435)</t>
  </si>
  <si>
    <t>BU04820105</t>
  </si>
  <si>
    <t>De Werven</t>
  </si>
  <si>
    <t>2953BG</t>
  </si>
  <si>
    <t>Johan de Wittstraat</t>
  </si>
  <si>
    <t>POINT (4.6548547972854 51.869461167621935)</t>
  </si>
  <si>
    <t>2953AJ</t>
  </si>
  <si>
    <t>De Savornin Lohmanweg</t>
  </si>
  <si>
    <t>POINT (4.652575251562116 51.868176551353535)</t>
  </si>
  <si>
    <t>POINT (4.666678363909585 51.866088669014026)</t>
  </si>
  <si>
    <t>2952AH</t>
  </si>
  <si>
    <t>Oranjestraat</t>
  </si>
  <si>
    <t>POINT (4.662030384223684 51.859444433023654)</t>
  </si>
  <si>
    <t>2953XZ</t>
  </si>
  <si>
    <t>Zwarte Paard</t>
  </si>
  <si>
    <t>d</t>
  </si>
  <si>
    <t>POINT (4.6375932609170505 51.874131242193904)</t>
  </si>
  <si>
    <t>2951XM</t>
  </si>
  <si>
    <t>POINT (4.666851704506433 51.86705151451673)</t>
  </si>
  <si>
    <t>2952BA</t>
  </si>
  <si>
    <t>Hertzweg</t>
  </si>
  <si>
    <t>g</t>
  </si>
  <si>
    <t>2952AZ-2952BA</t>
  </si>
  <si>
    <t>POINT (4.672670244135637 51.85996283116955)</t>
  </si>
  <si>
    <t>BU04820501</t>
  </si>
  <si>
    <t>Vinkenwaard</t>
  </si>
  <si>
    <t>2951AC</t>
  </si>
  <si>
    <t>POINT (4.6628207340717065 51.862653756860034)</t>
  </si>
  <si>
    <t>2951XN</t>
  </si>
  <si>
    <t>POINT (4.668859923292996 51.86676718977752)</t>
  </si>
  <si>
    <t>2951VH</t>
  </si>
  <si>
    <t>Plantageweg</t>
  </si>
  <si>
    <t>2951VG-2951VH</t>
  </si>
  <si>
    <t>POINT (4.663109699152138 51.86499707569966)</t>
  </si>
  <si>
    <t>POINT (4.655029588521957 51.86117663662308)</t>
  </si>
  <si>
    <t>2952AG</t>
  </si>
  <si>
    <t>POINT (4.661500146817336 51.85991755507609)</t>
  </si>
  <si>
    <t>2951GG</t>
  </si>
  <si>
    <t>2951GD-2951GG</t>
  </si>
  <si>
    <t>POINT (4.6621555868596305 51.86113506852731)</t>
  </si>
  <si>
    <t>POINT (4.67103202722662 51.86530632149994)</t>
  </si>
  <si>
    <t>2953AN</t>
  </si>
  <si>
    <t>Talmastraat</t>
  </si>
  <si>
    <t>POINT (4.653567348465993 51.86877600186346)</t>
  </si>
  <si>
    <t>2953AD</t>
  </si>
  <si>
    <t>POINT (4.656629116777558 51.8694777902814)</t>
  </si>
  <si>
    <t>2951GC</t>
  </si>
  <si>
    <t>Haven</t>
  </si>
  <si>
    <t>2951ED-2951GS</t>
  </si>
  <si>
    <t>POINT (4.6552487153513455 51.86230449416362)</t>
  </si>
  <si>
    <t>2951HH</t>
  </si>
  <si>
    <t>Schildmos</t>
  </si>
  <si>
    <t>POINT (4.664831991292387 51.869407610908226)</t>
  </si>
  <si>
    <t>2951XE</t>
  </si>
  <si>
    <t>Koningin Wilhelminaweg</t>
  </si>
  <si>
    <t>POINT (4.6661182808740564 51.86615714066348)</t>
  </si>
  <si>
    <t>2953AP</t>
  </si>
  <si>
    <t>Thorbeckestraat</t>
  </si>
  <si>
    <t>POINT (4.651463459014597 51.86957181840456)</t>
  </si>
  <si>
    <t>2951HB</t>
  </si>
  <si>
    <t>Akkerwinde</t>
  </si>
  <si>
    <t>2951GT-2951HB</t>
  </si>
  <si>
    <t>POINT (4.664982756433969 51.869965832297005)</t>
  </si>
  <si>
    <t>POINT (4.666884759377542 51.86770788635831)</t>
  </si>
  <si>
    <t>2951AR</t>
  </si>
  <si>
    <t>POINT (4.663118890702264 51.863522997909996)</t>
  </si>
  <si>
    <t>c</t>
  </si>
  <si>
    <t>POINT (4.655363053915754 51.86788373954649)</t>
  </si>
  <si>
    <t>2951ET</t>
  </si>
  <si>
    <t>Nedersassen</t>
  </si>
  <si>
    <t>2951CM-2951ET</t>
  </si>
  <si>
    <t>POINT (4.657922047873907 51.86258299099059)</t>
  </si>
  <si>
    <t>2951TE</t>
  </si>
  <si>
    <t>2951TD-2951TE</t>
  </si>
  <si>
    <t>POINT (4.6712804769189304 51.866116811677294)</t>
  </si>
  <si>
    <t>2951GP</t>
  </si>
  <si>
    <t>b</t>
  </si>
  <si>
    <t>POINT (4.6605530248631055 51.862383571928945)</t>
  </si>
  <si>
    <t>2953WN</t>
  </si>
  <si>
    <t>De Rietlanden</t>
  </si>
  <si>
    <t>POINT (4.646688318020377 51.871213695350036)</t>
  </si>
  <si>
    <t>2951BZ</t>
  </si>
  <si>
    <t>Weversstraat</t>
  </si>
  <si>
    <t>POINT (4.661238580919462 51.865785512492785)</t>
  </si>
  <si>
    <t>2953CZ</t>
  </si>
  <si>
    <t>IJsselstraat</t>
  </si>
  <si>
    <t>POINT (4.642027329533435 51.87120219485132)</t>
  </si>
  <si>
    <t>2953AC</t>
  </si>
  <si>
    <t>POINT (4.656298248605073 51.86907514474976)</t>
  </si>
  <si>
    <t>2951AK</t>
  </si>
  <si>
    <t>POINT (4.665260571666193 51.864866498729135)</t>
  </si>
  <si>
    <t>2953XD</t>
  </si>
  <si>
    <t>Fop Smitstraat</t>
  </si>
  <si>
    <t>POINT (4.637083566314113 51.87334597699224)</t>
  </si>
  <si>
    <t>BU04820206</t>
  </si>
  <si>
    <t>Nieuw Kinderdijk</t>
  </si>
  <si>
    <t>2952AL</t>
  </si>
  <si>
    <t>Polderstraat</t>
  </si>
  <si>
    <t>POINT (4.667437503479115 51.86038105428296)</t>
  </si>
  <si>
    <t>2954PC</t>
  </si>
  <si>
    <t>POINT (4.659388063541556 51.87247957197347)</t>
  </si>
  <si>
    <t>BU04820302</t>
  </si>
  <si>
    <t>Middelland</t>
  </si>
  <si>
    <t>2951VA</t>
  </si>
  <si>
    <t>Adriaan G. Smitstraat</t>
  </si>
  <si>
    <t>POINT (4.662643119201458 51.865120038925774)</t>
  </si>
  <si>
    <t>POINT (4.654812557227924 51.86938000660757)</t>
  </si>
  <si>
    <t>2952AM</t>
  </si>
  <si>
    <t>POINT (4.663012121757051 51.86023250192567)</t>
  </si>
  <si>
    <t>2951PG</t>
  </si>
  <si>
    <t>Hobbemalaan</t>
  </si>
  <si>
    <t>POINT (4.672109751897228 51.8678386889256)</t>
  </si>
  <si>
    <t>2951CJ</t>
  </si>
  <si>
    <t>2951BL</t>
  </si>
  <si>
    <t>POINT (4.658072956197726 51.865859681058545)</t>
  </si>
  <si>
    <t>bijeenkomstfunctie</t>
  </si>
  <si>
    <t>POINT (4.640682074163582 51.87264082288912)</t>
  </si>
  <si>
    <t>2952CA</t>
  </si>
  <si>
    <t>Van Hennaertweg</t>
  </si>
  <si>
    <t>2952BV-2952CA</t>
  </si>
  <si>
    <t>POINT (4.673186649135061 51.848461274914804)</t>
  </si>
  <si>
    <t>2953BL</t>
  </si>
  <si>
    <t>Troelstrastraat</t>
  </si>
  <si>
    <t>POINT (4.653192745933583 51.87082306839679)</t>
  </si>
  <si>
    <t>2953BB</t>
  </si>
  <si>
    <t>Groen van Prinstererstraat</t>
  </si>
  <si>
    <t>2953BA-2953BB</t>
  </si>
  <si>
    <t>POINT (4.652478300973935 51.87055793137294)</t>
  </si>
  <si>
    <t>POINT (4.652250471576743 51.8702823528909)</t>
  </si>
  <si>
    <t>kantoorfunctie</t>
  </si>
  <si>
    <t>POINT (4.658484347288417 51.86089215125887)</t>
  </si>
  <si>
    <t>2951EG</t>
  </si>
  <si>
    <t>Kade</t>
  </si>
  <si>
    <t>POINT (4.6523368138650225 51.86319204958547)</t>
  </si>
  <si>
    <t>2954NE</t>
  </si>
  <si>
    <t>Wolfspoot</t>
  </si>
  <si>
    <t>POINT (4.666736432712544 51.871985557498704)</t>
  </si>
  <si>
    <t>POINT (4.657224880072035 51.86618310022949)</t>
  </si>
  <si>
    <t>2951SK</t>
  </si>
  <si>
    <t>POINT (4.667628787316168 51.868395581873536)</t>
  </si>
  <si>
    <t>2954AH</t>
  </si>
  <si>
    <t>Waterpeper</t>
  </si>
  <si>
    <t>POINT (4.662601243758017 51.87178034832845)</t>
  </si>
  <si>
    <t>POINT (4.666621848777214 51.86780514846902)</t>
  </si>
  <si>
    <t>POINT (4.663067303766827 51.86492490532154)</t>
  </si>
  <si>
    <t>2953WB</t>
  </si>
  <si>
    <t>POINT (4.648627787613453 51.87096423874617)</t>
  </si>
  <si>
    <t>2951PC</t>
  </si>
  <si>
    <t>Adriaan van Ostadelaan</t>
  </si>
  <si>
    <t>POINT (4.671922579444729 51.8704802010531)</t>
  </si>
  <si>
    <t>2953CX</t>
  </si>
  <si>
    <t>W.B. van der Veldenstraat</t>
  </si>
  <si>
    <t>POINT (4.642264932957317 51.86956777028393)</t>
  </si>
  <si>
    <t>2952DA</t>
  </si>
  <si>
    <t>Nieuwland Parc</t>
  </si>
  <si>
    <t>2952CB-2952EA</t>
  </si>
  <si>
    <t>POINT (4.677361700567751 51.84442307104368)</t>
  </si>
  <si>
    <t>BU04820503</t>
  </si>
  <si>
    <t>Nieuwland</t>
  </si>
  <si>
    <t>2953HC</t>
  </si>
  <si>
    <t>Rivierstaete</t>
  </si>
  <si>
    <t>POINT (4.648975558544516 51.86411808423245)</t>
  </si>
  <si>
    <t>2951BW</t>
  </si>
  <si>
    <t>Resedastraat</t>
  </si>
  <si>
    <t>POINT (4.658958939361303 51.86938482669576)</t>
  </si>
  <si>
    <t>Klaproosstraat</t>
  </si>
  <si>
    <t>POINT (4.658145861475793 51.86669218384781)</t>
  </si>
  <si>
    <t>2953XV</t>
  </si>
  <si>
    <t>West Kinderdijk</t>
  </si>
  <si>
    <t>POINT (4.628899216381648 51.879897380010334)</t>
  </si>
  <si>
    <t>2953XR</t>
  </si>
  <si>
    <t>POINT (4.635147707997652 51.874484144142386)</t>
  </si>
  <si>
    <t>POINT (4.665222823582198 51.86993584802615)</t>
  </si>
  <si>
    <t>POINT (4.660624967745718 51.86961986008852)</t>
  </si>
  <si>
    <t>POINT (4.654977817240805 51.861222263749355)</t>
  </si>
  <si>
    <t>2951VT</t>
  </si>
  <si>
    <t>Vroegestraat</t>
  </si>
  <si>
    <t>POINT (4.660905948711794 51.86390483315297)</t>
  </si>
  <si>
    <t>2951EJ</t>
  </si>
  <si>
    <t>Makado-Center</t>
  </si>
  <si>
    <t>A++</t>
  </si>
  <si>
    <t>2951EA-2951EK</t>
  </si>
  <si>
    <t>POINT (4.658478879288522 51.86413322879451)</t>
  </si>
  <si>
    <t>POINT (4.666973162971329 51.86762753093243)</t>
  </si>
  <si>
    <t>2954LD</t>
  </si>
  <si>
    <t>Kortland</t>
  </si>
  <si>
    <t>2954LA-2954LD</t>
  </si>
  <si>
    <t>POINT (4.674018895363096 51.869225554341554)</t>
  </si>
  <si>
    <t>BU04820602</t>
  </si>
  <si>
    <t>Polder Kortland</t>
  </si>
  <si>
    <t>WK048206</t>
  </si>
  <si>
    <t>Wijk 06 Landelijk gebied</t>
  </si>
  <si>
    <t>2953WL</t>
  </si>
  <si>
    <t>De Lagune</t>
  </si>
  <si>
    <t>2953WK-2953WL</t>
  </si>
  <si>
    <t>POINT (4.646574517315722 51.87062871678926)</t>
  </si>
  <si>
    <t>POINT (4.653827843130201 51.86437319990911)</t>
  </si>
  <si>
    <t>2951VN</t>
  </si>
  <si>
    <t>Prinses Marijkestraat</t>
  </si>
  <si>
    <t>POINT (4.663006083644664 51.86782785289577)</t>
  </si>
  <si>
    <t>2953XN</t>
  </si>
  <si>
    <t>Tuigersstraat</t>
  </si>
  <si>
    <t>POINT (4.640858633385505 51.87162622911121)</t>
  </si>
  <si>
    <t>2952AV</t>
  </si>
  <si>
    <t>Vinkenpolderweg</t>
  </si>
  <si>
    <t>POINT (4.676778212748043 51.86091432709456)</t>
  </si>
  <si>
    <t>BU04820403</t>
  </si>
  <si>
    <t>Klein Alblas</t>
  </si>
  <si>
    <t>POINT (4.656048362490328 51.86621173647971)</t>
  </si>
  <si>
    <t>POINT (4.658855225824669 51.86592356315066)</t>
  </si>
  <si>
    <t>2951EN</t>
  </si>
  <si>
    <t>Wilgenplein</t>
  </si>
  <si>
    <t>POINT (4.658397534748338 51.86459939566438)</t>
  </si>
  <si>
    <t>2951EP</t>
  </si>
  <si>
    <t>POINT (4.658458222454504 51.864437976930056)</t>
  </si>
  <si>
    <t>POINT (4.642268971692999 51.87225928094048)</t>
  </si>
  <si>
    <t>2951CM</t>
  </si>
  <si>
    <t>POINT (4.659154450998843 51.86477529660702)</t>
  </si>
  <si>
    <t>2953BE</t>
  </si>
  <si>
    <t>POINT (4.65184122271227 51.87044608102167)</t>
  </si>
  <si>
    <t>POINT (4.657893233189231 51.86256932911051)</t>
  </si>
  <si>
    <t>2951GK</t>
  </si>
  <si>
    <t>POINT (4.661013329252696 51.86174822640135)</t>
  </si>
  <si>
    <t>2951PB</t>
  </si>
  <si>
    <t>POINT (4.67158732349996 51.86873436834294)</t>
  </si>
  <si>
    <t>POINT (4.671373649464213 51.85934445482584)</t>
  </si>
  <si>
    <t>POINT (4.653726395731396 51.87238143408402)</t>
  </si>
  <si>
    <t>POINT (4.6550052845538294 51.86117762665542)</t>
  </si>
  <si>
    <t>2953CK</t>
  </si>
  <si>
    <t>POINT (4.645287500334304 51.86634200395159)</t>
  </si>
  <si>
    <t>2953EZ</t>
  </si>
  <si>
    <t>Zwaluwstraat</t>
  </si>
  <si>
    <t>POINT (4.644785455730625 51.87301289260545)</t>
  </si>
  <si>
    <t>2951JH</t>
  </si>
  <si>
    <t>Botter</t>
  </si>
  <si>
    <t>POINT (4.651039328589506 51.86224075512558)</t>
  </si>
  <si>
    <t>POINT (4.644388444876263 51.86692947249944)</t>
  </si>
  <si>
    <t>2951BH</t>
  </si>
  <si>
    <t>Groene Zoom</t>
  </si>
  <si>
    <t>POINT (4.6598152770603285 51.865812660757314)</t>
  </si>
  <si>
    <t>2953XL</t>
  </si>
  <si>
    <t>Scheepmakersstraat</t>
  </si>
  <si>
    <t>POINT (4.637837556739064 51.87341371008158)</t>
  </si>
  <si>
    <t>2953AV</t>
  </si>
  <si>
    <t>Wiardi Beckmanstraat</t>
  </si>
  <si>
    <t>POINT (4.654148500418747 51.86830862630902)</t>
  </si>
  <si>
    <t>2954AA</t>
  </si>
  <si>
    <t>Ganzerik</t>
  </si>
  <si>
    <t>2953ZZ-2954AA</t>
  </si>
  <si>
    <t>POINT (4.664472342890326 51.87145929735183)</t>
  </si>
  <si>
    <t>2954BG</t>
  </si>
  <si>
    <t>Schrijvertje</t>
  </si>
  <si>
    <t>POINT (4.65288124647094 51.87211548343104)</t>
  </si>
  <si>
    <t>2951AS</t>
  </si>
  <si>
    <t>POINT (4.6669069377940655 51.86269237216203)</t>
  </si>
  <si>
    <t>k</t>
  </si>
  <si>
    <t>POINT (4.6779682882299305 51.844904464709515)</t>
  </si>
  <si>
    <t>POINT (4.6598085907464855 51.86712495860934)</t>
  </si>
  <si>
    <t>2953CG</t>
  </si>
  <si>
    <t>Lingestraat</t>
  </si>
  <si>
    <t>POINT (4.643033216328396 51.87008499273148)</t>
  </si>
  <si>
    <t>2953ET</t>
  </si>
  <si>
    <t>POINT (4.641161423321935 51.87289912765694)</t>
  </si>
  <si>
    <t>2951DB</t>
  </si>
  <si>
    <t>Hooftmanlaan</t>
  </si>
  <si>
    <t>POINT (4.66436374819398 51.868875705079)</t>
  </si>
  <si>
    <t>2951CE</t>
  </si>
  <si>
    <t>Seringstraat</t>
  </si>
  <si>
    <t>2951CE-2951CG</t>
  </si>
  <si>
    <t>POINT (4.655634214112617 51.865786691985434)</t>
  </si>
  <si>
    <t>POINT (4.654598127791806 51.86789256163774)</t>
  </si>
  <si>
    <t>2953CH</t>
  </si>
  <si>
    <t>Maasstraat</t>
  </si>
  <si>
    <t>POINT (4.643089880919161 51.871449511880726)</t>
  </si>
  <si>
    <t>POINT (4.662930052926411 51.86623639802205)</t>
  </si>
  <si>
    <t>2951SJ</t>
  </si>
  <si>
    <t>POINT (4.667601043606329 51.8683145143533)</t>
  </si>
  <si>
    <t>POINT (4.6556338084283215 51.8720652446452)</t>
  </si>
  <si>
    <t>2953BP</t>
  </si>
  <si>
    <t>Van Oldenbarneveltstraat</t>
  </si>
  <si>
    <t>POINT (4.656330281204484 51.86986287344291)</t>
  </si>
  <si>
    <t>POINT (4.666161690060469 51.8661663957872)</t>
  </si>
  <si>
    <t>POINT (4.659757497187071 51.86579432564676)</t>
  </si>
  <si>
    <t>2951CC</t>
  </si>
  <si>
    <t>Magnoliastraat</t>
  </si>
  <si>
    <t>2951CC-2951CD</t>
  </si>
  <si>
    <t>POINT (4.655873942106492 51.86532976486633)</t>
  </si>
  <si>
    <t>2951GS</t>
  </si>
  <si>
    <t>Raadhuisplein</t>
  </si>
  <si>
    <t>POINT (4.657243139166924 51.86210237573154)</t>
  </si>
  <si>
    <t>2953AH</t>
  </si>
  <si>
    <t>POINT (4.653173361315337 51.86800501254567)</t>
  </si>
  <si>
    <t>POINT (4.659595148753134 51.8695505647836)</t>
  </si>
  <si>
    <t>2951AW</t>
  </si>
  <si>
    <t>Waalsmondelaan</t>
  </si>
  <si>
    <t>POINT (4.666112915583662 51.862413346593925)</t>
  </si>
  <si>
    <t>2952AN</t>
  </si>
  <si>
    <t>POINT (4.668201317984106 51.86073179514041)</t>
  </si>
  <si>
    <t>2952BD</t>
  </si>
  <si>
    <t>Ohmweg</t>
  </si>
  <si>
    <t>2952BC-2952BD</t>
  </si>
  <si>
    <t>POINT (4.674624443248886 51.858765582591275)</t>
  </si>
  <si>
    <t>2951SG</t>
  </si>
  <si>
    <t>POINT (4.669247646091933 51.86794706919396)</t>
  </si>
  <si>
    <t>2951SN</t>
  </si>
  <si>
    <t>POINT (4.667515949340778 51.869096002565456)</t>
  </si>
  <si>
    <t>2952BG</t>
  </si>
  <si>
    <t>Kelvinring</t>
  </si>
  <si>
    <t>overige gebruiksfunctie</t>
  </si>
  <si>
    <t>2952AC-2952BG</t>
  </si>
  <si>
    <t>POINT (4.672583113412526 51.85579568732993)</t>
  </si>
  <si>
    <t>2951AX</t>
  </si>
  <si>
    <t>POINT (4.6648519263625925 51.86228425099661)</t>
  </si>
  <si>
    <t>POINT (4.670716895583726 51.86640550500032)</t>
  </si>
  <si>
    <t>POINT (4.657141149598663 51.872240912549884)</t>
  </si>
  <si>
    <t>2954BK</t>
  </si>
  <si>
    <t>POINT (4.651340464638146 51.87265414700887)</t>
  </si>
  <si>
    <t>POINT (4.683269103353062 51.86777576572776)</t>
  </si>
  <si>
    <t>2953ED</t>
  </si>
  <si>
    <t>Gruttostraat</t>
  </si>
  <si>
    <t>POINT (4.6419433183942305 51.87408341777182)</t>
  </si>
  <si>
    <t>POINT (4.63975622820022 51.86971858065359)</t>
  </si>
  <si>
    <t>POINT (4.668813101148765 51.867881491835924)</t>
  </si>
  <si>
    <t>POINT (4.656529384807215 51.86189119866048)</t>
  </si>
  <si>
    <t>2953BM</t>
  </si>
  <si>
    <t>POINT (4.65248754392156 51.869991705683105)</t>
  </si>
  <si>
    <t>POINT (4.668744640635857 51.86671255293593)</t>
  </si>
  <si>
    <t>POINT (4.640676235412953 51.87310225328536)</t>
  </si>
  <si>
    <t>POINT (4.671232513464683 51.86091660339544)</t>
  </si>
  <si>
    <t>2951XL</t>
  </si>
  <si>
    <t>POINT (4.6674408350632 51.86743714254118)</t>
  </si>
  <si>
    <t>2951SB</t>
  </si>
  <si>
    <t>Ferdinand Bolstraat</t>
  </si>
  <si>
    <t>POINT (4.668876775897587 51.869805444815604)</t>
  </si>
  <si>
    <t>POINT (4.664370723108736 51.87209057168343)</t>
  </si>
  <si>
    <t>POINT (4.664920281680953 51.868882319741665)</t>
  </si>
  <si>
    <t>2951BP</t>
  </si>
  <si>
    <t>Meidoornpad</t>
  </si>
  <si>
    <t>2951BP-2951BR</t>
  </si>
  <si>
    <t>POINT (4.6585854408865 51.86734209269502)</t>
  </si>
  <si>
    <t>POINT (4.666400836237932 51.86437912815977)</t>
  </si>
  <si>
    <t>2953BN</t>
  </si>
  <si>
    <t>POINT (4.652825438439941 51.86975112587327)</t>
  </si>
  <si>
    <t>2951CG</t>
  </si>
  <si>
    <t>POINT (4.656448292643886 51.86661871373857)</t>
  </si>
  <si>
    <t>2953XB</t>
  </si>
  <si>
    <t>Donkersloot</t>
  </si>
  <si>
    <t>POINT (4.6372597602062955 51.87235835192588)</t>
  </si>
  <si>
    <t>POINT (4.674949769183188 51.85768421152816)</t>
  </si>
  <si>
    <t>2953AL</t>
  </si>
  <si>
    <t>POINT (4.649697808654042 51.869216480536785)</t>
  </si>
  <si>
    <t>2953EK</t>
  </si>
  <si>
    <t>Merelstraat</t>
  </si>
  <si>
    <t>POINT (4.644087857589796 51.872168044264434)</t>
  </si>
  <si>
    <t>2952AK</t>
  </si>
  <si>
    <t>2952AJ-2952AK</t>
  </si>
  <si>
    <t>POINT (4.662318619433834 51.860025979185984)</t>
  </si>
  <si>
    <t>2951BT</t>
  </si>
  <si>
    <t>Parallelweg</t>
  </si>
  <si>
    <t>POINT (4.6575856327219105 51.86900777032439)</t>
  </si>
  <si>
    <t>2951PK</t>
  </si>
  <si>
    <t>Rembrandtlaan</t>
  </si>
  <si>
    <t>POINT (4.670406310707628 51.86904176831161)</t>
  </si>
  <si>
    <t>POINT (4.665235222920645 51.86282592539659)</t>
  </si>
  <si>
    <t>2953XH</t>
  </si>
  <si>
    <t>Jonkerstraat</t>
  </si>
  <si>
    <t>POINT (4.6398997552332855 51.87165608691724)</t>
  </si>
  <si>
    <t>POINT (4.65767932265494 51.86546683362015)</t>
  </si>
  <si>
    <t>POINT (4.655789279123079 51.87000422265188)</t>
  </si>
  <si>
    <t>POINT (4.661316577132853 51.86184897604023)</t>
  </si>
  <si>
    <t>POINT (4.671679453891986 51.85106329807533)</t>
  </si>
  <si>
    <t>POINT (4.663200055998423 51.86932160007176)</t>
  </si>
  <si>
    <t>2951AG</t>
  </si>
  <si>
    <t>Noachstraat</t>
  </si>
  <si>
    <t>2951AE-2951AG</t>
  </si>
  <si>
    <t>POINT (4.665607723907078 51.86404167888358)</t>
  </si>
  <si>
    <t>POINT (4.655012772904446 51.861202787589114)</t>
  </si>
  <si>
    <t>2953CA</t>
  </si>
  <si>
    <t>Biezenkamp</t>
  </si>
  <si>
    <t>2953CA-2953CB</t>
  </si>
  <si>
    <t>POINT (4.643787472728649 51.86969426914414)</t>
  </si>
  <si>
    <t>2953GA</t>
  </si>
  <si>
    <t>POINT (4.638797713843081 51.87505576313057)</t>
  </si>
  <si>
    <t>POINT (4.667673204675597 51.86834192228841)</t>
  </si>
  <si>
    <t>2953XA</t>
  </si>
  <si>
    <t>Blokweersingel</t>
  </si>
  <si>
    <t>POINT (4.638609507920604 51.87327481416478)</t>
  </si>
  <si>
    <t>POINT (4.667456143607635 51.867387798956905)</t>
  </si>
  <si>
    <t>POINT (4.666148089029007 51.861123694868716)</t>
  </si>
  <si>
    <t>POINT (4.652910492808342 51.86809775003676)</t>
  </si>
  <si>
    <t>2952DD</t>
  </si>
  <si>
    <t>f</t>
  </si>
  <si>
    <t>POINT (4.673811658452355 51.84133783064471)</t>
  </si>
  <si>
    <t>POINT (4.641836770091547 51.87411599965163)</t>
  </si>
  <si>
    <t>POINT (4.64111839672358 51.872912256422694)</t>
  </si>
  <si>
    <t>2951GA</t>
  </si>
  <si>
    <t>Dam</t>
  </si>
  <si>
    <t>2951EV-2951GA</t>
  </si>
  <si>
    <t>POINT (4.659839487254816 51.86184505050658)</t>
  </si>
  <si>
    <t>2951GN</t>
  </si>
  <si>
    <t>POINT (4.661822218941354 51.86260657871926)</t>
  </si>
  <si>
    <t>POINT (4.648391706686301 51.864307668554225)</t>
  </si>
  <si>
    <t>2951TB</t>
  </si>
  <si>
    <t>Bilderdijkstraat</t>
  </si>
  <si>
    <t>POINT (4.671144514784787 51.864623872466204)</t>
  </si>
  <si>
    <t>POINT (4.6571585622409275 51.86194634667274)</t>
  </si>
  <si>
    <t>2954ND</t>
  </si>
  <si>
    <t>Ratelaar</t>
  </si>
  <si>
    <t>POINT (4.664998142868305 51.87126927621575)</t>
  </si>
  <si>
    <t>POINT (4.65842671463944 51.86459058810621)</t>
  </si>
  <si>
    <t>2953XT</t>
  </si>
  <si>
    <t>POINT (4.632225341056161 51.877287829910046)</t>
  </si>
  <si>
    <t>POINT (4.660514053455652 51.855803651601214)</t>
  </si>
  <si>
    <t>2953EV</t>
  </si>
  <si>
    <t>Scheldeplein</t>
  </si>
  <si>
    <t>POINT (4.64489148329915 51.87098662624941)</t>
  </si>
  <si>
    <t>2951AA</t>
  </si>
  <si>
    <t>Batavierstraat</t>
  </si>
  <si>
    <t>POINT (4.665396703591637 51.86452576779906)</t>
  </si>
  <si>
    <t>2951HC</t>
  </si>
  <si>
    <t>Weegbree</t>
  </si>
  <si>
    <t>POINT (4.667382839473269 51.87015584345481)</t>
  </si>
  <si>
    <t>2953XS</t>
  </si>
  <si>
    <t>POINT (4.633167726198679 51.876516365850186)</t>
  </si>
  <si>
    <t>POINT (4.649510835571994 51.86928451882703)</t>
  </si>
  <si>
    <t>POINT (4.659739078509525 51.86334031631468)</t>
  </si>
  <si>
    <t>A+</t>
  </si>
  <si>
    <t>POINT (4.644899308569599 51.87241300982007)</t>
  </si>
  <si>
    <t>POINT (4.659227306148135 51.866258449144226)</t>
  </si>
  <si>
    <t>POINT (4.646367667847777 51.872609405421514)</t>
  </si>
  <si>
    <t>2951BA</t>
  </si>
  <si>
    <t>Anjerstraat</t>
  </si>
  <si>
    <t>POINT (4.662276206408193 51.86894317964406)</t>
  </si>
  <si>
    <t>POINT (4.653085592016258 51.86804491282132)</t>
  </si>
  <si>
    <t>POINT (4.6656697781876275 51.86107581405438)</t>
  </si>
  <si>
    <t>POINT (4.634753856068134 51.874589485510874)</t>
  </si>
  <si>
    <t>2953ZZ</t>
  </si>
  <si>
    <t>Kattenwiel</t>
  </si>
  <si>
    <t>POINT (4.636387489030347 51.873071124519264)</t>
  </si>
  <si>
    <t>2951BR</t>
  </si>
  <si>
    <t>Papaverstraat</t>
  </si>
  <si>
    <t>POINT (4.656815839881473 51.86723222662806)</t>
  </si>
  <si>
    <t>POINT (4.638212843622727 51.87442283085749)</t>
  </si>
  <si>
    <t>POINT (4.659109215274044 51.869071156549)</t>
  </si>
  <si>
    <t>2951JD</t>
  </si>
  <si>
    <t>Fregat</t>
  </si>
  <si>
    <t>POINT (4.654370140331202 51.86215162854071)</t>
  </si>
  <si>
    <t>2952CB</t>
  </si>
  <si>
    <t>Van Coulsterweg</t>
  </si>
  <si>
    <t>e</t>
  </si>
  <si>
    <t>2951PL</t>
  </si>
  <si>
    <t>onderwijsfunctie</t>
  </si>
  <si>
    <t>POINT (4.668916466594562 51.87043739828967)</t>
  </si>
  <si>
    <t>POINT (4.667095509853622 51.86270251717208)</t>
  </si>
  <si>
    <t>2951VK</t>
  </si>
  <si>
    <t>Prins Bernhardstraat</t>
  </si>
  <si>
    <t>POINT (4.6619638647267765 51.8671787356056)</t>
  </si>
  <si>
    <t>POINT (4.660567396282794 51.862392649477144)</t>
  </si>
  <si>
    <t>POINT (4.65192551541706 51.86839720141495)</t>
  </si>
  <si>
    <t>POINT (4.657045358520649 51.86740443760282)</t>
  </si>
  <si>
    <t>2951XR</t>
  </si>
  <si>
    <t>De Alblashof</t>
  </si>
  <si>
    <t>POINT (4.665980048175599 51.86708211972166)</t>
  </si>
  <si>
    <t>POINT (4.648966367202579 51.864127006106315)</t>
  </si>
  <si>
    <t>POINT (4.644807161410552 51.87301752411038)</t>
  </si>
  <si>
    <t>POINT (4.657905828055813 51.870753551748976)</t>
  </si>
  <si>
    <t>2951XW</t>
  </si>
  <si>
    <t>POINT (4.667647170678555 51.8663373011185)</t>
  </si>
  <si>
    <t>2954BM</t>
  </si>
  <si>
    <t>POINT (4.657345500399976 51.871280400024396)</t>
  </si>
  <si>
    <t>POINT (4.644381172493436 51.866713798066165)</t>
  </si>
  <si>
    <t>POINT (4.6676008999204095 51.86832350208933)</t>
  </si>
  <si>
    <t>POINT (4.6583877176008945 51.8669992981696)</t>
  </si>
  <si>
    <t>2951ED</t>
  </si>
  <si>
    <t>POINT (4.654063828261457 51.862825572192904)</t>
  </si>
  <si>
    <t>POINT (4.662321420413541 51.871122452720584)</t>
  </si>
  <si>
    <t>2952BK</t>
  </si>
  <si>
    <t>Kamerlingh Onnesweg</t>
  </si>
  <si>
    <t>2952BK-2952BL</t>
  </si>
  <si>
    <t>POINT (4.670379080921795 51.859810291060924)</t>
  </si>
  <si>
    <t>POINT (4.641807983811866 51.87217157563188)</t>
  </si>
  <si>
    <t>2954BA</t>
  </si>
  <si>
    <t>Alver</t>
  </si>
  <si>
    <t>POINT (4.653025491984164 51.87261974807721)</t>
  </si>
  <si>
    <t>2951XT</t>
  </si>
  <si>
    <t>2951XT-2951XV</t>
  </si>
  <si>
    <t>POINT (4.6699331762744265 51.863196278997464)</t>
  </si>
  <si>
    <t>2951VX</t>
  </si>
  <si>
    <t>Zeilmakersstraat</t>
  </si>
  <si>
    <t>POINT (4.6588740088433465 51.86386528389508)</t>
  </si>
  <si>
    <t>2951EM</t>
  </si>
  <si>
    <t>POINT (4.658282998037665 51.8644998099447)</t>
  </si>
  <si>
    <t>POINT (4.65630175425253 51.869831235744726)</t>
  </si>
  <si>
    <t>2951AP</t>
  </si>
  <si>
    <t>POINT (4.665444903277163 51.86333057713965)</t>
  </si>
  <si>
    <t>2951AH</t>
  </si>
  <si>
    <t>Noordsterstraat</t>
  </si>
  <si>
    <t>POINT (4.666508227181978 51.86311239143696)</t>
  </si>
  <si>
    <t>2952AD</t>
  </si>
  <si>
    <t>Edisonweg</t>
  </si>
  <si>
    <t>POINT (4.674008064617713 51.85877458679153)</t>
  </si>
  <si>
    <t>2954AD</t>
  </si>
  <si>
    <t>Krabbescheer</t>
  </si>
  <si>
    <t>POINT (4.6641243099355725 51.87143018952984)</t>
  </si>
  <si>
    <t>2954BE</t>
  </si>
  <si>
    <t>Salamander</t>
  </si>
  <si>
    <t>POINT (4.653757549193711 51.87180635668561)</t>
  </si>
  <si>
    <t>2954LB</t>
  </si>
  <si>
    <t>Molenkade</t>
  </si>
  <si>
    <t>POINT (4.638476633567614 51.8760244893865)</t>
  </si>
  <si>
    <t>BU04820601</t>
  </si>
  <si>
    <t>Polder Blokweer</t>
  </si>
  <si>
    <t>POINT (4.655597217241539 51.87208299398523)</t>
  </si>
  <si>
    <t>2951WB</t>
  </si>
  <si>
    <t>Elzenhorst</t>
  </si>
  <si>
    <t>POINT (4.6668327550136866 51.864606493707655)</t>
  </si>
  <si>
    <t>POINT (4.655960380231838 51.86626512050421)</t>
  </si>
  <si>
    <t>POINT (4.659704249946827 51.8619019198548)</t>
  </si>
  <si>
    <t>POINT (4.661527419806862 51.86263968734403)</t>
  </si>
  <si>
    <t>2953WP</t>
  </si>
  <si>
    <t>POINT (4.6463371918982395 51.87137327650957)</t>
  </si>
  <si>
    <t>POINT (4.657557229075638 51.86807277691365)</t>
  </si>
  <si>
    <t>POINT (4.62865432981719 51.88020860354415)</t>
  </si>
  <si>
    <t>POINT (4.662922324694197 51.8703261726292)</t>
  </si>
  <si>
    <t>POINT (4.648463480857584 51.86435755754589)</t>
  </si>
  <si>
    <t>2953GC</t>
  </si>
  <si>
    <t>IJsvogel</t>
  </si>
  <si>
    <t>POINT (4.6383534989066515 51.87556977849027)</t>
  </si>
  <si>
    <t>2953XC</t>
  </si>
  <si>
    <t>POINT (4.639673564871929 51.871286113498144)</t>
  </si>
  <si>
    <t>POINT (4.67237521380824 51.8611797399491)</t>
  </si>
  <si>
    <t>2952BM</t>
  </si>
  <si>
    <t>Huygensweg</t>
  </si>
  <si>
    <t>POINT (4.669619347488132 51.859203413467505)</t>
  </si>
  <si>
    <t>2954AB</t>
  </si>
  <si>
    <t>Kamgras</t>
  </si>
  <si>
    <t>POINT (4.661109058359891 51.87111496450864)</t>
  </si>
  <si>
    <t>2953XM</t>
  </si>
  <si>
    <t>Scheepsbouwplein</t>
  </si>
  <si>
    <t>POINT (4.639181955164414 51.872033534947974)</t>
  </si>
  <si>
    <t>Portiekwoning</t>
  </si>
  <si>
    <t>POINT (4.646243288200698 51.872667046974065)</t>
  </si>
  <si>
    <t>POINT (4.641745652821265 51.872193876365806)</t>
  </si>
  <si>
    <t>POINT (4.662302951075426 51.8587450025661)</t>
  </si>
  <si>
    <t>POINT (4.651035081843738 51.862475601598085)</t>
  </si>
  <si>
    <t>POINT (4.652869876810956 51.87058734601033)</t>
  </si>
  <si>
    <t>2953EG</t>
  </si>
  <si>
    <t>Koekoekstraat</t>
  </si>
  <si>
    <t>POINT (4.642560394670465 51.87365048377678)</t>
  </si>
  <si>
    <t>POINT (4.659682415205984 51.86864325450171)</t>
  </si>
  <si>
    <t>2951DC</t>
  </si>
  <si>
    <t>Heinemanpad</t>
  </si>
  <si>
    <t>POINT (4.663092057653998 51.86978625712897)</t>
  </si>
  <si>
    <t>POINT (4.659223193417266 51.86475128264072)</t>
  </si>
  <si>
    <t>2951CA</t>
  </si>
  <si>
    <t>Goudenregenstraat</t>
  </si>
  <si>
    <t>POINT (4.655306447493232 51.86540712746045)</t>
  </si>
  <si>
    <t>POINT (4.66420318206739 51.87118373079756)</t>
  </si>
  <si>
    <t>POINT (4.640029236378446 51.87172881973226)</t>
  </si>
  <si>
    <t>POINT (4.652882348339525 51.8729379494325)</t>
  </si>
  <si>
    <t>POINT (4.6667772076618705 51.8703453855744)</t>
  </si>
  <si>
    <t>POINT (4.642500557041665 51.873317525035475)</t>
  </si>
  <si>
    <t>POINT (4.657864564128073 51.86254667949648)</t>
  </si>
  <si>
    <t>2953AS</t>
  </si>
  <si>
    <t>POINT (4.6445843246402525 51.87214135986477)</t>
  </si>
  <si>
    <t>2951TP</t>
  </si>
  <si>
    <t>POINT (4.669491699792043 51.864478954562706)</t>
  </si>
  <si>
    <t>2953CL</t>
  </si>
  <si>
    <t>POINT (4.641526167227113 51.86862136981461)</t>
  </si>
  <si>
    <t>2951SH</t>
  </si>
  <si>
    <t>POINT (4.668718732330068 51.86788091459976)</t>
  </si>
  <si>
    <t>POINT (4.660465696083121 51.86959190886679)</t>
  </si>
  <si>
    <t>POINT (4.674481987000168 51.8571269911471)</t>
  </si>
  <si>
    <t>2953EL</t>
  </si>
  <si>
    <t>POINT (4.643729439753228 51.87276801452405)</t>
  </si>
  <si>
    <t>POINT (4.663660521578504 51.87002061497781)</t>
  </si>
  <si>
    <t>POINT (4.658919961813072 51.86640935040106)</t>
  </si>
  <si>
    <t>POINT (4.655354202001059 51.86259477431732)</t>
  </si>
  <si>
    <t>POINT (4.639570436793338 51.87137534349252)</t>
  </si>
  <si>
    <t>POINT (4.6637240118083065 51.869439316638434)</t>
  </si>
  <si>
    <t>POINT (4.67394402294321 51.85773135586409)</t>
  </si>
  <si>
    <t>POINT (4.660628396384745 51.86490984259562)</t>
  </si>
  <si>
    <t>2952BB</t>
  </si>
  <si>
    <t>POINT (4.673081815976136 51.85827621968532)</t>
  </si>
  <si>
    <t>2954NK</t>
  </si>
  <si>
    <t>Zilverschoonpad</t>
  </si>
  <si>
    <t>POINT (4.668270117126782 51.871878102695916)</t>
  </si>
  <si>
    <t>POINT (4.642845890588172 51.87394891814918)</t>
  </si>
  <si>
    <t>POINT (4.656969685039856 51.86580399146853)</t>
  </si>
  <si>
    <t>2951ES</t>
  </si>
  <si>
    <t>POINT (4.658227840222706 51.86431969502402)</t>
  </si>
  <si>
    <t>POINT (4.673453397080069 51.860934616234175)</t>
  </si>
  <si>
    <t>2952ED</t>
  </si>
  <si>
    <t>Stenen Kamer</t>
  </si>
  <si>
    <t>2952EB-2952ED</t>
  </si>
  <si>
    <t>POINT (4.674727156514927 51.86378494686061)</t>
  </si>
  <si>
    <t>2952BH</t>
  </si>
  <si>
    <t>Newtonweg</t>
  </si>
  <si>
    <t>2952BH-2952BJ</t>
  </si>
  <si>
    <t>POINT (4.671228851445954 51.859321100574725)</t>
  </si>
  <si>
    <t>POINT (4.670941020531943 51.852775624738)</t>
  </si>
  <si>
    <t>2954PB</t>
  </si>
  <si>
    <t>De Spil</t>
  </si>
  <si>
    <t>POINT (4.658779451657009 51.87060616628917)</t>
  </si>
  <si>
    <t>POINT (4.665502646818857 51.86787917431125)</t>
  </si>
  <si>
    <t>POINT (4.650979571262557 51.86253470447182)</t>
  </si>
  <si>
    <t>POINT (4.64216428544041 51.86819187033316)</t>
  </si>
  <si>
    <t>POINT (4.660726655613163 51.86331946345475)</t>
  </si>
  <si>
    <t>POINT (4.658166852690551 51.86808555109148)</t>
  </si>
  <si>
    <t>POINT (4.655510932609956 51.868904977862364)</t>
  </si>
  <si>
    <t>POINT (4.663713575982114 51.862654766151586)</t>
  </si>
  <si>
    <t>2953XW</t>
  </si>
  <si>
    <t>Dominee B. Toesplein</t>
  </si>
  <si>
    <t>2953XW-2953XX</t>
  </si>
  <si>
    <t>POINT (4.636925630807916 51.87410900242294)</t>
  </si>
  <si>
    <t>POINT (4.654033221119557 51.86736320190732)</t>
  </si>
  <si>
    <t>2953HA</t>
  </si>
  <si>
    <t>Touwbaan</t>
  </si>
  <si>
    <t>2953GD-2953HA</t>
  </si>
  <si>
    <t>POINT (4.653549201582609 51.86677142424563)</t>
  </si>
  <si>
    <t>POINT (4.666936374834271 51.86629698980975)</t>
  </si>
  <si>
    <t>2951XA</t>
  </si>
  <si>
    <t>Da Costastraat</t>
  </si>
  <si>
    <t>POINT (4.668058534801826 51.865126357066636)</t>
  </si>
  <si>
    <t>2951DA</t>
  </si>
  <si>
    <t>Lavendel</t>
  </si>
  <si>
    <t>POINT (4.657159841164642 51.868402886705425)</t>
  </si>
  <si>
    <t>POINT (4.6715238204549685 51.86450933240336)</t>
  </si>
  <si>
    <t>POINT (4.666909345079511 51.86707883387826)</t>
  </si>
  <si>
    <t>POINT (4.64171377677849 51.868518103779785)</t>
  </si>
  <si>
    <t>POINT (4.6669140834568195 51.86769008895955)</t>
  </si>
  <si>
    <t>POINT (4.678450811225813 51.844578619171465)</t>
  </si>
  <si>
    <t>POINT (4.669700576005543 51.86503752516142)</t>
  </si>
  <si>
    <t>2951AV</t>
  </si>
  <si>
    <t>Van der Leestraat</t>
  </si>
  <si>
    <t>POINT (4.662308412329105 51.86201240320977)</t>
  </si>
  <si>
    <t>POINT (4.642397876103802 51.873379794423535)</t>
  </si>
  <si>
    <t>POINT (4.673663777599681 51.854072181827675)</t>
  </si>
  <si>
    <t>POINT (4.665464243056826 51.868463198519784)</t>
  </si>
  <si>
    <t>2953XX</t>
  </si>
  <si>
    <t>Werfstraat</t>
  </si>
  <si>
    <t>POINT (4.639808907433776 51.87188022479499)</t>
  </si>
  <si>
    <t>2953BR</t>
  </si>
  <si>
    <t>POINT (4.655385139539071 51.86949744345726)</t>
  </si>
  <si>
    <t>POINT (4.661134409088851 51.86234222453683)</t>
  </si>
  <si>
    <t>2954BH</t>
  </si>
  <si>
    <t>POINT (4.655304411636292 51.870890177280145)</t>
  </si>
  <si>
    <t>2953EE</t>
  </si>
  <si>
    <t>Kievitstraat</t>
  </si>
  <si>
    <t>POINT (4.642029136575853 51.87284712638073)</t>
  </si>
  <si>
    <t>2951BN</t>
  </si>
  <si>
    <t>Lindelaan</t>
  </si>
  <si>
    <t>POINT (4.661662292415116 51.86832292237754)</t>
  </si>
  <si>
    <t>2953BK</t>
  </si>
  <si>
    <t>POINT (4.6534286297719145 51.86971444688937)</t>
  </si>
  <si>
    <t>2951TK</t>
  </si>
  <si>
    <t>Van Lennepstraat</t>
  </si>
  <si>
    <t>2951TJ-2951TK</t>
  </si>
  <si>
    <t>POINT (4.672535886704982 51.864776165083455)</t>
  </si>
  <si>
    <t>POINT (4.663759147736374 51.86252920611522)</t>
  </si>
  <si>
    <t>POINT (4.671491637473625 51.86927310205326)</t>
  </si>
  <si>
    <t>2951SC</t>
  </si>
  <si>
    <t>POINT (4.669278116190499 51.867857369290824)</t>
  </si>
  <si>
    <t>POINT (4.663910764381694 51.867550286018336)</t>
  </si>
  <si>
    <t>POINT (4.669400948218856 51.8678940744925)</t>
  </si>
  <si>
    <t>POINT (4.663068609219109 51.86143650851728)</t>
  </si>
  <si>
    <t>POINT (4.655271045901446 51.86784334659294)</t>
  </si>
  <si>
    <t>POINT (4.64132548279797 51.87324714878845)</t>
  </si>
  <si>
    <t>POINT (4.66883174805358 51.866713085748636)</t>
  </si>
  <si>
    <t>POINT (4.658701232262155 51.864673188870434)</t>
  </si>
  <si>
    <t>POINT (4.658240319787379 51.86444561328584)</t>
  </si>
  <si>
    <t>POINT (4.662851257870908 51.86211013318645)</t>
  </si>
  <si>
    <t>2953EW</t>
  </si>
  <si>
    <t>POINT (4.64494473965939 51.87171953635263)</t>
  </si>
  <si>
    <t>2951EC</t>
  </si>
  <si>
    <t>POINT (4.651300838654792 51.86442031359618)</t>
  </si>
  <si>
    <t>2951CS</t>
  </si>
  <si>
    <t>Van Nesplantsoen</t>
  </si>
  <si>
    <t>2951CR-2951CS</t>
  </si>
  <si>
    <t>POINT (4.656370601007332 51.86335535774121)</t>
  </si>
  <si>
    <t>POINT (4.667132587800323 51.86401508337191)</t>
  </si>
  <si>
    <t>POINT (4.667441338062568 51.867405685462444)</t>
  </si>
  <si>
    <t>POINT (4.655255466091451 51.86224199332366)</t>
  </si>
  <si>
    <t>POINT (4.663858442853155 51.868953033388024)</t>
  </si>
  <si>
    <t>POINT (4.635089326300623 51.874501747615966)</t>
  </si>
  <si>
    <t>2951BK</t>
  </si>
  <si>
    <t>Kastanjelaan</t>
  </si>
  <si>
    <t>POINT (4.65840496664194 51.867727483851)</t>
  </si>
  <si>
    <t>POINT (4.65796519794371 51.867985424361486)</t>
  </si>
  <si>
    <t>POINT (4.662680821739848 51.86187537753807)</t>
  </si>
  <si>
    <t>POINT (4.654563851976929 51.86260305085789)</t>
  </si>
  <si>
    <t>POINT (4.655171158552124 51.86926240575916)</t>
  </si>
  <si>
    <t>2953AR</t>
  </si>
  <si>
    <t>Treubstraat</t>
  </si>
  <si>
    <t>POINT (4.6524529430519985 51.8685533087202)</t>
  </si>
  <si>
    <t>POINT (4.662615304073667 51.869571176601)</t>
  </si>
  <si>
    <t>2953WE</t>
  </si>
  <si>
    <t>De Donken</t>
  </si>
  <si>
    <t>2953WE-2953WG</t>
  </si>
  <si>
    <t>POINT (4.647688377585669 51.87132785953962)</t>
  </si>
  <si>
    <t>POINT (4.6539845538040465 51.86814301219161)</t>
  </si>
  <si>
    <t>2953XG</t>
  </si>
  <si>
    <t>2953XE-2953XG</t>
  </si>
  <si>
    <t>POINT (4.637560331302322 51.87262094108745)</t>
  </si>
  <si>
    <t>POINT (4.654740674980894 51.86600314202598)</t>
  </si>
  <si>
    <t>POINT (4.665764530578047 51.86422241466331)</t>
  </si>
  <si>
    <t>2953XP</t>
  </si>
  <si>
    <t>POINT (4.63531483456718 51.873172872881334)</t>
  </si>
  <si>
    <t>POINT (4.6669263224418955 51.86511043034025)</t>
  </si>
  <si>
    <t>2953CD</t>
  </si>
  <si>
    <t>Lekstraat</t>
  </si>
  <si>
    <t>POINT (4.644710819614754 51.87005516076889)</t>
  </si>
  <si>
    <t>POINT (4.657980114045269 51.862583351548295)</t>
  </si>
  <si>
    <t>POINT (4.664233758212714 51.860096210793564)</t>
  </si>
  <si>
    <t>POINT (4.6383447093443655 51.87347986490294)</t>
  </si>
  <si>
    <t>POINT (4.656360822297069 51.865746272527325)</t>
  </si>
  <si>
    <t>POINT (4.661566771135028 51.8598370690802)</t>
  </si>
  <si>
    <t>POINT (4.664765044367008 51.860189366550664)</t>
  </si>
  <si>
    <t>POINT (4.678034455687499 51.84429296311894)</t>
  </si>
  <si>
    <t>POINT (4.65649257565151 51.8665740461129)</t>
  </si>
  <si>
    <t>POINT (4.6550328326704085 51.8612628129161)</t>
  </si>
  <si>
    <t>2951BJ</t>
  </si>
  <si>
    <t>POINT (4.659248873112421 51.86582263445538)</t>
  </si>
  <si>
    <t>POINT (4.661506100852991 51.85999848954729)</t>
  </si>
  <si>
    <t>2953WJ</t>
  </si>
  <si>
    <t>De Kreken</t>
  </si>
  <si>
    <t>POINT (4.647887662137412 51.871571807066104)</t>
  </si>
  <si>
    <t>POINT (4.642606316548903 51.87131373025232)</t>
  </si>
  <si>
    <t>POINT (4.666736135864136 51.86701485118101)</t>
  </si>
  <si>
    <t>2953EB</t>
  </si>
  <si>
    <t>POINT (4.6400842757014065 51.8736617263988)</t>
  </si>
  <si>
    <t>2951AD</t>
  </si>
  <si>
    <t>Hilmar J. de Haanstraat</t>
  </si>
  <si>
    <t>POINT (4.6640601553342504 51.86410506703759)</t>
  </si>
  <si>
    <t>2952EC</t>
  </si>
  <si>
    <t>Haverhof</t>
  </si>
  <si>
    <t>POINT (4.673789999030023 51.86361342694001)</t>
  </si>
  <si>
    <t>POINT (4.6405002705207306 51.87134530376234)</t>
  </si>
  <si>
    <t>2951VZ</t>
  </si>
  <si>
    <t>De Drentsehof</t>
  </si>
  <si>
    <t>POINT (4.663061350186518 51.8671001153343)</t>
  </si>
  <si>
    <t>2954PA</t>
  </si>
  <si>
    <t>De Vang</t>
  </si>
  <si>
    <t>POINT (4.6610434592422365 51.872480828908245)</t>
  </si>
  <si>
    <t>2953CW</t>
  </si>
  <si>
    <t>POINT (4.64140277850748 51.87033532183252)</t>
  </si>
  <si>
    <t>2951XS</t>
  </si>
  <si>
    <t>Potgieterstraat</t>
  </si>
  <si>
    <t>POINT (4.668605519443502 51.864967909887376)</t>
  </si>
  <si>
    <t>2951CB</t>
  </si>
  <si>
    <t>Ieplaan</t>
  </si>
  <si>
    <t>POINT (4.654670751272998 51.86521440303677)</t>
  </si>
  <si>
    <t>2953BC</t>
  </si>
  <si>
    <t>POINT (4.6523535638346765 51.87108298569788)</t>
  </si>
  <si>
    <t>POINT (4.668977357301442 51.86668701040607)</t>
  </si>
  <si>
    <t>POINT (4.644874868701249 51.87331457682935)</t>
  </si>
  <si>
    <t>Resedahof</t>
  </si>
  <si>
    <t>POINT (4.657944507863079 51.86953133924341)</t>
  </si>
  <si>
    <t>POINT (4.643984884634373 51.87224829044507)</t>
  </si>
  <si>
    <t>POINT (4.64037049143824 51.87129054684037)</t>
  </si>
  <si>
    <t>2954NA</t>
  </si>
  <si>
    <t>Hondsdraf</t>
  </si>
  <si>
    <t>POINT (4.6662289557133585 51.87239142558496)</t>
  </si>
  <si>
    <t>POINT (4.6584859000940915 51.86990323292261)</t>
  </si>
  <si>
    <t>POINT (4.6675745987928465 51.869060407453965)</t>
  </si>
  <si>
    <t>POINT (4.647295872767093 51.87047146774427)</t>
  </si>
  <si>
    <t>2951PA</t>
  </si>
  <si>
    <t>POINT (4.671884307119536 51.870147389394354)</t>
  </si>
  <si>
    <t>POINT (4.652963119203812 51.86167316612382)</t>
  </si>
  <si>
    <t>POINT (4.658260803452991 51.867663668845225)</t>
  </si>
  <si>
    <t>2951ER</t>
  </si>
  <si>
    <t>POINT (4.658198660468822 51.86432850253338)</t>
  </si>
  <si>
    <t>POINT (4.639695518053264 51.873461503097964)</t>
  </si>
  <si>
    <t>POINT (4.654984808355033 51.86122086915634)</t>
  </si>
  <si>
    <t>POINT (4.6753146430589885 51.862591351576135)</t>
  </si>
  <si>
    <t>POINT (4.658658407887904 51.86462798008939)</t>
  </si>
  <si>
    <t>2953BJ</t>
  </si>
  <si>
    <t>POINT (4.654445842656809 51.87011180249341)</t>
  </si>
  <si>
    <t>2951PH</t>
  </si>
  <si>
    <t>Mesdaglaan</t>
  </si>
  <si>
    <t>POINT (4.670684695162722 51.87061757958661)</t>
  </si>
  <si>
    <t>POINT (4.640269900403113 51.87122698675187)</t>
  </si>
  <si>
    <t>POINT (4.644750606004054 51.86675938733028)</t>
  </si>
  <si>
    <t>POINT (4.66728322003933 51.866397991147736)</t>
  </si>
  <si>
    <t>POINT (4.657312714943159 51.86613870297579)</t>
  </si>
  <si>
    <t>2951BG</t>
  </si>
  <si>
    <t>Goudsbloemstraat</t>
  </si>
  <si>
    <t>POINT (4.657303186522058 51.86762176717835)</t>
  </si>
  <si>
    <t>POINT (4.642471372635309 51.87213874145)</t>
  </si>
  <si>
    <t>POINT (4.6750123649341315 51.84874125781698)</t>
  </si>
  <si>
    <t>2953DZ</t>
  </si>
  <si>
    <t>Noord en Landzigt</t>
  </si>
  <si>
    <t>POINT (4.641702819644388 51.86904202689709)</t>
  </si>
  <si>
    <t>POINT (4.664215262044404 51.87209590692848)</t>
  </si>
  <si>
    <t>POINT (4.66768743576373 51.86835998670068)</t>
  </si>
  <si>
    <t>POINT (4.650457985475868 51.86979023154615)</t>
  </si>
  <si>
    <t>2951AL</t>
  </si>
  <si>
    <t>Reederijstraat</t>
  </si>
  <si>
    <t>POINT (4.666592104289256 51.86240729917587)</t>
  </si>
  <si>
    <t>2953EN</t>
  </si>
  <si>
    <t>Patrijsstraat</t>
  </si>
  <si>
    <t>POINT (4.640404910368422 51.87359185629065)</t>
  </si>
  <si>
    <t>POINT (4.658599283207315 51.86409901903568)</t>
  </si>
  <si>
    <t>POINT (4.644859385111699 51.87337290507257)</t>
  </si>
  <si>
    <t>POINT (4.666805609228874 51.86267377340952)</t>
  </si>
  <si>
    <t>POINT (4.653978576450132 51.86938080776024)</t>
  </si>
  <si>
    <t>POINT (4.666169236846131 51.86614846487786)</t>
  </si>
  <si>
    <t>POINT (4.674934304234304 51.8568329401143)</t>
  </si>
  <si>
    <t>2951HD</t>
  </si>
  <si>
    <t>Brunel</t>
  </si>
  <si>
    <t>POINT (4.6665463492574615 51.86980015815251)</t>
  </si>
  <si>
    <t>POINT (4.645220540232901 51.86732134241939)</t>
  </si>
  <si>
    <t>BU04820204</t>
  </si>
  <si>
    <t>Groene Long</t>
  </si>
  <si>
    <t>POINT (4.6549821372920315 51.86660059377428)</t>
  </si>
  <si>
    <t>POINT (4.652428274021827 51.87273286582114)</t>
  </si>
  <si>
    <t>POINT (4.6660375442634585 51.86711842724497)</t>
  </si>
  <si>
    <t>POINT (4.667314916414545 51.870317222236515)</t>
  </si>
  <si>
    <t>POINT (4.681247890975889 51.858707609423256)</t>
  </si>
  <si>
    <t>BU04820604</t>
  </si>
  <si>
    <t>Polder Vinkenwaard</t>
  </si>
  <si>
    <t>POINT (4.655088314654168 51.86653556676957)</t>
  </si>
  <si>
    <t>POINT (4.642682179748559 51.87375013071038)</t>
  </si>
  <si>
    <t>POINT (4.6375727538332185 51.87361875906706)</t>
  </si>
  <si>
    <t>Twee-onder-Ã©Ã©n-kap</t>
  </si>
  <si>
    <t>POINT (4.660894555857228 51.86011156118294)</t>
  </si>
  <si>
    <t>POINT (4.642368766777931 51.86987404243074)</t>
  </si>
  <si>
    <t>POINT (4.66961289873527 51.865072943970915)</t>
  </si>
  <si>
    <t>POINT (4.6744272448256075 51.857650695609664)</t>
  </si>
  <si>
    <t>2952AA</t>
  </si>
  <si>
    <t>AmpÃ¨restraat</t>
  </si>
  <si>
    <t>POINT (4.6654813604955585 51.859154685486615)</t>
  </si>
  <si>
    <t>POINT (4.6404405996846325 51.870021437472445)</t>
  </si>
  <si>
    <t>POINT (4.631776106968949 51.877662464547846)</t>
  </si>
  <si>
    <t>POINT (4.661674498791485 51.8707184650156)</t>
  </si>
  <si>
    <t>2951TR</t>
  </si>
  <si>
    <t>POINT (4.670223117346468 51.86595755523117)</t>
  </si>
  <si>
    <t>POINT (4.6461788760552105 51.87084644287717)</t>
  </si>
  <si>
    <t>POINT (4.652917751962528 51.86809779541949)</t>
  </si>
  <si>
    <t>POINT (4.667955634217819 51.86611447505068)</t>
  </si>
  <si>
    <t>2951BX</t>
  </si>
  <si>
    <t>POINT (4.660302360450591 51.869815613665594)</t>
  </si>
  <si>
    <t>POINT (4.665980192180026 51.867073131986814)</t>
  </si>
  <si>
    <t>POINT (4.643733137961199 51.87078604435113)</t>
  </si>
  <si>
    <t>POINT (4.6704792989477975 51.8594423691612)</t>
  </si>
  <si>
    <t>POINT (4.652356596197749 51.86822911530964)</t>
  </si>
  <si>
    <t>POINT (4.663331700170352 51.867443349461475)</t>
  </si>
  <si>
    <t>POINT (4.64168069641316 51.872404472290064)</t>
  </si>
  <si>
    <t>POINT (4.656776303076309 51.86787916186123)</t>
  </si>
  <si>
    <t>POINT (4.642192829676597 51.87216938807855)</t>
  </si>
  <si>
    <t>POINT (4.651297756578256 51.869049439832196)</t>
  </si>
  <si>
    <t>2951BS</t>
  </si>
  <si>
    <t>POINT (4.65957296101544 51.86733023743981)</t>
  </si>
  <si>
    <t>POINT (4.656719256492047 51.8695906368121)</t>
  </si>
  <si>
    <t>2951GM</t>
  </si>
  <si>
    <t>POINT (4.671507991475224 51.863417352569606)</t>
  </si>
  <si>
    <t>POINT (4.655042857319855 51.861229320838724)</t>
  </si>
  <si>
    <t>POINT (4.660766351040979 51.872555518708076)</t>
  </si>
  <si>
    <t>POINT (4.657664295378642 51.86549820047594)</t>
  </si>
  <si>
    <t>POINT (4.658704466895105 51.868061920991266)</t>
  </si>
  <si>
    <t>2951EB</t>
  </si>
  <si>
    <t>POINT (4.645106454280014 51.87159921163482)</t>
  </si>
  <si>
    <t>POINT (4.668773676441501 51.866712730547334)</t>
  </si>
  <si>
    <t>POINT (4.6550571744259175 51.862879768269316)</t>
  </si>
  <si>
    <t>POINT (4.6579030474036545 51.86823671996178)</t>
  </si>
  <si>
    <t>POINT (4.6597981213848 51.86956979921686)</t>
  </si>
  <si>
    <t>POINT (4.656179479461889 51.862608111803766)</t>
  </si>
  <si>
    <t>POINT (4.6479624135805615 51.86458223073972)</t>
  </si>
  <si>
    <t>POINT (4.638378773285338 51.87405086041985)</t>
  </si>
  <si>
    <t>POINT (4.66594633005907 51.86012471841267)</t>
  </si>
  <si>
    <t>POINT (4.642681882376719 51.87376810608888)</t>
  </si>
  <si>
    <t>POINT (4.651203302898193 51.86505789545452)</t>
  </si>
  <si>
    <t>POINT (4.63927676437188 51.871571223887464)</t>
  </si>
  <si>
    <t>POINT (4.6720750069579156 51.87093954829026)</t>
  </si>
  <si>
    <t>POINT (4.652941632099763 51.86250193682568)</t>
  </si>
  <si>
    <t>POINT (4.641821163745661 51.872252556978594)</t>
  </si>
  <si>
    <t>POINT (4.652738032071445 51.8697685565971)</t>
  </si>
  <si>
    <t>POINT (4.660854927481973 51.87291561115768)</t>
  </si>
  <si>
    <t>POINT (4.661220239405877 51.86962354091624)</t>
  </si>
  <si>
    <t>2952AX</t>
  </si>
  <si>
    <t>Wattstraat</t>
  </si>
  <si>
    <t>2952AW-2952AX</t>
  </si>
  <si>
    <t>POINT (4.6625404145810565 51.85914376562362)</t>
  </si>
  <si>
    <t>POINT (4.65992184365971 51.86370998200347)</t>
  </si>
  <si>
    <t>2951PJ</t>
  </si>
  <si>
    <t>POINT (4.670198409560359 51.86842028502026)</t>
  </si>
  <si>
    <t>POINT (4.6554524199643135 51.868931579215634)</t>
  </si>
  <si>
    <t>POINT (4.644048045134072 51.87062174747496)</t>
  </si>
  <si>
    <t>2953CB</t>
  </si>
  <si>
    <t>Blokmakersstraat</t>
  </si>
  <si>
    <t>POINT (4.641846400276625 51.87160553543898)</t>
  </si>
  <si>
    <t>POINT (4.65084808290017 51.869909529979395)</t>
  </si>
  <si>
    <t>2953CV</t>
  </si>
  <si>
    <t>Vechtstraat</t>
  </si>
  <si>
    <t>POINT (4.642521410850745 51.870301970523364)</t>
  </si>
  <si>
    <t>2954NL</t>
  </si>
  <si>
    <t>van Goghplantsoen</t>
  </si>
  <si>
    <t>POINT (4.669440447567742 51.871790879636215)</t>
  </si>
  <si>
    <t>POINT (4.66455354280822 51.87182833017085)</t>
  </si>
  <si>
    <t>2951VB</t>
  </si>
  <si>
    <t>POINT (4.662464714474195 51.865379608273386)</t>
  </si>
  <si>
    <t>POINT (4.6669662666844545 51.8671510918934)</t>
  </si>
  <si>
    <t>2954CD</t>
  </si>
  <si>
    <t>De Wervel</t>
  </si>
  <si>
    <t>POINT (4.660526109623662 51.87124618872815)</t>
  </si>
  <si>
    <t>POINT (4.674725039398872 51.863325193290244)</t>
  </si>
  <si>
    <t>POINT (4.660353929656732 51.862126163964156)</t>
  </si>
  <si>
    <t>2952EJ</t>
  </si>
  <si>
    <t>Herikhof</t>
  </si>
  <si>
    <t>2952EH-2952EJ</t>
  </si>
  <si>
    <t>POINT (4.676103803412752 51.86431706564242)</t>
  </si>
  <si>
    <t>POINT (4.639322692895764 51.87492427727273)</t>
  </si>
  <si>
    <t>POINT (4.661104191126996 51.8709666222107)</t>
  </si>
  <si>
    <t>POINT (4.677154158019288 51.86801113284701)</t>
  </si>
  <si>
    <t>POINT (4.661669657800706 51.870613421080456)</t>
  </si>
  <si>
    <t>POINT (4.665451405845638 51.86247220348223)</t>
  </si>
  <si>
    <t>POINT (4.6559756638873635 51.86264279750457)</t>
  </si>
  <si>
    <t>POINT (4.670163216128404 51.86880658056914)</t>
  </si>
  <si>
    <t>POINT (4.642085766729181 51.87030370201125)</t>
  </si>
  <si>
    <t>POINT (4.66057580997767 51.86187136103344)</t>
  </si>
  <si>
    <t>POINT (4.665012543706902 51.87218170914819)</t>
  </si>
  <si>
    <t>POINT (4.654094612944047 51.86314791700303)</t>
  </si>
  <si>
    <t>POINT (4.638165029257344 51.87555059956626)</t>
  </si>
  <si>
    <t>POINT (4.650062997796734 51.86908304469947)</t>
  </si>
  <si>
    <t>POINT (4.663318913465044 51.869678515660205)</t>
  </si>
  <si>
    <t>POINT (4.666856154435904 51.86768074507205)</t>
  </si>
  <si>
    <t>POINT (4.654826490988509 51.86941604799497)</t>
  </si>
  <si>
    <t>POINT (4.665773349092224 51.870521953668224)</t>
  </si>
  <si>
    <t>POINT (4.655756309240101 51.86274030650442)</t>
  </si>
  <si>
    <t>POINT (4.673243598201014 51.85484804300732)</t>
  </si>
  <si>
    <t>POINT (4.656192502920077 51.868958659233904)</t>
  </si>
  <si>
    <t>2953CE</t>
  </si>
  <si>
    <t>POINT (4.643372758562777 51.870626461592444)</t>
  </si>
  <si>
    <t>POINT (4.660303490599078 51.863182015688764)</t>
  </si>
  <si>
    <t>2954BC</t>
  </si>
  <si>
    <t>Libel</t>
  </si>
  <si>
    <t>POINT (4.656244545995164 51.87156568404444)</t>
  </si>
  <si>
    <t>POINT (4.658358203128266 51.86433848135907)</t>
  </si>
  <si>
    <t>2954NH</t>
  </si>
  <si>
    <t>Zwanebloem</t>
  </si>
  <si>
    <t>2954NG-2954NH</t>
  </si>
  <si>
    <t>POINT (4.667759337226578 51.8711289204342)</t>
  </si>
  <si>
    <t>POINT (4.648483190567493 51.87067669100763)</t>
  </si>
  <si>
    <t>POINT (4.6350890258890445 51.874519722967534)</t>
  </si>
  <si>
    <t>POINT (4.662471225876776 51.8649751603615)</t>
  </si>
  <si>
    <t>POINT (4.6674715239720825 51.86733396150178)</t>
  </si>
  <si>
    <t>POINT (4.665011534172175 51.87224462323996)</t>
  </si>
  <si>
    <t>POINT (4.659169671305375 51.86623112601992)</t>
  </si>
  <si>
    <t>POINT (4.6532979863955255 51.87193831552958)</t>
  </si>
  <si>
    <t>POINT (4.655780119995611 51.86574265757415)</t>
  </si>
  <si>
    <t>POINT (4.656399050974758 51.86339148930271)</t>
  </si>
  <si>
    <t>2951PN</t>
  </si>
  <si>
    <t>Ruysdaellaan</t>
  </si>
  <si>
    <t>POINT (4.670338931818108 51.86962561693307)</t>
  </si>
  <si>
    <t>POINT (4.674772792364813 51.86389015679377)</t>
  </si>
  <si>
    <t>2953AG</t>
  </si>
  <si>
    <t>POINT (4.650422373556921 51.86930462215909)</t>
  </si>
  <si>
    <t>2951VS</t>
  </si>
  <si>
    <t>POINT (4.659615817184564 51.86467885832963)</t>
  </si>
  <si>
    <t>POINT (4.640467877815127 51.87310776024069)</t>
  </si>
  <si>
    <t>2953CP</t>
  </si>
  <si>
    <t>POINT (4.648638626730217 51.86465528411385)</t>
  </si>
  <si>
    <t>POINT (4.6626162469773655 51.86227946738832)</t>
  </si>
  <si>
    <t>POINT (4.665497495453371 51.86548367543431)</t>
  </si>
  <si>
    <t>POINT (4.665978672313882 51.86988655994075)</t>
  </si>
  <si>
    <t>POINT (4.667461537800108 51.86841253434202)</t>
  </si>
  <si>
    <t>2954CA</t>
  </si>
  <si>
    <t>De Wig</t>
  </si>
  <si>
    <t>POINT (4.6605419434476385 51.872064250975505)</t>
  </si>
  <si>
    <t>POINT (4.642835355269157 51.87196335236131)</t>
  </si>
  <si>
    <t>POINT (4.657129966820606 51.86191920301572)</t>
  </si>
  <si>
    <t>POINT (4.658683951466222 51.86484386561085)</t>
  </si>
  <si>
    <t>POINT (4.655391412803337 51.86643236067023)</t>
  </si>
  <si>
    <t>POINT (4.658590853647604 51.866110684533446)</t>
  </si>
  <si>
    <t>POINT (4.6565211736302725 51.86660118991411)</t>
  </si>
  <si>
    <t>POINT (4.668842711453294 51.86784571847776)</t>
  </si>
  <si>
    <t>POINT (4.651575643179274 51.869815214043705)</t>
  </si>
  <si>
    <t>POINT (4.647545887210549 51.87204605271884)</t>
  </si>
  <si>
    <t>POINT (4.65944429332131 51.869900186420956)</t>
  </si>
  <si>
    <t>POINT (4.669432441123274 51.86364265079862)</t>
  </si>
  <si>
    <t>POINT (4.671925071091847 51.861185987820676)</t>
  </si>
  <si>
    <t>POINT (4.6638450026096 51.85808935243532)</t>
  </si>
  <si>
    <t>POINT (4.653302229380821 51.86236481298532)</t>
  </si>
  <si>
    <t>POINT (4.653784913889247 51.87235483361299)</t>
  </si>
  <si>
    <t>2953CS</t>
  </si>
  <si>
    <t>Pijlstoep</t>
  </si>
  <si>
    <t>POINT (4.646183308525195 51.86660832975207)</t>
  </si>
  <si>
    <t>2953CC</t>
  </si>
  <si>
    <t>POINT (4.640852311275929 51.871131813959245)</t>
  </si>
  <si>
    <t>POINT (4.654022732189393 51.86827458336576)</t>
  </si>
  <si>
    <t>POINT (4.657161416073274 51.866515284984054)</t>
  </si>
  <si>
    <t>2953EX</t>
  </si>
  <si>
    <t>Waalsingel</t>
  </si>
  <si>
    <t>POINT (4.645573596204521 51.87188979828873)</t>
  </si>
  <si>
    <t>POINT (4.658614274415316 51.86466366082471)</t>
  </si>
  <si>
    <t>POINT (4.653098384024057 51.87260222641159)</t>
  </si>
  <si>
    <t>POINT (4.667462032190895 51.866111451253666)</t>
  </si>
  <si>
    <t>POINT (4.664472198566407 51.87146828507921)</t>
  </si>
  <si>
    <t>POINT (4.652552206953879 51.86167155816493)</t>
  </si>
  <si>
    <t>POINT (4.655923940194083 51.86940192440404)</t>
  </si>
  <si>
    <t>POINT (4.6562795345526045 51.87075243141271)</t>
  </si>
  <si>
    <t>2951PE</t>
  </si>
  <si>
    <t>Frans Halslaan</t>
  </si>
  <si>
    <t>POINT (4.671321762813751 51.86808556991923)</t>
  </si>
  <si>
    <t>POINT (4.678134120548941 51.844414911623254)</t>
  </si>
  <si>
    <t>POINT (4.657199665563106 51.872214310372634)</t>
  </si>
  <si>
    <t>POINT (4.658642319197621 51.87279853908493)</t>
  </si>
  <si>
    <t>POINT (4.659200640827512 51.864716581575934)</t>
  </si>
  <si>
    <t>POINT (4.649605781414903 51.86925005945156)</t>
  </si>
  <si>
    <t>POINT (4.667601408664357 51.85920904303119)</t>
  </si>
  <si>
    <t>POINT (4.6606396209461005 51.86871209997913)</t>
  </si>
  <si>
    <t>POINT (4.6463088929590395 51.871328154854766)</t>
  </si>
  <si>
    <t>POINT (4.671164500112099 51.85971620765222)</t>
  </si>
  <si>
    <t>POINT (4.668961835554703 51.86674983580659)</t>
  </si>
  <si>
    <t>POINT (4.638949332204561 51.874234269035405)</t>
  </si>
  <si>
    <t>POINT (4.6521443188714455 51.86833565055419)</t>
  </si>
  <si>
    <t>POINT (4.665273860760491 51.8617744937732)</t>
  </si>
  <si>
    <t>POINT (4.64200887710626 51.872316668468734)</t>
  </si>
  <si>
    <t>2952AJ</t>
  </si>
  <si>
    <t>POINT (4.66245227580114 51.85803582229161)</t>
  </si>
  <si>
    <t>POINT (4.66240023106217 51.86487584738173)</t>
  </si>
  <si>
    <t>2951GJ</t>
  </si>
  <si>
    <t>POINT (4.666160014135621 51.86128556334586)</t>
  </si>
  <si>
    <t>2951XH</t>
  </si>
  <si>
    <t>POINT (4.666781837222987 51.86778815266638)</t>
  </si>
  <si>
    <t>POINT (4.63828620529781 51.87525025297452)</t>
  </si>
  <si>
    <t>POINT (4.643741214075254 51.87073665798247)</t>
  </si>
  <si>
    <t>2953EM</t>
  </si>
  <si>
    <t>POINT (4.640924502369075 51.873783919896034)</t>
  </si>
  <si>
    <t>POINT (4.648658673687245 51.87060139118369)</t>
  </si>
  <si>
    <t>2953AM</t>
  </si>
  <si>
    <t>Schaepmanstraat</t>
  </si>
  <si>
    <t>POINT (4.65337318600694 51.86910736816208)</t>
  </si>
  <si>
    <t>POINT (4.654641960619536 51.86247536017485)</t>
  </si>
  <si>
    <t>POINT (4.650892227947533 51.86242570899164)</t>
  </si>
  <si>
    <t>POINT (4.661173949680785 51.87069290054255)</t>
  </si>
  <si>
    <t>POINT (4.664559147796231 51.85854587725161)</t>
  </si>
  <si>
    <t>2951TS</t>
  </si>
  <si>
    <t>POINT (4.668514588011406 51.86429770132275)</t>
  </si>
  <si>
    <t>2954NB</t>
  </si>
  <si>
    <t>Kalmoes</t>
  </si>
  <si>
    <t>POINT (4.667312975846341 51.8718003315649)</t>
  </si>
  <si>
    <t>POINT (4.648625113212679 51.870875908642496)</t>
  </si>
  <si>
    <t>2951VC</t>
  </si>
  <si>
    <t>Baandersstraat</t>
  </si>
  <si>
    <t>POINT (4.661454868313472 51.864977872950945)</t>
  </si>
  <si>
    <t>POINT (4.652290984023948 51.86397708185816)</t>
  </si>
  <si>
    <t>POINT (4.653205850891344 51.86868385705135)</t>
  </si>
  <si>
    <t>POINT (4.640841617092249 51.87440360893992)</t>
  </si>
  <si>
    <t>POINT (4.663293671124034 51.8634881208557)</t>
  </si>
  <si>
    <t>POINT (4.671027466976904 51.86924330689216)</t>
  </si>
  <si>
    <t>POINT (4.65249561819292 51.868607507448374)</t>
  </si>
  <si>
    <t>POINT (4.669871607239162 51.869793547449)</t>
  </si>
  <si>
    <t>POINT (4.656514499752852 51.86745956229977)</t>
  </si>
  <si>
    <t>2951EL</t>
  </si>
  <si>
    <t>Wilgenlaan</t>
  </si>
  <si>
    <t>POINT (4.656791150408838 51.86338493988267)</t>
  </si>
  <si>
    <t>POINT (4.6552422904220165 51.86935273532206)</t>
  </si>
  <si>
    <t>POINT (4.660552763220133 51.865098135822315)</t>
  </si>
  <si>
    <t>POINT (4.665992071310639 51.871315832017196)</t>
  </si>
  <si>
    <t>2953EH</t>
  </si>
  <si>
    <t>Leeuwerikstraat</t>
  </si>
  <si>
    <t>POINT (4.643139543333633 51.873004122934404)</t>
  </si>
  <si>
    <t>POINT (4.667497690212979 51.86842174448998)</t>
  </si>
  <si>
    <t>POINT (4.645091195743941 51.871203615411936)</t>
  </si>
  <si>
    <t>POINT (4.662786349833502 51.86298612396092)</t>
  </si>
  <si>
    <t>2954NC</t>
  </si>
  <si>
    <t>Liesgras</t>
  </si>
  <si>
    <t>POINT (4.6688136684937245 51.87193985429978)</t>
  </si>
  <si>
    <t>POINT (4.665656806875495 51.86007350248039)</t>
  </si>
  <si>
    <t>POINT (4.6664220648706 51.86668034528981)</t>
  </si>
  <si>
    <t>POINT (4.644735377539531 51.872967632919774)</t>
  </si>
  <si>
    <t>POINT (4.641461450166378 51.87029973981339)</t>
  </si>
  <si>
    <t>POINT (4.6417313167798815 51.8702250495072)</t>
  </si>
  <si>
    <t>POINT (4.663785791558207 51.85996761138195)</t>
  </si>
  <si>
    <t>2951XB</t>
  </si>
  <si>
    <t>POINT (4.668659240994806 51.86615024190821)</t>
  </si>
  <si>
    <t>t</t>
  </si>
  <si>
    <t>POINT (4.661950590683148 51.862695576933454)</t>
  </si>
  <si>
    <t>POINT (4.646331741004446 51.866411516150215)</t>
  </si>
  <si>
    <t>POINT (4.670622650507807 51.87095766270246)</t>
  </si>
  <si>
    <t>POINT (4.670193085742872 51.870577519591635)</t>
  </si>
  <si>
    <t>POINT (4.655173606386173 51.86780392644055)</t>
  </si>
  <si>
    <t>2954BP</t>
  </si>
  <si>
    <t>Karper</t>
  </si>
  <si>
    <t>POINT (4.658372465011423 51.872873268251624)</t>
  </si>
  <si>
    <t>POINT (4.655881406200201 51.86933873920198)</t>
  </si>
  <si>
    <t>POINT (4.642190909723461 51.870969528009745)</t>
  </si>
  <si>
    <t>POINT (4.638092021751889 51.87252096386313)</t>
  </si>
  <si>
    <t>POINT (4.645636645507466 51.87291040593908)</t>
  </si>
  <si>
    <t>2952AT</t>
  </si>
  <si>
    <t>Staalindustrieweg</t>
  </si>
  <si>
    <t>2951VD</t>
  </si>
  <si>
    <t>POINT (4.661648652896696 51.86570826345116)</t>
  </si>
  <si>
    <t>POINT (4.662197754907649 51.86572851697699)</t>
  </si>
  <si>
    <t>POINT (4.637589969548312 51.87258517568824)</t>
  </si>
  <si>
    <t>2954CC</t>
  </si>
  <si>
    <t>POINT (4.660076154800435 51.87168384648768)</t>
  </si>
  <si>
    <t>2952AB</t>
  </si>
  <si>
    <t>POINT (4.660114333926897 51.859882017430515)</t>
  </si>
  <si>
    <t>POINT (4.6656713092030735 51.87049140378935)</t>
  </si>
  <si>
    <t>POINT (4.665427962303472 51.869820256778084)</t>
  </si>
  <si>
    <t>POINT (4.670987971071034 51.864425168345875)</t>
  </si>
  <si>
    <t>POINT (4.66003738905658 51.870937551093974)</t>
  </si>
  <si>
    <t>POINT (4.664799718109238 51.8655378116481)</t>
  </si>
  <si>
    <t>POINT (4.652258968438745 51.871095876784274)</t>
  </si>
  <si>
    <t>POINT (4.6605128719889155 51.86846862305329)</t>
  </si>
  <si>
    <t>POINT (4.6653895622834565 51.859990962567885)</t>
  </si>
  <si>
    <t>POINT (4.635399559898525 51.874137356757124)</t>
  </si>
  <si>
    <t>2953ER</t>
  </si>
  <si>
    <t>Roerdompstraat</t>
  </si>
  <si>
    <t>POINT (4.643715928478098 51.87358589446406)</t>
  </si>
  <si>
    <t>POINT (4.658411816365017 51.87089152167284)</t>
  </si>
  <si>
    <t>POINT (4.660259764109481 51.85626948681342)</t>
  </si>
  <si>
    <t>POINT (4.663959352739948 51.868892765895104)</t>
  </si>
  <si>
    <t>POINT (4.649435806406583 51.86969842344226)</t>
  </si>
  <si>
    <t>POINT (4.644763750055186 51.873008261096516)</t>
  </si>
  <si>
    <t>POINT (4.641745217233257 51.87219387360135)</t>
  </si>
  <si>
    <t>POINT (4.666284104126942 51.871668180706656)</t>
  </si>
  <si>
    <t>2951PM</t>
  </si>
  <si>
    <t>POINT (4.670304883822516 51.86994001055806)</t>
  </si>
  <si>
    <t>2953HB</t>
  </si>
  <si>
    <t>POINT (4.653298880738653 51.8669855874718)</t>
  </si>
  <si>
    <t>POINT (4.670264809461574 51.86607466175359)</t>
  </si>
  <si>
    <t>POINT (4.635074054929602 51.87454659302064)</t>
  </si>
  <si>
    <t>POINT (4.6546237529043575 51.86171535642998)</t>
  </si>
  <si>
    <t>POINT (4.6660498268895765 51.8699768829919)</t>
  </si>
  <si>
    <t>2951SR</t>
  </si>
  <si>
    <t>POINT (4.6675155182220704 51.86912296577036)</t>
  </si>
  <si>
    <t>POINT (4.672263677016006 51.865003718087564)</t>
  </si>
  <si>
    <t>POINT (4.6653084871270005 51.86368928365969)</t>
  </si>
  <si>
    <t>POINT (4.671334871611591 51.87000022424703)</t>
  </si>
  <si>
    <t>POINT (4.662230486702622 51.86127186145195)</t>
  </si>
  <si>
    <t>POINT (4.659851146887472 51.863592692023076)</t>
  </si>
  <si>
    <t>POINT (4.655036847314172 51.86119984559019)</t>
  </si>
  <si>
    <t>POINT (4.6576775025277986 51.86692297992499)</t>
  </si>
  <si>
    <t>POINT (4.670054282947614 51.86926433478634)</t>
  </si>
  <si>
    <t>POINT (4.6456878351590305 51.8728882575285)</t>
  </si>
  <si>
    <t>POINT (4.644205887228801 51.867066994475636)</t>
  </si>
  <si>
    <t>POINT (4.660711293806059 51.86517102555477)</t>
  </si>
  <si>
    <t>POINT (4.655481785740889 51.86799334955148)</t>
  </si>
  <si>
    <t>2953ES</t>
  </si>
  <si>
    <t>POINT (4.6427566352266405 51.87251475555413)</t>
  </si>
  <si>
    <t>POINT (4.648450875795 51.870433794749)</t>
  </si>
  <si>
    <t>POINT (4.661301083234591 51.86326009490434)</t>
  </si>
  <si>
    <t>POINT (4.645594149375125 51.86623607697717)</t>
  </si>
  <si>
    <t>POINT (4.672925244402846 51.86011064523633)</t>
  </si>
  <si>
    <t>POINT (4.664312792078488 51.87009204583733)</t>
  </si>
  <si>
    <t>POINT (4.637260351871745 51.873194298999316)</t>
  </si>
  <si>
    <t>POINT (4.667469209663788 51.86384636294144)</t>
  </si>
  <si>
    <t>POINT (4.655504816180122 51.86481511386176)</t>
  </si>
  <si>
    <t>2951GL</t>
  </si>
  <si>
    <t>POINT (4.666254387694855 51.86173827057268)</t>
  </si>
  <si>
    <t>POINT (4.661665468035447 51.85956801994324)</t>
  </si>
  <si>
    <t>POINT (4.659130633924701 51.86464103863873)</t>
  </si>
  <si>
    <t>2952BR</t>
  </si>
  <si>
    <t>Vlietbaan</t>
  </si>
  <si>
    <t>POINT (4.6804693031731 51.85737176620848)</t>
  </si>
  <si>
    <t>POINT (4.654228898844574 51.86845384497546)</t>
  </si>
  <si>
    <t>POINT (4.642171541721166 51.87038514384331)</t>
  </si>
  <si>
    <t>POINT (4.652272974056534 51.871127424609874)</t>
  </si>
  <si>
    <t>POINT (4.641660307540686 51.86855095044416)</t>
  </si>
  <si>
    <t>2953WK</t>
  </si>
  <si>
    <t>POINT (4.648704503353429 51.87223311552007)</t>
  </si>
  <si>
    <t>POINT (4.663598056384411 51.86306753124657)</t>
  </si>
  <si>
    <t>POINT (4.6710453248448385 51.86447046117637)</t>
  </si>
  <si>
    <t>POINT (4.628861881233656 51.879958261731765)</t>
  </si>
  <si>
    <t>POINT (4.665172014772315 51.871292816689106)</t>
  </si>
  <si>
    <t>POINT (4.667542251452302 51.868359097219106)</t>
  </si>
  <si>
    <t>POINT (4.658700795918182 51.86470015204801)</t>
  </si>
  <si>
    <t>POINT (4.663609602701093 51.86910810934907)</t>
  </si>
  <si>
    <t>POINT (4.636035310339082 51.87263816425164)</t>
  </si>
  <si>
    <t>POINT (4.669198409052599 51.867847893442324)</t>
  </si>
  <si>
    <t>POINT (4.644206032408329 51.86706699539404)</t>
  </si>
  <si>
    <t>2951BB</t>
  </si>
  <si>
    <t>Azaleastraat</t>
  </si>
  <si>
    <t>POINT (4.660528849946547 51.86927769786528)</t>
  </si>
  <si>
    <t>POINT (4.629870853596427 51.87952768035358)</t>
  </si>
  <si>
    <t>POINT (4.64839548567056 51.87071209389507)</t>
  </si>
  <si>
    <t>POINT (4.665473432914842 51.86155100475905)</t>
  </si>
  <si>
    <t>2952BV</t>
  </si>
  <si>
    <t>Bas Verhoevenweg</t>
  </si>
  <si>
    <t>POINT (4.678142770927099 51.85815407954514)</t>
  </si>
  <si>
    <t>POINT (4.653874141166843 51.86866106558089)</t>
  </si>
  <si>
    <t>POINT (4.659630578780117 51.86915528489192)</t>
  </si>
  <si>
    <t>POINT (4.644383423776347 51.872736197606564)</t>
  </si>
  <si>
    <t>POINT (4.664485082565388 51.86472724149641)</t>
  </si>
  <si>
    <t>2954BD</t>
  </si>
  <si>
    <t>Rietvoorn</t>
  </si>
  <si>
    <t>POINT (4.654824274115758 51.8713950417424)</t>
  </si>
  <si>
    <t>POINT (4.654986886937077 51.86568378316517)</t>
  </si>
  <si>
    <t>POINT (4.653915230295152 51.86970400285877)</t>
  </si>
  <si>
    <t>POINT (4.652068977024165 51.87072615414285)</t>
  </si>
  <si>
    <t>POINT (4.674596791285209 51.841751033581396)</t>
  </si>
  <si>
    <t>POINT (4.651215219505516 51.86226610887974)</t>
  </si>
  <si>
    <t>POINT (4.653182887536452 51.86238110960481)</t>
  </si>
  <si>
    <t>POINT (4.6656211657025075 51.86003283467131)</t>
  </si>
  <si>
    <t>POINT (4.654205593318576 51.86836920643308)</t>
  </si>
  <si>
    <t>2953CM</t>
  </si>
  <si>
    <t>POINT (4.640565092499956 51.86918844282513)</t>
  </si>
  <si>
    <t>2951JC</t>
  </si>
  <si>
    <t>Schoener</t>
  </si>
  <si>
    <t>POINT (4.6516846395990425 51.86225645663746)</t>
  </si>
  <si>
    <t>POINT (4.659999943673365 51.86426776053309)</t>
  </si>
  <si>
    <t>POINT (4.662638685579874 51.86629752125439)</t>
  </si>
  <si>
    <t>POINT (4.670725178291427 51.85265745575699)</t>
  </si>
  <si>
    <t>POINT (4.65609710308506 51.869915354000234)</t>
  </si>
  <si>
    <t>POINT (4.656751046308255 51.86585656365453)</t>
  </si>
  <si>
    <t>POINT (4.6483045786812465 51.8705002892397)</t>
  </si>
  <si>
    <t>2951XV</t>
  </si>
  <si>
    <t>Staringstraat</t>
  </si>
  <si>
    <t>POINT (4.6679055151310695 51.86425352385514)</t>
  </si>
  <si>
    <t>POINT (4.653512263268449 51.872155381148836)</t>
  </si>
  <si>
    <t>POINT (4.6555992973579725 51.868111068561824)</t>
  </si>
  <si>
    <t>POINT (4.662763093233588 51.86127364697879)</t>
  </si>
  <si>
    <t>POINT (4.657905099892904 51.87079849033696)</t>
  </si>
  <si>
    <t>POINT (4.652912988386038 51.8688348331979)</t>
  </si>
  <si>
    <t>POINT (4.659045014082642 51.86406409407838)</t>
  </si>
  <si>
    <t>POINT (4.663263067638285 51.862231322274546)</t>
  </si>
  <si>
    <t>POINT (4.666943658751605 51.87219356646883)</t>
  </si>
  <si>
    <t>POINT (4.641325488905987 51.8714943651073)</t>
  </si>
  <si>
    <t>POINT (4.663331792518396 51.8701462278934)</t>
  </si>
  <si>
    <t>POINT (4.659792219224323 51.861848532971294)</t>
  </si>
  <si>
    <t>POINT (4.673706104116792 51.84143588449333)</t>
  </si>
  <si>
    <t>POINT (4.6527060598197405 51.870838003263174)</t>
  </si>
  <si>
    <t>POINT (4.671412684668699 51.86419405351343)</t>
  </si>
  <si>
    <t>i</t>
  </si>
  <si>
    <t>POINT (4.678269426333821 51.844577524098945)</t>
  </si>
  <si>
    <t>POINT (4.657649559404314 51.865511591883234)</t>
  </si>
  <si>
    <t>POINT (4.6378224448391485 51.875193363471226)</t>
  </si>
  <si>
    <t>POINT (4.664453618470684 51.86673671498041)</t>
  </si>
  <si>
    <t>POINT (4.666737751245938 51.864192434366394)</t>
  </si>
  <si>
    <t>POINT (4.654651261081815 51.865519894918876)</t>
  </si>
  <si>
    <t>POINT (4.658710949759866 51.864969873866386)</t>
  </si>
  <si>
    <t>POINT (4.669686802240875 51.872277769734254)</t>
  </si>
  <si>
    <t>2951TM</t>
  </si>
  <si>
    <t>POINT (4.67210056242263 51.86658921566202)</t>
  </si>
  <si>
    <t>POINT (4.660832191834438 51.86140178103505)</t>
  </si>
  <si>
    <t>POINT (4.641548715819808 51.87204408915249)</t>
  </si>
  <si>
    <t>POINT (4.659762170033861 51.86191126726035)</t>
  </si>
  <si>
    <t>2951AJ</t>
  </si>
  <si>
    <t>Oude Lijnbaan</t>
  </si>
  <si>
    <t>POINT (4.663172931460401 51.861968298708724)</t>
  </si>
  <si>
    <t>POINT (4.6489176738244264 51.86454917494268)</t>
  </si>
  <si>
    <t>POINT (4.666308556704212 51.871048116419225)</t>
  </si>
  <si>
    <t>POINT (4.661942081832357 51.86177194285777)</t>
  </si>
  <si>
    <t>POINT (4.668802855686607 51.86670392041179)</t>
  </si>
  <si>
    <t>POINT (4.663733549759526 51.86999409896189)</t>
  </si>
  <si>
    <t>POINT (4.6373533778871225 51.87414768836458)</t>
  </si>
  <si>
    <t>POINT (4.662018518461245 51.8624848085871)</t>
  </si>
  <si>
    <t>POINT (4.662605390140758 51.860247970350905)</t>
  </si>
  <si>
    <t>POINT (4.666968681320416 51.87108362618471)</t>
  </si>
  <si>
    <t>POINT (4.644859978108566 51.87333695429931)</t>
  </si>
  <si>
    <t>POINT (4.657356268007333 51.86613897362919)</t>
  </si>
  <si>
    <t>POINT (4.675263381420873 51.863651607610954)</t>
  </si>
  <si>
    <t>POINT (4.661033575968916 51.864993246131455)</t>
  </si>
  <si>
    <t>POINT (4.662167869962635 51.86966626562535)</t>
  </si>
  <si>
    <t>POINT (4.670320733263197 51.86620983235863)</t>
  </si>
  <si>
    <t>POINT (4.659090104596137 51.86666208681783)</t>
  </si>
  <si>
    <t>POINT (4.656692830072922 51.865865190202435)</t>
  </si>
  <si>
    <t>POINT (4.652875740062939 51.86933796349909)</t>
  </si>
  <si>
    <t>POINT (4.632961796404332 51.87667234492849)</t>
  </si>
  <si>
    <t>POINT (4.640671163838537 51.87067224229658)</t>
  </si>
  <si>
    <t>2952BE</t>
  </si>
  <si>
    <t>POINT (4.666370111406416 51.86267110125707)</t>
  </si>
  <si>
    <t>POINT (4.661067240480129 51.8710068425696)</t>
  </si>
  <si>
    <t>POINT (4.6640299692051155 51.86293209933809)</t>
  </si>
  <si>
    <t>POINT (4.674420817088626 51.854205316821364)</t>
  </si>
  <si>
    <t>POINT (4.6537867575935135 51.86956837131873)</t>
  </si>
  <si>
    <t>POINT (4.671308797671687 51.8661619273831)</t>
  </si>
  <si>
    <t>POINT (4.659648974086237 51.866220613156244)</t>
  </si>
  <si>
    <t>POINT (4.659312668548463 51.866366841715006)</t>
  </si>
  <si>
    <t>POINT (4.6404522389220375 51.87161465749348)</t>
  </si>
  <si>
    <t>POINT (4.664201674504758 51.858478059983234)</t>
  </si>
  <si>
    <t>POINT (4.667454626182601 51.86521254392241)</t>
  </si>
  <si>
    <t>2951XD</t>
  </si>
  <si>
    <t>Jacob Catsstraat</t>
  </si>
  <si>
    <t>POINT (4.669383027823794 51.86583107749249)</t>
  </si>
  <si>
    <t>POINT (4.653062852567525 51.866768385252385)</t>
  </si>
  <si>
    <t>POINT (4.6432849127276175 51.87374496088211)</t>
  </si>
  <si>
    <t>POINT (4.652200315501845 51.87024159021884)</t>
  </si>
  <si>
    <t>POINT (4.664826977095107 51.863839129600706)</t>
  </si>
  <si>
    <t>POINT (4.656019035094022 51.866229531161984)</t>
  </si>
  <si>
    <t>POINT (4.652741697810783 51.87087867493072)</t>
  </si>
  <si>
    <t>POINT (4.665605862961339 51.861893386295584)</t>
  </si>
  <si>
    <t>POINT (4.642612536916877 51.8720849225808)</t>
  </si>
  <si>
    <t>POINT (4.6553810220179574 51.87185650018171)</t>
  </si>
  <si>
    <t>POINT (4.675263566966514 51.86378676155173)</t>
  </si>
  <si>
    <t>POINT (4.667386143719358 51.869041275436494)</t>
  </si>
  <si>
    <t>POINT (4.662938692115759 51.87201613356404)</t>
  </si>
  <si>
    <t>POINT (4.675307247678697 51.86312513166369)</t>
  </si>
  <si>
    <t>POINT (4.67196014193549 51.86811642495838)</t>
  </si>
  <si>
    <t>POINT (4.664980039769664 51.86968267416172)</t>
  </si>
  <si>
    <t>POINT (4.668380765472999 51.86404070666691)</t>
  </si>
  <si>
    <t>POINT (4.667471962190848 51.8691226988796)</t>
  </si>
  <si>
    <t>2952BN</t>
  </si>
  <si>
    <t>Rijksweg A15</t>
  </si>
  <si>
    <t>2952BN-2952BP</t>
  </si>
  <si>
    <t>POINT (4.680096807458483 51.850197448352716)</t>
  </si>
  <si>
    <t>POINT (4.66862792351932 51.86674779337636)</t>
  </si>
  <si>
    <t>POINT (4.667401093556379 51.86901440120777)</t>
  </si>
  <si>
    <t>POINT (4.654393409127877 51.867981170813295)</t>
  </si>
  <si>
    <t>POINT (4.663197690434761 51.86313697280321)</t>
  </si>
  <si>
    <t>POINT (4.668554903484402 51.86677431246211)</t>
  </si>
  <si>
    <t>2951SE</t>
  </si>
  <si>
    <t>POINT (4.669364580839122 51.86789834653887)</t>
  </si>
  <si>
    <t>POINT (4.641221007454473 51.874293661065174)</t>
  </si>
  <si>
    <t>POINT (4.6620562885296275 51.87090508935828)</t>
  </si>
  <si>
    <t>POINT (4.644477059995106 51.86670665627127)</t>
  </si>
  <si>
    <t>POINT (4.666054321129884 51.86335229799969)</t>
  </si>
  <si>
    <t>POINT (4.6585830579115735 51.864798296588006)</t>
  </si>
  <si>
    <t>POINT (4.661147685145794 51.865119792363835)</t>
  </si>
  <si>
    <t>POINT (4.634605195559736 51.87479527179392)</t>
  </si>
  <si>
    <t>POINT (4.655046173283681 51.86122627638693)</t>
  </si>
  <si>
    <t>POINT (4.653814058133396 51.86432817066639)</t>
  </si>
  <si>
    <t>POINT (4.66196140089732 51.86868341564478)</t>
  </si>
  <si>
    <t>POINT (4.663435717006399 51.866392321773304)</t>
  </si>
  <si>
    <t>POINT (4.657002387428946 51.86736821595173)</t>
  </si>
  <si>
    <t>POINT (4.651906148530701 51.872693644015044)</t>
  </si>
  <si>
    <t>POINT (4.640107944647309 51.87398546776267)</t>
  </si>
  <si>
    <t>POINT (4.666068484331093 51.871078102895666)</t>
  </si>
  <si>
    <t>2951GB</t>
  </si>
  <si>
    <t>POINT (4.659549117195441 51.86161961463465)</t>
  </si>
  <si>
    <t>POINT (4.671726990613265 51.85081190602954)</t>
  </si>
  <si>
    <t>POINT (4.67147784503987 51.850963194423464)</t>
  </si>
  <si>
    <t>POINT (4.643872114116386 51.87292172424148)</t>
  </si>
  <si>
    <t>POINT (4.655030879292176 51.86120260384864)</t>
  </si>
  <si>
    <t>POINT (4.675802024116095 51.85286809522538)</t>
  </si>
  <si>
    <t>POINT (4.6599635607291345 51.859330080673914)</t>
  </si>
  <si>
    <t>POINT (4.663185506980149 51.86750536870963)</t>
  </si>
  <si>
    <t>POINT (4.658571320587193 51.872699223881476)</t>
  </si>
  <si>
    <t>POINT (4.667516524164799 51.869060051625404)</t>
  </si>
  <si>
    <t>POINT (4.643403874502791 51.87128380870043)</t>
  </si>
  <si>
    <t>POINT (4.640007107138795 51.87218709940308)</t>
  </si>
  <si>
    <t>POINT (4.66321369575573 51.86575276118539)</t>
  </si>
  <si>
    <t>POINT (4.659116290937769 51.86414543362609)</t>
  </si>
  <si>
    <t>POINT (4.663244888252935 51.869280447867915)</t>
  </si>
  <si>
    <t>POINT (4.657027332142617 51.86198148537182)</t>
  </si>
  <si>
    <t>POINT (4.65796779366144 51.87141010584337)</t>
  </si>
  <si>
    <t>POINT (4.664505439582062 51.86397198082495)</t>
  </si>
  <si>
    <t>POINT (4.654993040290428 51.86762446653321)</t>
  </si>
  <si>
    <t>2953EJ</t>
  </si>
  <si>
    <t>POINT (4.642611563907423 51.873015311850324)</t>
  </si>
  <si>
    <t>2953XJ</t>
  </si>
  <si>
    <t>Kloosstraat</t>
  </si>
  <si>
    <t>POINT (4.638320604670586 51.87318308623627)</t>
  </si>
  <si>
    <t>POINT (4.644500295667903 51.866723090618635)</t>
  </si>
  <si>
    <t>POINT (4.654894417273674 51.86172007365228)</t>
  </si>
  <si>
    <t>POINT (4.66758883006714 51.8690784718769)</t>
  </si>
  <si>
    <t>POINT (4.6446860592208985 51.87261227024403)</t>
  </si>
  <si>
    <t>POINT (4.658819492406428 51.871721003554555)</t>
  </si>
  <si>
    <t>POINT (4.653828337397822 51.86288752570547)</t>
  </si>
  <si>
    <t>POINT (4.6533032728548775 51.87250463188266)</t>
  </si>
  <si>
    <t>POINT (4.657569713229262 51.8655110958745)</t>
  </si>
  <si>
    <t>POINT (4.666668162096417 51.86581894783382)</t>
  </si>
  <si>
    <t>POINT (4.673342561250246 51.85968452432096)</t>
  </si>
  <si>
    <t>POINT (4.662509303039416 51.86306081807894)</t>
  </si>
  <si>
    <t>POINT (4.6436209125592995 51.872744855964825)</t>
  </si>
  <si>
    <t>POINT (4.659413573100374 51.86596297886475)</t>
  </si>
  <si>
    <t>POINT (4.66554816261266 51.86549297538805)</t>
  </si>
  <si>
    <t>POINT (4.6427749950900665 51.87244070670365)</t>
  </si>
  <si>
    <t>POINT (4.641907983795206 51.87227108516242)</t>
  </si>
  <si>
    <t>POINT (4.669854601735057 51.86903840008467)</t>
  </si>
  <si>
    <t>POINT (4.6529340242558055 51.866655222035966)</t>
  </si>
  <si>
    <t>POINT (4.6585132358493695 51.864627079467496)</t>
  </si>
  <si>
    <t>POINT (4.643357810354573 51.873727445275854)</t>
  </si>
  <si>
    <t>POINT (4.663902713028965 51.869858513807195)</t>
  </si>
  <si>
    <t>POINT (4.653784570911041 51.870148124069786)</t>
  </si>
  <si>
    <t>POINT (4.663538428500819 51.86542218343992)</t>
  </si>
  <si>
    <t>POINT (4.663314691438883 51.863083762264374)</t>
  </si>
  <si>
    <t>POINT (4.644675017646614 51.871785246327356)</t>
  </si>
  <si>
    <t>POINT (4.665783443861479 51.870289848720304)</t>
  </si>
  <si>
    <t>POINT (4.6724715721114976 51.8660836172639)</t>
  </si>
  <si>
    <t>POINT (4.665872342817584 51.86383656610033)</t>
  </si>
  <si>
    <t>POINT (4.6640480288613455 51.86420108975115)</t>
  </si>
  <si>
    <t>POINT (4.6590631561450735 51.864764600454365)</t>
  </si>
  <si>
    <t>POINT (4.662379346332052 51.865271217969735)</t>
  </si>
  <si>
    <t>POINT (4.640416868977776 51.87312671657196)</t>
  </si>
  <si>
    <t>POINT (4.663139334384378 51.863154590293796)</t>
  </si>
  <si>
    <t>2951XZ</t>
  </si>
  <si>
    <t>Prinses Julianahof</t>
  </si>
  <si>
    <t>POINT (4.664433894152307 51.86571533340485)</t>
  </si>
  <si>
    <t>POINT (4.669088374932666 51.867919129662354)</t>
  </si>
  <si>
    <t>POINT (4.668979416033551 51.86792295773831)</t>
  </si>
  <si>
    <t>POINT (4.656870299708159 51.87103475348454)</t>
  </si>
  <si>
    <t>POINT (4.661766476706053 51.87266956311332)</t>
  </si>
  <si>
    <t>POINT (4.6447495267235634 51.8729901939324)</t>
  </si>
  <si>
    <t>POINT (4.631902404610814 51.87749249258221)</t>
  </si>
  <si>
    <t>POINT (4.673192079023702 51.856357818916685)</t>
  </si>
  <si>
    <t>POINT (4.663452878279317 51.87011101959599)</t>
  </si>
  <si>
    <t>POINT (4.668889245978822 51.86674939188077)</t>
  </si>
  <si>
    <t>POINT (4.658557078413175 51.8646093742215)</t>
  </si>
  <si>
    <t>POINT (4.6549534503585726 51.86122355000378)</t>
  </si>
  <si>
    <t>POINT (4.652445014205621 51.869928519249314)</t>
  </si>
  <si>
    <t>POINT (4.66664973428658 51.86787722848692)</t>
  </si>
  <si>
    <t>POINT (4.6654179792858885 51.87134826008673)</t>
  </si>
  <si>
    <t>POINT (4.662326532787945 51.85863279023128)</t>
  </si>
  <si>
    <t>POINT (4.665461131820831 51.86186553105918)</t>
  </si>
  <si>
    <t>POINT (4.666383781265444 51.869071082694795)</t>
  </si>
  <si>
    <t>POINT (4.65558440201798 51.868851503768425)</t>
  </si>
  <si>
    <t>POINT (4.66796558264482 51.866166094688886)</t>
  </si>
  <si>
    <t>POINT (4.6649178778825835 51.86812726101347)</t>
  </si>
  <si>
    <t>POINT (4.655277904661688 51.868948469091336)</t>
  </si>
  <si>
    <t>POINT (4.648865030247472 51.87218468722745)</t>
  </si>
  <si>
    <t>2952AE</t>
  </si>
  <si>
    <t>POINT (4.654120797704659 51.86357534615561)</t>
  </si>
  <si>
    <t>POINT (4.675375772171747 51.85531671033301)</t>
  </si>
  <si>
    <t>POINT (4.663315533602968 51.86167704737801)</t>
  </si>
  <si>
    <t>POINT (4.661897809656976 51.86542105181874)</t>
  </si>
  <si>
    <t>POINT (4.657304553881944 51.866642015388685)</t>
  </si>
  <si>
    <t>POINT (4.658740275271876 51.8649520785054)</t>
  </si>
  <si>
    <t>POINT (4.6534849698514735 51.866703608276886)</t>
  </si>
  <si>
    <t>POINT (4.639163430487789 51.875332245973155)</t>
  </si>
  <si>
    <t>POINT (4.659814986599735 51.86583063621008)</t>
  </si>
  <si>
    <t>POINT (4.6618501363280584 51.86254084652791)</t>
  </si>
  <si>
    <t>POINT (4.670935062737512 51.86957532208234)</t>
  </si>
  <si>
    <t>POINT (4.660261419701381 51.87055242716792)</t>
  </si>
  <si>
    <t>POINT (4.659756335251396 51.86586622745687)</t>
  </si>
  <si>
    <t>POINT (4.661509633599605 51.86608381218843)</t>
  </si>
  <si>
    <t>POINT (4.668977644109808 51.86666903492587)</t>
  </si>
  <si>
    <t>POINT (4.639859523320895 51.872329978657426)</t>
  </si>
  <si>
    <t>POINT (4.640763437556752 51.87307505056622)</t>
  </si>
  <si>
    <t>POINT (4.661570010117114 51.87224588459024)</t>
  </si>
  <si>
    <t>POINT (4.643054793533452 51.869658169237695)</t>
  </si>
  <si>
    <t>2952EA</t>
  </si>
  <si>
    <t>Emmertarwehof</t>
  </si>
  <si>
    <t>POINT (4.673234910509828 51.8623534899871)</t>
  </si>
  <si>
    <t>POINT (4.643832979649378 51.87353270350637)</t>
  </si>
  <si>
    <t>POINT (4.6388522175732065 51.8700314626065)</t>
  </si>
  <si>
    <t>POINT (4.664089560094085 51.870881670022385)</t>
  </si>
  <si>
    <t>POINT (4.654005209750157 51.867300106643896)</t>
  </si>
  <si>
    <t>POINT (4.6742685769274335 51.85621155269523)</t>
  </si>
  <si>
    <t>POINT (4.642149955075155 51.86879797318596)</t>
  </si>
  <si>
    <t>POINT (4.6667633913709 51.871662132781736)</t>
  </si>
  <si>
    <t>POINT (4.659107718834468 51.8610847519582)</t>
  </si>
  <si>
    <t>2953AK</t>
  </si>
  <si>
    <t>POINT (4.6507819567227004 51.86889250139826)</t>
  </si>
  <si>
    <t>POINT (4.664452021501744 51.86673670515321)</t>
  </si>
  <si>
    <t>POINT (4.642838673412358 51.870434316780624)</t>
  </si>
  <si>
    <t>POINT (4.678872425043405 51.84406881137388)</t>
  </si>
  <si>
    <t>POINT (4.671982845406735 51.87079966369262)</t>
  </si>
  <si>
    <t>POINT (4.666651460770337 51.86776937566617)</t>
  </si>
  <si>
    <t>POINT (4.667661011075147 51.86274643199977)</t>
  </si>
  <si>
    <t>POINT (4.673981709294595 51.85507724398275)</t>
  </si>
  <si>
    <t>POINT (4.661452838252402 51.87230808100155)</t>
  </si>
  <si>
    <t>POINT (4.664413979408367 51.86243436314648)</t>
  </si>
  <si>
    <t>POINT (4.658022875700581 51.86711388579286)</t>
  </si>
  <si>
    <t>POINT (4.659990660993445 51.85944979730942)</t>
  </si>
  <si>
    <t>POINT (4.669800394849545 51.86879537643516)</t>
  </si>
  <si>
    <t>POINT (4.674116066786576 51.841079710462935)</t>
  </si>
  <si>
    <t>POINT (4.662257445071811 51.860218857120785)</t>
  </si>
  <si>
    <t>POINT (4.654052910778826 51.86820466044803)</t>
  </si>
  <si>
    <t>POINT (4.644614591321036 51.866676488142375)</t>
  </si>
  <si>
    <t>POINT (4.65893048357045 51.869348695770825)</t>
  </si>
  <si>
    <t>POINT (4.662522785200807 51.872143903265446)</t>
  </si>
  <si>
    <t>POINT (4.653340592470961 51.87199700778985)</t>
  </si>
  <si>
    <t>POINT (4.644814940246058 51.87298611306776)</t>
  </si>
  <si>
    <t>POINT (4.641202779161922 51.87188908577235)</t>
  </si>
  <si>
    <t>POINT (4.664989027561686 51.868217584718316)</t>
  </si>
  <si>
    <t>POINT (4.659090561838147 51.86479636538554)</t>
  </si>
  <si>
    <t>POINT (4.641738214328884 51.872000348801464)</t>
  </si>
  <si>
    <t>POINT (4.6693065076921645 51.867897991598284)</t>
  </si>
  <si>
    <t>POINT (4.668715031003443 51.86674832627577)</t>
  </si>
  <si>
    <t>POINT (4.6571068746241435 51.86208984347753)</t>
  </si>
  <si>
    <t>2951VV</t>
  </si>
  <si>
    <t>Wilde Woutstraat</t>
  </si>
  <si>
    <t>POINT (4.658502896487217 51.86347197649864)</t>
  </si>
  <si>
    <t>POINT (4.659506763738891 51.86693432783657)</t>
  </si>
  <si>
    <t>POINT (4.664454489544652 51.866736720340676)</t>
  </si>
  <si>
    <t>POINT (4.655041116858635 51.86118101405158)</t>
  </si>
  <si>
    <t>POINT (4.6667240519625075 51.86776982097832)</t>
  </si>
  <si>
    <t>POINT (4.66971359660281 51.87196333204812)</t>
  </si>
  <si>
    <t>2954LA</t>
  </si>
  <si>
    <t>Blokweerschekade</t>
  </si>
  <si>
    <t>POINT (4.6419990220066225 51.879658437818605)</t>
  </si>
  <si>
    <t>POINT (4.661930495914524 51.86251185113157)</t>
  </si>
  <si>
    <t>POINT (4.6550458030772 51.861209761956246)</t>
  </si>
  <si>
    <t>POINT (4.657365211548043 51.87185579427249)</t>
  </si>
  <si>
    <t>POINT (4.6384851083779814 51.87289649856866)</t>
  </si>
  <si>
    <t>POINT (4.656712912252485 51.86328557833134)</t>
  </si>
  <si>
    <t>POINT (4.651033204719086 51.868800594671335)</t>
  </si>
  <si>
    <t>POINT (4.666969389747427 51.86241860215878)</t>
  </si>
  <si>
    <t>POINT (4.661659093347211 51.864017351800065)</t>
  </si>
  <si>
    <t>POINT (4.67350280326734 51.859649543775554)</t>
  </si>
  <si>
    <t>POINT (4.671934753050523 51.859754159380785)</t>
  </si>
  <si>
    <t>POINT (4.6688491747285745 51.865621075283485)</t>
  </si>
  <si>
    <t>POINT (4.667468940736707 51.86840359108965)</t>
  </si>
  <si>
    <t>POINT (4.670575833734461 51.86569004938868)</t>
  </si>
  <si>
    <t>POINT (4.655050667277798 51.86119542844213)</t>
  </si>
  <si>
    <t>POINT (4.653537200198281 51.87240721837902)</t>
  </si>
  <si>
    <t>POINT (4.664452166680739 51.866736706046595)</t>
  </si>
  <si>
    <t>POINT (4.660952724334926 51.86550509785503)</t>
  </si>
  <si>
    <t>2954BJ</t>
  </si>
  <si>
    <t>POINT (4.651841479576841 51.87220785341463)</t>
  </si>
  <si>
    <t>POINT (4.666117761273162 51.861204406291)</t>
  </si>
  <si>
    <t>2952AZ</t>
  </si>
  <si>
    <t>Zuiderstek</t>
  </si>
  <si>
    <t>POINT (4.660101998158025 51.863072904868545)</t>
  </si>
  <si>
    <t>POINT (4.659849515576718 51.869983594070796)</t>
  </si>
  <si>
    <t>POINT (4.659612398074496 51.872076473949086)</t>
  </si>
  <si>
    <t>2951JA</t>
  </si>
  <si>
    <t>Aak</t>
  </si>
  <si>
    <t>2951HL-2951JB</t>
  </si>
  <si>
    <t>POINT (4.653852125661535 51.86199136354511)</t>
  </si>
  <si>
    <t>POINT (4.666887306221256 51.872085357554994)</t>
  </si>
  <si>
    <t>2954LC</t>
  </si>
  <si>
    <t>POINT (4.689962018746834 51.86734828050756)</t>
  </si>
  <si>
    <t>BU04820603</t>
  </si>
  <si>
    <t>Polder Souburgh</t>
  </si>
  <si>
    <t>POINT (4.666185597273286 51.87011254574226)</t>
  </si>
  <si>
    <t>POINT (4.66549349523654 51.87026110165558)</t>
  </si>
  <si>
    <t>POINT (4.663127109620801 51.87023305473676)</t>
  </si>
  <si>
    <t>POINT (4.6699175083063835 51.87055785980976)</t>
  </si>
  <si>
    <t>POINT (4.677724607701768 51.84462100105163)</t>
  </si>
  <si>
    <t>POINT (4.672119415594144 51.86814436059885)</t>
  </si>
  <si>
    <t>POINT (4.652090808922356 51.87205660745306)</t>
  </si>
  <si>
    <t>POINT (4.658650190648513 51.87051817496512)</t>
  </si>
  <si>
    <t>POINT (4.673271672029451 51.86049306926551)</t>
  </si>
  <si>
    <t>POINT (4.643058260103405 51.87296151424821)</t>
  </si>
  <si>
    <t>POINT (4.6564922838574185 51.86659202155316)</t>
  </si>
  <si>
    <t>POINT (4.664404946273407 51.86209273976869)</t>
  </si>
  <si>
    <t>POINT (4.65550914177673 51.870801566570904)</t>
  </si>
  <si>
    <t>POINT (4.663040546227073 51.87200327863259)</t>
  </si>
  <si>
    <t>POINT (4.641752056356204 51.86908153885085)</t>
  </si>
  <si>
    <t>POINT (4.658037061398791 51.86803081364865)</t>
  </si>
  <si>
    <t>2954AG</t>
  </si>
  <si>
    <t>Waterlelie</t>
  </si>
  <si>
    <t>2954AE-2954AG</t>
  </si>
  <si>
    <t>POINT (4.665251155569434 51.87151898030066)</t>
  </si>
  <si>
    <t>POINT (4.658440067833161 51.86466257999116)</t>
  </si>
  <si>
    <t>POINT (4.664941099285817 51.87210936094605)</t>
  </si>
  <si>
    <t>POINT (4.654616394636128 51.871676887037026)</t>
  </si>
  <si>
    <t>POINT (4.657950935370562 51.86259215900005)</t>
  </si>
  <si>
    <t>POINT (4.660397838313856 51.86165453264553)</t>
  </si>
  <si>
    <t>POINT (4.660135235815671 51.859486647010236)</t>
  </si>
  <si>
    <t>POINT (4.664397670873994 51.86797125428789)</t>
  </si>
  <si>
    <t>POINT (4.670680065098217 51.85275605543092)</t>
  </si>
  <si>
    <t>POINT (4.663820968726714 51.8622958826322)</t>
  </si>
  <si>
    <t>POINT (4.65349379468657 51.872842895499005)</t>
  </si>
  <si>
    <t>POINT (4.657254352705828 51.86615631752316)</t>
  </si>
  <si>
    <t>POINT (4.668085814465057 51.8715983275255)</t>
  </si>
  <si>
    <t>POINT (4.655895822237505 51.869970729287594)</t>
  </si>
  <si>
    <t>POINT (4.6601644217613485 51.8639721541306)</t>
  </si>
  <si>
    <t>POINT (4.664530688601623 51.862399126860545)</t>
  </si>
  <si>
    <t>POINT (4.655283434271463 51.86221657698947)</t>
  </si>
  <si>
    <t>POINT (4.66607198105515 51.86406250764107)</t>
  </si>
  <si>
    <t>POINT (4.6498515355356 51.86913924461264)</t>
  </si>
  <si>
    <t>POINT (4.670886070903282 51.86991659056459)</t>
  </si>
  <si>
    <t>POINT (4.671148536942748 51.85661233818888)</t>
  </si>
  <si>
    <t>POINT (4.665602791802587 51.86525511257512)</t>
  </si>
  <si>
    <t>POINT (4.665059859048765 51.86018219114072)</t>
  </si>
  <si>
    <t>POINT (4.6375299444579685 51.87270164488873)</t>
  </si>
  <si>
    <t>POINT (4.643584505463975 51.87363000569183)</t>
  </si>
  <si>
    <t>POINT (4.631028862266823 51.87762170219177)</t>
  </si>
  <si>
    <t>POINT (4.66769502963685 51.865614010494056)</t>
  </si>
  <si>
    <t>2951GE</t>
  </si>
  <si>
    <t>Kerksingel</t>
  </si>
  <si>
    <t>POINT (4.6606919280344465 51.86097321641337)</t>
  </si>
  <si>
    <t>POINT (4.662832168978488 51.863296514179446)</t>
  </si>
  <si>
    <t>2951HE</t>
  </si>
  <si>
    <t>POINT (4.6659500218037095 51.86895606220649)</t>
  </si>
  <si>
    <t>POINT (4.663567243980978 51.866339200482834)</t>
  </si>
  <si>
    <t>POINT (4.6625385570672595 51.86710587952752)</t>
  </si>
  <si>
    <t>2952DG</t>
  </si>
  <si>
    <t>POINT (4.674074332494959 51.84579126539568)</t>
  </si>
  <si>
    <t>POINT (4.6605326225843235 51.86904401704914)</t>
  </si>
  <si>
    <t>POINT (4.64348337723779 51.87008334965815)</t>
  </si>
  <si>
    <t>POINT (4.656922506275875 51.867817150614464)</t>
  </si>
  <si>
    <t>2951SW</t>
  </si>
  <si>
    <t>Tooropstraat</t>
  </si>
  <si>
    <t>POINT (4.669408034966855 51.86881545081501)</t>
  </si>
  <si>
    <t>POINT (4.652380300810753 51.863233552552884)</t>
  </si>
  <si>
    <t>POINT (4.664253448238435 51.86445984252341)</t>
  </si>
  <si>
    <t>POINT (4.6641567142241325 51.86432404015284)</t>
  </si>
  <si>
    <t>POINT (4.653287832768612 51.86899897132892)</t>
  </si>
  <si>
    <t>POINT (4.661112373191749 51.870009384823035)</t>
  </si>
  <si>
    <t>POINT (4.668678464784474 51.864945884629336)</t>
  </si>
  <si>
    <t>POINT (4.641606794025965 51.87204445783014)</t>
  </si>
  <si>
    <t>POINT (4.630371482320108 51.87871408242818)</t>
  </si>
  <si>
    <t>POINT (4.640186470294266 51.870927386247736)</t>
  </si>
  <si>
    <t>POINT (4.665225580749747 51.87247964303974)</t>
  </si>
  <si>
    <t>POINT (4.663438540250901 51.865313704450664)</t>
  </si>
  <si>
    <t>POINT (4.673182755170474 51.85648809728788)</t>
  </si>
  <si>
    <t>POINT (4.661639287499024 51.870650832872045)</t>
  </si>
  <si>
    <t>POINT (4.661752157906266 51.87220656092303)</t>
  </si>
  <si>
    <t>POINT (4.666169164864732 51.86615295874594)</t>
  </si>
  <si>
    <t>POINT (4.669393259097394 51.86792099334677)</t>
  </si>
  <si>
    <t>POINT (4.655079841861215 51.86974620667024)</t>
  </si>
  <si>
    <t>POINT (4.64848753126849 51.87129693376078)</t>
  </si>
  <si>
    <t>POINT (4.6350902275336985 51.87444782156107)</t>
  </si>
  <si>
    <t>POINT (4.639007224214277 51.872935780024896)</t>
  </si>
  <si>
    <t>POINT (4.63925315272547 51.87473956751239)</t>
  </si>
  <si>
    <t>POINT (4.661858265964598 51.863234701918586)</t>
  </si>
  <si>
    <t>POINT (4.653917494713553 51.872238809261916)</t>
  </si>
  <si>
    <t>POINT (4.642112023937378 51.872251579945015)</t>
  </si>
  <si>
    <t>POINT (4.659032929017251 51.86472864730036)</t>
  </si>
  <si>
    <t>POINT (4.664875815410442 51.86441470187958)</t>
  </si>
  <si>
    <t>POINT (4.671891692130348 51.867855338328354)</t>
  </si>
  <si>
    <t>POINT (4.656844665179815 51.86814025713072)</t>
  </si>
  <si>
    <t>POINT (4.653686196735793 51.871729507814344)</t>
  </si>
  <si>
    <t>Galerijwoning</t>
  </si>
  <si>
    <t>POINT (4.665921112019254 51.867135689517525)</t>
  </si>
  <si>
    <t>2951TL</t>
  </si>
  <si>
    <t>POINT (4.6715250491768945 51.86534528125739)</t>
  </si>
  <si>
    <t>POINT (4.669203164439521 51.869825417677454)</t>
  </si>
  <si>
    <t>POINT (4.630239124135219 51.87881210461404)</t>
  </si>
  <si>
    <t>POINT (4.643108294459566 51.87081354782507)</t>
  </si>
  <si>
    <t>POINT (4.667542826243017 51.868323146275515)</t>
  </si>
  <si>
    <t>POINT (4.661573079720429 51.866201056302295)</t>
  </si>
  <si>
    <t>POINT (4.6439122865162465 51.87224783106292)</t>
  </si>
  <si>
    <t>POINT (4.642939156925848 51.87401692387168)</t>
  </si>
  <si>
    <t>POINT (4.674007167151151 51.85713579364759)</t>
  </si>
  <si>
    <t>2953BH</t>
  </si>
  <si>
    <t>POINT (4.654805453004243 51.87032078376937)</t>
  </si>
  <si>
    <t>POINT (4.6604161769781305 51.86816241159333)</t>
  </si>
  <si>
    <t>POINT (4.648201912197766 51.87056256375243)</t>
  </si>
  <si>
    <t>POINT (4.653000686079734 51.86879942691439)</t>
  </si>
  <si>
    <t>2951SX</t>
  </si>
  <si>
    <t>Willem Marisstraat</t>
  </si>
  <si>
    <t>POINT (4.669011229137103 51.869114143746266)</t>
  </si>
  <si>
    <t>POINT (4.655029300359177 51.865486297714305)</t>
  </si>
  <si>
    <t>POINT (4.671372386484521 51.86125003503114)</t>
  </si>
  <si>
    <t>POINT (4.641549013629424 51.87202611377374)</t>
  </si>
  <si>
    <t>POINT (4.654610378739435 51.86981620420038)</t>
  </si>
  <si>
    <t>POINT (4.670529987848651 51.860817937837865)</t>
  </si>
  <si>
    <t>POINT (4.654980139816193 51.86122227823034)</t>
  </si>
  <si>
    <t>POINT (4.663134746901478 51.86614777389842)</t>
  </si>
  <si>
    <t>POINT (4.658052243613886 51.86619722822538)</t>
  </si>
  <si>
    <t>POINT (4.665901603439826 51.8611042039981)</t>
  </si>
  <si>
    <t>POINT (4.670122380884802 51.86863554760906)</t>
  </si>
  <si>
    <t>POINT (4.6392172678004435 51.871656237075534)</t>
  </si>
  <si>
    <t>POINT (4.642618823287062 51.872565117248435)</t>
  </si>
  <si>
    <t>POINT (4.655255223522762 51.86225691294393)</t>
  </si>
  <si>
    <t>POINT (4.642310096390888 51.869909624907564)</t>
  </si>
  <si>
    <t>POINT (4.6428329479169035 51.87153470511184)</t>
  </si>
  <si>
    <t>POINT (4.664233810996366 51.86144899958958)</t>
  </si>
  <si>
    <t>POINT (4.67051183145178 51.86515034182592)</t>
  </si>
  <si>
    <t>POINT (4.672036113744973 51.868817999338404)</t>
  </si>
  <si>
    <t>POINT (4.670168625775217 51.865732507146355)</t>
  </si>
  <si>
    <t>POINT (4.642677476229841 51.86976393835714)</t>
  </si>
  <si>
    <t>POINT (4.667752156635684 51.86476493588265)</t>
  </si>
  <si>
    <t>POINT (4.655947176547586 51.866184140638815)</t>
  </si>
  <si>
    <t>POINT (4.65608163125091 51.86595127334929)</t>
  </si>
  <si>
    <t>POINT (4.6696902130330145 51.86477679191811)</t>
  </si>
  <si>
    <t>POINT (4.676403914107272 51.847656537481086)</t>
  </si>
  <si>
    <t>POINT (4.660436831606109 51.85519194640055)</t>
  </si>
  <si>
    <t>POINT (4.652020619022656 51.868352853594295)</t>
  </si>
  <si>
    <t>POINT (4.653187521675048 51.86891744683801)</t>
  </si>
  <si>
    <t>POINT (4.654157366344824 51.86999315032754)</t>
  </si>
  <si>
    <t>POINT (4.652068823286707 51.87118007882803)</t>
  </si>
  <si>
    <t>POINT (4.661320542360103 51.86880619635514)</t>
  </si>
  <si>
    <t>POINT (4.677456963762589 51.844563626955235)</t>
  </si>
  <si>
    <t>POINT (4.670961885842501 51.87062715319227)</t>
  </si>
  <si>
    <t>POINT (4.660943929955154 51.86874993650805)</t>
  </si>
  <si>
    <t>POINT (4.657412099566084 51.867173012658874)</t>
  </si>
  <si>
    <t>POINT (4.666855003777781 51.86775264695616)</t>
  </si>
  <si>
    <t>POINT (4.662485405655553 51.86003599718111)</t>
  </si>
  <si>
    <t>POINT (4.662360822147569 51.86642164746783)</t>
  </si>
  <si>
    <t>POINT (4.642572647448797 51.87251586344423)</t>
  </si>
  <si>
    <t>POINT (4.666565574770656 51.86315768645141)</t>
  </si>
  <si>
    <t>POINT (4.654120130909385 51.870496280974116)</t>
  </si>
  <si>
    <t>POINT (4.666512866215184 51.86917074959604)</t>
  </si>
  <si>
    <t>POINT (4.635090678149302 51.87442085853352)</t>
  </si>
  <si>
    <t>POINT (4.6433152064646 51.87224078831798)</t>
  </si>
  <si>
    <t>POINT (4.644193913710055 51.86706317046782)</t>
  </si>
  <si>
    <t>POINT (4.669647234241002 51.864740574868286)</t>
  </si>
  <si>
    <t>2953WD</t>
  </si>
  <si>
    <t>POINT (4.647534425424463 51.87097633357268)</t>
  </si>
  <si>
    <t>POINT (4.657371077134914 51.86612108839929)</t>
  </si>
  <si>
    <t>POINT (4.671939147491912 51.869437623093546)</t>
  </si>
  <si>
    <t>POINT (4.657966738972886 51.866097822465505)</t>
  </si>
  <si>
    <t>POINT (4.659857241421108 51.86411407019093)</t>
  </si>
  <si>
    <t>POINT (4.646938529796143 51.87056809109863)</t>
  </si>
  <si>
    <t>POINT (4.658762157001897 51.866291519638324)</t>
  </si>
  <si>
    <t>POINT (4.6573294069310895 51.86215414710055)</t>
  </si>
  <si>
    <t>POINT (4.653392161165121 51.867943459349874)</t>
  </si>
  <si>
    <t>POINT (4.662230623518532 51.86283295327366)</t>
  </si>
  <si>
    <t>POINT (4.667483674746251 51.86839019845137)</t>
  </si>
  <si>
    <t>2951TC</t>
  </si>
  <si>
    <t>POINT (4.670096640046957 51.86387142368015)</t>
  </si>
  <si>
    <t>POINT (4.661133892596383 51.865074763970576)</t>
  </si>
  <si>
    <t>POINT (4.654998084944957 51.87151666280213)</t>
  </si>
  <si>
    <t>POINT (4.658025511084488 51.86305845783637)</t>
  </si>
  <si>
    <t>POINT (4.654695882978494 51.86991561235664)</t>
  </si>
  <si>
    <t>POINT (4.6503420102027375 51.868980527331935)</t>
  </si>
  <si>
    <t>POINT (4.670277895742183 51.86616462779989)</t>
  </si>
  <si>
    <t>POINT (4.652729673021436 51.86939098196452)</t>
  </si>
  <si>
    <t>POINT (4.676618557274854 51.848953997272474)</t>
  </si>
  <si>
    <t>POINT (4.665436401518499 51.86386085367878)</t>
  </si>
  <si>
    <t>POINT (4.664147112107888 51.86425748319885)</t>
  </si>
  <si>
    <t>POINT (4.647502328506818 51.87204577841611)</t>
  </si>
  <si>
    <t>POINT (4.675231089734161 51.84950288765695)</t>
  </si>
  <si>
    <t>POINT (4.654276882020769 51.867557978184934)</t>
  </si>
  <si>
    <t>POINT (4.673875612485344 51.85673500085675)</t>
  </si>
  <si>
    <t>POINT (4.6522175711994675 51.8682956601354)</t>
  </si>
  <si>
    <t>POINT (4.659763041379039 51.86185734087573)</t>
  </si>
  <si>
    <t>POINT (4.6656787189933775 51.87229366650962)</t>
  </si>
  <si>
    <t>2952AP</t>
  </si>
  <si>
    <t>Rapenburg</t>
  </si>
  <si>
    <t>POINT (4.661488786368418 51.85179499423355)</t>
  </si>
  <si>
    <t>POINT (4.656334188622297 51.868280899734785)</t>
  </si>
  <si>
    <t>POINT (4.637867195290447 51.8733779446166)</t>
  </si>
  <si>
    <t>POINT (4.6707048615040785 51.862818613503414)</t>
  </si>
  <si>
    <t>POINT (4.651893460168895 51.86902620479525)</t>
  </si>
  <si>
    <t>POINT (4.64022500110724 51.87393228041414)</t>
  </si>
  <si>
    <t>POINT (4.666656038822993 51.86929746862346)</t>
  </si>
  <si>
    <t>POINT (4.670413529866256 51.86950023162427)</t>
  </si>
  <si>
    <t>POINT (4.666140273402245 51.86614379275502)</t>
  </si>
  <si>
    <t>POINT (4.670871979987388 51.86806485039298)</t>
  </si>
  <si>
    <t>POINT (4.656834813571239 51.86785255984068)</t>
  </si>
  <si>
    <t>2951JB</t>
  </si>
  <si>
    <t>Bark</t>
  </si>
  <si>
    <t>POINT (4.653038477821919 51.86203122316425)</t>
  </si>
  <si>
    <t>POINT (4.67507169752038 51.862331716643205)</t>
  </si>
  <si>
    <t>POINT (4.6374003101346535 51.873509794782585)</t>
  </si>
  <si>
    <t>2952EG</t>
  </si>
  <si>
    <t>Raapzaadhof</t>
  </si>
  <si>
    <t>2952EE-2952EG</t>
  </si>
  <si>
    <t>POINT (4.676407040810516 51.86247690044079)</t>
  </si>
  <si>
    <t>POINT (4.668992164787442 51.8648489285657)</t>
  </si>
  <si>
    <t>POINT (4.6685411030208 51.866729284933655)</t>
  </si>
  <si>
    <t>POINT (4.6553581611142425 51.86579845511221)</t>
  </si>
  <si>
    <t>POINT (4.653627951411243 51.86683933085638)</t>
  </si>
  <si>
    <t>POINT (4.670182141247498 51.865795509977715)</t>
  </si>
  <si>
    <t>POINT (4.644956497932536 51.872467303008854)</t>
  </si>
  <si>
    <t>POINT (4.662469247718108 51.86599985128079)</t>
  </si>
  <si>
    <t>POINT (4.655428941419173 51.8679366166874)</t>
  </si>
  <si>
    <t>POINT (4.644754707984897 51.87078003892551)</t>
  </si>
  <si>
    <t>POINT (4.659900356927803 51.864141303082235)</t>
  </si>
  <si>
    <t>POINT (4.6350897769174715 51.87447478458855)</t>
  </si>
  <si>
    <t>POINT (4.669327568425293 51.867943063400496)</t>
  </si>
  <si>
    <t>POINT (4.663809728488737 51.8589295721161)</t>
  </si>
  <si>
    <t>POINT (4.660035794683204 51.86923869189479)</t>
  </si>
  <si>
    <t>POINT (4.66934305969487 51.868792582180966)</t>
  </si>
  <si>
    <t>POINT (4.663892054311428 51.866907484414675)</t>
  </si>
  <si>
    <t>POINT (4.653842509359128 51.86748335775941)</t>
  </si>
  <si>
    <t>POINT (4.654983071254534 51.86119735304481)</t>
  </si>
  <si>
    <t>POINT (4.634458081232833 51.87534263601699)</t>
  </si>
  <si>
    <t>POINT (4.670154824010572 51.86568747979922)</t>
  </si>
  <si>
    <t>POINT (4.659814696138873 51.865848611662734)</t>
  </si>
  <si>
    <t>POINT (4.664497070303824 51.8646515681365)</t>
  </si>
  <si>
    <t>POINT (4.658612237895745 51.86478948898409)</t>
  </si>
  <si>
    <t>POINT (4.654504357433045 51.870085201649744)</t>
  </si>
  <si>
    <t>POINT (4.667151841026272 51.86644212887049)</t>
  </si>
  <si>
    <t>POINT (4.6510580479113335 51.86879086288647)</t>
  </si>
  <si>
    <t>POINT (4.658742456883409 51.86481726261999)</t>
  </si>
  <si>
    <t>POINT (4.659598452615429 51.86620232293311)</t>
  </si>
  <si>
    <t>POINT (4.671553083924351 51.86540837239943)</t>
  </si>
  <si>
    <t>POINT (4.666085754189609 51.86501538612997)</t>
  </si>
  <si>
    <t>POINT (4.6617884119307496 51.862557588624036)</t>
  </si>
  <si>
    <t>POINT (4.673237924375916 51.85529743983388)</t>
  </si>
  <si>
    <t>POINT (4.664604768390816 51.868637686382904)</t>
  </si>
  <si>
    <t>POINT (4.656459492054622 51.87084793166991)</t>
  </si>
  <si>
    <t>POINT (4.657014993006834 51.87196148111529)</t>
  </si>
  <si>
    <t>POINT (4.6370531089378035 51.87299522562893)</t>
  </si>
  <si>
    <t>POINT (4.635132586888034 51.874520001879)</t>
  </si>
  <si>
    <t>POINT (4.657356796143408 51.87153659199637)</t>
  </si>
  <si>
    <t>2952BJ</t>
  </si>
  <si>
    <t>Lorentzweg</t>
  </si>
  <si>
    <t>POINT (4.6703333686792705 51.85967248608946)</t>
  </si>
  <si>
    <t>POINT (4.654887414062416 51.869505523117866)</t>
  </si>
  <si>
    <t>POINT (4.663951905602569 51.866107596017)</t>
  </si>
  <si>
    <t>POINT (4.655953993913661 51.863083105570986)</t>
  </si>
  <si>
    <t>POINT (4.655223844255413 51.86786019374743)</t>
  </si>
  <si>
    <t>POINT (4.668265306720653 51.862179355267344)</t>
  </si>
  <si>
    <t>POINT (4.665922180940764 51.86978733827352)</t>
  </si>
  <si>
    <t>POINT (4.659065025643822 51.871353992467505)</t>
  </si>
  <si>
    <t>POINT (4.660170945294294 51.85997225423413)</t>
  </si>
  <si>
    <t>2951TH</t>
  </si>
  <si>
    <t>Roemer Visscherstraat</t>
  </si>
  <si>
    <t>POINT (4.671950242538711 51.86691189045756)</t>
  </si>
  <si>
    <t>POINT (4.656853398587589 51.86581225703109)</t>
  </si>
  <si>
    <t>POINT (4.66210500215204 51.86245775647603)</t>
  </si>
  <si>
    <t>POINT (4.665462282467222 51.8654160443891)</t>
  </si>
  <si>
    <t>POINT (4.662426031405149 51.86276836260543)</t>
  </si>
  <si>
    <t>POINT (4.638714008261535 51.87397659366648)</t>
  </si>
  <si>
    <t>POINT (4.657233806901684 51.87189992081909)</t>
  </si>
  <si>
    <t>2951EK</t>
  </si>
  <si>
    <t>POINT (4.65792493713623 51.863135944554074)</t>
  </si>
  <si>
    <t>POINT (4.662431345207202 51.86023790773312)</t>
  </si>
  <si>
    <t>POINT (4.669976533540973 51.869587450115766)</t>
  </si>
  <si>
    <t>2951EH</t>
  </si>
  <si>
    <t>POINT (4.657760753795906 51.862910874317116)</t>
  </si>
  <si>
    <t>POINT (4.668991875196591 51.86668709918389)</t>
  </si>
  <si>
    <t>POINT (4.657864855339898 51.862528704042525)</t>
  </si>
  <si>
    <t>POINT (4.643553295658054 51.87119317861014)</t>
  </si>
  <si>
    <t>POINT (4.656434066621074 51.866600647970046)</t>
  </si>
  <si>
    <t>POINT (4.667497977626792 51.8684037690185)</t>
  </si>
  <si>
    <t>POINT (4.652262402155426 51.872219476483224)</t>
  </si>
  <si>
    <t>POINT (4.639543823937488 51.8721032536725)</t>
  </si>
  <si>
    <t>POINT (4.656207833764669 51.86712058054909)</t>
  </si>
  <si>
    <t>POINT (4.667410012992353 51.87208856184316)</t>
  </si>
  <si>
    <t>2951VG</t>
  </si>
  <si>
    <t>POINT (4.662122220127482 51.86798419496779)</t>
  </si>
  <si>
    <t>POINT (4.661925500459061 51.86951378742323)</t>
  </si>
  <si>
    <t>2953CJ</t>
  </si>
  <si>
    <t>POINT (4.648753414691375 51.86482679000219)</t>
  </si>
  <si>
    <t>POINT (4.6718354646875335 51.8704796705198)</t>
  </si>
  <si>
    <t>POINT (4.657934917184868 51.86295991026451)</t>
  </si>
  <si>
    <t>POINT (4.660995496959319 51.862853717473584)</t>
  </si>
  <si>
    <t>POINT (4.652126608498877 51.86586366619034)</t>
  </si>
  <si>
    <t>POINT (4.668832321786794 51.866677134789306)</t>
  </si>
  <si>
    <t>POINT (4.666782124917434 51.86777017719568)</t>
  </si>
  <si>
    <t>POINT (4.636265376558912 51.87277446489953)</t>
  </si>
  <si>
    <t>POINT (4.637591615238219 51.87335820897914)</t>
  </si>
  <si>
    <t>POINT (4.664933046178427 51.87215874880586)</t>
  </si>
  <si>
    <t>POINT (4.6659455124969025 51.86833132560875)</t>
  </si>
  <si>
    <t>POINT (4.667572150464947 51.868305348714046)</t>
  </si>
  <si>
    <t>POINT (4.655319934947785 51.862791519706484)</t>
  </si>
  <si>
    <t>POINT (4.662956717422537 51.865481518111885)</t>
  </si>
  <si>
    <t>POINT (4.65292568359231 51.87161689254754)</t>
  </si>
  <si>
    <t>POINT (4.649814944462214 51.86915699215779)</t>
  </si>
  <si>
    <t>POINT (4.664738204171234 51.860324030854834)</t>
  </si>
  <si>
    <t>POINT (4.667904386842735 51.87113879739709)</t>
  </si>
  <si>
    <t>POINT (4.655990583649416 51.86619339951853)</t>
  </si>
  <si>
    <t>2951PD</t>
  </si>
  <si>
    <t>POINT (4.671214129880242 51.86846243560413)</t>
  </si>
  <si>
    <t>2953AE</t>
  </si>
  <si>
    <t>Colijnstraat</t>
  </si>
  <si>
    <t>POINT (4.6520889409337975 51.869503825734256)</t>
  </si>
  <si>
    <t>2953WG</t>
  </si>
  <si>
    <t>POINT (4.649009784914785 51.87132718303367)</t>
  </si>
  <si>
    <t>2953BD</t>
  </si>
  <si>
    <t>POINT (4.651499852712339 51.871342806033624)</t>
  </si>
  <si>
    <t>POINT (4.6632551282964085 51.87175292012493)</t>
  </si>
  <si>
    <t>POINT (4.666815858932558 51.87201301048715)</t>
  </si>
  <si>
    <t>POINT (4.657635551742564 51.86548004467265)</t>
  </si>
  <si>
    <t>POINT (4.662722515581371 51.87236535643901)</t>
  </si>
  <si>
    <t>POINT (4.664411006736022 51.86171525476344)</t>
  </si>
  <si>
    <t>POINT (4.655314153299037 51.86939812626663)</t>
  </si>
  <si>
    <t>POINT (4.661181090412283 51.86574920262422)</t>
  </si>
  <si>
    <t>POINT (4.654977144431953 51.870924092064605)</t>
  </si>
  <si>
    <t>POINT (4.6549882568102605 51.87024102587055)</t>
  </si>
  <si>
    <t>POINT (4.656753416261026 51.871078969779084)</t>
  </si>
  <si>
    <t>POINT (4.641686800438521 51.87203597702552)</t>
  </si>
  <si>
    <t>POINT (4.646939465459692 51.87183549394769)</t>
  </si>
  <si>
    <t>POINT (4.667329213886934 51.863521914545515)</t>
  </si>
  <si>
    <t>POINT (4.667857381339782 51.87135423624062)</t>
  </si>
  <si>
    <t>POINT (4.664193177962892 51.867143042610444)</t>
  </si>
  <si>
    <t>POINT (4.660973023931878 51.864246815753766)</t>
  </si>
  <si>
    <t>POINT (4.655047935513315 51.871481828027946)</t>
  </si>
  <si>
    <t>POINT (4.638665176090633 51.87254708939923)</t>
  </si>
  <si>
    <t>POINT (4.652012919431065 51.868379771288375)</t>
  </si>
  <si>
    <t>POINT (4.644514991712 51.87268309777963)</t>
  </si>
  <si>
    <t>POINT (4.643271517165145 51.87232131942892)</t>
  </si>
  <si>
    <t>POINT (4.671274937262126 51.8701167108942)</t>
  </si>
  <si>
    <t>POINT (4.666021509033225 51.869931766045035)</t>
  </si>
  <si>
    <t>POINT (4.665564048881911 51.865407681096755)</t>
  </si>
  <si>
    <t>POINT (4.658962788136717 51.86645455908028)</t>
  </si>
  <si>
    <t>POINT (4.651949120574953 51.87272986750835)</t>
  </si>
  <si>
    <t>POINT (4.667600325176081 51.868359453033264)</t>
  </si>
  <si>
    <t>POINT (4.655326339255188 51.87222063014258)</t>
  </si>
  <si>
    <t>POINT (4.641531142635867 51.871351852694524)</t>
  </si>
  <si>
    <t>POINT (4.671367707949554 51.870674570184875)</t>
  </si>
  <si>
    <t>POINT (4.6594799555702275 51.86320388155391)</t>
  </si>
  <si>
    <t>POINT (4.658997002120031 51.86119822111692)</t>
  </si>
  <si>
    <t>POINT (4.656388240910105 51.86914062956504)</t>
  </si>
  <si>
    <t>POINT (4.661890474442771 51.87263437438812)</t>
  </si>
  <si>
    <t>POINT (4.661066915902286 51.87282703567203)</t>
  </si>
  <si>
    <t>POINT (4.652047264542407 51.871166460956815)</t>
  </si>
  <si>
    <t>POINT (4.669905743694387 51.87220719806556)</t>
  </si>
  <si>
    <t>POINT (4.650363857395299 51.86933122096869)</t>
  </si>
  <si>
    <t>POINT (4.653713221022088 51.870071275203635)</t>
  </si>
  <si>
    <t>POINT (4.6572733810389595 51.87062913068208)</t>
  </si>
  <si>
    <t>POINT (4.66302917087543 51.86233145173659)</t>
  </si>
  <si>
    <t>POINT (4.651788305606963 51.86924127353471)</t>
  </si>
  <si>
    <t>POINT (4.652368449954067 51.87106060726292)</t>
  </si>
  <si>
    <t>POINT (4.653140162406154 51.8700407292904)</t>
  </si>
  <si>
    <t>POINT (4.637960449837087 51.873010005393226)</t>
  </si>
  <si>
    <t>POINT (4.672361884122021 51.866590806436925)</t>
  </si>
  <si>
    <t>POINT (4.6519752866526565 51.86935030766849)</t>
  </si>
  <si>
    <t>POINT (4.667872762603329 51.87130039876169)</t>
  </si>
  <si>
    <t>POINT (4.663089807885821 51.867136245272086)</t>
  </si>
  <si>
    <t>POINT (4.676846834861148 51.8639443189779)</t>
  </si>
  <si>
    <t>POINT (4.651570771995555 51.8710016823959)</t>
  </si>
  <si>
    <t>POINT (4.665080729863046 51.862501385074786)</t>
  </si>
  <si>
    <t>POINT (4.651010626314672 51.86224699309382)</t>
  </si>
  <si>
    <t>POINT (4.662999257743565 51.865544700793734)</t>
  </si>
  <si>
    <t>POINT (4.652603154233354 51.86336085949108)</t>
  </si>
  <si>
    <t>POINT (4.6560091136213995 51.86996873802254)</t>
  </si>
  <si>
    <t>POINT (4.64491220337025 51.87091889301644)</t>
  </si>
  <si>
    <t>POINT (4.65916441971821 51.867453546495916)</t>
  </si>
  <si>
    <t>POINT (4.64294546268539 51.8710012774952)</t>
  </si>
  <si>
    <t>POINT (4.657547860867196 51.86685925421923)</t>
  </si>
  <si>
    <t>POINT (4.642534314776292 51.87127731925342)</t>
  </si>
  <si>
    <t>POINT (4.669900382004578 51.86525447246163)</t>
  </si>
  <si>
    <t>POINT (4.668736964450901 51.864919276648436)</t>
  </si>
  <si>
    <t>POINT (4.655931928812038 51.86622898884675)</t>
  </si>
  <si>
    <t>POINT (4.666008940206697 51.867091285751975)</t>
  </si>
  <si>
    <t>POINT (4.644696055485193 51.87183032247897)</t>
  </si>
  <si>
    <t>POINT (4.655243206944036 51.86243166697576)</t>
  </si>
  <si>
    <t>POINT (4.666729939206192 51.86241263914072)</t>
  </si>
  <si>
    <t>POINT (4.652435068996408 51.86609031215255)</t>
  </si>
  <si>
    <t>POINT (4.663951615248665 51.866107594229014)</t>
  </si>
  <si>
    <t>POINT (4.661126974144437 51.86100287279657)</t>
  </si>
  <si>
    <t>POINT (4.641780811164849 51.872935437069195)</t>
  </si>
  <si>
    <t>POINT (4.651554537881739 51.8693296959092)</t>
  </si>
  <si>
    <t>2951CP</t>
  </si>
  <si>
    <t>Vijverhof</t>
  </si>
  <si>
    <t>POINT (4.656837532982606 51.86437397769933)</t>
  </si>
  <si>
    <t>POINT (4.6536837155493735 51.87232723581948)</t>
  </si>
  <si>
    <t>POINT (4.661125152301977 51.87011732725864)</t>
  </si>
  <si>
    <t>POINT (4.65240964349465 51.86328061187293)</t>
  </si>
  <si>
    <t>POINT (4.6419796890052485 51.872325471922316)</t>
  </si>
  <si>
    <t>POINT (4.65977143381466 51.86583036646913)</t>
  </si>
  <si>
    <t>POINT (4.664249065543209 51.871799490692524)</t>
  </si>
  <si>
    <t>POINT (4.667487027159449 51.86273188298782)</t>
  </si>
  <si>
    <t>POINT (4.6564938477308555 51.86932565229765)</t>
  </si>
  <si>
    <t>POINT (4.668700513089258 51.86674823746368)</t>
  </si>
  <si>
    <t>POINT (4.669989279571964 51.86878754136096)</t>
  </si>
  <si>
    <t>POINT (4.658095556228888 51.87159067139624)</t>
  </si>
  <si>
    <t>POINT (4.662112762358369 51.86108986098575)</t>
  </si>
  <si>
    <t>POINT (4.663180695724285 51.865096388252255)</t>
  </si>
  <si>
    <t>POINT (4.652492197208696 51.86289167774822)</t>
  </si>
  <si>
    <t>POINT (4.648316422231202 51.864913927945764)</t>
  </si>
  <si>
    <t>POINT (4.660683031457621 51.86872135712772)</t>
  </si>
  <si>
    <t>POINT (4.65576543421627 51.8720076383247)</t>
  </si>
  <si>
    <t>POINT (4.6575475186155435 51.86777609195189)</t>
  </si>
  <si>
    <t>POINT (4.654176791875131 51.867462972953746)</t>
  </si>
  <si>
    <t>POINT (4.636713259401545 51.87204025905805)</t>
  </si>
  <si>
    <t>POINT (4.654983210802498 51.861167349850604)</t>
  </si>
  <si>
    <t>POINT (4.664483371714293 51.86172918305028)</t>
  </si>
  <si>
    <t>POINT (4.6659497651536 51.86317078686312)</t>
  </si>
  <si>
    <t>POINT (4.665537503109206 51.87159168709065)</t>
  </si>
  <si>
    <t>POINT (4.6689340904421535 51.86666876858177)</t>
  </si>
  <si>
    <t>POINT (4.650890904413332 51.86995474157309)</t>
  </si>
  <si>
    <t>2951TD</t>
  </si>
  <si>
    <t>POINT (4.671085511165772 51.86376959400052)</t>
  </si>
  <si>
    <t>POINT (4.6620360353883985 51.86289709026028)</t>
  </si>
  <si>
    <t>POINT (4.669572544940164 51.86578279822443)</t>
  </si>
  <si>
    <t>POINT (4.6653777032706385 51.87023791858013)</t>
  </si>
  <si>
    <t>POINT (4.640101386029545 51.87175624457516)</t>
  </si>
  <si>
    <t>POINT (4.657649632235026 51.86550709802164)</t>
  </si>
  <si>
    <t>POINT (4.642710122711181 51.87200391536804)</t>
  </si>
  <si>
    <t>POINT (4.664164204930443 51.86623501352227)</t>
  </si>
  <si>
    <t>POINT (4.653514346530579 51.861687163762085)</t>
  </si>
  <si>
    <t>POINT (4.651264912696037 51.871058192492875)</t>
  </si>
  <si>
    <t>POINT (4.65478602764725 51.86883753937008)</t>
  </si>
  <si>
    <t>2951CN</t>
  </si>
  <si>
    <t>POINT (4.655836711196257 51.864493590414625)</t>
  </si>
  <si>
    <t>POINT (4.6421493474525475 51.869971525795165)</t>
  </si>
  <si>
    <t>POINT (4.660948049682116 51.86399497977294)</t>
  </si>
  <si>
    <t>POINT (4.656033990769178 51.86620265838218)</t>
  </si>
  <si>
    <t>POINT (4.670501565875766 51.87035468698656)</t>
  </si>
  <si>
    <t>POINT (4.658470411707939 51.86458187061805)</t>
  </si>
  <si>
    <t>POINT (4.667062150530172 51.86569552356612)</t>
  </si>
  <si>
    <t>POINT (4.662380556874386 51.86339260275453)</t>
  </si>
  <si>
    <t>POINT (4.661290829784134 51.86524651794436)</t>
  </si>
  <si>
    <t>POINT (4.6668547880289095 51.867766128559325)</t>
  </si>
  <si>
    <t>POINT (4.670598862972836 51.87199570205802)</t>
  </si>
  <si>
    <t>POINT (4.638579541299078 51.87551279319049)</t>
  </si>
  <si>
    <t>POINT (4.66648147995558 51.86387626023242)</t>
  </si>
  <si>
    <t>POINT (4.658643454305998 51.8646548532127)</t>
  </si>
  <si>
    <t>POINT (4.630907202377426 51.877688333758556)</t>
  </si>
  <si>
    <t>POINT (4.641693919472166 51.87379779437887)</t>
  </si>
  <si>
    <t>POINT (4.673900537897249 51.86376850479777)</t>
  </si>
  <si>
    <t>POINT (4.6568236342864875 51.86585701508089)</t>
  </si>
  <si>
    <t>POINT (4.663752050650142 51.869015604068146)</t>
  </si>
  <si>
    <t>POINT (4.662846906490817 51.86689205468915)</t>
  </si>
  <si>
    <t>POINT (4.6592559138949925 51.86583616103376)</t>
  </si>
  <si>
    <t>POINT (4.657379894717236 51.869159298727645)</t>
  </si>
  <si>
    <t>2951ST</t>
  </si>
  <si>
    <t>POINT (4.667558786858483 51.869141208115)</t>
  </si>
  <si>
    <t>POINT (4.656634322083975 51.865891792163666)</t>
  </si>
  <si>
    <t>POINT (4.664645427549438 51.86483755670081)</t>
  </si>
  <si>
    <t>POINT (4.659480413679053 51.872156553886164)</t>
  </si>
  <si>
    <t>POINT (4.670673307994351 51.865951313977675)</t>
  </si>
  <si>
    <t>POINT (4.6678621067672905 51.85879266904599)</t>
  </si>
  <si>
    <t>POINT (4.671552226615713 51.86546229887307)</t>
  </si>
  <si>
    <t>POINT (4.656256217873468 51.86324678231979)</t>
  </si>
  <si>
    <t>POINT (4.668748884990276 51.86462721944033)</t>
  </si>
  <si>
    <t>POINT (4.651632090621999 51.86280877586326)</t>
  </si>
  <si>
    <t>POINT (4.662671430663216 51.86516515670269)</t>
  </si>
  <si>
    <t>2951SL</t>
  </si>
  <si>
    <t>POINT (4.6675707135454765 51.868395226073375)</t>
  </si>
  <si>
    <t>POINT (4.661499395743332 51.873022963675226)</t>
  </si>
  <si>
    <t>POINT (4.667014299212767 51.85216914364081)</t>
  </si>
  <si>
    <t>POINT (4.6704175374560135 51.869248574924065)</t>
  </si>
  <si>
    <t>POINT (4.671880475739668 51.869931639402886)</t>
  </si>
  <si>
    <t>POINT (4.652271589693203 51.87032293385262)</t>
  </si>
  <si>
    <t>POINT (4.660541002421474 51.86492727916142)</t>
  </si>
  <si>
    <t>POINT (4.6485636417896306 51.87090631713674)</t>
  </si>
  <si>
    <t>POINT (4.657981439331067 51.871464122286866)</t>
  </si>
  <si>
    <t>POINT (4.661509331318576 51.86114905418378)</t>
  </si>
  <si>
    <t>POINT (4.66671298302862 51.86211141621728)</t>
  </si>
  <si>
    <t>POINT (4.667635277121397 51.86553724116122)</t>
  </si>
  <si>
    <t>POINT (4.662151927173342 51.86677091438081)</t>
  </si>
  <si>
    <t>POINT (4.662248380536872 51.869035473835396)</t>
  </si>
  <si>
    <t>POINT (4.670765934531228 51.85985759483122)</t>
  </si>
  <si>
    <t>POINT (4.6531232311253765 51.86217557112644)</t>
  </si>
  <si>
    <t>POINT (4.655252043228797 51.862381978949344)</t>
  </si>
  <si>
    <t>POINT (4.6654510881566535 51.87200013807626)</t>
  </si>
  <si>
    <t>l</t>
  </si>
  <si>
    <t>POINT (4.6726567154272605 51.86033138120293)</t>
  </si>
  <si>
    <t>POINT (4.642912807987348 51.872454352889406)</t>
  </si>
  <si>
    <t>POINT (4.643814925489751 51.87286743052917)</t>
  </si>
  <si>
    <t>POINT (4.667015337136656 51.86998280700625)</t>
  </si>
  <si>
    <t>POINT (4.6532828345868005 51.86796974214231)</t>
  </si>
  <si>
    <t>POINT (4.666930807855317 51.8612004069577)</t>
  </si>
  <si>
    <t>POINT (4.671169287694414 51.86854305975977)</t>
  </si>
  <si>
    <t>POINT (4.671181947561206 51.86865998890592)</t>
  </si>
  <si>
    <t>POINT (4.6718436685148355 51.8663090042134)</t>
  </si>
  <si>
    <t>POINT (4.6592276054425374 51.86579104244294)</t>
  </si>
  <si>
    <t>POINT (4.668686985296855 51.86623130920174)</t>
  </si>
  <si>
    <t>POINT (4.644672342384892 51.87184882398783)</t>
  </si>
  <si>
    <t>POINT (4.672020666919759 51.868876331261596)</t>
  </si>
  <si>
    <t>POINT (4.662295764381799 51.86281142311713)</t>
  </si>
  <si>
    <t>POINT (4.646392732606822 51.87064554766216)</t>
  </si>
  <si>
    <t>POINT (4.656930836952957 51.86909358720574)</t>
  </si>
  <si>
    <t>POINT (4.666178272735761 51.86105197117964)</t>
  </si>
  <si>
    <t>POINT (4.665351317304181 51.86373449003156)</t>
  </si>
  <si>
    <t>POINT (4.677260380930885 51.85954253270707)</t>
  </si>
  <si>
    <t>2953BA</t>
  </si>
  <si>
    <t>Boerenpad</t>
  </si>
  <si>
    <t>POINT (4.656734150823341 51.870476612238924)</t>
  </si>
  <si>
    <t>POINT (4.661068574324406 51.86552379141584)</t>
  </si>
  <si>
    <t>POINT (4.66317834891155 51.87110976079529)</t>
  </si>
  <si>
    <t>POINT (4.660764340513022 51.8690814049026)</t>
  </si>
  <si>
    <t>POINT (4.650156490932435 51.86904857576438)</t>
  </si>
  <si>
    <t>POINT (4.647720615593178 51.87224445328455)</t>
  </si>
  <si>
    <t>POINT (4.653213018741948 51.86690864756402)</t>
  </si>
  <si>
    <t>POINT (4.656442017798986 51.86342771118462)</t>
  </si>
  <si>
    <t>POINT (4.656677130799026 51.86325389555877)</t>
  </si>
  <si>
    <t>POINT (4.670230571073004 51.870047420312495)</t>
  </si>
  <si>
    <t>2951BE</t>
  </si>
  <si>
    <t>Esdoornlaan</t>
  </si>
  <si>
    <t>POINT (4.661159077376762 51.86801419965735)</t>
  </si>
  <si>
    <t>POINT (4.662389986992922 51.87182398799245)</t>
  </si>
  <si>
    <t>POINT (4.662784152392763 51.86628044132482)</t>
  </si>
  <si>
    <t>POINT (4.653960456237258 51.87183009507284)</t>
  </si>
  <si>
    <t>POINT (4.659579208209314 51.86694376528744)</t>
  </si>
  <si>
    <t>POINT (4.639123262132363 51.87381740535594)</t>
  </si>
  <si>
    <t>j</t>
  </si>
  <si>
    <t>POINT (4.658799427681922 51.868479950628526)</t>
  </si>
  <si>
    <t>POINT (4.669818267476784 51.872229135367704)</t>
  </si>
  <si>
    <t>POINT (4.6660858712826325 51.871352362378325)</t>
  </si>
  <si>
    <t>POINT (4.675990763414131 51.8640127997228)</t>
  </si>
  <si>
    <t>POINT (4.666352497934115 51.86649115733827)</t>
  </si>
  <si>
    <t>POINT (4.664571120414483 51.87118575231903)</t>
  </si>
  <si>
    <t>POINT (4.668795260475575 51.871728509348394)</t>
  </si>
  <si>
    <t>POINT (4.664025209873318 51.86223422008618)</t>
  </si>
  <si>
    <t>POINT (4.678108756820061 51.844186995438335)</t>
  </si>
  <si>
    <t>POINT (4.639614741225785 51.871330682301256)</t>
  </si>
  <si>
    <t>POINT (4.657157687773246 51.86200027303143)</t>
  </si>
  <si>
    <t>POINT (4.667688441443853 51.86829707254766)</t>
  </si>
  <si>
    <t>POINT (4.655014579815976 51.861177378994185)</t>
  </si>
  <si>
    <t>POINT (4.667280487061212 51.87110800923833)</t>
  </si>
  <si>
    <t>POINT (4.665647618831198 51.86970475436107)</t>
  </si>
  <si>
    <t>POINT (4.65598088386161 51.865896714377094)</t>
  </si>
  <si>
    <t>POINT (4.664933160276977 51.86174543306898)</t>
  </si>
  <si>
    <t>POINT (4.651067575203241 51.862629960398586)</t>
  </si>
  <si>
    <t>POINT (4.6568059588490485 51.8633670547165)</t>
  </si>
  <si>
    <t>POINT (4.660392666640507 51.86961842284945)</t>
  </si>
  <si>
    <t>POINT (4.66927203840586 51.86368661348283)</t>
  </si>
  <si>
    <t>POINT (4.634469250192482 51.87510900302093)</t>
  </si>
  <si>
    <t>POINT (4.66862849741593 51.86671184241845)</t>
  </si>
  <si>
    <t>POINT (4.656403853227796 51.86918872596277)</t>
  </si>
  <si>
    <t>POINT (4.668684848541827 51.864545930118226)</t>
  </si>
  <si>
    <t>POINT (4.654930041141398 51.86116595767505)</t>
  </si>
  <si>
    <t>POINT (4.6577763473061715 51.86297890723931)</t>
  </si>
  <si>
    <t>POINT (4.654424215536595 51.86314547967564)</t>
  </si>
  <si>
    <t>POINT (4.662511592773791 51.86883033291555)</t>
  </si>
  <si>
    <t>POINT (4.675945414497991 51.86582539353664)</t>
  </si>
  <si>
    <t>POINT (4.663273000977603 51.86269699436499)</t>
  </si>
  <si>
    <t>POINT (4.658332957763401 51.86769108250928)</t>
  </si>
  <si>
    <t>POINT (4.660408566158459 51.86143155516835)</t>
  </si>
  <si>
    <t>POINT (4.660655477954701 51.87132788658506)</t>
  </si>
  <si>
    <t>POINT (4.655025500307042 51.86121466901644)</t>
  </si>
  <si>
    <t>POINT (4.643988855652383 51.87068878772049)</t>
  </si>
  <si>
    <t>POINT (4.668744066832013 51.86674850389452)</t>
  </si>
  <si>
    <t>POINT (4.652131763311861 51.869549036879455)</t>
  </si>
  <si>
    <t>POINT (4.655596914324715 51.87076166450393)</t>
  </si>
  <si>
    <t>POINT (4.6701975505535405 51.868474211460295)</t>
  </si>
  <si>
    <t>POINT (4.653367776239064 51.870329787629)</t>
  </si>
  <si>
    <t>POINT (4.664788502142114 51.86171308313505)</t>
  </si>
  <si>
    <t>POINT (4.6514066523919615 51.871270313219476)</t>
  </si>
  <si>
    <t>POINT (4.664705607810547 51.86235525995146)</t>
  </si>
  <si>
    <t>POINT (4.669783956048986 51.86527173858012)</t>
  </si>
  <si>
    <t>POINT (4.642252139041549 51.86814748439323)</t>
  </si>
  <si>
    <t>POINT (4.660965920379613 51.86108726895333)</t>
  </si>
  <si>
    <t>POINT (4.668621462193457 51.8694263613324)</t>
  </si>
  <si>
    <t>POINT (4.644785603993162 51.873003904911876)</t>
  </si>
  <si>
    <t>POINT (4.671697794802518 51.86361153064414)</t>
  </si>
  <si>
    <t>POINT (4.639894470108144 51.87372343942436)</t>
  </si>
  <si>
    <t>POINT (4.651584580177053 51.87015683788759)</t>
  </si>
  <si>
    <t>POINT (4.674088931893895 51.85444779247186)</t>
  </si>
  <si>
    <t>POINT (4.655440887781411 51.868010955154745)</t>
  </si>
  <si>
    <t>POINT (4.65479662268151 51.86640168722301)</t>
  </si>
  <si>
    <t>POINT (4.65280519659124 51.86654205867779)</t>
  </si>
  <si>
    <t>POINT (4.656425968237802 51.86799383477582)</t>
  </si>
  <si>
    <t>POINT (4.665857003457518 51.87158915534341)</t>
  </si>
  <si>
    <t>POINT (4.658298679419631 51.86442799823967)</t>
  </si>
  <si>
    <t>POINT (4.657568010004041 51.86740768559473)</t>
  </si>
  <si>
    <t>POINT (4.652721091341577 51.87169651101871)</t>
  </si>
  <si>
    <t>POINT (4.655278058417675 51.862264165267675)</t>
  </si>
  <si>
    <t>POINT (4.673368775247878 51.86169364024662)</t>
  </si>
  <si>
    <t>POINT (4.673204608606727 51.86472180634802)</t>
  </si>
  <si>
    <t>POINT (4.663421587979284 51.861852979262835)</t>
  </si>
  <si>
    <t>POINT (4.668657778628355 51.86533226869148)</t>
  </si>
  <si>
    <t>POINT (4.661883523745682 51.871263567362334)</t>
  </si>
  <si>
    <t>POINT (4.672654482791145 51.864896435273074)</t>
  </si>
  <si>
    <t>POINT (4.666322405774941 51.868823519058864)</t>
  </si>
  <si>
    <t>POINT (4.635177397265732 51.87357648178448)</t>
  </si>
  <si>
    <t>POINT (4.66397425228004 51.86721360370372)</t>
  </si>
  <si>
    <t>POINT (4.664215233539931 51.86622184471908)</t>
  </si>
  <si>
    <t>POINT (4.651488555223277 51.86892479430796)</t>
  </si>
  <si>
    <t>2952BX</t>
  </si>
  <si>
    <t>Marineweg</t>
  </si>
  <si>
    <t>POINT (4.657719442011215 51.85924054989636)</t>
  </si>
  <si>
    <t>POINT (4.668638181761784 51.86610516997871)</t>
  </si>
  <si>
    <t>POINT (4.655362909986234 51.86550635423369)</t>
  </si>
  <si>
    <t>POINT (4.6608408936593095 51.871535771564325)</t>
  </si>
  <si>
    <t>POINT (4.6691379010461285 51.86982052440392)</t>
  </si>
  <si>
    <t>POINT (4.6708170546567205 51.86421738771969)</t>
  </si>
  <si>
    <t>POINT (4.662206068863766 51.858901705552)</t>
  </si>
  <si>
    <t>POINT (4.64731889321167 51.87172103241813)</t>
  </si>
  <si>
    <t>POINT (4.637993386413215 51.873648408657935)</t>
  </si>
  <si>
    <t>POINT (4.66714228032229 51.86703981338721)</t>
  </si>
  <si>
    <t>POINT (4.652570768067998 51.87067536188898)</t>
  </si>
  <si>
    <t>POINT (4.657598748201773 51.86551127624759)</t>
  </si>
  <si>
    <t>POINT (4.661180495037396 51.8711873150365)</t>
  </si>
  <si>
    <t>POINT (4.665643068175882 51.872252998751804)</t>
  </si>
  <si>
    <t>POINT (4.671733240358756 51.865948786958974)</t>
  </si>
  <si>
    <t>POINT (4.662957088311094 51.871324123524985)</t>
  </si>
  <si>
    <t>POINT (4.640796775453555 51.873010454364334)</t>
  </si>
  <si>
    <t>POINT (4.657438392133059 51.87182029447474)</t>
  </si>
  <si>
    <t>POINT (4.652539524735173 51.863385521791436)</t>
  </si>
  <si>
    <t>POINT (4.650715472958929 51.87224574175053)</t>
  </si>
  <si>
    <t>POINT (4.656433482985434 51.86663659884996)</t>
  </si>
  <si>
    <t>POINT (4.6444693544906475 51.872068723872324)</t>
  </si>
  <si>
    <t>POINT (4.637093742060338 51.87360671244637)</t>
  </si>
  <si>
    <t>POINT (4.6636094162497 51.87003827738904)</t>
  </si>
  <si>
    <t>POINT (4.665046705098692 51.864622491097855)</t>
  </si>
  <si>
    <t>POINT (4.66622141008035 51.86017135064571)</t>
  </si>
  <si>
    <t>POINT (4.6633552794744135 51.87229734860357)</t>
  </si>
  <si>
    <t>POINT (4.651840514661986 51.86560120490996)</t>
  </si>
  <si>
    <t>POINT (4.644387633848464 51.8733609340853)</t>
  </si>
  <si>
    <t>POINT (4.663950559351356 51.8668808788351)</t>
  </si>
  <si>
    <t>POINT (4.656794250821496 51.8658389270021)</t>
  </si>
  <si>
    <t>POINT (4.656794831525091 51.86583893061347)</t>
  </si>
  <si>
    <t>POINT (4.6667834195391755 51.86768928757728)</t>
  </si>
  <si>
    <t>POINT (4.646403294362373 51.86647488794547)</t>
  </si>
  <si>
    <t>POINT (4.670979397410194 51.86678912221114)</t>
  </si>
  <si>
    <t>POINT (4.661025746762795 51.86547858349699)</t>
  </si>
  <si>
    <t>POINT (4.660373062751298 51.86903404115131)</t>
  </si>
  <si>
    <t>POINT (4.674409306833854 51.85465737485164)</t>
  </si>
  <si>
    <t>2951AE</t>
  </si>
  <si>
    <t>Meursingstraat</t>
  </si>
  <si>
    <t>POINT (4.667692769268025 51.86212191727702)</t>
  </si>
  <si>
    <t>POINT (4.648448816273648 51.86436645394109)</t>
  </si>
  <si>
    <t>POINT (4.660369718744246 51.86141795764594)</t>
  </si>
  <si>
    <t>POINT (4.653748826345758 51.861700277666664)</t>
  </si>
  <si>
    <t>POINT (4.65646339409636 51.86658285318511)</t>
  </si>
  <si>
    <t>POINT (4.662198556181609 51.86117128831768)</t>
  </si>
  <si>
    <t>POINT (4.664454344365656 51.86673671944732)</t>
  </si>
  <si>
    <t>POINT (4.653567625426556 51.867868152128295)</t>
  </si>
  <si>
    <t>POINT (4.656794321535608 51.86766354688638)</t>
  </si>
  <si>
    <t>POINT (4.640749034709067 51.869041299437654)</t>
  </si>
  <si>
    <t>POINT (4.662126469981251 51.86564717930084)</t>
  </si>
  <si>
    <t>POINT (4.681011648556559 51.84711356280205)</t>
  </si>
  <si>
    <t>POINT (4.666086494533448 51.87221976742503)</t>
  </si>
  <si>
    <t>POINT (4.644881461585162 51.8733550673306)</t>
  </si>
  <si>
    <t>POINT (4.655931344781589 51.86626493972511)</t>
  </si>
  <si>
    <t>POINT (4.6447400587576 51.87180363473753)</t>
  </si>
  <si>
    <t>POINT (4.66142341044305 51.87143150896006)</t>
  </si>
  <si>
    <t>POINT (4.664897831440135 51.86394742886986)</t>
  </si>
  <si>
    <t>2954NG</t>
  </si>
  <si>
    <t>Zilverschoon</t>
  </si>
  <si>
    <t>POINT (4.667768042729677 51.87194693749647)</t>
  </si>
  <si>
    <t>POINT (4.656090208612196 51.86989283952435)</t>
  </si>
  <si>
    <t>POINT (4.642702055385865 51.87079299631173)</t>
  </si>
  <si>
    <t>POINT (4.658308290114192 51.87280096108559)</t>
  </si>
  <si>
    <t>POINT (4.668784604329039 51.8646633924175)</t>
  </si>
  <si>
    <t>POINT (4.6686597452895855 51.86384466417083)</t>
  </si>
  <si>
    <t>POINT (4.642904180903818 51.86998530013128)</t>
  </si>
  <si>
    <t>POINT (4.643251554774463 51.870931307545526)</t>
  </si>
  <si>
    <t>POINT (4.666282128340064 51.86363234390181)</t>
  </si>
  <si>
    <t>POINT (4.658002575538733 51.86657444218732)</t>
  </si>
  <si>
    <t>POINT (4.658472430482239 51.872977257596816)</t>
  </si>
  <si>
    <t>POINT (4.660752881001882 51.869791435078774)</t>
  </si>
  <si>
    <t>POINT (4.648742833133305 51.87166707291064)</t>
  </si>
  <si>
    <t>POINT (4.641865169131834 51.87222587031991)</t>
  </si>
  <si>
    <t>POINT (4.662882955630787 51.8723214028206)</t>
  </si>
  <si>
    <t>POINT (4.665936494131397 51.86708185226501)</t>
  </si>
  <si>
    <t>POINT (4.6420774343763025 51.870807012760594)</t>
  </si>
  <si>
    <t>POINT (4.6529028671033466 51.868120173934884)</t>
  </si>
  <si>
    <t>POINT (4.667429699671114 51.869041542358914)</t>
  </si>
  <si>
    <t>POINT (4.668686282100384 51.86673017317068)</t>
  </si>
  <si>
    <t>POINT (4.638402804007015 51.87435213288412)</t>
  </si>
  <si>
    <t>POINT (4.659213241928297 51.86533253345585)</t>
  </si>
  <si>
    <t>POINT (4.660897666069258 51.87161702019374)</t>
  </si>
  <si>
    <t>POINT (4.66416550419963 51.8661541239258)</t>
  </si>
  <si>
    <t>POINT (4.656202914027711 51.8727878775101)</t>
  </si>
  <si>
    <t>POINT (4.6666790585691835 51.867859431147615)</t>
  </si>
  <si>
    <t>POINT (4.653866947240392 51.8713306426491)</t>
  </si>
  <si>
    <t>POINT (4.657893305989398 51.86256483524704)</t>
  </si>
  <si>
    <t>POINT (4.667682116090619 51.868238607792634)</t>
  </si>
  <si>
    <t>POINT (4.654980863680462 51.861177771022085)</t>
  </si>
  <si>
    <t>POINT (4.665858213183576 51.87196668455586)</t>
  </si>
  <si>
    <t>POINT (4.663414698425388 51.87176289212271)</t>
  </si>
  <si>
    <t>POINT (4.67203918087372 51.850346398966295)</t>
  </si>
  <si>
    <t>POINT (4.678219911775277 51.84449632741103)</t>
  </si>
  <si>
    <t>POINT (4.662113625727951 51.86734594976649)</t>
  </si>
  <si>
    <t>POINT (4.645903252002659 51.87215254954667)</t>
  </si>
  <si>
    <t>POINT (4.638833469566242 51.87028572164325)</t>
  </si>
  <si>
    <t>POINT (4.665211247613929 51.871562716295536)</t>
  </si>
  <si>
    <t>POINT (4.670028682406767 51.86904845175435)</t>
  </si>
  <si>
    <t>POINT (4.652188387695007 51.86830446613951)</t>
  </si>
  <si>
    <t>POINT (4.656177686923132 51.8698709124458)</t>
  </si>
  <si>
    <t>POINT (4.655448127341073 51.868088122679104)</t>
  </si>
  <si>
    <t>POINT (4.66921420390404 51.869133361909235)</t>
  </si>
  <si>
    <t>POINT (4.667441912917995 51.867369734515115)</t>
  </si>
  <si>
    <t>POINT (4.667658973598861 51.86832385787439)</t>
  </si>
  <si>
    <t>POINT (4.664539386322972 51.86949767464626)</t>
  </si>
  <si>
    <t>POINT (4.657204125231765 51.868358218823545)</t>
  </si>
  <si>
    <t>POINT (4.666798780683984 51.869451150676156)</t>
  </si>
  <si>
    <t>POINT (4.6714913354253484 51.8706618406379)</t>
  </si>
  <si>
    <t>POINT (4.662462707345384 51.868913984994634)</t>
  </si>
  <si>
    <t>POINT (4.665264454804431 51.86960352510013)</t>
  </si>
  <si>
    <t>POINT (4.68643361762829 51.8673587418045)</t>
  </si>
  <si>
    <t>POINT (4.667542310637671 51.86608497732259)</t>
  </si>
  <si>
    <t>POINT (4.657745769647667 51.86629420006648)</t>
  </si>
  <si>
    <t>POINT (4.655479059379834 51.86711424478862)</t>
  </si>
  <si>
    <t>POINT (4.658843641483035 51.86484485605435)</t>
  </si>
  <si>
    <t>2952BP</t>
  </si>
  <si>
    <t>Poldersemolenweg</t>
  </si>
  <si>
    <t>POINT (4.676676170589143 51.858954901122395)</t>
  </si>
  <si>
    <t>POINT (4.659190321014724 51.87168734805425)</t>
  </si>
  <si>
    <t>POINT (4.6416742516429785 51.87147860201645)</t>
  </si>
  <si>
    <t>POINT (4.66096049580709 51.86952306035154)</t>
  </si>
  <si>
    <t>POINT (4.671131037500326 51.85999465093017)</t>
  </si>
  <si>
    <t>POINT (4.656855358757092 51.86479655415014)</t>
  </si>
  <si>
    <t>POINT (4.667205750560533 51.86216387566559)</t>
  </si>
  <si>
    <t>POINT (4.642553506412023 51.873627968529156)</t>
  </si>
  <si>
    <t>POINT (4.658828978785335 51.864853753748875)</t>
  </si>
  <si>
    <t>2953WH</t>
  </si>
  <si>
    <t>POINT (4.648570623192294 51.87198508642555)</t>
  </si>
  <si>
    <t>POINT (4.640658194121984 51.87145417124151)</t>
  </si>
  <si>
    <t>POINT (4.670283703974812 51.86488827960878)</t>
  </si>
  <si>
    <t>POINT (4.664343043218429 51.86142720040784)</t>
  </si>
  <si>
    <t>2953XK</t>
  </si>
  <si>
    <t>Merwedeweg</t>
  </si>
  <si>
    <t>POINT (4.638427895665805 51.87109840638056)</t>
  </si>
  <si>
    <t>POINT (4.665638541545283 51.870270981412055)</t>
  </si>
  <si>
    <t>POINT (4.645019265978667 51.871690191991654)</t>
  </si>
  <si>
    <t>2954BB</t>
  </si>
  <si>
    <t>Grondel</t>
  </si>
  <si>
    <t>POINT (4.656579952046246 51.87147788460753)</t>
  </si>
  <si>
    <t>POINT (4.642398511752576 51.86807650357779)</t>
  </si>
  <si>
    <t>POINT (4.6398215711504704 51.87374095287821)</t>
  </si>
  <si>
    <t>POINT (4.668413651018738 51.87152842526913)</t>
  </si>
  <si>
    <t>2951TJ</t>
  </si>
  <si>
    <t>Van Lenneppad</t>
  </si>
  <si>
    <t>POINT (4.672119739517397 51.864468019124175)</t>
  </si>
  <si>
    <t>POINT (4.66036366261506 51.86098376930941)</t>
  </si>
  <si>
    <t>POINT (4.654969796151042 51.861216470000656)</t>
  </si>
  <si>
    <t>POINT (4.663095413639119 51.87175193563535)</t>
  </si>
  <si>
    <t>POINT (4.655010077241118 51.861204289862066)</t>
  </si>
  <si>
    <t>2952AC</t>
  </si>
  <si>
    <t>De Baan</t>
  </si>
  <si>
    <t>POINT (4.671808896198917 51.86073135483109)</t>
  </si>
  <si>
    <t>POINT (4.653401637177535 51.86914350042586)</t>
  </si>
  <si>
    <t>POINT (4.665206019075407 51.86962563745458)</t>
  </si>
  <si>
    <t>POINT (4.65796511047667 51.86299244782835)</t>
  </si>
  <si>
    <t>POINT (4.657385494921571 51.86278069767552)</t>
  </si>
  <si>
    <t>POINT (4.6641063573301205 51.87119188069056)</t>
  </si>
  <si>
    <t>POINT (4.658352976556591 51.871834961756875)</t>
  </si>
  <si>
    <t>POINT (4.665743243605858 51.864644749149875)</t>
  </si>
  <si>
    <t>POINT (4.64870388797416 51.87084316400306)</t>
  </si>
  <si>
    <t>POINT (4.631058357986594 51.87759492614602)</t>
  </si>
  <si>
    <t>POINT (4.656287520467003 51.87160190596003)</t>
  </si>
  <si>
    <t>POINT (4.66243544592222 51.85817953654021)</t>
  </si>
  <si>
    <t>POINT (4.648297452015733 51.871376635829904)</t>
  </si>
  <si>
    <t>POINT (4.657964221262027 51.86714947613289)</t>
  </si>
  <si>
    <t>POINT (4.666954638196433 51.86515554709246)</t>
  </si>
  <si>
    <t>POINT (4.661104216475905 51.862413946900716)</t>
  </si>
  <si>
    <t>POINT (4.639753896607996 51.87344389732612)</t>
  </si>
  <si>
    <t>POINT (4.6615080268063664 51.86348159516949)</t>
  </si>
  <si>
    <t>POINT (4.669765200536864 51.87054794099377)</t>
  </si>
  <si>
    <t>POINT (4.644095230757497 51.87348043111147)</t>
  </si>
  <si>
    <t>POINT (4.651086559427899 51.86971102780584)</t>
  </si>
  <si>
    <t>POINT (4.668792323737473 51.865544324294504)</t>
  </si>
  <si>
    <t>POINT (4.644874287849286 51.87202919892546)</t>
  </si>
  <si>
    <t>POINT (4.644973072538452 51.87097006344929)</t>
  </si>
  <si>
    <t>POINT (4.656911614724018 51.86580363040337)</t>
  </si>
  <si>
    <t>POINT (4.652022152526745 51.873148295671086)</t>
  </si>
  <si>
    <t>POINT (4.673254184672809 51.859764884672344)</t>
  </si>
  <si>
    <t>POINT (4.654703161576158 51.87036059470254)</t>
  </si>
  <si>
    <t>POINT (4.6587436204033965 51.86474536081344)</t>
  </si>
  <si>
    <t>POINT (4.645111805990194 51.8664307803523)</t>
  </si>
  <si>
    <t>POINT (4.6663104425254565 51.863677460814806)</t>
  </si>
  <si>
    <t>POINT (4.643226244305259 51.872272754737324)</t>
  </si>
  <si>
    <t>POINT (4.666712710324223 51.8666641513504)</t>
  </si>
  <si>
    <t>POINT (4.637679932494478 51.87328686347347)</t>
  </si>
  <si>
    <t>POINT (4.659086821461085 51.86824559245831)</t>
  </si>
  <si>
    <t>POINT (4.668172715951862 51.87161234244407)</t>
  </si>
  <si>
    <t>POINT (4.63888025771523 51.87183835754554)</t>
  </si>
  <si>
    <t>POINT (4.664542525837402 51.87097704050886)</t>
  </si>
  <si>
    <t>POINT (4.672377852099951 51.84940450191826)</t>
  </si>
  <si>
    <t>POINT (4.659761879584932 51.86192924272177)</t>
  </si>
  <si>
    <t>POINT (4.653672804405994 51.86943283031065)</t>
  </si>
  <si>
    <t>POINT (4.664453328112695 51.86673671319365)</t>
  </si>
  <si>
    <t>POINT (4.674981522798027 51.857941694427026)</t>
  </si>
  <si>
    <t>POINT (4.668558355856512 51.87201469572223)</t>
  </si>
  <si>
    <t>POINT (4.659197780779476 51.86898181930058)</t>
  </si>
  <si>
    <t>POINT (4.664107361169741 51.86615826028474)</t>
  </si>
  <si>
    <t>POINT (4.652671011433073 51.86942656963662)</t>
  </si>
  <si>
    <t>POINT (4.662569899011278 51.86155110256903)</t>
  </si>
  <si>
    <t>POINT (4.668773102660846 51.86674868150618)</t>
  </si>
  <si>
    <t>POINT (4.672597982998793 51.865163053406135)</t>
  </si>
  <si>
    <t>POINT (4.637495664843267 51.87301602840399)</t>
  </si>
  <si>
    <t>POINT (4.6422718360675495 51.87046667769599)</t>
  </si>
  <si>
    <t>POINT (4.659849399730149 51.864599407508116)</t>
  </si>
  <si>
    <t>POINT (4.6531836079698365 51.86270377914627)</t>
  </si>
  <si>
    <t>POINT (4.634987984464566 51.87448312140882)</t>
  </si>
  <si>
    <t>POINT (4.660766897706641 51.86532417612485)</t>
  </si>
  <si>
    <t>POINT (4.643006582784078 51.871981201149424)</t>
  </si>
  <si>
    <t>POINT (4.678316463047023 51.85899117750986)</t>
  </si>
  <si>
    <t>POINT (4.6677857309198485 51.86584377589564)</t>
  </si>
  <si>
    <t>POINT (4.658758283082501 51.86473646312939)</t>
  </si>
  <si>
    <t>POINT (4.646470045697787 51.87256510793626)</t>
  </si>
  <si>
    <t>POINT (4.660278247195196 51.86681326448816)</t>
  </si>
  <si>
    <t>POINT (4.675570602680555 51.84785643076018)</t>
  </si>
  <si>
    <t>POINT (4.666729694069514 51.870592281042)</t>
  </si>
  <si>
    <t>POINT (4.656579320665311 51.867491425738805)</t>
  </si>
  <si>
    <t>POINT (4.655990145662274 51.866220362677694)</t>
  </si>
  <si>
    <t>POINT (4.630657891048691 51.87848455981826)</t>
  </si>
  <si>
    <t>POINT (4.661392240121789 51.86949247119336)</t>
  </si>
  <si>
    <t>POINT (4.641821461448244 51.87223458159943)</t>
  </si>
  <si>
    <t>POINT (4.663920965946091 51.87143343187582)</t>
  </si>
  <si>
    <t>POINT (4.657127107863462 51.86327900343225)</t>
  </si>
  <si>
    <t>POINT (4.665603698383614 51.867915749663496)</t>
  </si>
  <si>
    <t>POINT (4.653838341358016 51.86194633429309)</t>
  </si>
  <si>
    <t>POINT (4.660834417311841 51.870587432210755)</t>
  </si>
  <si>
    <t>POINT (4.665762843013223 51.87157509412339)</t>
  </si>
  <si>
    <t>POINT (4.660412452912994 51.85580302282763)</t>
  </si>
  <si>
    <t>POINT (4.663178413894579 51.862530121692615)</t>
  </si>
  <si>
    <t>POINT (4.6549628662049765 51.87135545700418)</t>
  </si>
  <si>
    <t>POINT (4.654425599281005 51.868627806784176)</t>
  </si>
  <si>
    <t>POINT (4.661230944108529 51.868059586995926)</t>
  </si>
  <si>
    <t>POINT (4.6664717275596574 51.86267172490376)</t>
  </si>
  <si>
    <t>POINT (4.643960336871987 51.87065714704363)</t>
  </si>
  <si>
    <t>POINT (4.65241466959537 51.86822947863319)</t>
  </si>
  <si>
    <t>POINT (4.638343975081657 51.87439670102304)</t>
  </si>
  <si>
    <t>POINT (4.6586249218386815 51.8675940191102)</t>
  </si>
  <si>
    <t>POINT (4.642875737646151 51.86994916534363)</t>
  </si>
  <si>
    <t>POINT (4.667528488427155 51.86195462116121)</t>
  </si>
  <si>
    <t>POINT (4.675311001263348 51.86283910070538)</t>
  </si>
  <si>
    <t>POINT (4.6538992186572505 51.871578031301325)</t>
  </si>
  <si>
    <t>POINT (4.653924341737189 51.86816430787464)</t>
  </si>
  <si>
    <t>POINT (4.658326840567392 51.864482104784294)</t>
  </si>
  <si>
    <t>n</t>
  </si>
  <si>
    <t>POINT (4.672790736056445 51.86035716694889)</t>
  </si>
  <si>
    <t>POINT (4.65485642943155 51.87134201160287)</t>
  </si>
  <si>
    <t>POINT (4.669328356791746 51.86789363083473)</t>
  </si>
  <si>
    <t>2951GD</t>
  </si>
  <si>
    <t>Havenstraat</t>
  </si>
  <si>
    <t>POINT (4.658881908373763 51.861582220836794)</t>
  </si>
  <si>
    <t>POINT (4.663609304311767 51.8714000521763)</t>
  </si>
  <si>
    <t>POINT (4.663597223658428 51.872332097203774)</t>
  </si>
  <si>
    <t>POINT (4.666048446174289 51.870516191442604)</t>
  </si>
  <si>
    <t>POINT (4.65692592331109 51.86671157078091)</t>
  </si>
  <si>
    <t>POINT (4.671506885845162 51.85187571757954)</t>
  </si>
  <si>
    <t>POINT (4.66079794872467 51.86429966480083)</t>
  </si>
  <si>
    <t>POINT (4.667778836185913 51.86627518736228)</t>
  </si>
  <si>
    <t>POINT (4.665978608127655 51.867171997069505)</t>
  </si>
  <si>
    <t>POINT (4.659323803480702 51.860290597490696)</t>
  </si>
  <si>
    <t>POINT (4.653786358506884 51.87137508260027)</t>
  </si>
  <si>
    <t>POINT (4.666039300827544 51.86186830078065)</t>
  </si>
  <si>
    <t>POINT (4.642434018153856 51.871195785628885)</t>
  </si>
  <si>
    <t>POINT (4.664571578446565 51.86478371891227)</t>
  </si>
  <si>
    <t>POINT (4.658793031206427 51.86797258403447)</t>
  </si>
  <si>
    <t>POINT (4.655033224247508 51.86116732009783)</t>
  </si>
  <si>
    <t>POINT (4.659975752807833 51.87160682164895)</t>
  </si>
  <si>
    <t>POINT (4.659699426854555 51.86579396596029)</t>
  </si>
  <si>
    <t>POINT (4.660284793346849 51.870004265982914)</t>
  </si>
  <si>
    <t>POINT (4.67531475606021 51.862481376540096)</t>
  </si>
  <si>
    <t>POINT (4.6675724378480465 51.86828737324203)</t>
  </si>
  <si>
    <t>POINT (4.641440974416485 51.87065915526912)</t>
  </si>
  <si>
    <t>POINT (4.640082987465983 51.871989832087856)</t>
  </si>
  <si>
    <t>POINT (4.675653318387589 51.8453031892621)</t>
  </si>
  <si>
    <t>POINT (4.654681090461972 51.870378434307746)</t>
  </si>
  <si>
    <t>POINT (4.660170460041934 51.859800927900565)</t>
  </si>
  <si>
    <t>POINT (4.660284655068882 51.87181097767507)</t>
  </si>
  <si>
    <t>POINT (4.657792563956031 51.86251027781611)</t>
  </si>
  <si>
    <t>POINT (4.651742787139759 51.868472460713576)</t>
  </si>
  <si>
    <t>POINT (4.666710181100709 51.8677292871109)</t>
  </si>
  <si>
    <t>POINT (4.659406459594498 51.86595394615866)</t>
  </si>
  <si>
    <t>POINT (4.658000055610841 51.86360014340294)</t>
  </si>
  <si>
    <t>POINT (4.666079946466229 51.86719059654348)</t>
  </si>
  <si>
    <t>POINT (4.667601330977964 51.868296538881225)</t>
  </si>
  <si>
    <t>POINT (4.656107308356252 51.87107494998067)</t>
  </si>
  <si>
    <t>POINT (4.680873931074723 51.85896266893617)</t>
  </si>
  <si>
    <t>POINT (4.658615729064115 51.86457378356675)</t>
  </si>
  <si>
    <t>POINT (4.673222462054197 51.85627261170943)</t>
  </si>
  <si>
    <t>POINT (4.668686724957863 51.86943125489198)</t>
  </si>
  <si>
    <t>POINT (4.641849458755925 51.87229767970186)</t>
  </si>
  <si>
    <t>POINT (4.668933373377257 51.86671370728182)</t>
  </si>
  <si>
    <t>POINT (4.628821087094853 51.88108607222898)</t>
  </si>
  <si>
    <t>POINT (4.673180987348551 51.85431104128698)</t>
  </si>
  <si>
    <t>POINT (4.6483080170700015 51.87205983810232)</t>
  </si>
  <si>
    <t>POINT (4.657759028952595 51.86816391662182)</t>
  </si>
  <si>
    <t>POINT (4.659111580841532 51.867129628464646)</t>
  </si>
  <si>
    <t>POINT (4.651682416296859 51.863281147248536)</t>
  </si>
  <si>
    <t>POINT (4.65652711181979 51.863104649891)</t>
  </si>
  <si>
    <t>POINT (4.663952195956473 51.86610759780501)</t>
  </si>
  <si>
    <t>POINT (4.66623193529594 51.86495336322894)</t>
  </si>
  <si>
    <t>POINT (4.660976157269619 51.86855238610081)</t>
  </si>
  <si>
    <t>POINT (4.663294503369265 51.871110476724176)</t>
  </si>
  <si>
    <t>POINT (4.632549631081544 51.87700227732139)</t>
  </si>
  <si>
    <t>POINT (4.660613333540488 51.855948084109976)</t>
  </si>
  <si>
    <t>POINT (4.671327684890729 51.86680023418832)</t>
  </si>
  <si>
    <t>POINT (4.660180245103995 51.86389135443438)</t>
  </si>
  <si>
    <t>POINT (4.639101130184274 51.8699072073071)</t>
  </si>
  <si>
    <t>POINT (4.664749589962787 51.86232856464132)</t>
  </si>
  <si>
    <t>POINT (4.666007356216642 51.86719015083496)</t>
  </si>
  <si>
    <t>POINT (4.66897183624356 51.86081594242282)</t>
  </si>
  <si>
    <t>POINT (4.658469393251117 51.864644784697006)</t>
  </si>
  <si>
    <t>POINT (4.654351611197291 51.86168724093593)</t>
  </si>
  <si>
    <t>POINT (4.640903640607306 51.868911946642804)</t>
  </si>
  <si>
    <t>POINT (4.643930866550056 51.87024348337739)</t>
  </si>
  <si>
    <t>POINT (4.66678313184592 51.86770726304812)</t>
  </si>
  <si>
    <t>POINT (4.658356068157102 51.87074735781618)</t>
  </si>
  <si>
    <t>POINT (4.661792498213026 51.86384739196194)</t>
  </si>
  <si>
    <t>POINT (4.664113898159289 51.866203243639134)</t>
  </si>
  <si>
    <t>POINT (4.655427965228621 51.86954265340675)</t>
  </si>
  <si>
    <t>POINT (4.661670311869916 51.86106915114821)</t>
  </si>
  <si>
    <t>POINT (4.657686071602132 51.865498335738884)</t>
  </si>
  <si>
    <t>POINT (4.666065716391778 51.86717253193568)</t>
  </si>
  <si>
    <t>POINT (4.6647003846829564 51.86946522744566)</t>
  </si>
  <si>
    <t>POINT (4.66660410992943 51.862110748247225)</t>
  </si>
  <si>
    <t>POINT (4.665656485259117 51.87096321502695)</t>
  </si>
  <si>
    <t>POINT (4.67188509272794 51.870097956820125)</t>
  </si>
  <si>
    <t>POINT (4.6495992597937175 51.871685937058224)</t>
  </si>
  <si>
    <t>POINT (4.661764043623155 51.86381126170065)</t>
  </si>
  <si>
    <t>POINT (4.658671616009238 51.86470895967419)</t>
  </si>
  <si>
    <t>POINT (4.682481229872594 51.8615986359624)</t>
  </si>
  <si>
    <t>POINT (4.654831278468192 51.86427159786464)</t>
  </si>
  <si>
    <t>POINT (4.669164690077108 51.86586569733503)</t>
  </si>
  <si>
    <t>POINT (4.670823703664197 51.87018586854669)</t>
  </si>
  <si>
    <t>POINT (4.669409991164254 51.86914804148955)</t>
  </si>
  <si>
    <t>POINT (4.647671153201405 51.87060866065451)</t>
  </si>
  <si>
    <t>POINT (4.663523450299803 51.87177255081869)</t>
  </si>
  <si>
    <t>POINT (4.660281029214629 51.87293453248303)</t>
  </si>
  <si>
    <t>POINT (4.654131381427369 51.86168521028707)</t>
  </si>
  <si>
    <t>POINT (4.6549272513564155 51.861194667958124)</t>
  </si>
  <si>
    <t>2952DC</t>
  </si>
  <si>
    <t>POINT (4.675239748754771 51.84280371073901)</t>
  </si>
  <si>
    <t>POINT (4.63797018172397 51.87329770383825)</t>
  </si>
  <si>
    <t>POINT (4.667711009211745 51.868247773404846)</t>
  </si>
  <si>
    <t>POINT (4.648475729787991 51.87201594985917)</t>
  </si>
  <si>
    <t>POINT (4.66683564034633 51.86351888816778)</t>
  </si>
  <si>
    <t>POINT (4.671817523957507 51.86661112309995)</t>
  </si>
  <si>
    <t>POINT (4.641777604887781 51.872252280552175)</t>
  </si>
  <si>
    <t>POINT (4.641862936487277 51.872360685663814)</t>
  </si>
  <si>
    <t>POINT (4.664471476945823 51.87151322371604)</t>
  </si>
  <si>
    <t>POINT (4.665605740626416 51.863259656470454)</t>
  </si>
  <si>
    <t>POINT (4.668642441433176 51.86674788219739)</t>
  </si>
  <si>
    <t>POINT (4.671560858516713 51.86857241206996)</t>
  </si>
  <si>
    <t>POINT (4.670618822528922 51.86390157674725)</t>
  </si>
  <si>
    <t>POINT (4.659383281871544 51.87187730487406)</t>
  </si>
  <si>
    <t>POINT (4.672573842082555 51.86485459699562)</t>
  </si>
  <si>
    <t>POINT (4.653692183550909 51.866907146746485)</t>
  </si>
  <si>
    <t>POINT (4.666625171412334 51.866690580174975)</t>
  </si>
  <si>
    <t>POINT (4.6545754928867185 51.86303855985927)</t>
  </si>
  <si>
    <t>POINT (4.6661443808226215 51.87132575572919)</t>
  </si>
  <si>
    <t>POINT (4.6708698354840985 51.87002435489106)</t>
  </si>
  <si>
    <t>POINT (4.6653087638345205 51.87046221029608)</t>
  </si>
  <si>
    <t>POINT (4.653026503186877 51.86988721224309)</t>
  </si>
  <si>
    <t>POINT (4.671087523457676 51.86546845498977)</t>
  </si>
  <si>
    <t>POINT (4.653942048340305 51.86894912562383)</t>
  </si>
  <si>
    <t>2952EH</t>
  </si>
  <si>
    <t>Paardenboonhof</t>
  </si>
  <si>
    <t>POINT (4.6761183139535305 51.86319070035352)</t>
  </si>
  <si>
    <t>POINT (4.6624255841689175 51.85834127105385)</t>
  </si>
  <si>
    <t>POINT (4.660125798748382 51.85827312308107)</t>
  </si>
  <si>
    <t>POINT (4.655115533262701 51.862862154800226)</t>
  </si>
  <si>
    <t>2951JE</t>
  </si>
  <si>
    <t>Klipper</t>
  </si>
  <si>
    <t>POINT (4.653552664895445 51.862768313498414)</t>
  </si>
  <si>
    <t>POINT (4.655228842180881 51.864822382837026)</t>
  </si>
  <si>
    <t>POINT (4.675462604006921 51.85432309473873)</t>
  </si>
  <si>
    <t>POINT (4.662771316733036 51.865273636342415)</t>
  </si>
  <si>
    <t>POINT (4.657699749199882 51.8633256622744)</t>
  </si>
  <si>
    <t>POINT (4.66726486541253 51.86055527428192)</t>
  </si>
  <si>
    <t>POINT (4.658132071457402 51.866647155115714)</t>
  </si>
  <si>
    <t>POINT (4.662899515137745 51.86542723361769)</t>
  </si>
  <si>
    <t>POINT (4.644029037147445 51.87221261527985)</t>
  </si>
  <si>
    <t>POINT (4.667571000929899 51.868377250601576)</t>
  </si>
  <si>
    <t>POINT (4.654969998811465 51.86120222427747)</t>
  </si>
  <si>
    <t>POINT (4.659871867757357 51.871296071049436)</t>
  </si>
  <si>
    <t>POINT (4.672033329088693 51.868993260315264)</t>
  </si>
  <si>
    <t>POINT (4.6403937138818 51.8716412513097)</t>
  </si>
  <si>
    <t>POINT (4.6645079008598405 51.86834046597719)</t>
  </si>
  <si>
    <t>POINT (4.662932456563944 51.862928599015014)</t>
  </si>
  <si>
    <t>POINT (4.65171071561044 51.86332626765495)</t>
  </si>
  <si>
    <t>POINT (4.66016906275418 51.861886820986314)</t>
  </si>
  <si>
    <t>POINT (4.661689109100292 51.86305575415928)</t>
  </si>
  <si>
    <t>POINT (4.643858865409676 51.870207073186904)</t>
  </si>
  <si>
    <t>POINT (4.651778385072532 51.861642140036146)</t>
  </si>
  <si>
    <t>POINT (4.663487064424804 51.867713965509644)</t>
  </si>
  <si>
    <t>POINT (4.6553609486909915 51.87006006156385)</t>
  </si>
  <si>
    <t>POINT (4.656019911033321 51.866175604843264)</t>
  </si>
  <si>
    <t>POINT (4.655960672235602 51.866247145064925)</t>
  </si>
  <si>
    <t>POINT (4.662424402168763 51.86889332648554)</t>
  </si>
  <si>
    <t>POINT (4.653877497256079 51.868123530624715)</t>
  </si>
  <si>
    <t>POINT (4.666281960716385 51.86210158027139)</t>
  </si>
  <si>
    <t>POINT (4.6397500831417 51.871924793661286)</t>
  </si>
  <si>
    <t>POINT (4.669919338951507 51.86497594107998)</t>
  </si>
  <si>
    <t>POINT (4.661412146352525 51.86852811518635)</t>
  </si>
  <si>
    <t>POINT (4.671971997298468 51.864628914596445)</t>
  </si>
  <si>
    <t>POINT (4.644741667861881 51.87228617264267)</t>
  </si>
  <si>
    <t>POINT (4.639962219143568 51.869643029486724)</t>
  </si>
  <si>
    <t>POINT (4.663103264382837 51.870812673577106)</t>
  </si>
  <si>
    <t>POINT (4.6484290113713636 51.87132353159232)</t>
  </si>
  <si>
    <t>POINT (4.675288371757218 51.86389278880716)</t>
  </si>
  <si>
    <t>POINT (4.663841335700241 51.85849831255112)</t>
  </si>
  <si>
    <t>POINT (4.63711320541895 51.87331021171832)</t>
  </si>
  <si>
    <t>POINT (4.663952486310379 51.86610759959302)</t>
  </si>
  <si>
    <t>POINT (4.651195808524665 51.86551626881637)</t>
  </si>
  <si>
    <t>POINT (4.66297878271706 51.86320753211005)</t>
  </si>
  <si>
    <t>POINT (4.64462960670375 51.86661649403257)</t>
  </si>
  <si>
    <t>POINT (4.67012329763799 51.864932243442205)</t>
  </si>
  <si>
    <t>POINT (4.661270540448728 51.861102635241025)</t>
  </si>
  <si>
    <t>POINT (4.661778538750352 51.867867018429784)</t>
  </si>
  <si>
    <t>POINT (4.655026534412155 51.86121356986145)</t>
  </si>
  <si>
    <t>POINT (4.673070151823875 51.858096376293034)</t>
  </si>
  <si>
    <t>POINT (4.660375270215409 51.861298901639884)</t>
  </si>
  <si>
    <t>POINT (4.652504834459786 51.87249065185933)</t>
  </si>
  <si>
    <t>POINT (4.671148483570602 51.859810490536994)</t>
  </si>
  <si>
    <t>POINT (4.66361000457109 51.865485544799675)</t>
  </si>
  <si>
    <t>POINT (4.651151554377993 51.8687554943844)</t>
  </si>
  <si>
    <t>POINT (4.659487838216992 51.86824957886021)</t>
  </si>
  <si>
    <t>POINT (4.665821322906496 51.87245633743169)</t>
  </si>
  <si>
    <t>POINT (4.662910216295806 51.86476214143697)</t>
  </si>
  <si>
    <t>POINT (4.655297286296396 51.86418461657367)</t>
  </si>
  <si>
    <t>POINT (4.653070254908638 51.86631450566551)</t>
  </si>
  <si>
    <t>POINT (4.6425084391192915 51.87284117747883)</t>
  </si>
  <si>
    <t>POINT (4.67003818898359 51.869363111264725)</t>
  </si>
  <si>
    <t>POINT (4.6549513613820555 51.861209173139734)</t>
  </si>
  <si>
    <t>POINT (4.64182320341641 51.86845470928314)</t>
  </si>
  <si>
    <t>POINT (4.667527158218152 51.868394959204366)</t>
  </si>
  <si>
    <t>POINT (4.671494873773373 51.86085078791163)</t>
  </si>
  <si>
    <t>POINT (4.656795595076714 51.87205899185954)</t>
  </si>
  <si>
    <t>POINT (4.6660312898859795 51.859352218216635)</t>
  </si>
  <si>
    <t>POINT (4.662873877405279 51.87108091775963)</t>
  </si>
  <si>
    <t>POINT (4.654956210332844 51.86126807893371)</t>
  </si>
  <si>
    <t>POINT (4.659442535721391 51.86596765264529)</t>
  </si>
  <si>
    <t>POINT (4.6621110253343705 51.86119771381049)</t>
  </si>
  <si>
    <t>POINT (4.6713362910389264 51.85959411082843)</t>
  </si>
  <si>
    <t>POINT (4.658109732159655 51.86623353962005)</t>
  </si>
  <si>
    <t>m</t>
  </si>
  <si>
    <t>POINT (4.678354935231327 51.84467691534681)</t>
  </si>
  <si>
    <t>POINT (4.649547852470954 51.87172156873776)</t>
  </si>
  <si>
    <t>POINT (4.641258850448125 51.87113439649497)</t>
  </si>
  <si>
    <t>POINT (4.66320791364914 51.8661122704537)</t>
  </si>
  <si>
    <t>POINT (4.676146831758138 51.86245233242515)</t>
  </si>
  <si>
    <t>POINT (4.653301472101274 51.86905298832063)</t>
  </si>
  <si>
    <t>POINT (4.6651476906226454 51.862852353144966)</t>
  </si>
  <si>
    <t>POINT (4.659234646213815 51.865804569022664)</t>
  </si>
  <si>
    <t>POINT (4.66509884112494 51.871328321321386)</t>
  </si>
  <si>
    <t>POINT (4.637389388821651 51.87242209995878)</t>
  </si>
  <si>
    <t>POINT (4.66512483963176 51.86880267992517)</t>
  </si>
  <si>
    <t>POINT (4.644016496369298 51.87033391156398)</t>
  </si>
  <si>
    <t>POINT (4.656350998242923 51.871223223772915)</t>
  </si>
  <si>
    <t>POINT (4.6583693734428175 51.864545289137205)</t>
  </si>
  <si>
    <t>POINT (4.663201260728237 51.860206702220005)</t>
  </si>
  <si>
    <t>POINT (4.67404098985811 51.841996113773654)</t>
  </si>
  <si>
    <t>POINT (4.652761200918726 51.862119375850114)</t>
  </si>
  <si>
    <t>POINT (4.667385554557673 51.86272227247746)</t>
  </si>
  <si>
    <t>POINT (4.668420994699445 51.86061179343393)</t>
  </si>
  <si>
    <t>POINT (4.639813534202157 51.87160160650336)</t>
  </si>
  <si>
    <t>POINT (4.654999782658283 51.86122670625539)</t>
  </si>
  <si>
    <t>POINT (4.659643407751412 51.86387005275796)</t>
  </si>
  <si>
    <t>A+++</t>
  </si>
  <si>
    <t>POINT (4.658052687773986 51.86308811826288)</t>
  </si>
  <si>
    <t>POINT (4.665721413612403 51.87234786044159)</t>
  </si>
  <si>
    <t>POINT (4.644594329385549 51.86673238621291)</t>
  </si>
  <si>
    <t>POINT (4.67413388123758 51.85481749796583)</t>
  </si>
  <si>
    <t>POINT (4.6594458918542925 51.869801321488275)</t>
  </si>
  <si>
    <t>POINT (4.663918034938468 51.86398752852603)</t>
  </si>
  <si>
    <t>POINT (4.664754434654938 51.86564539657138)</t>
  </si>
  <si>
    <t>POINT (4.640109271645833 51.86953160695132)</t>
  </si>
  <si>
    <t>POINT (4.635800143636909 51.87280744424298)</t>
  </si>
  <si>
    <t>POINT (4.6547816801010065 51.86999704502333)</t>
  </si>
  <si>
    <t>POINT (4.663077591585867 51.87107803906003)</t>
  </si>
  <si>
    <t>POINT (4.644901700110665 51.87168780415219)</t>
  </si>
  <si>
    <t>POINT (4.653244754218244 51.872531232112244)</t>
  </si>
  <si>
    <t>POINT (4.659627270140331 51.86621598439388)</t>
  </si>
  <si>
    <t>POINT (4.652573190489609 51.87008212766475)</t>
  </si>
  <si>
    <t>POINT (4.647262401936387 51.87074091583082)</t>
  </si>
  <si>
    <t>POINT (4.661718208712966 51.87296139502996)</t>
  </si>
  <si>
    <t>POINT (4.662198294320519 51.86794871009289)</t>
  </si>
  <si>
    <t>POINT (4.67372442349301 51.86153646915163)</t>
  </si>
  <si>
    <t>POINT (4.6479147301872095 51.870807943884074)</t>
  </si>
  <si>
    <t>POINT (4.644800494511735 51.872981527450285)</t>
  </si>
  <si>
    <t>POINT (4.668343289177693 51.87184259608711)</t>
  </si>
  <si>
    <t>POINT (4.664515298593854 51.86904089566334)</t>
  </si>
  <si>
    <t>POINT (4.675046487261603 51.853834287225595)</t>
  </si>
  <si>
    <t>POINT (4.658943762722103 51.8667330885091)</t>
  </si>
  <si>
    <t>POINT (4.664267439249192 51.86794348691092)</t>
  </si>
  <si>
    <t>POINT (4.659182609042832 51.868167472849116)</t>
  </si>
  <si>
    <t>POINT (4.652093504531084 51.868335332530435)</t>
  </si>
  <si>
    <t>POINT (4.665687367523195 51.86360172566374)</t>
  </si>
  <si>
    <t>POINT (4.654898333360055 51.8713056172559)</t>
  </si>
  <si>
    <t>POINT (4.656598309675471 51.863190484827484)</t>
  </si>
  <si>
    <t>POINT (4.667571575697952 51.86834129965789)</t>
  </si>
  <si>
    <t>POINT (4.658168929134588 51.867060860702395)</t>
  </si>
  <si>
    <t>POINT (4.666494717641791 51.863049388172605)</t>
  </si>
  <si>
    <t>POINT (4.6659237233893425 51.87105024820584)</t>
  </si>
  <si>
    <t>POINT (4.6579212210100005 51.87069971559195)</t>
  </si>
  <si>
    <t>POINT (4.662250117118791 51.86241488670735)</t>
  </si>
  <si>
    <t>POINT (4.666095328407555 51.86713675927028)</t>
  </si>
  <si>
    <t>POINT (4.658708573602347 51.87139672534876)</t>
  </si>
  <si>
    <t>POINT (4.654601016258308 51.8703914178334)</t>
  </si>
  <si>
    <t>POINT (4.670403259967242 51.86649797176795)</t>
  </si>
  <si>
    <t>POINT (4.647575221749113 51.872028260179775)</t>
  </si>
  <si>
    <t>POINT (4.667528020422813 51.868341032789345)</t>
  </si>
  <si>
    <t>POINT (4.64252058930964 51.86900621740913)</t>
  </si>
  <si>
    <t>POINT (4.6342716114741584 51.87563806594883)</t>
  </si>
  <si>
    <t>POINT (4.660948449735588 51.8621702907777)</t>
  </si>
  <si>
    <t>POINT (4.675081578933164 51.853175633704936)</t>
  </si>
  <si>
    <t>POINT (4.6382545860923985 51.872787165306335)</t>
  </si>
  <si>
    <t>POINT (4.65269594914446 51.863894223205996)</t>
  </si>
  <si>
    <t>POINT (4.664176098432079 51.8600879188579)</t>
  </si>
  <si>
    <t>POINT (4.662943320322707 51.8717285263811)</t>
  </si>
  <si>
    <t>POINT (4.654769659185345 51.869339290291244)</t>
  </si>
  <si>
    <t>POINT (4.643314107765456 51.87230726128814)</t>
  </si>
  <si>
    <t>POINT (4.665911926646093 51.8713333171218)</t>
  </si>
  <si>
    <t>POINT (4.661297471922654 51.86933638240517)</t>
  </si>
  <si>
    <t>POINT (4.663556997035199 51.86336390290402)</t>
  </si>
  <si>
    <t>POINT (4.643492313789489 51.87261820095118)</t>
  </si>
  <si>
    <t>POINT (4.6692160153030855 51.86947494030819)</t>
  </si>
  <si>
    <t>POINT (4.666097895209353 51.86244471455391)</t>
  </si>
  <si>
    <t>POINT (4.677571359375471 51.84466980004382)</t>
  </si>
  <si>
    <t>POINT (4.6597633318268965 51.86183936541411)</t>
  </si>
  <si>
    <t>POINT (4.642236907035016 51.86994511526904)</t>
  </si>
  <si>
    <t>POINT (4.661669008308512 51.86115004076069)</t>
  </si>
  <si>
    <t>POINT (4.651011681949233 51.86789710239936)</t>
  </si>
  <si>
    <t>POINT (4.665604151011582 51.86154731369581)</t>
  </si>
  <si>
    <t>POINT (4.6549957719996 51.86119837603799)</t>
  </si>
  <si>
    <t>POINT (4.644815676886885 51.873381617464155)</t>
  </si>
  <si>
    <t>POINT (4.644285697235107 51.873378266666236)</t>
  </si>
  <si>
    <t>POINT (4.6675878242249595 51.869141386022484)</t>
  </si>
  <si>
    <t>POINT (4.666343323927403 51.872050560226995)</t>
  </si>
  <si>
    <t>POINT (4.658895230780657 51.86840183134802)</t>
  </si>
  <si>
    <t>POINT (4.649866054171902 51.86913933575648)</t>
  </si>
  <si>
    <t>POINT (4.64403989517721 51.87067562771364)</t>
  </si>
  <si>
    <t>POINT (4.657888541794512 51.8709242282307)</t>
  </si>
  <si>
    <t>POINT (4.638702368161307 51.87279137687537)</t>
  </si>
  <si>
    <t>POINT (4.664467320213478 51.87131994290655)</t>
  </si>
  <si>
    <t>POINT (4.660720128847179 51.863723911325074)</t>
  </si>
  <si>
    <t>POINT (4.660065125547024 51.863827721356856)</t>
  </si>
  <si>
    <t>POINT (4.6779657742781975 51.84501435354807)</t>
  </si>
  <si>
    <t>POINT (4.669148855248817 51.867905117642344)</t>
  </si>
  <si>
    <t>POINT (4.6598854384357775 51.872253443004674)</t>
  </si>
  <si>
    <t>POINT (4.645973266334411 51.87275073530775)</t>
  </si>
  <si>
    <t>POINT (4.671853554950637 51.8702550654356)</t>
  </si>
  <si>
    <t>POINT (4.645577973725239 51.87294599003213)</t>
  </si>
  <si>
    <t>POINT (4.659153195379278 51.86852274564495)</t>
  </si>
  <si>
    <t>POINT (4.671547711098712 51.864833068198124)</t>
  </si>
  <si>
    <t>2951TA</t>
  </si>
  <si>
    <t>POINT (4.669927501758864 51.86446363968158)</t>
  </si>
  <si>
    <t>POINT (4.658709440217412 51.86685747610065)</t>
  </si>
  <si>
    <t>POINT (4.666987393553547 51.867645595430226)</t>
  </si>
  <si>
    <t>POINT (4.670249012283675 51.85977354257621)</t>
  </si>
  <si>
    <t>POINT (4.6551092881462575 51.86774118942161)</t>
  </si>
  <si>
    <t>POINT (4.652476044241595 51.86166905926104)</t>
  </si>
  <si>
    <t>POINT (4.637429949096703 51.87347402942917)</t>
  </si>
  <si>
    <t>POINT (4.6573462291319006 51.87123546144372)</t>
  </si>
  <si>
    <t>POINT (4.6585417456900275 51.865108147948675)</t>
  </si>
  <si>
    <t>POINT (4.660503138279055 51.86007767956028)</t>
  </si>
  <si>
    <t>POINT (4.666877644095851 51.867698854103516)</t>
  </si>
  <si>
    <t>POINT (4.643022287762447 51.87147049457582)</t>
  </si>
  <si>
    <t>POINT (4.669147345692438 51.86877340862234)</t>
  </si>
  <si>
    <t>POINT (4.652776130815023 51.86326882804845)</t>
  </si>
  <si>
    <t>POINT (4.664011805840013 51.86405463977067)</t>
  </si>
  <si>
    <t>POINT (4.658982100539013 51.860324433664125)</t>
  </si>
  <si>
    <t>POINT (4.667872331670839 51.87132736196074)</t>
  </si>
  <si>
    <t>POINT (4.657347469674697 51.867577099236286)</t>
  </si>
  <si>
    <t>POINT (4.668627201609637 51.86906685186901)</t>
  </si>
  <si>
    <t>POINT (4.670112073221873 51.86472543669317)</t>
  </si>
  <si>
    <t>POINT (4.635047117246632 51.87442057960665)</t>
  </si>
  <si>
    <t>POINT (4.666135644714326 51.87005830740075)</t>
  </si>
  <si>
    <t>POINT (4.67504149972461 51.841687018264025)</t>
  </si>
  <si>
    <t>POINT (4.67597752327242 51.862455109415954)</t>
  </si>
  <si>
    <t>POINT (4.655794087864907 51.86845731016305)</t>
  </si>
  <si>
    <t>POINT (4.653377862692505 51.86792988707242)</t>
  </si>
  <si>
    <t>POINT (4.64607493485351 51.86613574249634)</t>
  </si>
  <si>
    <t>POINT (4.666929464574461 51.86763625157891)</t>
  </si>
  <si>
    <t>POINT (4.659508181294237 51.86954103738752)</t>
  </si>
  <si>
    <t>POINT (4.659330559008867 51.86436248882587)</t>
  </si>
  <si>
    <t>POINT (4.662244067790368 51.87186803055774)</t>
  </si>
  <si>
    <t>POINT (4.667878844446294 51.86365112289869)</t>
  </si>
  <si>
    <t>POINT (4.659704830889984 51.8618659689321)</t>
  </si>
  <si>
    <t>POINT (4.6541143951213915 51.86995692763125)</t>
  </si>
  <si>
    <t>POINT (4.657664441037048 51.86548921275269)</t>
  </si>
  <si>
    <t>POINT (4.666097151738484 51.863397504102224)</t>
  </si>
  <si>
    <t>POINT (4.663385363382652 51.86275161868052)</t>
  </si>
  <si>
    <t>POINT (4.657013675146376 51.86577729908298)</t>
  </si>
  <si>
    <t>POINT (4.660927171501354 51.86618899217073)</t>
  </si>
  <si>
    <t>POINT (4.6519327012105745 51.86840174071396)</t>
  </si>
  <si>
    <t>POINT (4.668671477261085 51.86674805983414)</t>
  </si>
  <si>
    <t>POINT (4.671101183114631 51.86552246997492)</t>
  </si>
  <si>
    <t>POINT (4.656394820761697 51.861863395479475)</t>
  </si>
  <si>
    <t>POINT (4.645870665506931 51.87280851390058)</t>
  </si>
  <si>
    <t>POINT (4.660044078312906 51.8588389010238)</t>
  </si>
  <si>
    <t>POINT (4.669912585789698 51.86995559273348)</t>
  </si>
  <si>
    <t>POINT (4.65503558715675 51.86122466434411)</t>
  </si>
  <si>
    <t>POINT (4.6548054982235385 51.86808711041674)</t>
  </si>
  <si>
    <t>POINT (4.642712779008067 51.8725306840965)</t>
  </si>
  <si>
    <t>POINT (4.670113562053696 51.86554341000372)</t>
  </si>
  <si>
    <t>POINT (4.653482756366073 51.87040241494454)</t>
  </si>
  <si>
    <t>POINT (4.668160928313654 51.86416969595641)</t>
  </si>
  <si>
    <t>POINT (4.660239902827796 51.8619951230656)</t>
  </si>
  <si>
    <t>POINT (4.672137031624252 51.86155131770688)</t>
  </si>
  <si>
    <t>POINT (4.646246691490481 51.872460329954336)</t>
  </si>
  <si>
    <t>POINT (4.664555664604263 51.86174760516195)</t>
  </si>
  <si>
    <t>POINT (4.658505765345297 51.86476659055844)</t>
  </si>
  <si>
    <t>POINT (4.674082839725744 51.861431690475285)</t>
  </si>
  <si>
    <t>POINT (4.660068173877439 51.85914466375159)</t>
  </si>
  <si>
    <t>POINT (4.66455680886101 51.86303298566657)</t>
  </si>
  <si>
    <t>POINT (4.662491171937168 51.8627468413277)</t>
  </si>
  <si>
    <t>POINT (4.659248040008228 51.86766979178077)</t>
  </si>
  <si>
    <t>POINT (4.668893844470217 51.8687359041158)</t>
  </si>
  <si>
    <t>POINT (4.669244680394229 51.86585719771936)</t>
  </si>
  <si>
    <t>POINT (4.654460488965663 51.868612752773515)</t>
  </si>
  <si>
    <t>POINT (4.657464926256227 51.867496931429905)</t>
  </si>
  <si>
    <t>POINT (4.65498026143918 51.86120319611619)</t>
  </si>
  <si>
    <t>x</t>
  </si>
  <si>
    <t>POINT (4.662271798608871 51.86259482005622)</t>
  </si>
  <si>
    <t>POINT (4.658630420572223 51.86815134793929)</t>
  </si>
  <si>
    <t>POINT (4.644830567516465 51.87335924000004)</t>
  </si>
  <si>
    <t>POINT (4.641893761843497 51.87225301765345)</t>
  </si>
  <si>
    <t>POINT (4.646199323083084 51.870927469560186)</t>
  </si>
  <si>
    <t>POINT (4.658238208442923 51.86636916649447)</t>
  </si>
  <si>
    <t>POINT (4.6639523411334265 51.866107598699)</t>
  </si>
  <si>
    <t>POINT (4.63823312265685 51.87407689771305)</t>
  </si>
  <si>
    <t>POINT (4.6554726368570885 51.86858114874421)</t>
  </si>
  <si>
    <t>POINT (4.6563539266818585 51.86661812657094)</t>
  </si>
  <si>
    <t>POINT (4.651947854510586 51.86569625757943)</t>
  </si>
  <si>
    <t>POINT (4.6629232176993085 51.86260045716817)</t>
  </si>
  <si>
    <t>POINT (4.661044134697281 51.859838332916425)</t>
  </si>
  <si>
    <t>POINT (4.661274694312918 51.86584195056652)</t>
  </si>
  <si>
    <t>POINT (4.661200736490011 51.86183028273309)</t>
  </si>
  <si>
    <t>POINT (4.654988697953843 51.86119505108115)</t>
  </si>
  <si>
    <t>POINT (4.642871227312467 51.87247054759137)</t>
  </si>
  <si>
    <t>POINT (4.663375883701761 51.8601808127427)</t>
  </si>
  <si>
    <t>POINT (4.664627213643742 51.8695007317972)</t>
  </si>
  <si>
    <t>POINT (4.653572369076265 51.870695105036184)</t>
  </si>
  <si>
    <t>POINT (4.666898702302072 51.867743926337745)</t>
  </si>
  <si>
    <t>POINT (4.664209304864847 51.862522989578125)</t>
  </si>
  <si>
    <t>POINT (4.660724253606555 51.86796656784027)</t>
  </si>
  <si>
    <t>POINT (4.667915458932072 51.871354591906)</t>
  </si>
  <si>
    <t>POINT (4.662878634513601 51.86582260427476)</t>
  </si>
  <si>
    <t>2951AM</t>
  </si>
  <si>
    <t>Seniorstraat</t>
  </si>
  <si>
    <t>POINT (4.667653038359469 51.863245251690834)</t>
  </si>
  <si>
    <t>POINT (4.671000350365265 51.86638476228814)</t>
  </si>
  <si>
    <t>POINT (4.662123963848325 51.869100008169326)</t>
  </si>
  <si>
    <t>POINT (4.66755893055622 51.869132220379974)</t>
  </si>
  <si>
    <t>POINT (4.642627429763061 51.87209141689478)</t>
  </si>
  <si>
    <t>POINT (4.666855722939606 51.86770770827867)</t>
  </si>
  <si>
    <t>POINT (4.667487055715862 51.869086836905225)</t>
  </si>
  <si>
    <t>POINT (4.663951760425617 51.866107595123026)</t>
  </si>
  <si>
    <t>POINT (4.65754713574952 51.86556039306661)</t>
  </si>
  <si>
    <t>POINT (4.65831616057567 51.863933875957315)</t>
  </si>
  <si>
    <t>POINT (4.654263904053863 51.868444175932034)</t>
  </si>
  <si>
    <t>POINT (4.659821397058216 51.861839725059546)</t>
  </si>
  <si>
    <t>POINT (4.661477793784803 51.85995337146844)</t>
  </si>
  <si>
    <t>POINT (4.673912539930154 51.85669477635274)</t>
  </si>
  <si>
    <t>POINT (4.670336249401044 51.85976508649826)</t>
  </si>
  <si>
    <t>POINT (4.654971815114507 51.86123515198401)</t>
  </si>
  <si>
    <t>POINT (4.663291561754199 51.872015612258174)</t>
  </si>
  <si>
    <t>POINT (4.6538275963504745 51.861695124719816)</t>
  </si>
  <si>
    <t>POINT (4.635249049902832 51.874502770211855)</t>
  </si>
  <si>
    <t>POINT (4.673898293259393 51.84103794765587)</t>
  </si>
  <si>
    <t>POINT (4.664179878047934 51.86431638961967)</t>
  </si>
  <si>
    <t>POINT (4.6626943493777375 51.867349533437704)</t>
  </si>
  <si>
    <t>POINT (4.661035872724281 51.85972053075599)</t>
  </si>
  <si>
    <t>POINT (4.671256129348637 51.87038625458541)</t>
  </si>
  <si>
    <t>POINT (4.669849353203635 51.870278796610535)</t>
  </si>
  <si>
    <t>POINT (4.654973904872814 51.861209313698765)</t>
  </si>
  <si>
    <t>POINT (4.658696391054171 51.868658688561666)</t>
  </si>
  <si>
    <t>POINT (4.665921520759548 51.87254683887929)</t>
  </si>
  <si>
    <t>POINT (4.6706070726822855 51.86828794981114)</t>
  </si>
  <si>
    <t>POINT (4.656462518678088 51.866636779505356)</t>
  </si>
  <si>
    <t>POINT (4.666634392307956 51.865207514473184)</t>
  </si>
  <si>
    <t>POINT (4.668700642298423 51.86628532445597)</t>
  </si>
  <si>
    <t>POINT (4.657132864223842 51.86200910735201)</t>
  </si>
  <si>
    <t>POINT (4.658626755151938 51.86478957904222)</t>
  </si>
  <si>
    <t>POINT (4.659435587338734 51.86954058760958)</t>
  </si>
  <si>
    <t>POINT (4.666399235466913 51.865385843914446)</t>
  </si>
  <si>
    <t>POINT (4.653097422564104 51.861977659816745)</t>
  </si>
  <si>
    <t>POINT (4.665123864543673 51.871126231314875)</t>
  </si>
  <si>
    <t>POINT (4.6549652589255155 51.861210697973306)</t>
  </si>
  <si>
    <t>POINT (4.6550283455283585 51.86118165352076)</t>
  </si>
  <si>
    <t>POINT (4.6414832661146175 51.87161221916931)</t>
  </si>
  <si>
    <t>POINT (4.655025355541319 51.861199468331904)</t>
  </si>
  <si>
    <t>POINT (4.67191415564837 51.869639714653765)</t>
  </si>
  <si>
    <t>POINT (4.671270372417452 51.864013413728536)</t>
  </si>
  <si>
    <t>POINT (4.655257562198712 51.86776802775309)</t>
  </si>
  <si>
    <t>POINT (4.666620607518903 51.864254636049864)</t>
  </si>
  <si>
    <t>POINT (4.657820597644115 51.86794857197966)</t>
  </si>
  <si>
    <t>POINT (4.657429716689814 51.868773097448816)</t>
  </si>
  <si>
    <t>POINT (4.6557143235452605 51.87202529728536)</t>
  </si>
  <si>
    <t>POINT (4.670976388394044 51.86515317572634)</t>
  </si>
  <si>
    <t>POINT (4.639820399607703 51.87118817289052)</t>
  </si>
  <si>
    <t>POINT (4.658400881419766 51.864392677975914)</t>
  </si>
  <si>
    <t>POINT (4.6688927339844595 51.86380114628587)</t>
  </si>
  <si>
    <t>POINT (4.665040694588413 51.86409212538378)</t>
  </si>
  <si>
    <t>POINT (4.662736167814383 51.86745765484845)</t>
  </si>
  <si>
    <t>POINT (4.657613702693887 51.86548440326193)</t>
  </si>
  <si>
    <t>POINT (4.667086293163937 51.8669091351671)</t>
  </si>
  <si>
    <t>POINT (4.653043122152814 51.8616752033319)</t>
  </si>
  <si>
    <t>POINT (4.651332686005442 51.86868921462576)</t>
  </si>
  <si>
    <t>POINT (4.6409793165166 51.87301440065761)</t>
  </si>
  <si>
    <t>POINT (4.650872765747815 51.86884453212194)</t>
  </si>
  <si>
    <t>POINT (4.658343540500363 51.864347378993735)</t>
  </si>
  <si>
    <t>POINT (4.6632487997228225 51.8626671827167)</t>
  </si>
  <si>
    <t>POINT (4.661472129554394 51.85985446152384)</t>
  </si>
  <si>
    <t>POINT (4.659213160536938 51.86578645859578)</t>
  </si>
  <si>
    <t>POINT (4.6350463661767805 51.87446551798556)</t>
  </si>
  <si>
    <t>POINT (4.663758056366886 51.8580798282129)</t>
  </si>
  <si>
    <t>POINT (4.65150291276531 51.87204393805404)</t>
  </si>
  <si>
    <t>POINT (4.653147622916272 51.863105022620324)</t>
  </si>
  <si>
    <t>POINT (4.653722804959739 51.86903764296693)</t>
  </si>
  <si>
    <t>POINT (4.6573130064057375 51.866120727531886)</t>
  </si>
  <si>
    <t>POINT (4.672495747520546 51.865201082364536)</t>
  </si>
  <si>
    <t>POINT (4.653375554630328 51.87074331302285)</t>
  </si>
  <si>
    <t>POINT (4.640513680907316 51.86922407055274)</t>
  </si>
  <si>
    <t>POINT (4.663953357372092 51.866107604956966)</t>
  </si>
  <si>
    <t>POINT (4.676236644532166 51.86346969526414)</t>
  </si>
  <si>
    <t>POINT (4.6675592179514975 51.86911424490994)</t>
  </si>
  <si>
    <t>2952EE</t>
  </si>
  <si>
    <t>Vlashof</t>
  </si>
  <si>
    <t>POINT (4.675943868042085 51.86174678240546)</t>
  </si>
  <si>
    <t>POINT (4.668690512959654 51.8687391547449)</t>
  </si>
  <si>
    <t>POINT (4.658848827173566 51.866319023027074)</t>
  </si>
  <si>
    <t>POINT (4.667135025918811 51.86567799314168)</t>
  </si>
  <si>
    <t>POINT (4.63603673434576 51.8731618694165)</t>
  </si>
  <si>
    <t>POINT (4.667476343670359 51.86839464783681)</t>
  </si>
  <si>
    <t>POINT (4.667058263759002 51.86684604298065)</t>
  </si>
  <si>
    <t>POINT (4.637151223075579 51.87364303405197)</t>
  </si>
  <si>
    <t>POINT (4.6565845361233436 51.86941897006906)</t>
  </si>
  <si>
    <t>POINT (4.665209084955406 51.87169753222134)</t>
  </si>
  <si>
    <t>POINT (4.641853856907182 51.87290893470449)</t>
  </si>
  <si>
    <t>POINT (4.659632163533912 51.863218307531874)</t>
  </si>
  <si>
    <t>POINT (4.639533615902084 51.87140656934765)</t>
  </si>
  <si>
    <t>POINT (4.6437722568064235 51.87281322868838)</t>
  </si>
  <si>
    <t>POINT (4.667703247185851 51.868279186013375)</t>
  </si>
  <si>
    <t>POINT (4.665570686370391 51.858464296498404)</t>
  </si>
  <si>
    <t>POINT (4.661168558872595 51.86382555923388)</t>
  </si>
  <si>
    <t>POINT (4.650248517350027 51.86901499641561)</t>
  </si>
  <si>
    <t>POINT (4.640389825107679 51.86925024901633)</t>
  </si>
  <si>
    <t>POINT (4.646982432680487 51.87187171925297)</t>
  </si>
  <si>
    <t>POINT (4.6428742723139775 51.87240672062683)</t>
  </si>
  <si>
    <t>POINT (4.644388590055351 51.86692947341761)</t>
  </si>
  <si>
    <t>2951CR</t>
  </si>
  <si>
    <t>Zonnebloemstraat</t>
  </si>
  <si>
    <t>POINT (4.656394380716299 51.86546783384654)</t>
  </si>
  <si>
    <t>POINT (4.675381104327249 51.853907802625066)</t>
  </si>
  <si>
    <t>POINT (4.668743779929693 51.8667664793738)</t>
  </si>
  <si>
    <t>POINT (4.6598075263301055 51.86314748475164)</t>
  </si>
  <si>
    <t>POINT (4.670350178444111 51.868007735154805)</t>
  </si>
  <si>
    <t>POINT (4.6432048637641445 51.869802938101)</t>
  </si>
  <si>
    <t>POINT (4.64280874680808 51.87312172863613)</t>
  </si>
  <si>
    <t>POINT (4.6590141669076965 51.86915730752126)</t>
  </si>
  <si>
    <t>POINT (4.651067829921627 51.86446379653199)</t>
  </si>
  <si>
    <t>POINT (4.651223117491709 51.8627651805328)</t>
  </si>
  <si>
    <t>POINT (4.666705097575401 51.87167525814193)</t>
  </si>
  <si>
    <t>POINT (4.664021363411185 51.859762323799025)</t>
  </si>
  <si>
    <t>POINT (4.666816444367749 51.871069209676904)</t>
  </si>
  <si>
    <t>POINT (4.658109493296622 51.87162671239021)</t>
  </si>
  <si>
    <t>POINT (4.666770318547768 51.86941502163952)</t>
  </si>
  <si>
    <t>POINT (4.6513146553085845 51.861970187851014)</t>
  </si>
  <si>
    <t>POINT (4.645520968587525 51.86627156941842)</t>
  </si>
  <si>
    <t>POINT (4.6476993053889 51.870662769688025)</t>
  </si>
  <si>
    <t>POINT (4.655033509856591 51.86122117279158)</t>
  </si>
  <si>
    <t>POINT (4.672171554193622 51.86577617822958)</t>
  </si>
  <si>
    <t>POINT (4.65629348238564 51.86721099985411)</t>
  </si>
  <si>
    <t>POINT (4.639168734982432 51.87282894506847)</t>
  </si>
  <si>
    <t>POINT (4.662026005493311 51.86557465004)</t>
  </si>
  <si>
    <t>POINT (4.651879117938569 51.871237317439856)</t>
  </si>
  <si>
    <t>POINT (4.667687723101241 51.86834201122845)</t>
  </si>
  <si>
    <t>POINT (4.6565214654129035 51.8665832144738)</t>
  </si>
  <si>
    <t>POINT (4.654269010359325 51.87116236832319)</t>
  </si>
  <si>
    <t>POINT (4.6679397579038096 51.87165136491385)</t>
  </si>
  <si>
    <t>POINT (4.648055258971279 51.86490329597167)</t>
  </si>
  <si>
    <t>POINT (4.654601071642203 51.868157744520275)</t>
  </si>
  <si>
    <t>POINT (4.632555610501445 51.87707871914874)</t>
  </si>
  <si>
    <t>POINT (4.670327909492518 51.87031767279577)</t>
  </si>
  <si>
    <t>POINT (4.663833488338984 51.87145536471949)</t>
  </si>
  <si>
    <t>POINT (4.6435308064031595 51.873364501105)</t>
  </si>
  <si>
    <t>POINT (4.671507871124424 51.86916533762729)</t>
  </si>
  <si>
    <t>POINT (4.638506672195075 51.87334606782356)</t>
  </si>
  <si>
    <t>POINT (4.670201129732957 51.868249517957594)</t>
  </si>
  <si>
    <t>POINT (4.65240695267346 51.87048108172015)</t>
  </si>
  <si>
    <t>POINT (4.669076419795032 51.86912353095738)</t>
  </si>
  <si>
    <t>POINT (4.64352801909613 51.87265438154601)</t>
  </si>
  <si>
    <t>POINT (4.659322238370435 51.86101597039697)</t>
  </si>
  <si>
    <t>POINT (4.66283864235823 51.8646987796489)</t>
  </si>
  <si>
    <t>POINT (4.658999909256726 51.86468672635149)</t>
  </si>
  <si>
    <t>POINT (4.664139808073713 51.87182128971075)</t>
  </si>
  <si>
    <t>POINT (4.669272135288635 51.869142704636154)</t>
  </si>
  <si>
    <t>POINT (4.66520575188031 51.86918968788105)</t>
  </si>
  <si>
    <t>POINT (4.658298054979041 51.86419846073875)</t>
  </si>
  <si>
    <t>POINT (4.6519142245708665 51.87219932018883)</t>
  </si>
  <si>
    <t>POINT (4.662141035210728 51.871503355603124)</t>
  </si>
  <si>
    <t>POINT (4.639794089430686 51.871898107779344)</t>
  </si>
  <si>
    <t>POINT (4.662681589108666 51.86954861957486)</t>
  </si>
  <si>
    <t>POINT (4.6670687556873505 51.86709778862366)</t>
  </si>
  <si>
    <t>POINT (4.642674622321362 51.87376806007166)</t>
  </si>
  <si>
    <t>POINT (4.662153994679967 51.861233933616894)</t>
  </si>
  <si>
    <t>POINT (4.6707559122189375 51.863497925257654)</t>
  </si>
  <si>
    <t>POINT (4.656443331800677 51.86692429621256)</t>
  </si>
  <si>
    <t>v</t>
  </si>
  <si>
    <t>POINT (4.662049463122903 51.86266194079341)</t>
  </si>
  <si>
    <t>POINT (4.655003401822355 51.86123179840993)</t>
  </si>
  <si>
    <t>POINT (4.656284667680738 51.86328291390917)</t>
  </si>
  <si>
    <t>POINT (4.654996619390278 51.869624323476685)</t>
  </si>
  <si>
    <t>POINT (4.666723476526961 51.86780577191918)</t>
  </si>
  <si>
    <t>POINT (4.654997203110646 51.8612424921932)</t>
  </si>
  <si>
    <t>POINT (4.656323313650493 51.86984485283843)</t>
  </si>
  <si>
    <t>POINT (4.668731366163745 51.860721556121575)</t>
  </si>
  <si>
    <t>POINT (4.665251293605889 51.86182379248899)</t>
  </si>
  <si>
    <t>POINT (4.6583792085617155 51.86931831046312)</t>
  </si>
  <si>
    <t>POINT (4.659152442266036 51.87088712607956)</t>
  </si>
  <si>
    <t>POINT (4.671214287739723 51.87027813620624)</t>
  </si>
  <si>
    <t>POINT (4.6712091901034825 51.86786016839022)</t>
  </si>
  <si>
    <t>POINT (4.6591647177293085 51.864676422425674)</t>
  </si>
  <si>
    <t>POINT (4.641169133761312 51.87041473577857)</t>
  </si>
  <si>
    <t>POINT (4.676653656029722 51.844727457941026)</t>
  </si>
  <si>
    <t>POINT (4.648691334458913 51.870893187695685)</t>
  </si>
  <si>
    <t>POINT (4.6702030964381755 51.8631125352848)</t>
  </si>
  <si>
    <t>POINT (4.640942727714125 51.872965926205794)</t>
  </si>
  <si>
    <t>POINT (4.655314776245149 51.86782745754908)</t>
  </si>
  <si>
    <t>POINT (4.662914415043988 51.8599892063732)</t>
  </si>
  <si>
    <t>POINT (4.6754716736038135 51.85999407148703)</t>
  </si>
  <si>
    <t>POINT (4.6629524936283735 51.867548875203155)</t>
  </si>
  <si>
    <t>POINT (4.670828389464926 51.86669831510433)</t>
  </si>
  <si>
    <t>POINT (4.657150587007496 51.86225910150029)</t>
  </si>
  <si>
    <t>POINT (4.658554896259532 51.864744190106016)</t>
  </si>
  <si>
    <t>POINT (4.664028596681913 51.86609036066892)</t>
  </si>
  <si>
    <t>2953XE</t>
  </si>
  <si>
    <t>POINT (4.639460180250965 51.87101959046645)</t>
  </si>
  <si>
    <t>POINT (4.667487917985884 51.86903291049537)</t>
  </si>
  <si>
    <t>POINT (4.661173439963014 51.86757384594176)</t>
  </si>
  <si>
    <t>POINT (4.649170824072968 51.87124729735148)</t>
  </si>
  <si>
    <t>POINT (4.666175537869649 51.861222738276254)</t>
  </si>
  <si>
    <t>POINT (4.662094579451153 51.866725617231175)</t>
  </si>
  <si>
    <t>POINT (4.652368083104697 51.87108307653356)</t>
  </si>
  <si>
    <t>POINT (4.641216186481093 51.871080193722726)</t>
  </si>
  <si>
    <t>POINT (4.667514799689565 51.869167904445014)</t>
  </si>
  <si>
    <t>POINT (4.653449194878635 51.86711686176592)</t>
  </si>
  <si>
    <t>POINT (4.665066476973412 51.868820298348496)</t>
  </si>
  <si>
    <t>POINT (4.660904144986933 51.86851598633315)</t>
  </si>
  <si>
    <t>POINT (4.6709651015362486 51.86951258497571)</t>
  </si>
  <si>
    <t>POINT (4.666051774309586 51.8671364918563)</t>
  </si>
  <si>
    <t>POINT (4.642443248699399 51.872831775523906)</t>
  </si>
  <si>
    <t>POINT (4.66692202254629 51.863564361087114)</t>
  </si>
  <si>
    <t>A++++</t>
  </si>
  <si>
    <t>POINT (4.680006318364215 51.846354786121694)</t>
  </si>
  <si>
    <t>POINT (4.669501859696838 51.86793963423548)</t>
  </si>
  <si>
    <t>POINT (4.66042812389119 51.85528177888014)</t>
  </si>
  <si>
    <t>POINT (4.666540775292616 51.86788105429994)</t>
  </si>
  <si>
    <t>POINT (4.665223133242647 51.86151302639665)</t>
  </si>
  <si>
    <t>POINT (4.6661685241115345 51.87163151681246)</t>
  </si>
  <si>
    <t>POINT (4.659100968192549 51.86778573226899)</t>
  </si>
  <si>
    <t>POINT (4.641789879490745 51.87063440412958)</t>
  </si>
  <si>
    <t>POINT (4.655024140670241 51.86122685811771)</t>
  </si>
  <si>
    <t>POINT (4.656393649410787 51.867301509432)</t>
  </si>
  <si>
    <t>POINT (4.676374570750631 51.860309242809635)</t>
  </si>
  <si>
    <t>POINT (4.666840629379811 51.86774357017804)</t>
  </si>
  <si>
    <t>POINT (4.640007359622401 51.871297226011684)</t>
  </si>
  <si>
    <t>POINT (4.6665328991712975 51.866105753772096)</t>
  </si>
  <si>
    <t>POINT (4.641968907915161 51.87082360938459)</t>
  </si>
  <si>
    <t>POINT (4.66931015305583 51.865848609312934)</t>
  </si>
  <si>
    <t>POINT (4.659206494297555 51.863684876152725)</t>
  </si>
  <si>
    <t>sportfunctie</t>
  </si>
  <si>
    <t>POINT (4.67437681275618 51.85790207092781)</t>
  </si>
  <si>
    <t>POINT (4.670170767175845 51.86104046072204)</t>
  </si>
  <si>
    <t>POINT (4.664252421342752 51.86711296282966)</t>
  </si>
  <si>
    <t>POINT (4.670492019512974 51.86548279976715)</t>
  </si>
  <si>
    <t>POINT (4.660342859560632 51.86820690100335)</t>
  </si>
  <si>
    <t>2952DB</t>
  </si>
  <si>
    <t>POINT (4.677494242992149 51.843693392886635)</t>
  </si>
  <si>
    <t>POINT (4.669550131172918 51.859447481105136)</t>
  </si>
  <si>
    <t>POINT (4.674217754102398 51.854647744685344)</t>
  </si>
  <si>
    <t>POINT (4.6660622108698835 51.86920393803255)</t>
  </si>
  <si>
    <t>POINT (4.654628957499414 51.872243248659295)</t>
  </si>
  <si>
    <t>POINT (4.658658116975267 51.86464595554106)</t>
  </si>
  <si>
    <t>POINT (4.671770106861457 51.86088841940897)</t>
  </si>
  <si>
    <t>POINT (4.660354770580785 51.86926763211564)</t>
  </si>
  <si>
    <t>POINT (4.65849545432308 51.86662244437246)</t>
  </si>
  <si>
    <t>POINT (4.641330850956618 51.87117080827408)</t>
  </si>
  <si>
    <t>POINT (4.644193384499587 51.87061367832122)</t>
  </si>
  <si>
    <t>POINT (4.67542285075262 51.853899489515165)</t>
  </si>
  <si>
    <t>POINT (4.651115106297085 51.870895458482956)</t>
  </si>
  <si>
    <t>POINT (4.668853820155095 51.864875048340544)</t>
  </si>
  <si>
    <t>POINT (4.665592147342094 51.86546627977771)</t>
  </si>
  <si>
    <t>POINT (4.662600145766636 51.86508381930834)</t>
  </si>
  <si>
    <t>POINT (4.658388398152532 51.86743344401365)</t>
  </si>
  <si>
    <t>POINT (4.644100128001018 51.87318383727254)</t>
  </si>
  <si>
    <t>POINT (4.655068043867293 51.869696677713115)</t>
  </si>
  <si>
    <t>POINT (4.642339349907455 51.87340638920114)</t>
  </si>
  <si>
    <t>POINT (4.6764660214988565 51.86344560087489)</t>
  </si>
  <si>
    <t>POINT (4.6642101270279275 51.87151161532944)</t>
  </si>
  <si>
    <t>POINT (4.651363902584874 51.87122060796481)</t>
  </si>
  <si>
    <t>POINT (4.66518755271515 51.86489301572923)</t>
  </si>
  <si>
    <t>POINT (4.656354407560484 51.86256425735389)</t>
  </si>
  <si>
    <t>POINT (4.657922339063083 51.86256501553659)</t>
  </si>
  <si>
    <t>POINT (4.6473480394041555 51.87083134159707)</t>
  </si>
  <si>
    <t>POINT (4.659703501515388 51.864643446996595)</t>
  </si>
  <si>
    <t>POINT (4.659904244790052 51.87153896425448)</t>
  </si>
  <si>
    <t>POINT (4.654411358065529 51.86955429254712)</t>
  </si>
  <si>
    <t>POINT (4.658099178658813 51.86417614794549)</t>
  </si>
  <si>
    <t>POINT (4.667701471485998 51.87066115809522)</t>
  </si>
  <si>
    <t>POINT (4.6596991363478475 51.865811941412645)</t>
  </si>
  <si>
    <t>POINT (4.6444129571323 51.86677440273529)</t>
  </si>
  <si>
    <t>POINT (4.665427796747367 51.85986985108972)</t>
  </si>
  <si>
    <t>POINT (4.66121980665498 51.86109782731442)</t>
  </si>
  <si>
    <t>POINT (4.657277802829215 51.87187322836623)</t>
  </si>
  <si>
    <t>POINT (4.662193507301159 51.85878028147506)</t>
  </si>
  <si>
    <t>POINT (4.668476339684993 51.87018704270015)</t>
  </si>
  <si>
    <t>POINT (4.6684360043321895 51.87149260760929)</t>
  </si>
  <si>
    <t>POINT (4.643914931458691 51.87296693835343)</t>
  </si>
  <si>
    <t>POINT (4.653586961471719 51.87069070186559)</t>
  </si>
  <si>
    <t>POINT (4.664466699785894 51.85824598694841)</t>
  </si>
  <si>
    <t>POINT (4.6752970418111985 51.86338217117061)</t>
  </si>
  <si>
    <t>POINT (4.654677246823523 51.86793799825314)</t>
  </si>
  <si>
    <t>POINT (4.662161629478502 51.86285214054084)</t>
  </si>
  <si>
    <t>POINT (4.645860433429631 51.87210733615253)</t>
  </si>
  <si>
    <t>POINT (4.66219993134641 51.869092899705194)</t>
  </si>
  <si>
    <t>POINT (4.672427960124179 51.862429479113246)</t>
  </si>
  <si>
    <t>POINT (4.6420090259203715 51.87230768077891)</t>
  </si>
  <si>
    <t>POINT (4.657420789014928 51.867532611696596)</t>
  </si>
  <si>
    <t>POINT (4.6642012210534824 51.86619029828554)</t>
  </si>
  <si>
    <t>POINT (4.661427244500924 51.86849225399704)</t>
  </si>
  <si>
    <t>POINT (4.6514894823534565 51.87242137621349)</t>
  </si>
  <si>
    <t>POINT (4.662878555440791 51.86221816507522)</t>
  </si>
  <si>
    <t>2951XC</t>
  </si>
  <si>
    <t>Frederik Hendrikstraat</t>
  </si>
  <si>
    <t>POINT (4.666738022540325 51.86553623486622)</t>
  </si>
  <si>
    <t>POINT (4.668944052503299 51.867864315483516)</t>
  </si>
  <si>
    <t>POINT (4.669019226988777 51.86588278517674)</t>
  </si>
  <si>
    <t>POINT (4.6704911609311575 51.86553672623016)</t>
  </si>
  <si>
    <t>POINT (4.660683791296206 51.871373004809314)</t>
  </si>
  <si>
    <t>POINT (4.673777033245211 51.871201579489764)</t>
  </si>
  <si>
    <t>POINT (4.637689066034256 51.87622620538361)</t>
  </si>
  <si>
    <t>POINT (4.6585580967463835 51.86454646014124)</t>
  </si>
  <si>
    <t>POINT (4.633947342230426 51.87592362338273)</t>
  </si>
  <si>
    <t>POINT (4.676709862534378 51.86437151023076)</t>
  </si>
  <si>
    <t>POINT (4.653751021773557 51.87176137280519)</t>
  </si>
  <si>
    <t>POINT (4.656745449348187 51.86888569604215)</t>
  </si>
  <si>
    <t>POINT (4.6688227732166965 51.86909501403289)</t>
  </si>
  <si>
    <t>POINT (4.667302194065716 51.87156656155302)</t>
  </si>
  <si>
    <t>POINT (4.660963106104936 51.86936128131829)</t>
  </si>
  <si>
    <t>POINT (4.674813210558294 51.841849325398655)</t>
  </si>
  <si>
    <t>POINT (4.656416944035403 51.86918643441565)</t>
  </si>
  <si>
    <t>POINT (4.6604607829510165 51.855506696927684)</t>
  </si>
  <si>
    <t>POINT (4.642956606001953 51.87149267584297)</t>
  </si>
  <si>
    <t>POINT (4.659106928765347 51.86741723561863)</t>
  </si>
  <si>
    <t>POINT (4.666168948920435 51.866166440350256)</t>
  </si>
  <si>
    <t>POINT (4.655005806935318 51.861202636295324)</t>
  </si>
  <si>
    <t>POINT (4.667439983957719 51.87112246963096)</t>
  </si>
  <si>
    <t>POINT (4.657974413484421 51.86652033557747)</t>
  </si>
  <si>
    <t>POINT (4.656475147610827 51.86929333870542)</t>
  </si>
  <si>
    <t>POINT (4.673450983413512 51.85989641592022)</t>
  </si>
  <si>
    <t>POINT (4.678362119923041 51.844681453039684)</t>
  </si>
  <si>
    <t>POINT (4.66314522129156 51.86935450196668)</t>
  </si>
  <si>
    <t>POINT (4.654181309044536 51.87119777553631)</t>
  </si>
  <si>
    <t>POINT (4.663543566713528 51.86239304854984)</t>
  </si>
  <si>
    <t>POINT (4.638699807404633 51.87483042344946)</t>
  </si>
  <si>
    <t>POINT (4.665515255833014 51.8689039542428)</t>
  </si>
  <si>
    <t>POINT (4.639867731609251 51.87183565589875)</t>
  </si>
  <si>
    <t>POINT (4.6690606288814225 51.86783806247772)</t>
  </si>
  <si>
    <t>POINT (4.644369200938282 51.87197820420436)</t>
  </si>
  <si>
    <t>POINT (4.664785357033841 51.860099605225216)</t>
  </si>
  <si>
    <t>POINT (4.680448213209852 51.857597060334186)</t>
  </si>
  <si>
    <t>r</t>
  </si>
  <si>
    <t>POINT (4.672677442583007 51.86011389279463)</t>
  </si>
  <si>
    <t>POINT (4.629540713661644 51.879249438562056)</t>
  </si>
  <si>
    <t>POINT (4.644861312728514 51.871757633274306)</t>
  </si>
  <si>
    <t>POINT (4.669065449914617 51.869811092841246)</t>
  </si>
  <si>
    <t>POINT (4.676940409709796 51.844661688322034)</t>
  </si>
  <si>
    <t>POINT (4.666081674281049 51.86708274372424)</t>
  </si>
  <si>
    <t>POINT (4.65253020607017 51.872715526162324)</t>
  </si>
  <si>
    <t>POINT (4.653287706879353 51.87078770728096)</t>
  </si>
  <si>
    <t>POINT (4.6697534009223265 51.86901081612319)</t>
  </si>
  <si>
    <t>POINT (4.664393142961535 51.86011516913912)</t>
  </si>
  <si>
    <t>POINT (4.655025072191083 51.869660455347876)</t>
  </si>
  <si>
    <t>POINT (4.667400734234336 51.869036870544996)</t>
  </si>
  <si>
    <t>POINT (4.660558021233899 51.85487809407179)</t>
  </si>
  <si>
    <t>POINT (4.6676299367595036 51.86832367998544)</t>
  </si>
  <si>
    <t>POINT (4.659549306445067 51.872386190467104)</t>
  </si>
  <si>
    <t>POINT (4.671559143758283 51.868680264973584)</t>
  </si>
  <si>
    <t>POINT (4.662988846854631 51.86619181745689)</t>
  </si>
  <si>
    <t>POINT (4.65995303653055 51.85953225974117)</t>
  </si>
  <si>
    <t>POINT (4.671746937906682 51.867827490818044)</t>
  </si>
  <si>
    <t>POINT (4.653315667060258 51.86289240399172)</t>
  </si>
  <si>
    <t>POINT (4.658409511356423 51.86655000210705)</t>
  </si>
  <si>
    <t>POINT (4.6818010604120195 51.86078807629007)</t>
  </si>
  <si>
    <t>POINT (4.664827364081648 51.862005452523675)</t>
  </si>
  <si>
    <t>POINT (4.664009064322178 51.8668542732262)</t>
  </si>
  <si>
    <t>POINT (4.643401667737192 51.87370974573792)</t>
  </si>
  <si>
    <t>POINT (4.654975067802848 51.87194428789947)</t>
  </si>
  <si>
    <t>POINT (4.662262576127307 51.861252581180224)</t>
  </si>
  <si>
    <t>POINT (4.669101855586512 51.851054753854534)</t>
  </si>
  <si>
    <t>POINT (4.643442534396923 51.87255496533139)</t>
  </si>
  <si>
    <t>POINT (4.654498724489377 51.87043122858753)</t>
  </si>
  <si>
    <t>POINT (4.657776069635751 51.86711235326778)</t>
  </si>
  <si>
    <t>POINT (4.654491275852104 51.86402049205692)</t>
  </si>
  <si>
    <t>POINT (4.651893637257133 51.871237408334274)</t>
  </si>
  <si>
    <t>POINT (4.657141043496734 51.86213140359764)</t>
  </si>
  <si>
    <t>POINT (4.670606067850196 51.85284549019274)</t>
  </si>
  <si>
    <t>POINT (4.653117448277382 51.87232369821191)</t>
  </si>
  <si>
    <t>POINT (4.632078620681476 51.87737677320549)</t>
  </si>
  <si>
    <t>POINT (4.674464085335451 51.84413471617274)</t>
  </si>
  <si>
    <t>POINT (4.64481589927399 51.87336813592434)</t>
  </si>
  <si>
    <t>POINT (4.660762346776139 51.86200734445528)</t>
  </si>
  <si>
    <t>POINT (4.637709870440561 51.87323312268449)</t>
  </si>
  <si>
    <t>POINT (4.671042843716094 51.86918946897524)</t>
  </si>
  <si>
    <t>POINT (4.669641716182412 51.87055168098667)</t>
  </si>
  <si>
    <t>POINT (4.653549549372104 51.86986800889682)</t>
  </si>
  <si>
    <t>POINT (4.66200563674148 51.86943453519549)</t>
  </si>
  <si>
    <t>POINT (4.674007321176828 51.855293126552716)</t>
  </si>
  <si>
    <t>POINT (4.671200183277463 51.86842639613359)</t>
  </si>
  <si>
    <t>POINT (4.655052377375232 51.86120364572717)</t>
  </si>
  <si>
    <t>POINT (4.659908706173729 51.86362450868092)</t>
  </si>
  <si>
    <t>POINT (4.6512980214939885 51.86992133850668)</t>
  </si>
  <si>
    <t>POINT (4.653953916396792 51.868151072489006)</t>
  </si>
  <si>
    <t>POINT (4.665381508154928 51.8618515587642)</t>
  </si>
  <si>
    <t>POINT (4.6672056041844865 51.863988565154536)</t>
  </si>
  <si>
    <t>POINT (4.66284265726797 51.866253836294824)</t>
  </si>
  <si>
    <t>POINT (4.6644971343926125 51.86810669563415)</t>
  </si>
  <si>
    <t>POINT (4.6577296734692775 51.86342139728589)</t>
  </si>
  <si>
    <t>POINT (4.665472532246033 51.86251278212506)</t>
  </si>
  <si>
    <t>POINT (4.659635110071373 51.866180078458264)</t>
  </si>
  <si>
    <t>POINT (4.660286390038162 51.86990540103663)</t>
  </si>
  <si>
    <t>POINT (4.6400686171363015 51.87198075204578)</t>
  </si>
  <si>
    <t>POINT (4.670766883296527 51.86782601110334)</t>
  </si>
  <si>
    <t>POINT (4.660825112470668 51.86531554755376)</t>
  </si>
  <si>
    <t>POINT (4.659124857711543 51.870797068889246)</t>
  </si>
  <si>
    <t>POINT (4.666132500641159 51.8693481874343)</t>
  </si>
  <si>
    <t>POINT (4.66560896998263 51.86532256519461)</t>
  </si>
  <si>
    <t>POINT (4.666670738583833 51.865525548113645)</t>
  </si>
  <si>
    <t>POINT (4.652800800883149 51.870371187094236)</t>
  </si>
  <si>
    <t>POINT (4.6579217566844635 51.86260096644451)</t>
  </si>
  <si>
    <t>POINT (4.6376502938548505 51.873322628891415)</t>
  </si>
  <si>
    <t>POINT (4.659964813628096 51.86374620260078)</t>
  </si>
  <si>
    <t>POINT (4.671248679193507 51.85926099767889)</t>
  </si>
  <si>
    <t>POINT (4.678248225995792 51.84454144155248)</t>
  </si>
  <si>
    <t>POINT (4.65734710360799 51.87118153514653)</t>
  </si>
  <si>
    <t>POINT (4.6631867251142305 51.86201332688213)</t>
  </si>
  <si>
    <t>POINT (4.6551227405710796 51.86978692287243)</t>
  </si>
  <si>
    <t>POINT (4.6528338008309555 51.871908448435654)</t>
  </si>
  <si>
    <t>POINT (4.664521654586579 51.8620575034886)</t>
  </si>
  <si>
    <t>POINT (4.664560064704215 51.86147347912874)</t>
  </si>
  <si>
    <t>POINT (4.670765064149397 51.86474739904363)</t>
  </si>
  <si>
    <t>POINT (4.647419347603191 51.871793574185084)</t>
  </si>
  <si>
    <t>POINT (4.670722032341549 51.85285518644734)</t>
  </si>
  <si>
    <t>POINT (4.669039050667477 51.86373013212283)</t>
  </si>
  <si>
    <t>POINT (4.650831252640355 51.86249049430793)</t>
  </si>
  <si>
    <t>POINT (4.660976609749073 51.86942428515757)</t>
  </si>
  <si>
    <t>POINT (4.665511292494312 51.86552870332103)</t>
  </si>
  <si>
    <t>POINT (4.666474501155494 51.86023133022583)</t>
  </si>
  <si>
    <t>POINT (4.6452454259000815 51.87153716914414)</t>
  </si>
  <si>
    <t>POINT (4.668714586243002 51.86632136422813)</t>
  </si>
  <si>
    <t>POINT (4.667888718392311 51.871210610347774)</t>
  </si>
  <si>
    <t>POINT (4.653986945977898 51.86975838232436)</t>
  </si>
  <si>
    <t>POINT (4.664453037754707 51.86673671140691)</t>
  </si>
  <si>
    <t>POINT (4.658930768090709 51.86394653352921)</t>
  </si>
  <si>
    <t>POINT (4.666134459306914 51.86016182817704)</t>
  </si>
  <si>
    <t>POINT (4.651950653703407 51.86908049460913)</t>
  </si>
  <si>
    <t>POINT (4.653360595846765 51.87077018544267)</t>
  </si>
  <si>
    <t>POINT (4.670289505940089 51.869993848371124)</t>
  </si>
  <si>
    <t>POINT (4.658847321940965 51.86844089544706)</t>
  </si>
  <si>
    <t>POINT (4.639404065929388 51.87527085770848)</t>
  </si>
  <si>
    <t>POINT (4.642954722479746 51.86956315450426)</t>
  </si>
  <si>
    <t>2951CD</t>
  </si>
  <si>
    <t>Rozenstraat</t>
  </si>
  <si>
    <t>POINT (4.656772272446388 51.86544321874846)</t>
  </si>
  <si>
    <t>POINT (4.66356492868421 51.869134934807356)</t>
  </si>
  <si>
    <t>POINT (4.665092767400579 51.86175090886354)</t>
  </si>
  <si>
    <t>POINT (4.651244912450015 51.87050526658175)</t>
  </si>
  <si>
    <t>POINT (4.665988988207267 51.87105514326755)</t>
  </si>
  <si>
    <t>POINT (4.66445083739816 51.86827719451691)</t>
  </si>
  <si>
    <t>POINT (4.667101098685572 51.86689124870519)</t>
  </si>
  <si>
    <t>POINT (4.642716692348431 51.87246617051452)</t>
  </si>
  <si>
    <t>POINT (4.64146941593267 51.874200857749024)</t>
  </si>
  <si>
    <t>POINT (4.6636154024397065 51.87084009893207)</t>
  </si>
  <si>
    <t>POINT (4.65619990818296 51.8689497166971)</t>
  </si>
  <si>
    <t>POINT (4.642902782125317 51.87402118770494)</t>
  </si>
  <si>
    <t>POINT (4.651925442008661 51.86840169527024)</t>
  </si>
  <si>
    <t>POINT (4.655544048432703 51.86579577512163)</t>
  </si>
  <si>
    <t>POINT (4.6605986628724 51.85505811830022)</t>
  </si>
  <si>
    <t>POINT (4.660352390227241 51.87211251556155)</t>
  </si>
  <si>
    <t>POINT (4.656363354679743 51.86911193583317)</t>
  </si>
  <si>
    <t>POINT (4.656690821467345 51.87225159565171)</t>
  </si>
  <si>
    <t>POINT (4.658192951359542 51.87230137691971)</t>
  </si>
  <si>
    <t>POINT (4.638013420488518 51.87070026330462)</t>
  </si>
  <si>
    <t>POINT (4.658370537549622 51.86447338733306)</t>
  </si>
  <si>
    <t>POINT (4.669983346798912 51.860958418675054)</t>
  </si>
  <si>
    <t>2954AE</t>
  </si>
  <si>
    <t>Vossestaart</t>
  </si>
  <si>
    <t>POINT (4.664274103884789 51.87250075675383)</t>
  </si>
  <si>
    <t>POINT (4.655266420221786 51.86234510729071)</t>
  </si>
  <si>
    <t>POINT (4.66395263148733 51.86610760048698)</t>
  </si>
  <si>
    <t>POINT (4.670502185122365 51.852988674294444)</t>
  </si>
  <si>
    <t>POINT (4.651243564761122 51.868722813022906)</t>
  </si>
  <si>
    <t>POINT (4.659370674128702 51.86592226420992)</t>
  </si>
  <si>
    <t>POINT (4.635206540195532 51.87443957761149)</t>
  </si>
  <si>
    <t>POINT (4.655240430666302 51.86231936366121)</t>
  </si>
  <si>
    <t>POINT (4.669321527670694 51.867866623248695)</t>
  </si>
  <si>
    <t>POINT (4.672026448696306 51.86440003645205)</t>
  </si>
  <si>
    <t>POINT (4.637836067436187 51.87524738218317)</t>
  </si>
  <si>
    <t>POINT (4.665074819046463 51.86286988234943)</t>
  </si>
  <si>
    <t>POINT (4.666134181176691 51.87105603468547)</t>
  </si>
  <si>
    <t>POINT (4.65625051208438 51.86717477792853)</t>
  </si>
  <si>
    <t>POINT (4.641574105032841 51.87138807997145)</t>
  </si>
  <si>
    <t>POINT (4.660715790280588 51.864892405964596)</t>
  </si>
  <si>
    <t>POINT (4.639647252313351 51.871996048340606)</t>
  </si>
  <si>
    <t>POINT (4.630999366511899 51.87764847822991)</t>
  </si>
  <si>
    <t>POINT (4.660346078074386 51.86009468484089)</t>
  </si>
  <si>
    <t>POINT (4.6597602299996375 51.86921900829786)</t>
  </si>
  <si>
    <t>POINT (4.652574086845616 51.86602376703709)</t>
  </si>
  <si>
    <t>POINT (4.642510912893591 51.87356927239231)</t>
  </si>
  <si>
    <t>POINT (4.664809037294177 51.868576022575)</t>
  </si>
  <si>
    <t>POINT (4.654268467455907 51.86852060774317)</t>
  </si>
  <si>
    <t>POINT (4.65903965418217 51.86978082649258)</t>
  </si>
  <si>
    <t>POINT (4.66600937220259 51.86706432254729)</t>
  </si>
  <si>
    <t>POINT (4.662140305543787 51.860281054373445)</t>
  </si>
  <si>
    <t>POINT (4.672182200502434 51.867848118607704)</t>
  </si>
  <si>
    <t>POINT (4.668820001687142 51.86790400558169)</t>
  </si>
  <si>
    <t>POINT (4.672675229279554 51.86272312285771)</t>
  </si>
  <si>
    <t>POINT (4.641584080976 51.87078590470731)</t>
  </si>
  <si>
    <t>2952AW</t>
  </si>
  <si>
    <t>Voltastraat</t>
  </si>
  <si>
    <t>POINT (4.667249543255752 51.8590622684099)</t>
  </si>
  <si>
    <t>POINT (4.665088070948847 51.87109455111407)</t>
  </si>
  <si>
    <t>POINT (4.662345381149815 51.8682821969079)</t>
  </si>
  <si>
    <t>POINT (4.657783902438377 51.860983954282204)</t>
  </si>
  <si>
    <t>POINT (4.665277163514062 51.86021049305102)</t>
  </si>
  <si>
    <t>POINT (4.663857396775346 51.87087125189758)</t>
  </si>
  <si>
    <t>POINT (4.639932867661515 51.87228550211322)</t>
  </si>
  <si>
    <t>POINT (4.639434536469185 51.87168908069083)</t>
  </si>
  <si>
    <t>POINT (4.6530054482133245 51.868062389126386)</t>
  </si>
  <si>
    <t>POINT (4.66121893471191 51.8697044304343)</t>
  </si>
  <si>
    <t>POINT (4.67528897909166 51.86119837383746)</t>
  </si>
  <si>
    <t>POINT (4.639073351976995 51.8741991044533)</t>
  </si>
  <si>
    <t>POINT (4.64133910902519 51.8733011671145)</t>
  </si>
  <si>
    <t>POINT (4.652140104956638 51.870816485560475)</t>
  </si>
  <si>
    <t>POINT (4.6533706768278895 51.86792534786145)</t>
  </si>
  <si>
    <t>POINT (4.661757340446781 51.859271962668)</t>
  </si>
  <si>
    <t>POINT (4.666898813542267 51.87136633907721)</t>
  </si>
  <si>
    <t>POINT (4.661661428643516 51.86026910819557)</t>
  </si>
  <si>
    <t>POINT (4.638933006265303 51.87390607987187)</t>
  </si>
  <si>
    <t>POINT (4.642950515773672 51.870695695931545)</t>
  </si>
  <si>
    <t>POINT (4.664200561947518 51.86216339071617)</t>
  </si>
  <si>
    <t>POINT (4.655932366834167 51.86620202568787)</t>
  </si>
  <si>
    <t>POINT (4.658233622048163 51.86844551048999)</t>
  </si>
  <si>
    <t>POINT (4.655215412953161 51.86990544918618)</t>
  </si>
  <si>
    <t>POINT (4.666794968613258 51.86968932560843)</t>
  </si>
  <si>
    <t>POINT (4.641540599239411 51.871657526327404)</t>
  </si>
  <si>
    <t>POINT (4.661603639265346 51.8683585145324)</t>
  </si>
  <si>
    <t>POINT (4.651741204756865 51.870346579892804)</t>
  </si>
  <si>
    <t>POINT (4.6567803731722694 51.865838768787604)</t>
  </si>
  <si>
    <t>POINT (4.668918855473677 51.86671361849675)</t>
  </si>
  <si>
    <t>POINT (4.642328367063508 51.87143780881386)</t>
  </si>
  <si>
    <t>POINT (4.6497913170703695 51.869181113123496)</t>
  </si>
  <si>
    <t>POINT (4.6570801481849085 51.86928777087514)</t>
  </si>
  <si>
    <t>POINT (4.630831498315406 51.87853569953679)</t>
  </si>
  <si>
    <t>POINT (4.670141165440826 51.86563346470713)</t>
  </si>
  <si>
    <t>POINT (4.6602963281627 51.861388533057365)</t>
  </si>
  <si>
    <t>POINT (4.668219355501164 51.86414758210033)</t>
  </si>
  <si>
    <t>POINT (4.669927964109529 51.86990175497036)</t>
  </si>
  <si>
    <t>POINT (4.662061303973891 51.86954108841568)</t>
  </si>
  <si>
    <t>POINT (4.652047990444062 51.86223176577149)</t>
  </si>
  <si>
    <t>POINT (4.654382759494109 51.86952714824113)</t>
  </si>
  <si>
    <t>POINT (4.6594561815440505 51.86602166895499)</t>
  </si>
  <si>
    <t>POINT (4.654583793249259 51.865204872006565)</t>
  </si>
  <si>
    <t>POINT (4.6786545535537325 51.84408097971078)</t>
  </si>
  <si>
    <t>POINT (4.680523721058498 51.858197266736674)</t>
  </si>
  <si>
    <t>POINT (4.6582976607273086 51.8644909123179)</t>
  </si>
  <si>
    <t>POINT (4.641424441542974 51.87340957253212)</t>
  </si>
  <si>
    <t>POINT (4.664047348026348 51.85814453042459)</t>
  </si>
  <si>
    <t>POINT (4.659095808660075 51.86488937627632)</t>
  </si>
  <si>
    <t>POINT (4.652986322933058 51.87057009671282)</t>
  </si>
  <si>
    <t>POINT (4.666716720913105 51.86777427031673)</t>
  </si>
  <si>
    <t>POINT (4.645888499509518 51.865995242014854)</t>
  </si>
  <si>
    <t>POINT (4.655249235417885 51.86227250685748)</t>
  </si>
  <si>
    <t>POINT (4.6441576802678926 51.87057749792137)</t>
  </si>
  <si>
    <t>POINT (4.6450485270885356 51.87114941402349)</t>
  </si>
  <si>
    <t>POINT (4.668897908251778 51.859837195378624)</t>
  </si>
  <si>
    <t>POINT (4.667667099870146 51.86054875078272)</t>
  </si>
  <si>
    <t>POINT (4.657192743194458 51.862467944752)</t>
  </si>
  <si>
    <t>POINT (4.6568344738535865 51.8625043234145)</t>
  </si>
  <si>
    <t>POINT (4.63832673635003 51.872814591236995)</t>
  </si>
  <si>
    <t>POINT (4.660832046672744 51.86140178013719)</t>
  </si>
  <si>
    <t>POINT (4.632269357055452 51.87726114688525)</t>
  </si>
  <si>
    <t>POINT (4.645169150986784 51.87156602620333)</t>
  </si>
  <si>
    <t>POINT (4.667517386398839 51.869006125215016)</t>
  </si>
  <si>
    <t>POINT (4.66734617078543 51.8615535100265)</t>
  </si>
  <si>
    <t>POINT (4.657689155259154 51.86620396215959)</t>
  </si>
  <si>
    <t>POINT (4.641451843294517 51.87350862147022)</t>
  </si>
  <si>
    <t>POINT (4.67497444456889 51.84166031972802)</t>
  </si>
  <si>
    <t>POINT (4.654388399910125 51.86855641173357)</t>
  </si>
  <si>
    <t>POINT (4.668391441355958 51.86564524060521)</t>
  </si>
  <si>
    <t>POINT (4.6519934755415795 51.86912570580614)</t>
  </si>
  <si>
    <t>POINT (4.654966188313174 51.861197292724306)</t>
  </si>
  <si>
    <t>POINT (4.667517098987757 51.86902410068523)</t>
  </si>
  <si>
    <t>POINT (4.655228502508565 51.86930770626819)</t>
  </si>
  <si>
    <t>POINT (4.65435504900698 51.86766183516731)</t>
  </si>
  <si>
    <t>POINT (4.637782919051812 51.87320662285864)</t>
  </si>
  <si>
    <t>POINT (4.658236715894679 51.86735790608947)</t>
  </si>
  <si>
    <t>POINT (4.652280527213597 51.871109494616796)</t>
  </si>
  <si>
    <t>POINT (4.662782309003124 51.864590568698866)</t>
  </si>
  <si>
    <t>POINT (4.670701484977328 51.86600541757311)</t>
  </si>
  <si>
    <t>POINT (4.642460092732615 51.87356895018883)</t>
  </si>
  <si>
    <t>POINT (4.639284716981533 51.87415101297275)</t>
  </si>
  <si>
    <t>POINT (4.65184065004213 51.86248214951594)</t>
  </si>
  <si>
    <t>POINT (4.671517132573711 51.86675644566334)</t>
  </si>
  <si>
    <t>POINT (4.659332050841244 51.87055566026234)</t>
  </si>
  <si>
    <t>POINT (4.661547400049118 51.8627349464367)</t>
  </si>
  <si>
    <t>POINT (4.642885043630381 51.872016196812694)</t>
  </si>
  <si>
    <t>POINT (4.661147953771616 51.86420295417495)</t>
  </si>
  <si>
    <t>POINT (4.640220028350874 51.873356976215845)</t>
  </si>
  <si>
    <t>POINT (4.652204883040554 51.86240353186395)</t>
  </si>
  <si>
    <t>POINT (4.677623716770933 51.844728003284864)</t>
  </si>
  <si>
    <t>POINT (4.662804654394732 51.86681089650079)</t>
  </si>
  <si>
    <t>POINT (4.655006044420465 51.86119874569692)</t>
  </si>
  <si>
    <t>POINT (4.670902012131715 51.864352735174556)</t>
  </si>
  <si>
    <t>POINT (4.641108389954325 51.868823361055874)</t>
  </si>
  <si>
    <t>POINT (4.657928458776527 51.87114919161265)</t>
  </si>
  <si>
    <t>POINT (4.6616192626590625 51.862661189315794)</t>
  </si>
  <si>
    <t>POINT (4.661514219655707 51.86269573077268)</t>
  </si>
  <si>
    <t>POINT (4.666807469556998 51.863464783639415)</t>
  </si>
  <si>
    <t>POINT (4.637634127451028 51.87254950293946)</t>
  </si>
  <si>
    <t>POINT (4.641771174946185 51.872196869759186)</t>
  </si>
  <si>
    <t>POINT (4.662663636975001 51.87106164385026)</t>
  </si>
  <si>
    <t>POINT (4.663508739421122 51.866365805874146)</t>
  </si>
  <si>
    <t>POINT (4.662189877966718 51.87117557255427)</t>
  </si>
  <si>
    <t>POINT (4.666869665840811 51.86774374826146)</t>
  </si>
  <si>
    <t>POINT (4.651830558460122 51.86843256144754)</t>
  </si>
  <si>
    <t>POINT (4.6646661890257715 51.86300219845824)</t>
  </si>
  <si>
    <t>POINT (4.666742144180845 51.869360917129065)</t>
  </si>
  <si>
    <t>POINT (4.667009395042142 51.86627047172916)</t>
  </si>
  <si>
    <t>POINT (4.650384949846025 51.8698167392924)</t>
  </si>
  <si>
    <t>POINT (4.636995997098729 51.873372383645645)</t>
  </si>
  <si>
    <t>POINT (4.6374275575357276 51.87274593456156)</t>
  </si>
  <si>
    <t>POINT (4.640554594085508 51.874635489298335)</t>
  </si>
  <si>
    <t>POINT (4.652776711320781 51.86281675726909)</t>
  </si>
  <si>
    <t>POINT (4.660869068313533 51.86349112821801)</t>
  </si>
  <si>
    <t>POINT (4.6746009676008455 51.84228326730184)</t>
  </si>
  <si>
    <t>POINT (4.6664248510498965 51.86378602648303)</t>
  </si>
  <si>
    <t>POINT (4.66411123021592 51.8703968855371)</t>
  </si>
  <si>
    <t>POINT (4.667458449537807 51.86905969576814)</t>
  </si>
  <si>
    <t>POINT (4.670708425558219 51.864657167352036)</t>
  </si>
  <si>
    <t>POINT (4.657482691037923 51.86908802843118)</t>
  </si>
  <si>
    <t>POINT (4.666679059496588 51.862416821311236)</t>
  </si>
  <si>
    <t>POINT (4.67038056546616 51.86883487308724)</t>
  </si>
  <si>
    <t>POINT (4.663666341027845 51.86559375534626)</t>
  </si>
  <si>
    <t>POINT (4.677757804841749 51.84487757546931)</t>
  </si>
  <si>
    <t>POINT (4.64152908875232 51.86906468103706)</t>
  </si>
  <si>
    <t>POINT (4.674772888797813 51.86258867768918)</t>
  </si>
  <si>
    <t>POINT (4.662068978931762 51.86561086986533)</t>
  </si>
  <si>
    <t>POINT (4.640025655390734 51.87194452422209)</t>
  </si>
  <si>
    <t>POINT (4.658572759397054 51.864537562480095)</t>
  </si>
  <si>
    <t>POINT (4.651897804727173 51.871871132566596)</t>
  </si>
  <si>
    <t>POINT (4.642048399641575 51.874051725352444)</t>
  </si>
  <si>
    <t>POINT (4.670434964844425 51.871801446920294)</t>
  </si>
  <si>
    <t>POINT (4.659800335063552 51.86404180873115)</t>
  </si>
  <si>
    <t>POINT (4.643051424093746 51.873374948013755)</t>
  </si>
  <si>
    <t>POINT (4.657312132017193 51.866174653863546)</t>
  </si>
  <si>
    <t>POINT (4.666985536335215 51.865946735130095)</t>
  </si>
  <si>
    <t>POINT (4.662268109891378 51.85865490117848)</t>
  </si>
  <si>
    <t>POINT (4.655224109707421 51.86240525619727)</t>
  </si>
  <si>
    <t>POINT (4.6591619033464395 51.8648504427865)</t>
  </si>
  <si>
    <t>POINT (4.645228392429492 51.86640455102168)</t>
  </si>
  <si>
    <t>POINT (4.657614865288524 51.86810010082563)</t>
  </si>
  <si>
    <t>POINT (4.66666270783011 51.86525263129481)</t>
  </si>
  <si>
    <t>POINT (4.662253385996691 51.86902670487094)</t>
  </si>
  <si>
    <t>POINT (4.6764540223843225 51.86403825544645)</t>
  </si>
  <si>
    <t>POINT (4.659726987530867 51.86858061021952)</t>
  </si>
  <si>
    <t>POINT (4.662057513491358 51.85911202118698)</t>
  </si>
  <si>
    <t>POINT (4.6572321033143025 51.86215623893081)</t>
  </si>
  <si>
    <t>POINT (4.641879242223792 51.872252925522034)</t>
  </si>
  <si>
    <t>POINT (4.6717718983855905 51.86442994628497)</t>
  </si>
  <si>
    <t>POINT (4.658753866667544 51.86680381989633)</t>
  </si>
  <si>
    <t>POINT (4.659321938972493 51.867589352157566)</t>
  </si>
  <si>
    <t>POINT (4.6655491711995065 51.86543006123607)</t>
  </si>
  <si>
    <t>POINT (4.66667939520217 51.86421005361402)</t>
  </si>
  <si>
    <t>POINT (4.642113998855849 51.87122971057267)</t>
  </si>
  <si>
    <t>POINT (4.647756791241693 51.87069908612529)</t>
  </si>
  <si>
    <t>POINT (4.666796107244124 51.86417481508962)</t>
  </si>
  <si>
    <t>POINT (4.667903955931214 51.87116576059682)</t>
  </si>
  <si>
    <t>POINT (4.66083262731952 51.86140178372851)</t>
  </si>
  <si>
    <t>POINT (4.653883432402247 51.86802748823247)</t>
  </si>
  <si>
    <t>POINT (4.662164624951989 51.865081131515424)</t>
  </si>
  <si>
    <t>POINT (4.656641276469335 51.86322670663731)</t>
  </si>
  <si>
    <t>POINT (4.671760704387588 51.86604782902882)</t>
  </si>
  <si>
    <t>POINT (4.657701538232442 51.868127605060195)</t>
  </si>
  <si>
    <t>POINT (4.6549634904080435 51.86124802573707)</t>
  </si>
  <si>
    <t>POINT (4.653928438099264 51.86443674844595)</t>
  </si>
  <si>
    <t>POINT (4.6715746920352155 51.87044212757254)</t>
  </si>
  <si>
    <t>POINT (4.676899985933273 51.86249696119793)</t>
  </si>
  <si>
    <t>POINT (4.6532094371753 51.8680187209432)</t>
  </si>
  <si>
    <t>POINT (4.660812181444403 51.86201575145395)</t>
  </si>
  <si>
    <t>POINT (4.656634382732071 51.86320419217575)</t>
  </si>
  <si>
    <t>POINT (4.666094608498381 51.86718169794493)</t>
  </si>
  <si>
    <t>POINT (4.647032346985643 51.871485522699)</t>
  </si>
  <si>
    <t>POINT (4.661878007066589 51.8639467949721)</t>
  </si>
  <si>
    <t>POINT (4.645530630103311 51.871853572470215)</t>
  </si>
  <si>
    <t>POINT (4.669005389301025 51.866750102140536)</t>
  </si>
  <si>
    <t>POINT (4.658009895688077 51.87150025343318)</t>
  </si>
  <si>
    <t>POINT (4.654142306152782 51.86200216382401)</t>
  </si>
  <si>
    <t>POINT (4.675331206762126 51.86177796418515)</t>
  </si>
  <si>
    <t>POINT (4.649849742791378 51.871907731120274)</t>
  </si>
  <si>
    <t>POINT (4.6615867877583534 51.86563798571085)</t>
  </si>
  <si>
    <t>POINT (4.671774365025325 51.86610184393349)</t>
  </si>
  <si>
    <t>POINT (4.656798991928183 51.869649405929074)</t>
  </si>
  <si>
    <t>POINT (4.657085208041688 51.861993530414736)</t>
  </si>
  <si>
    <t>POINT (4.652355381511192 51.872750387069615)</t>
  </si>
  <si>
    <t>POINT (4.666870790494766 51.87039539690903)</t>
  </si>
  <si>
    <t>POINT (4.67287376289617 51.85967807829511)</t>
  </si>
  <si>
    <t>POINT (4.658624427731301 51.8649333826508)</t>
  </si>
  <si>
    <t>POINT (4.6625812430082485 51.86716007462039)</t>
  </si>
  <si>
    <t>POINT (4.665504538063247 51.86549720164201)</t>
  </si>
  <si>
    <t>POINT (4.66052517860601 51.872652901724344)</t>
  </si>
  <si>
    <t>POINT (4.667488349120003 51.86900594729025)</t>
  </si>
  <si>
    <t>POINT (4.680302765144797 51.846131325186875)</t>
  </si>
  <si>
    <t>POINT (4.667748644942811 51.865711416024574)</t>
  </si>
  <si>
    <t>POINT (4.665829512019524 51.86379135991793)</t>
  </si>
  <si>
    <t>POINT (4.667879119802791 51.868176894159866)</t>
  </si>
  <si>
    <t>POINT (4.655217855754153 51.862437198776625)</t>
  </si>
  <si>
    <t>POINT (4.668288450953649 51.87209394158746)</t>
  </si>
  <si>
    <t>POINT (4.6522955305927525 51.86260557042472)</t>
  </si>
  <si>
    <t>POINT (4.669542657619968 51.87175554972303)</t>
  </si>
  <si>
    <t>POINT (4.638241723158483 51.87356010600836)</t>
  </si>
  <si>
    <t>POINT (4.6550143667641555 51.865958107694844)</t>
  </si>
  <si>
    <t>POINT (4.641578499417278 51.87199933504776)</t>
  </si>
  <si>
    <t>POINT (4.6709588040267835 51.86808335711574)</t>
  </si>
  <si>
    <t>POINT (4.6584840559514 51.86463588704717)</t>
  </si>
  <si>
    <t>POINT (4.638867555325457 51.8726023107467)</t>
  </si>
  <si>
    <t>POINT (4.677456255661991 51.84460856584752)</t>
  </si>
  <si>
    <t>POINT (4.648099439179522 51.87017091353989)</t>
  </si>
  <si>
    <t>POINT (4.641640448608356 51.87176602377856)</t>
  </si>
  <si>
    <t>POINT (4.6624462818117705 51.87103333704602)</t>
  </si>
  <si>
    <t>POINT (4.644830715771481 51.8733502523068)</t>
  </si>
  <si>
    <t>POINT (4.64263286375442 51.87208947384138)</t>
  </si>
  <si>
    <t>POINT (4.665825710768552 51.86131047624701)</t>
  </si>
  <si>
    <t>POINT (4.654953216906398 51.86123790339854)</t>
  </si>
  <si>
    <t>POINT (4.659206119774931 51.86577293201475)</t>
  </si>
  <si>
    <t>POINT (4.653278714716043 51.86305738418018)</t>
  </si>
  <si>
    <t>POINT (4.659198247185763 51.87105369047832)</t>
  </si>
  <si>
    <t>POINT (4.669486353368963 51.86390365024919)</t>
  </si>
  <si>
    <t>POINT (4.662610272576803 51.86445467806404)</t>
  </si>
  <si>
    <t>POINT (4.643259458089569 51.8730886295643)</t>
  </si>
  <si>
    <t>POINT (4.665979760166539 51.86710009519132)</t>
  </si>
  <si>
    <t>POINT (4.669588296799047 51.8702592247312)</t>
  </si>
  <si>
    <t>POINT (4.669768912172173 51.86484918163083)</t>
  </si>
  <si>
    <t>POINT (4.666656822088215 51.86471327793125)</t>
  </si>
  <si>
    <t>POINT (4.661780451384104 51.86009007085389)</t>
  </si>
  <si>
    <t>POINT (4.670854458247896 51.870078192778706)</t>
  </si>
  <si>
    <t>POINT (4.65666974002129 51.86953084213122)</t>
  </si>
  <si>
    <t>POINT (4.66181215314529 51.86533063656628)</t>
  </si>
  <si>
    <t>POINT (4.639055611968901 51.87177205980863)</t>
  </si>
  <si>
    <t>POINT (4.666826254987642 51.86773449339823)</t>
  </si>
  <si>
    <t>POINT (4.667372056272804 51.86901422325423)</t>
  </si>
  <si>
    <t>POINT (4.631548460478084 51.87781380719281)</t>
  </si>
  <si>
    <t>POINT (4.641745072037255 51.87219387267986)</t>
  </si>
  <si>
    <t>POINT (4.653339617435274 51.870275679939574)</t>
  </si>
  <si>
    <t>POINT (4.6596319049681965 51.86727667084629)</t>
  </si>
  <si>
    <t>POINT (4.658583930742468 51.86474437023458)</t>
  </si>
  <si>
    <t>POINT (4.668612975173685 51.866774667771736)</t>
  </si>
  <si>
    <t>POINT (4.672598658597844 51.85716318556024)</t>
  </si>
  <si>
    <t>POINT (4.647688551638077 51.87253323583562)</t>
  </si>
  <si>
    <t>POINT (4.639776394030683 51.87121485878616)</t>
  </si>
  <si>
    <t>POINT (4.660013596018311 51.85892859860908)</t>
  </si>
  <si>
    <t>POINT (4.666598321465466 51.8647398848747)</t>
  </si>
  <si>
    <t>POINT (4.66462110128688 51.86484525410612)</t>
  </si>
  <si>
    <t>POINT (4.6671163389713906 51.86593854854019)</t>
  </si>
  <si>
    <t>POINT (4.658130828386183 51.86851678145463)</t>
  </si>
  <si>
    <t>POINT (4.6539286663522414 51.86754232177579)</t>
  </si>
  <si>
    <t>POINT (4.654741279920842 51.869298664500434)</t>
  </si>
  <si>
    <t>POINT (4.665701548503972 51.86905790524359)</t>
  </si>
  <si>
    <t>POINT (4.677470478604701 51.858980279170034)</t>
  </si>
  <si>
    <t>POINT (4.662323997689206 51.87186402954724)</t>
  </si>
  <si>
    <t>POINT (4.6577225837784795 51.865485079583095)</t>
  </si>
  <si>
    <t>POINT (4.6685523033960745 51.87148433060588)</t>
  </si>
  <si>
    <t>POINT (4.668636648042311 51.86529169062835)</t>
  </si>
  <si>
    <t>POINT (4.6732656703349384 51.85537850615892)</t>
  </si>
  <si>
    <t>POINT (4.667989362152993 51.87218199675743)</t>
  </si>
  <si>
    <t>POINT (4.644524733880393 51.86674496170277)</t>
  </si>
  <si>
    <t>POINT (4.642710104856247 51.87381772244419)</t>
  </si>
  <si>
    <t>POINT (4.648065973391814 51.87044036187544)</t>
  </si>
  <si>
    <t>POINT (4.639181596376299 51.87467619142099)</t>
  </si>
  <si>
    <t>POINT (4.660306275425051 51.868674082962215)</t>
  </si>
  <si>
    <t>POINT (4.660509552320254 51.862828240071416)</t>
  </si>
  <si>
    <t>POINT (4.658471575654573 51.86450996881287)</t>
  </si>
  <si>
    <t>POINT (4.6555841656389445 51.869759353472375)</t>
  </si>
  <si>
    <t>POINT (4.674341291870446 51.85620300550433)</t>
  </si>
  <si>
    <t>POINT (4.670143434389316 51.8597486286967)</t>
  </si>
  <si>
    <t>POINT (4.638600107881932 51.874712935859606)</t>
  </si>
  <si>
    <t>POINT (4.656432672850501 51.86921125998413)</t>
  </si>
  <si>
    <t>POINT (4.661976360311627 51.87090909019023)</t>
  </si>
  <si>
    <t>POINT (4.652407737915427 51.87310127094635)</t>
  </si>
  <si>
    <t>POINT (4.662774861581827 51.8614445035098)</t>
  </si>
  <si>
    <t>POINT (4.657312076508585 51.86707351622404)</t>
  </si>
  <si>
    <t>POINT (4.64800051670644 51.870889381475294)</t>
  </si>
  <si>
    <t>POINT (4.670069523671975 51.86466225656462)</t>
  </si>
  <si>
    <t>POINT (4.659219330966012 51.86481146452664)</t>
  </si>
  <si>
    <t>POINT (4.6670963615922805 51.865372143010376)</t>
  </si>
  <si>
    <t>POINT (4.666444406770089 51.859390708914894)</t>
  </si>
  <si>
    <t>POINT (4.665357375133496 51.86154579716072)</t>
  </si>
  <si>
    <t>POINT (4.657893014788628 51.862582810700964)</t>
  </si>
  <si>
    <t>POINT (4.66954313184647 51.86398489478843)</t>
  </si>
  <si>
    <t>POINT (4.661619360795315 51.86107782499634)</t>
  </si>
  <si>
    <t>POINT (4.6410243549424495 51.87389241784795)</t>
  </si>
  <si>
    <t>POINT (4.670074877592448 51.86523756081054)</t>
  </si>
  <si>
    <t>POINT (4.668772528879134 51.866784632464785)</t>
  </si>
  <si>
    <t>POINT (4.662364468173586 51.86887950965846)</t>
  </si>
  <si>
    <t>POINT (4.662290812435218 51.86130219293331)</t>
  </si>
  <si>
    <t>POINT (4.6443742443546805 51.87241254881983)</t>
  </si>
  <si>
    <t>POINT (4.652640939556843 51.87215892398664)</t>
  </si>
  <si>
    <t>POINT (4.673945825113795 51.841390276564894)</t>
  </si>
  <si>
    <t>POINT (4.6375838318762135 51.872953670648066)</t>
  </si>
  <si>
    <t>POINT (4.666821949311005 51.8670962751106)</t>
  </si>
  <si>
    <t>POINT (4.648929243001684 51.86472902039921)</t>
  </si>
  <si>
    <t>POINT (4.646274261764378 51.86637519900841)</t>
  </si>
  <si>
    <t>POINT (4.673501236077689 51.859748409083025)</t>
  </si>
  <si>
    <t>POINT (4.662065175104148 51.86494568816764)</t>
  </si>
  <si>
    <t>POINT (4.642183889670552 51.8696391653463)</t>
  </si>
  <si>
    <t>POINT (4.6590242628850485 51.869834662805644)</t>
  </si>
  <si>
    <t>POINT (4.645903171475746 51.86642678921756)</t>
  </si>
  <si>
    <t>POINT (4.663682446613451 51.867301692702924)</t>
  </si>
  <si>
    <t>POINT (4.664543741911451 51.8647107218122)</t>
  </si>
  <si>
    <t>POINT (4.655486002752915 51.86256848584803)</t>
  </si>
  <si>
    <t>POINT (4.661446255344422 51.868213724200395)</t>
  </si>
  <si>
    <t>POINT (4.6610522211452 51.86320732128861)</t>
  </si>
  <si>
    <t>POINT (4.650415808793422 51.870326588142625)</t>
  </si>
  <si>
    <t>POINT (4.660967297692072 51.86100188548354)</t>
  </si>
  <si>
    <t>POINT (4.652217864715378 51.86827768471294)</t>
  </si>
  <si>
    <t>POINT (4.666036248322582 51.867199316858525)</t>
  </si>
  <si>
    <t>POINT (4.659719056740492 51.861884034314805)</t>
  </si>
  <si>
    <t>POINT (4.654988199571346 51.86119802321207)</t>
  </si>
  <si>
    <t>POINT (4.65641925696296 51.8666185330797)</t>
  </si>
  <si>
    <t>POINT (4.65824986551163 51.872373639097724)</t>
  </si>
  <si>
    <t>POINT (4.667400374911879 51.86905933988215)</t>
  </si>
  <si>
    <t>POINT (4.655090543445139 51.87154051966022)</t>
  </si>
  <si>
    <t>POINT (4.678145302288344 51.8442503433269)</t>
  </si>
  <si>
    <t>POINT (4.660165002371842 51.86393620321438)</t>
  </si>
  <si>
    <t>POINT (4.6590876929438485 51.86411829044851)</t>
  </si>
  <si>
    <t>POINT (4.644948522626978 51.87104990714446)</t>
  </si>
  <si>
    <t>POINT (4.638548455430148 51.874326095382884)</t>
  </si>
  <si>
    <t>POINT (4.641694506840234 51.87200906003435)</t>
  </si>
  <si>
    <t>POINT (4.655031076751929 51.87162554091602)</t>
  </si>
  <si>
    <t>POINT (4.65467798712033 51.86298526738702)</t>
  </si>
  <si>
    <t>POINT (4.6402504017699275 51.870895209019466)</t>
  </si>
  <si>
    <t>POINT (4.661910498026857 51.863281837265646)</t>
  </si>
  <si>
    <t>POINT (4.674080669494654 51.863906755973595)</t>
  </si>
  <si>
    <t>POINT (4.655291369885008 51.87177610462835)</t>
  </si>
  <si>
    <t>POINT (4.653315437027398 51.871758652070866)</t>
  </si>
  <si>
    <t>POINT (4.667654618553539 51.8631463865294)</t>
  </si>
  <si>
    <t>POINT (4.630029616493024 51.87831637933672)</t>
  </si>
  <si>
    <t>POINT (4.64103853539717 51.874350928196804)</t>
  </si>
  <si>
    <t>POINT (4.630283142804642 51.878785422344144)</t>
  </si>
  <si>
    <t>POINT (4.635593414443509 51.87301286029299)</t>
  </si>
  <si>
    <t>POINT (4.674973328174634 51.855247754324786)</t>
  </si>
  <si>
    <t>POINT (4.656794686349194 51.865838929710634)</t>
  </si>
  <si>
    <t>POINT (4.671006363211469 51.867831965939544)</t>
  </si>
  <si>
    <t>POINT (4.642082082155542 51.87315757009817)</t>
  </si>
  <si>
    <t>POINT (4.652630679548174 51.8701184417249)</t>
  </si>
  <si>
    <t>POINT (4.669977837926495 51.86494933247968)</t>
  </si>
  <si>
    <t>POINT (4.667499266852613 51.867415029061114)</t>
  </si>
  <si>
    <t>POINT (4.663951470071713 51.86610759333499)</t>
  </si>
  <si>
    <t>POINT (4.67051726887874 51.86480880753582)</t>
  </si>
  <si>
    <t>POINT (4.658676505152971 51.86620110211733)</t>
  </si>
  <si>
    <t>POINT (4.648909952060378 51.87083689998851)</t>
  </si>
  <si>
    <t>POINT (4.667617148963911 51.86912358845261)</t>
  </si>
  <si>
    <t>POINT (4.662533542204622 51.87102488682144)</t>
  </si>
  <si>
    <t>POINT (4.66608078731907 51.86260640474437)</t>
  </si>
  <si>
    <t>POINT (4.6465112163374895 51.866533994741005)</t>
  </si>
  <si>
    <t>POINT (4.658815579970665 51.86119529831449)</t>
  </si>
  <si>
    <t>POINT (4.632774893655333 51.876126433273605)</t>
  </si>
  <si>
    <t>POINT (4.653792208505718 51.86745158347075)</t>
  </si>
  <si>
    <t>POINT (4.6737757550064725 51.841462626498526)</t>
  </si>
  <si>
    <t>POINT (4.6590345288269726 51.8649277373433)</t>
  </si>
  <si>
    <t>POINT (4.65104375979653 51.870818608008676)</t>
  </si>
  <si>
    <t>POINT (4.6611906574433135 51.86515601251051)</t>
  </si>
  <si>
    <t>POINT (4.655237181060261 51.862448689845756)</t>
  </si>
  <si>
    <t>POINT (4.666438792406317 51.86382206653193)</t>
  </si>
  <si>
    <t>POINT (4.653296237940492 51.872936041860996)</t>
  </si>
  <si>
    <t>POINT (4.6539471728731945 51.86863455565322)</t>
  </si>
  <si>
    <t>POINT (4.676148226951855 51.84675342949367)</t>
  </si>
  <si>
    <t>POINT (4.644340903597501 51.871933082081846)</t>
  </si>
  <si>
    <t>POINT (4.642564150006635 51.87035167898195)</t>
  </si>
  <si>
    <t>POINT (4.662329209700689 51.85846651706562)</t>
  </si>
  <si>
    <t>POINT (4.670598532764933 51.85970376687287)</t>
  </si>
  <si>
    <t>POINT (4.6661399134806745 51.86616626209545)</t>
  </si>
  <si>
    <t>POINT (4.642789218965406 51.86991266248999)</t>
  </si>
  <si>
    <t>POINT (4.658500755473211 51.864501161236014)</t>
  </si>
  <si>
    <t>POINT (4.6474484918638845 51.87090388334357)</t>
  </si>
  <si>
    <t>POINT (4.631872607736841 51.8775372441752)</t>
  </si>
  <si>
    <t>POINT (4.639852913644267 51.87185353889071)</t>
  </si>
  <si>
    <t>POINT (4.655917119077721 51.866246873893765)</t>
  </si>
  <si>
    <t>POINT (4.637613470324061 51.87291790524482)</t>
  </si>
  <si>
    <t>POINT (4.667107960704674 51.86174892751255)</t>
  </si>
  <si>
    <t>POINT (4.672932685989839 51.86000485847146)</t>
  </si>
  <si>
    <t>POINT (4.664603703884649 51.86237261025371)</t>
  </si>
  <si>
    <t>POINT (4.657098747823015 51.862053838426164)</t>
  </si>
  <si>
    <t>POINT (4.670779367739537 51.86384862447725)</t>
  </si>
  <si>
    <t>POINT (4.663994512701702 51.864126136664254)</t>
  </si>
  <si>
    <t>POINT (4.656644924666909 51.87150076029054)</t>
  </si>
  <si>
    <t>POINT (4.668907971950973 51.867850611911145)</t>
  </si>
  <si>
    <t>POINT (4.672236047216427 51.86080137073201)</t>
  </si>
  <si>
    <t>POINT (4.65337066462043 51.86703547346555)</t>
  </si>
  <si>
    <t>POINT (4.656489367712493 51.86856051265478)</t>
  </si>
  <si>
    <t>POINT (4.668827972120734 51.86558499112626)</t>
  </si>
  <si>
    <t>POINT (4.657348963078941 51.862112022064984)</t>
  </si>
  <si>
    <t>POINT (4.656692392510656 51.86589215336615)</t>
  </si>
  <si>
    <t>POINT (4.668474289399122 51.86500306136652)</t>
  </si>
  <si>
    <t>POINT (4.640589645207275 51.87383572375679)</t>
  </si>
  <si>
    <t>POINT (4.668355793320328 51.865604573641896)</t>
  </si>
  <si>
    <t>POINT (4.66491431813332 51.86201497596421)</t>
  </si>
  <si>
    <t>POINT (4.664574428644228 51.87233631539196)</t>
  </si>
  <si>
    <t>POINT (4.666771069541835 51.86664653209761)</t>
  </si>
  <si>
    <t>POINT (4.686142134683186 51.86742891115646)</t>
  </si>
  <si>
    <t>POINT (4.669199310418764 51.86369515750168)</t>
  </si>
  <si>
    <t>POINT (4.640739527687604 51.87442992611861)</t>
  </si>
  <si>
    <t>POINT (4.659370158330202 51.86640315249412)</t>
  </si>
  <si>
    <t>2952DE</t>
  </si>
  <si>
    <t>POINT (4.672579309665291 51.84530256883968)</t>
  </si>
  <si>
    <t>POINT (4.661423976614327 51.86599339665949)</t>
  </si>
  <si>
    <t>POINT (4.65773710125671 51.865485169751636)</t>
  </si>
  <si>
    <t>POINT (4.6621278136227655 51.86646515233996)</t>
  </si>
  <si>
    <t>POINT (4.642308731923432 51.87262418397932)</t>
  </si>
  <si>
    <t>POINT (4.663420787926631 51.86280576875802)</t>
  </si>
  <si>
    <t>POINT (4.667946077654208 51.8712559046635)</t>
  </si>
  <si>
    <t>POINT (4.667528734194731 51.86738824377046)</t>
  </si>
  <si>
    <t>POINT (4.661688617289415 51.859482770961684)</t>
  </si>
  <si>
    <t>POINT (4.656504327651441 51.872111112023795)</t>
  </si>
  <si>
    <t>POINT (4.667544678855001 51.86548275434385)</t>
  </si>
  <si>
    <t>POINT (4.639355882716033 51.87380090934233)</t>
  </si>
  <si>
    <t>POINT (4.639000571469304 51.87420942724816)</t>
  </si>
  <si>
    <t>POINT (4.656736978086013 51.867618247133514)</t>
  </si>
  <si>
    <t>POINT (4.639068047927511 51.87451816718496)</t>
  </si>
  <si>
    <t>POINT (4.67184979513381 51.87003482157593)</t>
  </si>
  <si>
    <t>POINT (4.641760021770665 51.87199878835041)</t>
  </si>
  <si>
    <t>POINT (4.657111037781887 51.86872617385385)</t>
  </si>
  <si>
    <t>POINT (4.670925252602371 51.863804571197875)</t>
  </si>
  <si>
    <t>POINT (4.667274160677245 51.87241131930466)</t>
  </si>
  <si>
    <t>POINT (4.655001142557297 51.86543219039204)</t>
  </si>
  <si>
    <t>POINT (4.651174049326918 51.862316564757336)</t>
  </si>
  <si>
    <t>POINT (4.6391464013606685 51.874172603784025)</t>
  </si>
  <si>
    <t>POINT (4.672117527337994 51.86488148202014)</t>
  </si>
  <si>
    <t>POINT (4.642788627570465 51.87389911778875)</t>
  </si>
  <si>
    <t>POINT (4.666576740037968 51.86608804553194)</t>
  </si>
  <si>
    <t>POINT (4.634665231033806 51.87467880413982)</t>
  </si>
  <si>
    <t>POINT (4.652946641967847 51.868106964658566)</t>
  </si>
  <si>
    <t>POINT (4.635205789284486 51.87448451599161)</t>
  </si>
  <si>
    <t>POINT (4.656648170213442 51.86324922109842)</t>
  </si>
  <si>
    <t>POINT (4.662459315012676 51.86210771513168)</t>
  </si>
  <si>
    <t>POINT (4.654968312849206 51.869579203884314)</t>
  </si>
  <si>
    <t>POINT (4.644252573577731 51.87054663797118)</t>
  </si>
  <si>
    <t>POINT (4.6433126746890565 51.87133794495906)</t>
  </si>
  <si>
    <t>POINT (4.6692637249852815 51.86420790261556)</t>
  </si>
  <si>
    <t>POINT (4.6533970403092555 51.8707614245065)</t>
  </si>
  <si>
    <t>POINT (4.658718139984504 51.867217075076205)</t>
  </si>
  <si>
    <t>POINT (4.640367893058284 51.873138674672006)</t>
  </si>
  <si>
    <t>POINT (4.644817729358105 51.87177911929685)</t>
  </si>
  <si>
    <t>POINT (4.669643175161916 51.8640843808805)</t>
  </si>
  <si>
    <t>o</t>
  </si>
  <si>
    <t>POINT (4.672670537266906 51.86006510548745)</t>
  </si>
  <si>
    <t>POINT (4.667657845639543 51.87111931013378)</t>
  </si>
  <si>
    <t>POINT (4.661469033572741 51.86770151349502)</t>
  </si>
  <si>
    <t>POINT (4.674313772402141 51.84209708591027)</t>
  </si>
  <si>
    <t>POINT (4.6706956823929335 51.86910645420218)</t>
  </si>
  <si>
    <t>POINT (4.66460518317956 51.86408944666027)</t>
  </si>
  <si>
    <t>POINT (4.658365037089922 51.86397556293267)</t>
  </si>
  <si>
    <t>POINT (4.650736878848021 51.86587922934948)</t>
  </si>
  <si>
    <t>POINT (4.662243146178289 51.86471308260864)</t>
  </si>
  <si>
    <t>POINT (4.66538668688948 51.87194131634404)</t>
  </si>
  <si>
    <t>POINT (4.637862406583878 51.87366555042597)</t>
  </si>
  <si>
    <t>POINT (4.642745909740936 51.87340896662821)</t>
  </si>
  <si>
    <t>POINT (4.642038032316774 51.869678688944624)</t>
  </si>
  <si>
    <t>POINT (4.657865292157132 51.86250174086161)</t>
  </si>
  <si>
    <t>POINT (4.666827099020446 51.86949626743923)</t>
  </si>
  <si>
    <t>POINT (4.640794979512972 51.87108650646474)</t>
  </si>
  <si>
    <t>POINT (4.672291663026328 51.86228611697818)</t>
  </si>
  <si>
    <t>POINT (4.643120357665656 51.87237717911145)</t>
  </si>
  <si>
    <t>POINT (4.645246906825671 51.87232817807214)</t>
  </si>
  <si>
    <t>POINT (4.653211951720067 51.86308105648809)</t>
  </si>
  <si>
    <t>logiesfunctie</t>
  </si>
  <si>
    <t>POINT (4.659098391069096 51.86614978651957)</t>
  </si>
  <si>
    <t>POINT (4.63372727323438 51.876057041529535)</t>
  </si>
  <si>
    <t>POINT (4.665901555894194 51.87198043364384)</t>
  </si>
  <si>
    <t>POINT (4.664045179748786 51.86380092562274)</t>
  </si>
  <si>
    <t>POINT (4.6676001814898305 51.868368440769224)</t>
  </si>
  <si>
    <t>POINT (4.652736713906591 51.863620324799705)</t>
  </si>
  <si>
    <t>POINT (4.656787533006999 51.867187107459934)</t>
  </si>
  <si>
    <t>POINT (4.6593876103237895 51.86442576278247)</t>
  </si>
  <si>
    <t>POINT (4.670756980866639 51.866167551204235)</t>
  </si>
  <si>
    <t>POINT (4.660000365986982 51.87053283398002)</t>
  </si>
  <si>
    <t>POINT (4.66400650418245 51.86886444545418)</t>
  </si>
  <si>
    <t>POINT (4.666579818479811 51.871337416603836)</t>
  </si>
  <si>
    <t>POINT (4.666056620031691 51.86864660945484)</t>
  </si>
  <si>
    <t>POINT (4.675849003862199 51.853569492687214)</t>
  </si>
  <si>
    <t>POINT (4.6588009622314965 51.86479065959972)</t>
  </si>
  <si>
    <t>POINT (4.661640841152624 51.86514980587277)</t>
  </si>
  <si>
    <t>POINT (4.673270410565428 51.85965711985924)</t>
  </si>
  <si>
    <t>POINT (4.667486624579956 51.869113800110085)</t>
  </si>
  <si>
    <t>POINT (4.673827657522531 51.84109909067173)</t>
  </si>
  <si>
    <t>POINT (4.669221033768459 51.864153709922014)</t>
  </si>
  <si>
    <t>POINT (4.660401754547745 51.86123209126049)</t>
  </si>
  <si>
    <t>POINT (4.655767447271728 51.869203200211714)</t>
  </si>
  <si>
    <t>POINT (4.67004962397689 51.87183504929293)</t>
  </si>
  <si>
    <t>POINT (4.67190822385411 51.86983023708484)</t>
  </si>
  <si>
    <t>POINT (4.643598863922984 51.87180125153204)</t>
  </si>
  <si>
    <t>POINT (4.658188541729176 51.86674638052943)</t>
  </si>
  <si>
    <t>POINT (4.6603106297218995 51.86840445124068)</t>
  </si>
  <si>
    <t>POINT (4.672671685640522 51.86023515022276)</t>
  </si>
  <si>
    <t>POINT (4.641225342964029 51.87140384276637)</t>
  </si>
  <si>
    <t>POINT (4.6444407884380725 51.86679214254502)</t>
  </si>
  <si>
    <t>POINT (4.652193863243399 51.87019211239184)</t>
  </si>
  <si>
    <t>POINT (4.65597186382179 51.86689889029301)</t>
  </si>
  <si>
    <t>POINT (4.656887864347465 51.86905736551761)</t>
  </si>
  <si>
    <t>POINT (4.6429808531962085 51.872812711395376)</t>
  </si>
  <si>
    <t>POINT (4.670033589874195 51.87056306293916)</t>
  </si>
  <si>
    <t>POINT (4.663231167057686 51.866471958686766)</t>
  </si>
  <si>
    <t>POINT (4.667976552618286 51.8711662051448)</t>
  </si>
  <si>
    <t>POINT (4.667122711967853 51.87189354575308)</t>
  </si>
  <si>
    <t>POINT (4.657894179590093 51.862510908885014)</t>
  </si>
  <si>
    <t>POINT (4.656520881847375 51.86661916535436)</t>
  </si>
  <si>
    <t>POINT (4.663226099397483 51.870849385229654)</t>
  </si>
  <si>
    <t>POINT (4.668318599955756 51.85987104331943)</t>
  </si>
  <si>
    <t>POINT (4.66382651939994 51.87234070042626)</t>
  </si>
  <si>
    <t>POINT (4.6551797004024476 51.86986927211865)</t>
  </si>
  <si>
    <t>POINT (4.658610284258277 51.87118937742993)</t>
  </si>
  <si>
    <t>POINT (4.667048753228849 51.87107063422273)</t>
  </si>
  <si>
    <t>POINT (4.659148953030764 51.87110283134426)</t>
  </si>
  <si>
    <t>POINT (4.6720396084540035 51.846971501858135)</t>
  </si>
  <si>
    <t>POINT (4.667088461633733 51.8640507673086)</t>
  </si>
  <si>
    <t>POINT (4.657293826324647 51.871555840846604)</t>
  </si>
  <si>
    <t>POINT (4.659896993628786 51.869741195299895)</t>
  </si>
  <si>
    <t>POINT (4.6663109000853025 51.86908861263462)</t>
  </si>
  <si>
    <t>POINT (4.662535947814905 51.86185650643496)</t>
  </si>
  <si>
    <t>POINT (4.66599341287169 51.8721382984199)</t>
  </si>
  <si>
    <t>POINT (4.641722652701271 51.87206317047862)</t>
  </si>
  <si>
    <t>POINT (4.664881918223644 51.86855849356567)</t>
  </si>
  <si>
    <t>POINT (4.6609499593774935 51.87287574999245)</t>
  </si>
  <si>
    <t>POINT (4.642746628183399 51.873804470980936)</t>
  </si>
  <si>
    <t>POINT (4.652677328718204 51.86192110131289)</t>
  </si>
  <si>
    <t>POINT (4.6397559043698315 51.87157427387919)</t>
  </si>
  <si>
    <t>POINT (4.646630832377211 51.87117737839251)</t>
  </si>
  <si>
    <t>POINT (4.668022298124225 51.864213790239944)</t>
  </si>
  <si>
    <t>POINT (4.654276303878959 51.86168748108326)</t>
  </si>
  <si>
    <t>POINT (4.673862409829815 51.86077530616489)</t>
  </si>
  <si>
    <t>POINT (4.665104769879076 51.8691486183219)</t>
  </si>
  <si>
    <t>POINT (4.657922589692024 51.87240756206803)</t>
  </si>
  <si>
    <t>POINT (4.671426856722325 51.865128956077555)</t>
  </si>
  <si>
    <t>POINT (4.667327698244965 51.859077030446436)</t>
  </si>
  <si>
    <t>POINT (4.661899870719694 51.85898520682781)</t>
  </si>
  <si>
    <t>POINT (4.659636516808292 51.86339810707649)</t>
  </si>
  <si>
    <t>POINT (4.667630942518948 51.868260765832794)</t>
  </si>
  <si>
    <t>POINT (4.660826757931217 51.86386389457783)</t>
  </si>
  <si>
    <t>POINT (4.654985567299565 51.8611626005663)</t>
  </si>
  <si>
    <t>POINT (4.651934487796186 51.86164607472413)</t>
  </si>
  <si>
    <t>POINT (4.65788876278776 51.866429917486656)</t>
  </si>
  <si>
    <t>POINT (4.654827052864872 51.87122427521457)</t>
  </si>
  <si>
    <t>POINT (4.665017487513107 51.86825371418802)</t>
  </si>
  <si>
    <t>POINT (4.652884316507922 51.86278845076655)</t>
  </si>
  <si>
    <t>POINT (4.651102808436222 51.87031561491303)</t>
  </si>
  <si>
    <t>POINT (4.638861636345754 51.87514156240292)</t>
  </si>
  <si>
    <t>POINT (4.668715317917094 51.866730350796566)</t>
  </si>
  <si>
    <t>POINT (4.657373402818359 51.863560619966805)</t>
  </si>
  <si>
    <t>POINT (4.657054251591916 51.866856186658836)</t>
  </si>
  <si>
    <t>POINT (4.655045680287477 51.86117446282055)</t>
  </si>
  <si>
    <t>POINT (4.6326081677276525 51.87697568745553)</t>
  </si>
  <si>
    <t>POINT (4.664453473291689 51.86673671408704)</t>
  </si>
  <si>
    <t>2951EA</t>
  </si>
  <si>
    <t>POINT (4.668267738635539 51.87157247533344)</t>
  </si>
  <si>
    <t>POINT (4.670273269063914 51.87010161261131)</t>
  </si>
  <si>
    <t>POINT (4.638697823402429 51.87320346788939)</t>
  </si>
  <si>
    <t>POINT (4.6731114652591 51.855308356119494)</t>
  </si>
  <si>
    <t>POINT (4.652538586827309 51.868643730738206)</t>
  </si>
  <si>
    <t>POINT (4.657369419847081 51.867118815698994)</t>
  </si>
  <si>
    <t>POINT (4.667488780253526 51.86897898408508)</t>
  </si>
  <si>
    <t>POINT (4.666884471724607 51.86772586182944)</t>
  </si>
  <si>
    <t>POINT (4.654781686523555 51.871781287007394)</t>
  </si>
  <si>
    <t>POINT (4.640319430810586 51.873492437824495)</t>
  </si>
  <si>
    <t>POINT (4.655002093540152 51.86122743975384)</t>
  </si>
  <si>
    <t>2953GD</t>
  </si>
  <si>
    <t>Molensingel</t>
  </si>
  <si>
    <t>POINT (4.643884196021513 51.874849834972295)</t>
  </si>
  <si>
    <t>POINT (4.639973873775499 51.870690279977765)</t>
  </si>
  <si>
    <t>POINT (4.657836841569785 51.86246560965018)</t>
  </si>
  <si>
    <t>POINT (4.667828927555413 51.87222595736307)</t>
  </si>
  <si>
    <t>POINT (4.647960717889598 51.87244865820821)</t>
  </si>
  <si>
    <t>POINT (4.67444275129785 51.8562126099869)</t>
  </si>
  <si>
    <t>POINT (4.666764308768901 51.867068955706245)</t>
  </si>
  <si>
    <t>POINT (4.642752584292884 51.87205559049065)</t>
  </si>
  <si>
    <t>POINT (4.666196754284662 51.86352395633862)</t>
  </si>
  <si>
    <t>POINT (4.677693273550539 51.844805411285364)</t>
  </si>
  <si>
    <t>POINT (4.65968814425379 51.8723510959934)</t>
  </si>
  <si>
    <t>POINT (4.663468721614875 51.86704869453601)</t>
  </si>
  <si>
    <t>POINT (4.675380814051438 51.85390780086547)</t>
  </si>
  <si>
    <t>POINT (4.66662825802574 51.86695126905865)</t>
  </si>
  <si>
    <t>POINT (4.6675570482148645 51.86679786507148)</t>
  </si>
  <si>
    <t>POINT (4.661295201910824 51.86587574870556)</t>
  </si>
  <si>
    <t>POINT (4.652804016984703 51.862164586780224)</t>
  </si>
  <si>
    <t>POINT (4.659392520954211 51.86832736905136)</t>
  </si>
  <si>
    <t>POINT (4.6531056872281535 51.86859334477654)</t>
  </si>
  <si>
    <t>POINT (4.658269499609202 51.86443680576638)</t>
  </si>
  <si>
    <t>POINT (4.659690024096654 51.86188385447034)</t>
  </si>
  <si>
    <t>POINT (4.653025573739629 51.86193226750001)</t>
  </si>
  <si>
    <t>POINT (4.6602528463232105 51.868386116373195)</t>
  </si>
  <si>
    <t>POINT (4.667355238879363 51.87006578815974)</t>
  </si>
  <si>
    <t>POINT (4.651418189135449 51.86205146462676)</t>
  </si>
  <si>
    <t>POINT (4.660982738276026 51.86364463781837)</t>
  </si>
  <si>
    <t>POINT (4.681355228340379 51.86806539797255)</t>
  </si>
  <si>
    <t>POINT (4.668412500128701 51.865690312580675)</t>
  </si>
  <si>
    <t>POINT (4.641970889395376 51.87110296178178)</t>
  </si>
  <si>
    <t>POINT (4.6518139297697445 51.86411791387657)</t>
  </si>
  <si>
    <t>POINT (4.655077402804726 51.861231495724056)</t>
  </si>
  <si>
    <t>POINT (4.657863955816497 51.86307172861459)</t>
  </si>
  <si>
    <t>POINT (4.6623119578927 51.86765278714619)</t>
  </si>
  <si>
    <t>POINT (4.665767020917292 51.87131444996815)</t>
  </si>
  <si>
    <t>POINT (4.669226657116818 51.86789750350804)</t>
  </si>
  <si>
    <t>POINT (4.6432097892567965 51.871401508115994)</t>
  </si>
  <si>
    <t>POINT (4.6506598797439285 51.864551125195646)</t>
  </si>
  <si>
    <t>POINT (4.651952522061118 51.87118833950328)</t>
  </si>
  <si>
    <t>POINT (4.641741707527616 51.870912746119956)</t>
  </si>
  <si>
    <t>POINT (4.643271660703731 51.87225904708971)</t>
  </si>
  <si>
    <t>POINT (4.644792715666956 51.87301293849193)</t>
  </si>
  <si>
    <t>POINT (4.661926140399962 51.871322256532395)</t>
  </si>
  <si>
    <t>POINT (4.677775619341156 51.84467804554752)</t>
  </si>
  <si>
    <t>POINT (4.677083429470606 51.85897763378237)</t>
  </si>
  <si>
    <t>POINT (4.654086235650075 51.86990282011705)</t>
  </si>
  <si>
    <t>POINT (4.642377485155227 51.870224654528215)</t>
  </si>
  <si>
    <t>POINT (4.641842571057089 51.87227516440973)</t>
  </si>
  <si>
    <t>POINT (4.6565734948005435 51.871428407019536)</t>
  </si>
  <si>
    <t>POINT (4.663308445494487 51.86708366129003)</t>
  </si>
  <si>
    <t>POINT (4.655687637072979 51.87098694514345)</t>
  </si>
  <si>
    <t>POINT (4.658371701652142 51.86440148552815)</t>
  </si>
  <si>
    <t>POINT (4.659826324478533 51.8633318680662)</t>
  </si>
  <si>
    <t>POINT (4.648434962915427 51.864325917932085)</t>
  </si>
  <si>
    <t>POINT (4.640875636652709 51.873041372999815)</t>
  </si>
  <si>
    <t>POINT (4.661252854997692 51.86760130268691)</t>
  </si>
  <si>
    <t>POINT (4.651755900284151 51.862337800640326)</t>
  </si>
  <si>
    <t>POINT (4.642199059743397 51.87310887461227)</t>
  </si>
  <si>
    <t>POINT (4.652442526321674 51.86919143619506)</t>
  </si>
  <si>
    <t>POINT (4.640363812430712 51.870834591725995)</t>
  </si>
  <si>
    <t>POINT (4.639068224769613 51.87538107712848)</t>
  </si>
  <si>
    <t>POINT (4.637930972226424 51.874780578598774)</t>
  </si>
  <si>
    <t>POINT (4.6533618589139065 51.87202860084127)</t>
  </si>
  <si>
    <t>POINT (4.6550376763070345 51.861239032218904)</t>
  </si>
  <si>
    <t>POINT (4.640297900219512 51.8739147667106)</t>
  </si>
  <si>
    <t>POINT (4.656486661098627 51.86188927893418)</t>
  </si>
  <si>
    <t>POINT (4.653484887901339 51.87071703016613)</t>
  </si>
  <si>
    <t>POINT (4.641606496239271 51.872062433209024)</t>
  </si>
  <si>
    <t>POINT (4.666432213070706 51.86967361719089)</t>
  </si>
  <si>
    <t>POINT (4.653585187362958 51.869908680313394)</t>
  </si>
  <si>
    <t>POINT (4.662316844493005 51.85574685777766)</t>
  </si>
  <si>
    <t>POINT (4.666811449077884 51.867752379822846)</t>
  </si>
  <si>
    <t>POINT (4.666169020901883 51.866161946482165)</t>
  </si>
  <si>
    <t>POINT (4.642349339644722 51.8701705442289)</t>
  </si>
  <si>
    <t>POINT (4.654795467774866 51.870042074125294)</t>
  </si>
  <si>
    <t>POINT (4.651439079900983 51.865733520266446)</t>
  </si>
  <si>
    <t>POINT (4.654910001161608 51.87148096816171)</t>
  </si>
  <si>
    <t>POINT (4.648453826169712 51.87025404069523)</t>
  </si>
  <si>
    <t>POINT (4.659737162694803 51.867052607226015)</t>
  </si>
  <si>
    <t>POINT (4.640122618955918 51.871351890986126)</t>
  </si>
  <si>
    <t>POINT (4.661474746759158 51.86464541664075)</t>
  </si>
  <si>
    <t>POINT (4.662042827264637 51.861826496739944)</t>
  </si>
  <si>
    <t>POINT (4.656343105816988 51.86915176427487)</t>
  </si>
  <si>
    <t>POINT (4.6644526022177235 51.86673670872676)</t>
  </si>
  <si>
    <t>POINT (4.672638771942434 51.850976556941646)</t>
  </si>
  <si>
    <t>POINT (4.662721931143601 51.87104852049591)</t>
  </si>
  <si>
    <t>POINT (4.670619437134819 51.85291748082782)</t>
  </si>
  <si>
    <t>POINT (4.667205140514192 51.85285165244746)</t>
  </si>
  <si>
    <t>POINT (4.664071726409862 51.862953596577455)</t>
  </si>
  <si>
    <t>POINT (4.666066580316978 51.867118605526265)</t>
  </si>
  <si>
    <t>POINT (4.665588897655231 51.87155604838756)</t>
  </si>
  <si>
    <t>POINT (4.6597990108550595 51.866819286045306)</t>
  </si>
  <si>
    <t>POINT (4.667199132174702 51.86620871469633)</t>
  </si>
  <si>
    <t>POINT (4.638269230943194 51.871034474335744)</t>
  </si>
  <si>
    <t>POINT (4.651450412765838 51.86191325048062)</t>
  </si>
  <si>
    <t>POINT (4.667058239325282 51.87138529385506)</t>
  </si>
  <si>
    <t>POINT (4.6544863148780244 51.86807163671377)</t>
  </si>
  <si>
    <t>POINT (4.64652355253251 51.87063738404971)</t>
  </si>
  <si>
    <t>POINT (4.657504889888521 51.86682303274974)</t>
  </si>
  <si>
    <t>POINT (4.661919112034016 51.86094484713403)</t>
  </si>
  <si>
    <t>POINT (4.657013927985428 51.86844692280245)</t>
  </si>
  <si>
    <t>POINT (4.671487577357084 51.870441596781305)</t>
  </si>
  <si>
    <t>POINT (4.644418322555047 51.8723813673555)</t>
  </si>
  <si>
    <t>POINT (4.6525814088438 51.86868894172371)</t>
  </si>
  <si>
    <t>POINT (4.630532429811111 51.878643210162636)</t>
  </si>
  <si>
    <t>POINT (4.66659853945923 51.869261161406854)</t>
  </si>
  <si>
    <t>POINT (4.669321456000474 51.867871117118334)</t>
  </si>
  <si>
    <t>POINT (4.66897237200222 51.867909431740465)</t>
  </si>
  <si>
    <t>POINT (4.668042360122339 51.86068587872241)</t>
  </si>
  <si>
    <t>POINT (4.669354044601354 51.86091102389799)</t>
  </si>
  <si>
    <t>POINT (4.672017953602028 51.86904709836558)</t>
  </si>
  <si>
    <t>POINT (4.667739493436579 51.870553527633334)</t>
  </si>
  <si>
    <t>POINT (4.6466815157084085 51.87162712948333)</t>
  </si>
  <si>
    <t>POINT (4.641728769611832 51.87414857221916)</t>
  </si>
  <si>
    <t>POINT (4.6404004666174545 51.87318581143505)</t>
  </si>
  <si>
    <t>POINT (4.638285881506441 51.873524433019824)</t>
  </si>
  <si>
    <t>POINT (4.652349377444164 51.8717840723261)</t>
  </si>
  <si>
    <t>POINT (4.6561380717600995 51.86962797301898)</t>
  </si>
  <si>
    <t>POINT (4.6544913918002155 51.87043567715803)</t>
  </si>
  <si>
    <t>POINT (4.656820993882134 51.86423005676417)</t>
  </si>
  <si>
    <t>POINT (4.656796480682636 51.865837511677576)</t>
  </si>
  <si>
    <t>POINT (4.6421021820290855 51.8728206238607)</t>
  </si>
  <si>
    <t>POINT (4.644867460468648 51.873323518641236)</t>
  </si>
  <si>
    <t>POINT (4.652624230946188 51.868734152693456)</t>
  </si>
  <si>
    <t>POINT (4.650777106041773 51.86981021006941)</t>
  </si>
  <si>
    <t>POINT (4.656316200156071 51.86983581994956)</t>
  </si>
  <si>
    <t>POINT (4.638653815184807 51.87323015335235)</t>
  </si>
  <si>
    <t>POINT (4.666813410630483 51.85247801927991)</t>
  </si>
  <si>
    <t>POINT (4.654057929849094 51.86985770030822)</t>
  </si>
  <si>
    <t>POINT (4.656794541173293 51.865838928807804)</t>
  </si>
  <si>
    <t>POINT (4.659478103326278 51.866012816160506)</t>
  </si>
  <si>
    <t>POINT (4.662326541729973 51.86314058783792)</t>
  </si>
  <si>
    <t>POINT (4.630697138305599 51.87748473677014)</t>
  </si>
  <si>
    <t>POINT (4.670650466234362 51.85279182934144)</t>
  </si>
  <si>
    <t>POINT (4.646319841150408 51.870663065170994)</t>
  </si>
  <si>
    <t>POINT (4.66252654751535 51.868187352312766)</t>
  </si>
  <si>
    <t>POINT (4.652369492828256 51.86921794518167)</t>
  </si>
  <si>
    <t>POINT (4.660457878314334 51.86280691389613)</t>
  </si>
  <si>
    <t>POINT (4.663783294494928 51.86940338574038)</t>
  </si>
  <si>
    <t>POINT (4.675459523719381 51.85460981321498)</t>
  </si>
  <si>
    <t>POINT (4.6603811786825124 51.86673300388834)</t>
  </si>
  <si>
    <t>POINT (4.655265550618893 51.862328050433014)</t>
  </si>
  <si>
    <t>POINT (4.657759267886855 51.866357204289855)</t>
  </si>
  <si>
    <t>POINT (4.643020345092699 51.872410864111515)</t>
  </si>
  <si>
    <t>POINT (4.6571262793239425 51.86214659249198)</t>
  </si>
  <si>
    <t>POINT (4.65554965851955 51.86812777482547)</t>
  </si>
  <si>
    <t>POINT (4.658540233537821 51.86475308776456)</t>
  </si>
  <si>
    <t>POINT (4.664454199186663 51.86673671855393)</t>
  </si>
  <si>
    <t>POINT (4.657951372137037 51.86256519581893)</t>
  </si>
  <si>
    <t>POINT (4.641577990103269 51.86858711952023)</t>
  </si>
  <si>
    <t>POINT (4.655002222025271 51.8612195395446)</t>
  </si>
  <si>
    <t>POINT (4.6670115463881245 51.867043506130614)</t>
  </si>
  <si>
    <t>POINT (4.66755705727284 51.86834121070352)</t>
  </si>
  <si>
    <t>POINT (4.66099540685469 51.86555929352885)</t>
  </si>
  <si>
    <t>POINT (4.652304199975243 51.87232760150205)</t>
  </si>
  <si>
    <t>POINT (4.662316611160004 51.86195402773372)</t>
  </si>
  <si>
    <t>POINT (4.651200898785889 51.87097689374671)</t>
  </si>
  <si>
    <t>POINT (4.654211473891286 51.87202042288536)</t>
  </si>
  <si>
    <t>POINT (4.668560737425737 51.86977384917335)</t>
  </si>
  <si>
    <t>POINT (4.638933528840431 51.87125443548277)</t>
  </si>
  <si>
    <t>POINT (4.671165713318331 51.8687677532926)</t>
  </si>
  <si>
    <t>POINT (4.6578799542762335 51.86249284328368)</t>
  </si>
  <si>
    <t>POINT (4.663457989407436 51.86139478359728)</t>
  </si>
  <si>
    <t>POINT (4.667460891085746 51.86845297915247)</t>
  </si>
  <si>
    <t>POINT (4.667244044320812 51.87157069944964)</t>
  </si>
  <si>
    <t>POINT (4.639952998156675 51.87369684586987)</t>
  </si>
  <si>
    <t>POINT (4.642378950761232 51.87276844739364)</t>
  </si>
  <si>
    <t>POINT (4.667479115816475 51.861410506852)</t>
  </si>
  <si>
    <t>POINT (4.656184873381435 51.86987545148504)</t>
  </si>
  <si>
    <t>POINT (4.655653781178322 51.86904968567798)</t>
  </si>
  <si>
    <t>POINT (4.6752514700917045 51.8604241904625)</t>
  </si>
  <si>
    <t>POINT (4.6592703588208995 51.86584074487566)</t>
  </si>
  <si>
    <t>POINT (4.668617194307522 51.86605560417516)</t>
  </si>
  <si>
    <t>POINT (4.6668404136266926 51.867757051781254)</t>
  </si>
  <si>
    <t>POINT (4.660207247030282 51.86401736236785)</t>
  </si>
  <si>
    <t>POINT (4.656674675342028 51.86787852980229)</t>
  </si>
  <si>
    <t>POINT (4.661059676775112 51.86697543517766)</t>
  </si>
  <si>
    <t>POINT (4.674407053363978 51.865803249597384)</t>
  </si>
  <si>
    <t>POINT (4.674907374982946 51.841633621065746)</t>
  </si>
  <si>
    <t>POINT (4.6549887022590575 51.86120192741389)</t>
  </si>
  <si>
    <t>POINT (4.659862045978206 51.861120886361526)</t>
  </si>
  <si>
    <t>POINT (4.6747231973826135 51.86338012053621)</t>
  </si>
  <si>
    <t>POINT (4.659035210597295 51.86736285925913)</t>
  </si>
  <si>
    <t>POINT (4.6690056760987195 51.86673212666041)</t>
  </si>
  <si>
    <t>POINT (4.641264303475243 51.87194085554493)</t>
  </si>
  <si>
    <t>POINT (4.65217443900365 51.86960323571855)</t>
  </si>
  <si>
    <t>POINT (4.660115499385759 51.86385499910907)</t>
  </si>
  <si>
    <t>POINT (4.675951717579535 51.863460887056085)</t>
  </si>
  <si>
    <t>POINT (4.667513501997896 51.86834094382954)</t>
  </si>
  <si>
    <t>POINT (4.662128022857355 51.858339434210336)</t>
  </si>
  <si>
    <t>POINT (4.659013153466068 51.86693126850877)</t>
  </si>
  <si>
    <t>POINT (4.667224862558058 51.865507760112656)</t>
  </si>
  <si>
    <t>POINT (4.66740066236988 51.86904136441245)</t>
  </si>
  <si>
    <t>POINT (4.669088303239054 51.86792362353179)</t>
  </si>
  <si>
    <t>POINT (4.64428835203721 51.870578324494666)</t>
  </si>
  <si>
    <t>POINT (4.651815966627233 51.86843696440224)</t>
  </si>
  <si>
    <t>POINT (4.652391936164557 51.86166770608353)</t>
  </si>
  <si>
    <t>POINT (4.642990551209416 51.87003079059443)</t>
  </si>
  <si>
    <t>POINT (4.670133090482004 51.86522892762131)</t>
  </si>
  <si>
    <t>POINT (4.66146527318105 51.86343189353622)</t>
  </si>
  <si>
    <t>POINT (4.652347229426603 51.86613470574891)</t>
  </si>
  <si>
    <t>POINT (4.6587840920782755 51.8658332357336)</t>
  </si>
  <si>
    <t>POINT (4.641224215663845 51.8732240341164)</t>
  </si>
  <si>
    <t>POINT (4.65342256773908 51.86234526858516)</t>
  </si>
  <si>
    <t>POINT (4.65906193753418 51.86032492869539)</t>
  </si>
  <si>
    <t>POINT (4.6704731301650675 51.86666918186616)</t>
  </si>
  <si>
    <t>POINT (4.65217089873116 51.871153751763465)</t>
  </si>
  <si>
    <t>POINT (4.662000339771058 51.859507167913286)</t>
  </si>
  <si>
    <t>POINT (4.659732992142006 51.861920075157144)</t>
  </si>
  <si>
    <t>POINT (4.660018373593244 51.868519494265165)</t>
  </si>
  <si>
    <t>POINT (4.666855291442709 51.867734671485174)</t>
  </si>
  <si>
    <t>POINT (4.654289322816045 51.86276673780432)</t>
  </si>
  <si>
    <t>POINT (4.6426293659532085 51.86860380259562)</t>
  </si>
  <si>
    <t>POINT (4.651695401990398 51.872260870554065)</t>
  </si>
  <si>
    <t>POINT (4.657283982103242 51.86477674720925)</t>
  </si>
  <si>
    <t>POINT (4.640651576070561 51.87097773145049)</t>
  </si>
  <si>
    <t>POINT (4.628839189257848 51.88001204706377)</t>
  </si>
  <si>
    <t>POINT (4.6711019194797565 51.86912690887578)</t>
  </si>
  <si>
    <t>POINT (4.649694641542724 51.86985285567938)</t>
  </si>
  <si>
    <t>POINT (4.64841919700075 51.86466732405041)</t>
  </si>
  <si>
    <t>POINT (4.635290156017542 51.874215396948685)</t>
  </si>
  <si>
    <t>POINT (4.662924991535462 51.86655096859746)</t>
  </si>
  <si>
    <t>POINT (4.647746750260587 51.871310249778396)</t>
  </si>
  <si>
    <t>POINT (4.669711655349861 51.86525331968112)</t>
  </si>
  <si>
    <t>POINT (4.659588322748751 51.86323601318575)</t>
  </si>
  <si>
    <t>POINT (4.641719973026234 51.872224948890185)</t>
  </si>
  <si>
    <t>POINT (4.654995443207147 51.870245564982255)</t>
  </si>
  <si>
    <t>q</t>
  </si>
  <si>
    <t>POINT (4.672668939242237 51.860287456276524)</t>
  </si>
  <si>
    <t>POINT (4.652119104995841 51.862322097273136)</t>
  </si>
  <si>
    <t>POINT (4.659484544822895 51.867410587273426)</t>
  </si>
  <si>
    <t>POINT (4.663026402331437 51.87107736392504)</t>
  </si>
  <si>
    <t>POINT (4.66366019446115 51.871395871360384)</t>
  </si>
  <si>
    <t>POINT (4.6738586477046455 51.841491642147325)</t>
  </si>
  <si>
    <t>POINT (4.665710992688086 51.87028041508848)</t>
  </si>
  <si>
    <t>POINT (4.657460322137393 51.86554187644164)</t>
  </si>
  <si>
    <t>POINT (4.666854716112588 51.86777062242705)</t>
  </si>
  <si>
    <t>POINT (4.6620615142518655 51.85931429009547)</t>
  </si>
  <si>
    <t>POINT (4.661842381672089 51.86615777668471)</t>
  </si>
  <si>
    <t>POINT (4.652168262651856 51.8708705935317)</t>
  </si>
  <si>
    <t>POINT (4.675178643909711 51.84174403806374)</t>
  </si>
  <si>
    <t>POINT (4.647770473190928 51.87163398979742)</t>
  </si>
  <si>
    <t>POINT (4.646089194809858 51.87232450688216)</t>
  </si>
  <si>
    <t>POINT (4.657759727325053 51.86296168067179)</t>
  </si>
  <si>
    <t>POINT (4.659226562115039 51.86720225018774)</t>
  </si>
  <si>
    <t>POINT (4.666593745078525 51.863211791039014)</t>
  </si>
  <si>
    <t>POINT (4.668995417840562 51.84718794643485)</t>
  </si>
  <si>
    <t>POINT (4.669885775318947 51.859519642994144)</t>
  </si>
  <si>
    <t>POINT (4.678447063528612 51.844816795338566)</t>
  </si>
  <si>
    <t>POINT (4.661584689317758 51.87268641749364)</t>
  </si>
  <si>
    <t>POINT (4.655887875479851 51.865365806145505)</t>
  </si>
  <si>
    <t>POINT (4.685502774479534 51.86746104756961)</t>
  </si>
  <si>
    <t>POINT (4.66444200507445 51.87154000821695)</t>
  </si>
  <si>
    <t>POINT (4.649317196021022 51.87117630793862)</t>
  </si>
  <si>
    <t>POINT (4.656657509167681 51.871172753848555)</t>
  </si>
  <si>
    <t>POINT (4.668870233948932 51.86566614717788)</t>
  </si>
  <si>
    <t>POINT (4.646600480356428 51.86684466560031)</t>
  </si>
  <si>
    <t>p</t>
  </si>
  <si>
    <t>POINT (4.6617759444837885 51.86275918945471)</t>
  </si>
  <si>
    <t>POINT (4.65402066298327 51.86822333526913)</t>
  </si>
  <si>
    <t>POINT (4.659549166107397 51.86610763702105)</t>
  </si>
  <si>
    <t>POINT (4.654976554445397 51.861189222641705)</t>
  </si>
  <si>
    <t>POINT (4.648964641311371 51.871866217028575)</t>
  </si>
  <si>
    <t>POINT (4.65723404152556 51.86203670216928)</t>
  </si>
  <si>
    <t>POINT (4.663595933461317 51.869533878921246)</t>
  </si>
  <si>
    <t>POINT (4.640890965615324 51.872979538707405)</t>
  </si>
  <si>
    <t>POINT (4.67005542854467 51.869192432875245)</t>
  </si>
  <si>
    <t>POINT (4.666942832254213 51.867708242496086)</t>
  </si>
  <si>
    <t>POINT (4.659159205145681 51.86687824218207)</t>
  </si>
  <si>
    <t>POINT (4.669343018413277 51.867884731830586)</t>
  </si>
  <si>
    <t>POINT (4.670335639476076 51.869832334924595)</t>
  </si>
  <si>
    <t>POINT (4.645788575805422 51.872061939448685)</t>
  </si>
  <si>
    <t>POINT (4.644656032887359 51.872195744997285)</t>
  </si>
  <si>
    <t>POINT (4.667415827786946 51.86900100857945)</t>
  </si>
  <si>
    <t>POINT (4.635045464890676 51.874519444039926)</t>
  </si>
  <si>
    <t>POINT (4.666752513027485 51.867805950031666)</t>
  </si>
  <si>
    <t>POINT (4.654197528271509 51.869310265372235)</t>
  </si>
  <si>
    <t>POINT (4.658657098778929 51.86470886962166)</t>
  </si>
  <si>
    <t>POINT (4.648811925930873 51.86480019197049)</t>
  </si>
  <si>
    <t>POINT (4.658340193569979 51.86455409668126)</t>
  </si>
  <si>
    <t>POINT (4.661344126344839 51.863291821134396)</t>
  </si>
  <si>
    <t>POINT (4.658652532854343 51.87127053707577)</t>
  </si>
  <si>
    <t>POINT (4.642330780089318 51.873046789552696)</t>
  </si>
  <si>
    <t>POINT (4.666670400903582 51.870214395509194)</t>
  </si>
  <si>
    <t>POINT (4.667588111608769 51.869123410552355)</t>
  </si>
  <si>
    <t>POINT (4.6400611835814205 51.873210538835195)</t>
  </si>
  <si>
    <t>POINT (4.660608920303334 51.86296817862059)</t>
  </si>
  <si>
    <t>POINT (4.66630133841243 51.872405352765874)</t>
  </si>
  <si>
    <t>POINT (4.669879767038685 51.859258936185434)</t>
  </si>
  <si>
    <t>POINT (4.658973489808512 51.86495120571594)</t>
  </si>
  <si>
    <t>POINT (4.680502994159104 51.857216802943746)</t>
  </si>
  <si>
    <t>POINT (4.657842812068346 51.86304875719699)</t>
  </si>
  <si>
    <t>POINT (4.6562874857139365 51.87115696892779)</t>
  </si>
  <si>
    <t>POINT (4.654851559792871 51.868379528022324)</t>
  </si>
  <si>
    <t>POINT (4.6519108675802645 51.8635162822797)</t>
  </si>
  <si>
    <t>POINT (4.660649467445565 51.87259973887155)</t>
  </si>
  <si>
    <t>POINT (4.636589138225126 51.87338776167344)</t>
  </si>
  <si>
    <t>POINT (4.664396439740896 51.86453231701564)</t>
  </si>
  <si>
    <t>POINT (4.666649878160589 51.86786824075191)</t>
  </si>
  <si>
    <t>POINT (4.661897158953063 51.869430764304006)</t>
  </si>
  <si>
    <t>POINT (4.6561359819427475 51.871097600007964)</t>
  </si>
  <si>
    <t>POINT (4.6461649487887815 51.870810400482966)</t>
  </si>
  <si>
    <t>POINT (4.661358433856503 51.861053741039356)</t>
  </si>
  <si>
    <t>POINT (4.660464047636195 51.86339873639472)</t>
  </si>
  <si>
    <t>POINT (4.66754325231235 51.8673883327278)</t>
  </si>
  <si>
    <t>POINT (4.652214792670661 51.86166671443894)</t>
  </si>
  <si>
    <t>POINT (4.656546195262082 51.86595416435278)</t>
  </si>
  <si>
    <t>POINT (4.647997068385167 51.87021521247265)</t>
  </si>
  <si>
    <t>POINT (4.642223816033765 51.870736032204164)</t>
  </si>
  <si>
    <t>POINT (4.656019181084072 51.86622054344217)</t>
  </si>
  <si>
    <t>POINT (4.655009572087616 51.86119518122523)</t>
  </si>
  <si>
    <t>POINT (4.639717570579628 51.87125942764155)</t>
  </si>
  <si>
    <t>POINT (4.667483746601062 51.868385704583496)</t>
  </si>
  <si>
    <t>POINT (4.663967743313159 51.8599372718595)</t>
  </si>
  <si>
    <t>POINT (4.640925098516825 51.87374796915065)</t>
  </si>
  <si>
    <t>POINT (4.679309522723537 51.85550048709283)</t>
  </si>
  <si>
    <t>POINT (4.659820961421106 51.86186668825223)</t>
  </si>
  <si>
    <t>POINT (4.666726664083773 51.865792340861724)</t>
  </si>
  <si>
    <t>POINT (4.66608510625871 51.86233677253656)</t>
  </si>
  <si>
    <t>POINT (4.657049572856396 51.871620128461686)</t>
  </si>
  <si>
    <t>POINT (4.655035053613208 51.86119676928299)</t>
  </si>
  <si>
    <t>POINT (4.660916491549831 51.86100157129296)</t>
  </si>
  <si>
    <t>POINT (4.654988110597281 51.87025001358402)</t>
  </si>
  <si>
    <t>POINT (4.6686351152664685 51.87175449559466)</t>
  </si>
  <si>
    <t>POINT (4.676509764879639 51.86268137491316)</t>
  </si>
  <si>
    <t>POINT (4.64160738959853 51.87200850707226)</t>
  </si>
  <si>
    <t>POINT (4.6387870574938015 51.873950093219676)</t>
  </si>
  <si>
    <t>POINT (4.656321647444925 51.865476369877136)</t>
  </si>
  <si>
    <t>POINT (4.6594766733799275 51.86969364874681)</t>
  </si>
  <si>
    <t>POINT (4.656879321820326 51.86466187371961)</t>
  </si>
  <si>
    <t>POINT (4.665850938613966 51.87242056485881)</t>
  </si>
  <si>
    <t>POINT (4.670467820132544 51.86882641695401)</t>
  </si>
  <si>
    <t>POINT (4.658519018312757 51.867409095308155)</t>
  </si>
  <si>
    <t>POINT (4.662809397824529 51.863628952888114)</t>
  </si>
  <si>
    <t>POINT (4.668904337570162 51.86671352970989)</t>
  </si>
  <si>
    <t>POINT (4.654076263002816 51.86739493078274)</t>
  </si>
  <si>
    <t>POINT (4.670153580583178 51.872145790999106)</t>
  </si>
  <si>
    <t>POINT (4.647749203452112 51.864703538495355)</t>
  </si>
  <si>
    <t>POINT (4.661832923285187 51.87124977196165)</t>
  </si>
  <si>
    <t>POINT (4.640165281859626 51.87140609415172)</t>
  </si>
  <si>
    <t>POINT (4.679654908915593 51.84423532486398)</t>
  </si>
  <si>
    <t>POINT (4.6575914894586194 51.86551123115501)</t>
  </si>
  <si>
    <t>POINT (4.65129581459068 51.86561577044774)</t>
  </si>
  <si>
    <t>POINT (4.655345901066751 51.871910644548734)</t>
  </si>
  <si>
    <t>POINT (4.661569703022561 51.86505948012613)</t>
  </si>
  <si>
    <t>POINT (4.668932799724153 51.86674965824164)</t>
  </si>
  <si>
    <t>POINT (4.670468901056125 51.86784666463698)</t>
  </si>
  <si>
    <t>POINT (4.660826097858331 51.863454907949524)</t>
  </si>
  <si>
    <t>POINT (4.666008508210204 51.86711824895654)</t>
  </si>
  <si>
    <t>POINT (4.63198998482771 51.8774660897625)</t>
  </si>
  <si>
    <t>POINT (4.661760924313577 51.86580671724617)</t>
  </si>
  <si>
    <t>POINT (4.661097168613036 51.871851957708834)</t>
  </si>
  <si>
    <t>POINT (4.658497118272344 51.86472585437637)</t>
  </si>
  <si>
    <t>POINT (4.674243527054265 51.84218025371127)</t>
  </si>
  <si>
    <t>POINT (4.654982917732631 51.86118269162365)</t>
  </si>
  <si>
    <t>POINT (4.667046509818089 51.86032023122704)</t>
  </si>
  <si>
    <t>POINT (4.671483269646193 51.86432032432762)</t>
  </si>
  <si>
    <t>POINT (4.660436651814262 51.868692867004945)</t>
  </si>
  <si>
    <t>POINT (4.652664997812859 51.869795065764094)</t>
  </si>
  <si>
    <t>POINT (4.672009694610391 51.86910996835842)</t>
  </si>
  <si>
    <t>POINT (4.67056498035863 51.862723739070205)</t>
  </si>
  <si>
    <t>POINT (4.671844137864114 51.86810672987156)</t>
  </si>
  <si>
    <t>POINT (4.670421768219192 51.86807109236705)</t>
  </si>
  <si>
    <t>POINT (4.6402270883768315 51.87118177131131)</t>
  </si>
  <si>
    <t>POINT (4.671287883741395 51.8702156645275)</t>
  </si>
  <si>
    <t>POINT (4.657592472190046 51.87261674456914)</t>
  </si>
  <si>
    <t>POINT (4.660848885932762 51.871940308807474)</t>
  </si>
  <si>
    <t>POINT (4.668736895445096 51.871746129585006)</t>
  </si>
  <si>
    <t>POINT (4.662122086239106 51.865017948530536)</t>
  </si>
  <si>
    <t>POINT (4.6754238452016175 51.85383657516114)</t>
  </si>
  <si>
    <t>POINT (4.661345595269723 51.871754618360384)</t>
  </si>
  <si>
    <t>POINT (4.657995575010142 51.86352092575357)</t>
  </si>
  <si>
    <t>POINT (4.664424325440358 51.87038036795877)</t>
  </si>
  <si>
    <t>POINT (4.642257585634446 51.87308227990301)</t>
  </si>
  <si>
    <t>POINT (4.670157253930693 51.86130737625094)</t>
  </si>
  <si>
    <t>POINT (4.659607283818918 51.861613682973946)</t>
  </si>
  <si>
    <t>POINT (4.631488412718884 51.877930273182784)</t>
  </si>
  <si>
    <t>POINT (4.653052916098281 51.87227385745691)</t>
  </si>
  <si>
    <t>POINT (4.667112884868877 51.867062104713746)</t>
  </si>
  <si>
    <t>POINT (4.660339622161822 51.86067441161398)</t>
  </si>
  <si>
    <t>POINT (4.661415043894344 51.863395628629235)</t>
  </si>
  <si>
    <t>POINT (4.674376349510765 51.85371336901452)</t>
  </si>
  <si>
    <t>POINT (4.651597010412023 51.8658423731249)</t>
  </si>
  <si>
    <t>POINT (4.638095326034874 51.87363108154532)</t>
  </si>
  <si>
    <t>POINT (4.660730571607843 51.86307679472236)</t>
  </si>
  <si>
    <t>POINT (4.666906305165389 51.86953720196722)</t>
  </si>
  <si>
    <t>POINT (4.659782783918405 51.87231572765038)</t>
  </si>
  <si>
    <t>POINT (4.670007432944847 51.86947078682597)</t>
  </si>
  <si>
    <t>POINT (4.673308991113286 51.855118099366976)</t>
  </si>
  <si>
    <t>POINT (4.671129503316349 51.865567585726296)</t>
  </si>
  <si>
    <t>POINT (4.677819379656765 51.84495133970781)</t>
  </si>
  <si>
    <t>POINT (4.640050171536744 51.871342441531496)</t>
  </si>
  <si>
    <t>POINT (4.64230785046849 51.868902982198954)</t>
  </si>
  <si>
    <t>POINT (4.65386488517505 51.86209930684222)</t>
  </si>
  <si>
    <t>POINT (4.661621843787565 51.86362611642377)</t>
  </si>
  <si>
    <t>POINT (4.661158974600417 51.86982091187343)</t>
  </si>
  <si>
    <t>POINT (4.661142860912275 51.86991968708795)</t>
  </si>
  <si>
    <t>POINT (4.6544376897196145 51.862717264338535)</t>
  </si>
  <si>
    <t>POINT (4.6640198679698415 51.862566766356565)</t>
  </si>
  <si>
    <t>POINT (4.645083041038834 51.872578824540376)</t>
  </si>
  <si>
    <t>POINT (4.660282581180409 51.86204931901456)</t>
  </si>
  <si>
    <t>POINT (4.654147007416208 51.86840030099467)</t>
  </si>
  <si>
    <t>POINT (4.642436946073453 51.87058008268492)</t>
  </si>
  <si>
    <t>POINT (4.667132584872025 51.864922934083516)</t>
  </si>
  <si>
    <t>POINT (4.673588472547035 51.8597399505875)</t>
  </si>
  <si>
    <t>POINT (4.666118496833471 51.8661436590593)</t>
  </si>
  <si>
    <t>POINT (4.668701086927889 51.86671228650535)</t>
  </si>
  <si>
    <t>POINT (4.648546198600452 51.87126134819807)</t>
  </si>
  <si>
    <t>POINT (4.652757977053457 51.870325976194934)</t>
  </si>
  <si>
    <t>POINT (4.644537252728029 51.87045405765842)</t>
  </si>
  <si>
    <t>POINT (4.640304917541422 51.87436693958842)</t>
  </si>
  <si>
    <t>POINT (4.658814316081838 51.86486265144155)</t>
  </si>
  <si>
    <t>POINT (4.670446669992115 51.8706105274371)</t>
  </si>
  <si>
    <t>POINT (4.660140330958877 51.87175615270029)</t>
  </si>
  <si>
    <t>POINT (4.658195382929275 51.86632395755204)</t>
  </si>
  <si>
    <t>POINT (4.664692639785654 51.87039999597007)</t>
  </si>
  <si>
    <t>POINT (4.66367219294044 51.86251968181837)</t>
  </si>
  <si>
    <t>POINT (4.671076027998288 51.868929001541005)</t>
  </si>
  <si>
    <t>POINT (4.643458145187742 51.87125442694358)</t>
  </si>
  <si>
    <t>POINT (4.6577083575994696 51.865467013966075)</t>
  </si>
  <si>
    <t>POINT (4.669676836487567 51.85923971923161)</t>
  </si>
  <si>
    <t>POINT (4.668933086550836 51.86673168276174)</t>
  </si>
  <si>
    <t>POINT (4.6639394571868085 51.87118635879696)</t>
  </si>
  <si>
    <t>POINT (4.660769602041863 51.871454433111644)</t>
  </si>
  <si>
    <t>POINT (4.670076247831634 51.86879706099723)</t>
  </si>
  <si>
    <t>POINT (4.651326206043557 51.86908557259578)</t>
  </si>
  <si>
    <t>POINT (4.657612438359295 51.8673540298296)</t>
  </si>
  <si>
    <t>POINT (4.664516172101043 51.86239903753372)</t>
  </si>
  <si>
    <t>POINT (4.657308260520741 51.862687464010136)</t>
  </si>
  <si>
    <t>POINT (4.659009016959214 51.86987951139583)</t>
  </si>
  <si>
    <t>POINT (4.666715322641864 51.864686670958406)</t>
  </si>
  <si>
    <t>POINT (4.667459455558471 51.86899678162329)</t>
  </si>
  <si>
    <t>POINT (4.646251407477273 51.871291837712334)</t>
  </si>
  <si>
    <t>POINT (4.638144141101231 51.87506058581878)</t>
  </si>
  <si>
    <t>POINT (4.662704182517464 51.871700085756615)</t>
  </si>
  <si>
    <t>POINT (4.666864144825546 51.86546207034489)</t>
  </si>
  <si>
    <t>POINT (4.676376367718934 51.84235784005744)</t>
  </si>
  <si>
    <t>POINT (4.652722531952077 51.86166424610031)</t>
  </si>
  <si>
    <t>POINT (4.65601651908788 51.869959795498836)</t>
  </si>
  <si>
    <t>POINT (4.654088935886792 51.87196572639721)</t>
  </si>
  <si>
    <t>POINT (4.655057316420784 51.864210086761034)</t>
  </si>
  <si>
    <t>POINT (4.656888447661115 51.869021414645836)</t>
  </si>
  <si>
    <t>POINT (4.65868293330015 51.86490677969013)</t>
  </si>
  <si>
    <t>POINT (4.665838062946722 51.87050591094831)</t>
  </si>
  <si>
    <t>POINT (4.664282320537511 51.862496473172264)</t>
  </si>
  <si>
    <t>POINT (4.648651351631045 51.86485311414108)</t>
  </si>
  <si>
    <t>POINT (4.66444892834613 51.86206604457018)</t>
  </si>
  <si>
    <t>POINT (4.642671203317794 51.872481612294656)</t>
  </si>
  <si>
    <t>POINT (4.65861107416438 51.86486139078854)</t>
  </si>
  <si>
    <t>POINT (4.660290891594699 51.87007621268882)</t>
  </si>
  <si>
    <t>POINT (4.657174212652401 51.862426212200994)</t>
  </si>
  <si>
    <t>POINT (4.647871526020676 51.87223461690751)</t>
  </si>
  <si>
    <t>POINT (4.640693723760157 51.8710122370481)</t>
  </si>
  <si>
    <t>POINT (4.6397197812144295 51.87374929380546)</t>
  </si>
  <si>
    <t>POINT (4.6642901739236144 51.86110328440423)</t>
  </si>
  <si>
    <t>POINT (4.655016683319205 51.86536936686351)</t>
  </si>
  <si>
    <t>POINT (4.67065578841365 51.851545138577244)</t>
  </si>
  <si>
    <t>POINT (4.672012669806805 51.86663811787193)</t>
  </si>
  <si>
    <t>POINT (4.651767901715322 51.86338055758268)</t>
  </si>
  <si>
    <t>POINT (4.658654916918582 51.864843685506905)</t>
  </si>
  <si>
    <t>POINT (4.668416317575597 51.871816077165604)</t>
  </si>
  <si>
    <t>POINT (4.662973750783674 51.861715389016204)</t>
  </si>
  <si>
    <t>POINT (4.646199506938241 51.87268025373153)</t>
  </si>
  <si>
    <t>POINT (4.660416320481562 51.86419674803301)</t>
  </si>
  <si>
    <t>POINT (4.655035771142985 51.86122406325258)</t>
  </si>
  <si>
    <t>POINT (4.655904624781244 51.864781649486375)</t>
  </si>
  <si>
    <t>POINT (4.6638208115978665 51.87179235974187)</t>
  </si>
  <si>
    <t>POINT (4.661116806887054 51.86703417846966)</t>
  </si>
  <si>
    <t>POINT (4.654005076306458 51.87042814813692)</t>
  </si>
  <si>
    <t>POINT (4.662793409173186 51.86570522654336)</t>
  </si>
  <si>
    <t>POINT (4.658497814037937 51.86557977832448)</t>
  </si>
  <si>
    <t>POINT (4.653277245137831 51.866531526442365)</t>
  </si>
  <si>
    <t>POINT (4.643759785582273 51.87356819479148)</t>
  </si>
  <si>
    <t>POINT (4.6673871498405655 51.86897836129233)</t>
  </si>
  <si>
    <t>POINT (4.661946253937702 51.871425749829754)</t>
  </si>
  <si>
    <t>POINT (4.66498024160129 51.86152550127188)</t>
  </si>
  <si>
    <t>POINT (4.663860036753515 51.87206225976811)</t>
  </si>
  <si>
    <t>POINT (4.663953647725995 51.86610760674493)</t>
  </si>
  <si>
    <t>POINT (4.644881980441777 51.87332361040383)</t>
  </si>
  <si>
    <t>POINT (4.652515701523819 51.87004581357648)</t>
  </si>
  <si>
    <t>POINT (4.6412941302164485 51.874262665215035)</t>
  </si>
  <si>
    <t>POINT (4.648780020246765 51.8708537638481)</t>
  </si>
  <si>
    <t>POINT (4.661889700040391 51.86592436469232)</t>
  </si>
  <si>
    <t>POINT (4.66565145361574 51.869012654424296)</t>
  </si>
  <si>
    <t>POINT (4.6369143957847205 51.874217594284595)</t>
  </si>
  <si>
    <t>POINT (4.663823300605185 51.8702822875045)</t>
  </si>
  <si>
    <t>POINT (4.671320924441445 51.869964184796785)</t>
  </si>
  <si>
    <t>POINT (4.641849756447595 51.87227970432273)</t>
  </si>
  <si>
    <t>POINT (4.634973764601216 51.87446505307102)</t>
  </si>
  <si>
    <t>POINT (4.657628074505995 51.86549348116714)</t>
  </si>
  <si>
    <t>POINT (4.67019302503373 51.85964286571777)</t>
  </si>
  <si>
    <t>POINT (4.668948608331305 51.866668857364964)</t>
  </si>
  <si>
    <t>POINT (4.657678740033172 51.86550278451332)</t>
  </si>
  <si>
    <t>POINT (4.643080931497334 51.87290772608138)</t>
  </si>
  <si>
    <t>POINT (4.642588691294916 51.87369560631707)</t>
  </si>
  <si>
    <t>POINT (4.672724616758566 51.844055920031)</t>
  </si>
  <si>
    <t>POINT (4.664209623683525 51.86440425676041)</t>
  </si>
  <si>
    <t>w</t>
  </si>
  <si>
    <t>POINT (4.662171479639701 51.86262273967391)</t>
  </si>
  <si>
    <t>POINT (4.662311935439514 51.86134277214432)</t>
  </si>
  <si>
    <t>POINT (4.66044987801407 51.87057157062174)</t>
  </si>
  <si>
    <t>POINT (4.675296620148551 51.86332437181738)</t>
  </si>
  <si>
    <t>POINT (4.66444735640015 51.86306826664113)</t>
  </si>
  <si>
    <t>POINT (4.643266070018725 51.871367375203285)</t>
  </si>
  <si>
    <t>POINT (4.638963067016881 51.87297145328959)</t>
  </si>
  <si>
    <t>POINT (4.655244607864182 51.86241604447322)</t>
  </si>
  <si>
    <t>POINT (4.666316693826956 51.85331361053894)</t>
  </si>
  <si>
    <t>POINT (4.666724339679883 51.86775184550781)</t>
  </si>
  <si>
    <t>POINT (4.632337512032858 51.87722827298905)</t>
  </si>
  <si>
    <t>POINT (4.652611840752087 51.8681588029425)</t>
  </si>
  <si>
    <t>POINT (4.655795900427782 51.86923933189876)</t>
  </si>
  <si>
    <t>POINT (4.653435802607972 51.86882911190029)</t>
  </si>
  <si>
    <t>POINT (4.66069218248915 51.869053992730336)</t>
  </si>
  <si>
    <t>POINT (4.671757313412418 51.86808822380265)</t>
  </si>
  <si>
    <t>POINT (4.6644716212700725 51.87150423598869)</t>
  </si>
  <si>
    <t>POINT (4.641678275192427 51.8721123263084)</t>
  </si>
  <si>
    <t>POINT (4.6396977467007785 51.86983010804564)</t>
  </si>
  <si>
    <t>POINT (4.641608436672583 51.87369837684731)</t>
  </si>
  <si>
    <t>POINT (4.6532171359887595 51.86799180316795)</t>
  </si>
  <si>
    <t>2952BZ</t>
  </si>
  <si>
    <t>Broerestraat</t>
  </si>
  <si>
    <t>POINT (4.659576065438308 51.85835510125769)</t>
  </si>
  <si>
    <t>POINT (4.654543285433267 51.861713308412966)</t>
  </si>
  <si>
    <t>POINT (4.6666512615872096 51.8614323963974)</t>
  </si>
  <si>
    <t>POINT (4.655026705545249 51.86121108107645)</t>
  </si>
  <si>
    <t>POINT (4.649767632543223 51.87160160229865)</t>
  </si>
  <si>
    <t>POINT (4.634435097616961 51.875414397826866)</t>
  </si>
  <si>
    <t>POINT (4.673633574709615 51.84172278358156)</t>
  </si>
  <si>
    <t>POINT (4.680320533583801 51.858214785130535)</t>
  </si>
  <si>
    <t>POINT (4.6706686793621275 51.85985700148211)</t>
  </si>
  <si>
    <t>POINT (4.662047817375239 51.87143087120322)</t>
  </si>
  <si>
    <t>POINT (4.659261652565347 51.869521532516906)</t>
  </si>
  <si>
    <t>POINT (4.679000194502564 51.844249354808035)</t>
  </si>
  <si>
    <t>POINT (4.631828440361578 51.87757291471614)</t>
  </si>
  <si>
    <t>2952BL</t>
  </si>
  <si>
    <t>Van Leeuwenhoekweg</t>
  </si>
  <si>
    <t>POINT (4.669852738392609 51.8595886536049)</t>
  </si>
  <si>
    <t>POINT (4.654998714774774 51.86122095585961)</t>
  </si>
  <si>
    <t>POINT (4.660639896951077 51.85610105527902)</t>
  </si>
  <si>
    <t>POINT (4.666885047030213 51.867689910887165)</t>
  </si>
  <si>
    <t>POINT (4.65519700809785 51.86770596142096)</t>
  </si>
  <si>
    <t>POINT (4.665536815008789 51.865295155992)</t>
  </si>
  <si>
    <t>POINT (4.666660299431215 51.862681870612455)</t>
  </si>
  <si>
    <t>POINT (4.652045971844381 51.869467602282974)</t>
  </si>
  <si>
    <t>POINT (4.665237632195981 51.86358098463376)</t>
  </si>
  <si>
    <t>POINT (4.641469268051231 51.870704278090464)</t>
  </si>
  <si>
    <t>POINT (4.657341458867954 51.866156858857195)</t>
  </si>
  <si>
    <t>POINT (4.665240041490028 51.864336043799085)</t>
  </si>
  <si>
    <t>POINT (4.664961620550534 51.86449612717976)</t>
  </si>
  <si>
    <t>POINT (4.637877380024942 51.874510577688596)</t>
  </si>
  <si>
    <t>POINT (4.66227342591057 51.866439085315385)</t>
  </si>
  <si>
    <t>POINT (4.640162694402335 51.87331166842126)</t>
  </si>
  <si>
    <t>POINT (4.6673670159845955 51.86388169111599)</t>
  </si>
  <si>
    <t>POINT (4.658741845786628 51.86861876437246)</t>
  </si>
  <si>
    <t>POINT (4.657929651952108 51.867490829269215)</t>
  </si>
  <si>
    <t>POINT (4.667558355764876 51.86916817131991)</t>
  </si>
  <si>
    <t>POINT (4.679141945557633 51.858519580979035)</t>
  </si>
  <si>
    <t>POINT (4.641051437294501 51.872989420981206)</t>
  </si>
  <si>
    <t>POINT (4.652817800318616 51.86220961615057)</t>
  </si>
  <si>
    <t>POINT (4.633903102862136 51.87596378855365)</t>
  </si>
  <si>
    <t>POINT (4.651805831743359 51.87261211837126)</t>
  </si>
  <si>
    <t>POINT (4.660887999709348 51.86276766074944)</t>
  </si>
  <si>
    <t>POINT (4.669656832672688 51.864138396039095)</t>
  </si>
  <si>
    <t>POINT (4.667010539798337 51.867106420286085)</t>
  </si>
  <si>
    <t>POINT (4.679874110016786 51.85758799491953)</t>
  </si>
  <si>
    <t>POINT (4.665636058320947 51.87133162274906)</t>
  </si>
  <si>
    <t>POINT (4.656793272182934 51.86414898669031)</t>
  </si>
  <si>
    <t>POINT (4.664436650648402 51.870969198172986)</t>
  </si>
  <si>
    <t>POINT (4.672933534807447 51.85995135437187)</t>
  </si>
  <si>
    <t>POINT (4.663949922965057 51.86285397165751)</t>
  </si>
  <si>
    <t>POINT (4.6567557002422975 51.86378021916717)</t>
  </si>
  <si>
    <t>POINT (4.637893102194508 51.87531066646176)</t>
  </si>
  <si>
    <t>POINT (4.667556886219044 51.86381094572574)</t>
  </si>
  <si>
    <t>POINT (4.662302818395003 51.86190899945947)</t>
  </si>
  <si>
    <t>POINT (4.661143585823417 51.869874748468746)</t>
  </si>
  <si>
    <t>POINT (4.658581748660711 51.86487918611744)</t>
  </si>
  <si>
    <t>POINT (4.671799258138438 51.86636266540274)</t>
  </si>
  <si>
    <t>POINT (4.669773306069392 51.86502898083739)</t>
  </si>
  <si>
    <t>POINT (4.669505357238363 51.86453296973607)</t>
  </si>
  <si>
    <t>POINT (4.644882054564085 51.873319116557134)</t>
  </si>
  <si>
    <t>POINT (4.64404426226943 51.873489097285606)</t>
  </si>
  <si>
    <t>POINT (4.644209842797778 51.87005648710933)</t>
  </si>
  <si>
    <t>POINT (4.645963455521253 51.865851896897695)</t>
  </si>
  <si>
    <t>POINT (4.660831697705333 51.86850654969628)</t>
  </si>
  <si>
    <t>POINT (4.665564434851578 51.872176112465894)</t>
  </si>
  <si>
    <t>POINT (4.664452457038728 51.86673670783338)</t>
  </si>
  <si>
    <t>POINT (4.660198839196619 51.869032962895574)</t>
  </si>
  <si>
    <t>POINT (4.662214835428518 51.86466796472726)</t>
  </si>
  <si>
    <t>POINT (4.660484109802438 51.86665274319682)</t>
  </si>
  <si>
    <t>POINT (4.66446961217784 51.864660819247405)</t>
  </si>
  <si>
    <t>POINT (4.661603030324468 51.86271530843136)</t>
  </si>
  <si>
    <t>POINT (4.655024422025958 51.8612006310345)</t>
  </si>
  <si>
    <t>POINT (4.658991019028104 51.86832371189794)</t>
  </si>
  <si>
    <t>POINT (4.659879424856548 51.86992984755517)</t>
  </si>
  <si>
    <t>POINT (4.6627790981712876 51.86989741314436)</t>
  </si>
  <si>
    <t>POINT (4.639735265100502 51.87194267663807)</t>
  </si>
  <si>
    <t>POINT (4.650938172703947 51.868840447831865)</t>
  </si>
  <si>
    <t>POINT (4.6430086072345444 51.873329733590225)</t>
  </si>
  <si>
    <t>POINT (4.649800573064741 51.86914791330134)</t>
  </si>
  <si>
    <t>POINT (4.658502615104087 51.868770338677635)</t>
  </si>
  <si>
    <t>POINT (4.666555702794249 51.86921595550931)</t>
  </si>
  <si>
    <t>POINT (4.66672477125545 51.867724882301985)</t>
  </si>
  <si>
    <t>POINT (4.638261591340138 51.87062094823329)</t>
  </si>
  <si>
    <t>POINT (4.665276471344827 51.86930697459706)</t>
  </si>
  <si>
    <t>POINT (4.668415861223638 51.86502517534526)</t>
  </si>
  <si>
    <t>POINT (4.653910464442943 51.86286625007084)</t>
  </si>
  <si>
    <t>POINT (4.664416722955486 51.8689811439877)</t>
  </si>
  <si>
    <t>POINT (4.6644820891546095 51.862713429690835)</t>
  </si>
  <si>
    <t>POINT (4.6525836056363525 51.869444000247285)</t>
  </si>
  <si>
    <t>POINT (4.66122318318774 51.87124151059922)</t>
  </si>
  <si>
    <t>POINT (4.666853583049381 51.86602682347404)</t>
  </si>
  <si>
    <t>POINT (4.664385334883078 51.86459820718991)</t>
  </si>
  <si>
    <t>POINT (4.657099330849717 51.86201788752104)</t>
  </si>
  <si>
    <t>POINT (4.657090238327157 51.86324814996551)</t>
  </si>
  <si>
    <t>POINT (4.6678298903383455 51.864897544748686)</t>
  </si>
  <si>
    <t>POINT (4.652404517035916 51.872409126723596)</t>
  </si>
  <si>
    <t>2952EB</t>
  </si>
  <si>
    <t>Gersthof</t>
  </si>
  <si>
    <t>POINT (4.673442754746405 51.862979462280215)</t>
  </si>
  <si>
    <t>POINT (4.649984163101653 51.86946366783701)</t>
  </si>
  <si>
    <t>POINT (4.6665208774379785 51.87139098666268)</t>
  </si>
  <si>
    <t>POINT (4.661189773634209 51.8706121007801)</t>
  </si>
  <si>
    <t>POINT (4.654980525136716 51.86119858659047)</t>
  </si>
  <si>
    <t>POINT (4.642845165928949 51.87091974421867)</t>
  </si>
  <si>
    <t>POINT (4.649412951044654 51.864448917980916)</t>
  </si>
  <si>
    <t>POINT (4.666577862363991 51.86783184445399)</t>
  </si>
  <si>
    <t>POINT (4.6695776926332 51.87092431723735)</t>
  </si>
  <si>
    <t>POINT (4.666622136535707 51.867787172998916)</t>
  </si>
  <si>
    <t>POINT (4.662295803571278 51.86685270008014)</t>
  </si>
  <si>
    <t>POINT (4.656111621988203 51.869915444372396)</t>
  </si>
  <si>
    <t>POINT (4.659230392576985 51.86427198172082)</t>
  </si>
  <si>
    <t>POINT (4.65329693970436 51.87022148152461)</t>
  </si>
  <si>
    <t>POINT (4.6582529437380495 51.868149005804085)</t>
  </si>
  <si>
    <t>POINT (4.66003913154137 51.87082969844286)</t>
  </si>
  <si>
    <t>POINT (4.640908195645617 51.87082655540958)</t>
  </si>
  <si>
    <t>POINT (4.660882747152699 51.86534286986842)</t>
  </si>
  <si>
    <t>POINT (4.655386528872808 51.86795628920815)</t>
  </si>
  <si>
    <t>POINT (4.665183490585821 51.86876708600944)</t>
  </si>
  <si>
    <t>POINT (4.65886887092899 51.86597757952757)</t>
  </si>
  <si>
    <t>POINT (4.661212132343457 51.86472469122844)</t>
  </si>
  <si>
    <t>POINT (4.6641445965342 51.87016741379964)</t>
  </si>
  <si>
    <t>POINT (4.65737774537403 51.871082850701825)</t>
  </si>
  <si>
    <t>POINT (4.663408544354608 51.86311580089803)</t>
  </si>
  <si>
    <t>POINT (4.651093915461821 51.87085937117097)</t>
  </si>
  <si>
    <t>POINT (4.665217617863707 51.86120786458472)</t>
  </si>
  <si>
    <t>POINT (4.638759350248105 51.87037693348709)</t>
  </si>
  <si>
    <t>POINT (4.6675419640565465 51.868377072690805)</t>
  </si>
  <si>
    <t>POINT (4.65721943772128 51.862042004576494)</t>
  </si>
  <si>
    <t>POINT (4.668861070715159 51.866695287858775)</t>
  </si>
  <si>
    <t>POINT (4.66048850144968 51.87087742266209)</t>
  </si>
  <si>
    <t>POINT (4.676714863544865 51.84394390247866)</t>
  </si>
  <si>
    <t>POINT (4.665048425596541 51.86180007365404)</t>
  </si>
  <si>
    <t>POINT (4.6549802582592905 51.86122749237722)</t>
  </si>
  <si>
    <t>POINT (4.663685120597129 51.86261863634895)</t>
  </si>
  <si>
    <t>POINT (4.654650861904506 51.868220975465576)</t>
  </si>
  <si>
    <t>POINT (4.641019309583282 51.87294251194807)</t>
  </si>
  <si>
    <t>POINT (4.64259029135082 51.87204450349344)</t>
  </si>
  <si>
    <t>POINT (4.665296882050298 51.872560978794816)</t>
  </si>
  <si>
    <t>POINT (4.660371553490435 51.86013529135522)</t>
  </si>
  <si>
    <t>POINT (4.673949509556167 51.860317415576574)</t>
  </si>
  <si>
    <t>POINT (4.67370958266097 51.84196844664965)</t>
  </si>
  <si>
    <t>POINT (4.654987818171123 51.870267989010955)</t>
  </si>
  <si>
    <t>POINT (4.668728975101197 51.8667843660444)</t>
  </si>
  <si>
    <t>POINT (4.661218586260994 51.86162365460377)</t>
  </si>
  <si>
    <t>POINT (4.670977103386616 51.86510823700114)</t>
  </si>
  <si>
    <t>POINT (4.658600018502619 51.86554445789721)</t>
  </si>
  <si>
    <t>POINT (4.666763718562573 51.862116221772986)</t>
  </si>
  <si>
    <t>POINT (4.667875144069397 51.87205995108384)</t>
  </si>
  <si>
    <t>POINT (4.64997388954885 51.86911574335734)</t>
  </si>
  <si>
    <t>POINT (4.662714404232871 51.865201376293875)</t>
  </si>
  <si>
    <t>POINT (4.671625726583911 51.86449197610414)</t>
  </si>
  <si>
    <t>POINT (4.635119268153223 51.874448007503446)</t>
  </si>
  <si>
    <t>POINT (4.664963685924723 51.86346244818025)</t>
  </si>
  <si>
    <t>POINT (4.6675168115764105 51.86904207615532)</t>
  </si>
  <si>
    <t>POINT (4.643657717044078 51.87177579077107)</t>
  </si>
  <si>
    <t>POINT (4.672536184467797 51.85469722523924)</t>
  </si>
  <si>
    <t>POINT (4.668599461611608 51.86671166477117)</t>
  </si>
  <si>
    <t>POINT (4.63928124503903 51.87130159329861)</t>
  </si>
  <si>
    <t>POINT (4.652691033998765 51.86641999825675)</t>
  </si>
  <si>
    <t>POINT (4.669495030464769 51.86791262665951)</t>
  </si>
  <si>
    <t>POINT (4.6301218919786695 51.87887426958983)</t>
  </si>
  <si>
    <t>POINT (4.657254061219522 51.86617429296682)</t>
  </si>
  <si>
    <t>POINT (4.654985793793946 51.86123168862844)</t>
  </si>
  <si>
    <t>POINT (4.665358273353556 51.8623952277828)</t>
  </si>
  <si>
    <t>POINT (4.667427107373258 51.86738762101888)</t>
  </si>
  <si>
    <t>POINT (4.657211426762695 51.86656503327837)</t>
  </si>
  <si>
    <t>POINT (4.64235043180418 51.8727368063339)</t>
  </si>
  <si>
    <t>POINT (4.677951171061477 51.844236730509145)</t>
  </si>
  <si>
    <t>POINT (4.661519702769836 51.86555918143419)</t>
  </si>
  <si>
    <t>POINT (4.667453997294659 51.87024616565811)</t>
  </si>
  <si>
    <t>POINT (4.661369703236392 51.869359300343724)</t>
  </si>
  <si>
    <t>POINT (4.676330267189411 51.864044688354895)</t>
  </si>
  <si>
    <t>POINT (4.664258377263689 51.8712197823015)</t>
  </si>
  <si>
    <t>POINT (4.673645974784881 51.84141358677336)</t>
  </si>
  <si>
    <t>POINT (4.665118984073908 51.87097788915884)</t>
  </si>
  <si>
    <t>POINT (4.642285404010626 51.87140158181185)</t>
  </si>
  <si>
    <t>POINT (4.647140226061218 51.871989565739895)</t>
  </si>
  <si>
    <t>POINT (4.664437069375026 51.87003887893697)</t>
  </si>
  <si>
    <t>POINT (4.6549147844188905 51.87029449957643)</t>
  </si>
  <si>
    <t>POINT (4.658741981508156 51.86125776224253)</t>
  </si>
  <si>
    <t>POINT (4.66062442809281 51.87325125872484)</t>
  </si>
  <si>
    <t>POINT (4.655032371955455 51.86121972751583)</t>
  </si>
  <si>
    <t>POINT (4.663550916955699 51.86735481411097)</t>
  </si>
  <si>
    <t>POINT (4.666721715139807 51.870637175172185)</t>
  </si>
  <si>
    <t>POINT (4.660672214676005 51.86309441098527)</t>
  </si>
  <si>
    <t>POINT (4.667099678965368 51.862441872660796)</t>
  </si>
  <si>
    <t>POINT (4.644859755734868 51.873350435839285)</t>
  </si>
  <si>
    <t>POINT (4.657830892483248 51.86820930603427)</t>
  </si>
  <si>
    <t>POINT (4.670607464447944 51.865152318594355)</t>
  </si>
  <si>
    <t>POINT (4.666650165908413 51.867850265281874)</t>
  </si>
  <si>
    <t>POINT (4.661347595129848 51.86532776640762)</t>
  </si>
  <si>
    <t>POINT (4.635498434962815 51.87304820705343)</t>
  </si>
  <si>
    <t>POINT (4.640518163931839 51.87309385090562)</t>
  </si>
  <si>
    <t>POINT (4.665316851052487 51.84958617238245)</t>
  </si>
  <si>
    <t>POINT (4.6793614475578815 51.857276052514514)</t>
  </si>
  <si>
    <t>POINT (4.670770783378961 51.866212578479214)</t>
  </si>
  <si>
    <t>POINT (4.6509303263256365 51.8706516073979)</t>
  </si>
  <si>
    <t>POINT (4.668087983980828 51.86419172089699)</t>
  </si>
  <si>
    <t>POINT (4.656229027453847 51.86903693478271)</t>
  </si>
  <si>
    <t>POINT (4.664453763649679 51.86673671587379)</t>
  </si>
  <si>
    <t>POINT (4.65281604096663 51.86231746877934)</t>
  </si>
  <si>
    <t>POINT (4.628520510821833 51.8808234609749)</t>
  </si>
  <si>
    <t>POINT (4.65132720831801 51.872132723670745)</t>
  </si>
  <si>
    <t>POINT (4.6566480265978445 51.871756955309124)</t>
  </si>
  <si>
    <t>POINT (4.652719997881412 51.86197529999342)</t>
  </si>
  <si>
    <t>POINT (4.654975241528302 51.86119764579561)</t>
  </si>
  <si>
    <t>POINT (4.653620825418102 51.86994935171904)</t>
  </si>
  <si>
    <t>POINT (4.663159242882819 51.86281943727658)</t>
  </si>
  <si>
    <t>POINT (4.658567162802839 51.8711621440779)</t>
  </si>
  <si>
    <t>POINT (4.659256291285818 51.868955216077254)</t>
  </si>
  <si>
    <t>POINT (4.638469623035685 51.87053485102557)</t>
  </si>
  <si>
    <t>POINT (4.67192773154913 51.864673588102015)</t>
  </si>
  <si>
    <t>POINT (4.6601413404647865 51.864502340256635)</t>
  </si>
  <si>
    <t>POINT (4.658600920942532 51.86459166895904)</t>
  </si>
  <si>
    <t>POINT (4.665108596530892 51.87026772464894)</t>
  </si>
  <si>
    <t>POINT (4.667599463057598 51.86841337944885)</t>
  </si>
  <si>
    <t>POINT (4.651791155341476 51.8730659520356)</t>
  </si>
  <si>
    <t>POINT (4.674370023194775 51.85686384376717)</t>
  </si>
  <si>
    <t>POINT (4.629466886446416 51.87936442141565)</t>
  </si>
  <si>
    <t>POINT (4.665935691655598 51.86985034155231)</t>
  </si>
  <si>
    <t>POINT (4.666695398078083 51.87137408009384)</t>
  </si>
  <si>
    <t>POINT (4.649924423156958 51.869121724900886)</t>
  </si>
  <si>
    <t>POINT (4.670229164412218 51.86831260939244)</t>
  </si>
  <si>
    <t>POINT (4.652825437193599 51.86886125170391)</t>
  </si>
  <si>
    <t>POINT (4.661909032838734 51.86652672185991)</t>
  </si>
  <si>
    <t>POINT (4.648640607045388 51.8717023846891)</t>
  </si>
  <si>
    <t>POINT (4.666036680303471 51.86717235365411)</t>
  </si>
  <si>
    <t>POINT (4.674636854858575 51.85348663896421)</t>
  </si>
  <si>
    <t>POINT (4.664172351699458 51.864249854435265)</t>
  </si>
  <si>
    <t>POINT (4.662450684416201 51.85813468742509)</t>
  </si>
  <si>
    <t>POINT (4.655527478095848 51.866100629121846)</t>
  </si>
  <si>
    <t>POINT (4.64794317803663 51.87084407745608)</t>
  </si>
  <si>
    <t>POINT (4.653813023066296 51.870184256231006)</t>
  </si>
  <si>
    <t>POINT (4.668343468234266 51.864103398728425)</t>
  </si>
  <si>
    <t>POINT (4.671392045223852 51.86640512739023)</t>
  </si>
  <si>
    <t>POINT (4.657993779705658 51.86302496693253)</t>
  </si>
  <si>
    <t>POINT (4.6604449378944075 51.86098517115977)</t>
  </si>
  <si>
    <t>POINT (4.658877135575319 51.866364141706136)</t>
  </si>
  <si>
    <t>POINT (4.673971035351963 51.85730905463928)</t>
  </si>
  <si>
    <t>POINT (4.638557258951808 51.87292392435792)</t>
  </si>
  <si>
    <t>POINT (4.6645405883834306 51.862686823792295)</t>
  </si>
  <si>
    <t>POINT (4.661626956808663 51.87096535835291)</t>
  </si>
  <si>
    <t>POINT (4.6677322839968785 51.86827936388413)</t>
  </si>
  <si>
    <t>POINT (4.657908113720911 51.862546949938675)</t>
  </si>
  <si>
    <t>POINT (4.664514274149576 51.872193925192434)</t>
  </si>
  <si>
    <t>POINT (4.658783603505373 51.86765792371056)</t>
  </si>
  <si>
    <t>POINT (4.6709048783493925 51.86782235845387)</t>
  </si>
  <si>
    <t>POINT (4.651116453546924 51.872144886059935)</t>
  </si>
  <si>
    <t>POINT (4.662709377095694 51.86190521617022)</t>
  </si>
  <si>
    <t>POINT (4.673943403734125 51.85685406246069)</t>
  </si>
  <si>
    <t>POINT (4.657972170861791 51.87248427316222)</t>
  </si>
  <si>
    <t>POINT (4.671378384954898 51.866351112443766)</t>
  </si>
  <si>
    <t>POINT (4.666937662045823 51.86712395062566)</t>
  </si>
  <si>
    <t>POINT (4.641411037061264 51.87421846437139)</t>
  </si>
  <si>
    <t>POINT (4.673532712659064 51.8623418171026)</t>
  </si>
  <si>
    <t>POINT (4.663454367919142 51.86342619087701)</t>
  </si>
  <si>
    <t>POINT (4.661562779378993 51.87089305294305)</t>
  </si>
  <si>
    <t>POINT (4.654188622612461 51.8678064124028)</t>
  </si>
  <si>
    <t>POINT (4.653960321521193 51.87228401973306)</t>
  </si>
  <si>
    <t>POINT (4.6729172811077815 51.86037101512839)</t>
  </si>
  <si>
    <t>POINT (4.6631198166825625 51.862833576007795)</t>
  </si>
  <si>
    <t>POINT (4.671135818283338 51.868821502716855)</t>
  </si>
  <si>
    <t>POINT (4.642199775655671 51.871311152378055)</t>
  </si>
  <si>
    <t>POINT (4.659398467307722 51.86644827104811)</t>
  </si>
  <si>
    <t>POINT (4.652631989212681 51.86166932467031)</t>
  </si>
  <si>
    <t>POINT (4.665707182446054 51.86417711926269)</t>
  </si>
  <si>
    <t>POINT (4.662710590870997 51.86453619456482)</t>
  </si>
  <si>
    <t>POINT (4.661383585914089 51.86489653482087)</t>
  </si>
  <si>
    <t>POINT (4.6361592673179235 51.872171547675315)</t>
  </si>
  <si>
    <t>POINT (4.666782844152398 51.86772523851892)</t>
  </si>
  <si>
    <t>POINT (4.666512497396246 51.865566311380974)</t>
  </si>
  <si>
    <t>POINT (4.662246196758385 51.87083435269019)</t>
  </si>
  <si>
    <t>POINT (4.670656452313771 51.85971310890587)</t>
  </si>
  <si>
    <t>POINT (4.675991638638194 51.86319005016448)</t>
  </si>
  <si>
    <t>POINT (4.656757461015298 51.869603952857226)</t>
  </si>
  <si>
    <t>POINT (4.664762274455351 51.864252208298225)</t>
  </si>
  <si>
    <t>POINT (4.651850638525568 51.868980993561564)</t>
  </si>
  <si>
    <t>POINT (4.672820965843828 51.86053527160026)</t>
  </si>
  <si>
    <t>POINT (4.6550143473761665 51.86119970531476)</t>
  </si>
  <si>
    <t>POINT (4.670307603711035 51.869769243525276)</t>
  </si>
  <si>
    <t>POINT (4.66163545018465 51.86458348917297)</t>
  </si>
  <si>
    <t>POINT (4.666478281985319 51.8658896917505)</t>
  </si>
  <si>
    <t>POINT (4.661047890127279 51.86230573510071)</t>
  </si>
  <si>
    <t>POINT (4.662736610854519 51.86021282539226)</t>
  </si>
  <si>
    <t>POINT (4.662733511316201 51.86672057146887)</t>
  </si>
  <si>
    <t>POINT (4.656776845437177 51.872319545281016)</t>
  </si>
  <si>
    <t>POINT (4.652378648197413 51.87043596151241)</t>
  </si>
  <si>
    <t>POINT (4.668656242003839 51.866792909714015)</t>
  </si>
  <si>
    <t>POINT (4.665845008224851 51.86463638560986)</t>
  </si>
  <si>
    <t>POINT (4.660856078439125 51.8678954741609)</t>
  </si>
  <si>
    <t>POINT (4.673011802725621 51.8631476261392)</t>
  </si>
  <si>
    <t>POINT (4.668788061955711 51.86490161197973)</t>
  </si>
  <si>
    <t>POINT (4.669577327204495 51.860928972501966)</t>
  </si>
  <si>
    <t>POINT (4.664150120292623 51.86620796094925)</t>
  </si>
  <si>
    <t>POINT (4.660287115804267 51.869860462424256)</t>
  </si>
  <si>
    <t>POINT (4.666614483157271 51.87007922324566)</t>
  </si>
  <si>
    <t>POINT (4.666466419838993 51.862096420394955)</t>
  </si>
  <si>
    <t>POINT (4.661843219148356 51.86160054834241)</t>
  </si>
  <si>
    <t>POINT (4.667436158389579 51.86591354307414)</t>
  </si>
  <si>
    <t>POINT (4.64922687679302 51.8718139331331)</t>
  </si>
  <si>
    <t>POINT (4.665546086097366 51.86154695691067)</t>
  </si>
  <si>
    <t>POINT (4.6563186486731105 51.868343723416096)</t>
  </si>
  <si>
    <t>POINT (4.643533239678315 51.87365664702523)</t>
  </si>
  <si>
    <t>POINT (4.661619771745244 51.865667905879256)</t>
  </si>
  <si>
    <t>POINT (4.643372200694398 51.87329608209825)</t>
  </si>
  <si>
    <t>POINT (4.657404721684027 51.866732524112074)</t>
  </si>
  <si>
    <t>POINT (4.662155181294366 51.87287870126084)</t>
  </si>
  <si>
    <t>POINT (4.6675600801357335 51.869060318499514)</t>
  </si>
  <si>
    <t>POINT (4.644778269926314 51.873008352871715)</t>
  </si>
  <si>
    <t>POINT (4.656494987536794 51.87089758991995)</t>
  </si>
  <si>
    <t>POINT (4.6614759668362575 51.86186793835094)</t>
  </si>
  <si>
    <t>POINT (4.664592991347653 51.86846683017388)</t>
  </si>
  <si>
    <t>POINT (4.660670798153005 51.86246250163835)</t>
  </si>
  <si>
    <t>POINT (4.655049115930614 51.86873131611719)</t>
  </si>
  <si>
    <t>POINT (4.663367122435016 51.86343464182202)</t>
  </si>
  <si>
    <t>POINT (4.665638437071306 51.86529578037079)</t>
  </si>
  <si>
    <t>POINT (4.640525329635014 51.874648786226714)</t>
  </si>
  <si>
    <t>POINT (4.65901707911015 51.866688599962366)</t>
  </si>
  <si>
    <t>POINT (4.661854981358185 51.86537584420035)</t>
  </si>
  <si>
    <t>POINT (4.66716879260381 51.86992082751718)</t>
  </si>
  <si>
    <t>POINT (4.666844954841446 51.86213471530687)</t>
  </si>
  <si>
    <t>POINT (4.641621611358296 51.87202657461612)</t>
  </si>
  <si>
    <t>POINT (4.6657819052711735 51.86902693867163)</t>
  </si>
  <si>
    <t>POINT (4.640503101676354 51.874675610826834)</t>
  </si>
  <si>
    <t>POINT (4.663842538620395 51.86592292539116)</t>
  </si>
  <si>
    <t>POINT (4.655511133063169 51.86978586441267)</t>
  </si>
  <si>
    <t>POINT (4.66417713716277 51.86316997257616)</t>
  </si>
  <si>
    <t>POINT (4.674887486171366 51.85578984994975)</t>
  </si>
  <si>
    <t>POINT (4.654053588633503 51.87190707972009)</t>
  </si>
  <si>
    <t>POINT (4.666503319579806 51.86432582535425)</t>
  </si>
  <si>
    <t>POINT (4.638758316116803 51.87393193281974)</t>
  </si>
  <si>
    <t>POINT (4.66473396146496 51.864207091017406)</t>
  </si>
  <si>
    <t>POINT (4.666782412611618 51.86775220172503)</t>
  </si>
  <si>
    <t>POINT (4.662296483198322 51.86590889885456)</t>
  </si>
  <si>
    <t>POINT (4.6606443061605765 51.87201994110235)</t>
  </si>
  <si>
    <t>POINT (4.651502608163702 51.86984172248615)</t>
  </si>
  <si>
    <t>POINT (4.66383781249444 51.867572308294946)</t>
  </si>
  <si>
    <t>POINT (4.672899138153551 51.86503275273)</t>
  </si>
  <si>
    <t>POINT (4.6716504749044505 51.87069876466121)</t>
  </si>
  <si>
    <t>POINT (4.662367027242533 51.87144632439648)</t>
  </si>
  <si>
    <t>POINT (4.6713428966868635 51.864930694789294)</t>
  </si>
  <si>
    <t>POINT (4.667258929284288 51.863377665763664)</t>
  </si>
  <si>
    <t>POINT (4.6370214414746265 51.87358827343999)</t>
  </si>
  <si>
    <t>POINT (4.64041155281513 51.87450424480727)</t>
  </si>
  <si>
    <t>POINT (4.651239919846286 51.862235585451096)</t>
  </si>
  <si>
    <t>POINT (4.665884471970528 51.86896914259262)</t>
  </si>
  <si>
    <t>POINT (4.65432560158784 51.86848950406249)</t>
  </si>
  <si>
    <t>POINT (4.655028569435441 51.86553123630911)</t>
  </si>
  <si>
    <t>POINT (4.6399774710747455 51.87222286541837)</t>
  </si>
  <si>
    <t>POINT (4.650966036071344 51.87068778574873)</t>
  </si>
  <si>
    <t>POINT (4.6662615457110785 51.864917590508576)</t>
  </si>
  <si>
    <t>POINT (4.654984563075898 51.861224346228866)</t>
  </si>
  <si>
    <t>POINT (4.646126403951569 51.865655175156)</t>
  </si>
  <si>
    <t>POINT (4.666293864476889 51.85927293272275)</t>
  </si>
  <si>
    <t>POINT (4.656860316496657 51.86449097157081)</t>
  </si>
  <si>
    <t>POINT (4.651707582181312 51.87195982786278)</t>
  </si>
  <si>
    <t>POINT (4.658306796391807 51.86841001012393)</t>
  </si>
  <si>
    <t>POINT (4.674768064865531 51.86265956861221)</t>
  </si>
  <si>
    <t>POINT (4.64116988850688 51.87431131367428)</t>
  </si>
  <si>
    <t>POINT (4.661425661905727 51.86408781850813)</t>
  </si>
  <si>
    <t>POINT (4.666038264228289 51.867073488570405)</t>
  </si>
  <si>
    <t>POINT (4.667601762034922 51.86826957567307)</t>
  </si>
  <si>
    <t>POINT (4.673801196807123 51.86234794261201)</t>
  </si>
  <si>
    <t>POINT (4.655143144417011 51.86919931077704)</t>
  </si>
  <si>
    <t>POINT (4.66427357704093 51.86213687431346)</t>
  </si>
  <si>
    <t>POINT (4.66928458691439 51.86790684622733)</t>
  </si>
  <si>
    <t>POINT (4.643514533911374 51.870834097933766)</t>
  </si>
  <si>
    <t>POINT (4.644837456874521 51.87338175511704)</t>
  </si>
  <si>
    <t>POINT (4.651715124786652 51.86927676982263)</t>
  </si>
  <si>
    <t>POINT (4.658534466521554 51.86780019633256)</t>
  </si>
  <si>
    <t>POINT (4.664552545491779 51.87124109779907)</t>
  </si>
  <si>
    <t>POINT (4.659454862301318 51.871940668723006)</t>
  </si>
  <si>
    <t>POINT (4.667599552806744 51.871132435940716)</t>
  </si>
  <si>
    <t>POINT (4.655082981892024 51.86117409312591)</t>
  </si>
  <si>
    <t>POINT (4.650956443795537 51.872161860468836)</t>
  </si>
  <si>
    <t>POINT (4.6396447007164285 51.87520946894899)</t>
  </si>
  <si>
    <t>POINT (4.659256067527763 51.86537774203288)</t>
  </si>
  <si>
    <t>POINT (4.665492254036232 51.86535780252666)</t>
  </si>
  <si>
    <t>POINT (4.640276616590513 51.873447222410746)</t>
  </si>
  <si>
    <t>POINT (4.64134532353771 51.87424051870831)</t>
  </si>
  <si>
    <t>POINT (4.667121725414231 51.86696328411408)</t>
  </si>
  <si>
    <t>POINT (4.652091040404433 51.861650021009126)</t>
  </si>
  <si>
    <t>POINT (4.6663386128485955 51.86373156546012)</t>
  </si>
  <si>
    <t>POINT (4.6534254127817825 51.87035711359006)</t>
  </si>
  <si>
    <t>POINT (4.659514307516092 51.86736582855487)</t>
  </si>
  <si>
    <t>POINT (4.675295656120365 51.86349274970574)</t>
  </si>
  <si>
    <t>POINT (4.6588971989174475 51.86466820210293)</t>
  </si>
  <si>
    <t>POINT (4.665522206623806 51.86394227857496)</t>
  </si>
  <si>
    <t>POINT (4.669521160155509 51.86581843871518)</t>
  </si>
  <si>
    <t>POINT (4.655672009120373 51.86971495748244)</t>
  </si>
  <si>
    <t>POINT (4.6518450034571615 51.86843714620152)</t>
  </si>
  <si>
    <t>POINT (4.668792112682858 51.8678319260729)</t>
  </si>
  <si>
    <t>POINT (4.664599854552995 51.864773259346)</t>
  </si>
  <si>
    <t>POINT (4.656737507759693 51.87174066713849)</t>
  </si>
  <si>
    <t>POINT (4.657742453428379 51.87277048262031)</t>
  </si>
  <si>
    <t>POINT (4.6622672019437115 51.86682555767939)</t>
  </si>
  <si>
    <t>POINT (4.656726021309133 51.86954331782286)</t>
  </si>
  <si>
    <t>POINT (4.647850549857928 51.870295187952536)</t>
  </si>
  <si>
    <t>POINT (4.65017886070066 51.87176148435254)</t>
  </si>
  <si>
    <t>POINT (4.6551003193391445 51.869154100722895)</t>
  </si>
  <si>
    <t>POINT (4.659443421390816 51.86995411274737)</t>
  </si>
  <si>
    <t>POINT (4.652831437070155 51.86226363323817)</t>
  </si>
  <si>
    <t>POINT (4.640882432490291 51.87369376627117)</t>
  </si>
  <si>
    <t>POINT (4.666062168309688 51.86014340703734)</t>
  </si>
  <si>
    <t>POINT (4.652292786213045 51.8631507679337)</t>
  </si>
  <si>
    <t>POINT (4.6627338202025745 51.870760958065325)</t>
  </si>
  <si>
    <t>POINT (4.653560219820488 51.867877094499654)</t>
  </si>
  <si>
    <t>POINT (4.667212781564729 51.859545532282596)</t>
  </si>
  <si>
    <t>POINT (4.658475019064457 51.869678449852735)</t>
  </si>
  <si>
    <t>POINT (4.667587094035201 51.867370624114876)</t>
  </si>
  <si>
    <t>POINT (4.658041970494117 51.86862409334191)</t>
  </si>
  <si>
    <t>POINT (4.655377592266535 51.87085467876237)</t>
  </si>
  <si>
    <t>POINT (4.666673900301357 51.871809895972184)</t>
  </si>
  <si>
    <t>POINT (4.663143200252673 51.858129970633286)</t>
  </si>
  <si>
    <t>POINT (4.637764358156209 51.87344919762166)</t>
  </si>
  <si>
    <t>POINT (4.661265627323718 51.87311140533723)</t>
  </si>
  <si>
    <t>POINT (4.651641971419581 51.862202257584514)</t>
  </si>
  <si>
    <t>POINT (4.662282978736242 51.865845895137504)</t>
  </si>
  <si>
    <t>POINT (4.666744699617314 51.87192268791465)</t>
  </si>
  <si>
    <t>POINT (4.663675080208292 51.86595335408562)</t>
  </si>
  <si>
    <t>POINT (4.645647681718242 51.87268126554383)</t>
  </si>
  <si>
    <t>POINT (4.645189569108911 51.87228287271858)</t>
  </si>
  <si>
    <t>POINT (4.663819031240905 51.86693400054921)</t>
  </si>
  <si>
    <t>POINT (4.641467256882954 51.873454787529816)</t>
  </si>
  <si>
    <t>POINT (4.665476584692399 51.86180719995878)</t>
  </si>
  <si>
    <t>POINT (4.671661652094938 51.86588543053205)</t>
  </si>
  <si>
    <t>POINT (4.6714292747671164 51.86954238038737)</t>
  </si>
  <si>
    <t>POINT (4.656705435108584 51.863299014771)</t>
  </si>
  <si>
    <t>POINT (4.666606611115633 51.86784999807244)</t>
  </si>
  <si>
    <t>POINT (4.663232616067685 51.872701080318976)</t>
  </si>
  <si>
    <t>POINT (4.654802627533282 51.861991002965254)</t>
  </si>
  <si>
    <t>POINT (4.643050663624697 51.870786216813144)</t>
  </si>
  <si>
    <t>POINT (4.659791928787924 51.861866508432975)</t>
  </si>
  <si>
    <t>POINT (4.65655579700733 51.86934316100933)</t>
  </si>
  <si>
    <t>POINT (4.661850601419418 51.86474661340561)</t>
  </si>
  <si>
    <t>POINT (4.6604160796132605 51.855578329356845)</t>
  </si>
  <si>
    <t>POINT (4.666928026399406 51.86772612893561)</t>
  </si>
  <si>
    <t>POINT (4.6442408989709065 51.87183357460982)</t>
  </si>
  <si>
    <t>POINT (4.659341428337535 51.86548613459177)</t>
  </si>
  <si>
    <t>POINT (4.664301706572138 51.86883577332407)</t>
  </si>
  <si>
    <t>POINT (4.665243797830924 51.87179662034604)</t>
  </si>
  <si>
    <t>POINT (4.6374468685678725 51.8724584214227)</t>
  </si>
  <si>
    <t>POINT (4.65657537639288 51.865945357258504)</t>
  </si>
  <si>
    <t>POINT (4.669543561686267 51.863957931556186)</t>
  </si>
  <si>
    <t>POINT (4.655050452573384 51.867685066218826)</t>
  </si>
  <si>
    <t>POINT (4.673086151317711 51.858460512817835)</t>
  </si>
  <si>
    <t>POINT (4.652361544929245 51.87237290339535)</t>
  </si>
  <si>
    <t>POINT (4.673797233779835 51.858432188014774)</t>
  </si>
  <si>
    <t>POINT (4.672879477037009 51.85968391970137)</t>
  </si>
  <si>
    <t>POINT (4.655048445320829 51.86117048011597)</t>
  </si>
  <si>
    <t>POINT (4.656537775068688 51.869317368398974)</t>
  </si>
  <si>
    <t>POINT (4.655995073796412 51.869492253512654)</t>
  </si>
  <si>
    <t>POINT (4.65729147100746 51.86923964687705)</t>
  </si>
  <si>
    <t>POINT (4.669034711918336 51.866732304207304)</t>
  </si>
  <si>
    <t>POINT (4.672676856004462 51.85990936213427)</t>
  </si>
  <si>
    <t>POINT (4.6621260282709045 51.86917466241462)</t>
  </si>
  <si>
    <t>POINT (4.671231105125244 51.859453247077525)</t>
  </si>
  <si>
    <t>POINT (4.65266925811659 51.86597492480975)</t>
  </si>
  <si>
    <t>POINT (4.670513248057219 51.871900799304235)</t>
  </si>
  <si>
    <t>POINT (4.67189144894093 51.86969800234413)</t>
  </si>
  <si>
    <t>POINT (4.6581891933483695 51.86849916648207)</t>
  </si>
  <si>
    <t>POINT (4.655960964239098 51.86622916962566)</t>
  </si>
  <si>
    <t>POINT (4.641282824519469 51.87144016236093)</t>
  </si>
  <si>
    <t>POINT (4.640237281913441 51.87144250659915)</t>
  </si>
  <si>
    <t>POINT (4.6536766110757934 51.8727631396916)</t>
  </si>
  <si>
    <t>POINT (4.658476975637041 51.86776388514861)</t>
  </si>
  <si>
    <t>POINT (4.6770035502659075 51.85955332119345)</t>
  </si>
  <si>
    <t>POINT (4.6702072338226674 51.87151242150317)</t>
  </si>
  <si>
    <t>POINT (4.641832685538026 51.86980322690852)</t>
  </si>
  <si>
    <t>POINT (4.6620730130678 51.86963356371372)</t>
  </si>
  <si>
    <t>POINT (4.670531424041703 51.85981571515146)</t>
  </si>
  <si>
    <t>POINT (4.652615133783789 51.87018126489032)</t>
  </si>
  <si>
    <t>POINT (4.658791180719179 51.87167588488598)</t>
  </si>
  <si>
    <t>POINT (4.638462215143192 51.87339971626198)</t>
  </si>
  <si>
    <t>POINT (4.641805251217338 51.870144621004066)</t>
  </si>
  <si>
    <t>POINT (4.688622093881687 51.8676144709018)</t>
  </si>
  <si>
    <t>POINT (4.664414320296392 51.86458697002354)</t>
  </si>
  <si>
    <t>POINT (4.6570697150833515 51.86205365793359)</t>
  </si>
  <si>
    <t>POINT (4.670924034923237 51.86296862219604)</t>
  </si>
  <si>
    <t>POINT (4.651480367049734 51.861984070848735)</t>
  </si>
  <si>
    <t>POINT (4.656590351071458 51.87217906178985)</t>
  </si>
  <si>
    <t>POINT (4.641912382740734 51.87288234016645)</t>
  </si>
  <si>
    <t>POINT (4.644373351218804 51.87334646195355)</t>
  </si>
  <si>
    <t>POINT (4.655910975000038 51.87064676816239)</t>
  </si>
  <si>
    <t>POINT (4.653346245846639 51.87254085486738)</t>
  </si>
  <si>
    <t>POINT (4.6596523239896905 51.85262321395141)</t>
  </si>
  <si>
    <t>POINT (4.674722327162358 51.86364976474071)</t>
  </si>
  <si>
    <t>POINT (4.666166590504576 51.859424571518204)</t>
  </si>
  <si>
    <t>POINT (4.660228443471201 51.864502879443194)</t>
  </si>
  <si>
    <t>POINT (4.636348860175899 51.87312346112781)</t>
  </si>
  <si>
    <t>POINT (4.650695728572961 51.86945914327304)</t>
  </si>
  <si>
    <t>POINT (4.665154524463979 51.86423664322683)</t>
  </si>
  <si>
    <t>POINT (4.666752081467524 51.86783291323734)</t>
  </si>
  <si>
    <t>POINT (4.670712421265755 51.8680548885448)</t>
  </si>
  <si>
    <t>POINT (4.670249898144319 51.86883407555599)</t>
  </si>
  <si>
    <t>POINT (4.645490854607468 51.87294543994739)</t>
  </si>
  <si>
    <t>POINT (4.641173224665625 51.871043966314595)</t>
  </si>
  <si>
    <t>POINT (4.662640768137835 51.869936765989536)</t>
  </si>
  <si>
    <t>POINT (4.653954199438602 51.86809626160088)</t>
  </si>
  <si>
    <t>POINT (4.66192836611488 51.86712907897941)</t>
  </si>
  <si>
    <t>POINT (4.655099917772952 51.86766562654139)</t>
  </si>
  <si>
    <t>POINT (4.645702791072782 51.871980500257195)</t>
  </si>
  <si>
    <t>POINT (4.65582903819303 51.862731770812815)</t>
  </si>
  <si>
    <t>POINT (4.667016070452268 51.86766824281682)</t>
  </si>
  <si>
    <t>POINT (4.629367951465067 51.87940243434749)</t>
  </si>
  <si>
    <t>POINT (4.66454047804127 51.87038108265181)</t>
  </si>
  <si>
    <t>POINT (4.6572728791326234 51.86261946983122)</t>
  </si>
  <si>
    <t>POINT (4.667409721515947 51.87029083740992)</t>
  </si>
  <si>
    <t>POINT (4.669762382130691 51.87026927680279)</t>
  </si>
  <si>
    <t>POINT (4.670542845786247 51.86867406832661)</t>
  </si>
  <si>
    <t>POINT (4.651507602976082 51.86953614039921)</t>
  </si>
  <si>
    <t>POINT (4.644426685770338 51.87201452226373)</t>
  </si>
  <si>
    <t>POINT (4.669940103567076 51.86367271815752)</t>
  </si>
  <si>
    <t>POINT (4.642228070458878 51.8713562750151)</t>
  </si>
  <si>
    <t>POINT (4.6641276911221095 51.86218091933574)</t>
  </si>
  <si>
    <t>POINT (4.641980879563162 51.872253570403984)</t>
  </si>
  <si>
    <t>POINT (4.640026184834334 51.86985710534351)</t>
  </si>
  <si>
    <t>POINT (4.666301307219869 51.87059414688858)</t>
  </si>
  <si>
    <t>POINT (4.661111505806352 51.86376228613449)</t>
  </si>
  <si>
    <t>POINT (4.6768454837406965 51.862653491874426)</t>
  </si>
  <si>
    <t>POINT (4.658653753253568 51.864915587311394)</t>
  </si>
  <si>
    <t>POINT (4.65080388573496 51.86251981443117)</t>
  </si>
  <si>
    <t>POINT (4.663171100428827 51.87020636006074)</t>
  </si>
  <si>
    <t>POINT (4.657857524786706 51.86291218542542)</t>
  </si>
  <si>
    <t>POINT (4.673488287630342 51.85964945555953)</t>
  </si>
  <si>
    <t>POINT (4.667272583722074 51.86343168119857)</t>
  </si>
  <si>
    <t>POINT (4.676678585341468 51.8595589599102)</t>
  </si>
  <si>
    <t>POINT (4.630836478064715 51.87869910007113)</t>
  </si>
  <si>
    <t>POINT (4.660735324774916 51.86251233825832)</t>
  </si>
  <si>
    <t>POINT (4.665587914190231 51.86527749271987)</t>
  </si>
  <si>
    <t>POINT (4.666278777583498 51.865654763196694)</t>
  </si>
  <si>
    <t>POINT (4.652393185516455 51.86821136696707)</t>
  </si>
  <si>
    <t>POINT (4.661106511030818 51.87082281864856)</t>
  </si>
  <si>
    <t>POINT (4.660625785220929 51.86507162171082)</t>
  </si>
  <si>
    <t>POINT (4.657420101581572 51.86412525230781)</t>
  </si>
  <si>
    <t>POINT (4.665666321176814 51.86129151983983)</t>
  </si>
  <si>
    <t>POINT (4.67042959269464 51.8648442269582)</t>
  </si>
  <si>
    <t>POINT (4.675718664727888 51.85355072578988)</t>
  </si>
  <si>
    <t>POINT (4.66131418781835 51.86469835615726)</t>
  </si>
  <si>
    <t>POINT (4.632181174205742 51.87732350058582)</t>
  </si>
  <si>
    <t>POINT (4.671476261242008 51.86932694002936)</t>
  </si>
  <si>
    <t>POINT (4.654225481163656 51.87205197047755)</t>
  </si>
  <si>
    <t>POINT (4.666132189035471 51.87027401295789)</t>
  </si>
  <si>
    <t>POINT (4.662423570678882 51.86703326103696)</t>
  </si>
  <si>
    <t>POINT (4.659734153981947 51.86184817331142)</t>
  </si>
  <si>
    <t>POINT (4.652261228027037 51.872291378137064)</t>
  </si>
  <si>
    <t>POINT (4.66144122040118 51.86492385686243)</t>
  </si>
  <si>
    <t>POINT (4.671460884973295 51.86938077800298)</t>
  </si>
  <si>
    <t>POINT (4.641481215212657 51.869020027154)</t>
  </si>
  <si>
    <t>POINT (4.667057980807514 51.86595616796814)</t>
  </si>
  <si>
    <t>POINT (4.643789289700984 51.871726682742256)</t>
  </si>
  <si>
    <t>POINT (4.673209978664804 51.86329024002727)</t>
  </si>
  <si>
    <t>POINT (4.656275839773393 51.86902265554703)</t>
  </si>
  <si>
    <t>POINT (4.656005539329427 51.866166526742205)</t>
  </si>
  <si>
    <t>POINT (4.654515997289888 51.86264072030732)</t>
  </si>
  <si>
    <t>POINT (4.656541955527951 51.86263733337868)</t>
  </si>
  <si>
    <t>POINT (4.668455478828123 51.86572653007793)</t>
  </si>
  <si>
    <t>POINT (4.641146540783386 51.872960335614614)</t>
  </si>
  <si>
    <t>POINT (4.657939483023243 51.87136498696965)</t>
  </si>
  <si>
    <t>POINT (4.644024543726951 51.87163172343378)</t>
  </si>
  <si>
    <t>POINT (4.665519703969508 51.8654568460368)</t>
  </si>
  <si>
    <t>POINT (4.661234178376537 51.86965958155195)</t>
  </si>
  <si>
    <t>POINT (4.6521620857739245 51.87213795113962)</t>
  </si>
  <si>
    <t>POINT (4.658754722946525 51.87213407840214)</t>
  </si>
  <si>
    <t>POINT (4.654911087653815 51.8687367476687)</t>
  </si>
  <si>
    <t>POINT (4.675044781586075 51.85394214039641)</t>
  </si>
  <si>
    <t>POINT (4.670430338683873 51.869356516398156)</t>
  </si>
  <si>
    <t>POINT (4.667374140416578 51.86888390109779)</t>
  </si>
  <si>
    <t>POINT (4.662955306771295 51.86943874093608)</t>
  </si>
  <si>
    <t>POINT (4.666651020952373 51.86326157988165)</t>
  </si>
  <si>
    <t>POINT (4.67183716794755 51.86032254476715)</t>
  </si>
  <si>
    <t>POINT (4.660083705356598 51.85908183948533)</t>
  </si>
  <si>
    <t>POINT (4.643133511573511 51.87016652585308)</t>
  </si>
  <si>
    <t>POINT (4.639622619443669 51.87347901642959)</t>
  </si>
  <si>
    <t>POINT (4.660357934280095 51.86412615856413)</t>
  </si>
  <si>
    <t>POINT (4.67638436652685 51.85957660386288)</t>
  </si>
  <si>
    <t>POINT (4.659769866832986 51.861434917516796)</t>
  </si>
  <si>
    <t>POINT (4.66665088527681 51.86780532660662)</t>
  </si>
  <si>
    <t>POINT (4.655633604179142 51.863144030689654)</t>
  </si>
  <si>
    <t>POINT (4.668845979095557 51.86673115002415)</t>
  </si>
  <si>
    <t>POINT (4.654987469471259 51.86120006806885)</t>
  </si>
  <si>
    <t>POINT (4.654905442602773 51.871922676648445)</t>
  </si>
  <si>
    <t>POINT (4.63677564990079 51.87352378295002)</t>
  </si>
  <si>
    <t>POINT (4.641633748698033 51.87217046981025)</t>
  </si>
  <si>
    <t>POINT (4.661205162612487 51.87055826418415)</t>
  </si>
  <si>
    <t>POINT (4.659286473494315 51.86170158129203)</t>
  </si>
  <si>
    <t>POINT (4.657137199854943 51.87158921296343)</t>
  </si>
  <si>
    <t>POINT (4.675075968733693 51.864048738946046)</t>
  </si>
  <si>
    <t>POINT (4.639039021044389 51.87014950495851)</t>
  </si>
  <si>
    <t>POINT (4.66640956528583 51.85884668309698)</t>
  </si>
  <si>
    <t>POINT (4.657204192676277 51.86208685297815)</t>
  </si>
  <si>
    <t>POINT (4.666124364473201 51.86713693753726)</t>
  </si>
  <si>
    <t>POINT (4.674873949336231 51.86404751384143)</t>
  </si>
  <si>
    <t>POINT (4.658711739888677 51.867612534877814)</t>
  </si>
  <si>
    <t>POINT (4.661631766560197 51.86301045677218)</t>
  </si>
  <si>
    <t>POINT (4.642895744995363 51.87400766016733)</t>
  </si>
  <si>
    <t>POINT (4.638727502966164 51.87491149763255)</t>
  </si>
  <si>
    <t>POINT (4.673049524438557 51.85527831697465)</t>
  </si>
  <si>
    <t>POINT (4.664676719081791 51.86234609360117)</t>
  </si>
  <si>
    <t>POINT (4.66570116418653 51.86364675353815)</t>
  </si>
  <si>
    <t>POINT (4.635402854785415 51.873119504448326)</t>
  </si>
  <si>
    <t>POINT (4.661683813876445 51.86518602583959)</t>
  </si>
  <si>
    <t>POINT (4.667458736972614 51.86904172029823)</t>
  </si>
  <si>
    <t>POINT (4.661289041116335 51.868958808227475)</t>
  </si>
  <si>
    <t>POINT (4.664457967794023 51.871450220285034)</t>
  </si>
  <si>
    <t>POINT (4.662599466425948 51.86332204456808)</t>
  </si>
  <si>
    <t>POINT (4.659800469004644 51.86583054629822)</t>
  </si>
  <si>
    <t>POINT (4.659461534211442 51.87242609548052)</t>
  </si>
  <si>
    <t>POINT (4.652816347808254 51.87164317487579)</t>
  </si>
  <si>
    <t>POINT (4.633020181749247 51.876654742524586)</t>
  </si>
  <si>
    <t>POINT (4.6390184168721476 51.87182575471297)</t>
  </si>
  <si>
    <t>POINT (4.646960341343934 51.87144911440724)</t>
  </si>
  <si>
    <t>POINT (4.671283365092177 51.859818503768714)</t>
  </si>
  <si>
    <t>POINT (4.662080910626329 51.871179394211694)</t>
  </si>
  <si>
    <t>POINT (4.664342708471332 51.87094165422456)</t>
  </si>
  <si>
    <t>POINT (4.666092663766064 51.87002208907)</t>
  </si>
  <si>
    <t>POINT (4.661978886240378 51.86957808907019)</t>
  </si>
  <si>
    <t>POINT (4.656304070424263 51.86387628433141)</t>
  </si>
  <si>
    <t>POINT (4.667013794182933 51.86372671907796)</t>
  </si>
  <si>
    <t>POINT (4.656869068130294 51.87200551699018)</t>
  </si>
  <si>
    <t>POINT (4.651461177587716 51.872376255795174)</t>
  </si>
  <si>
    <t>POINT (4.653280374012588 51.87079215577534)</t>
  </si>
  <si>
    <t>POINT (4.654974534708574 51.861210755807384)</t>
  </si>
  <si>
    <t>POINT (4.664161446546097 51.861435071149415)</t>
  </si>
  <si>
    <t>POINT (4.677570495089502 51.844450157536606)</t>
  </si>
  <si>
    <t>POINT (4.6586738258742875 51.863675281089776)</t>
  </si>
  <si>
    <t>POINT (4.640154960866469 51.87421497694426)</t>
  </si>
  <si>
    <t>POINT (4.664854558483708 51.87207287431887)</t>
  </si>
  <si>
    <t>POINT (4.667843226891586 51.8658800825403)</t>
  </si>
  <si>
    <t>POINT (4.662314429844734 51.864794420221145)</t>
  </si>
  <si>
    <t>POINT (4.670339961469867 51.853149479421205)</t>
  </si>
  <si>
    <t>POINT (4.658769455325328 51.86494327086277)</t>
  </si>
  <si>
    <t>POINT (4.655946446525533 51.866229079237115)</t>
  </si>
  <si>
    <t>POINT (4.662226066302172 51.865773634857675)</t>
  </si>
  <si>
    <t>POINT (4.676523461527849 51.86024474272616)</t>
  </si>
  <si>
    <t>POINT (4.66095570794435 51.862170335661816)</t>
  </si>
  <si>
    <t>POINT (4.6676364311534355 51.86246763409773)</t>
  </si>
  <si>
    <t>POINT (4.6675748861812645 51.86904243198369)</t>
  </si>
  <si>
    <t>POINT (4.659063661885483 51.861115939020344)</t>
  </si>
  <si>
    <t>POINT (4.656185092339974 51.86986196991126)</t>
  </si>
  <si>
    <t>2951EV</t>
  </si>
  <si>
    <t>Cortgenehof</t>
  </si>
  <si>
    <t>POINT (4.654428441018326 51.86359943201746)</t>
  </si>
  <si>
    <t>POINT (4.641145297099662 51.87185276613972)</t>
  </si>
  <si>
    <t>POINT (4.662558268192386 51.862724675911416)</t>
  </si>
  <si>
    <t>POINT (4.654959627612624 51.86119989447702)</t>
  </si>
  <si>
    <t>POINT (4.666879230360452 51.86714606382727)</t>
  </si>
  <si>
    <t>POINT (4.659869253389862 51.87145785001101)</t>
  </si>
  <si>
    <t>POINT (4.667486768291992 51.86910481237511)</t>
  </si>
  <si>
    <t>POINT (4.654060103664668 51.87150712661259)</t>
  </si>
  <si>
    <t>POINT (4.665463125152739 51.86943845664212)</t>
  </si>
  <si>
    <t>POINT (4.664069336674829 51.862198537293715)</t>
  </si>
  <si>
    <t>POINT (4.663349433133629 51.86272892566673)</t>
  </si>
  <si>
    <t>POINT (4.6529128447410155 51.869733695084236)</t>
  </si>
  <si>
    <t>POINT (4.670589635921331 51.86573507668709)</t>
  </si>
  <si>
    <t>POINT (4.656532339524056 51.86859673448953)</t>
  </si>
  <si>
    <t>POINT (4.650988773290735 51.872404756012784)</t>
  </si>
  <si>
    <t>POINT (4.6684093690331245 51.86406784759172)</t>
  </si>
  <si>
    <t>POINT (4.6337714376136265 51.87602137026175)</t>
  </si>
  <si>
    <t>POINT (4.669613525111871 51.84548740775605)</t>
  </si>
  <si>
    <t>POINT (4.667739112225144 51.86830637155954)</t>
  </si>
  <si>
    <t>POINT (4.675928865736438 51.84915655994168)</t>
  </si>
  <si>
    <t>POINT (4.642385534363172 51.8706157112255)</t>
  </si>
  <si>
    <t>POINT (4.669005962896152 51.86671415118024)</t>
  </si>
  <si>
    <t>POINT (4.666858379149799 51.86028312292211)</t>
  </si>
  <si>
    <t>POINT (4.64361456724938 51.870052720046345)</t>
  </si>
  <si>
    <t>POINT (4.673461896192022 51.863414933293335)</t>
  </si>
  <si>
    <t>POINT (4.6291275940093985 51.879703800578476)</t>
  </si>
  <si>
    <t>POINT (4.669291899190908 51.86426200655596)</t>
  </si>
  <si>
    <t>POINT (4.670855226790723 51.8526942037093)</t>
  </si>
  <si>
    <t>POINT (4.644918750026776 51.87021377610215)</t>
  </si>
  <si>
    <t>POINT (4.64297788081529 51.872364582253596)</t>
  </si>
  <si>
    <t>POINT (4.66741575592407 51.869005502446925)</t>
  </si>
  <si>
    <t>POINT (4.657927002477517 51.871239068784206)</t>
  </si>
  <si>
    <t>POINT (4.661060381487559 51.856130622033746)</t>
  </si>
  <si>
    <t>POINT (4.6704457161764 51.86930267856158)</t>
  </si>
  <si>
    <t>POINT (4.637920636479874 51.873656933249215)</t>
  </si>
  <si>
    <t>POINT (4.662547945593324 51.87076160918439)</t>
  </si>
  <si>
    <t>POINT (4.652721931419983 51.86330370657442)</t>
  </si>
  <si>
    <t>POINT (4.662939298543075 51.87080537062097)</t>
  </si>
  <si>
    <t>POINT (4.655232396932323 51.86281794005231)</t>
  </si>
  <si>
    <t>POINT (4.668699507980847 51.86908527143751)</t>
  </si>
  <si>
    <t>POINT (4.638257912023649 51.875205129413104)</t>
  </si>
  <si>
    <t>POINT (4.657141630120106 51.87265888639398)</t>
  </si>
  <si>
    <t>POINT (4.641080414124373 51.87094899611158)</t>
  </si>
  <si>
    <t>POINT (4.640159272183386 51.874217700953544)</t>
  </si>
  <si>
    <t>POINT (4.669306364348576 51.86790697933748)</t>
  </si>
  <si>
    <t>POINT (4.639110104416337 51.87198813417071)</t>
  </si>
  <si>
    <t>POINT (4.66038297745064 51.86118119827962)</t>
  </si>
  <si>
    <t>POINT (4.655656621425711 51.868170930324304)</t>
  </si>
  <si>
    <t>POINT (4.65344829696924 51.87073477884015)</t>
  </si>
  <si>
    <t>POINT (4.6620754588647575 51.86115255106753)</t>
  </si>
  <si>
    <t>POINT (4.658707118850977 51.871486602530105)</t>
  </si>
  <si>
    <t>POINT (4.664180416130278 51.86251382310596)</t>
  </si>
  <si>
    <t>POINT (4.664775044787058 51.86978927689853)</t>
  </si>
  <si>
    <t>POINT (4.667904674116753 51.871120821930546)</t>
  </si>
  <si>
    <t>POINT (4.6413829706577685 51.871530684652825)</t>
  </si>
  <si>
    <t>POINT (4.653964156448869 51.867591980801286)</t>
  </si>
  <si>
    <t>POINT (4.66106240658876 51.86230582485623)</t>
  </si>
  <si>
    <t>POINT (4.655519515513786 51.86301747910666)</t>
  </si>
  <si>
    <t>POINT (4.671465322963393 51.86453594177809)</t>
  </si>
  <si>
    <t>POINT (4.673974544133249 51.856171116154094)</t>
  </si>
  <si>
    <t>POINT (4.647895421452798 51.864911278564534)</t>
  </si>
  <si>
    <t>POINT (4.667403392146381 51.86841667232685)</t>
  </si>
  <si>
    <t>POINT (4.669611033518589 51.86792232406529)</t>
  </si>
  <si>
    <t>POINT (4.660426524276822 51.85493121212478)</t>
  </si>
  <si>
    <t>POINT (4.656462810484448 51.86661880406532)</t>
  </si>
  <si>
    <t>POINT (4.65896373694806 51.86483968626091)</t>
  </si>
  <si>
    <t>POINT (4.659135286487951 51.87194767690584)</t>
  </si>
  <si>
    <t>POINT (4.654490289219607 51.87228732684835)</t>
  </si>
  <si>
    <t>POINT (4.650838342819451 51.86961733847054)</t>
  </si>
  <si>
    <t>POINT (4.640159093153178 51.874228486175)</t>
  </si>
  <si>
    <t>POINT (4.647634730822895 51.87105786286016)</t>
  </si>
  <si>
    <t>POINT (4.66958401342565 51.85959869704519)</t>
  </si>
  <si>
    <t>POINT (4.643345017667028 51.87318355206113)</t>
  </si>
  <si>
    <t>POINT (4.65086543136887 51.87062423470558)</t>
  </si>
  <si>
    <t>POINT (4.65871193125374 51.8613204962654)</t>
  </si>
  <si>
    <t>POINT (4.667200711740843 51.867017700053914)</t>
  </si>
  <si>
    <t>POINT (4.6581551091499405 51.86432823219567)</t>
  </si>
  <si>
    <t>POINT (4.658773699003411 51.86378376412579)</t>
  </si>
  <si>
    <t>POINT (4.655370210791997 51.86371766215659)</t>
  </si>
  <si>
    <t>POINT (4.654412536425641 51.86769814836315)</t>
  </si>
  <si>
    <t>POINT (4.680451329511975 51.857698879676825)</t>
  </si>
  <si>
    <t>POINT (4.670979813902819 51.86311278028392)</t>
  </si>
  <si>
    <t>POINT (4.664896436954445 51.86177217309149)</t>
  </si>
  <si>
    <t>POINT (4.65127869716856 51.8711032219955)</t>
  </si>
  <si>
    <t>POINT (4.672919903065785 51.86020574831459)</t>
  </si>
  <si>
    <t>POINT (4.652952378218654 51.87220581434806)</t>
  </si>
  <si>
    <t>POINT (4.656654772263148 51.86328971100736)</t>
  </si>
  <si>
    <t>POINT (4.664276133731466 51.870114291759776)</t>
  </si>
  <si>
    <t>POINT (4.670445811709234 51.86656115176501)</t>
  </si>
  <si>
    <t>POINT (4.656550209300544 51.86660137054777)</t>
  </si>
  <si>
    <t>POINT (4.665307582255544 51.86630790639084)</t>
  </si>
  <si>
    <t>POINT (4.638940227446027 51.86997809148082)</t>
  </si>
  <si>
    <t>POINT (4.679538856177076 51.85822242773113)</t>
  </si>
  <si>
    <t>POINT (4.66950264787177 51.86789020166818)</t>
  </si>
  <si>
    <t>POINT (4.653277382261873 51.861688424668976)</t>
  </si>
  <si>
    <t>POINT (4.6398566446916245 51.871628846718195)</t>
  </si>
  <si>
    <t>POINT (4.655035692259498 51.86122980649863)</t>
  </si>
  <si>
    <t>POINT (4.6576297712854275 51.86897209000492)</t>
  </si>
  <si>
    <t>POINT (4.664086595252675 51.86609521208176)</t>
  </si>
  <si>
    <t>POINT (4.659948420971798 51.859368638040294)</t>
  </si>
  <si>
    <t>POINT (4.673498507549593 51.864806216034296)</t>
  </si>
  <si>
    <t>POINT (4.656486806261779 51.86188927983739)</t>
  </si>
  <si>
    <t>POINT (4.669836793340588 51.85922271918939)</t>
  </si>
  <si>
    <t>POINT (4.653132393508028 51.8705170779428)</t>
  </si>
  <si>
    <t>POINT (4.669455759230087 51.865822533368515)</t>
  </si>
  <si>
    <t>POINT (4.640163717772655 51.87421233604658)</t>
  </si>
  <si>
    <t>POINT (4.677096596834978 51.84790701720313)</t>
  </si>
  <si>
    <t>POINT (4.641635833129456 51.872044642158215)</t>
  </si>
  <si>
    <t>POINT (4.6696175762584415 51.86796730711394)</t>
  </si>
  <si>
    <t>POINT (4.675108569469802 51.84171371684975)</t>
  </si>
  <si>
    <t>POINT (4.638190972543914 51.8731193392306)</t>
  </si>
  <si>
    <t>POINT (4.662108576351644 51.86925209950324)</t>
  </si>
  <si>
    <t>z</t>
  </si>
  <si>
    <t>POINT (4.6623737020798375 51.862564060737554)</t>
  </si>
  <si>
    <t>POINT (4.659706949028417 51.86892205376309)</t>
  </si>
  <si>
    <t>POINT (4.644149530450544 51.87063137816821)</t>
  </si>
  <si>
    <t>POINT (4.641226027598978 51.86873422187645)</t>
  </si>
  <si>
    <t>POINT (4.671597754406121 51.86807826315698)</t>
  </si>
  <si>
    <t>POINT (4.65809455226722 51.86806712504674)</t>
  </si>
  <si>
    <t>POINT (4.660975884680669 51.86946922377803)</t>
  </si>
  <si>
    <t>POINT (4.65774421435342 51.865494202558615)</t>
  </si>
  <si>
    <t>POINT (4.67005190397228 51.870324976545405)</t>
  </si>
  <si>
    <t>POINT (4.644252657768306 51.870101701110066)</t>
  </si>
  <si>
    <t>POINT (4.660180834893155 51.86834971616286)</t>
  </si>
  <si>
    <t>POINT (4.648152081982592 51.86493087119694)</t>
  </si>
  <si>
    <t>POINT (4.666935519016413 51.865443065692716)</t>
  </si>
  <si>
    <t>POINT (4.65688351839642 51.86485066103553)</t>
  </si>
  <si>
    <t>POINT (4.664286755123341 51.87035704979066)</t>
  </si>
  <si>
    <t>POINT (4.656210234897546 51.86900764973724)</t>
  </si>
  <si>
    <t>POINT (4.654745992323134 51.872190046784695)</t>
  </si>
  <si>
    <t>POINT (4.662443204137998 51.86491206707259)</t>
  </si>
  <si>
    <t>POINT (4.666723188808792 51.86782374738956)</t>
  </si>
  <si>
    <t>POINT (4.659105330043789 51.86856181910655)</t>
  </si>
  <si>
    <t>POINT (4.643968507080667 51.87165548537008)</t>
  </si>
  <si>
    <t>POINT (4.667324189003085 51.87200713837508)</t>
  </si>
  <si>
    <t>POINT (4.655349123111268 51.86546132517405)</t>
  </si>
  <si>
    <t>POINT (4.651712901033072 51.87030145952526)</t>
  </si>
  <si>
    <t>POINT (4.654972363866351 51.86120141206903)</t>
  </si>
  <si>
    <t>POINT (4.663494416002218 51.87086901598178)</t>
  </si>
  <si>
    <t>POINT (4.64622058400399 51.87095906389838)</t>
  </si>
  <si>
    <t>POINT (4.664609041444711 51.862040063940476)</t>
  </si>
  <si>
    <t>POINT (4.6659068820259035 51.86711762489048)</t>
  </si>
  <si>
    <t>POINT (4.654051462869169 51.869363285485115)</t>
  </si>
  <si>
    <t>POINT (4.640951529588128 51.87084031369047)</t>
  </si>
  <si>
    <t>POINT (4.643879442732214 51.8707195555729)</t>
  </si>
  <si>
    <t>POINT (4.660537854829259 51.86961932117771)</t>
  </si>
  <si>
    <t>POINT (4.6604418828136085 51.86926817116099)</t>
  </si>
  <si>
    <t>POINT (4.677906620582546 51.844831976374664)</t>
  </si>
  <si>
    <t>POINT (4.652301193277691 51.86166814500965)</t>
  </si>
  <si>
    <t>POINT (4.664314842642571 51.8644402477034)</t>
  </si>
  <si>
    <t>POINT (4.6718162041467455 51.866209962165605)</t>
  </si>
  <si>
    <t>POINT (4.668860783860014 51.86671326333853)</t>
  </si>
  <si>
    <t>POINT (4.658698295599819 51.86575180594958)</t>
  </si>
  <si>
    <t>POINT (4.666689786726303 51.87172460159715)</t>
  </si>
  <si>
    <t>POINT (4.652136447835651 51.87015130426421)</t>
  </si>
  <si>
    <t>POINT (4.6621244563535535 51.87253244988635)</t>
  </si>
  <si>
    <t>POINT (4.651017769692016 51.86974430402526)</t>
  </si>
  <si>
    <t>POINT (4.640217317914617 51.871770464863125)</t>
  </si>
  <si>
    <t>POINT (4.655035972458164 51.861212577031985)</t>
  </si>
  <si>
    <t>POINT (4.646917522372634 51.871403901393755)</t>
  </si>
  <si>
    <t>POINT (4.656150491595963 51.86707528050918)</t>
  </si>
  <si>
    <t>POINT (4.659492257740345 51.86603537542636)</t>
  </si>
  <si>
    <t>POINT (4.65251649836792 51.871776129131234)</t>
  </si>
  <si>
    <t>POINT (4.665735501099484 51.872374912810486)</t>
  </si>
  <si>
    <t>POINT (4.6550439942671105 51.86117815562704)</t>
  </si>
  <si>
    <t>POINT (4.653294819914462 51.87079674035131)</t>
  </si>
  <si>
    <t>POINT (4.637547456504975 51.8733938817066)</t>
  </si>
  <si>
    <t>POINT (4.643646245775235 51.87077201136435)</t>
  </si>
  <si>
    <t>POINT (4.680016657017069 51.85818344597982)</t>
  </si>
  <si>
    <t>POINT (4.663884513697164 51.86014799204336)</t>
  </si>
  <si>
    <t>POINT (4.66290387742478 51.867863177144514)</t>
  </si>
  <si>
    <t>POINT (4.65896506023205 51.8646394188509)</t>
  </si>
  <si>
    <t>POINT (4.661401870857219 51.864662943553604)</t>
  </si>
  <si>
    <t>POINT (4.666634797646979 51.86699625227309)</t>
  </si>
  <si>
    <t>POINT (4.658163320295502 51.86920011854612)</t>
  </si>
  <si>
    <t>POINT (4.648391411676143 51.86432564397319)</t>
  </si>
  <si>
    <t>POINT (4.663536135164778 51.86014584581976)</t>
  </si>
  <si>
    <t>POINT (4.667630224119676 51.86830570451331)</t>
  </si>
  <si>
    <t>POINT (4.662128319206729 51.869582283499064)</t>
  </si>
  <si>
    <t>POINT (4.659714685384197 51.86395139194592)</t>
  </si>
  <si>
    <t>POINT (4.6493536476277955 51.872052928184786)</t>
  </si>
  <si>
    <t>POINT (4.656712547654619 51.86330804764189)</t>
  </si>
  <si>
    <t>POINT (4.641805453290021 51.87232436635427)</t>
  </si>
  <si>
    <t>POINT (4.6582548369316905 51.86444570338973)</t>
  </si>
  <si>
    <t>POINT (4.639121532679855 51.871300576208206)</t>
  </si>
  <si>
    <t>POINT (4.665316992255702 51.8713071907119)</t>
  </si>
  <si>
    <t>POINT (4.666734697328928 51.867104728541705)</t>
  </si>
  <si>
    <t>POINT (4.656301994224581 51.867849245333765)</t>
  </si>
  <si>
    <t>POINT (4.664204974665239 51.86279262168936)</t>
  </si>
  <si>
    <t>POINT (4.6658352437587824 51.86433970110461)</t>
  </si>
  <si>
    <t>POINT (4.6587120859151465 51.86579683462082)</t>
  </si>
  <si>
    <t>POINT (4.662998359897023 51.86289305091469)</t>
  </si>
  <si>
    <t>POINT (4.641010085975675 51.87124966865751)</t>
  </si>
  <si>
    <t>POINT (4.670601578145209 51.865896944650956)</t>
  </si>
  <si>
    <t>POINT (4.664798808524191 51.86378502459678)</t>
  </si>
  <si>
    <t>POINT (4.66611683000174 51.86942000016077)</t>
  </si>
  <si>
    <t>POINT (4.663576714716556 51.8630404338754)</t>
  </si>
  <si>
    <t>POINT (4.658079123602449 51.87215685248)</t>
  </si>
  <si>
    <t>POINT (4.66315271613374 51.861419867795526)</t>
  </si>
  <si>
    <t>POINT (4.671226090366155 51.87044899175918)</t>
  </si>
  <si>
    <t>POINT (4.652235222124283 51.86311516326909)</t>
  </si>
  <si>
    <t>POINT (4.66112747208165 51.86997352368036)</t>
  </si>
  <si>
    <t>POINT (4.664839237017729 51.861717889521294)</t>
  </si>
  <si>
    <t>POINT (4.654960683796239 51.861206363891036)</t>
  </si>
  <si>
    <t>POINT (4.668662952256332 51.85927756441473)</t>
  </si>
  <si>
    <t>POINT (4.672248645709787 51.85854530327104)</t>
  </si>
  <si>
    <t>POINT (4.665844773982165 51.87189918741956)</t>
  </si>
  <si>
    <t>POINT (4.662077195971697 51.86104469824289)</t>
  </si>
  <si>
    <t>POINT (4.663244302319932 51.86746078802633)</t>
  </si>
  <si>
    <t>POINT (4.654212075596454 51.8702002301497)</t>
  </si>
  <si>
    <t>POINT (4.6619857944804295 51.87257653693641)</t>
  </si>
  <si>
    <t>POINT (4.655026495357082 51.86122400542333)</t>
  </si>
  <si>
    <t>POINT (4.658007836007089 51.872075512364766)</t>
  </si>
  <si>
    <t>POINT (4.65186952665512 51.870491201357865)</t>
  </si>
  <si>
    <t>POINT (4.65493444100364 51.86116946371126)</t>
  </si>
  <si>
    <t>POINT (4.666679793169559 51.871895323944884)</t>
  </si>
  <si>
    <t>POINT (4.673027144245259 51.85668939508949)</t>
  </si>
  <si>
    <t>POINT (4.676237144181108 51.862446128733076)</t>
  </si>
  <si>
    <t>POINT (4.666125609551847 51.86343363332137)</t>
  </si>
  <si>
    <t>POINT (4.671908181701219 51.869558780772216)</t>
  </si>
  <si>
    <t>POINT (4.657327232631149 51.8661387931954)</t>
  </si>
  <si>
    <t>POINT (4.662690825605829 51.866666376428775)</t>
  </si>
  <si>
    <t>POINT (4.666436406043321 51.872132028956564)</t>
  </si>
  <si>
    <t>POINT (4.6607829069372855 51.86793097612319)</t>
  </si>
  <si>
    <t>POINT (4.661914551746465 51.86936693565223)</t>
  </si>
  <si>
    <t>POINT (4.651060133365776 51.87026141569058)</t>
  </si>
  <si>
    <t>POINT (4.659431563473065 51.86170697480563)</t>
  </si>
  <si>
    <t>POINT (4.660273290454064 51.861995329729915)</t>
  </si>
  <si>
    <t>POINT (4.6549130695799095 51.86816867879555)</t>
  </si>
  <si>
    <t>POINT (4.632446475746848 51.877091500940864)</t>
  </si>
  <si>
    <t>POINT (4.6564231750242175 51.86485678620878)</t>
  </si>
  <si>
    <t>POINT (4.654033382410353 51.87047326795578)</t>
  </si>
  <si>
    <t>POINT (4.658615583599538 51.86458277129258)</t>
  </si>
  <si>
    <t>POINT (4.640839468459408 51.87365753874868)</t>
  </si>
  <si>
    <t>POINT (4.65122194279347 51.871021968745595)</t>
  </si>
  <si>
    <t>POINT (4.663303160281262 51.860189353121925)</t>
  </si>
  <si>
    <t>POINT (4.667761703703213 51.863713325730416)</t>
  </si>
  <si>
    <t>POINT (4.6630908086913685 51.862561041775166)</t>
  </si>
  <si>
    <t>POINT (4.657230646004791 51.862246116193866)</t>
  </si>
  <si>
    <t>POINT (4.664038492049673 51.86140734821672)</t>
  </si>
  <si>
    <t>POINT (4.654567846203607 51.86975301852863)</t>
  </si>
  <si>
    <t>POINT (4.657729565852013 51.86292629385597)</t>
  </si>
  <si>
    <t>POINT (4.655248981156745 51.86228814549548)</t>
  </si>
  <si>
    <t>POINT (4.6564796445897345 51.8692524594513)</t>
  </si>
  <si>
    <t>POINT (4.653093071035305 51.86803147662387)</t>
  </si>
  <si>
    <t>POINT (4.652488068214249 51.86818050033264)</t>
  </si>
  <si>
    <t>POINT (4.657285801087728 51.86265164854642)</t>
  </si>
  <si>
    <t>POINT (4.661138852535839 51.87241849828389)</t>
  </si>
  <si>
    <t>POINT (4.651663050084398 51.869797784186204)</t>
  </si>
  <si>
    <t>POINT (4.6631530668362045 51.862300755444394)</t>
  </si>
  <si>
    <t>POINT (4.647391005999869 51.87086756675629)</t>
  </si>
  <si>
    <t>POINT (4.667602186874101 51.867334762116506)</t>
  </si>
  <si>
    <t>POINT (4.6565378156689095 51.870942799461304)</t>
  </si>
  <si>
    <t>POINT (4.667690200342368 51.87227454502828)</t>
  </si>
  <si>
    <t>POINT (4.662557172400916 51.86504759967515)</t>
  </si>
  <si>
    <t>POINT (4.654088258911156 51.86888711792835)</t>
  </si>
  <si>
    <t>POINT (4.669967003226315 51.85925048037959)</t>
  </si>
  <si>
    <t>POINT (4.6604619434124785 51.85543479501447)</t>
  </si>
  <si>
    <t>POINT (4.641022900497797 51.87047672733171)</t>
  </si>
  <si>
    <t>POINT (4.663160287282457 51.8713298705726)</t>
  </si>
  <si>
    <t>POINT (4.656942103519229 51.87197900521818)</t>
  </si>
  <si>
    <t>POINT (4.643566110220609 51.8703490382181)</t>
  </si>
  <si>
    <t>POINT (4.660090530349211 51.868546906850895)</t>
  </si>
  <si>
    <t>POINT (4.651698787963904 51.86164014945064)</t>
  </si>
  <si>
    <t>POINT (4.645561896066056 51.87259982625406)</t>
  </si>
  <si>
    <t>POINT (4.654995549029659 51.86120226672684)</t>
  </si>
  <si>
    <t>POINT (4.660962821167375 51.86217936827781)</t>
  </si>
  <si>
    <t>POINT (4.639588745193081 51.87245859072549)</t>
  </si>
  <si>
    <t>POINT (4.651827014415312 51.86242813231686)</t>
  </si>
  <si>
    <t>POINT (4.654709874381146 51.871286464893295)</t>
  </si>
  <si>
    <t>POINT (4.65620521577388 51.86549362252059)</t>
  </si>
  <si>
    <t>POINT (4.651892273413908 51.86198809772536)</t>
  </si>
  <si>
    <t>POINT (4.662265058363119 51.861549221249426)</t>
  </si>
  <si>
    <t>POINT (4.6599283746244025 51.86420439697644)</t>
  </si>
  <si>
    <t>POINT (4.644977264674857 51.871068066037324)</t>
  </si>
  <si>
    <t>POINT (4.669857983273966 51.859077232905406)</t>
  </si>
  <si>
    <t>POINT (4.669339210048534 51.869489176231845)</t>
  </si>
  <si>
    <t>POINT (4.656463102290538 51.86660082862526)</t>
  </si>
  <si>
    <t>POINT (4.6758914954220305 51.85974594043983)</t>
  </si>
  <si>
    <t>POINT (4.67101484436181 51.86091078187102)</t>
  </si>
  <si>
    <t>POINT (4.667032200367442 51.86212236275598)</t>
  </si>
  <si>
    <t>POINT (4.6566480557032435 51.86509028964169)</t>
  </si>
  <si>
    <t>POINT (4.660448660262128 51.86345257294529)</t>
  </si>
  <si>
    <t>POINT (4.666720564168166 51.87070907702748)</t>
  </si>
  <si>
    <t>POINT (4.659885079960903 51.87137705043715)</t>
  </si>
  <si>
    <t>POINT (4.66882815236307 51.86875797388516)</t>
  </si>
  <si>
    <t>POINT (4.6489710909036415 51.87076389210836)</t>
  </si>
  <si>
    <t>POINT (4.662754803818692 51.86953215459357)</t>
  </si>
  <si>
    <t>POINT (4.664784103402763 51.86198720917115)</t>
  </si>
  <si>
    <t>POINT (4.660856818717617 51.86874939783699)</t>
  </si>
  <si>
    <t>POINT (4.6622739448046175 51.858709048760524)</t>
  </si>
  <si>
    <t>POINT (4.64328797790869 51.87312027040356)</t>
  </si>
  <si>
    <t>POINT (4.653684842254266 51.87003064916222)</t>
  </si>
  <si>
    <t>POINT (4.6444534014422425 51.87025577749661)</t>
  </si>
  <si>
    <t>POINT (4.671883307251421 51.87021030357927)</t>
  </si>
  <si>
    <t>POINT (4.6340060270756265 51.87588804513977)</t>
  </si>
  <si>
    <t>POINT (4.667386862377695 51.86899633676211)</t>
  </si>
  <si>
    <t>POINT (4.669997455328755 51.86371801150042)</t>
  </si>
  <si>
    <t>POINT (4.656415683387061 51.86236688874376)</t>
  </si>
  <si>
    <t>POINT (4.672393354882115 51.86524899775533)</t>
  </si>
  <si>
    <t>POINT (4.66060129840438 51.86928713469033)</t>
  </si>
  <si>
    <t>POINT (4.661210950183058 51.86389773029981)</t>
  </si>
  <si>
    <t>POINT (4.647812161415034 51.87248008222916)</t>
  </si>
  <si>
    <t>POINT (4.662339312446011 51.86595410631066)</t>
  </si>
  <si>
    <t>POINT (4.637043838168778 51.87224461515219)</t>
  </si>
  <si>
    <t>POINT (4.631119034557813 51.8783054190384)</t>
  </si>
  <si>
    <t>POINT (4.658285946283279 51.867007655231454)</t>
  </si>
  <si>
    <t>POINT (4.654502195580361 51.86352798311008)</t>
  </si>
  <si>
    <t>POINT (4.6633383634333345 51.865223200841385)</t>
  </si>
  <si>
    <t>POINT (4.660754120760103 51.865216233588896)</t>
  </si>
  <si>
    <t>POINT (4.643643508926089 51.87269556153246)</t>
  </si>
  <si>
    <t>POINT (4.689497258610044 51.868293817763444)</t>
  </si>
  <si>
    <t>POINT (4.668982115520598 51.85137311803677)</t>
  </si>
  <si>
    <t>POINT (4.666157796983224 51.87230110266224)</t>
  </si>
  <si>
    <t>POINT (4.637939702798427 51.87076720787245)</t>
  </si>
  <si>
    <t>POINT (4.6409497092061995 51.870512216884606)</t>
  </si>
  <si>
    <t>POINT (4.66873644838109 51.86540645663799)</t>
  </si>
  <si>
    <t>POINT (4.666840197873424 51.86777053338441)</t>
  </si>
  <si>
    <t>POINT (4.665507220944265 51.872121829266234)</t>
  </si>
  <si>
    <t>POINT (4.654655966097468 51.87102995290871)</t>
  </si>
  <si>
    <t>POINT (4.664243457704563 51.86970780513385)</t>
  </si>
  <si>
    <t>POINT (4.6620193798754785 51.86949177868131)</t>
  </si>
  <si>
    <t>POINT (4.661476850558233 51.871719474926)</t>
  </si>
  <si>
    <t>POINT (4.661715376084004 51.8668311389934)</t>
  </si>
  <si>
    <t>POINT (4.653178519898984 51.870805002243436)</t>
  </si>
  <si>
    <t>POINT (4.654688823854465 51.867405044807775)</t>
  </si>
  <si>
    <t>POINT (4.658364696706001 51.868855090584304)</t>
  </si>
  <si>
    <t>POINT (4.665751772643331 51.86320662188268)</t>
  </si>
  <si>
    <t>POINT (4.661111401971909 51.865568999318974)</t>
  </si>
  <si>
    <t>POINT (4.668905054664046 51.86666859101008)</t>
  </si>
  <si>
    <t>POINT (4.66141829850948 51.86544505547384)</t>
  </si>
  <si>
    <t>POINT (4.6644524731697885 51.85822792213128)</t>
  </si>
  <si>
    <t>POINT (4.656262019202564 51.87183095713559)</t>
  </si>
  <si>
    <t>POINT (4.648223674695613 51.87144808072503)</t>
  </si>
  <si>
    <t>POINT (4.669925868515146 51.87094442116192)</t>
  </si>
  <si>
    <t>POINT (4.652210165254787 51.868304602420494)</t>
  </si>
  <si>
    <t>POINT (4.668801995050413 51.86675784685032)</t>
  </si>
  <si>
    <t>POINT (4.661002074931998 51.86154591264689)</t>
  </si>
  <si>
    <t>POINT (4.652662823814973 51.86333241514025)</t>
  </si>
  <si>
    <t>POINT (4.653671537413231 51.8616911568692)</t>
  </si>
  <si>
    <t>POINT (4.655256919324613 51.86236423881056)</t>
  </si>
  <si>
    <t>POINT (4.658581803808619 51.86756678575766)</t>
  </si>
  <si>
    <t>POINT (4.67404548305189 51.86296514654597)</t>
  </si>
  <si>
    <t>POINT (4.670927618338447 51.86639330736702)</t>
  </si>
  <si>
    <t>POINT (4.675579945942816 51.84101419363174)</t>
  </si>
  <si>
    <t>POINT (4.660723262988724 51.86982720637348)</t>
  </si>
  <si>
    <t>POINT (4.641711627081604 51.87097547565573)</t>
  </si>
  <si>
    <t>POINT (4.665222523144181 51.87176502943022)</t>
  </si>
  <si>
    <t>POINT (4.668613553735475 51.864464596349826)</t>
  </si>
  <si>
    <t>POINT (4.666096048315072 51.86709182059535)</t>
  </si>
  <si>
    <t>POINT (4.65527943261234 51.869986745765864)</t>
  </si>
  <si>
    <t>POINT (4.652091822945641 51.872883567293265)</t>
  </si>
  <si>
    <t>POINT (4.65340842163505 51.87184462493702)</t>
  </si>
  <si>
    <t>POINT (4.641665318877952 51.872017863410434)</t>
  </si>
  <si>
    <t>POINT (4.651798862361645 51.86237402421695)</t>
  </si>
  <si>
    <t>POINT (4.670414961154244 51.869410354232286)</t>
  </si>
  <si>
    <t>POINT (4.656185923574999 51.87115184257479)</t>
  </si>
  <si>
    <t>POINT (4.660460457581379 51.86811774247555)</t>
  </si>
  <si>
    <t>POINT (4.650069950823027 51.86954510393266)</t>
  </si>
  <si>
    <t>POINT (4.657257509827569 51.86211145368375)</t>
  </si>
  <si>
    <t>POINT (4.66909921736327 51.865874285660254)</t>
  </si>
  <si>
    <t>POINT (4.6430245399030685 51.87234686465567)</t>
  </si>
  <si>
    <t>POINT (4.6626233503503025 51.867250220614636)</t>
  </si>
  <si>
    <t>POINT (4.65734957363598 51.862745994057036)</t>
  </si>
  <si>
    <t>POINT (4.666723764244867 51.86778779644877)</t>
  </si>
  <si>
    <t>POINT (4.646153598291503 51.86620814795267)</t>
  </si>
  <si>
    <t>POINT (4.658736767053124 51.87055196984057)</t>
  </si>
  <si>
    <t>POINT (4.662997869909725 51.86653344074816)</t>
  </si>
  <si>
    <t>POINT (4.663794552769954 51.87116748921157)</t>
  </si>
  <si>
    <t>POINT (4.671384733695996 51.865038813187205)</t>
  </si>
  <si>
    <t>POINT (4.655036206029942 51.86119821464922)</t>
  </si>
  <si>
    <t>POINT (4.639158367162683 51.87012926764354)</t>
  </si>
  <si>
    <t>POINT (4.667486193443455 51.86914076331476)</t>
  </si>
  <si>
    <t>POINT (4.658515418120383 51.86449226358199)</t>
  </si>
  <si>
    <t>POINT (4.658024081733597 51.86614312162523)</t>
  </si>
  <si>
    <t>POINT (4.663481225588068 51.86536789922752)</t>
  </si>
  <si>
    <t>POINT (4.6553341583881656 51.87173978754855)</t>
  </si>
  <si>
    <t>POINT (4.672005291458585 51.8689301693111)</t>
  </si>
  <si>
    <t>POINT (4.665646127981184 51.8652688617568)</t>
  </si>
  <si>
    <t>POINT (4.638194631875016 51.87246319208254)</t>
  </si>
  <si>
    <t>POINT (4.666395637604529 51.86561053734734)</t>
  </si>
  <si>
    <t>POINT (4.669913700618504 51.864418612300035)</t>
  </si>
  <si>
    <t>POINT (4.643835440014361 51.87074624299662)</t>
  </si>
  <si>
    <t>POINT (4.647233254118379 51.87163060663771)</t>
  </si>
  <si>
    <t>POINT (4.653108789179917 51.87151916218658)</t>
  </si>
  <si>
    <t>POINT (4.675184156893958 51.861871588064965)</t>
  </si>
  <si>
    <t>POINT (4.6519119113649365 51.86256349342303)</t>
  </si>
  <si>
    <t>POINT (4.663953502549044 51.866107605850964)</t>
  </si>
  <si>
    <t>POINT (4.672394131099748 51.866388758874756)</t>
  </si>
  <si>
    <t>POINT (4.638044442524935 51.87494309776252)</t>
  </si>
  <si>
    <t>POINT (4.6549914662835015 51.87138260116545)</t>
  </si>
  <si>
    <t>POINT (4.65578212991616 51.862938217233705)</t>
  </si>
  <si>
    <t>POINT (4.64475663838795 51.87299922751467)</t>
  </si>
  <si>
    <t>POINT (4.639575737394173 51.8745528598198)</t>
  </si>
  <si>
    <t>POINT (4.674729095900936 51.86317070358923)</t>
  </si>
  <si>
    <t>POINT (4.665550756115129 51.86533119613905)</t>
  </si>
  <si>
    <t>POINT (4.665027679912817 51.86852343541091)</t>
  </si>
  <si>
    <t>POINT (4.65502933285942 51.861183430437336)</t>
  </si>
  <si>
    <t>POINT (4.671059346343214 51.86541435148304)</t>
  </si>
  <si>
    <t>POINT (4.666497292423136 51.867876293182505)</t>
  </si>
  <si>
    <t>POINT (4.655140995962479 51.87156330567446)</t>
  </si>
  <si>
    <t>POINT (4.661022051078635 51.86930771404269)</t>
  </si>
  <si>
    <t>POINT (4.67078080103307 51.852810601859126)</t>
  </si>
  <si>
    <t>POINT (4.643085719171485 51.871890063396734)</t>
  </si>
  <si>
    <t>POINT (4.660208714128222 51.869256732834714)</t>
  </si>
  <si>
    <t>POINT (4.674888339402752 51.86566684601508)</t>
  </si>
  <si>
    <t>POINT (4.659707970175164 51.86319900214977)</t>
  </si>
  <si>
    <t>POINT (4.660958610578523 51.86963990076233)</t>
  </si>
  <si>
    <t>POINT (4.636813847209457 51.872103822180144)</t>
  </si>
  <si>
    <t>POINT (4.656458578347239 51.86509071086183)</t>
  </si>
  <si>
    <t>POINT (4.652043756944177 51.86274172752729)</t>
  </si>
  <si>
    <t>POINT (4.652054744394616 51.87115302483235)</t>
  </si>
  <si>
    <t>POINT (4.644792789797509 51.87300844464515)</t>
  </si>
  <si>
    <t>POINT (4.6536492040771495 51.86998997777616)</t>
  </si>
  <si>
    <t>POINT (4.667509120088072 51.862450575604406)</t>
  </si>
  <si>
    <t>POINT (4.675317240455052 51.86276863182011)</t>
  </si>
  <si>
    <t>POINT (4.658696432445297 51.86496978381853)</t>
  </si>
  <si>
    <t>POINT (4.639507133626012 51.8716895428393)</t>
  </si>
  <si>
    <t>POINT (4.664221670307904 51.86914144202751)</t>
  </si>
  <si>
    <t>POINT (4.667040151020509 51.86707064738062)</t>
  </si>
  <si>
    <t>POINT (4.6362613452842885 51.87327715568374)</t>
  </si>
  <si>
    <t>POINT (4.670182029880872 51.8685370370099)</t>
  </si>
  <si>
    <t>POINT (4.678685202242817 51.84702224520427)</t>
  </si>
  <si>
    <t>POINT (4.6612884375983095 51.868095896835136)</t>
  </si>
  <si>
    <t>POINT (4.666158876912131 51.87223369469347)</t>
  </si>
  <si>
    <t>POINT (4.641267377068005 51.869940903523315)</t>
  </si>
  <si>
    <t>POINT (4.642621918598731 51.872503537766825)</t>
  </si>
  <si>
    <t>POINT (4.6676577306408875 51.852959593660415)</t>
  </si>
  <si>
    <t>POINT (4.657871574676926 51.87197129723634)</t>
  </si>
  <si>
    <t>POINT (4.656167647584633 51.86512485487888)</t>
  </si>
  <si>
    <t>POINT (4.652905947593169 51.86837636912093)</t>
  </si>
  <si>
    <t>POINT (4.671869691513623 51.850965582197745)</t>
  </si>
  <si>
    <t>POINT (4.6798928827432595 51.85724910225174)</t>
  </si>
  <si>
    <t>POINT (4.675044275748041 51.855167286986884)</t>
  </si>
  <si>
    <t>POINT (4.6647535776643565 51.862984758807926)</t>
  </si>
  <si>
    <t>POINT (4.654877066176146 51.87127402447837)</t>
  </si>
  <si>
    <t>POINT (4.654357596373079 51.863046189022796)</t>
  </si>
  <si>
    <t>POINT (4.658512071965332 51.864698981272134)</t>
  </si>
  <si>
    <t>POINT (4.668832034920318 51.86669511026898)</t>
  </si>
  <si>
    <t>POINT (4.636034185272241 51.87270557184767)</t>
  </si>
  <si>
    <t>POINT (4.660904796475611 51.87252491468056)</t>
  </si>
  <si>
    <t>POINT (4.639137334066903 51.87384446087892)</t>
  </si>
  <si>
    <t>POINT (4.65205630556474 51.864078559954)</t>
  </si>
  <si>
    <t>POINT (4.656755587567778 51.863339775547736)</t>
  </si>
  <si>
    <t>POINT (4.642608442135309 51.87294068641028)</t>
  </si>
  <si>
    <t>POINT (4.6717630119220175 51.870470240619156)</t>
  </si>
  <si>
    <t>POINT (4.660468910030056 51.872090764989736)</t>
  </si>
  <si>
    <t>POINT (4.658135817171259 51.867312336687)</t>
  </si>
  <si>
    <t>POINT (4.664154603915922 51.86918470488485)</t>
  </si>
  <si>
    <t>POINT (4.661589159768742 51.86262199268596)</t>
  </si>
  <si>
    <t>POINT (4.675189635375483 51.853960996046666)</t>
  </si>
  <si>
    <t>POINT (4.641576265928549 51.87213415038844)</t>
  </si>
  <si>
    <t>POINT (4.672630979755819 51.864273381169376)</t>
  </si>
  <si>
    <t>POINT (4.659491640388644 51.86876791338829)</t>
  </si>
  <si>
    <t>POINT (4.664984068305184 51.86400189094694)</t>
  </si>
  <si>
    <t>POINT (4.66072407063756 51.86527896809575)</t>
  </si>
  <si>
    <t>POINT (4.659690558258287 51.86724107967164)</t>
  </si>
  <si>
    <t>POINT (4.6688602101489325 51.866749214297904)</t>
  </si>
  <si>
    <t>POINT (4.66160851047913 51.870758506175825)</t>
  </si>
  <si>
    <t>POINT (4.64001128508708 51.871935444173026)</t>
  </si>
  <si>
    <t>POINT (4.661672401770423 51.86679491904265)</t>
  </si>
  <si>
    <t>POINT (4.640002990997518 51.87102507622439)</t>
  </si>
  <si>
    <t>POINT (4.656697097225456 51.869549564801325)</t>
  </si>
  <si>
    <t>POINT (4.662213587644334 51.867449935993186)</t>
  </si>
  <si>
    <t>POINT (4.64485634251501 51.87237678375736)</t>
  </si>
  <si>
    <t>POINT (4.665979184147626 51.86713604613047)</t>
  </si>
  <si>
    <t>POINT (4.662554698062457 51.858887677774455)</t>
  </si>
  <si>
    <t>POINT (4.655730638410152 51.86700075743017)</t>
  </si>
  <si>
    <t>POINT (4.668830887451774 51.866767012187374)</t>
  </si>
  <si>
    <t>POINT (4.641806644126299 51.87225246483824)</t>
  </si>
  <si>
    <t>POINT (4.641504040312166 51.87211122029473)</t>
  </si>
  <si>
    <t>POINT (4.658452337299529 51.86659521097089)</t>
  </si>
  <si>
    <t>POINT (4.65345502789277 51.87206322280668)</t>
  </si>
  <si>
    <t>POINT (4.642420298440446 51.87026986919274)</t>
  </si>
  <si>
    <t>POINT (4.66546485909182 51.86389698305551)</t>
  </si>
  <si>
    <t>POINT (4.67664105524149 51.84688405157611)</t>
  </si>
  <si>
    <t>POINT (4.6448453840051895 51.87334135638063)</t>
  </si>
  <si>
    <t>POINT (4.671974901914474 51.860790791986936)</t>
  </si>
  <si>
    <t>POINT (4.666665403526709 51.86780541567273)</t>
  </si>
  <si>
    <t>POINT (4.655911027810652 51.863046883510286)</t>
  </si>
  <si>
    <t>POINT (4.668976353470079 51.866749924586365)</t>
  </si>
  <si>
    <t>POINT (4.664033684749246 51.85989902683305)</t>
  </si>
  <si>
    <t>POINT (4.663673129306909 51.86697804494996)</t>
  </si>
  <si>
    <t>POINT (4.642825011857206 51.87242719017882)</t>
  </si>
  <si>
    <t>POINT (4.657447811154828 51.87213495472408)</t>
  </si>
  <si>
    <t>POINT (4.654203968703887 51.868468970061734)</t>
  </si>
  <si>
    <t>POINT (4.664340963913796 51.862460879634725)</t>
  </si>
  <si>
    <t>POINT (4.664606057314961 51.86267823799831)</t>
  </si>
  <si>
    <t>POINT (4.668948321511343 51.866686832845026)</t>
  </si>
  <si>
    <t>POINT (4.655927600945093 51.87141090465135)</t>
  </si>
  <si>
    <t>POINT (4.654915302885964 51.86123129405263)</t>
  </si>
  <si>
    <t>POINT (4.651267354570884 51.862808666121865)</t>
  </si>
  <si>
    <t>POINT (4.661968692629803 51.862917402200466)</t>
  </si>
  <si>
    <t>POINT (4.6317841220367 51.877617572906836)</t>
  </si>
  <si>
    <t>POINT (4.674123716292453 51.85619269590113)</t>
  </si>
  <si>
    <t>POINT (4.654595626071788 51.8625614788872)</t>
  </si>
  <si>
    <t>POINT (4.671137170618939 51.86782377488152)</t>
  </si>
  <si>
    <t>POINT (4.658126062920727 51.86760081101376)</t>
  </si>
  <si>
    <t>POINT (4.6644540540076695 51.86673671766056)</t>
  </si>
  <si>
    <t>POINT (4.6700535669473116 51.869309273480404)</t>
  </si>
  <si>
    <t>POINT (4.656274665535229 51.865687310282546)</t>
  </si>
  <si>
    <t>POINT (4.6545019946909685 51.87156830998893)</t>
  </si>
  <si>
    <t>POINT (4.663338205840941 51.871101757441934)</t>
  </si>
  <si>
    <t>POINT (4.640674678748534 51.87396210508143)</t>
  </si>
  <si>
    <t>POINT (4.6655795124203365 51.861273009216795)</t>
  </si>
  <si>
    <t>POINT (4.658707991702602 51.871432676221445)</t>
  </si>
  <si>
    <t>POINT (4.6538352207119145 51.86804657568227)</t>
  </si>
  <si>
    <t>POINT (4.671322457800764 51.86621594233863)</t>
  </si>
  <si>
    <t>POINT (4.659153498070783 51.86902648793334)</t>
  </si>
  <si>
    <t>POINT (4.656017249118985 51.86991485692132)</t>
  </si>
  <si>
    <t>POINT (4.644083971901182 51.87064444636512)</t>
  </si>
  <si>
    <t>POINT (4.65900218993897 51.86401888541966)</t>
  </si>
  <si>
    <t>POINT (4.645819402008234 51.87283515623914)</t>
  </si>
  <si>
    <t>POINT (4.6437237408483485 51.87047587698521)</t>
  </si>
  <si>
    <t>POINT (4.633514426780441 51.87636177509701)</t>
  </si>
  <si>
    <t>POINT (4.659050559133234 51.86910674741955)</t>
  </si>
  <si>
    <t>POINT (4.66560121474013 51.86897639131564)</t>
  </si>
  <si>
    <t>POINT (4.662329752747889 51.862039500812564)</t>
  </si>
  <si>
    <t>POINT (4.674760445799602 51.862838279011115)</t>
  </si>
  <si>
    <t>POINT (4.6481009703498986 51.870961922665394)</t>
  </si>
  <si>
    <t>POINT (4.6711827914457515 51.866781373729474)</t>
  </si>
  <si>
    <t>POINT (4.662655048736765 51.86302576281479)</t>
  </si>
  <si>
    <t>POINT (4.666953474368484 51.86704315002841)</t>
  </si>
  <si>
    <t>POINT (4.6582167041812825 51.86680048708714)</t>
  </si>
  <si>
    <t>POINT (4.663751211870249 51.872057095245474)</t>
  </si>
  <si>
    <t>POINT (4.661319139967591 51.86529163604416)</t>
  </si>
  <si>
    <t>POINT (4.661068534897815 51.86372606595514)</t>
  </si>
  <si>
    <t>POINT (4.668469278903427 51.86577155762141)</t>
  </si>
  <si>
    <t>POINT (4.6513591548913285 51.87062283450423)</t>
  </si>
  <si>
    <t>POINT (4.640688325155486 51.873045746668986)</t>
  </si>
  <si>
    <t>POINT (4.6665382529675465 51.86395750621464)</t>
  </si>
  <si>
    <t>POINT (4.666038120235457 51.867082476305356)</t>
  </si>
  <si>
    <t>POINT (4.659461731425269 51.868821659813655)</t>
  </si>
  <si>
    <t>POINT (4.652012604418266 51.861648046893116)</t>
  </si>
  <si>
    <t>POINT (4.675525015446437 51.853864154231665)</t>
  </si>
  <si>
    <t>POINT (4.6396656531411935 51.87176246090073)</t>
  </si>
  <si>
    <t>POINT (4.658227437743484 51.8670342579816)</t>
  </si>
  <si>
    <t>POINT (4.670453524097316 51.86790050248749)</t>
  </si>
  <si>
    <t>POINT (4.672248003798184 51.86690471476733)</t>
  </si>
  <si>
    <t>POINT (4.6677167599527225 51.86834218910312)</t>
  </si>
  <si>
    <t>POINT (4.668013584214724 51.861487595642295)</t>
  </si>
  <si>
    <t>POINT (4.678177086861281 51.844451125635125)</t>
  </si>
  <si>
    <t>POINT (4.648370491405128 51.87135012939448)</t>
  </si>
  <si>
    <t>POINT (4.672930015338931 51.8600524100116)</t>
  </si>
  <si>
    <t>POINT (4.66276207516373 51.86196846164457)</t>
  </si>
  <si>
    <t>POINT (4.637984792710561 51.87547304673177)</t>
  </si>
  <si>
    <t>POINT (4.644647325648181 51.87082328756143)</t>
  </si>
  <si>
    <t>POINT (4.642280585009405 51.87257007367734)</t>
  </si>
  <si>
    <t>POINT (4.6549320422623035 51.87235749632658)</t>
  </si>
  <si>
    <t>POINT (4.665309070641201 51.86184212490003)</t>
  </si>
  <si>
    <t>POINT (4.638535470547227 51.872487836613296)</t>
  </si>
  <si>
    <t>POINT (4.666337135659128 51.865637144155144)</t>
  </si>
  <si>
    <t>POINT (4.6594758014934605 51.869747575074875)</t>
  </si>
  <si>
    <t>POINT (4.660460174532247 51.869034580182216)</t>
  </si>
  <si>
    <t>POINT (4.664605669588404 51.870390472345)</t>
  </si>
  <si>
    <t>POINT (4.655574542190217 51.86820747917905)</t>
  </si>
  <si>
    <t>POINT (4.673108052167726 51.86165610075488)</t>
  </si>
  <si>
    <t>POINT (4.638859957190118 51.873932580409885)</t>
  </si>
  <si>
    <t>POINT (4.670399583587519 51.869464192063965)</t>
  </si>
  <si>
    <t>POINT (4.671709695709108 51.8644613241433)</t>
  </si>
  <si>
    <t>POINT (4.6655448661887435 51.86524576804427)</t>
  </si>
  <si>
    <t>POINT (4.668918568641457 51.866731593976645)</t>
  </si>
  <si>
    <t>POINT (4.670342202621076 51.86486167082604)</t>
  </si>
  <si>
    <t>POINT (4.662579262687042 51.86547918992464)</t>
  </si>
  <si>
    <t>POINT (4.671470947874938 51.867834797934094)</t>
  </si>
  <si>
    <t>POINT (4.656323948778558 51.869125245477036)</t>
  </si>
  <si>
    <t>POINT (4.656945315623177 51.8667709803413)</t>
  </si>
  <si>
    <t>POINT (4.6676592609474366 51.868305882402154)</t>
  </si>
  <si>
    <t>POINT (4.671482835315963 51.868913503930656)</t>
  </si>
  <si>
    <t>POINT (4.666122107851219 51.86546504038623)</t>
  </si>
  <si>
    <t>POINT (4.6589168327126504 51.863910492600915)</t>
  </si>
  <si>
    <t>POINT (4.673243953545714 51.850522716837865)</t>
  </si>
  <si>
    <t>POINT (4.639030919353601 51.87194718095025)</t>
  </si>
  <si>
    <t>POINT (4.665906305948483 51.86715357582908)</t>
  </si>
  <si>
    <t>POINT (4.6689370084916995 51.8678507894835)</t>
  </si>
  <si>
    <t>POINT (4.660009943650915 51.872636230148046)</t>
  </si>
  <si>
    <t>POINT (4.642681616507127 51.86939513388243)</t>
  </si>
  <si>
    <t>POINT (4.672371477941083 51.866900972013084)</t>
  </si>
  <si>
    <t>POINT (4.66559409235088 51.86534494533993)</t>
  </si>
  <si>
    <t>POINT (4.667526870816068 51.868412934675995)</t>
  </si>
  <si>
    <t>POINT (4.645025985997543 51.87163226676522)</t>
  </si>
  <si>
    <t>POINT (4.651891539432461 51.862033036314564)</t>
  </si>
  <si>
    <t>POINT (4.653757226312082 51.8629072161707)</t>
  </si>
  <si>
    <t>POINT (4.6425085758348255 51.86946641338574)</t>
  </si>
  <si>
    <t>POINT (4.659714065911659 51.86336083522682)</t>
  </si>
  <si>
    <t>POINT (4.660393791574371 51.8641533463532)</t>
  </si>
  <si>
    <t>POINT (4.6543929845915475 51.87246649228623)</t>
  </si>
  <si>
    <t>POINT (4.655038679164324 51.86120057610146)</t>
  </si>
  <si>
    <t>POINT (4.653457154626805 51.869746085281946)</t>
  </si>
  <si>
    <t>POINT (4.670466461164742 51.859792847136205)</t>
  </si>
  <si>
    <t>POINT (4.65967967178903 51.867016296627405)</t>
  </si>
  <si>
    <t>POINT (4.645373806918855 51.87299863256816)</t>
  </si>
  <si>
    <t>POINT (4.667357825105848 51.86899615880508)</t>
  </si>
  <si>
    <t>POINT (4.652672476327201 51.87022656663953)</t>
  </si>
  <si>
    <t>POINT (4.650738696564985 51.86949536721636)</t>
  </si>
  <si>
    <t>POINT (4.649670283492273 51.86469322742499)</t>
  </si>
  <si>
    <t>POINT (4.672029187389527 51.867883141459664)</t>
  </si>
  <si>
    <t>POINT (4.664705504284366 51.8641709614657)</t>
  </si>
  <si>
    <t>POINT (4.641574922016007 51.87046225566148)</t>
  </si>
  <si>
    <t>POINT (4.658047211914823 51.86830053540463)</t>
  </si>
  <si>
    <t>POINT (4.663813792214187 51.86590477109602)</t>
  </si>
  <si>
    <t>POINT (4.6639949015283175 51.871802420370095)</t>
  </si>
  <si>
    <t>POINT (4.651689402581365 51.865519360974574)</t>
  </si>
  <si>
    <t>POINT (4.6683834027817195 51.87205856825388)</t>
  </si>
  <si>
    <t>POINT (4.672032590955733 51.86812585473325)</t>
  </si>
  <si>
    <t>POINT (4.665591499003147 51.865506724589885)</t>
  </si>
  <si>
    <t>POINT (4.663172806689633 51.8664895761785)</t>
  </si>
  <si>
    <t>POINT (4.665900656719192 51.863881683110506)</t>
  </si>
  <si>
    <t>POINT (4.66059030525502 51.86007372459544)</t>
  </si>
  <si>
    <t>POINT (4.660585319141671 51.8684780598867)</t>
  </si>
  <si>
    <t>POINT (4.65248770145526 51.86820296961204)</t>
  </si>
  <si>
    <t>POINT (4.666636654779673 51.86778726206853)</t>
  </si>
  <si>
    <t>POINT (4.662990061536415 51.86701877818948)</t>
  </si>
  <si>
    <t>POINT (4.643973681416734 51.87028869747855)</t>
  </si>
  <si>
    <t>POINT (4.672555628782299 51.865818964616935)</t>
  </si>
  <si>
    <t>POINT (4.6637251290498085 51.86012903300762)</t>
  </si>
  <si>
    <t>POINT (4.638030894577792 51.8748845852322)</t>
  </si>
  <si>
    <t>POINT (4.659007999098819 51.86994242543846)</t>
  </si>
  <si>
    <t>POINT (4.657181195534902 51.871562520545204)</t>
  </si>
  <si>
    <t>POINT (4.650618575309078 51.869737306967814)</t>
  </si>
  <si>
    <t>POINT (4.655455328047985 51.86607321373654)</t>
  </si>
  <si>
    <t>POINT (4.653356691157167 51.86168316754199)</t>
  </si>
  <si>
    <t>POINT (4.667673079703965 51.870620535413416)</t>
  </si>
  <si>
    <t>POINT (4.66514636325946 51.870484115062176)</t>
  </si>
  <si>
    <t>POINT (4.644800568641442 51.87297703360346)</t>
  </si>
  <si>
    <t>POINT (4.669576510490655 51.86462329070892)</t>
  </si>
  <si>
    <t>POINT (4.6534704420055295 51.87071244561352)</t>
  </si>
  <si>
    <t>POINT (4.634606548290255 51.874714382721784)</t>
  </si>
  <si>
    <t>POINT (4.656630022819406 51.867051298408946)</t>
  </si>
  <si>
    <t>POINT (4.662579873972184 51.87130381979907)</t>
  </si>
  <si>
    <t>POINT (4.666826830339895 51.86769854245633)</t>
  </si>
  <si>
    <t>POINT (4.65383596241984 51.8622786382677)</t>
  </si>
  <si>
    <t>POINT (4.64190770233087 51.87009583363411)</t>
  </si>
  <si>
    <t>POINT (4.6409960597658975 51.87384729493468)</t>
  </si>
  <si>
    <t>POINT (4.6405943937964045 51.87092343616886)</t>
  </si>
  <si>
    <t>POINT (4.662416881419533 51.87105562717635)</t>
  </si>
  <si>
    <t>POINT (4.664064241183639 51.866131028936714)</t>
  </si>
  <si>
    <t>POINT (4.653229565935596 51.87168171220433)</t>
  </si>
  <si>
    <t>POINT (4.6719647103794735 51.86919958055464)</t>
  </si>
  <si>
    <t>POINT (4.6402578149324905 51.86933030732595)</t>
  </si>
  <si>
    <t>POINT (4.667458162102739 51.86907767123798)</t>
  </si>
  <si>
    <t>POINT (4.667513142738998 51.868363413169135)</t>
  </si>
  <si>
    <t>POINT (4.644762144655938 51.87090491108158)</t>
  </si>
  <si>
    <t>POINT (4.662328486213007 51.85851145575937)</t>
  </si>
  <si>
    <t>POINT (4.667674354046177 51.868270020399244)</t>
  </si>
  <si>
    <t>POINT (4.66389521988499 51.86399968445614)</t>
  </si>
  <si>
    <t>POINT (4.668589593716753 51.8659655491235)</t>
  </si>
  <si>
    <t>POINT (4.666125467746691 51.86616167909725)</t>
  </si>
  <si>
    <t>POINT (4.678212003081582 51.85652306305402)</t>
  </si>
  <si>
    <t>POINT (4.6617857930827125 51.866966403278695)</t>
  </si>
  <si>
    <t>POINT (4.677736690316168 51.84799537970329)</t>
  </si>
  <si>
    <t>POINT (4.678929336965266 51.84414106377868)</t>
  </si>
  <si>
    <t>POINT (4.6711018209079125 51.864569680454316)</t>
  </si>
  <si>
    <t>POINT (4.654667083385011 51.87034688676357)</t>
  </si>
  <si>
    <t>POINT (4.644995515800332 51.86643903416388)</t>
  </si>
  <si>
    <t>POINT (4.675081940865056 51.841250181959346)</t>
  </si>
  <si>
    <t>POINT (4.656945189954004 51.867313928579094)</t>
  </si>
  <si>
    <t>POINT (4.657164330850759 51.8618591927963)</t>
  </si>
  <si>
    <t>POINT (4.666149864058683 51.87053029699704)</t>
  </si>
  <si>
    <t>POINT (4.659177502488266 51.86664465134319)</t>
  </si>
  <si>
    <t>POINT (4.660691613915603 51.869988805783635)</t>
  </si>
  <si>
    <t>POINT (4.653764050974781 51.867397475865815)</t>
  </si>
  <si>
    <t>POINT (4.667471446581393 51.865976679660186)</t>
  </si>
  <si>
    <t>POINT (4.645017556650856 51.8721469564897)</t>
  </si>
  <si>
    <t>POINT (4.665188488346015 51.872528852419556)</t>
  </si>
  <si>
    <t>POINT (4.675583354619007 51.853846530533886)</t>
  </si>
  <si>
    <t>POINT (4.645089561828455 51.87218336596856)</t>
  </si>
  <si>
    <t>POINT (4.66617788443496 51.85926323207271)</t>
  </si>
  <si>
    <t>POINT (4.660055980902092 51.859000770124204)</t>
  </si>
  <si>
    <t>POINT (4.6442308019799565 51.8670274492714)</t>
  </si>
  <si>
    <t>POINT (4.662060790479153 51.85935922878232)</t>
  </si>
  <si>
    <t>POINT (4.671326868408361 51.86411263290373)</t>
  </si>
  <si>
    <t>POINT (4.6484768496495015 51.86486999394379)</t>
  </si>
  <si>
    <t>POINT (4.671227536020728 51.863968209505785)</t>
  </si>
  <si>
    <t>POINT (4.670127363733558 51.865588437356365)</t>
  </si>
  <si>
    <t>POINT (4.663516097334378 51.87143061451477)</t>
  </si>
  <si>
    <t>POINT (4.656471820846387 51.86740536501716)</t>
  </si>
  <si>
    <t>POINT (4.643072034598567 51.87232866694689)</t>
  </si>
  <si>
    <t>POINT (4.671492494949664 51.86921917560635)</t>
  </si>
  <si>
    <t>POINT (4.676207095931999 51.849000045111474)</t>
  </si>
  <si>
    <t>POINT (4.654975915458535 51.863859022638096)</t>
  </si>
  <si>
    <t>POINT (4.6767877853926745 51.863273824689756)</t>
  </si>
  <si>
    <t>POINT (4.6573075248149225 51.8683714275283)</t>
  </si>
  <si>
    <t>POINT (4.652401897697105 51.86990128363858)</t>
  </si>
  <si>
    <t>POINT (4.636248951182179 51.87436804533186)</t>
  </si>
  <si>
    <t>POINT (4.648493083592411 51.87228571785248)</t>
  </si>
  <si>
    <t>POINT (4.651923042967875 51.87121512084934)</t>
  </si>
  <si>
    <t>POINT (4.6767677124358755 51.86234427150708)</t>
  </si>
  <si>
    <t>POINT (4.666694152296936 51.867823569269824)</t>
  </si>
  <si>
    <t>POINT (4.668032990042059 51.861863205235316)</t>
  </si>
  <si>
    <t>POINT (4.6448596074856505 51.873359423532605)</t>
  </si>
  <si>
    <t>POINT (4.663923528008038 51.859255661453155)</t>
  </si>
  <si>
    <t>POINT (4.667389012506813 51.86613796961721)</t>
  </si>
  <si>
    <t>POINT (4.672186262590903 51.851138294319654)</t>
  </si>
  <si>
    <t>POINT (4.665888698957203 51.86009739857226)</t>
  </si>
  <si>
    <t>POINT (4.66219823227894 51.85893761169839)</t>
  </si>
  <si>
    <t>POINT (4.63958486257054 51.87094398071939)</t>
  </si>
  <si>
    <t>POINT (4.654275421542349 51.87210621384788)</t>
  </si>
  <si>
    <t>POINT (4.652136080999545 51.86166383981653)</t>
  </si>
  <si>
    <t>POINT (4.664331931328706 51.862119256253564)</t>
  </si>
  <si>
    <t>POINT (4.670840082414117 51.866419739340195)</t>
  </si>
  <si>
    <t>POINT (4.6652658011684265 51.8636350895345)</t>
  </si>
  <si>
    <t>POINT (4.639294489368553 51.8753106089253)</t>
  </si>
  <si>
    <t>POINT (4.639080420983583 51.87290029170431)</t>
  </si>
  <si>
    <t>POINT (4.6668861554658365 51.872157259399046)</t>
  </si>
  <si>
    <t>POINT (4.659499661864706 51.86602643267597)</t>
  </si>
  <si>
    <t>POINT (4.656721865269275 51.865865370792726)</t>
  </si>
  <si>
    <t>POINT (4.66765280965662 51.87052603079609)</t>
  </si>
  <si>
    <t>POINT (4.647670772947664 51.864887392627914)</t>
  </si>
  <si>
    <t>POINT (4.641053047855052 51.87128589612455)</t>
  </si>
  <si>
    <t>POINT (4.673769594402334 51.86296796524882)</t>
  </si>
  <si>
    <t>POINT (4.679891015668536 51.85734860849481)</t>
  </si>
  <si>
    <t>POINT (4.659284359707875 51.86632172314012)</t>
  </si>
  <si>
    <t>POINT (4.6519667477231845 51.871206405803534)</t>
  </si>
  <si>
    <t>POINT (4.668569180310543 51.86588003234933)</t>
  </si>
  <si>
    <t>POINT (4.665745712008121 51.868114371673826)</t>
  </si>
  <si>
    <t>POINT (4.667485906018791 51.86915873878454)</t>
  </si>
  <si>
    <t>POINT (4.6525888720702175 51.87267993858389)</t>
  </si>
  <si>
    <t>POINT (4.6644531829337 51.86673671230027)</t>
  </si>
  <si>
    <t>POINT (4.671513015812326 51.86884177893478)</t>
  </si>
  <si>
    <t>POINT (4.669892916931842 51.87164533159257)</t>
  </si>
  <si>
    <t>POINT (4.649063541736441 51.87072506698419)</t>
  </si>
  <si>
    <t>POINT (4.642999482045473 51.8677342504399)</t>
  </si>
  <si>
    <t>POINT (4.665143358202665 51.86176470285802)</t>
  </si>
  <si>
    <t>POINT (4.661450841562478 51.866028231792384)</t>
  </si>
  <si>
    <t>POINT (4.66675351999841 51.86774303588468)</t>
  </si>
  <si>
    <t>POINT (4.670641757045063 51.86884545545388)</t>
  </si>
  <si>
    <t>POINT (4.665572892484707 51.86530886059885)</t>
  </si>
  <si>
    <t>POINT (4.659917926388469 51.863053787866995)</t>
  </si>
  <si>
    <t>POINT (4.660315616687088 51.86404949332989)</t>
  </si>
  <si>
    <t>POINT (4.6406241428710535 51.87311826353542)</t>
  </si>
  <si>
    <t>POINT (4.659820380570691 51.86190263917567)</t>
  </si>
  <si>
    <t>POINT (4.668539976189118 51.86498099177466)</t>
  </si>
  <si>
    <t>POINT (4.655045479271363 51.86123145850268)</t>
  </si>
  <si>
    <t>POINT (4.65847288508941 51.86442907928126)</t>
  </si>
  <si>
    <t>POINT (4.653163174821822 51.86862965858005)</t>
  </si>
  <si>
    <t>POINT (4.645134974461416 51.871630852032204)</t>
  </si>
  <si>
    <t>POINT (4.634360164009623 51.875553241469724)</t>
  </si>
  <si>
    <t>POINT (4.646279809557136 51.872653794406254)</t>
  </si>
  <si>
    <t>POINT (4.6550122743876114 51.86120309009467)</t>
  </si>
  <si>
    <t>POINT (4.670039294400932 51.859268899117474)</t>
  </si>
  <si>
    <t>POINT (4.669219723489509 51.868787334001716)</t>
  </si>
  <si>
    <t>POINT (4.6407539275414615 51.872686222705966)</t>
  </si>
  <si>
    <t>POINT (4.650684094110737 51.8689278422919)</t>
  </si>
  <si>
    <t>POINT (4.655258002400589 51.86222707901028)</t>
  </si>
  <si>
    <t>POINT (4.643153488828001 51.873789071624934)</t>
  </si>
  <si>
    <t>POINT (4.672172987231116 51.86111558853742)</t>
  </si>
  <si>
    <t>POINT (4.654433746630246 51.86168849051465)</t>
  </si>
  <si>
    <t>POINT (4.647677550188601 51.87110307561485)</t>
  </si>
  <si>
    <t>POINT (4.665743168652832 51.87099071333556)</t>
  </si>
  <si>
    <t>POINT (4.6516043178689275 51.87250299305855)</t>
  </si>
  <si>
    <t>POINT (4.64062465778063 51.86909893507063)</t>
  </si>
  <si>
    <t>POINT (4.667481317631621 51.87216989628227)</t>
  </si>
  <si>
    <t>POINT (4.663280646663442 51.86610373015789)</t>
  </si>
  <si>
    <t>POINT (4.657283242355613 51.86616548569693)</t>
  </si>
  <si>
    <t>POINT (4.657775711872855 51.86982242135318)</t>
  </si>
  <si>
    <t>POINT (4.659744597739239 51.86093229651787)</t>
  </si>
  <si>
    <t>POINT (4.654217177286981 51.862784894023356)</t>
  </si>
  <si>
    <t>POINT (4.658781782988817 51.86501856415723)</t>
  </si>
  <si>
    <t>POINT (4.669342230063133 51.867934164396544)</t>
  </si>
  <si>
    <t>POINT (4.636530458686907 51.87342334122883)</t>
  </si>
  <si>
    <t>POINT (4.657792216105476 51.86340181299964)</t>
  </si>
  <si>
    <t>POINT (4.66542584964676 51.86180239384762)</t>
  </si>
  <si>
    <t>Noordenstraat</t>
  </si>
  <si>
    <t>POINT (4.640338580756891 51.87032586317639)</t>
  </si>
  <si>
    <t>POINT (4.66739088952361 51.87010645540874)</t>
  </si>
  <si>
    <t>POINT (4.641057128198437 51.868850001332405)</t>
  </si>
  <si>
    <t>POINT (4.661838666665688 51.868821082495025)</t>
  </si>
  <si>
    <t>POINT (4.651973933968046 51.871210945099264)</t>
  </si>
  <si>
    <t>POINT (4.6589041590498255 51.86477374478863)</t>
  </si>
  <si>
    <t>POINT (4.663976129893267 51.8640639300491)</t>
  </si>
  <si>
    <t>POINT (4.642902648179367 51.87095606302395)</t>
  </si>
  <si>
    <t>POINT (4.644991191067997 51.87110410856955)</t>
  </si>
  <si>
    <t>POINT (4.669619202578788 51.86467748327167)</t>
  </si>
  <si>
    <t>POINT (4.665674993178152 51.867997085223905)</t>
  </si>
  <si>
    <t>POINT (4.665824788522955 51.863180104520325)</t>
  </si>
  <si>
    <t>POINT (4.667429987117251 51.86902356688908)</t>
  </si>
  <si>
    <t>POINT (4.6422482427469145 51.871014834825836)</t>
  </si>
  <si>
    <t>POINT (4.673779673269313 51.865080351225295)</t>
  </si>
  <si>
    <t>POINT (4.651549421755114 51.87141951982645)</t>
  </si>
  <si>
    <t>POINT (4.667144077469442 51.86692746667708)</t>
  </si>
  <si>
    <t>POINT (4.663888567299814 51.871190539734556)</t>
  </si>
  <si>
    <t>POINT (4.667124821449746 51.86540827198218)</t>
  </si>
  <si>
    <t>POINT (4.6405015628731965 51.87315442764402)</t>
  </si>
  <si>
    <t>POINT (4.657283388092934 51.86615649797502)</t>
  </si>
  <si>
    <t>POINT (4.644249174705392 51.87339151861043)</t>
  </si>
  <si>
    <t>POINT (4.67763222585978 51.844492777205005)</t>
  </si>
  <si>
    <t>POINT (4.65477984525177 51.86832514907748)</t>
  </si>
  <si>
    <t>POINT (4.654139534760343 51.87197952513031)</t>
  </si>
  <si>
    <t>POINT (4.660707728619412 51.869890030633805)</t>
  </si>
  <si>
    <t>POINT (4.667670276407675 51.86216672258863)</t>
  </si>
  <si>
    <t>POINT (4.655027399829604 51.86123980409413)</t>
  </si>
  <si>
    <t>POINT (4.656545828314612 51.86508226506034)</t>
  </si>
  <si>
    <t>POINT (4.6718707163132285 51.85161562831708)</t>
  </si>
  <si>
    <t>POINT (4.644566404111244 51.872647468317446)</t>
  </si>
  <si>
    <t>POINT (4.642864066359237 51.86933786411877)</t>
  </si>
  <si>
    <t>POINT (4.6538854723432985 51.86440052565091)</t>
  </si>
  <si>
    <t>POINT (4.65924892580069 51.8684445986622)</t>
  </si>
  <si>
    <t>POINT (4.664817652152508 51.86351548178284)</t>
  </si>
  <si>
    <t>POINT (4.6537279310382775 51.868723073012355)</t>
  </si>
  <si>
    <t>POINT (4.666502040481356 51.87166052949396)</t>
  </si>
  <si>
    <t>POINT (4.637958965639616 51.87484367760062)</t>
  </si>
  <si>
    <t>POINT (4.663021106503765 51.87136408613181)</t>
  </si>
  <si>
    <t>POINT (4.678371991933684 51.844515222914545)</t>
  </si>
  <si>
    <t>POINT (4.659126853645112 51.872468964546094)</t>
  </si>
  <si>
    <t>POINT (4.6716386286509115 51.85089226528097)</t>
  </si>
  <si>
    <t>POINT (4.667818071174011 51.87199668127208)</t>
  </si>
  <si>
    <t>POINT (4.659733863522361 51.8618661487729)</t>
  </si>
  <si>
    <t>POINT (4.661061477987983 51.873164075177726)</t>
  </si>
  <si>
    <t>POINT (4.65137207708403 51.86191133049888)</t>
  </si>
  <si>
    <t>POINT (4.642127774217394 51.871274741130556)</t>
  </si>
  <si>
    <t>POINT (4.667167798842415 51.86544448994957)</t>
  </si>
  <si>
    <t>POINT (4.658916779362657 51.86032402859817)</t>
  </si>
  <si>
    <t>POINT (4.64016647291183 51.873958874103096)</t>
  </si>
  <si>
    <t>POINT (4.65502808871369 51.86119744495165)</t>
  </si>
  <si>
    <t>POINT (4.666545763791953 51.861674441946526)</t>
  </si>
  <si>
    <t>POINT (4.66364734265478 51.86767899851857)</t>
  </si>
  <si>
    <t>POINT (4.632137158093131 51.877350183577136)</t>
  </si>
  <si>
    <t>POINT (4.662885531583168 51.871710192806795)</t>
  </si>
  <si>
    <t>POINT (4.670349422218205 51.871702050177745)</t>
  </si>
  <si>
    <t>POINT (4.660101124582705 51.85980103795657)</t>
  </si>
  <si>
    <t>POINT (4.631207069809525 51.87825205381485)</t>
  </si>
  <si>
    <t>POINT (4.667429124778044 51.86907749329847)</t>
  </si>
  <si>
    <t>POINT (4.6420906767650765 51.87000710816134)</t>
  </si>
  <si>
    <t>POINT (4.658395841789204 51.870981308766595)</t>
  </si>
  <si>
    <t>POINT (4.649001226533089 51.870791901318846)</t>
  </si>
  <si>
    <t>POINT (4.668830744017907 51.86677599992709)</t>
  </si>
  <si>
    <t>POINT (4.676340308555514 51.86322213812191)</t>
  </si>
  <si>
    <t>POINT (4.642362909139903 51.87110544837393)</t>
  </si>
  <si>
    <t>POINT (4.6585143997291185 51.864555177662176)</t>
  </si>
  <si>
    <t>POINT (4.674865165369201 51.85722189890044)</t>
  </si>
  <si>
    <t>POINT (4.65474787926033 51.86609576984299)</t>
  </si>
  <si>
    <t>POINT (4.668039487258405 51.8526859812739)</t>
  </si>
  <si>
    <t>POINT (4.6529983992100075 51.86626911334382)</t>
  </si>
  <si>
    <t>POINT (4.648463407112126 51.86436205140064)</t>
  </si>
  <si>
    <t>POINT (4.65770279904661 51.86625797866753)</t>
  </si>
  <si>
    <t>POINT (4.642882042365382 51.87395813586745)</t>
  </si>
  <si>
    <t>POINT (4.64212013541357 51.868227544820286)</t>
  </si>
  <si>
    <t>POINT (4.6667530884398385 51.867769999090605)</t>
  </si>
  <si>
    <t>POINT (4.6590415444006705 51.869663986124166)</t>
  </si>
  <si>
    <t>POINT (4.671576377277802 51.86850958633486)</t>
  </si>
  <si>
    <t>POINT (4.638810791976658 51.87426934097401)</t>
  </si>
  <si>
    <t>POINT (4.66224145652092 51.869110171474425)</t>
  </si>
  <si>
    <t>POINT (4.6550380731444765 51.861214630548616)</t>
  </si>
  <si>
    <t>POINT (4.638754750199646 51.875019534852434)</t>
  </si>
  <si>
    <t>POINT (4.645996426913922 51.86649479255586)</t>
  </si>
  <si>
    <t>POINT (4.664180348056444 51.86974966317037)</t>
  </si>
  <si>
    <t>POINT (4.667873049891326 51.87128242329558)</t>
  </si>
  <si>
    <t>POINT (4.670523707813944 51.86440435901478)</t>
  </si>
  <si>
    <t>POINT (4.668598887691809 51.86674761572886)</t>
  </si>
  <si>
    <t>POINT (4.657330106555297 51.87133423610033)</t>
  </si>
  <si>
    <t>POINT (4.629047117324147 51.879739235765676)</t>
  </si>
  <si>
    <t>POINT (4.651734992577119 51.86423966501185)</t>
  </si>
  <si>
    <t>POINT (4.661177088847169 51.862396420160934)</t>
  </si>
  <si>
    <t>POINT (4.64084946410472 51.87299351300811)</t>
  </si>
  <si>
    <t>POINT (4.664496268562054 51.86816062202164)</t>
  </si>
  <si>
    <t>POINT (4.666930773355493 51.865739661048856)</t>
  </si>
  <si>
    <t>POINT (4.653219929711065 51.86871091091735)</t>
  </si>
  <si>
    <t>POINT (4.66439322381372 51.870056586360604)</t>
  </si>
  <si>
    <t>POINT (4.639372543769876 51.87498302077232)</t>
  </si>
  <si>
    <t>POINT (4.657081271795088 51.868770931949285)</t>
  </si>
  <si>
    <t>POINT (4.663746588522448 51.8714413465928)</t>
  </si>
  <si>
    <t>POINT (4.665803065176814 51.8681596670426)</t>
  </si>
  <si>
    <t>POINT (4.68170507795327 51.8679776138507)</t>
  </si>
  <si>
    <t>POINT (4.668744927537383 51.86669457745654)</t>
  </si>
  <si>
    <t>POINT (4.661969716139115 51.85960585374237)</t>
  </si>
  <si>
    <t>POINT (4.640309431233803 51.87146993131455)</t>
  </si>
  <si>
    <t>POINT (4.641519972829565 51.87027314545598)</t>
  </si>
  <si>
    <t>POINT (4.672193417886168 51.863942633596906)</t>
  </si>
  <si>
    <t>POINT (4.663156637379727 51.86568948908509)</t>
  </si>
  <si>
    <t>POINT (4.654862840319298 51.868132411107545)</t>
  </si>
  <si>
    <t>POINT (4.677395417183502 51.844509323083244)</t>
  </si>
  <si>
    <t>POINT (4.656738777021498 51.863928426318225)</t>
  </si>
  <si>
    <t>POINT (4.660924559393239 51.86545099193996)</t>
  </si>
  <si>
    <t>POINT (4.658582460741724 51.862171042319815)</t>
  </si>
  <si>
    <t>POINT (4.641822652255841 51.87216268008237)</t>
  </si>
  <si>
    <t>POINT (4.672968068206979 51.86453160717284)</t>
  </si>
  <si>
    <t>POINT (4.638514861587769 51.87110794938325)</t>
  </si>
  <si>
    <t>POINT (4.658243897062949 51.87274213545802)</t>
  </si>
  <si>
    <t>POINT (4.654980560218988 51.86119642953674)</t>
  </si>
  <si>
    <t>POINT (4.638087106304417 51.874997301660024)</t>
  </si>
  <si>
    <t>POINT (4.6403622451165525 51.87353765322258)</t>
  </si>
  <si>
    <t>POINT (4.651415134095499 51.87208383704279)</t>
  </si>
  <si>
    <t>POINT (4.65655816234689 51.86700590826075)</t>
  </si>
  <si>
    <t>POINT (4.668750205607737 51.86545418047297)</t>
  </si>
  <si>
    <t>POINT (4.661148490714085 51.862369277479075)</t>
  </si>
  <si>
    <t>POINT (4.640155110059084 51.87420598925972)</t>
  </si>
  <si>
    <t>POINT (4.637730826278162 51.872846745011614)</t>
  </si>
  <si>
    <t>POINT (4.6652566599921474 51.868731581304885)</t>
  </si>
  <si>
    <t>POINT (4.640682878470671 51.87346778235183)</t>
  </si>
  <si>
    <t>POINT (4.665606376690058 51.86548434444546)</t>
  </si>
  <si>
    <t>POINT (4.66574953897603 51.86968740319934)</t>
  </si>
  <si>
    <t>POINT (4.636876840481541 51.873551395293966)</t>
  </si>
  <si>
    <t>POINT (4.67472679453191 51.86355279569045)</t>
  </si>
  <si>
    <t>POINT (4.641096914585526 51.87433332176059)</t>
  </si>
  <si>
    <t>POINT (4.652326972555715 51.86826488448283)</t>
  </si>
  <si>
    <t>POINT (4.652825564498 51.8625257410881)</t>
  </si>
  <si>
    <t>POINT (4.655500970557107 51.86806811961756)</t>
  </si>
  <si>
    <t>POINT (4.65244992301778 51.87051730503711)</t>
  </si>
  <si>
    <t>POINT (4.66481904483071 51.86433345510285)</t>
  </si>
  <si>
    <t>POINT (4.645155046958943 51.87261523397852)</t>
  </si>
  <si>
    <t>POINT (4.643504749763992 51.87122498763455)</t>
  </si>
  <si>
    <t>POINT (4.641217322852619 51.87407791048535)</t>
  </si>
  <si>
    <t>POINT (4.6554289353263965 51.86858986510387)</t>
  </si>
  <si>
    <t>POINT (4.669518160151895 51.87055991471796)</t>
  </si>
  <si>
    <t>POINT (4.655705691084856 51.871216267476285)</t>
  </si>
  <si>
    <t>POINT (4.661228513972613 51.86100799484068)</t>
  </si>
  <si>
    <t>POINT (4.666468713968683 51.86240654200696)</t>
  </si>
  <si>
    <t>POINT (4.662004326139135 51.86106222554902)</t>
  </si>
  <si>
    <t>POINT (4.662883194639114 51.86328334594466)</t>
  </si>
  <si>
    <t>POINT (4.653988678688299 51.86822583219578)</t>
  </si>
  <si>
    <t>POINT (4.66336680658131 51.86706604373358)</t>
  </si>
  <si>
    <t>POINT (4.67186320610254 51.86690686608518)</t>
  </si>
  <si>
    <t>POINT (4.669713898246198 51.86420166500642)</t>
  </si>
  <si>
    <t>POINT (4.67044795835897 51.86642633562543)</t>
  </si>
  <si>
    <t>POINT (4.644823752293405 51.873332231035995)</t>
  </si>
  <si>
    <t>POINT (4.6633188520575315 51.86643654466329)</t>
  </si>
  <si>
    <t>POINT (4.667300898776215 51.86347679787553)</t>
  </si>
  <si>
    <t>POINT (4.65652806925134 51.86934727609512)</t>
  </si>
  <si>
    <t>POINT (4.657147876118548 51.86197863932156)</t>
  </si>
  <si>
    <t>POINT (4.664579194339702 51.86842180219602)</t>
  </si>
  <si>
    <t>POINT (4.661268293424641 51.86394302788871)</t>
  </si>
  <si>
    <t>POINT (4.662542924363641 51.87134404062252)</t>
  </si>
  <si>
    <t>POINT (4.6655516926524045 51.86527277585383)</t>
  </si>
  <si>
    <t>POINT (4.652575618277113 51.86815408207373)</t>
  </si>
  <si>
    <t>POINT (4.666066868291514 51.86710063005634)</t>
  </si>
  <si>
    <t>POINT (4.655341395570458 51.86797451556855)</t>
  </si>
  <si>
    <t>POINT (4.657283769235054 51.8670283971739)</t>
  </si>
  <si>
    <t>POINT (4.675304970073404 51.863018521863644)</t>
  </si>
  <si>
    <t>POINT (4.655969416601712 51.87062466044747)</t>
  </si>
  <si>
    <t>POINT (4.658151886982562 51.87169888449381)</t>
  </si>
  <si>
    <t>POINT (4.667801674408422 51.86484613678652)</t>
  </si>
  <si>
    <t>POINT (4.666989131287708 51.86572204168321)</t>
  </si>
  <si>
    <t>POINT (4.637237894091572 51.87367055336679)</t>
  </si>
  <si>
    <t>POINT (4.673046933278203 51.85635693631124)</t>
  </si>
  <si>
    <t>POINT (4.666223212251424 51.869124028875156)</t>
  </si>
  <si>
    <t>POINT (4.668771336371839 51.865494758515155)</t>
  </si>
  <si>
    <t>POINT (4.641760772419487 51.87151510568837)</t>
  </si>
  <si>
    <t>POINT (4.644488070368906 51.86678028891194)</t>
  </si>
  <si>
    <t>POINT (4.663244129198708 51.870179844350915)</t>
  </si>
  <si>
    <t>POINT (4.664258299602121 51.86880816277966)</t>
  </si>
  <si>
    <t>POINT (4.663449735424637 51.87139008044487)</t>
  </si>
  <si>
    <t>POINT (4.664532164176858 51.86999452097649)</t>
  </si>
  <si>
    <t>POINT (4.644028270444572 51.87313843949791)</t>
  </si>
  <si>
    <t>POINT (4.65018433493385 51.86965368529566)</t>
  </si>
  <si>
    <t>POINT (4.668593140950562 51.864379079564756)</t>
  </si>
  <si>
    <t>POINT (4.667658398900917 51.86835980881871)</t>
  </si>
  <si>
    <t>POINT (4.644820221426163 51.8709052781673)</t>
  </si>
  <si>
    <t>POINT (4.641879986421748 51.8722079870736)</t>
  </si>
  <si>
    <t>POINT (4.6518631765555645 51.872657420506)</t>
  </si>
  <si>
    <t>POINT (4.661304574346626 51.868895983880684)</t>
  </si>
  <si>
    <t>POINT (4.670166795513761 51.868581887077276)</t>
  </si>
  <si>
    <t>POINT (4.666420067548328 51.865898323124235)</t>
  </si>
  <si>
    <t>POINT (4.662509612856611 51.8580811192959)</t>
  </si>
  <si>
    <t>POINT (4.663039136640224 51.86487079990561)</t>
  </si>
  <si>
    <t>POINT (4.654477019049355 51.87042659887284)</t>
  </si>
  <si>
    <t>POINT (4.66876289055895 51.86875308040556)</t>
  </si>
  <si>
    <t>POINT (4.654582272573064 51.87109690796588)</t>
  </si>
  <si>
    <t>POINT (4.666389232249129 51.86963739896718)</t>
  </si>
  <si>
    <t>POINT (4.670866259459212 51.87024904836948)</t>
  </si>
  <si>
    <t>POINT (4.665366696108138 51.87047155494975)</t>
  </si>
  <si>
    <t>POINT (4.641549311438764 51.87200813839495)</t>
  </si>
  <si>
    <t>POINT (4.661985317513194 51.85953853535503)</t>
  </si>
  <si>
    <t>POINT (4.667597751475079 51.86039701135744)</t>
  </si>
  <si>
    <t>POINT (4.659683884370012 51.866755652604404)</t>
  </si>
  <si>
    <t>POINT (4.666576711256208 51.86790374633315)</t>
  </si>
  <si>
    <t>POINT (4.6643798800418965 51.85849983083443)</t>
  </si>
  <si>
    <t>POINT (4.660399759853611 51.86648143738957)</t>
  </si>
  <si>
    <t>POINT (4.668889105011052 51.860801162497424)</t>
  </si>
  <si>
    <t>POINT (4.672945649810203 51.86228431649678)</t>
  </si>
  <si>
    <t>POINT (4.656122331460111 51.86702117346221)</t>
  </si>
  <si>
    <t>POINT (4.641792375574715 51.86932284303622)</t>
  </si>
  <si>
    <t>POINT (4.673916255865061 51.84100233592767)</t>
  </si>
  <si>
    <t>POINT (4.6644334304644985 51.8616749439486)</t>
  </si>
  <si>
    <t>POINT (4.661446354690493 51.859178554900545)</t>
  </si>
  <si>
    <t>POINT (4.656611197904096 51.86940985965269)</t>
  </si>
  <si>
    <t>POINT (4.651802840404162 51.87190649254713)</t>
  </si>
  <si>
    <t>POINT (4.651528450689663 51.871369951034296)</t>
  </si>
  <si>
    <t>POINT (4.660940492564376 51.86356347893809)</t>
  </si>
  <si>
    <t>POINT (4.651497757972021 51.87280344462236)</t>
  </si>
  <si>
    <t>POINT (4.644023916514985 51.86988452678062)</t>
  </si>
  <si>
    <t>POINT (4.658541251898821 51.86469017368561)</t>
  </si>
  <si>
    <t>POINT (4.6633536686999735 51.866077214353474)</t>
  </si>
  <si>
    <t>POINT (4.659785660937161 51.86584843183718)</t>
  </si>
  <si>
    <t>POINT (4.667753989777726 51.86828399115067)</t>
  </si>
  <si>
    <t>POINT (4.6351908184065165 51.87451138605987)</t>
  </si>
  <si>
    <t>POINT (4.674767532835 51.8629454752987)</t>
  </si>
  <si>
    <t>POINT (4.673752269194751 51.84131553747556)</t>
  </si>
  <si>
    <t>POINT (4.660695893855116 51.86432599942584)</t>
  </si>
  <si>
    <t>POINT (4.6597335730625105 51.86188412423437)</t>
  </si>
  <si>
    <t>POINT (4.6579570289414844 51.862664105885564)</t>
  </si>
  <si>
    <t>POINT (4.66323789793036 51.865150672611634)</t>
  </si>
  <si>
    <t>POINT (4.663706524977046 51.869043934422116)</t>
  </si>
  <si>
    <t>POINT (4.643853317350085 51.872301389682306)</t>
  </si>
  <si>
    <t>POINT (4.637659574750528 51.873637290390164)</t>
  </si>
  <si>
    <t>POINT (4.661111358268082 51.87007229888842)</t>
  </si>
  <si>
    <t>POINT (4.648695050829553 51.86484440029515)</t>
  </si>
  <si>
    <t>POINT (4.669013038995408 51.86945572214629)</t>
  </si>
  <si>
    <t>POINT (4.656502267803374 51.869279242479024)</t>
  </si>
  <si>
    <t>POINT (4.657492410432118 51.87296667916762)</t>
  </si>
  <si>
    <t>POINT (4.661389835614344 51.86766057530568)</t>
  </si>
  <si>
    <t>POINT (4.666220649082866 51.87109701423796)</t>
  </si>
  <si>
    <t>POINT (4.656059978878058 51.87264766426156)</t>
  </si>
  <si>
    <t>POINT (4.671012640397578 51.863787126889534)</t>
  </si>
  <si>
    <t>POINT (4.656097989173233 51.86762595655733)</t>
  </si>
  <si>
    <t>POINT (4.648004703147031 51.87151861191734)</t>
  </si>
  <si>
    <t>POINT (4.6546867189925925 51.86824816498293)</t>
  </si>
  <si>
    <t>POINT (4.669987629814751 51.86524601666856)</t>
  </si>
  <si>
    <t>POINT (4.667565992540084 51.8723232214862)</t>
  </si>
  <si>
    <t>POINT (4.66230000151474 51.861356325243854)</t>
  </si>
  <si>
    <t>POINT (4.65792117430477 51.86263691735232)</t>
  </si>
  <si>
    <t>POINT (4.658413215983116 51.86452758394472)</t>
  </si>
  <si>
    <t>POINT (4.658398553304263 51.86453648158588)</t>
  </si>
  <si>
    <t>POINT (4.670560798634791 51.86845845114132)</t>
  </si>
  <si>
    <t>POINT (4.6765205319082135 51.860308939683726)</t>
  </si>
  <si>
    <t>POINT (4.671460027455356 51.86943470444847)</t>
  </si>
  <si>
    <t>POINT (4.6598061546736105 51.86188457380518)</t>
  </si>
  <si>
    <t>POINT (4.671941075612323 51.869316288580414)</t>
  </si>
  <si>
    <t>POINT (4.656373690275157 51.870766500228996)</t>
  </si>
  <si>
    <t>POINT (4.638874602968548 51.873051787452034)</t>
  </si>
  <si>
    <t>POINT (4.653933725598659 51.870351299405904)</t>
  </si>
  <si>
    <t>POINT (4.665935630051248 51.86713577867348)</t>
  </si>
  <si>
    <t>POINT (4.666913795815746 51.867708064430786)</t>
  </si>
  <si>
    <t>POINT (4.655029284934521 51.8611953041256)</t>
  </si>
  <si>
    <t>POINT (4.658114920177484 51.87039530494554)</t>
  </si>
  <si>
    <t>POINT (4.657872857443206 51.87099603981627)</t>
  </si>
  <si>
    <t>POINT (4.664122239810718 51.866135880331996)</t>
  </si>
  <si>
    <t>POINT (4.673976655582487 51.85539630949921)</t>
  </si>
  <si>
    <t>POINT (4.671209719345001 51.859611316462725)</t>
  </si>
  <si>
    <t>POINT (4.668671764192129 51.86673008435506)</t>
  </si>
  <si>
    <t>POINT (4.674353629401315 51.85634060634776)</t>
  </si>
  <si>
    <t>POINT (4.665988897315095 51.86924843096905)</t>
  </si>
  <si>
    <t>POINT (4.657247785537203 51.86208442734654)</t>
  </si>
  <si>
    <t>POINT (4.638168749034389 51.87358211227688)</t>
  </si>
  <si>
    <t>POINT (4.643361430590064 51.872292424123124)</t>
  </si>
  <si>
    <t>POINT (4.657907786804979 51.86292740070125)</t>
  </si>
  <si>
    <t>POINT (4.666133466735606 51.86248987608047)</t>
  </si>
  <si>
    <t>POINT (4.629549037498502 51.87925708764662)</t>
  </si>
  <si>
    <t>POINT (4.667067897416831 51.86624386458933)</t>
  </si>
  <si>
    <t>POINT (4.6392832821548255 51.8738004470939)</t>
  </si>
  <si>
    <t>POINT (4.666046667479951 51.861816256934446)</t>
  </si>
  <si>
    <t>POINT (4.667221149497855 51.85196110276588)</t>
  </si>
  <si>
    <t>POINT (4.663717404144453 51.86331994803349)</t>
  </si>
  <si>
    <t>POINT (4.6621178805175045 51.871588604534345)</t>
  </si>
  <si>
    <t>POINT (4.664441369475581 51.86467100932918)</t>
  </si>
  <si>
    <t>POINT (4.635017025106322 51.87448330737651)</t>
  </si>
  <si>
    <t>POINT (4.660805780119329 51.86381432738255)</t>
  </si>
  <si>
    <t>POINT (4.662722662282453 51.867394651192285)</t>
  </si>
  <si>
    <t>POINT (4.66240976522664 51.86762013285291)</t>
  </si>
  <si>
    <t>POINT (4.65295684109918 51.86970700424371)</t>
  </si>
  <si>
    <t>POINT (4.675384721183133 51.85998455586544)</t>
  </si>
  <si>
    <t>POINT (4.676815856338076 51.86414464959207)</t>
  </si>
  <si>
    <t>POINT (4.667590140450302 51.871721132415395)</t>
  </si>
  <si>
    <t>POINT (4.665134639823872 51.87244582616328)</t>
  </si>
  <si>
    <t>POINT (4.660825677139789 51.873378344035046)</t>
  </si>
  <si>
    <t>POINT (4.662330650239216 51.872803381001624)</t>
  </si>
  <si>
    <t>POINT (4.664931867002672 51.86725545096597)</t>
  </si>
  <si>
    <t>POINT (4.662163174059282 51.858860991889124)</t>
  </si>
  <si>
    <t>POINT (4.65835461272911 51.87083723499929)</t>
  </si>
  <si>
    <t>POINT (4.662480779457245 51.86961412121315)</t>
  </si>
  <si>
    <t>POINT (4.638604135248953 51.87403431961535)</t>
  </si>
  <si>
    <t>POINT (4.662599731262198 51.859517159807496)</t>
  </si>
  <si>
    <t>POINT (4.659803953424428 51.8678162539464)</t>
  </si>
  <si>
    <t>POINT (4.6586747029336975 51.86810667949816)</t>
  </si>
  <si>
    <t>POINT (4.6731435814653945 51.864633346895005)</t>
  </si>
  <si>
    <t>POINT (4.63872810088879 51.874875546906985)</t>
  </si>
  <si>
    <t>POINT (4.667595739009292 51.87046276086817)</t>
  </si>
  <si>
    <t>POINT (4.6565987472598 51.86316352165493)</t>
  </si>
  <si>
    <t>POINT (4.654112119087202 51.86742212047646)</t>
  </si>
  <si>
    <t>POINT (4.658386364292179 51.86439258789012)</t>
  </si>
  <si>
    <t>POINT (4.667189358491182 51.86591203034522)</t>
  </si>
  <si>
    <t>POINT (4.667428957431867 51.8618236761574)</t>
  </si>
  <si>
    <t>POINT (4.665522389109939 51.87208147369877)</t>
  </si>
  <si>
    <t>POINT (4.6689624091846165 51.86671388484658)</t>
  </si>
  <si>
    <t>POINT (4.65438140448903 51.868645400441416)</t>
  </si>
  <si>
    <t>POINT (4.667558345192164 51.8673524707352)</t>
  </si>
  <si>
    <t>POINT (4.6650977536034866 51.864155396582504)</t>
  </si>
  <si>
    <t>POINT (4.666562696595142 51.86787220018404)</t>
  </si>
  <si>
    <t>POINT (4.657520747600773 51.872562367308376)</t>
  </si>
  <si>
    <t>POINT (4.6583551949011115 51.870801284126145)</t>
  </si>
  <si>
    <t>POINT (4.6749910451977605 51.85532066964007)</t>
  </si>
  <si>
    <t>POINT (4.660184770350978 51.86202350944397)</t>
  </si>
  <si>
    <t>POINT (4.6666359353974425 51.867832200743855)</t>
  </si>
  <si>
    <t>POINT (4.66297065680312 51.86326141375711)</t>
  </si>
  <si>
    <t>POINT (4.660421374663209 51.86424340331833)</t>
  </si>
  <si>
    <t>POINT (4.660573405495906 51.854824257443255)</t>
  </si>
  <si>
    <t>POINT (4.6731619357085785 51.86100475346207)</t>
  </si>
  <si>
    <t>POINT (4.641020936011818 51.870922793921686)</t>
  </si>
  <si>
    <t>POINT (4.670300178680062 51.87160287492314)</t>
  </si>
  <si>
    <t>POINT (4.655152098783922 51.86772471044485)</t>
  </si>
  <si>
    <t>POINT (4.638904115416159 51.873896907190364)</t>
  </si>
  <si>
    <t>POINT (4.6673306541900565 51.86615558917995)</t>
  </si>
  <si>
    <t>POINT (4.673511454169982 51.87284038691088)</t>
  </si>
  <si>
    <t>POINT (4.66993986788758 51.87188831078753)</t>
  </si>
  <si>
    <t>POINT (4.641777307167525 51.87227025593112)</t>
  </si>
  <si>
    <t>POINT (4.666230921241332 51.87136224140855)</t>
  </si>
  <si>
    <t>POINT (4.638585101663599 51.87466697122281)</t>
  </si>
  <si>
    <t>POINT (4.668719090982026 51.867858445253965)</t>
  </si>
  <si>
    <t>POINT (4.662573276264997 51.86224324775325)</t>
  </si>
  <si>
    <t>POINT (4.653905346456168 51.870310673418494)</t>
  </si>
  <si>
    <t>POINT (4.642588036466165 51.86978554634698)</t>
  </si>
  <si>
    <t>POINT (4.645873389837422 51.866031101194864)</t>
  </si>
  <si>
    <t>POINT (4.6774347510519165 51.846894245292994)</t>
  </si>
  <si>
    <t>POINT (4.662192791156648 51.86513523713795)</t>
  </si>
  <si>
    <t>POINT (4.664884323910183 51.8638844254307)</t>
  </si>
  <si>
    <t>POINT (4.638139793285173 51.874449330943385)</t>
  </si>
  <si>
    <t>POINT (4.663435092865297 51.861915982881406)</t>
  </si>
  <si>
    <t>POINT (4.659116213307165 51.86774088365342)</t>
  </si>
  <si>
    <t>POINT (4.667866657670861 51.87168237740579)</t>
  </si>
  <si>
    <t>POINT (4.655884772983966 51.87136569489047)</t>
  </si>
  <si>
    <t>POINT (4.674021495866488 51.84104411627586)</t>
  </si>
  <si>
    <t>POINT (4.658992928896888 51.864880396986315)</t>
  </si>
  <si>
    <t>POINT (4.662047005740331 51.86111642086538)</t>
  </si>
  <si>
    <t>POINT (4.669124598975047 51.867923845440515)</t>
  </si>
  <si>
    <t>POINT (4.647430080714919 51.866988318853785)</t>
  </si>
  <si>
    <t>POINT (4.6512167560925475 51.87045115838916)</t>
  </si>
  <si>
    <t>POINT (4.67074088958494 51.8662663278226)</t>
  </si>
  <si>
    <t>POINT (4.6666876535774815 51.87004371765728)</t>
  </si>
  <si>
    <t>POINT (4.6562234918971175 51.872414977791024)</t>
  </si>
  <si>
    <t>POINT (4.6588440548783785 51.8603325662134)</t>
  </si>
  <si>
    <t>POINT (4.6674712365566275 51.86735193697562)</t>
  </si>
  <si>
    <t>POINT (4.651063967931866 51.862213080749086)</t>
  </si>
  <si>
    <t>POINT (4.671919783468653 51.864260063313026)</t>
  </si>
  <si>
    <t>POINT (4.664228751039958 51.87035219846895)</t>
  </si>
  <si>
    <t>POINT (4.6597628961550095 51.86186632860653)</t>
  </si>
  <si>
    <t>POINT (4.653499626824672 51.870703639295954)</t>
  </si>
  <si>
    <t>POINT (4.653240475907493 51.87012225381471)</t>
  </si>
  <si>
    <t>POINT (4.641849905293328 51.87227071663312)</t>
  </si>
  <si>
    <t>POINT (4.656914586665125 51.870990085732245)</t>
  </si>
  <si>
    <t>POINT (4.670892718878635 51.86676162776215)</t>
  </si>
  <si>
    <t>POINT (4.64090159550065 51.871662456632315)</t>
  </si>
  <si>
    <t>POINT (4.66894951382553 51.86979690102167)</t>
  </si>
  <si>
    <t>POINT (4.64232663990415 51.870664775243874)</t>
  </si>
  <si>
    <t>POINT (4.65970273631621 51.86918269771527)</t>
  </si>
  <si>
    <t>POINT (4.668675034022013 51.867889635895736)</t>
  </si>
  <si>
    <t>POINT (4.644624960141803 51.870418657656266)</t>
  </si>
  <si>
    <t>POINT (4.659486409281831 51.86909147139036)</t>
  </si>
  <si>
    <t>POINT (4.6632064254902215 51.863496571680976)</t>
  </si>
  <si>
    <t>POINT (4.669716515876193 51.85948265452617)</t>
  </si>
  <si>
    <t>POINT (4.67416480099568 51.85515655690839)</t>
  </si>
  <si>
    <t>POINT (4.66052987331956 51.86288966825476)</t>
  </si>
  <si>
    <t>POINT (4.6404185892743675 51.8745177724916)</t>
  </si>
  <si>
    <t>POINT (4.66180375292561 51.86585192489701)</t>
  </si>
  <si>
    <t>POINT (4.646496432678774 51.87254999366534)</t>
  </si>
  <si>
    <t>POINT (4.646225446968154 51.86625354444958)</t>
  </si>
  <si>
    <t>POINT (4.64393766767584 51.87071093539984)</t>
  </si>
  <si>
    <t>POINT (4.637789354456958 51.87282015253272)</t>
  </si>
  <si>
    <t>POINT (4.654621516896062 51.862518333153005)</t>
  </si>
  <si>
    <t>POINT (4.657188440060759 51.86619186236715)</t>
  </si>
  <si>
    <t>POINT (4.652263596393511 51.87036782697385)</t>
  </si>
  <si>
    <t>POINT (4.641878646864194 51.872288876280635)</t>
  </si>
  <si>
    <t>POINT (4.6602859509727566 51.86903350205572)</t>
  </si>
  <si>
    <t>POINT (4.657212667438325 51.86872680553872)</t>
  </si>
  <si>
    <t>POINT (4.6498806464224405 51.8691349330453)</t>
  </si>
  <si>
    <t>POINT (4.639511739697357 51.87447155477017)</t>
  </si>
  <si>
    <t>POINT (4.6590389129543155 51.86828465663691)</t>
  </si>
  <si>
    <t>POINT (4.663055073378269 51.8589159324763)</t>
  </si>
  <si>
    <t>POINT (4.658078994667425 51.86857938006399)</t>
  </si>
  <si>
    <t>POINT (4.659047005811971 51.87201903862607)</t>
  </si>
  <si>
    <t>POINT (4.655024619368591 51.861197423322075)</t>
  </si>
  <si>
    <t>POINT (4.659700007867167 51.865758015055356)</t>
  </si>
  <si>
    <t>POINT (4.660460202718683 51.85554264788407)</t>
  </si>
  <si>
    <t>POINT (4.658529062391253 51.86454628000651)</t>
  </si>
  <si>
    <t>POINT (4.654388253817828 51.87141928812892)</t>
  </si>
  <si>
    <t>POINT (4.660198244344093 51.86322630737952)</t>
  </si>
  <si>
    <t>POINT (4.669132073190032 51.867910408212545)</t>
  </si>
  <si>
    <t>POINT (4.667573880320643 51.869105346129444)</t>
  </si>
  <si>
    <t>POINT (4.668991158189012 51.86673203788427)</t>
  </si>
  <si>
    <t>POINT (4.66682726185339 51.86767157924985)</t>
  </si>
  <si>
    <t>POINT (4.652027731420632 51.86836188674293)</t>
  </si>
  <si>
    <t>POINT (4.663872958044474 51.859963653979115)</t>
  </si>
  <si>
    <t>POINT (4.674098709429174 51.86327108270932)</t>
  </si>
  <si>
    <t>POINT (4.665476561275174 51.871317159906475)</t>
  </si>
  <si>
    <t>POINT (4.653715628310979 51.86947804088161)</t>
  </si>
  <si>
    <t>POINT (4.642069400480312 51.87220883826491)</t>
  </si>
  <si>
    <t>POINT (4.666564204673455 51.8723125853462)</t>
  </si>
  <si>
    <t>POINT (4.675283833031835 51.85397055579424)</t>
  </si>
  <si>
    <t>POINT (4.667402387112315 51.868933511593276)</t>
  </si>
  <si>
    <t>POINT (4.654743841792654 51.86830694730391)</t>
  </si>
  <si>
    <t>POINT (4.666066004367109 51.867154556465884)</t>
  </si>
  <si>
    <t>POINT (4.664657278639836 51.861748230374985)</t>
  </si>
  <si>
    <t>POINT (4.665170522429347 51.87093326290635)</t>
  </si>
  <si>
    <t>POINT (4.660470178668353 51.85224338487022)</t>
  </si>
  <si>
    <t>POINT (4.641502997445933 51.87129774220081)</t>
  </si>
  <si>
    <t>POINT (4.6659873772534075 51.87206185814696)</t>
  </si>
  <si>
    <t>POINT (4.659953157758387 51.86329939559943)</t>
  </si>
  <si>
    <t>POINT (4.6464629337570695 51.87255607445675)</t>
  </si>
  <si>
    <t>POINT (4.641607091812385 51.87202648245124)</t>
  </si>
  <si>
    <t>POINT (4.682136279780566 51.86100510589164)</t>
  </si>
  <si>
    <t>POINT (4.641690933805937 51.872224764582704)</t>
  </si>
  <si>
    <t>POINT (4.655310570817254 51.87003278178564)</t>
  </si>
  <si>
    <t>POINT (4.658095756881534 51.86709636099259)</t>
  </si>
  <si>
    <t>POINT (4.656452072954707 51.86189416926636)</t>
  </si>
  <si>
    <t>POINT (4.662598403346621 51.86248609572466)</t>
  </si>
  <si>
    <t>POINT (4.646269754288347 51.8701773630809)</t>
  </si>
  <si>
    <t>POINT (4.6468821266599605 51.87179018941558)</t>
  </si>
  <si>
    <t>POINT (4.674942470786038 51.84190571337257)</t>
  </si>
  <si>
    <t>POINT (4.6707433214309635 51.86611353618385)</t>
  </si>
  <si>
    <t>POINT (4.657249009605582 51.8625515382035)</t>
  </si>
  <si>
    <t>POINT (4.663557696382082 51.86242171944548)</t>
  </si>
  <si>
    <t>POINT (4.661390567786357 51.86536398648086)</t>
  </si>
  <si>
    <t>POINT (4.666647233849748 51.86168405317912)</t>
  </si>
  <si>
    <t>POINT (4.660308008702061 51.866768505562845)</t>
  </si>
  <si>
    <t>POINT (4.6474981490791745 51.87141654801178)</t>
  </si>
  <si>
    <t>POINT (4.664016963916313 51.87088122307248)</t>
  </si>
  <si>
    <t>POINT (4.676711247274825 51.86362971529928)</t>
  </si>
  <si>
    <t>POINT (4.652705763755249 51.87263572645918)</t>
  </si>
  <si>
    <t>POINT (4.665958004671377 51.86392697841798)</t>
  </si>
  <si>
    <t>POINT (4.668313532477957 51.8655234174063)</t>
  </si>
  <si>
    <t>POINT (4.666016771163517 51.862071188502185)</t>
  </si>
  <si>
    <t>POINT (4.661081147138312 51.86294413333798)</t>
  </si>
  <si>
    <t>POINT (4.670792090591045 51.87034747073771)</t>
  </si>
  <si>
    <t>POINT (4.651285292249911 51.862003540464535)</t>
  </si>
  <si>
    <t>POINT (4.667498696160163 51.8683588303396)</t>
  </si>
  <si>
    <t>POINT (4.664573438100212 51.86173651469704)</t>
  </si>
  <si>
    <t>POINT (4.667535655214224 51.8714960832849)</t>
  </si>
  <si>
    <t>POINT (4.660525370095266 51.86229800884104)</t>
  </si>
  <si>
    <t>POINT (4.659728607268133 51.86578515808086)</t>
  </si>
  <si>
    <t>POINT (4.641617734718196 51.87050747061608)</t>
  </si>
  <si>
    <t>POINT (4.642306377779653 51.870134317231084)</t>
  </si>
  <si>
    <t>POINT (4.657154565130456 51.86693770787249)</t>
  </si>
  <si>
    <t>POINT (4.654443272060079 51.868039907989605)</t>
  </si>
  <si>
    <t>POINT (4.670369846956196 51.85309573007605)</t>
  </si>
  <si>
    <t>POINT (4.672117342037118 51.866903919324166)</t>
  </si>
  <si>
    <t>POINT (4.648197456491604 51.870391751737245)</t>
  </si>
  <si>
    <t>POINT (4.666096479181041 51.861626741011)</t>
  </si>
  <si>
    <t>POINT (4.670859318802864 51.864298543073694)</t>
  </si>
  <si>
    <t>POINT (4.6608545428168275 51.871589787679724)</t>
  </si>
  <si>
    <t>POINT (4.648129270859749 51.87100704389346)</t>
  </si>
  <si>
    <t>POINT (4.676293518189541 51.861751020769056)</t>
  </si>
  <si>
    <t>POINT (4.6693202167899015 51.864307122746006)</t>
  </si>
  <si>
    <t>POINT (4.6549530066969655 51.861250827745216)</t>
  </si>
  <si>
    <t>POINT (4.6712675315912255 51.866017857993995)</t>
  </si>
  <si>
    <t>POINT (4.654967658651275 51.861202398448)</t>
  </si>
  <si>
    <t>POINT (4.668801708171153 51.86677582232969)</t>
  </si>
  <si>
    <t>POINT (4.6399042761147635 51.87225835430464)</t>
  </si>
  <si>
    <t>POINT (4.656821647536108 51.86967332172268)</t>
  </si>
  <si>
    <t>POINT (4.655009315266262 51.86121097265599)</t>
  </si>
  <si>
    <t>POINT (4.6605381363582845 51.86870248353583)</t>
  </si>
  <si>
    <t>POINT (4.628727925335063 51.88015065260266)</t>
  </si>
  <si>
    <t>POINT (4.6390567324792995 51.87170465216678)</t>
  </si>
  <si>
    <t>POINT (4.651591651120274 51.863129929236514)</t>
  </si>
  <si>
    <t>POINT (4.6650801090222815 51.86344518683182)</t>
  </si>
  <si>
    <t>POINT (4.641619973561493 51.87212543919998)</t>
  </si>
  <si>
    <t>POINT (4.6530415973640515 51.86807160371899)</t>
  </si>
  <si>
    <t>POINT (4.660059754869843 51.85876708902344)</t>
  </si>
  <si>
    <t>POINT (4.652223572344703 51.86926197530772)</t>
  </si>
  <si>
    <t>POINT (4.6535748113019935 51.86787269132729)</t>
  </si>
  <si>
    <t>POINT (4.643992875927062 51.86736751218884)</t>
  </si>
  <si>
    <t>POINT (4.663811275046776 51.86898236039449)</t>
  </si>
  <si>
    <t>POINT (4.643792476402878 51.870710016541736)</t>
  </si>
  <si>
    <t>POINT (4.662453719725117 51.86335709976006)</t>
  </si>
  <si>
    <t>POINT (4.655427219887878 51.871821264967565)</t>
  </si>
  <si>
    <t>POINT (4.656506260813864 51.86188476274669)</t>
  </si>
  <si>
    <t>POINT (4.662462512307077 51.87182892981281)</t>
  </si>
  <si>
    <t>POINT (4.657898596110946 51.86311474758858)</t>
  </si>
  <si>
    <t>POINT (4.640648137226375 51.87306018766767)</t>
  </si>
  <si>
    <t>POINT (4.660007188862026 51.871009273083516)</t>
  </si>
  <si>
    <t>POINT (4.658785136089458 51.86487145909559)</t>
  </si>
  <si>
    <t>POINT (4.659057464625111 51.86860089254827)</t>
  </si>
  <si>
    <t>POINT (4.648714587916079 51.8646269981369)</t>
  </si>
  <si>
    <t>POINT (4.663650526832608 51.86206112838604)</t>
  </si>
  <si>
    <t>POINT (4.665550376162664 51.863996383406054)</t>
  </si>
  <si>
    <t>POINT (4.658726776070519 51.86488907438182)</t>
  </si>
  <si>
    <t>POINT (4.6609149691502605 51.861095942495474)</t>
  </si>
  <si>
    <t>POINT (4.6611679790655405 51.86386151015704)</t>
  </si>
  <si>
    <t>POINT (4.658414706569303 51.86882621483905)</t>
  </si>
  <si>
    <t>POINT (4.654738474263112 51.87131360911605)</t>
  </si>
  <si>
    <t>POINT (4.658812374597199 51.86677721688196)</t>
  </si>
  <si>
    <t>POINT (4.672921792312439 51.86032823875388)</t>
  </si>
  <si>
    <t>POINT (4.656198880571885 51.86320148229064)</t>
  </si>
  <si>
    <t>POINT (4.667529596372319 51.867334317348494)</t>
  </si>
  <si>
    <t>POINT (4.651004614359984 51.86250632253669)</t>
  </si>
  <si>
    <t>POINT (4.673899990502242 51.85812838554114)</t>
  </si>
  <si>
    <t>POINT (4.653398522011127 51.86666261936293)</t>
  </si>
  <si>
    <t>POINT (4.672688425684855 51.85946481933981)</t>
  </si>
  <si>
    <t>POINT (4.6590237598176385 51.86481978906725)</t>
  </si>
  <si>
    <t>POINT (4.641095495720093 51.87047718849457)</t>
  </si>
  <si>
    <t>POINT (4.671091404570186 51.868875163615215)</t>
  </si>
  <si>
    <t>POINT (4.662711274346093 51.86629796904264)</t>
  </si>
  <si>
    <t>POINT (4.670554788570255 51.86883593623612)</t>
  </si>
  <si>
    <t>POINT (4.66891943486879 51.86485747240635)</t>
  </si>
  <si>
    <t>POINT (4.656481631426925 51.86545938809458)</t>
  </si>
  <si>
    <t>POINT (4.660682395937629 51.87011009514036)</t>
  </si>
  <si>
    <t>POINT (4.636972275934414 51.87305313551417)</t>
  </si>
  <si>
    <t>POINT (4.658847569555046 51.86499870279973)</t>
  </si>
  <si>
    <t>POINT (4.663123325925504 51.872273447429116)</t>
  </si>
  <si>
    <t>POINT (4.667353514887944 51.871081490974255)</t>
  </si>
  <si>
    <t>POINT (4.652003590046376 51.869395427977594)</t>
  </si>
  <si>
    <t>POINT (4.66266463170338 51.86558758008176)</t>
  </si>
  <si>
    <t>POINT (4.66168010312099 51.86260561996374)</t>
  </si>
  <si>
    <t>POINT (4.644860126357611 51.873327966605935)</t>
  </si>
  <si>
    <t>POINT (4.661784021171819 51.86617539348662)</t>
  </si>
  <si>
    <t>POINT (4.67294704478167 51.84892722659446)</t>
  </si>
  <si>
    <t>POINT (4.640715675282337 51.87149049111268)</t>
  </si>
  <si>
    <t>POINT (4.667545274078409 51.86907820501341)</t>
  </si>
  <si>
    <t>POINT (4.67136984795775 51.86414884934303)</t>
  </si>
  <si>
    <t>POINT (4.6580005058589915 51.862668870157236)</t>
  </si>
  <si>
    <t>POINT (4.653085553222634 51.87294371392279)</t>
  </si>
  <si>
    <t>POINT (4.665517919538088 51.86330405996924)</t>
  </si>
  <si>
    <t>POINT (4.65675740933592 51.868148703139816)</t>
  </si>
  <si>
    <t>POINT (4.666779155005549 51.863419666844344)</t>
  </si>
  <si>
    <t>POINT (4.628662129367504 51.880435167549834)</t>
  </si>
  <si>
    <t>POINT (4.660845653476085 51.862692793240136)</t>
  </si>
  <si>
    <t>POINT (4.666220419462287 51.86567238220907)</t>
  </si>
  <si>
    <t>POINT (4.635224873404262 51.873315450052104)</t>
  </si>
  <si>
    <t>POINT (4.671045686768678 51.86536033649241)</t>
  </si>
  <si>
    <t>POINT (4.666827118015624 51.86768056698534)</t>
  </si>
  <si>
    <t>POINT (4.659298747881377 51.86543193832016)</t>
  </si>
  <si>
    <t>POINT (4.659880296263962 51.86987592122441)</t>
  </si>
  <si>
    <t>POINT (4.656831248232583 51.868967127225346)</t>
  </si>
  <si>
    <t>POINT (4.671281638551842 51.867869598627614)</t>
  </si>
  <si>
    <t>POINT (4.66538270341526 51.87264240373385)</t>
  </si>
  <si>
    <t>POINT (4.675380959189344 51.853907801745265)</t>
  </si>
  <si>
    <t>POINT (4.668892879976795 51.86788647407661)</t>
  </si>
  <si>
    <t>POINT (4.668758871642654 51.866730617221904)</t>
  </si>
  <si>
    <t>POINT (4.674147885444235 51.86071629472903)</t>
  </si>
  <si>
    <t>POINT (4.655572165362056 51.86848770278512)</t>
  </si>
  <si>
    <t>POINT (4.666595601659153 51.864002801211655)</t>
  </si>
  <si>
    <t>POINT (4.653885551222075 51.867515086704174)</t>
  </si>
  <si>
    <t>POINT (4.658558533173896 51.86451949696383)</t>
  </si>
  <si>
    <t>POINT (4.659159115316032 51.864190642242924)</t>
  </si>
  <si>
    <t>POINT (4.662872305268904 51.869867579475205)</t>
  </si>
  <si>
    <t>POINT (4.6626521196329 51.86005050880819)</t>
  </si>
  <si>
    <t>POINT (4.66497591614501 51.86179513345427)</t>
  </si>
  <si>
    <t>POINT (4.63928744401507 51.87381215881874)</t>
  </si>
  <si>
    <t>POINT (4.637833662083624 51.872775492027834)</t>
  </si>
  <si>
    <t>POINT (4.646774250943374 51.871286146131325)</t>
  </si>
  <si>
    <t>POINT (4.66568107552897 51.86673898558089)</t>
  </si>
  <si>
    <t>POINT (4.6583666854992085 51.86650479322747)</t>
  </si>
  <si>
    <t>POINT (4.670619874102819 51.86839589127807)</t>
  </si>
  <si>
    <t>POINT (4.667515230809269 51.86914094124027)</t>
  </si>
  <si>
    <t>POINT (4.667366881116745 51.86888385660847)</t>
  </si>
  <si>
    <t>POINT (4.662067067131689 51.85851883048197)</t>
  </si>
  <si>
    <t>POINT (4.675147848898446 51.854951289205204)</t>
  </si>
  <si>
    <t>POINT (4.662835873798735 51.862163970064756)</t>
  </si>
  <si>
    <t>POINT (4.65572476762311 51.86914900266809)</t>
  </si>
  <si>
    <t>POINT (4.670839080974596 51.87013203066392)</t>
  </si>
  <si>
    <t>POINT (4.653215972577039 51.86895357914718)</t>
  </si>
  <si>
    <t>POINT (4.6557892944150945 51.86696516820814)</t>
  </si>
  <si>
    <t>POINT (4.6617213618238 51.86375706629564)</t>
  </si>
  <si>
    <t>POINT (4.64802732096024 51.87190975963113)</t>
  </si>
  <si>
    <t>POINT (4.666584402058495 51.8678768276664)</t>
  </si>
  <si>
    <t>POINT (4.655720911588573 51.87072648228364)</t>
  </si>
  <si>
    <t>POINT (4.667653900284498 51.863191325239335)</t>
  </si>
  <si>
    <t>POINT (4.671649702999238 51.86121062005105)</t>
  </si>
  <si>
    <t>POINT (4.653052913949673 51.862739545977945)</t>
  </si>
  <si>
    <t>POINT (4.659344656034679 51.86836644261223)</t>
  </si>
  <si>
    <t>POINT (4.641063436402447 51.872928716059754)</t>
  </si>
  <si>
    <t>POINT (4.655740190699638 51.8673064302662)</t>
  </si>
  <si>
    <t>POINT (4.6622337254834525 51.871157865959525)</t>
  </si>
  <si>
    <t>POINT (4.65701142680873 51.86681097728882)</t>
  </si>
  <si>
    <t>POINT (4.664374329797556 51.86453852690944)</t>
  </si>
  <si>
    <t>POINT (4.643968143468715 51.86710668518211)</t>
  </si>
  <si>
    <t>POINT (4.668021693697035 51.8598893599883)</t>
  </si>
  <si>
    <t>POINT (4.666592668392739 51.86781395805921)</t>
  </si>
  <si>
    <t>POINT (4.6546310937659285 51.865420894191175)</t>
  </si>
  <si>
    <t>POINT (4.639197446247946 51.87415944589817)</t>
  </si>
  <si>
    <t>POINT (4.667710970127701 51.871883667632275)</t>
  </si>
  <si>
    <t>POINT (4.654438193694708 51.8714735314334)</t>
  </si>
  <si>
    <t>POINT (4.664407196125791 51.86737806400035)</t>
  </si>
  <si>
    <t>POINT (4.676904356234876 51.86342814517499)</t>
  </si>
  <si>
    <t>POINT (4.654670160945475 51.862384849745396)</t>
  </si>
  <si>
    <t>POINT (4.659413656902637 51.86999887142984)</t>
  </si>
  <si>
    <t>POINT (4.638721099139929 51.87005759304835)</t>
  </si>
  <si>
    <t>POINT (4.641750649764845 51.87212626860552)</t>
  </si>
  <si>
    <t>POINT (4.643287129485797 51.870536032941196)</t>
  </si>
  <si>
    <t>POINT (4.665325414768907 51.864444432045325)</t>
  </si>
  <si>
    <t>POINT (4.6476186137872615 51.870580617894824)</t>
  </si>
  <si>
    <t>POINT (4.66186754587833 51.86009060880879)</t>
  </si>
  <si>
    <t>POINT (4.669611457861161 51.87199416824099)</t>
  </si>
  <si>
    <t>POINT (4.638167632175475 51.87408546874742)</t>
  </si>
  <si>
    <t>POINT (4.665391074251041 51.868498703355996)</t>
  </si>
  <si>
    <t>POINT (4.65349444824246 51.86790364953816)</t>
  </si>
  <si>
    <t>POINT (4.661946167641501 51.85881470875137)</t>
  </si>
  <si>
    <t>POINT (4.657997686994109 51.86866876153935)</t>
  </si>
  <si>
    <t>POINT (4.668299876167941 51.86546940210316)</t>
  </si>
  <si>
    <t>POINT (4.660832482157827 51.86140178283066)</t>
  </si>
  <si>
    <t>POINT (4.666835801625545 51.861694198599494)</t>
  </si>
  <si>
    <t>POINT (4.667866229991039 51.86625774541227)</t>
  </si>
  <si>
    <t>POINT (4.652370894456364 51.86824268771049)</t>
  </si>
  <si>
    <t>POINT (4.655921259313473 51.87090750227513)</t>
  </si>
  <si>
    <t>POINT (4.670769179781033 51.861295794210264)</t>
  </si>
  <si>
    <t>POINT (4.661641223782301 51.86782841803598)</t>
  </si>
  <si>
    <t>POINT (4.652588025331522 51.86383512207164)</t>
  </si>
  <si>
    <t>POINT (4.6752646810337755 51.86371631554051)</t>
  </si>
  <si>
    <t>POINT (4.667096197936203 51.86992038247355)</t>
  </si>
  <si>
    <t>POINT (4.673085468448127 51.8626222399414)</t>
  </si>
  <si>
    <t>POINT (4.642353396464253 51.87217599732626)</t>
  </si>
  <si>
    <t>POINT (4.650067714069132 51.86524852358262)</t>
  </si>
  <si>
    <t>POINT (4.6664451071717785 51.86433445674587)</t>
  </si>
  <si>
    <t>POINT (4.665450452106304 51.86117334123663)</t>
  </si>
  <si>
    <t>POINT (4.670776713149584 51.87040130861264)</t>
  </si>
  <si>
    <t>POINT (4.645745609367075 51.872025713708965)</t>
  </si>
  <si>
    <t>POINT (4.670625311221908 51.86805435712238)</t>
  </si>
  <si>
    <t>POINT (4.666049833172443 51.86453876862474)</t>
  </si>
  <si>
    <t>POINT (4.661266306331213 51.871268742978835)</t>
  </si>
  <si>
    <t>POINT (4.644142797429083 51.87323803899311)</t>
  </si>
  <si>
    <t>POINT (4.663800531047782 51.86266429041814)</t>
  </si>
  <si>
    <t>POINT (4.634695173511285 51.87462506413786)</t>
  </si>
  <si>
    <t>POINT (4.6592880249538435 51.86429930481743)</t>
  </si>
  <si>
    <t>POINT (4.660025483589167 51.87077568222974)</t>
  </si>
  <si>
    <t>POINT (4.655235346625827 51.862349893329124)</t>
  </si>
  <si>
    <t>POINT (4.638565200568304 51.87331947496012)</t>
  </si>
  <si>
    <t>POINT (4.668474826347574 51.87178946935552)</t>
  </si>
  <si>
    <t>POINT (4.664063601851267 51.86300747830442)</t>
  </si>
  <si>
    <t>POINT (4.669015926870832 51.867909698072566)</t>
  </si>
  <si>
    <t>POINT (4.665919904382751 51.86902329188841)</t>
  </si>
  <si>
    <t>POINT (4.641191102019088 51.872952744595025)</t>
  </si>
  <si>
    <t>POINT (4.668643015318191 51.86671193123942)</t>
  </si>
  <si>
    <t>POINT (4.657496543031116 51.865546595802186)</t>
  </si>
  <si>
    <t>POINT (4.664136289106298 51.862549505938325)</t>
  </si>
  <si>
    <t>POINT (4.664482272555531 51.871293069061934)</t>
  </si>
  <si>
    <t>POINT (4.652239747382346 51.87182832953023)</t>
  </si>
  <si>
    <t>POINT (4.659756625735718 51.86584825200438)</t>
  </si>
  <si>
    <t>POINT (4.656133546325867 51.86990659221154)</t>
  </si>
  <si>
    <t>POINT (4.667977414353745 51.8711122787445)</t>
  </si>
  <si>
    <t>POINT (4.666679346305279 51.86784145567747)</t>
  </si>
  <si>
    <t>POINT (4.638728528428951 51.87397668619023)</t>
  </si>
  <si>
    <t>POINT (4.659636553670576 51.86698906365997)</t>
  </si>
  <si>
    <t>POINT (4.6660295847824065 51.861271279546564)</t>
  </si>
  <si>
    <t>POINT (4.645289724990131 51.87237339168789)</t>
  </si>
  <si>
    <t>POINT (4.669883897604464 51.863555522826154)</t>
  </si>
  <si>
    <t>POINT (4.663142111096999 51.87200839906193)</t>
  </si>
  <si>
    <t>POINT (4.660548972407631 51.86353409129147)</t>
  </si>
  <si>
    <t>POINT (4.666452839981601 51.8697456526923)</t>
  </si>
  <si>
    <t>POINT (4.65595224758381 51.86944704376867)</t>
  </si>
  <si>
    <t>POINT (4.664512840950713 51.86472099442947)</t>
  </si>
  <si>
    <t>POINT (4.666665691267806 51.86778744020248)</t>
  </si>
  <si>
    <t>POINT (4.66301614513975 51.86940904013957)</t>
  </si>
  <si>
    <t>POINT (4.655006992691445 51.861210958175604)</t>
  </si>
  <si>
    <t>POINT (4.63366813645869 51.876119582646254)</t>
  </si>
  <si>
    <t>POINT (4.648319555878988 51.87179924045201)</t>
  </si>
  <si>
    <t>POINT (4.6671578169250285 51.86243773480877)</t>
  </si>
  <si>
    <t>2951HL</t>
  </si>
  <si>
    <t>Sportlaan</t>
  </si>
  <si>
    <t>POINT (4.6650929765188005 51.867802050797465)</t>
  </si>
  <si>
    <t>POINT (4.664491279113568 51.86168878289219)</t>
  </si>
  <si>
    <t>POINT (4.663865889501504 51.87260161270756)</t>
  </si>
  <si>
    <t>POINT (4.675976951114348 51.8643154705749)</t>
  </si>
  <si>
    <t>POINT (4.662982079622053 51.86480752771603)</t>
  </si>
  <si>
    <t>POINT (4.668699795789482 51.86679317616139)</t>
  </si>
  <si>
    <t>POINT (4.6586310024721325 51.86363007229489)</t>
  </si>
  <si>
    <t>POINT (4.667888000188968 51.871255549013405)</t>
  </si>
  <si>
    <t>POINT (4.655040535890976 51.8612060258012)</t>
  </si>
  <si>
    <t>POINT (4.6661589167730675 51.86497988083359)</t>
  </si>
  <si>
    <t>POINT (4.653588143549439 51.86282020179534)</t>
  </si>
  <si>
    <t>POINT (4.657700443433315 51.865507413635214)</t>
  </si>
  <si>
    <t>POINT (4.658943124873277 51.868362776126794)</t>
  </si>
  <si>
    <t>POINT (4.654039727935668 51.8718665443971)</t>
  </si>
  <si>
    <t>POINT (4.671560144035185 51.86861735078)</t>
  </si>
  <si>
    <t>POINT (4.641820866042801 51.872270532357724)</t>
  </si>
  <si>
    <t>POINT (4.659823056405635 51.861061301938456)</t>
  </si>
  <si>
    <t>POINT (4.657028630076649 51.86575042617351)</t>
  </si>
  <si>
    <t>POINT (4.660940091897246 51.86538816761216)</t>
  </si>
  <si>
    <t>POINT (4.660612355125498 51.87130065398192)</t>
  </si>
  <si>
    <t>POINT (4.6691829588901514 51.86790622499313)</t>
  </si>
  <si>
    <t>POINT (4.639963249914512 51.87220479767701)</t>
  </si>
  <si>
    <t>POINT (4.628781967241335 51.88010503362728)</t>
  </si>
  <si>
    <t>POINT (4.667961315151538 51.87121105490527)</t>
  </si>
  <si>
    <t>POINT (4.663038031963817 51.862863633075186)</t>
  </si>
  <si>
    <t>POINT (4.662407633599859 51.87135938538245)</t>
  </si>
  <si>
    <t>POINT (4.656671045853545 51.87168069519281)</t>
  </si>
  <si>
    <t>POINT (4.660668611994832 51.86511682977636)</t>
  </si>
  <si>
    <t>POINT (4.681111263661044 51.85862589048469)</t>
  </si>
  <si>
    <t>POINT (4.634544107558367 51.874974653135624)</t>
  </si>
  <si>
    <t>POINT (4.639244174683634 51.8748428796302)</t>
  </si>
  <si>
    <t>POINT (4.6666659790086396 51.86776946473221)</t>
  </si>
  <si>
    <t>POINT (4.657869798987923 51.87118478187715)</t>
  </si>
  <si>
    <t>POINT (4.661191368365497 51.87051323582541)</t>
  </si>
  <si>
    <t>POINT (4.652618868291374 51.87173182626584)</t>
  </si>
  <si>
    <t>POINT (4.64479397103063 51.87337698596066)</t>
  </si>
  <si>
    <t>POINT (4.675302450717388 51.86319620253643)</t>
  </si>
  <si>
    <t>POINT (4.66043968556196 51.86670640006095)</t>
  </si>
  <si>
    <t>POINT (4.65849859148455 51.86822243910972)</t>
  </si>
  <si>
    <t>POINT (4.653134449302272 51.87083618701644)</t>
  </si>
  <si>
    <t>POINT (4.655141714880945 51.86437690254763)</t>
  </si>
  <si>
    <t>POINT (4.657720473740745 51.866959201331284)</t>
  </si>
  <si>
    <t>POINT (4.661471171684874 51.861715102027496)</t>
  </si>
  <si>
    <t>POINT (4.666114092527417 51.86415265242655)</t>
  </si>
  <si>
    <t>POINT (4.670782937528061 51.86909799783592)</t>
  </si>
  <si>
    <t>POINT (4.6658589781271 51.868294839716356)</t>
  </si>
  <si>
    <t>POINT (4.6522979358343886 51.868264702802925)</t>
  </si>
  <si>
    <t>POINT (4.656334129569282 51.869066091766015)</t>
  </si>
  <si>
    <t>POINT (4.645933680377902 51.865896652165645)</t>
  </si>
  <si>
    <t>POINT (4.6493000212107605 51.86469539600356)</t>
  </si>
  <si>
    <t>POINT (4.660606656503644 51.86805572663569)</t>
  </si>
  <si>
    <t>POINT (4.667459311841431 51.86900576935833)</t>
  </si>
  <si>
    <t>POINT (4.659295583166029 51.871912715908316)</t>
  </si>
  <si>
    <t>POINT (4.656475578789284 51.86851548374093)</t>
  </si>
  <si>
    <t>POINT (4.65377086061113 51.86697954711867)</t>
  </si>
  <si>
    <t>POINT (4.641662639000311 51.872179641821184)</t>
  </si>
  <si>
    <t>POINT (4.664744087929253 51.86176674167978)</t>
  </si>
  <si>
    <t>POINT (4.654757429302728 51.86881039515335)</t>
  </si>
  <si>
    <t>POINT (4.649521580276068 51.87199555689248)</t>
  </si>
  <si>
    <t>POINT (4.643850849789878 51.8706924087171)</t>
  </si>
  <si>
    <t>POINT (4.6524659239435655 51.86820283338266)</t>
  </si>
  <si>
    <t>POINT (4.666677488424645 51.8670504458867)</t>
  </si>
  <si>
    <t>POINT (4.661907222342576 51.86483684933494)</t>
  </si>
  <si>
    <t>POINT (4.669950700148254 51.87029739275282)</t>
  </si>
  <si>
    <t>POINT (4.676452260779186 51.86428776869814)</t>
  </si>
  <si>
    <t>POINT (4.66529867840334 51.86208189552507)</t>
  </si>
  <si>
    <t>POINT (4.642436150037856 51.87208487395533)</t>
  </si>
  <si>
    <t>POINT (4.650875448913989 51.86885803188812)</t>
  </si>
  <si>
    <t>POINT (4.637950580249955 51.874475090086094)</t>
  </si>
  <si>
    <t>POINT (4.637216043262636 51.87323895928359)</t>
  </si>
  <si>
    <t>POINT (4.6713510645144405 51.86624308254522)</t>
  </si>
  <si>
    <t>POINT (4.662089906569704 51.866114362005526)</t>
  </si>
  <si>
    <t>POINT (4.639757911570436 51.86970464998716)</t>
  </si>
  <si>
    <t>POINT (4.657728418390318 51.8718445675734)</t>
  </si>
  <si>
    <t>POINT (4.672257475631092 51.85940625137659)</t>
  </si>
  <si>
    <t>POINT (4.664395938978927 51.86807910706255)</t>
  </si>
  <si>
    <t>POINT (4.667684589145009 51.87171721670717)</t>
  </si>
  <si>
    <t>POINT (4.670467213232411 51.86430513945942)</t>
  </si>
  <si>
    <t>POINT (4.660739680288794 51.870609317858325)</t>
  </si>
  <si>
    <t>POINT (4.6578115268949025 51.86290619198002)</t>
  </si>
  <si>
    <t>POINT (4.639416582464286 51.871895705036415)</t>
  </si>
  <si>
    <t>POINT (4.664553587108263 51.87227776117768)</t>
  </si>
  <si>
    <t>POINT (4.641578385711479 51.869101424946095)</t>
  </si>
  <si>
    <t>POINT (4.648101025554475 51.871842808715854)</t>
  </si>
  <si>
    <t>POINT (4.663403681582423 51.86116074458097)</t>
  </si>
  <si>
    <t>POINT (4.641577606023638 51.87205326118429)</t>
  </si>
  <si>
    <t>POINT (4.65182082039029 51.87125043540491)</t>
  </si>
  <si>
    <t>POINT (4.66918508543381 51.86549728868553)</t>
  </si>
  <si>
    <t>POINT (4.642023630470522 51.87317967087491)</t>
  </si>
  <si>
    <t>POINT (4.656358330916791 51.871265273231806)</t>
  </si>
  <si>
    <t>POINT (4.66208741284983 51.85905827401667)</t>
  </si>
  <si>
    <t>POINT (4.6401345496457855 51.87325755761386)</t>
  </si>
  <si>
    <t>POINT (4.657313608355712 51.87279927878464)</t>
  </si>
  <si>
    <t>POINT (4.654787317062437 51.862036156269234)</t>
  </si>
  <si>
    <t>POINT (4.657642664818056 51.86548907748572)</t>
  </si>
  <si>
    <t>POINT (4.672337944672056 51.86078401379042)</t>
  </si>
  <si>
    <t>POINT (4.658606475737851 51.867836597550856)</t>
  </si>
  <si>
    <t>POINT (4.656179214133553 51.87067090947787)</t>
  </si>
  <si>
    <t>POINT (4.652700634297589 51.87028067448768)</t>
  </si>
  <si>
    <t>POINT (4.642521157179947 51.87218488114436)</t>
  </si>
  <si>
    <t>POINT (4.650962469814239 51.870018110584766)</t>
  </si>
  <si>
    <t>POINT (4.661682961197016 51.86163551293612)</t>
  </si>
  <si>
    <t>POINT (4.654856134145448 51.87187953843683)</t>
  </si>
  <si>
    <t>POINT (4.638248453826984 51.87315566030199)</t>
  </si>
  <si>
    <t>POINT (4.66748777427438 51.86904189823034)</t>
  </si>
  <si>
    <t>POINT (4.664783980072335 51.87194659965659)</t>
  </si>
  <si>
    <t>POINT (4.656662468194233 51.8632627929847)</t>
  </si>
  <si>
    <t>POINT (4.658512768016756 51.86555290522358)</t>
  </si>
  <si>
    <t>POINT (4.652524943863518 51.8694795878458)</t>
  </si>
  <si>
    <t>POINT (4.6549773943369095 51.86117774939118)</t>
  </si>
  <si>
    <t>POINT (4.648253303702289 51.87141231261176)</t>
  </si>
  <si>
    <t>POINT (4.66749827682375 51.871109343903285)</t>
  </si>
  <si>
    <t>POINT (4.6317099310275305 51.877711476463816)</t>
  </si>
  <si>
    <t>POINT (4.661352402824083 51.86593003397563)</t>
  </si>
  <si>
    <t>POINT (4.664299523006967 51.87182227278045)</t>
  </si>
  <si>
    <t>POINT (4.650993530715497 51.87078233867815)</t>
  </si>
  <si>
    <t>POINT (4.6615107076027416 51.86106367070634)</t>
  </si>
  <si>
    <t>POINT (4.654474126396448 51.87149622715356)</t>
  </si>
  <si>
    <t>POINT (4.65721190813766 51.86698300742445)</t>
  </si>
  <si>
    <t>POINT (4.6564812329698935 51.861906179745176)</t>
  </si>
  <si>
    <t>POINT (4.648230164443483 51.8646849660005)</t>
  </si>
  <si>
    <t>POINT (4.640892661749927 51.87439045031721)</t>
  </si>
  <si>
    <t>POINT (4.660371304728562 51.86644530680178)</t>
  </si>
  <si>
    <t>POINT (4.665957140696089 51.863980904848184)</t>
  </si>
  <si>
    <t>POINT (4.678743384361452 51.84396915782942)</t>
  </si>
  <si>
    <t>POINT (4.666411342322908 51.85947108902509)</t>
  </si>
  <si>
    <t>POINT (4.6733513022705875 51.85684417264999)</t>
  </si>
  <si>
    <t>POINT (4.678812561161211 51.85987045334654)</t>
  </si>
  <si>
    <t>POINT (4.648561316960405 51.8646772695147)</t>
  </si>
  <si>
    <t>POINT (4.658391243996099 51.86588473038675)</t>
  </si>
  <si>
    <t>POINT (4.675039605572389 51.84194359648092)</t>
  </si>
  <si>
    <t>POINT (4.647062385451522 51.870541905732146)</t>
  </si>
  <si>
    <t>POINT (4.653757607682882 51.86255320118187)</t>
  </si>
  <si>
    <t>POINT (4.642796036310868 51.87389017610967)</t>
  </si>
  <si>
    <t>POINT (4.667471056696368 51.85919026696662)</t>
  </si>
  <si>
    <t>POINT (4.648640599418114 51.87091175379994)</t>
  </si>
  <si>
    <t>POINT (4.658831185059922 51.86382007517357)</t>
  </si>
  <si>
    <t>POINT (4.671239496868898 51.86595476678866)</t>
  </si>
  <si>
    <t>POINT (4.6686491293761465 51.86450975711049)</t>
  </si>
  <si>
    <t>POINT (4.677553381543846 51.85946306447497)</t>
  </si>
  <si>
    <t>POINT (4.643139137858978 51.87193511126116)</t>
  </si>
  <si>
    <t>POINT (4.65369658743767 51.8706464433896)</t>
  </si>
  <si>
    <t>POINT (4.635117615954482 51.87454687193768)</t>
  </si>
  <si>
    <t>POINT (4.652132887691601 51.86236712672177)</t>
  </si>
  <si>
    <t>POINT (4.650974910086537 51.86881371222611)</t>
  </si>
  <si>
    <t>POINT (4.651769508537225 51.87039170025336)</t>
  </si>
  <si>
    <t>POINT (4.659392073332566 51.86684373093681)</t>
  </si>
  <si>
    <t>POINT (4.661473267062713 51.86266313663337)</t>
  </si>
  <si>
    <t>POINT (4.672206954131188 51.86811792768261)</t>
  </si>
  <si>
    <t>POINT (4.664662986717694 51.86862905591946)</t>
  </si>
  <si>
    <t>POINT (4.659899329295069 51.866900804923766)</t>
  </si>
  <si>
    <t>POINT (4.655526683428441 51.87106234593169)</t>
  </si>
  <si>
    <t>POINT (4.671661663831951 51.870451646039214)</t>
  </si>
  <si>
    <t>POINT (4.64847814543572 51.86434866114882)</t>
  </si>
  <si>
    <t>POINT (4.660876495628807 51.86483047954108)</t>
  </si>
  <si>
    <t>POINT (4.6350176259860945 51.87444735667368)</t>
  </si>
  <si>
    <t>POINT (4.661535363290453 51.87169287058055)</t>
  </si>
  <si>
    <t>POINT (4.6656445371335735 51.86355651941328)</t>
  </si>
  <si>
    <t>POINT (4.639139529167679 51.874586037187235)</t>
  </si>
  <si>
    <t>POINT (4.653202178033486 51.86801867557851)</t>
  </si>
  <si>
    <t>POINT (4.669823753092715 51.87006291356248)</t>
  </si>
  <si>
    <t>POINT (4.638635736151605 51.87475361176842)</t>
  </si>
  <si>
    <t>POINT (4.664778478695238 51.86233773097365)</t>
  </si>
  <si>
    <t>POINT (4.669277654430171 51.86879667672548)</t>
  </si>
  <si>
    <t>POINT (4.643008146431813 51.87072302699262)</t>
  </si>
  <si>
    <t>POINT (4.659230090017851 51.86812879247337)</t>
  </si>
  <si>
    <t>POINT (4.668802712247408 51.866712908151605)</t>
  </si>
  <si>
    <t>POINT (4.661515940090039 51.8655124892462)</t>
  </si>
  <si>
    <t>POINT (4.66010257459896 51.85836286563066)</t>
  </si>
  <si>
    <t>POINT (4.655744895427094 51.869697434156784)</t>
  </si>
  <si>
    <t>POINT (4.644113900433347 51.8705907039075)</t>
  </si>
  <si>
    <t>POINT (4.660365652293984 51.861130296304076)</t>
  </si>
  <si>
    <t>POINT (4.664768739157507 51.87199144899188)</t>
  </si>
  <si>
    <t>POINT (4.659626393885511 51.86671934197911)</t>
  </si>
  <si>
    <t>POINT (4.6598713099792635 51.86683771104107)</t>
  </si>
  <si>
    <t>POINT (4.666963847673929 51.86367248105633)</t>
  </si>
  <si>
    <t>POINT (4.666515040783729 51.87220891466169)</t>
  </si>
  <si>
    <t>POINT (4.666699280416754 51.860246192432754)</t>
  </si>
  <si>
    <t>POINT (4.666110446179888 51.87163116028245)</t>
  </si>
  <si>
    <t>POINT (4.646538096284338 51.871518361634294)</t>
  </si>
  <si>
    <t>POINT (4.666375741710483 51.861412728389325)</t>
  </si>
  <si>
    <t>POINT (4.642214206185957 51.870439346274196)</t>
  </si>
  <si>
    <t>POINT (4.662132406491946 51.85896866550806)</t>
  </si>
  <si>
    <t>POINT (4.669758630413629 51.85957279806204)</t>
  </si>
  <si>
    <t>POINT (4.65143972070166 51.86986924724457)</t>
  </si>
  <si>
    <t>POINT (4.6737850858533365 51.84177781595919)</t>
  </si>
  <si>
    <t>s</t>
  </si>
  <si>
    <t>POINT (4.672919242872879 51.8602473616143)</t>
  </si>
  <si>
    <t>POINT (4.666720345989493 51.865279950750846)</t>
  </si>
  <si>
    <t>POINT (4.65479790098637 51.87033871392878)</t>
  </si>
  <si>
    <t>POINT (4.661717175810634 51.86573751325875)</t>
  </si>
  <si>
    <t>POINT (4.6516275720343785 51.86930318743111)</t>
  </si>
  <si>
    <t>POINT (4.670606214168451 51.86834187625602)</t>
  </si>
  <si>
    <t>POINT (4.6589927531197475 51.86998727402586)</t>
  </si>
  <si>
    <t>POINT (4.661380431989908 51.87139528891568)</t>
  </si>
  <si>
    <t>POINT (4.656672847446242 51.86709650791641)</t>
  </si>
  <si>
    <t>POINT (4.67139810775348 51.865110803632604)</t>
  </si>
  <si>
    <t>POINT (4.644377390407895 51.86694298441666)</t>
  </si>
  <si>
    <t>POINT (4.651438362037769 51.87021884244123)</t>
  </si>
  <si>
    <t>POINT (4.642751113227473 51.87046072775264)</t>
  </si>
  <si>
    <t>POINT (4.670334535351569 51.8662548596839)</t>
  </si>
  <si>
    <t>POINT (4.664875980282885 51.86938091558742)</t>
  </si>
  <si>
    <t>POINT (4.658702423337959 51.86370242436866)</t>
  </si>
  <si>
    <t>POINT (4.644893550976135 51.871741684444395)</t>
  </si>
  <si>
    <t>POINT (4.653950256314802 51.871564866985196)</t>
  </si>
  <si>
    <t>POINT (4.649117966752868 51.86473020657655)</t>
  </si>
  <si>
    <t>POINT (4.65831334208272 51.86441910061079)</t>
  </si>
  <si>
    <t>POINT (4.66281300641258 51.87170525124786)</t>
  </si>
  <si>
    <t>POINT (4.640419309756665 51.869223470569764)</t>
  </si>
  <si>
    <t>POINT (4.6706875335642675 51.86779406691107)</t>
  </si>
  <si>
    <t>POINT (4.6700120274499834 51.864625951003994)</t>
  </si>
  <si>
    <t>POINT (4.651240416916113 51.869004137410464)</t>
  </si>
  <si>
    <t>POINT (4.665997557236972 51.87052037329622)</t>
  </si>
  <si>
    <t>POINT (4.654672735877424 51.872230038753116)</t>
  </si>
  <si>
    <t>POINT (4.655845722768096 51.86930076479107)</t>
  </si>
  <si>
    <t>POINT (4.667559466567234 51.86274131551082)</t>
  </si>
  <si>
    <t>POINT (4.67045217155853 51.86328021925383)</t>
  </si>
  <si>
    <t>POINT (4.655397204941439 51.865182977241545)</t>
  </si>
  <si>
    <t>POINT (4.658506709055732 51.87265387997163)</t>
  </si>
  <si>
    <t>POINT (4.653100256888729 51.86803601585176)</t>
  </si>
  <si>
    <t>POINT (4.67054456297996 51.86856621544224)</t>
  </si>
  <si>
    <t>2952BC</t>
  </si>
  <si>
    <t>De Helling</t>
  </si>
  <si>
    <t>POINT (4.667330502575074 51.85699038255493)</t>
  </si>
  <si>
    <t>POINT (4.659791638351258 51.861884483894634)</t>
  </si>
  <si>
    <t>POINT (4.655033174916799 51.86117749492529)</t>
  </si>
  <si>
    <t>POINT (4.6490929131198415 51.870757179172024)</t>
  </si>
  <si>
    <t>POINT (4.6550058075865905 51.86119813299315)</t>
  </si>
  <si>
    <t>POINT (4.637157364413183 51.87327453915426)</t>
  </si>
  <si>
    <t>POINT (4.6535088348443905 51.86880260224683)</t>
  </si>
  <si>
    <t>POINT (4.659249238220748 51.86175977659758)</t>
  </si>
  <si>
    <t>POINT (4.662729919867402 51.862432975326186)</t>
  </si>
  <si>
    <t>POINT (4.653168467400042 51.87008584931784)</t>
  </si>
  <si>
    <t>POINT (4.655014934898914 51.861222495167816)</t>
  </si>
  <si>
    <t>POINT (4.675312988986904 51.86266106624618)</t>
  </si>
  <si>
    <t>POINT (4.644111406218174 51.87250077262993)</t>
  </si>
  <si>
    <t>POINT (4.658323169491498 51.86739889144883)</t>
  </si>
  <si>
    <t>POINT (4.658452886559536 51.86745812243817)</t>
  </si>
  <si>
    <t>POINT (4.644830287405273 51.871716772617994)</t>
  </si>
  <si>
    <t>POINT (4.654762156288159 51.86628911441845)</t>
  </si>
  <si>
    <t>POINT (4.666087574566615 51.87215235945641)</t>
  </si>
  <si>
    <t>POINT (4.6405582487663795 51.873139021918476)</t>
  </si>
  <si>
    <t>POINT (4.669078230148196 51.869465109356916)</t>
  </si>
  <si>
    <t>POINT (4.665616223691957 51.86351140234038)</t>
  </si>
  <si>
    <t>POINT (4.65502500896786 51.87199853095329)</t>
  </si>
  <si>
    <t>POINT (4.663137866441935 51.86505118109813)</t>
  </si>
  <si>
    <t>POINT (4.670551883657493 51.86445846265457)</t>
  </si>
  <si>
    <t>POINT (4.6628664863216 51.86657757366684)</t>
  </si>
  <si>
    <t>POINT (4.661451724620129 51.87147662700013)</t>
  </si>
  <si>
    <t>POINT (4.667529021587526 51.867370268296526)</t>
  </si>
  <si>
    <t>POINT (4.665664239905288 51.863233050014024)</t>
  </si>
  <si>
    <t>POINT (4.66754311363798 51.868305170803644)</t>
  </si>
  <si>
    <t>POINT (4.650212636718989 51.869698806031565)</t>
  </si>
  <si>
    <t>POINT (4.667488205408698 51.86901493502532)</t>
  </si>
  <si>
    <t>POINT (4.653758305846315 51.8695322391491)</t>
  </si>
  <si>
    <t>POINT (4.662574628229555 51.863061221153664)</t>
  </si>
  <si>
    <t>POINT (4.636561703670136 51.87198535877868)</t>
  </si>
  <si>
    <t>POINT (4.661391621985901 51.86169663316262)</t>
  </si>
  <si>
    <t>POINT (4.650948264212451 51.86256970771273)</t>
  </si>
  <si>
    <t>POINT (4.665096761917576 51.868290156069776)</t>
  </si>
  <si>
    <t>POINT (4.671981345781609 51.87089403496358)</t>
  </si>
  <si>
    <t>POINT (4.663961337443054 51.86982471805669)</t>
  </si>
  <si>
    <t>POINT (4.652817225301891 51.86936456353378)</t>
  </si>
  <si>
    <t>POINT (4.666509938378729 51.86391238935737)</t>
  </si>
  <si>
    <t>POINT (4.639738881328052 51.87085058025878)</t>
  </si>
  <si>
    <t>POINT (4.645430326759781 51.871772041397755)</t>
  </si>
  <si>
    <t>POINT (4.667246870619339 51.86034514473212)</t>
  </si>
  <si>
    <t>POINT (4.657086957503696 51.86842041091717)</t>
  </si>
  <si>
    <t>POINT (4.662074984393342 51.860280651064585)</t>
  </si>
  <si>
    <t>POINT (4.659835187318519 51.86188475362091)</t>
  </si>
  <si>
    <t>POINT (4.639588427709576 51.872040617124675)</t>
  </si>
  <si>
    <t>POINT (4.6745883466231835 51.859853885512315)</t>
  </si>
  <si>
    <t>POINT (4.656344484113907 51.864069791396226)</t>
  </si>
  <si>
    <t>POINT (4.667570282468343 51.86842218928096)</t>
  </si>
  <si>
    <t>POINT (4.662814290486407 51.865309855896925)</t>
  </si>
  <si>
    <t>POINT (4.660167773906157 51.87275405918734)</t>
  </si>
  <si>
    <t>POINT (4.660619589303857 51.86905354368575)</t>
  </si>
  <si>
    <t>POINT (4.657208256120341 51.862104855500306)</t>
  </si>
  <si>
    <t>POINT (4.638614441292779 51.87297822061784)</t>
  </si>
  <si>
    <t>POINT (4.642017465600452 51.868289813937515)</t>
  </si>
  <si>
    <t>POINT (4.671073501357024 51.864524564691784)</t>
  </si>
  <si>
    <t>POINT (4.646595434391854 51.87156366633461)</t>
  </si>
  <si>
    <t>POINT (4.661791578651339 51.85337514435902)</t>
  </si>
  <si>
    <t>POINT (4.657951226548278 51.86257418354597)</t>
  </si>
  <si>
    <t>POINT (4.632916500872527 51.87677542340809)</t>
  </si>
  <si>
    <t>POINT (4.652096987785101 51.87078924983959)</t>
  </si>
  <si>
    <t>POINT (4.641751553327532 51.87382512605204)</t>
  </si>
  <si>
    <t>POINT (4.665345538970756 51.872696107026)</t>
  </si>
  <si>
    <t>POINT (4.645034748840202 51.871104383801985)</t>
  </si>
  <si>
    <t>POINT (4.673066603439749 51.86289627807948)</t>
  </si>
  <si>
    <t>POINT (4.680187216370905 51.84818281445358)</t>
  </si>
  <si>
    <t>POINT (4.661726641823305 51.865231233520824)</t>
  </si>
  <si>
    <t>POINT (4.667531042821712 51.86906014058523)</t>
  </si>
  <si>
    <t>POINT (4.662481063826689 51.86706957029632)</t>
  </si>
  <si>
    <t>POINT (4.649083118600068 51.871282700748786)</t>
  </si>
  <si>
    <t>POINT (4.661563647958628 51.862679865641695)</t>
  </si>
  <si>
    <t>POINT (4.663655473206531 51.863108333809144)</t>
  </si>
  <si>
    <t>POINT (4.638613935965598 51.870389489758495)</t>
  </si>
  <si>
    <t>POINT (4.650819927389486 51.86985542168925)</t>
  </si>
  <si>
    <t>POINT (4.666147460274982 51.86614833118748)</t>
  </si>
  <si>
    <t>POINT (4.668672051122908 51.86671210887596)</t>
  </si>
  <si>
    <t>POINT (4.655577793077066 51.87104468704863)</t>
  </si>
  <si>
    <t>POINT (4.64314681791916 51.867604848653436)</t>
  </si>
  <si>
    <t>POINT (4.660126536414934 51.869014538099655)</t>
  </si>
  <si>
    <t>POINT (4.6552181988056205 51.867786811363565)</t>
  </si>
  <si>
    <t>POINT (4.655026145140606 51.86124554000963)</t>
  </si>
  <si>
    <t>POINT (4.663953067018187 51.866107603168984)</t>
  </si>
  <si>
    <t>POINT (4.6501504838467955 51.87021346449716)</t>
  </si>
  <si>
    <t>POINT (4.640727650483499 51.873032531617625)</t>
  </si>
  <si>
    <t>POINT (4.668100651241429 51.865216501136835)</t>
  </si>
  <si>
    <t>POINT (4.662930924909963 51.86167018177379)</t>
  </si>
  <si>
    <t>POINT (4.660804220825217 51.86166154122737)</t>
  </si>
  <si>
    <t>POINT (4.654878633098341 51.87028528555894)</t>
  </si>
  <si>
    <t>POINT (4.664790731732632 51.86428833783597)</t>
  </si>
  <si>
    <t>POINT (4.645132231507521 51.87223756733698)</t>
  </si>
  <si>
    <t>POINT (4.668015556993308 51.86509013942302)</t>
  </si>
  <si>
    <t>POINT (4.670459470920911 51.86661516681653)</t>
  </si>
  <si>
    <t>POINT (4.671153768353499 51.86860588543976)</t>
  </si>
  <si>
    <t>POINT (4.65401508047519 51.868922615655705)</t>
  </si>
  <si>
    <t>POINT (4.634035670307718 51.87585228066228)</t>
  </si>
  <si>
    <t>POINT (4.6623596870667345 51.858376818864684)</t>
  </si>
  <si>
    <t>POINT (4.652528468229431 51.862568448598765)</t>
  </si>
  <si>
    <t>POINT (4.660381004392671 51.86869778999641)</t>
  </si>
  <si>
    <t>POINT (4.666780850826667 51.86603536598447)</t>
  </si>
  <si>
    <t>POINT (4.659202085126207 51.86422686311685)</t>
  </si>
  <si>
    <t>POINT (4.669471078217498 51.85958002963642)</t>
  </si>
  <si>
    <t>POINT (4.664488060809851 51.861437081542206)</t>
  </si>
  <si>
    <t>POINT (4.67632552387533 51.86428714547549)</t>
  </si>
  <si>
    <t>POINT (4.643376713278857 51.86994784469232)</t>
  </si>
  <si>
    <t>POINT (4.659836890164735 51.86896780163998)</t>
  </si>
  <si>
    <t>POINT (4.663886855122856 51.86723104274865)</t>
  </si>
  <si>
    <t>POINT (4.664957468285263 51.86973197276371)</t>
  </si>
  <si>
    <t>POINT (4.664943592389194 51.86290502989835)</t>
  </si>
  <si>
    <t>POINT (4.658697596043959 51.864897882014006)</t>
  </si>
  <si>
    <t>POINT (4.671469122817138 51.86521011120638)</t>
  </si>
  <si>
    <t>POINT (4.643363092939962 51.87130971635835)</t>
  </si>
  <si>
    <t>POINT (4.640729985577022 51.87062767295683)</t>
  </si>
  <si>
    <t>POINT (4.6704869325446365 51.86671420917143)</t>
  </si>
  <si>
    <t>POINT (4.666327950521023 51.87165047258222)</t>
  </si>
  <si>
    <t>POINT (4.653385463995179 51.87147145358673)</t>
  </si>
  <si>
    <t>POINT (4.6663034147635845 51.86955597473998)</t>
  </si>
  <si>
    <t>POINT (4.666695015485441 51.867769642858846)</t>
  </si>
  <si>
    <t>POINT (4.668721127861662 51.86636634733374)</t>
  </si>
  <si>
    <t>POINT (4.673589049430748 51.848162601991454)</t>
  </si>
  <si>
    <t>POINT (4.6660086522091015 51.86710926122169)</t>
  </si>
  <si>
    <t>POINT (4.655639951945576 51.86722041399248)</t>
  </si>
  <si>
    <t>POINT (4.643313012297276 51.86984856627624)</t>
  </si>
  <si>
    <t>POINT (4.675761112281328 51.861727922929155)</t>
  </si>
  <si>
    <t>POINT (4.6643941165283005 51.871809371992875)</t>
  </si>
  <si>
    <t>POINT (4.671081022944235 51.866789741886045)</t>
  </si>
  <si>
    <t>POINT (4.6474493569306015 51.87040951408462)</t>
  </si>
  <si>
    <t>POINT (4.663528911679024 51.870078230191666)</t>
  </si>
  <si>
    <t>POINT (4.645605010999292 51.87262706436375)</t>
  </si>
  <si>
    <t>POINT (4.664457246159608 51.87149515892183)</t>
  </si>
  <si>
    <t>POINT (4.671012090200621 51.86929714480667)</t>
  </si>
  <si>
    <t>POINT (4.660471079811055 51.87105708726108)</t>
  </si>
  <si>
    <t>POINT (4.664367623967462 51.868033989711364)</t>
  </si>
  <si>
    <t>POINT (4.645332394140539 51.87154670710198)</t>
  </si>
  <si>
    <t>POINT (4.6392247535771025 51.87382704031323)</t>
  </si>
  <si>
    <t>POINT (4.651132433019133 51.862254893563204)</t>
  </si>
  <si>
    <t>POINT (4.6689192857215085 51.86668665527682)</t>
  </si>
  <si>
    <t>POINT (4.66102570903795 51.86368085802925)</t>
  </si>
  <si>
    <t>POINT (4.655033112870436 51.86124558344952)</t>
  </si>
  <si>
    <t>POINT (4.657054761416802 51.86208053086315)</t>
  </si>
  <si>
    <t>POINT (4.645447219422527 51.872509215827044)</t>
  </si>
  <si>
    <t>POINT (4.652040970815251 51.86577324385178)</t>
  </si>
  <si>
    <t>POINT (4.661248147202866 51.86519232237568)</t>
  </si>
  <si>
    <t>POINT (4.639826795109943 51.873426383912744)</t>
  </si>
  <si>
    <t>POINT (4.661030751195344 51.86876845056445)</t>
  </si>
  <si>
    <t>POINT (4.67139663733452 51.859268191646215)</t>
  </si>
  <si>
    <t>POINT (4.667516505994795 51.86542864999509)</t>
  </si>
  <si>
    <t>POINT (4.6548791072807525 51.861765208994704)</t>
  </si>
  <si>
    <t>POINT (4.638032600271143 51.87303743150415)</t>
  </si>
  <si>
    <t>POINT (4.6726441180094085 51.861616299743226)</t>
  </si>
  <si>
    <t>POINT (4.669471857767622 51.87027649050487)</t>
  </si>
  <si>
    <t>POINT (4.656740852033505 51.863353166845435)</t>
  </si>
  <si>
    <t>POINT (4.658846773310305 51.87227846714171)</t>
  </si>
  <si>
    <t>POINT (4.656771871604589 51.86966350222306)</t>
  </si>
  <si>
    <t>POINT (4.649031010860818 51.864720671437695)</t>
  </si>
  <si>
    <t>POINT (4.670529042759157 51.86862904103785)</t>
  </si>
  <si>
    <t>POINT (4.660446848926308 51.855470656145414)</t>
  </si>
  <si>
    <t>POINT (4.653287727188091 51.87256745511824)</t>
  </si>
  <si>
    <t>POINT (4.674374616791527 51.861341697017515)</t>
  </si>
  <si>
    <t>POINT (4.659054090343927 51.86709331756087)</t>
  </si>
  <si>
    <t>POINT (4.667486337155688 51.86913177557987)</t>
  </si>
  <si>
    <t>POINT (4.67864664004269 51.84476856243392)</t>
  </si>
  <si>
    <t>POINT (4.659791347914324 51.8619024593562)</t>
  </si>
  <si>
    <t>POINT (4.666161474113849 51.86617987739149)</t>
  </si>
  <si>
    <t>POINT (4.664611892408337 51.867289437318846)</t>
  </si>
  <si>
    <t>POINT (4.641850500675576 51.872234765874666)</t>
  </si>
  <si>
    <t>POINT (4.654975923837678 51.861227995682064)</t>
  </si>
  <si>
    <t>POINT (4.637937769409087 51.872627843650214)</t>
  </si>
  <si>
    <t>POINT (4.659203904007121 51.86770547271921)</t>
  </si>
  <si>
    <t>POINT (4.6525139385382355 51.87059860311021)</t>
  </si>
  <si>
    <t>POINT (4.648781033024075 51.870807964158324)</t>
  </si>
  <si>
    <t>POINT (4.640058619051675 51.87099189348199)</t>
  </si>
  <si>
    <t>POINT (4.670565542370676 51.86451247770716)</t>
  </si>
  <si>
    <t>POINT (4.654334222911583 51.86760327913456)</t>
  </si>
  <si>
    <t>POINT (4.6595649595617665 51.868723424516226)</t>
  </si>
  <si>
    <t>POINT (4.656862577971222 51.87240547027527)</t>
  </si>
  <si>
    <t>POINT (4.66221283920169 51.86960226558673)</t>
  </si>
  <si>
    <t>POINT (4.654195358165193 51.872564134026796)</t>
  </si>
  <si>
    <t>POINT (4.658855758126638 51.86768533705404)</t>
  </si>
  <si>
    <t>POINT (4.6537856096559365 51.864292038485715)</t>
  </si>
  <si>
    <t>POINT (4.63899183396479 51.87386151143274)</t>
  </si>
  <si>
    <t>POINT (4.6596151001369135 51.86382493425096)</t>
  </si>
  <si>
    <t>POINT (4.648811883817853 51.87088265586727)</t>
  </si>
  <si>
    <t>POINT (4.638925708534134 51.87521837395872)</t>
  </si>
  <si>
    <t>POINT (4.6511828048900385 51.87252731844555)</t>
  </si>
  <si>
    <t>POINT (4.655055926239566 51.87143693471861)</t>
  </si>
  <si>
    <t>POINT (4.653857555949042 51.86803831976138)</t>
  </si>
  <si>
    <t>POINT (4.678105594287228 51.84438327912349)</t>
  </si>
  <si>
    <t>POINT (4.65527907512766 51.86220162869031)</t>
  </si>
  <si>
    <t>POINT (4.6475694818889135 51.872279006792034)</t>
  </si>
  <si>
    <t>POINT (4.664107400369695 51.86254033944822)</t>
  </si>
  <si>
    <t>POINT (4.66294737523557 51.86696458324361)</t>
  </si>
  <si>
    <t>POINT (4.656254022040916 51.86517033562206)</t>
  </si>
  <si>
    <t>POINT (4.657763008087588 51.8670223858869)</t>
  </si>
  <si>
    <t>POINT (4.647828993880323 51.87160739229663)</t>
  </si>
  <si>
    <t>POINT (4.671257281583896 51.85999811721166)</t>
  </si>
  <si>
    <t>POINT (4.66623283619522 51.86942970090781)</t>
  </si>
  <si>
    <t>POINT (4.659263430284595 51.867615955421684)</t>
  </si>
  <si>
    <t>POINT (4.667133024649338 51.86217241841015)</t>
  </si>
  <si>
    <t>POINT (4.643467262324883 51.87185208498322)</t>
  </si>
  <si>
    <t>POINT (4.66165838590347 51.870817240291146)</t>
  </si>
  <si>
    <t>POINT (4.66871560483048 51.866712375317306)</t>
  </si>
  <si>
    <t>POINT (4.6419516914977015 51.87226237385076)</t>
  </si>
  <si>
    <t>POINT (4.651016118016669 51.870733042797674)</t>
  </si>
  <si>
    <t>POINT (4.676796388339563 51.863074581169855)</t>
  </si>
  <si>
    <t>POINT (4.669306077661202 51.86792495481585)</t>
  </si>
  <si>
    <t>POINT (4.659785370464435 51.865866407289694)</t>
  </si>
  <si>
    <t>POINT (4.654791007100092 51.870316199378955)</t>
  </si>
  <si>
    <t>POINT (4.655085958663876 51.86759277658801)</t>
  </si>
  <si>
    <t>POINT (4.654973876274096 51.871571252606806)</t>
  </si>
  <si>
    <t>POINT (4.655378620173912 51.86943938125984)</t>
  </si>
  <si>
    <t>POINT (4.661597868497899 51.86511358589012)</t>
  </si>
  <si>
    <t>POINT (4.657435545401334 51.868413588675274)</t>
  </si>
  <si>
    <t>POINT (4.667981504318869 51.852414924453356)</t>
  </si>
  <si>
    <t>POINT (4.655722664175504 51.868384956358376)</t>
  </si>
  <si>
    <t>POINT (4.670068465115233 51.86381731992886)</t>
  </si>
  <si>
    <t>POINT (4.671429310456121 51.86680085356183)</t>
  </si>
  <si>
    <t>POINT (4.667529308980054 51.86735229282251)</t>
  </si>
  <si>
    <t>POINT (4.667731565698413 51.86832430256536)</t>
  </si>
  <si>
    <t>POINT (4.659430580541802 51.86446198357248)</t>
  </si>
  <si>
    <t>POINT (4.672934251588118 51.859906172932206)</t>
  </si>
  <si>
    <t>POINT (4.653266074672882 51.870778583487514)</t>
  </si>
  <si>
    <t>POINT (4.6572300618154125 51.86291606224833)</t>
  </si>
  <si>
    <t>POINT (4.642121884547806 51.870753362922585)</t>
  </si>
  <si>
    <t>POINT (4.661389051428651 51.86815943898604)</t>
  </si>
  <si>
    <t>POINT (4.672199419547469 51.86493591229417)</t>
  </si>
  <si>
    <t>POINT (4.652447489211705 51.87244535003613)</t>
  </si>
  <si>
    <t>POINT (4.670703567578361 51.86386775725725)</t>
  </si>
  <si>
    <t>POINT (4.660638416757067 51.86518855199047)</t>
  </si>
  <si>
    <t>POINT (4.658609702283512 51.87122532830289)</t>
  </si>
  <si>
    <t>POINT (4.644146677915547 51.87212347321902)</t>
  </si>
  <si>
    <t>POINT (4.669930542198748 51.8697399756862)</t>
  </si>
  <si>
    <t>POINT (4.667416043375475 51.86898752697704)</t>
  </si>
  <si>
    <t>POINT (4.65743869796271 51.86911472097566)</t>
  </si>
  <si>
    <t>POINT (4.663524339967076 51.869581383125144)</t>
  </si>
  <si>
    <t>POINT (4.663638790653579 51.86233970350478)</t>
  </si>
  <si>
    <t>POINT (4.6404278230316685 51.87133585454059)</t>
  </si>
  <si>
    <t>POINT (4.668614342806551 51.864415163768456)</t>
  </si>
  <si>
    <t>POINT (4.660905223688946 51.86394977180438)</t>
  </si>
  <si>
    <t>POINT (4.674062565146743 51.86234503568106)</t>
  </si>
  <si>
    <t>POINT (4.6679625359701955 51.87113465917209)</t>
  </si>
  <si>
    <t>POINT (4.648463554603019 51.8643530636911)</t>
  </si>
  <si>
    <t>POINT (4.654963216577089 51.86119345402557)</t>
  </si>
  <si>
    <t>POINT (4.667499985364083 51.86737009037659)</t>
  </si>
  <si>
    <t>POINT (4.650010635333103 51.87183683199683)</t>
  </si>
  <si>
    <t>POINT (4.662162147990582 51.86919398620207)</t>
  </si>
  <si>
    <t>POINT (4.666007068217588 51.867208126304405)</t>
  </si>
  <si>
    <t>POINT (4.654819972034798 51.870320874301456)</t>
  </si>
  <si>
    <t>POINT (4.660940499313729 51.87166222813492)</t>
  </si>
  <si>
    <t>POINT (4.63984530217446 51.872311910902056)</t>
  </si>
  <si>
    <t>POINT (4.642491649135942 51.87122311694233)</t>
  </si>
  <si>
    <t>POINT (4.659429027263101 51.86141482858332)</t>
  </si>
  <si>
    <t>POINT (4.671160396387715 51.868101610710205)</t>
  </si>
  <si>
    <t>POINT (4.656626322154058 51.863253579507095)</t>
  </si>
  <si>
    <t>POINT (4.656080580487322 51.86959166066945)</t>
  </si>
  <si>
    <t>POINT (4.644595572065214 51.866657060294806)</t>
  </si>
  <si>
    <t>POINT (4.637451656098884 51.87304271341607)</t>
  </si>
  <si>
    <t>POINT (4.651345831603176 51.86522058395712)</t>
  </si>
  <si>
    <t>POINT (4.6563899273321265 51.86842506457823)</t>
  </si>
  <si>
    <t>POINT (4.6605282137284165 51.87111586676825)</t>
  </si>
  <si>
    <t>POINT (4.671455235666995 51.86425723316169)</t>
  </si>
  <si>
    <t>POINT (4.654541400666465 51.87226966842249)</t>
  </si>
  <si>
    <t>POINT (4.654950431122638 51.861202102272216)</t>
  </si>
  <si>
    <t>POINT (4.66116015542444 51.87064787218091)</t>
  </si>
  <si>
    <t>POINT (4.662051683370641 51.858572667282374)</t>
  </si>
  <si>
    <t>POINT (4.660282322206778 51.869258195138634)</t>
  </si>
  <si>
    <t>POINT (4.662640172201881 51.87206822419611)</t>
  </si>
  <si>
    <t>POINT (4.67415393593391 51.85767600229507)</t>
  </si>
  <si>
    <t>POINT (4.66272066315441 51.86300819033987)</t>
  </si>
  <si>
    <t>POINT (4.6628880991221315 51.86162497451561)</t>
  </si>
  <si>
    <t>POINT (4.665949860061857 51.86715384329703)</t>
  </si>
  <si>
    <t>POINT (4.656529855872282 51.866960789029996)</t>
  </si>
  <si>
    <t>POINT (4.657464328058663 51.8638500975166)</t>
  </si>
  <si>
    <t>POINT (4.6599463621406585 51.86848309391157)</t>
  </si>
  <si>
    <t>POINT (4.6606488497525795 51.8636425727424)</t>
  </si>
  <si>
    <t>POINT (4.664986900022742 51.86201542233306)</t>
  </si>
  <si>
    <t>POINT (4.6713989507292935 51.86962309309482)</t>
  </si>
  <si>
    <t>POINT (4.65452502118059 51.86970780826797)</t>
  </si>
  <si>
    <t>POINT (4.643252490432291 51.868239217010206)</t>
  </si>
  <si>
    <t>POINT (4.654984345418456 51.868250020807295)</t>
  </si>
  <si>
    <t>POINT (4.666709246000503 51.86778770738989)</t>
  </si>
  <si>
    <t>POINT (4.662594892954412 51.86721409056495)</t>
  </si>
  <si>
    <t>POINT (4.652678776796083 51.87295465385717)</t>
  </si>
  <si>
    <t>POINT (4.660056560284062 51.86435799735206)</t>
  </si>
  <si>
    <t>POINT (4.6399908424698815 51.8731667571838)</t>
  </si>
  <si>
    <t>POINT (4.673066017806104 51.85835702122298)</t>
  </si>
  <si>
    <t>POINT (4.66104731024941 51.86234168603005)</t>
  </si>
  <si>
    <t>POINT (4.663222840006688 51.86157310677678)</t>
  </si>
  <si>
    <t>POINT (4.667438621057704 51.87211570298524)</t>
  </si>
  <si>
    <t>POINT (4.658338523049888 51.86645068670372)</t>
  </si>
  <si>
    <t>POINT (4.686908740352067 51.86691723308465)</t>
  </si>
  <si>
    <t>POINT (4.668627493096172 51.86677475659463)</t>
  </si>
  <si>
    <t>POINT (4.669357178362255 51.86790728991216)</t>
  </si>
  <si>
    <t>POINT (4.672455717785676 51.85885217693425)</t>
  </si>
  <si>
    <t>POINT (4.65641823458001 51.86847018383586)</t>
  </si>
  <si>
    <t>POINT (4.671344026884546 51.85207696905289)</t>
  </si>
  <si>
    <t>POINT (4.651713085108967 51.86229258933072)</t>
  </si>
  <si>
    <t>POINT (4.635130183356633 51.8744031342019)</t>
  </si>
  <si>
    <t>POINT (4.65937381974554 51.86438073418229)</t>
  </si>
  <si>
    <t>POINT (4.654150550472882 51.86773696235033)</t>
  </si>
  <si>
    <t>POINT (4.670465329216919 51.85302440386544)</t>
  </si>
  <si>
    <t>POINT (4.658024886742349 51.864201286332715)</t>
  </si>
  <si>
    <t>POINT (4.676807911247762 51.861873286498614)</t>
  </si>
  <si>
    <t>POINT (4.6667223485546065 51.86606197298218)</t>
  </si>
  <si>
    <t>POINT (4.640025896992062 51.87367933233411)</t>
  </si>
  <si>
    <t>POINT (4.6732381012264534 51.859863661727026)</t>
  </si>
  <si>
    <t>POINT (4.669234346333802 51.86787058466476)</t>
  </si>
  <si>
    <t>POINT (4.66654825027111 51.8678676172378)</t>
  </si>
  <si>
    <t>POINT (4.638456359894531 51.87244238916545)</t>
  </si>
  <si>
    <t>POINT (4.660322449566616 51.86138917113209)</t>
  </si>
  <si>
    <t>POINT (4.6429136642305755 51.87239204012241)</t>
  </si>
  <si>
    <t>POINT (4.651667542294928 51.86596865571967)</t>
  </si>
  <si>
    <t>POINT (4.636934471083899 51.87357872932563)</t>
  </si>
  <si>
    <t>POINT (4.674732490772614 51.858084001781286)</t>
  </si>
  <si>
    <t>POINT (4.654816062249697 51.86342207722117)</t>
  </si>
  <si>
    <t>POINT (4.663084752616797 51.869384699482815)</t>
  </si>
  <si>
    <t>POINT (4.637477099205051 51.87413050082985)</t>
  </si>
  <si>
    <t>POINT (4.665964666115434 51.867135956979936)</t>
  </si>
  <si>
    <t>POINT (4.660702929391448 51.86928776335699)</t>
  </si>
  <si>
    <t>POINT (4.664115552318528 51.86418224287567)</t>
  </si>
  <si>
    <t>POINT (4.665889135951429 51.86460070214599)</t>
  </si>
  <si>
    <t>POINT (4.66331978361328 51.87134433655976)</t>
  </si>
  <si>
    <t>POINT (4.664114331279356 51.866176280440556)</t>
  </si>
  <si>
    <t>POINT (4.676754545578785 51.841952404475904)</t>
  </si>
  <si>
    <t>POINT (4.664744830326902 51.86262515999907)</t>
  </si>
  <si>
    <t>POINT (4.662268699388784 51.870789548485234)</t>
  </si>
  <si>
    <t>POINT (4.657540459732173 51.8655243970788)</t>
  </si>
  <si>
    <t>POINT (4.655912132853299 51.86208510667716)</t>
  </si>
  <si>
    <t>POINT (4.664462610031168 51.86392677414706)</t>
  </si>
  <si>
    <t>POINT (4.659991943511448 51.871054121795716)</t>
  </si>
  <si>
    <t>POINT (4.669629087894406 51.86405732895242)</t>
  </si>
  <si>
    <t>POINT (4.6759634702031105 51.86269585629315)</t>
  </si>
  <si>
    <t>POINT (4.657886413736746 51.87284777982352)</t>
  </si>
  <si>
    <t>POINT (4.643190695960296 51.87022081990762)</t>
  </si>
  <si>
    <t>POINT (4.6390421321803315 51.87127265513909)</t>
  </si>
  <si>
    <t>POINT (4.674218675641755 51.84111813986555)</t>
  </si>
  <si>
    <t>POINT (4.642565626133069 51.872895471824364)</t>
  </si>
  <si>
    <t>POINT (4.664442871054941 51.871486081853234)</t>
  </si>
  <si>
    <t>POINT (4.65687258233633 51.86552474021059)</t>
  </si>
  <si>
    <t>POINT (4.632917329444651 51.87672599122555)</t>
  </si>
  <si>
    <t>POINT (4.665486472449989 51.86254882229065)</t>
  </si>
  <si>
    <t>POINT (4.635813162881156 51.87289741391527)</t>
  </si>
  <si>
    <t>POINT (4.665274165284901 51.87261926516498)</t>
  </si>
  <si>
    <t>POINT (4.637724092526153 51.87412308841056)</t>
  </si>
  <si>
    <t>POINT (4.665922240953663 51.87250190023679)</t>
  </si>
  <si>
    <t>POINT (4.672265215468307 51.849484677902566)</t>
  </si>
  <si>
    <t>POINT (4.658966136518291 51.864751486747394)</t>
  </si>
  <si>
    <t>POINT (4.662074216159509 51.86255649523293)</t>
  </si>
  <si>
    <t>POINT (4.668903620474627 51.86675846840938)</t>
  </si>
  <si>
    <t>POINT (4.6392128918767455 51.87279327172524)</t>
  </si>
  <si>
    <t>POINT (4.655921547579425 51.86749362416752)</t>
  </si>
  <si>
    <t>POINT (4.653608740191798 51.87069083788938)</t>
  </si>
  <si>
    <t>POINT (4.674773148991041 51.841580223098134)</t>
  </si>
  <si>
    <t>POINT (4.650974462588375 51.86529016565558)</t>
  </si>
  <si>
    <t>POINT (4.67567928646933 51.861725422753494)</t>
  </si>
  <si>
    <t>POINT (4.6579036435620615 51.87088836751218)</t>
  </si>
  <si>
    <t>POINT (4.672318484714458 51.861552422379916)</t>
  </si>
  <si>
    <t>POINT (4.674423735954874 51.86078011658539)</t>
  </si>
  <si>
    <t>POINT (4.641577754922749 51.8720442734949)</t>
  </si>
  <si>
    <t>POINT (4.648961656833054 51.871605528044604)</t>
  </si>
  <si>
    <t>POINT (4.659667742726811 51.86955101446296)</t>
  </si>
  <si>
    <t>POINT (4.653684722316072 51.86424646526278)</t>
  </si>
  <si>
    <t>POINT (4.651511544611261 51.870183346333405)</t>
  </si>
  <si>
    <t>POINT (4.6596349648035815 51.86618906618392)</t>
  </si>
  <si>
    <t>POINT (4.656730475628876 51.869609735503474)</t>
  </si>
  <si>
    <t>POINT (4.641522281773588 51.8710102282874)</t>
  </si>
  <si>
    <t>POINT (4.65826651626308 51.86641428531934)</t>
  </si>
  <si>
    <t>POINT (4.664388172089615 51.87037115686508)</t>
  </si>
  <si>
    <t>POINT (4.669136161930968 51.86947445215128)</t>
  </si>
  <si>
    <t>POINT (4.661543087704686 51.86559462425027)</t>
  </si>
  <si>
    <t>POINT (4.665331230969225 51.869514049350016)</t>
  </si>
  <si>
    <t>POINT (4.655041235308711 51.86118622819843)</t>
  </si>
  <si>
    <t>POINT (4.678179421202758 51.84430282726806)</t>
  </si>
  <si>
    <t>POINT (4.675300683212502 51.86355126909732)</t>
  </si>
  <si>
    <t>POINT (4.642337176405111 51.87266031889444)</t>
  </si>
  <si>
    <t>POINT (4.659139730652304 51.871224120554416)</t>
  </si>
  <si>
    <t>POINT (4.668081305840619 51.86051982765054)</t>
  </si>
  <si>
    <t>POINT (4.67131949493984 51.870054062196814)</t>
  </si>
  <si>
    <t>POINT (4.652684941071683 51.870797422381074)</t>
  </si>
  <si>
    <t>POINT (4.666037256277061 51.867136402714735)</t>
  </si>
  <si>
    <t>POINT (4.644168350224111 51.87344943346212)</t>
  </si>
  <si>
    <t>POINT (4.662526593103817 51.86333957218675)</t>
  </si>
  <si>
    <t>POINT (4.663127145252234 51.86752298617375)</t>
  </si>
  <si>
    <t>POINT (4.670547585007171 51.85287209917642)</t>
  </si>
  <si>
    <t>POINT (4.6646189528976105 51.87182423826824)</t>
  </si>
  <si>
    <t>POINT (4.656663649017022 51.86587399732612)</t>
  </si>
  <si>
    <t>POINT (4.658524368538694 51.864756431978414)</t>
  </si>
  <si>
    <t>POINT (4.656576304518045 51.87170257747035)</t>
  </si>
  <si>
    <t>POINT (4.656867478712374 51.86583931047209)</t>
  </si>
  <si>
    <t>POINT (4.659269534843078 51.86723847102875)</t>
  </si>
  <si>
    <t>POINT (4.676804458230057 51.862829070020204)</t>
  </si>
  <si>
    <t>POINT (4.664453908828674 51.866736716767186)</t>
  </si>
  <si>
    <t>POINT (4.638869351264572 51.874240950427605)</t>
  </si>
  <si>
    <t>POINT (4.667470661724921 51.86738788792318)</t>
  </si>
  <si>
    <t>POINT (4.659201060631578 51.8684836721635)</t>
  </si>
  <si>
    <t>POINT (4.643943229016725 51.873012060573075)</t>
  </si>
  <si>
    <t>POINT (4.658387382857605 51.864329673810055)</t>
  </si>
  <si>
    <t>POINT (4.660533131439145 51.861817165189485)</t>
  </si>
  <si>
    <t>POINT (4.665081671729626 51.869683299040595)</t>
  </si>
  <si>
    <t>POINT (4.671367551466505 51.859454078858924)</t>
  </si>
  <si>
    <t>POINT (4.667224861343744 51.86641561065659)</t>
  </si>
  <si>
    <t>POINT (4.668890249931937 51.866686477701435)</t>
  </si>
  <si>
    <t>POINT (4.660744731996613 51.868497023218026)</t>
  </si>
  <si>
    <t>POINT (4.6661543592176065 51.86617084509181)</t>
  </si>
  <si>
    <t>POINT (4.63266700570515 51.87693112222235)</t>
  </si>
  <si>
    <t>POINT (4.666707963026826 51.866960746648765)</t>
  </si>
  <si>
    <t>POINT (4.658128777562337 51.872229069652384)</t>
  </si>
  <si>
    <t>POINT (4.655395133174964 51.871115458139656)</t>
  </si>
  <si>
    <t>POINT (4.671267606015941 51.8598966087163)</t>
  </si>
  <si>
    <t>POINT (4.652561444126451 51.873025829070606)</t>
  </si>
  <si>
    <t>POINT (4.655832446545656 51.86967101347679)</t>
  </si>
  <si>
    <t>POINT (4.6669853546532885 51.871402824201745)</t>
  </si>
  <si>
    <t>POINT (4.641649608257551 51.87208967276708)</t>
  </si>
  <si>
    <t>POINT (4.665114533678214 51.8649195326837)</t>
  </si>
  <si>
    <t>POINT (4.670945277570245 51.864370976276426)</t>
  </si>
  <si>
    <t>POINT (4.657673909778894 51.86893640966858)</t>
  </si>
  <si>
    <t>POINT (4.66047180541698 51.8710121486538)</t>
  </si>
  <si>
    <t>POINT (4.651926722013833 51.87054549117681)</t>
  </si>
  <si>
    <t>POINT (4.658526443709166 51.86470805906815)</t>
  </si>
  <si>
    <t>POINT (4.643717329908611 51.86734779097691)</t>
  </si>
  <si>
    <t>POINT (4.657892752140964 51.867975985913596)</t>
  </si>
  <si>
    <t>POINT (4.643651887983204 51.87043047897373)</t>
  </si>
  <si>
    <t>POINT (4.654564645477491 51.8703956852884)</t>
  </si>
  <si>
    <t>POINT (4.654880824270799 51.86390337290099)</t>
  </si>
  <si>
    <t>POINT (4.643030943350372 51.87110069408351)</t>
  </si>
  <si>
    <t>POINT (4.671447333421691 51.851969735223946)</t>
  </si>
  <si>
    <t>POINT (4.674757935552931 51.863016166478644)</t>
  </si>
  <si>
    <t>POINT (4.671303117552894 51.87017081432291)</t>
  </si>
  <si>
    <t>POINT (4.642829416373651 51.87248661497859)</t>
  </si>
  <si>
    <t>POINT (4.663130177422878 51.86191859767147)</t>
  </si>
  <si>
    <t>POINT (4.654738708370199 51.86996082255457)</t>
  </si>
  <si>
    <t>POINT (4.6661184248470144 51.86614815292737)</t>
  </si>
  <si>
    <t>POINT (4.660023741074399 51.87088353488134)</t>
  </si>
  <si>
    <t>POINT (4.6555422763365755 51.868052224372924)</t>
  </si>
  <si>
    <t>POINT (4.666993893619581 51.862701894065076)</t>
  </si>
  <si>
    <t>POINT (4.659098758349176 51.86470700632054)</t>
  </si>
  <si>
    <t>POINT (4.671497443193091 51.865255226871156)</t>
  </si>
  <si>
    <t>POINT (4.660533484544626 51.86809122844098)</t>
  </si>
  <si>
    <t>POINT (4.63688403294009 51.87311998664829)</t>
  </si>
  <si>
    <t>POINT (4.658918280899873 51.87234632517292)</t>
  </si>
  <si>
    <t>POINT (4.644283567296608 51.87188777628639)</t>
  </si>
  <si>
    <t>POINT (4.663397844149115 51.86963527245725)</t>
  </si>
  <si>
    <t>POINT (4.656394520469679 51.87082505588438)</t>
  </si>
  <si>
    <t>POINT (4.657118591504934 51.86647007565154)</t>
  </si>
  <si>
    <t>POINT (4.663516908740116 51.87263092328621)</t>
  </si>
  <si>
    <t>POINT (4.658154963594422 51.86433721992107)</t>
  </si>
  <si>
    <t>POINT (4.663953792902948 51.866107607638945)</t>
  </si>
  <si>
    <t>POINT (4.664188442301082 51.87014970646949)</t>
  </si>
  <si>
    <t>POINT (4.655779718528941 51.870681905378305)</t>
  </si>
  <si>
    <t>POINT (4.655839612475398 51.86297452974325)</t>
  </si>
  <si>
    <t>POINT (4.6655628849750395 51.87136712767088)</t>
  </si>
  <si>
    <t>POINT (4.6524878481589065 51.868193981900326)</t>
  </si>
  <si>
    <t>POINT (4.665505690803498 51.865425299754605)</t>
  </si>
  <si>
    <t>POINT (4.664452311859733 51.86673670693999)</t>
  </si>
  <si>
    <t>POINT (4.657800214920509 51.871894450852544)</t>
  </si>
  <si>
    <t>POINT (4.6552605501057345 51.86221146365439)</t>
  </si>
  <si>
    <t>POINT (4.662530238781964 51.869950313089944)</t>
  </si>
  <si>
    <t>POINT (4.662401828200727 51.862071405850955)</t>
  </si>
  <si>
    <t>POINT (4.639933031002432 51.8740248039853)</t>
  </si>
  <si>
    <t>POINT (4.653059513395283 51.87186941058646)</t>
  </si>
  <si>
    <t>POINT (4.668568391156327 51.86592946492107)</t>
  </si>
  <si>
    <t>POINT (4.65789388839013 51.86252888433907)</t>
  </si>
  <si>
    <t>POINT (4.647290740826385 51.87166692330031)</t>
  </si>
  <si>
    <t>POINT (4.652359368186402 51.86983809717347)</t>
  </si>
  <si>
    <t>POINT (4.64170783539691 51.87208105370542)</t>
  </si>
  <si>
    <t>POINT (4.674994118319302 51.862321340750256)</t>
  </si>
  <si>
    <t>POINT (4.651383545895626 51.869130874975504)</t>
  </si>
  <si>
    <t>POINT (4.664636225455767 51.861703157714246)</t>
  </si>
  <si>
    <t>POINT (4.6366334768913235 51.87203525495069)</t>
  </si>
  <si>
    <t>POINT (4.65625606924521 51.86899815536019)</t>
  </si>
  <si>
    <t>POINT (4.666664265227119 51.86696946719843)</t>
  </si>
  <si>
    <t>POINT (4.655761626127764 51.86330662346315)</t>
  </si>
  <si>
    <t>POINT (4.66070281977456 51.87199333717438)</t>
  </si>
  <si>
    <t>POINT (4.659881022434966 51.86983098261514)</t>
  </si>
  <si>
    <t>POINT (4.651087486574595 51.86218468924069)</t>
  </si>
  <si>
    <t>POINT (4.668050414609859 51.865180239062816)</t>
  </si>
  <si>
    <t>POINT (4.662666325863894 51.86728644021761)</t>
  </si>
  <si>
    <t>POINT (4.669472876605998 51.872033770283544)</t>
  </si>
  <si>
    <t>POINT (4.668816799841158 51.86673996017033)</t>
  </si>
  <si>
    <t>POINT (4.665012381418511 51.86404700816884)</t>
  </si>
  <si>
    <t>POINT (4.670533139538192 51.865635857176734)</t>
  </si>
  <si>
    <t>POINT (4.66521438966288 51.87046163023382)</t>
  </si>
  <si>
    <t>POINT (4.6666649719145665 51.867832378878)</t>
  </si>
  <si>
    <t>POINT (4.66713543768498 51.87109813150526)</t>
  </si>
  <si>
    <t>POINT (4.640496437983151 51.87463961393627)</t>
  </si>
  <si>
    <t>POINT (4.653140030437465 51.871829464994306)</t>
  </si>
  <si>
    <t>POINT (4.640755478513899 51.87346824373408)</t>
  </si>
  <si>
    <t>POINT (4.666753663851133 51.86773404814935)</t>
  </si>
  <si>
    <t>POINT (4.640404218071977 51.87450869249184)</t>
  </si>
  <si>
    <t>POINT (4.665636181731747 51.86407780821838)</t>
  </si>
  <si>
    <t>POINT (4.6405722707496375 51.87138171600505)</t>
  </si>
  <si>
    <t>POINT (4.661685866159932 51.86370740958027)</t>
  </si>
  <si>
    <t>POINT (4.655072012987409 51.869108981153175)</t>
  </si>
  <si>
    <t>POINT (4.663277532478921 51.86313746497735)</t>
  </si>
  <si>
    <t>POINT (4.66869349845055 51.86536844169406)</t>
  </si>
  <si>
    <t>POINT (4.674429820911385 51.86068644716227)</t>
  </si>
  <si>
    <t>POINT (4.6668088696790635 51.867006308702294)</t>
  </si>
  <si>
    <t>POINT (4.653836730872897 51.86204519922438)</t>
  </si>
  <si>
    <t>POINT (4.6623443037048276 51.85843065570514)</t>
  </si>
  <si>
    <t>POINT (4.662382286497985 51.865990326020736)</t>
  </si>
  <si>
    <t>POINT (4.667558057811231 51.867370446209286)</t>
  </si>
  <si>
    <t>POINT (4.64185184028162 51.87215387666748)</t>
  </si>
  <si>
    <t>POINT (4.66770786902681 51.87071512896523)</t>
  </si>
  <si>
    <t>POINT (4.6553986192684755 51.87179412091289)</t>
  </si>
  <si>
    <t>POINT (4.663989320211175 51.872075657887635)</t>
  </si>
  <si>
    <t>POINT (4.658745246880461 51.863747633137386)</t>
  </si>
  <si>
    <t>POINT (4.666921159735074 51.86361828752908)</t>
  </si>
  <si>
    <t>POINT (4.667512783479683 51.86838588250866)</t>
  </si>
  <si>
    <t>POINT (4.670287173923355 51.870596071128766)</t>
  </si>
  <si>
    <t>POINT (4.635207567417639 51.8733873652215)</t>
  </si>
  <si>
    <t>POINT (4.655026834025989 51.86120318086718)</t>
  </si>
  <si>
    <t>POINT (4.661309284571926 51.87130496306515)</t>
  </si>
  <si>
    <t>POINT (4.660135749469638 51.86305064224848)</t>
  </si>
  <si>
    <t>POINT (4.64152660000973 51.870749585258295)</t>
  </si>
  <si>
    <t>POINT (4.656040792465411 51.867571668747395)</t>
  </si>
  <si>
    <t>POINT (4.644819480192509 51.870950216647536)</t>
  </si>
  <si>
    <t>POINT (4.66749941055504 51.86740604132423)</t>
  </si>
  <si>
    <t>POINT (4.667341726113076 51.870002785042146)</t>
  </si>
  <si>
    <t>POINT (4.656947752537594 51.861785937240306)</t>
  </si>
  <si>
    <t>POINT (4.660453318192428 51.8649626911188)</t>
  </si>
  <si>
    <t>POINT (4.6623995595097165 51.86311407260889)</t>
  </si>
  <si>
    <t>POINT (4.661568408615121 51.862765511735816)</t>
  </si>
  <si>
    <t>POINT (4.640734773777552 51.87104726598369)</t>
  </si>
  <si>
    <t>POINT (4.66489066908156 51.86348896500437)</t>
  </si>
  <si>
    <t>POINT (4.65522004940939 51.866256014535416)</t>
  </si>
  <si>
    <t>POINT (4.657285315104826 51.86200825723028)</t>
  </si>
  <si>
    <t>POINT (4.643551203076445 51.87081185851603)</t>
  </si>
  <si>
    <t>POINT (4.657700617593556 51.87176799163804)</t>
  </si>
  <si>
    <t>POINT (4.664023392744195 51.86411421581036)</t>
  </si>
  <si>
    <t>POINT (4.661382384770127 51.86857287438141)</t>
  </si>
  <si>
    <t>POINT (4.659971199875638 51.86424960529839)</t>
  </si>
  <si>
    <t>POINT (4.667687805071891 51.86152414339481)</t>
  </si>
  <si>
    <t>POINT (4.665751231285415 51.86006958827574)</t>
  </si>
  <si>
    <t>POINT (4.658440213333125 51.864653592265725)</t>
  </si>
  <si>
    <t>POINT (4.668642728375815 51.866729906718426)</t>
  </si>
  <si>
    <t>POINT (4.666889472403454 51.87104269170164)</t>
  </si>
  <si>
    <t>POINT (4.666755860646884 51.870318288795964)</t>
  </si>
  <si>
    <t>POINT (4.658505056993049 51.866029254610744)</t>
  </si>
  <si>
    <t>POINT (4.659448995368281 51.86601713011429)</t>
  </si>
  <si>
    <t>POINT (4.657763252797248 51.86790327272694)</t>
  </si>
  <si>
    <t>POINT (4.650290675309239 51.869366716366066)</t>
  </si>
  <si>
    <t>POINT (4.654299921289205 51.87015583519291)</t>
  </si>
  <si>
    <t>POINT (4.668627434857244 51.869772585352315)</t>
  </si>
  <si>
    <t>POINT (4.667470086892156 51.8674238388706)</t>
  </si>
  <si>
    <t>POINT (4.640923141291082 51.87302880310277)</t>
  </si>
  <si>
    <t>POINT (4.65371629521907 51.86228998065809)</t>
  </si>
  <si>
    <t>POINT (4.651835780253473 51.87122356318498)</t>
  </si>
  <si>
    <t>POINT (4.668875014913718 51.86673132761053)</t>
  </si>
  <si>
    <t>POINT (4.667674066703929 51.8682879958716)</t>
  </si>
  <si>
    <t>POINT (4.640475870223154 51.873691182388235)</t>
  </si>
  <si>
    <t>POINT (4.644086169446288 51.871606288990854)</t>
  </si>
  <si>
    <t>POINT (4.641908876798574 51.872217159024075)</t>
  </si>
  <si>
    <t>POINT (4.664032613276603 51.867195985816466)</t>
  </si>
  <si>
    <t>POINT (4.638215098258102 51.87515991325853)</t>
  </si>
  <si>
    <t>POINT (4.666825928839389 51.87138386932499)</t>
  </si>
  <si>
    <t>POINT (4.66713230312336 51.86312520803879)</t>
  </si>
  <si>
    <t>POINT (4.659713363435497 51.86583000678943)</t>
  </si>
  <si>
    <t>POINT (4.6427085942704585 51.87303120756606)</t>
  </si>
  <si>
    <t>POINT (4.666360914264061 51.86959228209995)</t>
  </si>
  <si>
    <t>POINT (4.667193802496925 51.871080512062704)</t>
  </si>
  <si>
    <t>POINT (4.6782166621720735 51.84700773174292)</t>
  </si>
  <si>
    <t>POINT (4.6521192609145965 51.8720927400156)</t>
  </si>
  <si>
    <t>POINT (4.66017430498536 51.87055188798404)</t>
  </si>
  <si>
    <t>POINT (4.665178435652831 51.86003011355121)</t>
  </si>
  <si>
    <t>POINT (4.656049263648969 51.87151952550882)</t>
  </si>
  <si>
    <t>POINT (4.641109005554199 51.87097614363809)</t>
  </si>
  <si>
    <t>POINT (4.667517530104283 51.86899713747994)</t>
  </si>
  <si>
    <t>POINT (4.6563678608336305 51.86665416778876)</t>
  </si>
  <si>
    <t>POINT (4.669274090484061 51.86947529529728)</t>
  </si>
  <si>
    <t>POINT (4.671883118230363 51.86976536619293)</t>
  </si>
  <si>
    <t>POINT (4.660740447225693 51.863364491904015)</t>
  </si>
  <si>
    <t>POINT (4.654997249886001 51.86123961612161)</t>
  </si>
  <si>
    <t>POINT (4.674228307785183 51.85508773008954)</t>
  </si>
  <si>
    <t>POINT (4.669089199723228 51.86877754744119)</t>
  </si>
  <si>
    <t>POINT (4.654478029954749 51.862675673937105)</t>
  </si>
  <si>
    <t>POINT (4.667570569853165 51.868404213809235)</t>
  </si>
  <si>
    <t>POINT (4.67054527847454 51.86852127674002)</t>
  </si>
  <si>
    <t>POINT (4.645473440822513 51.87179927955692)</t>
  </si>
  <si>
    <t>POINT (4.657102767495145 51.862074537269805)</t>
  </si>
  <si>
    <t>POINT (4.656463354499499 51.862560440967165)</t>
  </si>
  <si>
    <t>POINT (4.652652911572283 51.863862493818864)</t>
  </si>
  <si>
    <t>POINT (4.655212945000893 51.862457069003895)</t>
  </si>
  <si>
    <t>POINT (4.659086179348824 51.86690475536823)</t>
  </si>
  <si>
    <t>POINT (4.663655918790882 51.86908029625276)</t>
  </si>
  <si>
    <t>POINT (4.655015536278501 51.865886205947085)</t>
  </si>
  <si>
    <t>POINT (4.654135717886962 51.862807090879485)</t>
  </si>
  <si>
    <t>POINT (4.645346914774986 51.87242768468765)</t>
  </si>
  <si>
    <t>POINT (4.644741122438498 51.86674632980967)</t>
  </si>
  <si>
    <t>POINT (4.660271145345072 51.8699502497926)</t>
  </si>
  <si>
    <t>POINT (4.656304993940784 51.871867179044074)</t>
  </si>
  <si>
    <t>POINT (4.675505399872099 51.86170389306092)</t>
  </si>
  <si>
    <t>POINT (4.651839457946605 51.863443926094945)</t>
  </si>
  <si>
    <t>POINT (4.6587256125187695 51.8649609761868)</t>
  </si>
  <si>
    <t>POINT (4.662060159084445 51.8598491052668)</t>
  </si>
  <si>
    <t>POINT (4.669652413853033 51.87170228859902)</t>
  </si>
  <si>
    <t>POINT (4.677690556600572 51.84458081384067)</t>
  </si>
  <si>
    <t>POINT (4.652675851581506 51.86912997517966)</t>
  </si>
  <si>
    <t>POINT (4.656969725870155 51.87251399989394)</t>
  </si>
  <si>
    <t>POINT (4.669277399444397 51.86790230798679)</t>
  </si>
  <si>
    <t>POINT (4.670022810982766 51.86941694904655)</t>
  </si>
  <si>
    <t>POINT (4.656492269657909 51.861852316616414)</t>
  </si>
  <si>
    <t>POINT (4.654685353875131 51.86233890472466)</t>
  </si>
  <si>
    <t>POINT (4.653683951998237 51.87168904498633)</t>
  </si>
  <si>
    <t>POINT (4.676494933518577 51.858949049467576)</t>
  </si>
  <si>
    <t>POINT (4.667500129066178 51.86736110263963)</t>
  </si>
  <si>
    <t>POINT (4.662507301020685 51.871752802913605)</t>
  </si>
  <si>
    <t>POINT (4.663790276974671 51.863302419674824)</t>
  </si>
  <si>
    <t>POINT (4.661395520972447 51.865957266316684)</t>
  </si>
  <si>
    <t>POINT (4.6656284297631965 51.86184408751138)</t>
  </si>
  <si>
    <t>POINT (4.634452624972589 51.87523473740516)</t>
  </si>
  <si>
    <t>POINT (4.661704784474652 51.87109167974908)</t>
  </si>
  <si>
    <t>POINT (4.665632014561936 51.86796086671949)</t>
  </si>
  <si>
    <t>POINT (4.650935191271883 51.864584311666746)</t>
  </si>
  <si>
    <t>POINT (4.666140129433667 51.86615278049122)</t>
  </si>
  <si>
    <t>POINT (4.655390848202097 51.868032665519834)</t>
  </si>
  <si>
    <t>POINT (4.665086828644159 51.86121604908966)</t>
  </si>
  <si>
    <t>POINT (4.657811156945864 51.86301146452593)</t>
  </si>
  <si>
    <t>POINT (4.658733684690771 51.87163957383575)</t>
  </si>
  <si>
    <t>POINT (4.658172535453628 51.87266528930444)</t>
  </si>
  <si>
    <t>POINT (4.654165910507801 51.862177913129365)</t>
  </si>
  <si>
    <t>POINT (4.657850338814881 51.86252861389157)</t>
  </si>
  <si>
    <t>POINT (4.663092247751735 51.86021501874044)</t>
  </si>
  <si>
    <t>POINT (4.662137001240396 51.87220444282602)</t>
  </si>
  <si>
    <t>POINT (4.6534856062661865 51.86978221752336)</t>
  </si>
  <si>
    <t>POINT (4.671767102208276 51.851027877606775)</t>
  </si>
  <si>
    <t>POINT (4.662265088566184 51.86515366066051)</t>
  </si>
  <si>
    <t>POINT (4.6637771304819005 51.862313589856875)</t>
  </si>
  <si>
    <t>POINT (4.660176621803744 51.86681263546431)</t>
  </si>
  <si>
    <t>POINT (4.652205281219521 51.86593606761272)</t>
  </si>
  <si>
    <t>POINT (4.6527742554813765 51.86843846613223)</t>
  </si>
  <si>
    <t>POINT (4.65055991160368 51.86977289357967)</t>
  </si>
  <si>
    <t>POINT (4.653841328825201 51.87022937609688)</t>
  </si>
  <si>
    <t>POINT (4.655552975921721 51.86256034592154)</t>
  </si>
  <si>
    <t>POINT (4.657909250715652 51.866061511000765)</t>
  </si>
  <si>
    <t>POINT (4.644644627345536 51.866700524901425)</t>
  </si>
  <si>
    <t>POINT (4.666420662928542 51.87220833556208)</t>
  </si>
  <si>
    <t>POINT (4.641745798017268 51.87219387728727)</t>
  </si>
  <si>
    <t>POINT (4.665457829951718 51.86886315260247)</t>
  </si>
  <si>
    <t>POINT (4.654941448292191 51.86820930454964)</t>
  </si>
  <si>
    <t>POINT (4.665261056550874 51.87162594274939)</t>
  </si>
  <si>
    <t>POINT (4.665681615095273 51.85939691910225)</t>
  </si>
  <si>
    <t>POINT (4.6515298585934906 51.87083963086076)</t>
  </si>
  <si>
    <t>POINT (4.658982674270718 51.872405150434254)</t>
  </si>
  <si>
    <t>POINT (4.6485824847400465 51.86506840833326)</t>
  </si>
  <si>
    <t>POINT (4.674874521408212 51.84187681612831)</t>
  </si>
  <si>
    <t>POINT (4.662975512484871 51.87108154446707)</t>
  </si>
  <si>
    <t>POINT (4.668221967840148 51.86534757884192)</t>
  </si>
  <si>
    <t>POINT (4.655023951896167 51.861231324292426)</t>
  </si>
  <si>
    <t>POINT (4.666753232292763 51.867761011355334)</t>
  </si>
  <si>
    <t>POINT (4.659764878143913 51.86893140117608)</t>
  </si>
  <si>
    <t>POINT (4.655018754465885 51.86120098221132)</t>
  </si>
  <si>
    <t>POINT (4.638475554975229 51.87434360799695)</t>
  </si>
  <si>
    <t>POINT (4.674022135282327 51.841174212764855)</t>
  </si>
  <si>
    <t>POINT (4.6556150020968445 51.868190032595884)</t>
  </si>
  <si>
    <t>POINT (4.66475372955058 51.860261205968705)</t>
  </si>
  <si>
    <t>POINT (4.667658111551545 51.8683777842908)</t>
  </si>
  <si>
    <t>POINT (4.664669554863224 51.8718380324703)</t>
  </si>
  <si>
    <t>POINT (4.666578680616366 51.861431951059075)</t>
  </si>
  <si>
    <t>POINT (4.674115027864127 51.85463311664524)</t>
  </si>
  <si>
    <t>POINT (4.657879080658952 51.86254676964567)</t>
  </si>
  <si>
    <t>POINT (4.662409776275196 51.86698823280095)</t>
  </si>
  <si>
    <t>POINT (4.671511158018201 51.86895861957533)</t>
  </si>
  <si>
    <t>POINT (4.667454709722705 51.86838552665114)</t>
  </si>
  <si>
    <t>POINT (4.629209433193655 51.87958747639572)</t>
  </si>
  <si>
    <t>POINT (4.658988254481563 51.86398284449998)</t>
  </si>
  <si>
    <t>POINT (4.6598853794258845 51.869561350954)</t>
  </si>
  <si>
    <t>POINT (4.651849311627875 51.86195187418172)</t>
  </si>
  <si>
    <t>POINT (4.637407497565845 51.87307838609276)</t>
  </si>
  <si>
    <t>POINT (4.65660987832005 51.86945626870143)</t>
  </si>
  <si>
    <t>POINT (4.66406980382388 51.850824953655554)</t>
  </si>
  <si>
    <t>POINT (4.667731278378563 51.868342278037765)</t>
  </si>
  <si>
    <t>POINT (4.638087546663187 51.874098440984575)</t>
  </si>
  <si>
    <t>POINT (4.65446257314495 51.8704220144421)</t>
  </si>
  <si>
    <t>POINT (4.645876481244796 51.867217836516936)</t>
  </si>
  <si>
    <t>POINT (4.667717478266345 51.868297250422124)</t>
  </si>
  <si>
    <t>POINT (4.656082072641391 51.862616494085735)</t>
  </si>
  <si>
    <t>POINT (4.651501701685854 51.87078552273777)</t>
  </si>
  <si>
    <t>POINT (4.664909849182699 51.86500816029004)</t>
  </si>
  <si>
    <t>POINT (4.651316038378854 51.8705955984972)</t>
  </si>
  <si>
    <t>POINT (4.662638504980734 51.87081879614659)</t>
  </si>
  <si>
    <t>POINT (4.6662505652382045 51.86107039224859)</t>
  </si>
  <si>
    <t>POINT (4.659638278589935 51.86867893559783)</t>
  </si>
  <si>
    <t>POINT (4.656648826546027 51.86320877633958)</t>
  </si>
  <si>
    <t>POINT (4.671430572324304 51.86489527468434)</t>
  </si>
  <si>
    <t>POINT (4.64160371949671 51.86896140795849)</t>
  </si>
  <si>
    <t>POINT (4.653012707361932 51.86806243450328)</t>
  </si>
  <si>
    <t>POINT (4.65712625809977 51.86689258878403)</t>
  </si>
  <si>
    <t>POINT (4.67104441673581 51.86909060382908)</t>
  </si>
  <si>
    <t>POINT (4.670217424987279 51.86904960405446)</t>
  </si>
  <si>
    <t>POINT (4.660362908398946 51.870562043855855)</t>
  </si>
  <si>
    <t>POINT (4.671408872928747 51.868086100825145)</t>
  </si>
  <si>
    <t>POINT (4.6550626385214695 51.86121274327558)</t>
  </si>
  <si>
    <t>POINT (4.666839910202168 51.867788508855206)</t>
  </si>
  <si>
    <t>POINT (4.6667523691742305 51.86781493776691)</t>
  </si>
  <si>
    <t>POINT (4.642956945696343 51.87192612789348)</t>
  </si>
  <si>
    <t>POINT (4.665962298013695 51.8645651969693)</t>
  </si>
  <si>
    <t>POINT (4.666135380297584 51.8691684327825)</t>
  </si>
  <si>
    <t>POINT (4.632019479874215 51.87743931347352)</t>
  </si>
  <si>
    <t>POINT (4.651748340176596 51.872575803914)</t>
  </si>
  <si>
    <t>POINT (4.652747564294356 51.862065358753604)</t>
  </si>
  <si>
    <t>POINT (4.659241759661692 51.8658136017392)</t>
  </si>
  <si>
    <t>POINT (4.673443885820461 51.85970311743174)</t>
  </si>
  <si>
    <t>POINT (4.660372320579936 51.866382392715714)</t>
  </si>
  <si>
    <t>POINT (4.656640387414031 51.86820190707075)</t>
  </si>
  <si>
    <t>POINT (4.638659157135563 51.87116280088235)</t>
  </si>
  <si>
    <t>POINT (4.6440041910202545 51.870639447267536)</t>
  </si>
  <si>
    <t>POINT (4.656034574716576 51.86616670750285)</t>
  </si>
  <si>
    <t>POINT (4.663952776664283 51.86610760138099)</t>
  </si>
  <si>
    <t>POINT (4.655798523130407 51.86242157181569)</t>
  </si>
  <si>
    <t>POINT (4.639893170407845 51.8746762263213)</t>
  </si>
  <si>
    <t>POINT (4.6670750987733065 51.86307092555876)</t>
  </si>
  <si>
    <t>POINT (4.635161477362982 51.874529175486884)</t>
  </si>
  <si>
    <t>POINT (4.663952921841235 51.866107602274944)</t>
  </si>
  <si>
    <t>POINT (4.672829896641751 51.861161832763244)</t>
  </si>
  <si>
    <t>POINT (4.657061292977702 51.86642207973613)</t>
  </si>
  <si>
    <t>POINT (4.656713416752884 51.86817539541669)</t>
  </si>
  <si>
    <t>POINT (4.666334851921457 51.86487309736374)</t>
  </si>
  <si>
    <t>POINT (4.662093630648838 51.864981818352575)</t>
  </si>
  <si>
    <t>POINT (4.6590975515027555 51.86460209256436)</t>
  </si>
  <si>
    <t>POINT (4.644632015937335 51.87187092378069)</t>
  </si>
  <si>
    <t>POINT (4.664700415156721 51.862678818519335)</t>
  </si>
  <si>
    <t>POINT (4.654996971808821 51.861177269214416)</t>
  </si>
  <si>
    <t>POINT (4.6746842034824265 51.84179713651188)</t>
  </si>
  <si>
    <t>POINT (4.668254635552706 51.86057482062696)</t>
  </si>
  <si>
    <t>POINT (4.630004357016533 51.878954409771715)</t>
  </si>
  <si>
    <t>POINT (4.673133229619324 51.85887877003468)</t>
  </si>
  <si>
    <t>POINT (4.660938880341292 51.86276348109021)</t>
  </si>
  <si>
    <t>POINT (4.659377642304283 51.865940284643756)</t>
  </si>
  <si>
    <t>POINT (4.661954672253002 51.87135389286749)</t>
  </si>
  <si>
    <t>POINT (4.666036968290398 51.86715437818446)</t>
  </si>
  <si>
    <t>POINT (4.637295981093125 51.87279902643094)</t>
  </si>
  <si>
    <t>POINT (4.663099639299519 51.86652507959844)</t>
  </si>
  <si>
    <t>POINT (4.662041557273506 51.86100402935688)</t>
  </si>
  <si>
    <t>POINT (4.644479079693932 51.866675766105494)</t>
  </si>
  <si>
    <t>POINT (4.6675149433962 51.86915891671007)</t>
  </si>
  <si>
    <t>POINT (4.645062599625979 51.87161691181943)</t>
  </si>
  <si>
    <t>POINT (4.640591268313431 51.87307437880722)</t>
  </si>
  <si>
    <t>POINT (4.678550548546015 51.84469607343121)</t>
  </si>
  <si>
    <t>POINT (4.653340609122475 51.86303312411718)</t>
  </si>
  <si>
    <t>POINT (4.661223125199026 51.86314276087483)</t>
  </si>
  <si>
    <t>POINT (4.674747729757707 51.84182216887766)</t>
  </si>
  <si>
    <t>POINT (4.654454036511901 51.86960849056299)</t>
  </si>
  <si>
    <t>POINT (4.6737676772517585 51.862630880452)</t>
  </si>
  <si>
    <t>POINT (4.664451761683747 51.87183669255293)</t>
  </si>
  <si>
    <t>POINT (4.6369861342958 51.8722217750136)</t>
  </si>
  <si>
    <t>POINT (4.642391352711308 51.871141583281144)</t>
  </si>
  <si>
    <t>POINT (4.651356537874871 51.869894739233985)</t>
  </si>
  <si>
    <t>POINT (4.641714053074479 51.872144013608754)</t>
  </si>
  <si>
    <t>POINT (4.6627551454223894 51.871691411471694)</t>
  </si>
  <si>
    <t>POINT (4.67448934224803 51.847766278246205)</t>
  </si>
  <si>
    <t>POINT (4.650112624024114 51.869599303516296)</t>
  </si>
  <si>
    <t>POINT (4.641691975945019 51.87216185075672)</t>
  </si>
  <si>
    <t>POINT (4.659189058644527 51.86952108258661)</t>
  </si>
  <si>
    <t>POINT (4.669149738609421 51.86407237647448)</t>
  </si>
  <si>
    <t>POINT (4.669233701222802 51.86791102949076)</t>
  </si>
  <si>
    <t>POINT (4.641720121897653 51.87221596120072)</t>
  </si>
  <si>
    <t>POINT (4.651768440826573 51.87223436200722)</t>
  </si>
  <si>
    <t>POINT (4.657964287225972 51.86266415095469)</t>
  </si>
  <si>
    <t>POINT (4.674737640801929 51.863116059697)</t>
  </si>
  <si>
    <t>POINT (4.651302547922632 51.87053259358201)</t>
  </si>
  <si>
    <t>POINT (4.669983422568467 51.86459881046912)</t>
  </si>
  <si>
    <t>POINT (4.6660378322495895 51.8671004517752)</t>
  </si>
  <si>
    <t>POINT (4.641789215763901 51.871551240739116)</t>
  </si>
  <si>
    <t>POINT (4.661083430508931 51.859922170161624)</t>
  </si>
  <si>
    <t>POINT (4.666577142922125 51.867876783128565)</t>
  </si>
  <si>
    <t>POINT (4.662875219263104 51.86693717240927)</t>
  </si>
  <si>
    <t>POINT (4.658551108696453 51.86406955206199)</t>
  </si>
  <si>
    <t>POINT (4.6641993348230315 51.864310846565054)</t>
  </si>
  <si>
    <t>POINT (4.666953919186621 51.86520048578536)</t>
  </si>
  <si>
    <t>POINT (4.665540611465937 51.86188849104029)</t>
  </si>
  <si>
    <t>POINT (4.6785006091150265 51.844641840202044)</t>
  </si>
  <si>
    <t>POINT (4.65988460944477 51.86331874609009)</t>
  </si>
  <si>
    <t>POINT (4.6482725449582025 51.87112479751206)</t>
  </si>
  <si>
    <t>POINT (4.643244166516582 51.870499806285984)</t>
  </si>
  <si>
    <t>POINT (4.660706858203163 51.86994395697253)</t>
  </si>
  <si>
    <t>POINT (4.6716210119611485 51.864788571742814)</t>
  </si>
  <si>
    <t>POINT (4.664915710498317 51.860118384272155)</t>
  </si>
  <si>
    <t>POINT (4.660817846424558 51.86486607132662)</t>
  </si>
  <si>
    <t>POINT (4.669023831315821 51.86786929763519)</t>
  </si>
  <si>
    <t>POINT (4.662002655620791 51.866122811923525)</t>
  </si>
  <si>
    <t>POINT (4.643076178733053 51.87012121946469)</t>
  </si>
  <si>
    <t>POINT (4.65397601257301 51.87221220869461)</t>
  </si>
  <si>
    <t>POINT (4.658382195765436 51.870927292367185)</t>
  </si>
  <si>
    <t>POINT (4.642757925630267 51.86785406624324)</t>
  </si>
  <si>
    <t>POINT (4.66278048363773 51.8619973388043)</t>
  </si>
  <si>
    <t>POINT (4.659296790886611 51.86840552514101)</t>
  </si>
  <si>
    <t>POINT (4.660410256796553 51.87302521831977)</t>
  </si>
  <si>
    <t>POINT (4.648249569856142 51.87208194198952)</t>
  </si>
  <si>
    <t>POINT (4.672187812416107 51.86658075823964)</t>
  </si>
  <si>
    <t>POINT (4.658555914599775 51.86468127602688)</t>
  </si>
  <si>
    <t>POINT (4.639384373520016 51.87121236355813)</t>
  </si>
  <si>
    <t>POINT (4.647505977820683 51.870940199902726)</t>
  </si>
  <si>
    <t>POINT (4.65586246826654 51.866929669357646)</t>
  </si>
  <si>
    <t>POINT (4.655281767578383 51.86224854816126)</t>
  </si>
  <si>
    <t>POINT (4.641504412597179 51.87208875107167)</t>
  </si>
  <si>
    <t>POINT (4.664044170581374 51.872351029233315)</t>
  </si>
  <si>
    <t>POINT (4.654667722832925 51.869861504980314)</t>
  </si>
  <si>
    <t>POINT (4.6451494210852635 51.87119499463942)</t>
  </si>
  <si>
    <t>POINT (4.645504557686604 51.87255452105459)</t>
  </si>
  <si>
    <t>POINT (4.6509296118098815 51.862488728997704)</t>
  </si>
  <si>
    <t>POINT (4.652036308645667 51.871837195572155)</t>
  </si>
  <si>
    <t>POINT (4.660072816351803 51.87054227113322)</t>
  </si>
  <si>
    <t>POINT (4.641629505349678 51.87242661895251)</t>
  </si>
  <si>
    <t>POINT (4.662554957608407 51.869601859985586)</t>
  </si>
  <si>
    <t>POINT (4.637672148347507 51.87288232514303)</t>
  </si>
  <si>
    <t>POINT (4.653219801180579 51.870499646929616)</t>
  </si>
  <si>
    <t>POINT (4.6798916414700535 51.85751589044954)</t>
  </si>
  <si>
    <t>POINT (4.664633495967282 51.86413456397245)</t>
  </si>
  <si>
    <t>POINT (4.655430486002214 51.86258098469885)</t>
  </si>
  <si>
    <t>POINT (4.660657911398237 51.86847850895074)</t>
  </si>
  <si>
    <t>POINT (4.66107669302911 51.86502047859073)</t>
  </si>
  <si>
    <t>POINT (4.640668809848527 51.86906326115368)</t>
  </si>
  <si>
    <t>POINT (4.6566434480501835 51.869446491144885)</t>
  </si>
  <si>
    <t>POINT (4.642442030986927 51.8733441198647)</t>
  </si>
  <si>
    <t>POINT (4.669749270744547 51.85924915039813)</t>
  </si>
  <si>
    <t>POINT (4.668891508337255 51.86569773745669)</t>
  </si>
  <si>
    <t>POINT (4.669943342392258 51.86984791720474)</t>
  </si>
  <si>
    <t>POINT (4.647039771684928 51.871917023735996)</t>
  </si>
  <si>
    <t>POINT (4.654893371465752 51.870271894512044)</t>
  </si>
  <si>
    <t>POINT (4.643650142757231 51.87361244394192)</t>
  </si>
  <si>
    <t>POINT (4.639482126294422 51.87144669045045)</t>
  </si>
  <si>
    <t>POINT (4.675924490010753 51.8532014162761)</t>
  </si>
  <si>
    <t>POINT (4.667419166213654 51.85698773507267)</t>
  </si>
  <si>
    <t>POINT (4.678177311148292 51.864915353562736)</t>
  </si>
  <si>
    <t>POINT (4.665520640550503 51.86539842575285)</t>
  </si>
  <si>
    <t>POINT (4.668803142564812 51.86668594493222)</t>
  </si>
  <si>
    <t>POINT (4.6466979656514535 51.86709696207617)</t>
  </si>
  <si>
    <t>POINT (4.659169071431903 51.867165939340246)</t>
  </si>
  <si>
    <t>POINT (4.652122516006428 51.87011526256472)</t>
  </si>
  <si>
    <t>POINT (4.660506002169753 51.86349787090644)</t>
  </si>
  <si>
    <t>POINT (4.664462477937969 51.86901265200308)</t>
  </si>
  <si>
    <t>POINT (4.6509529852725 51.868822563424146)</t>
  </si>
  <si>
    <t>POINT (4.666071261186875 51.864107446333094)</t>
  </si>
  <si>
    <t>POINT (4.651707802426739 51.86883628114237)</t>
  </si>
  <si>
    <t>POINT (4.668831174319306 51.86674903670784)</t>
  </si>
  <si>
    <t>POINT (4.670715144330586 51.866059432598966)</t>
  </si>
  <si>
    <t>POINT (4.668610581099082 51.866015114932424)</t>
  </si>
  <si>
    <t>POINT (4.662540209371631 51.86885843711857)</t>
  </si>
  <si>
    <t>POINT (4.643534464291497 51.87182667714719)</t>
  </si>
  <si>
    <t>POINT (4.651444506537304 51.870731232713844)</t>
  </si>
  <si>
    <t>POINT (4.664155193933312 51.867513715212986)</t>
  </si>
  <si>
    <t>POINT (4.65265656277877 51.870756796095804)</t>
  </si>
  <si>
    <t>POINT (4.657175830325839 51.862045328970325)</t>
  </si>
  <si>
    <t>POINT (4.643183881740875 51.87228970863053)</t>
  </si>
  <si>
    <t>POINT (4.662821431891683 51.86576831974423)</t>
  </si>
  <si>
    <t>POINT (4.659284731081597 51.86584982257856)</t>
  </si>
  <si>
    <t>POINT (4.655792009951185 51.865178874879696)</t>
  </si>
  <si>
    <t>POINT (4.657215228544861 51.86203298978111)</t>
  </si>
  <si>
    <t>POINT (4.668798582868783 51.867881403035305)</t>
  </si>
  <si>
    <t>POINT (4.670761944599677 51.85974341497502)</t>
  </si>
  <si>
    <t>POINT (4.640049565526486 51.87400307370821)</t>
  </si>
  <si>
    <t>POINT (4.643211940754056 51.87376697028801)</t>
  </si>
  <si>
    <t>POINT (4.662102472263714 51.86287713223383)</t>
  </si>
  <si>
    <t>POINT (4.671783442004418 51.86416035808255)</t>
  </si>
  <si>
    <t>POINT (4.65502918806664 51.869063771072845)</t>
  </si>
  <si>
    <t>POINT (4.660216099301755 51.86301967944868)</t>
  </si>
  <si>
    <t>POINT (4.663243923427726 51.862067611252264)</t>
  </si>
  <si>
    <t>POINT (4.665921832100706 51.867090750843985)</t>
  </si>
  <si>
    <t>POINT (4.664465577503197 51.860124603564806)</t>
  </si>
  <si>
    <t>POINT (4.640832620181682 51.87305475340768)</t>
  </si>
  <si>
    <t>POINT (4.655321841694781 51.86535329161011)</t>
  </si>
  <si>
    <t>POINT (4.663190151934068 51.87173004809293)</t>
  </si>
  <si>
    <t>POINT (4.6763788973890525 51.86343916807835)</t>
  </si>
  <si>
    <t>POINT (4.652375489478082 51.87107413424249)</t>
  </si>
  <si>
    <t>POINT (4.6615781680089885 51.87083921629948)</t>
  </si>
  <si>
    <t>POINT (4.670678063001996 51.85288188405009)</t>
  </si>
  <si>
    <t>POINT (4.665007970063535 51.86884690447401)</t>
  </si>
  <si>
    <t>POINT (4.668824509921359 51.869441086302295)</t>
  </si>
  <si>
    <t>POINT (4.664451039066852 51.867360356560575)</t>
  </si>
  <si>
    <t>POINT (4.638965380489633 51.87021195633594)</t>
  </si>
  <si>
    <t>POINT (4.671298548916973 51.86406751719301)</t>
  </si>
  <si>
    <t>POINT (4.655697804771179 51.86276690801619)</t>
  </si>
  <si>
    <t>POINT (4.647366292876798 51.8714876266025)</t>
  </si>
  <si>
    <t>POINT (4.638897190465661 51.87518673207199)</t>
  </si>
  <si>
    <t>POINT (4.659458888368621 51.86450710212077)</t>
  </si>
  <si>
    <t>POINT (4.63817547519964 51.8727417176705)</t>
  </si>
  <si>
    <t>POINT (4.671513730345568 51.868796840226416)</t>
  </si>
  <si>
    <t>POINT (4.665571811895145 51.865376268620125)</t>
  </si>
  <si>
    <t>POINT (4.667010108401722 51.867133383495364)</t>
  </si>
  <si>
    <t>POINT (4.662995643032584 51.87028168162238)</t>
  </si>
  <si>
    <t>POINT (4.6540899558363655 51.868248037095086)</t>
  </si>
  <si>
    <t>POINT (4.666621129379825 51.86785008714404)</t>
  </si>
  <si>
    <t>POINT (4.656432133987132 51.869197944478)</t>
  </si>
  <si>
    <t>POINT (4.647237501006559 51.87048907728494)</t>
  </si>
  <si>
    <t>POINT (4.646173421944732 51.8724203716954)</t>
  </si>
  <si>
    <t>POINT (4.656380812677083 51.864514954671414)</t>
  </si>
  <si>
    <t>POINT (4.66750041647017 51.86734312716569)</t>
  </si>
  <si>
    <t>POINT (4.650894690588278 51.86883568093895)</t>
  </si>
  <si>
    <t>POINT (4.665538546787242 51.86880971686584)</t>
  </si>
  <si>
    <t>POINT (4.653795983812845 51.86900214542303)</t>
  </si>
  <si>
    <t>POINT (4.644764046588822 51.87299028570938)</t>
  </si>
  <si>
    <t>POINT (4.652611720906539 51.862859886554936)</t>
  </si>
  <si>
    <t>POINT (4.668630250126631 51.86523771977124)</t>
  </si>
  <si>
    <t>POINT (4.6671887888771115 51.86322442919675)</t>
  </si>
  <si>
    <t>POINT (4.644215979157865 51.87056438376204)</t>
  </si>
  <si>
    <t>POINT (4.673194600944203 51.85738882947902)</t>
  </si>
  <si>
    <t>POINT (4.636810309590806 51.87318693047548)</t>
  </si>
  <si>
    <t>POINT (4.638904240457107 51.87301602172161)</t>
  </si>
  <si>
    <t>POINT (4.671635308523227 51.86845601370088)</t>
  </si>
  <si>
    <t>POINT (4.640950744139277 51.87121697750512)</t>
  </si>
  <si>
    <t>POINT (4.6739311306236715 51.841139745772246)</t>
  </si>
  <si>
    <t>POINT (4.648244244231052 51.87107967631877)</t>
  </si>
  <si>
    <t>POINT (4.671882853472645 51.87069568577108)</t>
  </si>
  <si>
    <t>POINT (4.672527292996702 51.86257390152455)</t>
  </si>
  <si>
    <t>POINT (4.642028285970734 51.87026738280603)</t>
  </si>
  <si>
    <t>POINT (4.67033343112987 51.869059300751)</t>
  </si>
  <si>
    <t>POINT (4.665056031878798 51.86494613885585)</t>
  </si>
  <si>
    <t>POINT (4.650056168030205 51.869500074282506)</t>
  </si>
  <si>
    <t>POINT (4.671925628489801 51.8693746204869)</t>
  </si>
  <si>
    <t>POINT (4.671271506211603 51.87033241664655)</t>
  </si>
  <si>
    <t>POINT (4.6618140324182935 51.86701601511642)</t>
  </si>
  <si>
    <t>POINT (4.664870322839973 51.86976149480341)</t>
  </si>
  <si>
    <t>POINT (4.661459973826725 51.86105886288354)</t>
  </si>
  <si>
    <t>POINT (4.65795250579604 51.863475706191906)</t>
  </si>
  <si>
    <t>POINT (4.668346830116319 51.86343826136345)</t>
  </si>
  <si>
    <t>POINT (4.654994060752454 51.86122236502466)</t>
  </si>
  <si>
    <t>POINT (4.652829933646457 51.86324223453915)</t>
  </si>
  <si>
    <t>POINT (4.664055999058281 51.86980732366623)</t>
  </si>
  <si>
    <t>POINT (4.651195251877488 51.862289533973886)</t>
  </si>
  <si>
    <t>POINT (4.655768204507415 51.86736952512037)</t>
  </si>
  <si>
    <t>POINT (4.664047218924847 51.871171705699254)</t>
  </si>
  <si>
    <t>POINT (4.659145483069666 51.87041967465627)</t>
  </si>
  <si>
    <t>POINT (4.669316386345364 51.87183057021958)</t>
  </si>
  <si>
    <t>POINT (4.666007500216068 51.867181163100206)</t>
  </si>
  <si>
    <t>POINT (4.661850163986334 51.86273015618578)</t>
  </si>
  <si>
    <t>POINT (4.662441690773295 51.85824249550596)</t>
  </si>
  <si>
    <t>POINT (4.6672614386137585 51.871844958754835)</t>
  </si>
  <si>
    <t>POINT (4.6594773768334115 51.866057754788365)</t>
  </si>
  <si>
    <t>POINT (4.652590225299779 51.863700306316964)</t>
  </si>
  <si>
    <t>POINT (4.669429411514116 51.86793020290061)</t>
  </si>
  <si>
    <t>POINT (4.6394316992703235 51.871859846727915)</t>
  </si>
  <si>
    <t>POINT (4.658786299543095 51.86479955728898)</t>
  </si>
  <si>
    <t>POINT (4.656751762737311 51.86402288770433)</t>
  </si>
  <si>
    <t>POINT (4.646742669954772 51.87055786790788)</t>
  </si>
  <si>
    <t>POINT (4.668705003100225 51.867831393226766)</t>
  </si>
  <si>
    <t>POINT (4.651856429246108 51.86164410286676)</t>
  </si>
  <si>
    <t>POINT (4.6672497301971925 51.863952881173276)</t>
  </si>
  <si>
    <t>POINT (4.640481340760223 51.87379908076894)</t>
  </si>
  <si>
    <t>POINT (4.6419217592639885 51.87231611573872)</t>
  </si>
  <si>
    <t>POINT (4.6587338487608685 51.866246400931445)</t>
  </si>
  <si>
    <t>POINT (4.653971403924322 51.86447297122523)</t>
  </si>
  <si>
    <t>POINT (4.657950498603483 51.862619122181094)</t>
  </si>
  <si>
    <t>POINT (4.671829864899393 51.86626397706301)</t>
  </si>
  <si>
    <t>POINT (4.678258239852879 51.84436622365482)</t>
  </si>
  <si>
    <t>POINT (4.661403191678835 51.87268529615007)</t>
  </si>
  <si>
    <t>POINT (4.651142429108674 51.8696686819517)</t>
  </si>
  <si>
    <t>POINT (4.639526616808818 51.872264939595944)</t>
  </si>
  <si>
    <t>POINT (4.639470628831912 51.87213874228877)</t>
  </si>
  <si>
    <t>POINT (4.6623960157667845 51.868965446788806)</t>
  </si>
  <si>
    <t>POINT (4.641628241396986 51.869142136369895)</t>
  </si>
  <si>
    <t>POINT (4.666753835353587 51.87135196700604)</t>
  </si>
  <si>
    <t>POINT (4.6579043717283195 51.87084342892471)</t>
  </si>
  <si>
    <t>POINT (4.641857165106003 51.87227076270087)</t>
  </si>
  <si>
    <t>POINT (4.654753086319627 51.87175414279619)</t>
  </si>
  <si>
    <t>POINT (4.656019327074057 51.866211555722415)</t>
  </si>
  <si>
    <t>POINT (4.666796355467683 51.86778824171627)</t>
  </si>
  <si>
    <t>POINT (4.65461808569731 51.860153473700514)</t>
  </si>
  <si>
    <t>POINT (4.667526583413721 51.86843091014753)</t>
  </si>
  <si>
    <t>POINT (4.6445866148454655 51.87182830927906)</t>
  </si>
  <si>
    <t>POINT (4.666781549528274 51.867806128136934)</t>
  </si>
  <si>
    <t>POINT (4.6731511240255665 51.855278934810606)</t>
  </si>
  <si>
    <t>POINT (4.652306475776435 51.86293205223272)</t>
  </si>
  <si>
    <t>POINT (4.662107406503548 51.86142240719049)</t>
  </si>
  <si>
    <t>POINT (4.654000586375776 51.869812399231684)</t>
  </si>
  <si>
    <t>POINT (4.676723487412 51.84690252766842)</t>
  </si>
  <si>
    <t>POINT (4.641598081373104 51.871693845767595)</t>
  </si>
  <si>
    <t>POINT (4.671935110414129 51.86375229976667)</t>
  </si>
  <si>
    <t>POINT (4.643904136365157 51.87167918555204)</t>
  </si>
  <si>
    <t>POINT (4.645205363800398 51.87160668583561)</t>
  </si>
  <si>
    <t>POINT (4.671284879990211 51.85972323360149)</t>
  </si>
  <si>
    <t>POINT (4.644799153387657 51.872322490519615)</t>
  </si>
  <si>
    <t>POINT (4.646831588994514 51.871331450717534)</t>
  </si>
  <si>
    <t>POINT (4.6432306443419495 51.87233775244492)</t>
  </si>
  <si>
    <t>POINT (4.652555288920393 51.87206850207043)</t>
  </si>
  <si>
    <t>POINT (4.669866450607599 51.870117106008195)</t>
  </si>
  <si>
    <t>POINT (4.644999464154008 51.872503529034844)</t>
  </si>
  <si>
    <t>POINT (4.637134166418737 51.87292383416573)</t>
  </si>
  <si>
    <t>POINT (4.669519158004476 51.86457799716422)</t>
  </si>
  <si>
    <t>POINT (4.660677303339928 51.8636787032728)</t>
  </si>
  <si>
    <t>POINT (4.6521082430839895 51.86832194183011)</t>
  </si>
  <si>
    <t>POINT (4.668540672545866 51.86675624815162)</t>
  </si>
  <si>
    <t>POINT (4.658464823257556 51.87255025099454)</t>
  </si>
  <si>
    <t>POINT (4.645753470553818 51.872870694597744)</t>
  </si>
  <si>
    <t>POINT (4.664835295718957 51.861511126875044)</t>
  </si>
  <si>
    <t>POINT (4.65506759039866 51.865810127092836)</t>
  </si>
  <si>
    <t>POINT (4.6540162526060636 51.87152483014782)</t>
  </si>
  <si>
    <t>POINT (4.653886924789898 51.86965888300817)</t>
  </si>
  <si>
    <t>POINT (4.653660143126266 51.87065520441914)</t>
  </si>
  <si>
    <t>POINT (4.676505354069356 51.862477962823334)</t>
  </si>
  <si>
    <t>POINT (4.638771937596395 51.8727225267796)</t>
  </si>
  <si>
    <t>POINT (4.668304611544999 51.87153674656749)</t>
  </si>
  <si>
    <t>POINT (4.657456501650682 51.87249455353493)</t>
  </si>
  <si>
    <t>POINT (4.654064422544322 51.871241989147734)</t>
  </si>
  <si>
    <t>POINT (4.6691218514210115 51.86400029701249)</t>
  </si>
  <si>
    <t>POINT (4.640166621822124 51.874212354515656)</t>
  </si>
  <si>
    <t>POINT (4.661115957407279 51.867986967233065)</t>
  </si>
  <si>
    <t>POINT (4.663944444241639 51.87177963815152)</t>
  </si>
  <si>
    <t>POINT (4.671496442926116 51.865318141090974)</t>
  </si>
  <si>
    <t>POINT (4.65359294189506 51.861689164835795)</t>
  </si>
  <si>
    <t>POINT (4.670911436423859 51.8577380659184)</t>
  </si>
  <si>
    <t>POINT (4.644456615996836 51.87270070592543)</t>
  </si>
  <si>
    <t>POINT (4.644711612881459 51.871767500397794)</t>
  </si>
  <si>
    <t>POINT (4.659540381273488 51.87204007335287)</t>
  </si>
  <si>
    <t>POINT (4.654094182242944 51.86834514065701)</t>
  </si>
  <si>
    <t>POINT (4.641913952910444 51.869718350552716)</t>
  </si>
  <si>
    <t>POINT (4.657315004179653 51.8713700967419)</t>
  </si>
  <si>
    <t>POINT (4.664273360751822 51.86438252810244)</t>
  </si>
  <si>
    <t>POINT (4.658574487173788 51.86712180342302)</t>
  </si>
  <si>
    <t>POINT (4.661162137515427 51.862423293616814)</t>
  </si>
  <si>
    <t>POINT (4.644148068719953 51.86984036909315)</t>
  </si>
  <si>
    <t>POINT (4.653842425365691 51.867042914397835)</t>
  </si>
  <si>
    <t>POINT (4.658100811923518 51.8637113560584)</t>
  </si>
  <si>
    <t>POINT (4.667528446801671 51.86740621924439)</t>
  </si>
  <si>
    <t>POINT (4.6406323110143095 51.87388992674125)</t>
  </si>
  <si>
    <t>POINT (4.669827027300044 51.86439111706595)</t>
  </si>
  <si>
    <t>POINT (4.6477996103906785 51.870744298837145)</t>
  </si>
  <si>
    <t>POINT (4.664267948333343 51.86248739607736)</t>
  </si>
  <si>
    <t>POINT (4.676031187999626 51.86174795838538)</t>
  </si>
  <si>
    <t>POINT (4.67613867470629 51.8634623786694)</t>
  </si>
  <si>
    <t>POINT (4.668256826067087 51.86543767841867)</t>
  </si>
  <si>
    <t>POINT (4.665132848172137 51.86966114212074)</t>
  </si>
  <si>
    <t>POINT (4.670751119043201 51.86471135950561)</t>
  </si>
  <si>
    <t>POINT (4.654018839414366 51.87225741914461)</t>
  </si>
  <si>
    <t>POINT (4.642427437072197 51.86983845992424)</t>
  </si>
  <si>
    <t>POINT (4.653590403970236 51.86260219658088)</t>
  </si>
  <si>
    <t>POINT (4.642751410545093 51.87307642209954)</t>
  </si>
  <si>
    <t>POINT (4.656288034761036 51.87067608101006)</t>
  </si>
  <si>
    <t>POINT (4.642489058462678 51.87357362815238)</t>
  </si>
  <si>
    <t>POINT (4.6704635569017015 51.86544667160672)</t>
  </si>
  <si>
    <t>POINT (4.665349454295266 51.86022891467347)</t>
  </si>
  <si>
    <t>POINT (4.664543084245456 51.86479238839383)</t>
  </si>
  <si>
    <t>POINT (4.6537420871911195 51.8723096230785)</t>
  </si>
  <si>
    <t>POINT (4.667912942781119 51.86606028189415)</t>
  </si>
  <si>
    <t>POINT (4.665911821551165 51.85921590903555)</t>
  </si>
  <si>
    <t>POINT (4.656873328744619 51.86726853862387)</t>
  </si>
  <si>
    <t>POINT (4.654984236081277 51.86124445176692)</t>
  </si>
  <si>
    <t>POINT (4.667356375820057 51.86182323129868)</t>
  </si>
  <si>
    <t>POINT (4.645645453337161 51.871935195124195)</t>
  </si>
  <si>
    <t>POINT (4.670479076094817 51.865383845992596)</t>
  </si>
  <si>
    <t>POINT (4.643473691892072 51.87330571338372)</t>
  </si>
  <si>
    <t>POINT (4.674185656840524 51.85713957410021)</t>
  </si>
  <si>
    <t>POINT (4.656444863248419 51.871301766107464)</t>
  </si>
  <si>
    <t>POINT (4.666154575166302 51.86615736348755)</t>
  </si>
  <si>
    <t>POINT (4.652858143854987 51.87041648875248)</t>
  </si>
  <si>
    <t>POINT (4.66204547879744 51.85940857170703)</t>
  </si>
  <si>
    <t>POINT (4.665164805517133 51.8717422031116)</t>
  </si>
  <si>
    <t>POINT (4.655643714116953 51.87100914314657)</t>
  </si>
  <si>
    <t>POINT (4.6554844212300575 51.87187555305591)</t>
  </si>
  <si>
    <t>POINT (4.6449745907538125 51.872110730469295)</t>
  </si>
  <si>
    <t>POINT (4.664286590081923 51.86313469185486)</t>
  </si>
  <si>
    <t>POINT (4.675286878514486 51.86396058986574)</t>
  </si>
  <si>
    <t>POINT (4.661512358059978 51.86501418268754)</t>
  </si>
  <si>
    <t>POINT (4.662864806170027 51.86758428894348)</t>
  </si>
  <si>
    <t>POINT (4.6622483810476 51.8725017546426)</t>
  </si>
  <si>
    <t>POINT (4.652109871059105 51.862983639043)</t>
  </si>
  <si>
    <t>POINT (4.656730336020842 51.8671328199823)</t>
  </si>
  <si>
    <t>POINT (4.638585840954657 51.87251512356448)</t>
  </si>
  <si>
    <t>POINT (4.669660318914458 51.87029561918345)</t>
  </si>
  <si>
    <t>POINT (4.6763954333387225 51.86200567391604)</t>
  </si>
  <si>
    <t>POINT (4.657275566217632 51.8634333261846)</t>
  </si>
  <si>
    <t>POINT (4.653121441811919 51.86167719400923)</t>
  </si>
  <si>
    <t>POINT (4.660161091438283 51.86957204653784)</t>
  </si>
  <si>
    <t>POINT (4.665060645606569 51.86465853130501)</t>
  </si>
  <si>
    <t>POINT (4.670622895829202 51.8645577707429)</t>
  </si>
  <si>
    <t>POINT (4.65860690925491 51.86873823114207)</t>
  </si>
  <si>
    <t>POINT (4.65932688036595 51.867283769550966)</t>
  </si>
  <si>
    <t>POINT (4.667335828458843 51.865832030603094)</t>
  </si>
  <si>
    <t>POINT (4.642266303640503 51.873432891865086)</t>
  </si>
  <si>
    <t>POINT (4.664975169276368 51.86093671503853)</t>
  </si>
  <si>
    <t>POINT (4.668197088542319 51.87190462152594)</t>
  </si>
  <si>
    <t>POINT (4.652597967497356 51.87212270074383)</t>
  </si>
  <si>
    <t>POINT (4.653908165221387 51.86169718284939)</t>
  </si>
  <si>
    <t>POINT (4.667033254080946 51.86659420831082)</t>
  </si>
  <si>
    <t>POINT (4.64509097159196 51.871657539923035)</t>
  </si>
  <si>
    <t>POINT (4.659548875538035 51.86612561247224)</t>
  </si>
  <si>
    <t>POINT (4.641769010348547 51.868487434550744)</t>
  </si>
  <si>
    <t>POINT (4.66727445213615 51.86513054205412)</t>
  </si>
  <si>
    <t>POINT (4.666562107472295 51.8642812429779)</t>
  </si>
  <si>
    <t>POINT (4.657267617356787 51.86258851623532)</t>
  </si>
  <si>
    <t>POINT (4.661976066933552 51.85876096160725)</t>
  </si>
  <si>
    <t>POINT (4.663828349589196 51.867257648294334)</t>
  </si>
  <si>
    <t>POINT (4.6626724843406455 51.86329552917017)</t>
  </si>
  <si>
    <t>POINT (4.654961775063341 51.861210676251375)</t>
  </si>
  <si>
    <t>POINT (4.666606898880585 51.867832022602535)</t>
  </si>
  <si>
    <t>POINT (4.659261165483678 51.87224508152417)</t>
  </si>
  <si>
    <t>POINT (4.672969355636043 51.85621444422158)</t>
  </si>
  <si>
    <t>POINT (4.6545607748793145 51.86349688833957)</t>
  </si>
  <si>
    <t>POINT (4.663942456782786 51.864074167467706)</t>
  </si>
  <si>
    <t>POINT (4.661038379447279 51.865595513729794)</t>
  </si>
  <si>
    <t>POINT (4.661734987941764 51.85930777911317)</t>
  </si>
  <si>
    <t>POINT (4.655232798903864 51.86236550868414)</t>
  </si>
  <si>
    <t>POINT (4.661132959563399 51.86243210186084)</t>
  </si>
  <si>
    <t>POINT (4.653458079370184 51.86790791665537)</t>
  </si>
  <si>
    <t>POINT (4.6448667933540815 51.873363963261276)</t>
  </si>
  <si>
    <t>POINT (4.6611389873511335 51.8656590561038)</t>
  </si>
  <si>
    <t>POINT (4.658571765256405 51.86818693857646)</t>
  </si>
  <si>
    <t>POINT (4.643071954143249 51.87239501153691)</t>
  </si>
  <si>
    <t>POINT (4.638656993548824 51.87478520745365)</t>
  </si>
  <si>
    <t>POINT (4.660608210921117 51.864361411503985)</t>
  </si>
  <si>
    <t>POINT (4.66755864316068 51.86915019584998)</t>
  </si>
  <si>
    <t>POINT (4.6567944532613295 51.86586582223717)</t>
  </si>
  <si>
    <t>POINT (4.666553446353613 51.86210144875188)</t>
  </si>
  <si>
    <t>POINT (4.639078805345906 51.87387105402506)</t>
  </si>
  <si>
    <t>POINT (4.658690548482348 51.872061771438986)</t>
  </si>
  <si>
    <t>POINT (4.666132853190146 51.86116854445187)</t>
  </si>
  <si>
    <t>POINT (4.663731490114694 51.86696042721148)</t>
  </si>
  <si>
    <t>POINT (4.671732526103735 51.86599372568538)</t>
  </si>
  <si>
    <t>POINT (4.642305575885729 51.8710601416139)</t>
  </si>
  <si>
    <t>POINT (4.66317341239184 51.86780955896941)</t>
  </si>
  <si>
    <t>POINT (4.654770226180217 51.86802397007264)</t>
  </si>
  <si>
    <t>POINT (4.653351149568404 51.87179482969663)</t>
  </si>
  <si>
    <t>POINT (4.655845127724621 51.8706778183603)</t>
  </si>
  <si>
    <t>POINT (4.657285260052081 51.86872725668835)</t>
  </si>
  <si>
    <t>POINT (4.642639214211724 51.87371390384365)</t>
  </si>
  <si>
    <t>POINT (4.630784870288527 51.87744934718541)</t>
  </si>
  <si>
    <t>POINT (4.6381869547013315 51.87510580199946)</t>
  </si>
  <si>
    <t>POINT (4.662226864733014 51.86121640621865)</t>
  </si>
  <si>
    <t>POINT (4.666735670333562 51.86976536512349)</t>
  </si>
  <si>
    <t>POINT (4.657282805143243 51.86619244886249)</t>
  </si>
  <si>
    <t>POINT (4.660109251632048 51.85839886150709)</t>
  </si>
  <si>
    <t>POINT (4.660982919287074 51.86543337556244)</t>
  </si>
  <si>
    <t>POINT (4.638305873211391 51.874068372929905)</t>
  </si>
  <si>
    <t>POINT (4.656414405091919 51.86736455896613)</t>
  </si>
  <si>
    <t>POINT (4.644301200896201 51.872439052758274)</t>
  </si>
  <si>
    <t>POINT (4.65797982287901 51.862601327002466)</t>
  </si>
  <si>
    <t>POINT (4.6492585294080495 51.87121189388824)</t>
  </si>
  <si>
    <t>POINT (4.665753274030591 51.86130104265769)</t>
  </si>
  <si>
    <t>POINT (4.651547070193252 51.8688981949343)</t>
  </si>
  <si>
    <t>POINT (4.644367622557546 51.87017433732247)</t>
  </si>
  <si>
    <t>POINT (4.65886916045162 51.86473478676764)</t>
  </si>
  <si>
    <t>POINT (4.658430061175993 51.86438387041637)</t>
  </si>
  <si>
    <t>POINT (4.6577001521306585 51.865525389081796)</t>
  </si>
  <si>
    <t>POINT (4.670414880780621 51.87032719218505)</t>
  </si>
  <si>
    <t>POINT (4.653976501284689 51.871290877773106)</t>
  </si>
  <si>
    <t>POINT (4.657829300298532 51.86302965334153)</t>
  </si>
  <si>
    <t>POINT (4.64015513756771 51.87201725689763)</t>
  </si>
  <si>
    <t>POINT (4.657447546788742 51.866777733339724)</t>
  </si>
  <si>
    <t>POINT (4.680505583898103 51.845622324463015)</t>
  </si>
  <si>
    <t>POINT (4.671819672099556 51.86781894523723)</t>
  </si>
  <si>
    <t>POINT (4.66868105769468 51.869786270474464)</t>
  </si>
  <si>
    <t>POINT (4.656163830662584 51.86893600921679)</t>
  </si>
  <si>
    <t>POINT (4.666007448250584 51.86899686360669)</t>
  </si>
  <si>
    <t>POINT (4.668839392850304 51.87169282481659)</t>
  </si>
  <si>
    <t>POINT (4.65762142078951 51.86769565340605)</t>
  </si>
  <si>
    <t>POINT (4.641879539903181 51.872234950142705)</t>
  </si>
  <si>
    <t>POINT (4.663249269879149 51.851532966333394)</t>
  </si>
  <si>
    <t>POINT (4.667945359507204 51.87130084332934)</t>
  </si>
  <si>
    <t>POINT (4.667696446690378 51.87142965374005)</t>
  </si>
  <si>
    <t>POINT (4.663051800223354 51.86318101647514)</t>
  </si>
  <si>
    <t>POINT (4.678549541083332 51.858961915045484)</t>
  </si>
  <si>
    <t>POINT (4.658382872042928 51.86460829330351)</t>
  </si>
  <si>
    <t>POINT (4.668624650473449 51.86786236181142)</t>
  </si>
  <si>
    <t>POINT (4.669176129854527 51.867879217398865)</t>
  </si>
  <si>
    <t>POINT (4.6560142471591845 51.87099347309344)</t>
  </si>
  <si>
    <t>POINT (4.6656169580863684 51.86890008478911)</t>
  </si>
  <si>
    <t>POINT (4.661539082235067 51.8640444660982)</t>
  </si>
  <si>
    <t>POINT (4.659772317646679 51.86397871480572)</t>
  </si>
  <si>
    <t>POINT (4.672887272965735 51.856355965238066)</t>
  </si>
  <si>
    <t>POINT (4.656973518004046 51.869147784314016)</t>
  </si>
  <si>
    <t>POINT (4.667544986677865 51.8690961804835)</t>
  </si>
  <si>
    <t>POINT (4.66109129455125 51.862314992094326)</t>
  </si>
  <si>
    <t>POINT (4.642965790461239 51.87328451915097)</t>
  </si>
  <si>
    <t>POINT (4.654963910820713 51.861222177043636)</t>
  </si>
  <si>
    <t>POINT (4.65631754010942 51.87288297132918)</t>
  </si>
  <si>
    <t>POINT (4.655488426450144 51.868503046061434)</t>
  </si>
  <si>
    <t>POINT (4.658015459158692 51.86264199710852)</t>
  </si>
  <si>
    <t>POINT (4.656063318142024 51.86618486369606)</t>
  </si>
  <si>
    <t>POINT (4.645322172521315 51.873047743924324)</t>
  </si>
  <si>
    <t>POINT (4.659134715220874 51.868206537157526)</t>
  </si>
  <si>
    <t>POINT (4.661060202344018 51.86109234626013)</t>
  </si>
  <si>
    <t>POINT (4.659844732984567 51.868482464593505)</t>
  </si>
  <si>
    <t>POINT (4.669072383198696 51.859820285167196)</t>
  </si>
  <si>
    <t>POINT (4.664089495094018 51.87178951982793)</t>
  </si>
  <si>
    <t>POINT (4.664803473506737 51.86258956623078)</t>
  </si>
  <si>
    <t>POINT (4.675135835654627 51.84956073614867)</t>
  </si>
  <si>
    <t>POINT (4.661286432020659 51.8691205872785)</t>
  </si>
  <si>
    <t>POINT (4.671378362634405 51.86452642318026)</t>
  </si>
  <si>
    <t>POINT (4.662271312249283 51.864767188214564)</t>
  </si>
  <si>
    <t>POINT (4.64670548502931 51.870611565274615)</t>
  </si>
  <si>
    <t>POINT (4.662426596910508 51.85827835688005)</t>
  </si>
  <si>
    <t>POINT (4.651948724120628 51.86208732616036)</t>
  </si>
  <si>
    <t>POINT (4.665195286355909 51.871652504331294)</t>
  </si>
  <si>
    <t>POINT (4.670383347172155 51.8695719563275)</t>
  </si>
  <si>
    <t>POINT (4.650217640269967 51.869393224010764)</t>
  </si>
  <si>
    <t>POINT (4.664954799096525 51.868540964510984)</t>
  </si>
  <si>
    <t>POINT (4.6404184401330335 51.87452676017622)</t>
  </si>
  <si>
    <t>POINT (4.662740719332741 51.86266404965851)</t>
  </si>
  <si>
    <t>POINT (4.644410343721325 51.87048920969185)</t>
  </si>
  <si>
    <t>POINT (4.66364409789184 51.86336443955286)</t>
  </si>
  <si>
    <t>POINT (4.655995251749276 51.869928202918125)</t>
  </si>
  <si>
    <t>POINT (4.657060355235045 51.86923239476306)</t>
  </si>
  <si>
    <t>POINT (4.655151393524735 51.86982415257118)</t>
  </si>
  <si>
    <t>POINT (4.642305430975345 51.87212875450532)</t>
  </si>
  <si>
    <t>POINT (4.65619931928717 51.86988003570426)</t>
  </si>
  <si>
    <t>POINT (4.666760563336399 51.8677565620146)</t>
  </si>
  <si>
    <t>POINT (4.640490321544135 51.873749682398426)</t>
  </si>
  <si>
    <t>POINT (4.67976571373119 51.858192406295636)</t>
  </si>
  <si>
    <t>POINT (4.6379029689726785 51.872973684181034)</t>
  </si>
  <si>
    <t>POINT (4.657127445335437 51.86207469068203)</t>
  </si>
  <si>
    <t>POINT (4.657254644191866 51.86613834207948)</t>
  </si>
  <si>
    <t>POINT (4.663268604363603 51.8713664926794)</t>
  </si>
  <si>
    <t>POINT (4.644780332507134 51.87174070820772)</t>
  </si>
  <si>
    <t>POINT (4.638343240693988 51.87531353703571)</t>
  </si>
  <si>
    <t>POINT (4.641782207582933 51.87022087817287)</t>
  </si>
  <si>
    <t>POINT (4.658389318320321 51.86690043321915)</t>
  </si>
  <si>
    <t>POINT (4.671319718839058 51.87095292463166)</t>
  </si>
  <si>
    <t>POINT (4.6465000382948345 51.86677212311119)</t>
  </si>
  <si>
    <t>POINT (4.6623653401985035 51.87110025221423)</t>
  </si>
  <si>
    <t>POINT (4.6549620552901425 51.861193446784924)</t>
  </si>
  <si>
    <t>POINT (4.658658904090183 51.86728861665518)</t>
  </si>
  <si>
    <t>POINT (4.648954177035165 51.87073008742911)</t>
  </si>
  <si>
    <t>POINT (4.663893839856977 51.86227835420381)</t>
  </si>
  <si>
    <t>POINT (4.643880293590509 51.867151072418885)</t>
  </si>
  <si>
    <t>POINT (4.656228799407058 51.86895888512999)</t>
  </si>
  <si>
    <t>POINT (4.6729940947156 51.85447170003281)</t>
  </si>
  <si>
    <t>POINT (4.662450529766727 51.86881449571517)</t>
  </si>
  <si>
    <t>POINT (4.650766704701669 51.86955846323523)</t>
  </si>
  <si>
    <t>POINT (4.658552943768985 51.86665875554988)</t>
  </si>
  <si>
    <t>POINT (4.668720496041441 51.86458659698605)</t>
  </si>
  <si>
    <t>POINT (4.668753436973574 51.86980019614218)</t>
  </si>
  <si>
    <t>POINT (4.664365523416101 51.86273967818826)</t>
  </si>
  <si>
    <t>POINT (4.638282092461987 51.870261533379875)</t>
  </si>
  <si>
    <t>POINT (4.667472219030627 51.86184191853756)</t>
  </si>
  <si>
    <t>POINT (4.667839829095149 51.864275593095535)</t>
  </si>
  <si>
    <t>POINT (4.642237405343697 51.86885610909838)</t>
  </si>
  <si>
    <t>POINT (4.668850257456467 51.86782778739844)</t>
  </si>
  <si>
    <t>POINT (4.661734119023312 51.859361705534205)</t>
  </si>
  <si>
    <t>POINT (4.658328877866661 51.86435627662648)</t>
  </si>
  <si>
    <t>POINT (4.642500477399399 51.869811957136456)</t>
  </si>
  <si>
    <t>POINT (4.652781588235 51.86887895478808)</t>
  </si>
  <si>
    <t>POINT (4.6663707762068665 51.8653497147678)</t>
  </si>
  <si>
    <t>POINT (4.66815859745678 51.85887628128935)</t>
  </si>
  <si>
    <t>POINT (4.66435931808039 51.863126150878294)</t>
  </si>
  <si>
    <t>POINT (4.639050063901117 51.873852893696224)</t>
  </si>
  <si>
    <t>POINT (4.6666937801523805 51.86331127963814)</t>
  </si>
  <si>
    <t>POINT (4.642706961429639 51.87049640244672)</t>
  </si>
  <si>
    <t>POINT (4.669034425132235 51.866750279687494)</t>
  </si>
  <si>
    <t>POINT (4.6652192614163885 51.86925269124484)</t>
  </si>
  <si>
    <t>POINT (4.658310000196759 51.87179874059467)</t>
  </si>
  <si>
    <t>POINT (4.668741370487435 51.86782712138465)</t>
  </si>
  <si>
    <t>POINT (4.640959077123276 51.8716987763843)</t>
  </si>
  <si>
    <t>POINT (4.654848515503729 51.861855524792325)</t>
  </si>
  <si>
    <t>POINT (4.658462231532622 51.86598404576381)</t>
  </si>
  <si>
    <t>POINT (4.666619249352194 51.85860790162018)</t>
  </si>
  <si>
    <t>POINT (4.670286785965169 51.87016461539845)</t>
  </si>
  <si>
    <t>POINT (4.670885212683203 51.869970517000915)</t>
  </si>
  <si>
    <t>POINT (4.664091989612798 51.872086159486756)</t>
  </si>
  <si>
    <t>POINT (4.658026224337028 51.86690716818435)</t>
  </si>
  <si>
    <t>POINT (4.671659328230137 51.86785841726442)</t>
  </si>
  <si>
    <t>POINT (4.640691405673849 51.87339143315814)</t>
  </si>
  <si>
    <t>POINT (4.6604571055559525 51.866526735364545)</t>
  </si>
  <si>
    <t>POINT (4.647175619724065 51.87160327764613)</t>
  </si>
  <si>
    <t>POINT (4.65499467616402 51.861202378137016)</t>
  </si>
  <si>
    <t>POINT (4.66481807716615 51.85833174318)</t>
  </si>
  <si>
    <t>POINT (4.652298082576195 51.86825571509153)</t>
  </si>
  <si>
    <t>POINT (4.653080561287245 51.86212137259253)</t>
  </si>
  <si>
    <t>POINT (4.6573475245269025 51.86667823693166)</t>
  </si>
  <si>
    <t>POINT (4.654896893208721 51.86294232758533)</t>
  </si>
  <si>
    <t>POINT (4.66191525982721 51.86614024950601)</t>
  </si>
  <si>
    <t>POINT (4.672254220874046 51.867884511476966)</t>
  </si>
  <si>
    <t>POINT (4.665874216686087 51.86824999021414)</t>
  </si>
  <si>
    <t>POINT (4.665950724125412 51.8670999168886)</t>
  </si>
  <si>
    <t>POINT (4.667069905982118 51.86702588673081)</t>
  </si>
  <si>
    <t>POINT (4.655163220897697 51.8661792569978)</t>
  </si>
  <si>
    <t>POINT (4.63922469226001 51.872083244606976)</t>
  </si>
  <si>
    <t>POINT (4.657031009434218 51.869184096228764)</t>
  </si>
  <si>
    <t>POINT (4.640199292755559 51.869356901058524)</t>
  </si>
  <si>
    <t>POINT (4.670071727637322 51.865435291164644)</t>
  </si>
  <si>
    <t>POINT (4.641605602877546 51.87211635934543)</t>
  </si>
  <si>
    <t>POINT (4.656790713340078 51.86968621679517)</t>
  </si>
  <si>
    <t>POINT (4.659756916219768 51.8658302765519)</t>
  </si>
  <si>
    <t>POINT (4.674043492647269 51.86263255562607)</t>
  </si>
  <si>
    <t>POINT (4.677489100827399 51.84436607125654)</t>
  </si>
  <si>
    <t>POINT (4.666592812277884 51.86780497032423)</t>
  </si>
  <si>
    <t>POINT (4.6531364793245755 51.86804073655871)</t>
  </si>
  <si>
    <t>POINT (4.660702969644119 51.86163844334892)</t>
  </si>
  <si>
    <t>POINT (4.653030466673239 51.87053441813912)</t>
  </si>
  <si>
    <t>POINT (4.659089692172973 51.872073234955174)</t>
  </si>
  <si>
    <t>POINT (4.661137227035056 51.87116907034771)</t>
  </si>
  <si>
    <t>POINT (4.665949572040144 51.86717181876642)</t>
  </si>
  <si>
    <t>POINT (4.639005905833881 51.87388856697119)</t>
  </si>
  <si>
    <t>POINT (4.658354710749538 51.86455418677287)</t>
  </si>
  <si>
    <t>POINT (4.657938884885882 51.86871333957589)</t>
  </si>
  <si>
    <t>POINT (4.659160836335931 51.87216356213541)</t>
  </si>
  <si>
    <t>POINT (4.661152635119108 51.86571307222209)</t>
  </si>
  <si>
    <t>POINT (4.658410472525741 51.87187127299246)</t>
  </si>
  <si>
    <t>POINT (4.663952050779522 51.866107596911)</t>
  </si>
  <si>
    <t>POINT (4.6654690368567975 51.865447546070826)</t>
  </si>
  <si>
    <t>POINT (4.659627996486868 51.86617104576567)</t>
  </si>
  <si>
    <t>POINT (4.6565197967447105 51.87294715000971)</t>
  </si>
  <si>
    <t>POINT (4.661589066892099 51.86025517817307)</t>
  </si>
  <si>
    <t>POINT (4.672274919631845 51.8665812884978)</t>
  </si>
  <si>
    <t>POINT (4.643208591458174 51.87089508087842)</t>
  </si>
  <si>
    <t>POINT (4.661922495987795 51.86028420373726)</t>
  </si>
  <si>
    <t>POINT (4.639358056448225 51.871922298333644)</t>
  </si>
  <si>
    <t>POINT (4.65351391144554 51.869827337469374)</t>
  </si>
  <si>
    <t>POINT (4.658256001218103 51.8643738015861)</t>
  </si>
  <si>
    <t>POINT (4.6623694244877365 51.86002629276785)</t>
  </si>
  <si>
    <t>POINT (4.6431651547528965 51.871428577800415)</t>
  </si>
  <si>
    <t>POINT (4.658481356605381 51.87108071417186)</t>
  </si>
  <si>
    <t>POINT (4.639993047150331 51.86953536194331)</t>
  </si>
  <si>
    <t>POINT (4.6448451616270905 51.873354837920594)</t>
  </si>
  <si>
    <t>POINT (4.654579457122057 51.87037780042499)</t>
  </si>
  <si>
    <t>POINT (4.637304360877931 51.873167614059945)</t>
  </si>
  <si>
    <t>POINT (4.665921400052035 51.86711771404814)</t>
  </si>
  <si>
    <t>POINT (4.643609650933487 51.87078975696491)</t>
  </si>
  <si>
    <t>POINT (4.66204787506902 51.86918043601003)</t>
  </si>
  <si>
    <t>POINT (4.657946251497536 51.86646622896058)</t>
  </si>
  <si>
    <t>POINT (4.653148929934983 51.86638690645595)</t>
  </si>
  <si>
    <t>POINT (4.651720181930011 51.87252169585276)</t>
  </si>
  <si>
    <t>POINT (4.669897207432766 51.87000943049419)</t>
  </si>
  <si>
    <t>POINT (4.6639476809922655 51.863975819146646)</t>
  </si>
  <si>
    <t>POINT (4.66190809119166 51.86478292294959)</t>
  </si>
  <si>
    <t>POINT (4.64153013981883 51.87360349918511)</t>
  </si>
  <si>
    <t>POINT (4.65420049905716 51.86168350240716)</t>
  </si>
  <si>
    <t>POINT (4.654961611634138 51.861220724526525)</t>
  </si>
  <si>
    <t>POINT (4.669788950532274 51.859492085668705)</t>
  </si>
  <si>
    <t>POINT (4.673399483904487 51.859756779286606)</t>
  </si>
  <si>
    <t>POINT (4.66867075993232 51.86679299853159)</t>
  </si>
  <si>
    <t>POINT (4.640047522985613 51.875000798996695)</t>
  </si>
  <si>
    <t>POINT (4.664982123727377 51.86498281639346)</t>
  </si>
  <si>
    <t>POINT (4.641850649520967 51.872225778185026)</t>
  </si>
  <si>
    <t>POINT (4.667888287470505 51.8712375735472)</t>
  </si>
  <si>
    <t>POINT (4.642143247580407 51.87034002118837)</t>
  </si>
  <si>
    <t>POINT (4.660610252389817 51.86513444599893)</t>
  </si>
  <si>
    <t>POINT (4.662607284965901 51.86554228317758)</t>
  </si>
  <si>
    <t>POINT (4.660907399322514 51.8719137047769)</t>
  </si>
  <si>
    <t>POINT (4.656694152900759 51.86757303765136)</t>
  </si>
  <si>
    <t>POINT (4.670337050110421 51.865185229615385)</t>
  </si>
  <si>
    <t>POINT (4.661290249674028 51.86208079184605)</t>
  </si>
  <si>
    <t>POINT (4.668976927088396 51.866713973626254)</t>
  </si>
  <si>
    <t>POINT (4.640283226595691 51.874361408483296)</t>
  </si>
  <si>
    <t>POINT (4.660042042357781 51.86525677014193)</t>
  </si>
  <si>
    <t>POINT (4.662793626118977 51.86208281183242)</t>
  </si>
  <si>
    <t>POINT (4.64540454910752 51.87245501457374)</t>
  </si>
  <si>
    <t>POINT (4.653375481361736 51.87074780687801)</t>
  </si>
  <si>
    <t>POINT (4.65122983589508 51.869651252416126)</t>
  </si>
  <si>
    <t>POINT (4.667951716205237 51.86363359195605)</t>
  </si>
  <si>
    <t>POINT (4.667457587231803 51.86911362217757)</t>
  </si>
  <si>
    <t>POINT (4.664050084445312 51.866108470217924)</t>
  </si>
  <si>
    <t>POINT (4.673397361490196 51.862637618925625)</t>
  </si>
  <si>
    <t>POINT (4.657900148340673 51.87110407272836)</t>
  </si>
  <si>
    <t>POINT (4.663978990407526 51.858242984402416)</t>
  </si>
  <si>
    <t>POINT (4.641467598028165 51.86865090316052)</t>
  </si>
  <si>
    <t>POINT (4.647405566786969 51.87174854424049)</t>
  </si>
  <si>
    <t>POINT (4.672549617194227 51.857369319876454)</t>
  </si>
  <si>
    <t>POINT (4.665389738558072 51.869487443066994)</t>
  </si>
  <si>
    <t>POINT (4.6396101858618675 51.8698565166764)</t>
  </si>
  <si>
    <t>POINT (4.656794395997395 51.86583892790496)</t>
  </si>
  <si>
    <t>POINT (4.667880227008577 51.8649275154992)</t>
  </si>
  <si>
    <t>POINT (4.66469794469301 51.87187865586828)</t>
  </si>
  <si>
    <t>POINT (4.6526136653846235 51.87071607900026)</t>
  </si>
  <si>
    <t>POINT (4.669991911656389 51.86953361234136)</t>
  </si>
  <si>
    <t>POINT (4.6691614682018985 51.867888116382105)</t>
  </si>
  <si>
    <t>POINT (4.648905826083423 51.871910790498326)</t>
  </si>
  <si>
    <t>POINT (4.643343903532506 51.873250959743466)</t>
  </si>
  <si>
    <t>POINT (4.6488886173747375 51.871632034846726)</t>
  </si>
  <si>
    <t>POINT (4.67088098663072 51.8638492443131)</t>
  </si>
  <si>
    <t>POINT (4.652283344101447 51.86826910581591)</t>
  </si>
  <si>
    <t>POINT (4.663722245079849 51.87114906662535)</t>
  </si>
  <si>
    <t>POINT (4.6635241475442 51.85998847094089)</t>
  </si>
  <si>
    <t>POINT (4.657254153993706 51.86930233533692)</t>
  </si>
  <si>
    <t>POINT (4.6581947175409955 51.8717440934309)</t>
  </si>
  <si>
    <t>POINT (4.659732145269009 51.8609392664697)</t>
  </si>
  <si>
    <t>POINT (4.656486515935475 51.861889278030986)</t>
  </si>
  <si>
    <t>POINT (4.661090324359384 51.870926087703694)</t>
  </si>
  <si>
    <t>POINT (4.6622839275432 51.85857410113414)</t>
  </si>
  <si>
    <t>POINT (4.667500560172069 51.86733413942874)</t>
  </si>
  <si>
    <t>POINT (4.668835524037724 51.86784118021025)</t>
  </si>
  <si>
    <t>POINT (4.629900208945402 51.879102050916174)</t>
  </si>
  <si>
    <t>POINT (4.66379249360468 51.870843886334555)</t>
  </si>
  <si>
    <t>POINT (4.6368856208993074 51.87215371819826)</t>
  </si>
  <si>
    <t>POINT (4.636722215967194 51.873244793805874)</t>
  </si>
  <si>
    <t>POINT (4.661442288843512 51.86665866798328)</t>
  </si>
  <si>
    <t>POINT (4.654987982103425 51.86118015244946)</t>
  </si>
  <si>
    <t>POINT (4.657102410452214 51.86746771264658)</t>
  </si>
  <si>
    <t>POINT (4.643681949748486 51.87080819191834)</t>
  </si>
  <si>
    <t>POINT (4.658226821434564 51.86438260910233)</t>
  </si>
  <si>
    <t>POINT (4.654712884315538 51.867978669336445)</t>
  </si>
  <si>
    <t>POINT (4.642744869535646 51.87083821085635)</t>
  </si>
  <si>
    <t>POINT (4.662187685563516 51.87086095739568)</t>
  </si>
  <si>
    <t>POINT (4.66746965929907 51.868358652411)</t>
  </si>
  <si>
    <t>POINT (4.677537205577148 51.84463429524606)</t>
  </si>
  <si>
    <t>POINT (4.653510915420688 51.87045652259924)</t>
  </si>
  <si>
    <t>POINT (4.671802543426585 51.86615594726636)</t>
  </si>
  <si>
    <t>POINT (4.65996087182395 51.87117977009522)</t>
  </si>
  <si>
    <t>POINT (4.659141176611184 51.861813119416574)</t>
  </si>
  <si>
    <t>POINT (4.675089845225186 51.8563243992641)</t>
  </si>
  <si>
    <t>POINT (4.667487199427699 51.869077849170296)</t>
  </si>
  <si>
    <t>POINT (4.673957733863561 51.841835088879336)</t>
  </si>
  <si>
    <t>POINT (4.65211542888401 51.86832648111804)</t>
  </si>
  <si>
    <t>POINT (4.670686183353844 51.86514241700937)</t>
  </si>
  <si>
    <t>POINT (4.6584952938264195 51.8711167551227)</t>
  </si>
  <si>
    <t>POINT (4.667515661928374 51.869113978035394)</t>
  </si>
  <si>
    <t>POINT (4.664349923015811 51.86454401256145)</t>
  </si>
  <si>
    <t>POINT (4.660483567429118 51.8711830051924)</t>
  </si>
  <si>
    <t>POINT (4.670453173226004 51.86321730502938)</t>
  </si>
  <si>
    <t>POINT (4.655043673001104 51.861166666148435)</t>
  </si>
  <si>
    <t>POINT (4.638845885395244 51.87390552485428)</t>
  </si>
  <si>
    <t>POINT (4.6659783201172695 51.867189972538945)</t>
  </si>
  <si>
    <t>POINT (4.663046676576069 51.870268513343)</t>
  </si>
  <si>
    <t>POINT (4.651877144460981 51.87091371452376)</t>
  </si>
  <si>
    <t>POINT (4.664108083041772 51.86611332162016)</t>
  </si>
  <si>
    <t>POINT (4.663941653885211 51.86291684111279)</t>
  </si>
  <si>
    <t>POINT (4.665293174586085 51.87188680996952)</t>
  </si>
  <si>
    <t>POINT (4.671752667464656 51.86472645350012)</t>
  </si>
  <si>
    <t>POINT (4.653081294083498 51.862076433994126)</t>
  </si>
  <si>
    <t>POINT (4.63981252186138 51.87078812840129)</t>
  </si>
  <si>
    <t>POINT (4.667414540762419 51.87180544829943)</t>
  </si>
  <si>
    <t>POINT (4.657392082893815 51.87288515827832)</t>
  </si>
  <si>
    <t>POINT (4.665787682530417 51.86821350426925)</t>
  </si>
  <si>
    <t>POINT (4.665823096693435 51.87098670993953)</t>
  </si>
  <si>
    <t>POINT (4.656418308899834 51.865782584748445)</t>
  </si>
  <si>
    <t>POINT (4.664890716126409 51.86801024193148)</t>
  </si>
  <si>
    <t>POINT (4.640300292956428 51.87438308972216)</t>
  </si>
  <si>
    <t>POINT (4.655041594685125 51.867609245857416)</t>
  </si>
  <si>
    <t>POINT (4.657700589084543 51.86549842591191)</t>
  </si>
  <si>
    <t>POINT (4.644322507824958 51.86674938157371)</t>
  </si>
  <si>
    <t>POINT (4.654975908716689 51.86519832868029)</t>
  </si>
  <si>
    <t>POINT (4.666771715659403 51.860255625436906)</t>
  </si>
  <si>
    <t>POINT (4.661835325002085 51.86389259960896)</t>
  </si>
  <si>
    <t>POINT (4.648906928186734 51.870063436335684)</t>
  </si>
  <si>
    <t>POINT (4.656042847644208 51.87102061700067)</t>
  </si>
  <si>
    <t>POINT (4.6791622550651555 51.849072831536944)</t>
  </si>
  <si>
    <t>POINT (4.642778260484197 51.87961761733144)</t>
  </si>
  <si>
    <t>POINT (4.670952381142684 51.870950685218446)</t>
  </si>
  <si>
    <t>POINT (4.671474695887387 51.86485958911491)</t>
  </si>
  <si>
    <t>POINT (4.640296115863798 51.87437227680191)</t>
  </si>
  <si>
    <t>POINT (4.660268611310627 51.87190525887958)</t>
  </si>
  <si>
    <t>POINT (4.656955459063345 51.865785925761415)</t>
  </si>
  <si>
    <t>POINT (4.667460878983585 51.86527550258038)</t>
  </si>
  <si>
    <t>POINT (4.6539821271998925 51.86284744384363)</t>
  </si>
  <si>
    <t>POINT (4.670293129168667 51.86611977770262)</t>
  </si>
  <si>
    <t>POINT (4.653063304545034 51.86852117084397)</t>
  </si>
  <si>
    <t>POINT (4.667546007059318 51.87175681647572)</t>
  </si>
  <si>
    <t>POINT (4.6626530749047 51.87171774774362)</t>
  </si>
  <si>
    <t>POINT (4.655030189407496 51.861211102796425)</t>
  </si>
  <si>
    <t>POINT (4.674001722519209 51.856288133339234)</t>
  </si>
  <si>
    <t>POINT (4.664277990778619 51.86276610528792)</t>
  </si>
  <si>
    <t>POINT (4.666826542663902 51.86771651792733)</t>
  </si>
  <si>
    <t>POINT (4.664737296090419 51.85857124265786)</t>
  </si>
  <si>
    <t>POINT (4.6620150323320875 51.87211380369939)</t>
  </si>
  <si>
    <t>POINT (4.666191205497479 51.86115092546208)</t>
  </si>
  <si>
    <t>POINT (4.654170514971062 51.86838336931645)</t>
  </si>
  <si>
    <t>POINT (4.6599486825138 51.86923815254837)</t>
  </si>
  <si>
    <t>POINT (4.674339386055221 51.85724028110923)</t>
  </si>
  <si>
    <t>POINT (4.6600429142350475 51.86430398110039)</t>
  </si>
  <si>
    <t>POINT (4.660546187474171 51.861008269259585)</t>
  </si>
  <si>
    <t>POINT (4.679088037112842 51.844477297055484)</t>
  </si>
  <si>
    <t>POINT (4.653068318254605 51.8726649588704)</t>
  </si>
  <si>
    <t>POINT (4.63720758930324 51.8728748654936)</t>
  </si>
  <si>
    <t>POINT (4.6521648625621 51.87285705850344)</t>
  </si>
  <si>
    <t>POINT (4.665459956676791 51.86782498027742)</t>
  </si>
  <si>
    <t>POINT (4.65568179593788 51.86911278054065)</t>
  </si>
  <si>
    <t>POINT (4.66129210693761 51.872370008106145)</t>
  </si>
  <si>
    <t>POINT (4.657788334787352 51.86299800163413)</t>
  </si>
  <si>
    <t>POINT (4.660410827636831 51.86129956213888)</t>
  </si>
  <si>
    <t>POINT (4.669860983128201 51.86499356190748)</t>
  </si>
  <si>
    <t>POINT (4.667299174063638 51.86358465076756)</t>
  </si>
  <si>
    <t>POINT (4.660768755682305 51.86340961014394)</t>
  </si>
  <si>
    <t>POINT (4.664235215102017 51.86749088233587)</t>
  </si>
  <si>
    <t>POINT (4.666549810715994 51.860242578732255)</t>
  </si>
  <si>
    <t>POINT (4.665552128726668 51.868868226328985)</t>
  </si>
  <si>
    <t>POINT (4.657463707980617 51.86846769540243)</t>
  </si>
  <si>
    <t>POINT (4.6715299064379945 51.843848241987615)</t>
  </si>
  <si>
    <t>POINT (4.666095040444084 51.86715473474016)</t>
  </si>
  <si>
    <t>POINT (4.647960554462175 51.871554288587745)</t>
  </si>
  <si>
    <t>POINT (4.660776196878326 51.86190836644084)</t>
  </si>
  <si>
    <t>POINT (4.651160149623993 51.87036091739733)</t>
  </si>
  <si>
    <t>POINT (4.663386919814257 51.86220332205521)</t>
  </si>
  <si>
    <t>POINT (4.665022663723506 51.86250102802858)</t>
  </si>
  <si>
    <t>POINT (4.641533600636787 51.87207994773584)</t>
  </si>
  <si>
    <t>POINT (4.658804450696685 51.87220180143243)</t>
  </si>
  <si>
    <t>POINT (4.675473957224266 51.86044469377678)</t>
  </si>
  <si>
    <t>POINT (4.670980478443587 51.86945874706907)</t>
  </si>
  <si>
    <t>POINT (4.64198527949844 51.87286482540859)</t>
  </si>
  <si>
    <t>POINT (4.658414380019287 51.86445568213979)</t>
  </si>
  <si>
    <t>POINT (4.658627740610711 51.86482916208443)</t>
  </si>
  <si>
    <t>POINT (4.657342248771262 51.87103319271765)</t>
  </si>
  <si>
    <t>POINT (4.659728316773157 51.86580313353336)</t>
  </si>
  <si>
    <t>POINT (4.661545130918442 51.868385118931435)</t>
  </si>
  <si>
    <t>POINT (4.654972328929861 51.86120356013502)</t>
  </si>
  <si>
    <t>POINT (4.643550882445909 51.869512998726385)</t>
  </si>
  <si>
    <t>POINT (4.660219260330001 51.86192488397435)</t>
  </si>
  <si>
    <t>POINT (4.64081754726581 51.870601263495345)</t>
  </si>
  <si>
    <t>POINT (4.669321097649125 51.86789358646648)</t>
  </si>
  <si>
    <t>POINT (4.638458783864577 51.87404238182466)</t>
  </si>
  <si>
    <t>POINT (4.647579290323844 51.86471153811538)</t>
  </si>
  <si>
    <t>POINT (4.674086388770926 51.85671650602295)</t>
  </si>
  <si>
    <t>POINT (4.674705872037128 51.86403724502174)</t>
  </si>
  <si>
    <t>POINT (4.642911863093132 51.87039882604699)</t>
  </si>
  <si>
    <t>POINT (4.662336372966233 51.8652349982566)</t>
  </si>
  <si>
    <t>POINT (4.641614724024953 51.87099601084001)</t>
  </si>
  <si>
    <t>POINT (4.667760602538697 51.86832448042919)</t>
  </si>
  <si>
    <t>POINT (4.660472676141884 51.870958222324774)</t>
  </si>
  <si>
    <t>POINT (4.665710104429041 51.868977060246195)</t>
  </si>
  <si>
    <t>POINT (4.6668795899231466 51.86712359448674)</t>
  </si>
  <si>
    <t>POINT (4.662769322549771 51.87081061443224)</t>
  </si>
  <si>
    <t>POINT (4.648872726531214 51.87080912483565)</t>
  </si>
  <si>
    <t>POINT (4.659686377647407 51.86390627345628)</t>
  </si>
  <si>
    <t>POINT (4.664443156723773 51.86242555408593)</t>
  </si>
  <si>
    <t>POINT (4.666992339427639 51.86960514415568)</t>
  </si>
  <si>
    <t>POINT (4.641095465640943 51.87398275588464)</t>
  </si>
  <si>
    <t>POINT (4.667629649399067 51.86834165545754)</t>
  </si>
  <si>
    <t>POINT (4.6418918269584895 51.872369857618494)</t>
  </si>
  <si>
    <t>POINT (4.6550802859519935 51.861212215098156)</t>
  </si>
  <si>
    <t>POINT (4.655990291658055 51.86621137495798)</t>
  </si>
  <si>
    <t>POINT (4.662530305621715 51.86220702810242)</t>
  </si>
  <si>
    <t>POINT (4.661635708817494 51.86366665090215)</t>
  </si>
  <si>
    <t>POINT (4.653412354160106 51.864923405613894)</t>
  </si>
  <si>
    <t>POINT (4.666773966962214 51.86465107621738)</t>
  </si>
  <si>
    <t>POINT (4.6418889166635475 51.87166872567142)</t>
  </si>
  <si>
    <t>POINT (4.646907071982162 51.86718367230767)</t>
  </si>
  <si>
    <t>POINT (4.667705816421412 51.86630170592208)</t>
  </si>
  <si>
    <t>POINT (4.664050702016427 51.871492656686854)</t>
  </si>
  <si>
    <t>POINT (4.638339201186842 51.872359576022966)</t>
  </si>
  <si>
    <t>POINT (4.643016632551944 51.87284439829892)</t>
  </si>
  <si>
    <t>POINT (4.654028536558308 51.86765080878918)</t>
  </si>
  <si>
    <t>POINT (4.66196611581227 51.86027997880236)</t>
  </si>
  <si>
    <t>POINT (4.670125101373264 51.863907551934325)</t>
  </si>
  <si>
    <t>POINT (4.666711206303415 51.871747204518584)</t>
  </si>
  <si>
    <t>POINT (4.677370105789077 51.85984144729786)</t>
  </si>
  <si>
    <t>POINT (4.671508442760626 51.86912938666213)</t>
  </si>
  <si>
    <t>POINT (4.66514624410392 51.865477022202214)</t>
  </si>
  <si>
    <t>POINT (4.6721523141562304 51.84958149911708)</t>
  </si>
  <si>
    <t>POINT (4.664376981818197 51.86112179597928)</t>
  </si>
  <si>
    <t>POINT (4.6421693336414815 51.872536110133915)</t>
  </si>
  <si>
    <t>POINT (4.645209391848401 51.87154820427576)</t>
  </si>
  <si>
    <t>POINT (4.659733282602392 51.861902099695776)</t>
  </si>
  <si>
    <t>POINT (4.656170576831572 51.86315636295681)</t>
  </si>
  <si>
    <t>POINT (4.643329943981343 51.87058124727467)</t>
  </si>
  <si>
    <t>POINT (4.676387222729137 51.860237967738236)</t>
  </si>
  <si>
    <t>POINT (4.655545891759399 51.862734501496824)</t>
  </si>
  <si>
    <t>POINT (4.65863353388967 51.866164881057344)</t>
  </si>
  <si>
    <t>POINT (4.653134742473574 51.87081821159683)</t>
  </si>
  <si>
    <t>POINT (4.656494075894297 51.87140094711577)</t>
  </si>
  <si>
    <t>POINT (4.641819675228624 51.87234243387376)</t>
  </si>
  <si>
    <t>POINT (4.661719169040678 51.85938857907381)</t>
  </si>
  <si>
    <t>POINT (4.638043379898093 51.87326221616838)</t>
  </si>
  <si>
    <t>POINT (4.650837566453815 51.87232740486332)</t>
  </si>
  <si>
    <t>POINT (4.667572288547784 51.86738851063709)</t>
  </si>
  <si>
    <t>POINT (4.661682252334295 51.86618375349758)</t>
  </si>
  <si>
    <t>POINT (4.655383395337479 51.870106618679955)</t>
  </si>
  <si>
    <t>POINT (4.665816192152745 51.86009245889531)</t>
  </si>
  <si>
    <t>POINT (4.667460030425964 51.868960830683186)</t>
  </si>
  <si>
    <t>POINT (4.664851202925993 51.865043754094835)</t>
  </si>
  <si>
    <t>POINT (4.660305844027031 51.86959990832069)</t>
  </si>
  <si>
    <t>POINT (4.67728906628739 51.85897448161453)</t>
  </si>
  <si>
    <t>POINT (4.665500989122702 51.86979373965977)</t>
  </si>
  <si>
    <t>POINT (4.65767468637077 51.8720240062765)</t>
  </si>
  <si>
    <t>POINT (4.646530528536645 51.87109584825179)</t>
  </si>
  <si>
    <t>POINT (4.668596435722604 51.871448646164175)</t>
  </si>
  <si>
    <t>POINT (4.672918639287079 51.86028540677552)</t>
  </si>
  <si>
    <t>POINT (4.657886357238154 51.871059043990535)</t>
  </si>
  <si>
    <t>POINT (4.666410719886596 51.86240169177693)</t>
  </si>
  <si>
    <t>POINT (4.662472818625882 51.86217071885653)</t>
  </si>
  <si>
    <t>POINT (4.644399908844982 51.86689818364515)</t>
  </si>
  <si>
    <t>POINT (4.6606527105383435 51.8705997913068)</t>
  </si>
  <si>
    <t>POINT (4.644859903984018 51.873341448145965)</t>
  </si>
  <si>
    <t>POINT (4.670665589117344 51.86461196292788)</t>
  </si>
  <si>
    <t>POINT (4.640510585560643 51.87466217545161)</t>
  </si>
  <si>
    <t>POINT (4.666974895033292 51.866611827694335)</t>
  </si>
  <si>
    <t>POINT (4.648722024316968 51.870920157781384)</t>
  </si>
  <si>
    <t>POINT (4.638246348144685 51.8724095900288)</t>
  </si>
  <si>
    <t>POINT (4.652275884490961 51.873172355039564)</t>
  </si>
  <si>
    <t>u</t>
  </si>
  <si>
    <t>POINT (4.672922517129268 51.860161764913904)</t>
  </si>
  <si>
    <t>POINT (4.669014418639132 51.869824263741194)</t>
  </si>
  <si>
    <t>POINT (4.666263538009831 51.87204557624352)</t>
  </si>
  <si>
    <t>POINT (4.662266800559878 51.86131390071679)</t>
  </si>
  <si>
    <t>POINT (4.658373156774261 51.86431160827116)</t>
  </si>
  <si>
    <t>POINT (4.666706051044989 51.87025506296439)</t>
  </si>
  <si>
    <t>POINT (4.641577308225209 51.87207123656307)</t>
  </si>
  <si>
    <t>POINT (4.639432773915438 51.87441712029963)</t>
  </si>
  <si>
    <t>POINT (4.660000519287032 51.86692839736418)</t>
  </si>
  <si>
    <t>POINT (4.6558827244556875 51.86300176410693)</t>
  </si>
  <si>
    <t>POINT (4.664172132042909 51.8708938635364)</t>
  </si>
  <si>
    <t>POINT (4.653225604050557 51.8714794433857)</t>
  </si>
  <si>
    <t>POINT (4.670838615937371 51.870617412835486)</t>
  </si>
  <si>
    <t>POINT (4.67284871020334 51.859427143359305)</t>
  </si>
  <si>
    <t>POINT (4.654139014324586 51.86933686606719)</t>
  </si>
  <si>
    <t>POINT (4.663395710503368 51.86526849739093)</t>
  </si>
  <si>
    <t>POINT (4.661331412839337 51.86813211692223)</t>
  </si>
  <si>
    <t>POINT (4.652313826039894 51.87040409576414)</t>
  </si>
  <si>
    <t>POINT (4.659990781773031 51.871126023560635)</t>
  </si>
  <si>
    <t>POINT (4.6550779631699015 51.861197036790465)</t>
  </si>
  <si>
    <t>POINT (4.656350524425694 51.86790078249636)</t>
  </si>
  <si>
    <t>POINT (4.654889096869553 51.865179810156846)</t>
  </si>
  <si>
    <t>POINT (4.668564752297901 51.86433845707213)</t>
  </si>
  <si>
    <t>POINT (4.660798060634834 51.87149056358651)</t>
  </si>
  <si>
    <t>POINT (4.6480359628699475 51.872387559637076)</t>
  </si>
  <si>
    <t>POINT (4.644285103778706 51.873414217435545)</t>
  </si>
  <si>
    <t>POINT (4.665279231680953 51.87185076981844)</t>
  </si>
  <si>
    <t>POINT (4.6483148629257265 51.87031608700894)</t>
  </si>
  <si>
    <t>POINT (4.662027883941277 51.86937581507002)</t>
  </si>
  <si>
    <t>POINT (4.654270853548133 51.86926577982043)</t>
  </si>
  <si>
    <t>POINT (4.658660543004937 51.8613561320167)</t>
  </si>
  <si>
    <t>POINT (4.657979313337413 51.862632784047136)</t>
  </si>
  <si>
    <t>POINT (4.640410956243984 51.87454019554576)</t>
  </si>
  <si>
    <t>POINT (4.667193383691479 51.86566037367408)</t>
  </si>
  <si>
    <t>POINT (4.661601619817463 51.86280282198502)</t>
  </si>
  <si>
    <t>POINT (4.664452747396717 51.866736709620135)</t>
  </si>
  <si>
    <t>POINT (4.663056604879556 51.865589997507236)</t>
  </si>
  <si>
    <t>POINT (4.641832692572222 51.87067961900564)</t>
  </si>
  <si>
    <t>POINT (4.641645957319498 51.8714334792476)</t>
  </si>
  <si>
    <t>POINT (4.659031775367302 51.86462135188656)</t>
  </si>
  <si>
    <t>POINT (4.643999972722314 51.8730933172992)</t>
  </si>
  <si>
    <t>POINT (4.655365162329221 51.86894002418595)</t>
  </si>
  <si>
    <t>POINT (4.640283047594444 51.87437219370482)</t>
  </si>
  <si>
    <t>POINT (4.656019619053823 51.86619358028288)</t>
  </si>
  <si>
    <t>POINT (4.667681353679051 51.86329036827759)</t>
  </si>
  <si>
    <t>POINT (4.664920038602796 51.862563317296875)</t>
  </si>
  <si>
    <t>POINT (4.653472817377296 51.867894525782006)</t>
  </si>
  <si>
    <t>POINT (4.665950436104493 51.86711789235811)</t>
  </si>
  <si>
    <t>POINT (4.6675295659792475 51.86188721308722)</t>
  </si>
  <si>
    <t>POINT (4.651328853363114 51.87114398505694)</t>
  </si>
  <si>
    <t>POINT (4.6558578184795945 51.865428539392646)</t>
  </si>
  <si>
    <t>POINT (4.6635270825939354 51.86703107689962)</t>
  </si>
  <si>
    <t>POINT (4.663979188022125 51.87142480176152)</t>
  </si>
  <si>
    <t>POINT (4.6597862418818075 51.86581248093195)</t>
  </si>
  <si>
    <t>POINT (4.660784371070567 51.86873996117048)</t>
  </si>
  <si>
    <t>POINT (4.658457921706386 51.86879281159172)</t>
  </si>
  <si>
    <t>POINT (4.651781921221253 51.86607723556567)</t>
  </si>
  <si>
    <t>POINT (4.641761734433737 51.87058029369322)</t>
  </si>
  <si>
    <t>POINT (4.655073411190227 51.86120377685538)</t>
  </si>
  <si>
    <t>POINT (4.6460524846385125 51.865735606454486)</t>
  </si>
  <si>
    <t>POINT (4.662721689258025 51.86565085242039)</t>
  </si>
  <si>
    <t>POINT (4.681027746245961 51.858536293141704)</t>
  </si>
  <si>
    <t>POINT (4.6630158538726745 51.86180553492355)</t>
  </si>
  <si>
    <t>POINT (4.663222324853152 51.86250792082501)</t>
  </si>
  <si>
    <t>POINT (4.666536784176631 51.86586308487365)</t>
  </si>
  <si>
    <t>POINT (4.640732014039354 51.87400741262498)</t>
  </si>
  <si>
    <t>POINT (4.666803224871803 51.87053430605508)</t>
  </si>
  <si>
    <t>POINT (4.654833219495751 51.86190068718148)</t>
  </si>
  <si>
    <t>POINT (4.640717564329635 51.873088188062205)</t>
  </si>
  <si>
    <t>POINT (4.652789215603642 51.871971090050074)</t>
  </si>
  <si>
    <t>POINT (4.66057713570921 51.863588197306576)</t>
  </si>
  <si>
    <t>POINT (4.66445289257571 51.86673671051351)</t>
  </si>
  <si>
    <t>POINT (4.671522334256678 51.86551604842314)</t>
  </si>
  <si>
    <t>POINT (4.641239852882394 51.873156718672895)</t>
  </si>
  <si>
    <t>POINT (4.666680209511971 51.86778752926672)</t>
  </si>
  <si>
    <t>POINT (4.660520527849327 51.86439682351624)</t>
  </si>
  <si>
    <t>POINT (4.653279556098113 51.862841024012575)</t>
  </si>
  <si>
    <t>POINT (4.6463603327395075 51.86643866241431)</t>
  </si>
  <si>
    <t>POINT (4.644242677046406 51.87246564849212)</t>
  </si>
  <si>
    <t>POINT (4.654046691852667 51.86248266566905)</t>
  </si>
  <si>
    <t>POINT (4.657807305952513 51.872352914526104)</t>
  </si>
  <si>
    <t>POINT (4.663045246086306 51.87171117758154)</t>
  </si>
  <si>
    <t>POINT (4.641944427465336 51.86831631643427)</t>
  </si>
  <si>
    <t>POINT (4.649932993144114 51.86522992540037)</t>
  </si>
  <si>
    <t>POINT (4.665018391591726 51.864577373886725)</t>
  </si>
  <si>
    <t>POINT (4.661020199766983 51.8640223917905)</t>
  </si>
  <si>
    <t>POINT (4.655407213306656 51.864567318401356)</t>
  </si>
  <si>
    <t>POINT (4.66241947216859 51.866386054920106)</t>
  </si>
  <si>
    <t>POINT (4.641440452502333 51.87156700417022)</t>
  </si>
  <si>
    <t>POINT (4.665541264075699 51.86547046144693)</t>
  </si>
  <si>
    <t>POINT (4.657005649950098 51.871642326972555)</t>
  </si>
  <si>
    <t>POINT (4.65456536096621 51.868121567261475)</t>
  </si>
  <si>
    <t>POINT (4.661979374361582 51.86486426076384)</t>
  </si>
  <si>
    <t>POINT (4.639428677975487 51.87116770243618)</t>
  </si>
  <si>
    <t>POINT (4.674973065508559 51.85388777368386)</t>
  </si>
  <si>
    <t>POINT (4.675529585610188 51.86201711315149)</t>
  </si>
  <si>
    <t>POINT (4.67131891825478 51.850917282443376)</t>
  </si>
  <si>
    <t>POINT (4.661404108125025 51.87172801408064)</t>
  </si>
  <si>
    <t>POINT (4.662256345892629 51.86749963733752)</t>
  </si>
  <si>
    <t>POINT (4.652588739738313 51.86912943037401)</t>
  </si>
  <si>
    <t>POINT (4.668889819666713 51.866713440921224)</t>
  </si>
  <si>
    <t>POINT (4.648589912962251 51.870367254424174)</t>
  </si>
  <si>
    <t>POINT (4.664179155748981 51.86620813969608)</t>
  </si>
  <si>
    <t>POINT (4.652526836592729 51.872032369612796)</t>
  </si>
  <si>
    <t>POINT (4.646653068381753 51.871590995610276)</t>
  </si>
  <si>
    <t>POINT (4.665778183472827 51.86427643026336)</t>
  </si>
  <si>
    <t>POINT (4.665551120043337 51.868931140453476)</t>
  </si>
  <si>
    <t>POINT (4.6753806689135295 51.85390779998565)</t>
  </si>
  <si>
    <t>POINT (4.6622149204589 51.866465690060046)</t>
  </si>
  <si>
    <t>POINT (4.658899918236717 51.86675079389108)</t>
  </si>
  <si>
    <t>POINT (4.63790687455789 51.87535569748544)</t>
  </si>
  <si>
    <t>POINT (4.66592082398621 51.86715366498688)</t>
  </si>
  <si>
    <t>POINT (4.663349866516377 51.87173103245355)</t>
  </si>
  <si>
    <t>POINT (4.6740208437609985 51.856913857704)</t>
  </si>
  <si>
    <t>POINT (4.665500412676137 51.862584862454455)</t>
  </si>
  <si>
    <t>POINT (4.666415612411397 51.86209610858146)</t>
  </si>
  <si>
    <t>POINT (4.666080810374832 51.86713667013406)</t>
  </si>
  <si>
    <t>POINT (4.667615241403206 51.863793326039506)</t>
  </si>
  <si>
    <t>POINT (4.6706110457249315 51.859829683953976)</t>
  </si>
  <si>
    <t>POINT (4.675320121116813 51.860397640767836)</t>
  </si>
  <si>
    <t>POINT (4.674179682254606 51.85632516850681)</t>
  </si>
  <si>
    <t>POINT (4.659440385790556 51.868288295470585)</t>
  </si>
  <si>
    <t>POINT (4.6655928977537355 51.872212241783544)</t>
  </si>
  <si>
    <t>POINT (4.668685564786776 51.86677511186839)</t>
  </si>
  <si>
    <t>POINT (4.64168973451767 51.8705438821767)</t>
  </si>
  <si>
    <t>POINT (4.663047186758777 51.86256526712266)</t>
  </si>
  <si>
    <t>POINT (4.666913508174405 51.867726039902)</t>
  </si>
  <si>
    <t>POINT (4.662764022933007 51.872042022265234)</t>
  </si>
  <si>
    <t>POINT (4.666118446349807 51.862521244042746)</t>
  </si>
  <si>
    <t>POINT (4.6498550436153065 51.87158417379885)</t>
  </si>
  <si>
    <t>POINT (4.65766393123233 51.86552066978405)</t>
  </si>
  <si>
    <t>POINT (4.66555491707365 51.86552447706464)</t>
  </si>
  <si>
    <t>POINT (4.667963942552473 51.86423141012682)</t>
  </si>
  <si>
    <t>POINT (4.6648991284532455 51.86115197442539)</t>
  </si>
  <si>
    <t>POINT (4.642802351601047 51.87087452971076)</t>
  </si>
  <si>
    <t>POINT (4.66109970215993 51.861793703596454)</t>
  </si>
  <si>
    <t>POINT (4.664737258684379 51.86942949979233)</t>
  </si>
  <si>
    <t>POINT (4.666855866771771 51.86769872054314)</t>
  </si>
  <si>
    <t>POINT (4.6579804052112594 51.86256537609409)</t>
  </si>
  <si>
    <t>POINT (4.665929442803595 51.87205251379728)</t>
  </si>
  <si>
    <t>POINT (4.672763456186332 51.86507417394391)</t>
  </si>
  <si>
    <t>POINT (4.6678866239823735 51.86498148639752)</t>
  </si>
  <si>
    <t>POINT (4.637825883669279 51.87411474921582)</t>
  </si>
  <si>
    <t>POINT (4.662174466755171 51.862437259809084)</t>
  </si>
  <si>
    <t>POINT (4.662609542007134 51.86179404012553)</t>
  </si>
  <si>
    <t>POINT (4.659449563785849 51.86688004167614)</t>
  </si>
  <si>
    <t>POINT (4.64807759534032 51.871501093365985)</t>
  </si>
  <si>
    <t>POINT (4.645245675210489 51.87158458575244)</t>
  </si>
  <si>
    <t>POINT (4.653119458373148 51.86685862536681)</t>
  </si>
  <si>
    <t>POINT (4.66095428446453 51.86360850736141)</t>
  </si>
  <si>
    <t>POINT (4.6623581477050235 51.872448500360825)</t>
  </si>
  <si>
    <t>POINT (4.646853531225439 51.87176304328978)</t>
  </si>
  <si>
    <t>POINT (4.665354935398323 51.86984677385072)</t>
  </si>
  <si>
    <t>POINT (4.6762112291243 51.86174659459626)</t>
  </si>
  <si>
    <t>POINT (4.65597072103586 51.871438138969175)</t>
  </si>
  <si>
    <t>POINT (4.658419406158085 51.86593883690117)</t>
  </si>
  <si>
    <t>POINT (4.651224986143193 51.86994784677546)</t>
  </si>
  <si>
    <t>POINT (4.655456272208298 51.869587772889396)</t>
  </si>
  <si>
    <t>POINT (4.6664364148974204 51.87167810404179)</t>
  </si>
  <si>
    <t>POINT (4.661458525005289 51.86114874022741)</t>
  </si>
  <si>
    <t>POINT (4.6418225165243205 51.87392445133946)</t>
  </si>
  <si>
    <t>POINT (4.651721156358511 51.86846333663561)</t>
  </si>
  <si>
    <t>POINT (4.665551427290267 51.87027044621795)</t>
  </si>
  <si>
    <t>POINT (4.65201983824613 51.862177657722945)</t>
  </si>
  <si>
    <t>POINT (4.6550080139473184 51.86121957565524)</t>
  </si>
  <si>
    <t>POINT (4.657701026037823 51.86547146274195)</t>
  </si>
  <si>
    <t>POINT (4.66512606692672 51.86420051377653)</t>
  </si>
  <si>
    <t>POINT (4.6535967351391045 51.867863839636804)</t>
  </si>
  <si>
    <t>POINT (4.646303292702776 51.87263866186142)</t>
  </si>
  <si>
    <t>POINT (4.66632779954714 51.86531349650966)</t>
  </si>
  <si>
    <t>POINT (4.667424866337713 51.86512059672126)</t>
  </si>
  <si>
    <t>POINT (4.641607831137399 51.870228760018925)</t>
  </si>
  <si>
    <t>POINT (4.659007551871637 51.87041881960872)</t>
  </si>
  <si>
    <t>POINT (4.640184127262935 51.87114554354311)</t>
  </si>
  <si>
    <t>POINT (4.651401683731922 51.870686021324005)</t>
  </si>
  <si>
    <t>POINT (4.668882369902582 51.86945492309007)</t>
  </si>
  <si>
    <t>POINT (4.659348765272541 51.86952207237403)</t>
  </si>
  <si>
    <t>POINT (4.657620305930402 51.86552489310745)</t>
  </si>
  <si>
    <t>POINT (4.644750119801613 51.8729542431581)</t>
  </si>
  <si>
    <t>POINT (4.662366945977578 51.86694302537449)</t>
  </si>
  <si>
    <t>POINT (4.657989866392565 51.86825523626333)</t>
  </si>
  <si>
    <t>POINT (4.641750203169839 51.872153231674304)</t>
  </si>
  <si>
    <t>POINT (4.667513789404721 51.86832296835785)</t>
  </si>
  <si>
    <t>POINT (4.6516577625345805 51.87012134168794)</t>
  </si>
  <si>
    <t>POINT (4.655453502576813 51.87109784454103)</t>
  </si>
  <si>
    <t>POINT (4.638022205741297 51.874098024256504)</t>
  </si>
  <si>
    <t>POINT (4.665100993230385 51.86847894307002)</t>
  </si>
  <si>
    <t>POINT (4.66947344024734 51.868811356197966)</t>
  </si>
  <si>
    <t>POINT (4.666882297515382 51.869676378278086)</t>
  </si>
  <si>
    <t>POINT (4.667272152085071 51.86618219645149)</t>
  </si>
  <si>
    <t>POINT (4.668627206147073 51.866792732073456)</t>
  </si>
  <si>
    <t>POINT (4.658743911282724 51.86472738536171)</t>
  </si>
  <si>
    <t>POINT (4.664443159714572 51.87146810639856)</t>
  </si>
  <si>
    <t>POINT (4.664369852647329 51.86247004606749)</t>
  </si>
  <si>
    <t>POINT (4.63784159731937 51.873171042673924)</t>
  </si>
  <si>
    <t>POINT (4.630813175691417 51.878357381833844)</t>
  </si>
  <si>
    <t>POINT (4.659180880496313 51.861049250990476)</t>
  </si>
  <si>
    <t>POINT (4.660068173931045 51.86453784179821)</t>
  </si>
  <si>
    <t>POINT (4.661294427977607 51.86952512462226)</t>
  </si>
  <si>
    <t>POINT (4.657193681438508 51.862108360358974)</t>
  </si>
  <si>
    <t>POINT (4.667517817514968 51.86897916200969)</t>
  </si>
  <si>
    <t>POINT (4.675008562685141 51.85806769911947)</t>
  </si>
  <si>
    <t>POINT (4.663652690276995 51.8655397395137)</t>
  </si>
  <si>
    <t>POINT (4.635798192898379 51.87292428406812)</t>
  </si>
  <si>
    <t>POINT (4.670820701413265 51.861251165392424)</t>
  </si>
  <si>
    <t>POINT (4.666525159618364 51.86477539044729)</t>
  </si>
  <si>
    <t>POINT (4.656701042015575 51.869520331363574)</t>
  </si>
  <si>
    <t>POINT (4.653457232676918 51.86263144061422)</t>
  </si>
  <si>
    <t>POINT (4.666673756415689 51.87181888370273)</t>
  </si>
  <si>
    <t>POINT (4.643637946826944 51.870834879267385)</t>
  </si>
  <si>
    <t>POINT (4.667426085161109 51.862457356507726)</t>
  </si>
  <si>
    <t>POINT (4.653435518913484 51.86168516118464)</t>
  </si>
  <si>
    <t>POINT (4.666230035538498 51.872324017616094)</t>
  </si>
  <si>
    <t>POINT (4.66239299547408 51.86532523394914)</t>
  </si>
  <si>
    <t>POINT (4.662409037711393 51.86963287822305)</t>
  </si>
  <si>
    <t>POINT (4.640615232401258 51.87141794363114)</t>
  </si>
  <si>
    <t>POINT (4.669141753861917 51.869123930394856)</t>
  </si>
  <si>
    <t>POINT (4.655590930401314 51.86308983306716)</t>
  </si>
  <si>
    <t>POINT (4.664861630368724 51.868917913524754)</t>
  </si>
  <si>
    <t>POINT (4.65631117818918 51.86905953106878)</t>
  </si>
  <si>
    <t>POINT (4.629622857281218 51.879185654640274)</t>
  </si>
  <si>
    <t>POINT (4.642629756999738 51.870774560755834)</t>
  </si>
  <si>
    <t>POINT (4.647606283087238 51.87102172921459)</t>
  </si>
  <si>
    <t>POINT (4.6477497035229645 51.87113049576787)</t>
  </si>
  <si>
    <t>POINT (4.657509354822823 51.86744327570481)</t>
  </si>
  <si>
    <t>POINT (4.65916572574893 51.870963611690065)</t>
  </si>
  <si>
    <t>POINT (4.677843712481908 51.84475625359191)</t>
  </si>
  <si>
    <t>POINT (4.6362275559477935 51.87591125731649)</t>
  </si>
  <si>
    <t>POINT (4.666775198985285 51.87001728880951)</t>
  </si>
  <si>
    <t>POINT (4.669941570450289 51.869047919821206)</t>
  </si>
  <si>
    <t>POINT (4.654340081210365 51.86947295019911)</t>
  </si>
  <si>
    <t>POINT (4.659659329262756 51.86108817049314)</t>
  </si>
  <si>
    <t>POINT (4.664662255097606 51.86143815338026)</t>
  </si>
  <si>
    <t>POINT (4.671669917543226 51.868105668640716)</t>
  </si>
  <si>
    <t>POINT (4.654681383011589 51.87036045888204)</t>
  </si>
  <si>
    <t>POINT (4.670470045943642 51.86777476270758)</t>
  </si>
  <si>
    <t>POINT (4.654700434005466 51.8622927522597)</t>
  </si>
  <si>
    <t>POINT (4.666009084205394 51.867082298017074)</t>
  </si>
  <si>
    <t>POINT (4.668658595399194 51.86619068673895)</t>
  </si>
  <si>
    <t>POINT (4.670507225775541 51.869087327190734)</t>
  </si>
  <si>
    <t>POINT (4.673048651450143 51.85853668807235)</t>
  </si>
  <si>
    <t>POINT (4.638264113421938 51.874396191857144)</t>
  </si>
  <si>
    <t>POINT (4.645296540100737 51.87151951474567)</t>
  </si>
  <si>
    <t>POINT (4.641778721336301 51.8721848728806)</t>
  </si>
  <si>
    <t>POINT (4.656066937657124 51.86953764399759)</t>
  </si>
  <si>
    <t>POINT (4.654771947471615 51.86208137212287)</t>
  </si>
  <si>
    <t>POINT (4.662026777344369 51.8700330111537)</t>
  </si>
  <si>
    <t>POINT (4.6641204434383505 51.86715158346748)</t>
  </si>
  <si>
    <t>POINT (4.668958604306087 51.8687722546045)</t>
  </si>
  <si>
    <t>POINT (4.668962122369792 51.86673186032659)</t>
  </si>
  <si>
    <t>POINT (4.657679031344189 51.865484809066764)</t>
  </si>
  <si>
    <t>POINT (4.668548648954682 51.866711353871075)</t>
  </si>
  <si>
    <t>POINT (4.658097029680725 51.862266778762034)</t>
  </si>
  <si>
    <t>POINT (4.679905188385205 51.85710814943827)</t>
  </si>
  <si>
    <t>POINT (4.666609660039953 51.86584555477652)</t>
  </si>
  <si>
    <t>POINT (4.6549298075359635 51.8611803200576)</t>
  </si>
  <si>
    <t>POINT (4.655046422804576 51.8720211359904)</t>
  </si>
  <si>
    <t>POINT (4.654310819735954 51.86850559135629)</t>
  </si>
  <si>
    <t>POINT (4.667987096619679 51.86505401066466)</t>
  </si>
  <si>
    <t>POINT (4.65956978038887 51.86617967373979)</t>
  </si>
  <si>
    <t>POINT (4.671018224726301 51.865261294250494)</t>
  </si>
  <si>
    <t>POINT (4.642228148510806 51.87221655073614)</t>
  </si>
  <si>
    <t>POINT (4.669642501908477 51.87323478603302)</t>
  </si>
  <si>
    <t>POINT (4.639870653580743 51.873408685694926)</t>
  </si>
  <si>
    <t>POINT (4.658945874810618 51.86929485946666)</t>
  </si>
  <si>
    <t>POINT (4.644698998608185 51.87223197113347)</t>
  </si>
  <si>
    <t>POINT (4.638875750553167 51.87123609011331)</t>
  </si>
  <si>
    <t>POINT (4.649873460719842 51.86913039362134)</t>
  </si>
  <si>
    <t>POINT (4.670594194725687 51.86909684644435)</t>
  </si>
  <si>
    <t>POINT (4.664816525201615 51.861776175892125)</t>
  </si>
  <si>
    <t>POINT (4.654027356109845 51.87262600586025)</t>
  </si>
  <si>
    <t>POINT (4.655953733776684 51.8635460184973)</t>
  </si>
  <si>
    <t>POINT (4.654537854346113 51.87159549954511)</t>
  </si>
  <si>
    <t>POINT (4.661594020853179 51.87165727848315)</t>
  </si>
  <si>
    <t>POINT (4.664690737793648 51.87097076139429)</t>
  </si>
  <si>
    <t>POINT (4.666190629746858 51.86118687642974)</t>
  </si>
  <si>
    <t>POINT (4.666346696379979 51.862048045887846)</t>
  </si>
  <si>
    <t>POINT (4.65520552944497 51.87161314528898)</t>
  </si>
  <si>
    <t>POINT (4.661047599125638 51.869074167849554)</t>
  </si>
  <si>
    <t>POINT (4.642988515396099 51.86927573226394)</t>
  </si>
  <si>
    <t>POINT (4.6661421189488195 51.86421574485417)</t>
  </si>
  <si>
    <t>POINT (4.656726772755236 51.86332611338245)</t>
  </si>
  <si>
    <t>POINT (4.659178354744767 51.86030767318069)</t>
  </si>
  <si>
    <t>POINT (4.661161802432723 51.87279616205467)</t>
  </si>
  <si>
    <t>POINT (4.655327144830458 51.86790081890065)</t>
  </si>
  <si>
    <t>POINT (4.65204232320855 51.86835748376183)</t>
  </si>
  <si>
    <t>POINT (4.665424104944311 51.87096628159278)</t>
  </si>
  <si>
    <t>POINT (4.638154124259772 51.87097081986105)</t>
  </si>
  <si>
    <t>POINT (4.676071621967393 51.85969178725681)</t>
  </si>
  <si>
    <t>POINT (4.662997787867824 51.8698126687442)</t>
  </si>
  <si>
    <t>POINT (4.66447830587897 51.86114039682277)</t>
  </si>
  <si>
    <t>POINT (4.667725240285489 51.86826583781272)</t>
  </si>
  <si>
    <t>POINT (4.662068158467489 51.869235490693065)</t>
  </si>
  <si>
    <t>POINT (4.64772632420715 51.87166966637869)</t>
  </si>
  <si>
    <t>POINT (4.654969632723602 51.86122651827583)</t>
  </si>
  <si>
    <t>POINT (4.653464162117553 51.87243372802682)</t>
  </si>
  <si>
    <t>POINT (4.645893185423472 51.87276371287888)</t>
  </si>
  <si>
    <t>POINT (4.674716612342155 51.863717306483515)</t>
  </si>
  <si>
    <t>POINT (4.668243098077944 51.8653881569787)</t>
  </si>
  <si>
    <t>POINT (4.647556817347492 51.871380962945715)</t>
  </si>
  <si>
    <t>POINT (4.671039411645415 51.869405174744244)</t>
  </si>
  <si>
    <t>POINT (4.645273946140267 51.87156880950814)</t>
  </si>
  <si>
    <t>POINT (4.633255830806986 51.87645850523191)</t>
  </si>
  <si>
    <t>POINT (4.6517166987636624 51.87095765310277)</t>
  </si>
  <si>
    <t>POINT (4.639356181416823 51.87378293397491)</t>
  </si>
  <si>
    <t>POINT (4.655285188231426 51.86791834594412)</t>
  </si>
  <si>
    <t>POINT (4.651955172924741 51.870581623783984)</t>
  </si>
  <si>
    <t>POINT (4.65974887848279 51.86318307601334)</t>
  </si>
  <si>
    <t>POINT (4.669430199768409 51.867880770333876)</t>
  </si>
  <si>
    <t>POINT (4.669519972460098 51.86361621985693)</t>
  </si>
  <si>
    <t>POINT (4.655045499496198 51.86122842945874)</t>
  </si>
  <si>
    <t>POINT (4.670251150644522 51.86602064667649)</t>
  </si>
  <si>
    <t>POINT (4.656765272224779 51.865874629386155)</t>
  </si>
  <si>
    <t>POINT (4.655484455283012 51.86517453222952)</t>
  </si>
  <si>
    <t>POINT (4.6514496961418095 51.87130204304552)</t>
  </si>
  <si>
    <t>POINT (4.65544519350252 51.8658034917111)</t>
  </si>
  <si>
    <t>POINT (4.660945106896383 51.86957689692264)</t>
  </si>
  <si>
    <t>POINT (4.650967724324354 51.86880917286876)</t>
  </si>
  <si>
    <t>POINT (4.669031197145672 51.868772698493395)</t>
  </si>
  <si>
    <t>POINT (4.654153766560571 51.86245474120851)</t>
  </si>
  <si>
    <t>POINT (4.6634140398059625 51.867740481386654)</t>
  </si>
  <si>
    <t>POINT (4.660524529593725 51.873142777345)</t>
  </si>
  <si>
    <t>POINT (4.641369123569701 51.870613755865875)</t>
  </si>
  <si>
    <t>POINT (4.6684851243870416 51.86978057741101)</t>
  </si>
  <si>
    <t>POINT (4.662490934817602 51.87138222709893)</t>
  </si>
  <si>
    <t>POINT (4.640127984878081 51.87095338693247)</t>
  </si>
  <si>
    <t>POINT (4.661940638041657 51.86546625942143)</t>
  </si>
  <si>
    <t>POINT (4.671993508521127 51.87104242108207)</t>
  </si>
  <si>
    <t>POINT (4.666519213731853 51.86786743907475)</t>
  </si>
  <si>
    <t>POINT (4.668485383802308 51.86067061356351)</t>
  </si>
  <si>
    <t>POINT (4.661155681741463 51.87182535355374)</t>
  </si>
  <si>
    <t>POINT (4.659363675211878 51.872191785053275)</t>
  </si>
  <si>
    <t>POINT (4.637746395739639 51.873655821649194)</t>
  </si>
  <si>
    <t>POINT (4.6619981288031465 51.86550256891988)</t>
  </si>
  <si>
    <t>POINT (4.672320890081301 51.86505799804268)</t>
  </si>
  <si>
    <t>POINT (4.6593090366775 51.870631920920765)</t>
  </si>
  <si>
    <t>POINT (4.665146624341885 51.87016009503221)</t>
  </si>
  <si>
    <t>POINT (4.672774011476774 51.86440908056756)</t>
  </si>
  <si>
    <t>POINT (4.6614908607783905 51.86004333852636)</t>
  </si>
  <si>
    <t>POINT (4.65928053345698 51.864777866857246)</t>
  </si>
  <si>
    <t>POINT (4.660503746244945 51.870832573883355)</t>
  </si>
  <si>
    <t>POINT (4.635002204339308 51.874501189744876)</t>
  </si>
  <si>
    <t>POINT (4.659762315258224 51.8619022795296)</t>
  </si>
  <si>
    <t>POINT (4.6699555337218825 51.86452673120682)</t>
  </si>
  <si>
    <t>POINT (4.6810989317707214 51.85894940650402)</t>
  </si>
  <si>
    <t>POINT (4.665310802084539 51.869882457079626)</t>
  </si>
  <si>
    <t>POINT (4.638680034876701 51.87427300212636)</t>
  </si>
  <si>
    <t>POINT (4.657642446323899 51.86550255907055)</t>
  </si>
  <si>
    <t>POINT (4.6610839347284925 51.870872116489764)</t>
  </si>
  <si>
    <t>POINT (4.651507302325743 51.861957129854225)</t>
  </si>
  <si>
    <t>POINT (4.6742677517675295 51.85589694582821)</t>
  </si>
  <si>
    <t>2951GT</t>
  </si>
  <si>
    <t>Havenplein</t>
  </si>
  <si>
    <t>POINT (4.656307239645483 51.861435665642624)</t>
  </si>
  <si>
    <t>POINT (4.653915461123024 51.86810960157107)</t>
  </si>
  <si>
    <t>POINT (4.664822605002853 51.86230204789765)</t>
  </si>
  <si>
    <t>POINT (4.647735657698024 51.86491476708587)</t>
  </si>
  <si>
    <t>POINT (4.656665862936354 51.8711053911368)</t>
  </si>
  <si>
    <t>POINT (4.667276823496083 51.86180476641642)</t>
  </si>
  <si>
    <t>POINT (4.657526975462783 51.86904336043211)</t>
  </si>
  <si>
    <t>POINT (4.653786444427278 51.86869647251912)</t>
  </si>
  <si>
    <t>POINT (4.650860958795988 51.86245928325399)</t>
  </si>
  <si>
    <t>POINT (4.651742860566548 51.86846796685847)</t>
  </si>
  <si>
    <t>POINT (4.642874145566034 51.86785030850515)</t>
  </si>
  <si>
    <t>POINT (4.671923700324479 51.86949595499877)</t>
  </si>
  <si>
    <t>POINT (4.661356984832539 51.861143618381675)</t>
  </si>
  <si>
    <t>POINT (4.657212989955629 51.872735733170614)</t>
  </si>
  <si>
    <t>POINT (4.643697359729115 51.870754357659784)</t>
  </si>
  <si>
    <t>POINT (4.642923814418366 51.87274942955986)</t>
  </si>
  <si>
    <t>POINT (4.673793714079636 51.863278219050535)</t>
  </si>
  <si>
    <t>POINT (4.6650396785698405 51.87003809122063)</t>
  </si>
  <si>
    <t>POINT (4.663863149748321 51.863284891270744)</t>
  </si>
  <si>
    <t>POINT (4.654915816588345 51.861184538375355)</t>
  </si>
  <si>
    <t>POINT (4.671694026971283 51.86476205073443)</t>
  </si>
  <si>
    <t>POINT (4.652832622425131 51.868420853825675)</t>
  </si>
  <si>
    <t>POINT (4.659756183344638 51.86677407767091)</t>
  </si>
  <si>
    <t>POINT (4.652557297208249 51.863805312313524)</t>
  </si>
  <si>
    <t>POINT (4.661965771186987 51.872917980720885)</t>
  </si>
  <si>
    <t>POINT (4.654677414819635 51.865697134063765)</t>
  </si>
  <si>
    <t>POINT (4.642768111029573 51.873822584396564)</t>
  </si>
  <si>
    <t>POINT (4.653845705840721 51.8632766981977)</t>
  </si>
  <si>
    <t>POINT (4.648325345895667 51.86467984807231)</t>
  </si>
  <si>
    <t>POINT (4.646742258790617 51.86705229815005)</t>
  </si>
  <si>
    <t>POINT (4.646452163300861 51.871445910682226)</t>
  </si>
  <si>
    <t>POINT (4.661286505688659 51.86101284762668)</t>
  </si>
  <si>
    <t>POINT (4.667230470595028 51.86334153681732)</t>
  </si>
  <si>
    <t>POINT (4.65486382585088 51.86181037147905)</t>
  </si>
  <si>
    <t>POINT (4.665689885492106 51.871597117528765)</t>
  </si>
  <si>
    <t>POINT (4.667574311404163 51.86907838292418)</t>
  </si>
  <si>
    <t>POINT (4.662815872544978 51.871076065739025)</t>
  </si>
  <si>
    <t>POINT (4.655562481273054 51.86305370131013)</t>
  </si>
  <si>
    <t>POINT (4.6478199375137645 51.87127475598511)</t>
  </si>
  <si>
    <t>POINT (4.653016034446912 51.86314659947037)</t>
  </si>
  <si>
    <t>POINT (4.656027995555625 51.871487932938884)</t>
  </si>
  <si>
    <t>POINT (4.666981935161214 51.867079279028964)</t>
  </si>
  <si>
    <t>POINT (4.655000881842675 51.86901865148573)</t>
  </si>
  <si>
    <t>POINT (4.666807664039989 51.87207138621046)</t>
  </si>
  <si>
    <t>POINT (4.659995007281967 51.86457334329381)</t>
  </si>
  <si>
    <t>POINT (4.6434029764719345 51.87187061696551)</t>
  </si>
  <si>
    <t>POINT (4.658525570810315 51.864761985421275)</t>
  </si>
  <si>
    <t>POINT (4.668319454916323 51.86060667760968)</t>
  </si>
  <si>
    <t>POINT (4.657665849367174 51.86764199762309)</t>
  </si>
  <si>
    <t>POINT (4.673138443698026 51.85534627240229)</t>
  </si>
  <si>
    <t>POINT (4.6755241776746015 51.84932489180757)</t>
  </si>
  <si>
    <t>POINT (4.653876894147247 51.87027454127989)</t>
  </si>
  <si>
    <t>POINT (4.659799670220685 51.86587997879287)</t>
  </si>
  <si>
    <t>POINT (4.646185135150773 51.87267117443596)</t>
  </si>
  <si>
    <t>POINT (4.655989853670509 51.866238338117086)</t>
  </si>
  <si>
    <t>POINT (4.652204910719162 51.872183162247936)</t>
  </si>
  <si>
    <t>POINT (4.667545848878705 51.86904225407309)</t>
  </si>
  <si>
    <t>POINT (4.647502623938221 51.872027803017744)</t>
  </si>
  <si>
    <t>POINT (4.6644432056375535 51.864582869201115)</t>
  </si>
  <si>
    <t>POINT (4.65989641270639 51.869777146187815)</t>
  </si>
  <si>
    <t>POINT (4.663963267078204 51.866089958394966)</t>
  </si>
  <si>
    <t>POINT (4.658715458590951 51.864691254369276)</t>
  </si>
  <si>
    <t>POINT (4.675309723886699 51.86294742376194)</t>
  </si>
  <si>
    <t>POINT (4.667695143669088 51.86242754500848)</t>
  </si>
  <si>
    <t>POINT (4.653024389934573 51.87224221897377)</t>
  </si>
  <si>
    <t>POINT (4.655242481692049 51.862334297576204)</t>
  </si>
  <si>
    <t>POINT (4.6586997777798995 51.86476306612868)</t>
  </si>
  <si>
    <t>POINT (4.6351917195182075 51.87445746000402)</t>
  </si>
  <si>
    <t>POINT (4.640796951683145 51.87359434815147)</t>
  </si>
  <si>
    <t>POINT (4.638837918081953 51.87263807647021)</t>
  </si>
  <si>
    <t>POINT (4.65352165489227 51.87247004164701)</t>
  </si>
  <si>
    <t>POINT (4.654353292207123 51.8685723722139)</t>
  </si>
  <si>
    <t>POINT (4.663377212299901 51.86641892709863)</t>
  </si>
  <si>
    <t>POINT (4.65758669463717 51.87207739146221)</t>
  </si>
  <si>
    <t>POINT (4.651361533686804 51.86958915715726)</t>
  </si>
  <si>
    <t>POINT (4.671079383314349 51.86132549695234)</t>
  </si>
  <si>
    <t>POINT (4.641100438656155 51.87180827509755)</t>
  </si>
  <si>
    <t>POINT (4.66325505202843 51.86137555553659)</t>
  </si>
  <si>
    <t>POINT (4.651804254687788 51.870931235439464)</t>
  </si>
  <si>
    <t>POINT (4.657031741832685 51.87227169265982)</t>
  </si>
  <si>
    <t>POINT (4.6558529998197535 51.86572513416023)</t>
  </si>
  <si>
    <t>POINT (4.6651279049143355 51.86182303391409)</t>
  </si>
  <si>
    <t>POINT (4.667459024407156 51.8690237448283)</t>
  </si>
  <si>
    <t>POINT (4.654669294151035 51.86887276589496)</t>
  </si>
  <si>
    <t>POINT (4.65228208732148 51.869235375568934)</t>
  </si>
  <si>
    <t>POINT (4.661824108145383 51.85918248877982)</t>
  </si>
  <si>
    <t>POINT (4.643431635727477 51.872511499202936)</t>
  </si>
  <si>
    <t>POINT (4.650652760650042 51.86942291931398)</t>
  </si>
  <si>
    <t>POINT (4.664904128672783 51.86445981912555)</t>
  </si>
  <si>
    <t>POINT (4.6656887587025855 51.86894996327152)</t>
  </si>
  <si>
    <t>POINT (4.660318015946505 51.862049520359754)</t>
  </si>
  <si>
    <t>POINT (4.655092971217203 51.86603500104994)</t>
  </si>
  <si>
    <t>POINT (4.6431187924477255 51.87231375439092)</t>
  </si>
  <si>
    <t>POINT (4.654175516678507 51.868878673907076)</t>
  </si>
  <si>
    <t>POINT (4.66738734443993 51.85171390950259)</t>
  </si>
  <si>
    <t>POINT (4.665939860689063 51.865059433373624)</t>
  </si>
  <si>
    <t>POINT (4.651343968696952 51.861938983203316)</t>
  </si>
  <si>
    <t>POINT (4.668193507138796 51.86531145013415)</t>
  </si>
  <si>
    <t>POINT (4.66569338561672 51.86413209139167)</t>
  </si>
  <si>
    <t>POINT (4.656794838915226 51.86852645818409)</t>
  </si>
  <si>
    <t>POINT (4.665978896137773 51.867154021600044)</t>
  </si>
  <si>
    <t>POINT (4.66853333505042 51.871762861516004)</t>
  </si>
  <si>
    <t>POINT (4.642013703102478 51.87114817659034)</t>
  </si>
  <si>
    <t>POINT (4.661531908610545 51.86353118018203)</t>
  </si>
  <si>
    <t>POINT (4.662090217201774 51.871503041898414)</t>
  </si>
  <si>
    <t>POINT (4.664984111476353 51.86173675778383)</t>
  </si>
  <si>
    <t>POINT (4.654482196243472 51.869662597991535)</t>
  </si>
  <si>
    <t>POINT (4.652984567772129 51.871567823200195)</t>
  </si>
  <si>
    <t>POINT (4.651165262112467 51.87093622161464)</t>
  </si>
  <si>
    <t>POINT (4.665368245678012 51.86448963840809)</t>
  </si>
  <si>
    <t>POINT (4.642610620125528 51.873686756694)</t>
  </si>
  <si>
    <t>POINT (4.66604038022521 51.86331625790386)</t>
  </si>
  <si>
    <t>POINT (4.649780129171548 51.86915497585312)</t>
  </si>
  <si>
    <t>POINT (4.651357230698162 51.87118461165925)</t>
  </si>
  <si>
    <t>POINT (4.679628009119856 51.848990768500556)</t>
  </si>
  <si>
    <t>POINT (4.659791057477123 51.86192043481777)</t>
  </si>
  <si>
    <t>POINT (4.657577283476313 51.867731333730475)</t>
  </si>
  <si>
    <t>POINT (4.639622393351817 51.871744208302715)</t>
  </si>
  <si>
    <t>POINT (4.671116206838189 51.86640344594582)</t>
  </si>
  <si>
    <t>POINT (4.658934415039708 51.86480790941792)</t>
  </si>
  <si>
    <t>POINT (4.659918189152848 51.85231059107913)</t>
  </si>
  <si>
    <t>POINT (4.661214194800765 51.871798749369255)</t>
  </si>
  <si>
    <t>POINT (4.659563920942085 51.86187138801376)</t>
  </si>
  <si>
    <t>POINT (4.647615190142555 51.87136335325027)</t>
  </si>
  <si>
    <t>POINT (4.669154348773283 51.86086057240418)</t>
  </si>
  <si>
    <t>POINT (4.6610464365307855 51.86221583982534)</t>
  </si>
  <si>
    <t>POINT (4.663999406483361 51.8701665199272)</t>
  </si>
  <si>
    <t>POINT (4.6708469483202375 51.8678130165334)</t>
  </si>
  <si>
    <t>POINT (4.658748749094786 51.86801725252146)</t>
  </si>
  <si>
    <t>POINT (4.66232411576586 51.86689781793231)</t>
  </si>
  <si>
    <t>POINT (4.664786364663865 51.870441021232274)</t>
  </si>
  <si>
    <t>POINT (4.663113807560103 51.86564428192452)</t>
  </si>
  <si>
    <t>POINT (4.638558999316882 51.87020037819029)</t>
  </si>
  <si>
    <t>POINT (4.651883612325184 51.862518373061256)</t>
  </si>
  <si>
    <t>POINT (4.647097258601052 51.87195334049242)</t>
  </si>
  <si>
    <t>POINT (4.6395278642267055 51.875249174179146)</t>
  </si>
  <si>
    <t>POINT (4.667599894117138 51.8683864162411)</t>
  </si>
  <si>
    <t>POINT (4.666450381099069 51.86672546215554)</t>
  </si>
  <si>
    <t>POINT (4.666974206589274 51.862117512804645)</t>
  </si>
  <si>
    <t>POINT (4.644168943774398 51.873413482693785)</t>
  </si>
  <si>
    <t>POINT (4.660075286227868 51.85870426475512)</t>
  </si>
  <si>
    <t>POINT (4.655570064335265 51.867053689047616)</t>
  </si>
  <si>
    <t>POINT (4.660796947800038 51.865261441607345)</t>
  </si>
  <si>
    <t>POINT (4.6620418316353085 51.86729606910039)</t>
  </si>
  <si>
    <t>POINT (4.656746178628663 51.8688407574526)</t>
  </si>
  <si>
    <t>POINT (4.666078987304576 51.86543780977462)</t>
  </si>
  <si>
    <t>POINT (4.67912677195012 51.845875775367766)</t>
  </si>
  <si>
    <t>POINT (4.6520260067886 51.87068993068763)</t>
  </si>
  <si>
    <t>POINT (4.660317750212872 51.86976177718198)</t>
  </si>
  <si>
    <t>POINT (4.654587867747597 51.871645248929916)</t>
  </si>
  <si>
    <t>POINT (4.641609330071925 51.873644450721805)</t>
  </si>
  <si>
    <t>POINT (4.657070197624364 51.87258653343073)</t>
  </si>
  <si>
    <t>POINT (4.66828496939897 51.86413000651756)</t>
  </si>
  <si>
    <t>POINT (4.664832160436359 51.86894469813607)</t>
  </si>
  <si>
    <t>POINT (4.660809724861612 51.86536938413822)</t>
  </si>
  <si>
    <t>POINT (4.6537561920306025 51.87010749804578)</t>
  </si>
  <si>
    <t>POINT (4.654782583931624 51.87217229771094)</t>
  </si>
  <si>
    <t>POINT (4.669897555246885 51.86360953796056)</t>
  </si>
  <si>
    <t>POINT (4.654321205244626 51.86858116063064)</t>
  </si>
  <si>
    <t>POINT (4.65715789181592 51.861987690214434)</t>
  </si>
  <si>
    <t>POINT (4.6413406811518945 51.8705776207109)</t>
  </si>
  <si>
    <t>POINT (4.659442839828295 51.86190749114714)</t>
  </si>
  <si>
    <t>POINT (4.658415835058471 51.86436580488268)</t>
  </si>
  <si>
    <t>POINT (4.654946786595216 51.86341839803547)</t>
  </si>
  <si>
    <t>POINT (4.667903525019098 51.8711927237965)</t>
  </si>
  <si>
    <t>POINT (4.648776006169455 51.87053021984729)</t>
  </si>
  <si>
    <t>POINT (4.662344787394278 51.86895292410349)</t>
  </si>
  <si>
    <t>POINT (4.664006459161073 51.86611269591365)</t>
  </si>
  <si>
    <t>POINT (4.670167936603361 51.86395275655739)</t>
  </si>
  <si>
    <t>POINT (4.646480462457358 51.87149103230228)</t>
  </si>
  <si>
    <t>POINT (4.663697251801342 51.87089723141331)</t>
  </si>
  <si>
    <t>POINT (4.6541335575503355 51.8683346000666)</t>
  </si>
  <si>
    <t>POINT (4.657363681945438 51.8683681990222)</t>
  </si>
  <si>
    <t>POINT (4.661290925449765 51.86884196779962)</t>
  </si>
  <si>
    <t>POINT (4.666007788214725 51.86716318763062)</t>
  </si>
  <si>
    <t>POINT (4.659012884203283 51.86605038151666)</t>
  </si>
  <si>
    <t>POINT (4.640612216703442 51.87335048100366)</t>
  </si>
  <si>
    <t>POINT (4.658851540635933 51.86794598100736)</t>
  </si>
  <si>
    <t>POINT (4.665526334231339 51.87047703020721)</t>
  </si>
  <si>
    <t>POINT (4.667143071068311 51.86699038083497)</t>
  </si>
  <si>
    <t>POINT (4.668764770259474 51.86909016495299)</t>
  </si>
  <si>
    <t>POINT (4.665832574204019 51.87130136965802)</t>
  </si>
  <si>
    <t>POINT (4.666520471967927 51.861440582498275)</t>
  </si>
  <si>
    <t>POINT (4.6564952678974825 51.86193592955895)</t>
  </si>
  <si>
    <t>POINT (4.659834125177395 51.87003743049036)</t>
  </si>
  <si>
    <t>POINT (4.6526473912867745 51.872653338682724)</t>
  </si>
  <si>
    <t>POINT (4.65853906969266 51.8648249895684)</t>
  </si>
  <si>
    <t>POINT (4.671255809951578 51.8667548530068)</t>
  </si>
  <si>
    <t>POINT (4.640248471612865 51.87339311163113)</t>
  </si>
  <si>
    <t>POINT (4.653074656123575 51.86312362243952)</t>
  </si>
  <si>
    <t>POINT (4.67080746799541 51.870293632860374)</t>
  </si>
  <si>
    <t>POINT (4.656192633134341 51.87163277564221)</t>
  </si>
  <si>
    <t>POINT (4.665885077207251 51.870290472906404)</t>
  </si>
  <si>
    <t>POINT (4.658232297233224 51.863846309569034)</t>
  </si>
  <si>
    <t>POINT (4.655269256816599 51.862311723206524)</t>
  </si>
  <si>
    <t>POINT (4.6707848699218 51.86806431908886)</t>
  </si>
  <si>
    <t>POINT (4.664593285563722 51.864855069329266)</t>
  </si>
  <si>
    <t>POINT (4.629002491209135 51.87980186820367)</t>
  </si>
  <si>
    <t>POINT (4.670085529242679 51.865480318522636)</t>
  </si>
  <si>
    <t>POINT (4.661666908021512 51.87163975148784)</t>
  </si>
  <si>
    <t>POINT (4.654323136117349 51.87140539891062)</t>
  </si>
  <si>
    <t>POINT (4.643202344282008 51.873029841710355)</t>
  </si>
  <si>
    <t>POINT (4.670868596430135 51.85276619431797)</t>
  </si>
  <si>
    <t>POINT (4.630091789966995 51.878936996042434)</t>
  </si>
  <si>
    <t>POINT (4.631542800648274 51.87815084466143)</t>
  </si>
  <si>
    <t>POINT (4.647439480718073 51.87145213304824)</t>
  </si>
  <si>
    <t>POINT (4.6635846974650565 51.86209218299101)</t>
  </si>
  <si>
    <t>POINT (4.652708487217099 51.862547354683215)</t>
  </si>
  <si>
    <t>POINT (4.6726764046035365 51.8601792966762)</t>
  </si>
  <si>
    <t>POINT (4.672673335963479 51.8600104177658)</t>
  </si>
  <si>
    <t>POINT (4.655243719945871 51.86995056871797)</t>
  </si>
  <si>
    <t>POINT (4.6744087312578495 51.857719795632676)</t>
  </si>
  <si>
    <t>POINT (4.65347985674309 51.86790805270052)</t>
  </si>
  <si>
    <t>POINT (4.653254115517019 51.87017627080477)</t>
  </si>
  <si>
    <t>POINT (4.658954645453878 51.8669578716225)</t>
  </si>
  <si>
    <t>POINT (4.664686134914897 51.86356860451113)</t>
  </si>
  <si>
    <t>POINT (4.665988347710142 51.86837653173122)</t>
  </si>
  <si>
    <t>POINT (4.667630655159437 51.86827874130504)</t>
  </si>
  <si>
    <t>POINT (4.670482450512908 51.85970036189699)</t>
  </si>
  <si>
    <t>POINT (4.661958549383039 51.85984847781418)</t>
  </si>
  <si>
    <t>POINT (4.665592154220165 51.87094537292205)</t>
  </si>
  <si>
    <t>POINT (4.654969312108158 51.86117482263581)</t>
  </si>
  <si>
    <t>POINT (4.6683274041145735 51.865563951097066)</t>
  </si>
  <si>
    <t>POINT (4.670303226427393 51.87095571355576)</t>
  </si>
  <si>
    <t>POINT (4.644410586123838 51.87021056356933)</t>
  </si>
  <si>
    <t>POINT (4.662842457614627 51.86536396136378)</t>
  </si>
  <si>
    <t>POINT (4.670409780294178 51.86517668489752)</t>
  </si>
  <si>
    <t>POINT (4.661717806087238 51.86577948503861)</t>
  </si>
  <si>
    <t>POINT (4.666965184824536 51.867672425097496)</t>
  </si>
  <si>
    <t>POINT (4.642851563269211 51.87316694313295)</t>
  </si>
  <si>
    <t>POINT (4.658653120129303 51.86870273408022)</t>
  </si>
  <si>
    <t>POINT (4.65530372160345 51.86646776876213)</t>
  </si>
  <si>
    <t>POINT (4.658667981440309 51.86717631514613)</t>
  </si>
  <si>
    <t>POINT (4.664876344733401 51.86257203719341)</t>
  </si>
  <si>
    <t>POINT (4.666811161395297 51.867770355293636)</t>
  </si>
  <si>
    <t>POINT (4.665513200291847 51.862692804529594)</t>
  </si>
  <si>
    <t>POINT (4.676169044568842 51.86197891066476)</t>
  </si>
  <si>
    <t>POINT (4.656748288534504 51.86957773891765)</t>
  </si>
  <si>
    <t>POINT (4.660448299528771 51.85538077875359)</t>
  </si>
  <si>
    <t>POINT (4.658010498427948 51.86160377936608)</t>
  </si>
  <si>
    <t>POINT (4.6515469735139945 51.8724576907974)</t>
  </si>
  <si>
    <t>POINT (4.640532366150876 51.87466231390408)</t>
  </si>
  <si>
    <t>POINT (4.640389936363552 51.87449421987954)</t>
  </si>
  <si>
    <t>POINT (4.655079656198358 51.87087079932827)</t>
  </si>
  <si>
    <t>POINT (4.6703479080804815 51.86632685023538)</t>
  </si>
  <si>
    <t>POINT (4.672865468879091 51.8616144733333)</t>
  </si>
  <si>
    <t>POINT (4.653001215368369 51.871882529135554)</t>
  </si>
  <si>
    <t>POINT (4.659776232808852 51.864634908866634)</t>
  </si>
  <si>
    <t>POINT (4.6532277517626115 51.86645031947848)</t>
  </si>
  <si>
    <t>POINT (4.657347978081668 51.87112760884896)</t>
  </si>
  <si>
    <t>POINT (4.675300336089331 51.85384481508035)</t>
  </si>
  <si>
    <t>POINT (4.660580829880361 51.8629095787441)</t>
  </si>
  <si>
    <t>POINT (4.656393141216107 51.86464986083883)</t>
  </si>
  <si>
    <t>POINT (4.6534951653223615 51.87142270145239)</t>
  </si>
  <si>
    <t>POINT (4.643769732751416 51.87076829871199)</t>
  </si>
  <si>
    <t>POINT (4.6673897420819035 51.87154013225709)</t>
  </si>
  <si>
    <t>POINT (4.678305066782914 51.844618188144864)</t>
  </si>
  <si>
    <t>POINT (4.654763968854089 51.87242386307426)</t>
  </si>
  <si>
    <t>POINT (4.638770167540011 51.874965701283685)</t>
  </si>
  <si>
    <t>POINT (4.656882532966969 51.86849104899333)</t>
  </si>
  <si>
    <t>POINT (4.665139897846726 51.87103194941824)</t>
  </si>
  <si>
    <t>POINT (4.666825599736019 51.86142447728364)</t>
  </si>
  <si>
    <t>POINT (4.66610955848267 51.86715482387462)</t>
  </si>
  <si>
    <t>POINT (4.656150188295951 51.867719763190294)</t>
  </si>
  <si>
    <t>POINT (4.6516436619731785 51.8709841616257)</t>
  </si>
  <si>
    <t>POINT (4.658281543410847 51.871762609521674)</t>
  </si>
  <si>
    <t>POINT (4.651288498913322 51.869615665467755)</t>
  </si>
  <si>
    <t>POINT (4.661287082345301 51.871781222610714)</t>
  </si>
  <si>
    <t>POINT (4.654378783147382 51.87110912150256)</t>
  </si>
  <si>
    <t>POINT (4.659406314281999 51.8659629338842)</t>
  </si>
  <si>
    <t>POINT (4.657174155326302 51.86931082676488)</t>
  </si>
  <si>
    <t>POINT (4.666268187167201 51.86359630383378)</t>
  </si>
  <si>
    <t>POINT (4.669344909683889 51.86366908167472)</t>
  </si>
  <si>
    <t>POINT (4.655000167968518 51.86120301461542)</t>
  </si>
  <si>
    <t>POINT (4.668772815770122 51.86676665698548)</t>
  </si>
  <si>
    <t>POINT (4.66941563807188 51.84557360369736)</t>
  </si>
  <si>
    <t>POINT (4.6667180344345915 51.87177421224128)</t>
  </si>
  <si>
    <t>POINT (4.667666904946725 51.871460932920535)</t>
  </si>
  <si>
    <t>POINT (4.638524199469762 51.87403830446864)</t>
  </si>
  <si>
    <t>POINT (4.662165027040266 51.87226753613745)</t>
  </si>
  <si>
    <t>POINT (4.664960711868476 51.86817246750965)</t>
  </si>
  <si>
    <t>POINT (4.674840305476629 51.841606922365216)</t>
  </si>
  <si>
    <t>POINT (4.657086554550181 51.8657597749027)</t>
  </si>
  <si>
    <t>POINT (4.65841484564838 51.86220281979316)</t>
  </si>
  <si>
    <t>POINT (4.639501700205326 51.87350251609555)</t>
  </si>
  <si>
    <t>POINT (4.660389019035458 51.85886453266391)</t>
  </si>
  <si>
    <t>POINT (4.663858370455769 51.8703589067297)</t>
  </si>
  <si>
    <t>POINT (4.662357402773933 51.86483063994352)</t>
  </si>
  <si>
    <t>POINT (4.660790372473891 51.87196691280871)</t>
  </si>
  <si>
    <t>POINT (4.651351395045586 51.87020930900612)</t>
  </si>
  <si>
    <t>POINT (4.6568240717696865 51.86583005191641)</t>
  </si>
  <si>
    <t>POINT (4.659814271189743 51.86407784955544)</t>
  </si>
  <si>
    <t>POINT (4.664875043982603 51.868082054501585)</t>
  </si>
  <si>
    <t>POINT (4.654304094859076 51.872128864319)</t>
  </si>
  <si>
    <t>POINT (4.667426543793495 51.87150889763397)</t>
  </si>
  <si>
    <t>POINT (4.646316626802366 51.872622566433876)</t>
  </si>
  <si>
    <t>POINT (4.643346967721437 51.8718926529663)</t>
  </si>
  <si>
    <t>POINT (4.638596716809569 51.870115226515466)</t>
  </si>
  <si>
    <t>POINT (4.660014166065333 51.86698241360429)</t>
  </si>
  <si>
    <t>POINT (4.661334064106451 51.861664817226654)</t>
  </si>
  <si>
    <t>POINT (4.647419875675574 51.87043629429877)</t>
  </si>
  <si>
    <t>POINT (4.667951593017796 51.86500435583677)</t>
  </si>
  <si>
    <t>POINT (4.640965710379022 51.87436394851545)</t>
  </si>
  <si>
    <t>POINT (4.655956973281293 51.87094367911508)</t>
  </si>
  <si>
    <t>POINT (4.6702643198992595 51.86519377428813)</t>
  </si>
  <si>
    <t>POINT (4.645389568728236 51.866315682751804)</t>
  </si>
  <si>
    <t>POINT (4.661846871273295 51.86587915707295)</t>
  </si>
  <si>
    <t>POINT (4.642669582887722 51.87254533143216)</t>
  </si>
  <si>
    <t>POINT (4.667416330826618 51.8689695515071)</t>
  </si>
  <si>
    <t>POINT (4.666694440026704 51.867805593799545)</t>
  </si>
  <si>
    <t>POINT (4.639276241623347 51.87160268078884)</t>
  </si>
  <si>
    <t>POINT (4.6597865323537295 51.86579450547925)</t>
  </si>
  <si>
    <t>POINT (4.655628720535986 51.86701809990642)</t>
  </si>
  <si>
    <t>POINT (4.656554951538448 51.86939524482948)</t>
  </si>
  <si>
    <t>POINT (4.667470949140907 51.867369912449426)</t>
  </si>
  <si>
    <t>POINT (4.6584435598138 51.86444687457708)</t>
  </si>
  <si>
    <t>POINT (4.665462570668881 51.86539806891726)</t>
  </si>
  <si>
    <t>POINT (4.662809992775206 51.870358737785274)</t>
  </si>
  <si>
    <t>POINT (4.666036392316277 51.86719032912373)</t>
  </si>
  <si>
    <t>POINT (4.665587766239224 51.863475272998855)</t>
  </si>
  <si>
    <t>POINT (4.644757527996329 51.872945301353134)</t>
  </si>
  <si>
    <t>POINT (4.652209009204713 51.87282138025444)</t>
  </si>
  <si>
    <t>POINT (4.667020053766725 51.862427901475066)</t>
  </si>
  <si>
    <t>POINT (4.646367889764922 51.8725959238765)</t>
  </si>
  <si>
    <t>POINT (4.659558566627535 51.869118884302175)</t>
  </si>
  <si>
    <t>POINT (4.6345401993011075 51.87520833266459)</t>
  </si>
  <si>
    <t>POINT (4.670797602187961 51.852666886265204)</t>
  </si>
  <si>
    <t>POINT (4.646874555649019 51.87136767606353)</t>
  </si>
  <si>
    <t>POINT (4.662368024166832 51.86444149803416)</t>
  </si>
  <si>
    <t>POINT (4.6600119945796195 51.863072347616395)</t>
  </si>
  <si>
    <t>POINT (4.652715595173542 51.86847405383331)</t>
  </si>
  <si>
    <t>POINT (4.662824992867384 51.8646447637164)</t>
  </si>
  <si>
    <t>POINT (4.654372955176304 51.87012932500957)</t>
  </si>
  <si>
    <t>POINT (4.665780012182365 51.87186283522437)</t>
  </si>
  <si>
    <t>POINT (4.6618725254012 51.867936361839824)</t>
  </si>
  <si>
    <t>POINT (4.641996306604735 51.868725907294014)</t>
  </si>
  <si>
    <t>POINT (4.653667329454716 51.87065974361175)</t>
  </si>
  <si>
    <t>POINT (4.65346965681986 51.87209668895134)</t>
  </si>
  <si>
    <t>POINT (4.641748267917682 51.87227007163776)</t>
  </si>
  <si>
    <t>POINT (4.66926102503166 51.869839254279114)</t>
  </si>
  <si>
    <t>POINT (4.65325816517282 51.871708856784984)</t>
  </si>
  <si>
    <t>POINT (4.667546136278456 51.86902427860289)</t>
  </si>
  <si>
    <t>POINT (4.658615117877283 51.86550859705825)</t>
  </si>
  <si>
    <t>POINT (4.664975416757162 51.86454115513351)</t>
  </si>
  <si>
    <t>POINT (4.664496018636062 51.85822819012246)</t>
  </si>
  <si>
    <t>POINT (4.667842508753897 51.86592502123613)</t>
  </si>
  <si>
    <t>POINT (4.664848657217363 51.862940400522966)</t>
  </si>
  <si>
    <t>POINT (4.6674597429923494 51.868978806153265)</t>
  </si>
  <si>
    <t>POINT (4.644175907002431 51.873431504002724)</t>
  </si>
  <si>
    <t>POINT (4.66615450318342 51.86616185735567)</t>
  </si>
  <si>
    <t>POINT (4.653012340866136 51.86808490378514)</t>
  </si>
  <si>
    <t>POINT (4.661713058237187 51.871028810525125)</t>
  </si>
  <si>
    <t>POINT (4.660299614367221 51.86142327647663)</t>
  </si>
  <si>
    <t>POINT (4.661410552198103 51.868626980170006)</t>
  </si>
  <si>
    <t>POINT (4.670213787004837 51.868366447207585)</t>
  </si>
  <si>
    <t>POINT (4.636445811871143 51.87292633080278)</t>
  </si>
  <si>
    <t>POINT (4.659757787670321 51.86577635019415)</t>
  </si>
  <si>
    <t>POINT (4.6634897143046095 51.87206447297526)</t>
  </si>
  <si>
    <t>POINT (4.6417945062127925 51.87210856966238)</t>
  </si>
  <si>
    <t>POINT (4.659319919729781 51.86681631792194)</t>
  </si>
  <si>
    <t>POINT (4.656815241522202 51.865479440488706)</t>
  </si>
  <si>
    <t>POINT (4.66609561637076 51.86711878380032)</t>
  </si>
  <si>
    <t>POINT (4.66634964805245 51.87210902502358)</t>
  </si>
  <si>
    <t>POINT (4.644917253587876 51.87206542498259)</t>
  </si>
  <si>
    <t>POINT (4.672482701188617 51.86411157368362)</t>
  </si>
  <si>
    <t>POINT (4.655040769461256 51.8611916634184)</t>
  </si>
  <si>
    <t>POINT (4.652542316603164 51.870639229430346)</t>
  </si>
  <si>
    <t>POINT (4.652090805898704 51.862276976959826)</t>
  </si>
  <si>
    <t>POINT (4.653662284709553 51.871414756623665)</t>
  </si>
  <si>
    <t>POINT (4.662022347086946 51.86490048060814)</t>
  </si>
  <si>
    <t>POINT (4.6513971829805865 51.86918489218316)</t>
  </si>
  <si>
    <t>POINT (4.6586918720414285 51.87153145106806)</t>
  </si>
  <si>
    <t>POINT (4.661783552772735 51.86530349404487)</t>
  </si>
  <si>
    <t>POINT (4.666012879469628 51.865032915905935)</t>
  </si>
  <si>
    <t>POINT (4.671886949612619 51.869981116188846)</t>
  </si>
  <si>
    <t>POINT (4.653757161224042 51.86425590629802)</t>
  </si>
  <si>
    <t>POINT (4.666677307051592 51.869782984344134)</t>
  </si>
  <si>
    <t>POINT (4.660037107890434 51.863764627492415)</t>
  </si>
  <si>
    <t>POINT (4.651532060506252 51.865374557384115)</t>
  </si>
  <si>
    <t>POINT (4.657343196119857 51.870974772560864)</t>
  </si>
  <si>
    <t>POINT (4.666242982352094 51.8719690468637)</t>
  </si>
  <si>
    <t>POINT (4.6509234336330305 51.86885383838344)</t>
  </si>
  <si>
    <t>POINT (4.669629565680431 51.859473134646066)</t>
  </si>
  <si>
    <t>POINT (4.652302673013686 51.87108716161291)</t>
  </si>
  <si>
    <t>POINT (4.660571272875041 51.872046455180666)</t>
  </si>
  <si>
    <t>POINT (4.655015015442848 51.86122914725997)</t>
  </si>
  <si>
    <t>POINT (4.6711665711723445 51.86871382684533)</t>
  </si>
  <si>
    <t>POINT (4.66654373941964 51.86243576600294)</t>
  </si>
  <si>
    <t>POINT (4.657349982971995 51.86921304460721)</t>
  </si>
  <si>
    <t>POINT (4.662812387073898 51.86949811928761)</t>
  </si>
  <si>
    <t>POINT (4.657911754976049 51.87128391722098)</t>
  </si>
  <si>
    <t>POINT (4.664536216203426 51.86838558329342)</t>
  </si>
  <si>
    <t>POINT (4.665979472157216 51.867118070660936)</t>
  </si>
  <si>
    <t>POINT (4.640065334714789 51.872178481156745)</t>
  </si>
  <si>
    <t>POINT (4.666014344846337 51.86403518786627)</t>
  </si>
  <si>
    <t>POINT (4.667571288314059 51.86835927512976)</t>
  </si>
  <si>
    <t>POINT (4.653111857468839 51.869995609255994)</t>
  </si>
  <si>
    <t>POINT (4.659194870478838 51.86197966104376)</t>
  </si>
  <si>
    <t>POINT (4.659141362693008 51.86618600741022)</t>
  </si>
  <si>
    <t>POINT (4.671444651129783 51.86948854241917)</t>
  </si>
  <si>
    <t>POINT (4.642907701551753 51.87065048146097)</t>
  </si>
  <si>
    <t>POINT (4.665892075955465 51.86713551120028)</t>
  </si>
  <si>
    <t>POINT (4.640254682747135 51.86951904882073)</t>
  </si>
  <si>
    <t>POINT (4.635075106390666 51.874483679290414)</t>
  </si>
  <si>
    <t>POINT (4.6585717410846055 51.864600476560604)</t>
  </si>
  <si>
    <t>POINT (4.637377709105586 51.87312313912397)</t>
  </si>
  <si>
    <t>POINT (4.651117614085132 51.86267731157116)</t>
  </si>
  <si>
    <t>POINT (4.666838741131272 51.86241780086618)</t>
  </si>
  <si>
    <t>POINT (4.64673128444732 51.87124992074857)</t>
  </si>
  <si>
    <t>POINT (4.665197355004421 51.86428184965241)</t>
  </si>
  <si>
    <t>POINT (4.642282487569589 51.87070044977638)</t>
  </si>
  <si>
    <t>POINT (4.648448521285794 51.86438442936011)</t>
  </si>
  <si>
    <t>POINT (4.660961661278932 51.86225127013641)</t>
  </si>
  <si>
    <t>POINT (4.643141014788907 51.869712647285674)</t>
  </si>
  <si>
    <t>POINT (4.66395321219514 51.86610760406299)</t>
  </si>
  <si>
    <t>POINT (4.644184449888223 51.87247426881018)</t>
  </si>
  <si>
    <t>POINT (4.668947704448327 51.86945532263638)</t>
  </si>
  <si>
    <t>POINT (4.6443951163534605 51.87334749845767)</t>
  </si>
  <si>
    <t>POINT (4.644390552838916 51.86675773992426)</t>
  </si>
  <si>
    <t>POINT (4.659872839152541 51.86584447742918)</t>
  </si>
  <si>
    <t>POINT (4.666855435275075 51.86772568374968)</t>
  </si>
  <si>
    <t>POINT (4.666132798590904 51.866157229794474)</t>
  </si>
  <si>
    <t>POINT (4.641765318205303 51.872117373063105)</t>
  </si>
  <si>
    <t>POINT (4.643722088027142 51.87175209072502)</t>
  </si>
  <si>
    <t>POINT (4.671266959814195 51.86605380897185)</t>
  </si>
  <si>
    <t>POINT (4.652892465536242 51.871872860699426)</t>
  </si>
  <si>
    <t>POINT (4.656955562633978 51.86846453719025)</t>
  </si>
  <si>
    <t>POINT (4.643845397218131 51.871697761864084)</t>
  </si>
  <si>
    <t>POINT (4.662322259663261 51.860250717406664)</t>
  </si>
  <si>
    <t>POINT (4.662069712894198 51.85925591461659)</t>
  </si>
  <si>
    <t>POINT (4.660143075002237 51.85990017263496)</t>
  </si>
  <si>
    <t>POINT (4.652733781074203 51.86202032937442)</t>
  </si>
  <si>
    <t>POINT (4.644975705520141 51.871653063347615)</t>
  </si>
  <si>
    <t>POINT (4.670263193880089 51.8721015170431)</t>
  </si>
  <si>
    <t>POINT (4.660044795816387 51.86958031523963)</t>
  </si>
  <si>
    <t>POINT (4.654925341365161 51.86954298148242)</t>
  </si>
  <si>
    <t>POINT (4.662594178140677 51.872670177741036)</t>
  </si>
  <si>
    <t>POINT (4.646394677553158 51.87140959360996)</t>
  </si>
  <si>
    <t>POINT (4.6431652759272515 51.87236374699654)</t>
  </si>
  <si>
    <t>POINT (4.64030083107466 51.87086290095473)</t>
  </si>
  <si>
    <t>POINT (4.641758974993818 51.86987017389528)</t>
  </si>
  <si>
    <t>POINT (4.666261297908507 51.86946583007383)</t>
  </si>
  <si>
    <t>POINT (4.6698877927773825 51.86877793299387)</t>
  </si>
  <si>
    <t>POINT (4.666805139614874 51.86633213940785)</t>
  </si>
  <si>
    <t>POINT (4.65145217716273 51.862016711761896)</t>
  </si>
  <si>
    <t>POINT (4.6461466814753685 51.872360824101534)</t>
  </si>
  <si>
    <t>POINT (4.654817923603076 51.86194584058063)</t>
  </si>
  <si>
    <t>POINT (4.677115795541736 51.848898579267086)</t>
  </si>
  <si>
    <t>POINT (4.659199016176575 51.872496377676896)</t>
  </si>
  <si>
    <t>POINT (4.664362332390012 51.86894216719904)</t>
  </si>
  <si>
    <t>POINT (4.654989546913053 51.86120355063444)</t>
  </si>
  <si>
    <t>POINT (4.653506387878643 51.867171150834224)</t>
  </si>
  <si>
    <t>POINT (4.665625953263677 51.86471593756984)</t>
  </si>
  <si>
    <t>POINT (4.652763403384794 51.869103556787216)</t>
  </si>
  <si>
    <t>POINT (4.665574448146041 51.86974025930244)</t>
  </si>
  <si>
    <t>POINT (4.659901923126423 51.871233336818385)</t>
  </si>
  <si>
    <t>POINT (4.639632549780089 51.87462962478696)</t>
  </si>
  <si>
    <t>POINT (4.658520275647592 51.864028929911434)</t>
  </si>
  <si>
    <t>POINT (4.66069576105926 51.86523384985357)</t>
  </si>
  <si>
    <t>POINT (4.661392066837141 51.863341267232904)</t>
  </si>
  <si>
    <t>POINT (4.6581974960923365 51.86440040433666)</t>
  </si>
  <si>
    <t>POINT (4.658920374639602 51.86728124962671)</t>
  </si>
  <si>
    <t>POINT (4.665620636395306 51.87048210388401)</t>
  </si>
  <si>
    <t>POINT (4.6429882772773015 51.87104649195077)</t>
  </si>
  <si>
    <t>POINT (4.643909223131306 51.87067480086332)</t>
  </si>
  <si>
    <t>POINT (4.659972347005256 51.86957087807095)</t>
  </si>
  <si>
    <t>POINT (4.6539693643178826 51.870391970704794)</t>
  </si>
  <si>
    <t>POINT (4.664080061260108 51.864191768028455)</t>
  </si>
  <si>
    <t>POINT (4.646880379521723 51.870572218911235)</t>
  </si>
  <si>
    <t>POINT (4.6568119309393445 51.871052367788685)</t>
  </si>
  <si>
    <t>POINT (4.667644167824512 51.86834174440296)</t>
  </si>
  <si>
    <t>POINT (4.661673305157289 51.859532113836266)</t>
  </si>
  <si>
    <t>POINT (4.6639753498596335 51.85810813251932)</t>
  </si>
  <si>
    <t>POINT (4.659728171525566 51.8658121212596)</t>
  </si>
  <si>
    <t>POINT (4.6688895328229 51.866731416401024)</t>
  </si>
  <si>
    <t>POINT (4.66610383514521 51.86615255766269)</t>
  </si>
  <si>
    <t>POINT (4.652171192290053 51.87113577634776)</t>
  </si>
  <si>
    <t>POINT (4.659894238455127 51.86901309988044)</t>
  </si>
  <si>
    <t>POINT (4.669758204806183 51.860966032117446)</t>
  </si>
  <si>
    <t>POINT (4.66933732604304 51.86915209170259)</t>
  </si>
  <si>
    <t>POINT (4.654980515090962 51.86121170094653)</t>
  </si>
  <si>
    <t>POINT (4.644857919411193 51.871701010412174)</t>
  </si>
  <si>
    <t>POINT (4.637911503392078 51.87333328408645)</t>
  </si>
  <si>
    <t>POINT (4.661781030638576 51.8600541199096)</t>
  </si>
  <si>
    <t>POINT (4.6610607063564915 51.86421140340175)</t>
  </si>
  <si>
    <t>POINT (4.676113794881523 51.86400714479981)</t>
  </si>
  <si>
    <t>POINT (4.665460998242008 51.87047662875468)</t>
  </si>
  <si>
    <t>POINT (4.6576855395935945 51.87269822020064)</t>
  </si>
  <si>
    <t>POINT (4.655229069599634 51.86238325596952)</t>
  </si>
  <si>
    <t>POINT (4.666872415377693 51.86575728038538)</t>
  </si>
  <si>
    <t>POINT (4.668618934084458 51.8703523438591)</t>
  </si>
  <si>
    <t>POINT (4.6391814919867285 51.873808787554054)</t>
  </si>
  <si>
    <t>POINT (4.663031580146663 51.8725605175297)</t>
  </si>
  <si>
    <t>POINT (4.674275678251076 51.85420443574761)</t>
  </si>
  <si>
    <t>POINT (4.675914480357058 51.862008910231594)</t>
  </si>
  <si>
    <t>POINT (4.644620690851884 51.871811877767705)</t>
  </si>
  <si>
    <t>POINT (4.670320261667846 51.86988617274254)</t>
  </si>
  <si>
    <t>POINT (4.668729835825548 51.86673043960682)</t>
  </si>
  <si>
    <t>POINT (4.668773963331431 51.866694755067876)</t>
  </si>
  <si>
    <t>POINT (4.662158066344811 51.858276699276985)</t>
  </si>
  <si>
    <t>POINT (4.6529385184227925 51.872165278898336)</t>
  </si>
  <si>
    <t>POINT (4.674765964621893 51.86248220147423)</t>
  </si>
  <si>
    <t>POINT (4.673209958175539 51.85431481289124)</t>
  </si>
  <si>
    <t>POINT (4.638388867531803 51.87344419187498)</t>
  </si>
  <si>
    <t>POINT (4.666894438202214 51.86211252927641)</t>
  </si>
  <si>
    <t>POINT (4.661804000220648 51.85907899531233)</t>
  </si>
  <si>
    <t>POINT (4.64118910185926 51.87402829377586)</t>
  </si>
  <si>
    <t>POINT (4.666016180688516 51.87026431210846)</t>
  </si>
  <si>
    <t>POINT (4.663631238336733 51.86597106124085)</t>
  </si>
  <si>
    <t>POINT (4.666168804957486 51.86617542808645)</t>
  </si>
  <si>
    <t>POINT (4.655272951321796 51.86229611499773)</t>
  </si>
  <si>
    <t>POINT (4.6676290746774 51.868377606401594)</t>
  </si>
  <si>
    <t>POINT (4.646208441397675 51.871255612139095)</t>
  </si>
  <si>
    <t>POINT (4.642829658810573 51.872735349963605)</t>
  </si>
  <si>
    <t>POINT (4.651954665058022 51.866168203419676)</t>
  </si>
  <si>
    <t>POINT (4.66023354029145 51.86958148359019)</t>
  </si>
  <si>
    <t>POINT (4.667077596336979 51.86699896802796)</t>
  </si>
  <si>
    <t>POINT (4.651771897416094 51.868468148675866)</t>
  </si>
  <si>
    <t>POINT (4.654586277764758 51.87040480884321)</t>
  </si>
  <si>
    <t>POINT (4.671725499642209 51.866892544378224)</t>
  </si>
  <si>
    <t>POINT (4.6582705183392905 51.86437389168802)</t>
  </si>
  <si>
    <t>POINT (4.66076324450495 51.86375114390116)</t>
  </si>
  <si>
    <t>POINT (4.667674478488814 51.85808860893991)</t>
  </si>
  <si>
    <t>POINT (4.671130120715302 51.85238487373117)</t>
  </si>
  <si>
    <t>POINT (4.662856582451044 51.87080216396646)</t>
  </si>
  <si>
    <t>POINT (4.629599769190421 51.879219914244516)</t>
  </si>
  <si>
    <t>POINT (4.6648552797334455 51.87202793568222)</t>
  </si>
  <si>
    <t>POINT (4.661446898750855 51.8654721980835)</t>
  </si>
  <si>
    <t>POINT (4.679519488528738 51.84829910470557)</t>
  </si>
  <si>
    <t>POINT (4.659977768854039 51.85219483582912)</t>
  </si>
  <si>
    <t>POINT (4.660918836922509 51.86220606216601)</t>
  </si>
  <si>
    <t>POINT (4.66620779659658 51.870539641236185)</t>
  </si>
  <si>
    <t>POINT (4.640859339845001 51.86895660834112)</t>
  </si>
  <si>
    <t>POINT (4.665744138755953 51.863682972029316)</t>
  </si>
  <si>
    <t>POINT (4.640433055657493 51.873645967031976)</t>
  </si>
  <si>
    <t>POINT (4.6726799938042864 51.865118609288466)</t>
  </si>
  <si>
    <t>POINT (4.655873018307194 51.867442086826784)</t>
  </si>
  <si>
    <t>POINT (4.648504851766565 51.864933090527394)</t>
  </si>
  <si>
    <t>POINT (4.656492137960271 51.86660100927328)</t>
  </si>
  <si>
    <t>POINT (4.6689801225533625 51.86378370349166)</t>
  </si>
  <si>
    <t>POINT (4.670531434360078 51.86391902076156)</t>
  </si>
  <si>
    <t>POINT (4.659757206703554 51.86581230109937)</t>
  </si>
  <si>
    <t>POINT (4.642524391923407 51.87363227827064)</t>
  </si>
  <si>
    <t>POINT (4.654959125629033 51.861230758320346)</t>
  </si>
  <si>
    <t>POINT (4.650769547630253 51.86494731284159)</t>
  </si>
  <si>
    <t>POINT (4.658771979484025 51.87286226356973)</t>
  </si>
  <si>
    <t>POINT (4.663799751740465 51.869940575005906)</t>
  </si>
  <si>
    <t>POINT (4.653844760575645 51.87269228065411)</t>
  </si>
  <si>
    <t>POINT (4.6563508248708745 51.86725629982403)</t>
  </si>
  <si>
    <t>POINT (4.664107176144941 51.86978516719496)</t>
  </si>
  <si>
    <t>POINT (4.641396295206916 51.873355462024705)</t>
  </si>
  <si>
    <t>POINT (4.641501620933412 51.87357185792273)</t>
  </si>
  <si>
    <t>POINT (4.64355925233273 51.87340063572352)</t>
  </si>
  <si>
    <t>POINT (4.668026803061755 51.8716563922076)</t>
  </si>
  <si>
    <t>POINT (4.667516236752921 51.86907802709543)</t>
  </si>
  <si>
    <t>POINT (4.661118266625236 51.861092705262465)</t>
  </si>
  <si>
    <t>POINT (4.6662269947344965 51.87024762908713)</t>
  </si>
  <si>
    <t>POINT (4.667414893568262 51.869059428856296)</t>
  </si>
  <si>
    <t>POINT (4.656636663794866 51.86753672556875)</t>
  </si>
  <si>
    <t>POINT (4.655584127942555 51.86615893171327)</t>
  </si>
  <si>
    <t>POINT (4.640335188772457 51.87166784509646)</t>
  </si>
  <si>
    <t>POINT (4.655885831296611 51.86549163423179)</t>
  </si>
  <si>
    <t>POINT (4.651655786798467 51.872907803499515)</t>
  </si>
  <si>
    <t>POINT (4.66258435967764 51.871025200333314)</t>
  </si>
  <si>
    <t>POINT (4.6416629367655915 51.87216166644239)</t>
  </si>
  <si>
    <t>POINT (4.662507398699094 51.865433803401636)</t>
  </si>
  <si>
    <t>POINT (4.666002002109513 51.86843054727974)</t>
  </si>
  <si>
    <t>POINT (4.661692148585699 51.87097474966327)</t>
  </si>
  <si>
    <t>POINT (4.650875046005573 51.86515471289888)</t>
  </si>
  <si>
    <t>POINT (4.653875461628974 51.868981068965546)</t>
  </si>
  <si>
    <t>POINT (4.654982590737668 51.8612027971618)</t>
  </si>
  <si>
    <t>POINT (4.667681197550168 51.861937579603335)</t>
  </si>
  <si>
    <t>POINT (4.671234795660359 51.86807605120664)</t>
  </si>
  <si>
    <t>POINT (4.666753951556382 51.86771607267869)</t>
  </si>
  <si>
    <t>POINT (4.64597510988715 51.87219794618034)</t>
  </si>
  <si>
    <t>POINT (4.665815571160723 51.86375531979746)</t>
  </si>
  <si>
    <t>POINT (4.659160138025708 51.870860207918724)</t>
  </si>
  <si>
    <t>POINT (4.6588124001119064 51.86587835443034)</t>
  </si>
  <si>
    <t>POINT (4.663939021450087 51.87088907560482)</t>
  </si>
  <si>
    <t>POINT (4.660473256623815 51.87092227143855)</t>
  </si>
  <si>
    <t>POINT (4.640901059232629 51.87055636557746)</t>
  </si>
  <si>
    <t>POINT (4.666183101111144 51.863469940781606)</t>
  </si>
  <si>
    <t>POINT (4.671341875105101 51.863168919436525)</t>
  </si>
  <si>
    <t>POINT (4.667375205464145 51.86246153897995)</t>
  </si>
  <si>
    <t>POINT (4.666878159956802 51.86630562140928)</t>
  </si>
  <si>
    <t>POINT (4.656662666320065 51.86947015188639)</t>
  </si>
  <si>
    <t>POINT (4.676869694227231 51.846834199806075)</t>
  </si>
  <si>
    <t>POINT (4.667470374308671 51.86740586339691)</t>
  </si>
  <si>
    <t>POINT (4.671139867761954 51.859895829921044)</t>
  </si>
  <si>
    <t>POINT (4.646399847991998 51.8725952265731)</t>
  </si>
  <si>
    <t>POINT (4.665105906757358 51.87088792260947)</t>
  </si>
  <si>
    <t>POINT (4.651619877303248 51.87199523315259)</t>
  </si>
  <si>
    <t>POINT (4.668802138489945 51.86674885911059)</t>
  </si>
  <si>
    <t>POINT (4.667449547397743 51.87234048523865)</t>
  </si>
  <si>
    <t>POINT (4.666832889806512 51.86550535660211)</t>
  </si>
  <si>
    <t>POINT (4.670153823843294 51.87030762156199)</t>
  </si>
  <si>
    <t>POINT (4.660741143494485 51.87141830262973)</t>
  </si>
  <si>
    <t>POINT (4.660852552102476 51.865414592135856)</t>
  </si>
  <si>
    <t>POINT (4.667599346335846 51.86206291883249)</t>
  </si>
  <si>
    <t>POINT (4.633830122725364 51.875985792107656)</t>
  </si>
  <si>
    <t>POINT (4.642896674001629 51.871514884520145)</t>
  </si>
  <si>
    <t>POINT (4.640169507926525 51.87202633692915)</t>
  </si>
  <si>
    <t>POINT (4.6696861956341955 51.85956336690068)</t>
  </si>
  <si>
    <t>POINT (4.674469332084205 51.84223205098276)</t>
  </si>
  <si>
    <t>POINT (4.642140831365865 51.87311749391395)</t>
  </si>
  <si>
    <t>POINT (4.655561281644401 51.86848732038672)</t>
  </si>
  <si>
    <t>POINT (4.6543340166861515 51.86239886023337)</t>
  </si>
  <si>
    <t>POINT (4.644244646420043 51.870587036681876)</t>
  </si>
  <si>
    <t>POINT (4.655019786493514 51.868749110540335)</t>
  </si>
  <si>
    <t>POINT (4.658212158766349 51.86439150672042)</t>
  </si>
  <si>
    <t>POINT (4.651634769080231 51.868862789673486)</t>
  </si>
  <si>
    <t>POINT (4.66184213441315 51.859865736090676)</t>
  </si>
  <si>
    <t>POINT (4.65705630097247 51.862972059912295)</t>
  </si>
  <si>
    <t>POINT (4.655856318420417 51.871329563232045)</t>
  </si>
  <si>
    <t>POINT (4.665535662322612 51.865367057881045)</t>
  </si>
  <si>
    <t>POINT (4.658568395177733 51.86480719424997)</t>
  </si>
  <si>
    <t>POINT (4.666468513112979 51.86559300733656)</t>
  </si>
  <si>
    <t>POINT (4.667550749493845 51.87146022131459)</t>
  </si>
  <si>
    <t>POINT (4.668759247127344 51.86943619281924)</t>
  </si>
  <si>
    <t>POINT (4.672797404460516 51.86030012977123)</t>
  </si>
  <si>
    <t>POINT (4.671223016479108 51.87064222815271)</t>
  </si>
  <si>
    <t>POINT (4.655219268373966 51.86242085725658)</t>
  </si>
  <si>
    <t>POINT (4.666724627396993 51.867733870037284)</t>
  </si>
  <si>
    <t>POINT (4.651968811127149 51.870635640917435)</t>
  </si>
  <si>
    <t>POINT (4.671854573998326 51.86470909700347)</t>
  </si>
  <si>
    <t>POINT (4.6540930632168305 51.86770064902671)</t>
  </si>
  <si>
    <t>POINT (4.652267382062011 51.87280376824994)</t>
  </si>
  <si>
    <t>POINT (4.665258410169537 51.87133829081241)</t>
  </si>
  <si>
    <t>POINT (4.655043067503358 51.86121639649177)</t>
  </si>
  <si>
    <t>POINT (4.658834243906656 51.86469165852134)</t>
  </si>
  <si>
    <t>POINT (4.644310140116536 51.87013801923031)</t>
  </si>
  <si>
    <t>POINT (4.663558381746272 51.85876173391832)</t>
  </si>
  <si>
    <t>POINT (4.657357706934191 51.86873669551219)</t>
  </si>
  <si>
    <t>POINT (4.641851096056725 51.87219881511603)</t>
  </si>
  <si>
    <t>POINT (4.651188452829986 51.87040603789676)</t>
  </si>
  <si>
    <t>POINT (4.658705518616735 51.87158546742835)</t>
  </si>
  <si>
    <t>POINT (4.674766511511026 51.86276781808772)</t>
  </si>
  <si>
    <t>POINT (4.665146999622266 51.86832641939521)</t>
  </si>
  <si>
    <t>POINT (4.6650104732707 51.87050082539365)</t>
  </si>
  <si>
    <t>POINT (4.663570395410662 51.86298196887158)</t>
  </si>
  <si>
    <t>POINT (4.661126871744076 51.86911061240413)</t>
  </si>
  <si>
    <t>POINT (4.660776196298239 51.861908402391784)</t>
  </si>
  <si>
    <t>POINT (4.664172402151087 51.86617663794468)</t>
  </si>
  <si>
    <t>POINT (4.668887892091022 51.86910889521711)</t>
  </si>
  <si>
    <t>POINT (4.666521149276084 51.872280861042924)</t>
  </si>
  <si>
    <t>POINT (4.670240222405921 51.87035309203173)</t>
  </si>
  <si>
    <t>POINT (4.664463187207787 51.863890823202965)</t>
  </si>
  <si>
    <t>POINT (4.665577845966551 51.865452708976214)</t>
  </si>
  <si>
    <t>POINT (4.6352557038051065 51.87323541483216)</t>
  </si>
  <si>
    <t>POINT (4.637997269688589 51.87254283112809)</t>
  </si>
  <si>
    <t>POINT (4.661544493464206 51.866623344998274)</t>
  </si>
  <si>
    <t>POINT (4.661185091341664 51.86910198366785)</t>
  </si>
  <si>
    <t>POINT (4.667444082908533 51.87177416918455)</t>
  </si>
  <si>
    <t>POINT (4.639124578018045 51.872864618394814)</t>
  </si>
  <si>
    <t>POINT (4.66983046967792 51.87191910284018)</t>
  </si>
  <si>
    <t>POINT (4.659449431280691 51.86599016693758)</t>
  </si>
  <si>
    <t>POINT (4.64608279367555 51.86654028075787)</t>
  </si>
  <si>
    <t>POINT (4.658530080761757 51.8644833659261)</t>
  </si>
  <si>
    <t>POINT (4.656346955798685 51.86838884269114)</t>
  </si>
  <si>
    <t>POINT (4.649020178181281 51.86449588743875)</t>
  </si>
  <si>
    <t>POINT (4.662833256337806 51.86683803877129)</t>
  </si>
  <si>
    <t>POINT (4.663349613977818 51.87084385444033)</t>
  </si>
  <si>
    <t>POINT (4.657569494713112 51.865524577459134)</t>
  </si>
  <si>
    <t>POINT (4.643608924820017 51.87039425245111)</t>
  </si>
  <si>
    <t>POINT (4.6616345503406835 51.86276116539644)</t>
  </si>
  <si>
    <t>POINT (4.665713022728596 51.8615479825905)</t>
  </si>
  <si>
    <t>POINT (4.632871657109241 51.876851538860436)</t>
  </si>
  <si>
    <t>POINT (4.663595049173028 51.86731913152995)</t>
  </si>
  <si>
    <t>POINT (4.649033347962962 51.870694405778316)</t>
  </si>
  <si>
    <t>POINT (4.647120757348775 51.87052429627889)</t>
  </si>
  <si>
    <t>POINT (4.678055514238504 51.84433803348425)</t>
  </si>
  <si>
    <t>POINT (4.638844965432769 51.873087553174756)</t>
  </si>
  <si>
    <t>POINT (4.666782700305538 51.86773422625429)</t>
  </si>
  <si>
    <t>POINT (4.6394293563480415 51.87505978583397)</t>
  </si>
  <si>
    <t>POINT (4.6485426612164344 51.864398504436124)</t>
  </si>
  <si>
    <t>POINT (4.660948484131195 51.869097617575015)</t>
  </si>
  <si>
    <t>POINT (4.6676507398810765 51.86338905555975)</t>
  </si>
  <si>
    <t>POINT (4.655023429468516 51.86120274616433)</t>
  </si>
  <si>
    <t>POINT (4.6798733070459395 51.85771232963611)</t>
  </si>
  <si>
    <t>POINT (4.651806496723857 51.86190666290451)</t>
  </si>
  <si>
    <t>POINT (4.6804637154165984 51.85747644997767)</t>
  </si>
  <si>
    <t>POINT (4.67542273186193 51.85482531721223)</t>
  </si>
  <si>
    <t>POINT (4.660819252124417 51.862079605465404)</t>
  </si>
  <si>
    <t>POINT (4.667549403806102 51.8624626065422)</t>
  </si>
  <si>
    <t>POINT (4.67018165327961 51.86491462248387)</t>
  </si>
  <si>
    <t>POINT (4.6656845984811435 51.86468034337466)</t>
  </si>
  <si>
    <t>POINT (4.658044486641325 51.86757243986591)</t>
  </si>
  <si>
    <t>POINT (4.658714440473428 51.86475416845016)</t>
  </si>
  <si>
    <t>POINT (4.648810839872914 51.86460086212589)</t>
  </si>
  <si>
    <t>POINT (4.666147244324214 51.8661618127917)</t>
  </si>
  <si>
    <t>POINT (4.682247749219969 51.86132191353065)</t>
  </si>
  <si>
    <t>POINT (4.664584279162707 51.8699139440576)</t>
  </si>
  <si>
    <t>POINT (4.668831461186575 51.86673106122825)</t>
  </si>
  <si>
    <t>POINT (4.643467453746517 51.87368319640012)</t>
  </si>
  <si>
    <t>POINT (4.655260099289752 51.87182921230525)</t>
  </si>
  <si>
    <t>POINT (4.663600105993374 51.867004560947606)</t>
  </si>
  <si>
    <t>POINT (4.668124203468396 51.871922152577575)</t>
  </si>
  <si>
    <t>POINT (4.654871978593 51.86444712997543)</t>
  </si>
  <si>
    <t>POINT (4.644845309879173 51.87334585022728)</t>
  </si>
  <si>
    <t>POINT (4.658515854572775 51.86446530040461)</t>
  </si>
  <si>
    <t>POINT (4.666296546443706 51.8713446669742)</t>
  </si>
  <si>
    <t>POINT (4.674278764956469 51.85767676017631)</t>
  </si>
  <si>
    <t>POINT (4.641653563368022 51.86900370129813)</t>
  </si>
  <si>
    <t>POINT (4.652963292154879 51.86931154495885)</t>
  </si>
  <si>
    <t>POINT (4.672037041958174 51.868759579011865)</t>
  </si>
  <si>
    <t>POINT (4.663073196279922 51.86185083164132)</t>
  </si>
  <si>
    <t>POINT (4.660504471813522 51.87078763527454)</t>
  </si>
  <si>
    <t>POINT (4.6536497724665695 51.86906415275218)</t>
  </si>
  <si>
    <t>POINT (4.658977865268324 51.867317560595346)</t>
  </si>
  <si>
    <t>POINT (4.666748008655011 51.87171597011014)</t>
  </si>
  <si>
    <t>POINT (4.670025630113452 51.86377211526916)</t>
  </si>
  <si>
    <t>POINT (4.648231996230688 51.8718256555071)</t>
  </si>
  <si>
    <t>POINT (4.673061397447953 51.8581907036)</t>
  </si>
  <si>
    <t>POINT (4.6561568454398925 51.87160109273261)</t>
  </si>
  <si>
    <t>POINT (4.676149969631945 51.86269854960458)</t>
  </si>
  <si>
    <t>POINT (4.6589869589651025 51.869447920776366)</t>
  </si>
  <si>
    <t>POINT (4.655147320954517 51.86764976944221)</t>
  </si>
  <si>
    <t>POINT (4.664576726176414 51.86405331707717)</t>
  </si>
  <si>
    <t>POINT (4.667443930881226 51.86905960679933)</t>
  </si>
  <si>
    <t>POINT (4.6535656535739935 51.872443350592135)</t>
  </si>
  <si>
    <t>POINT (4.655114634842505 51.87229121983375)</t>
  </si>
  <si>
    <t>POINT (4.66461807612019 51.86238168730768)</t>
  </si>
  <si>
    <t>POINT (4.656745657234171 51.8728991173718)</t>
  </si>
  <si>
    <t>POINT (4.661975873128632 51.86102609532946)</t>
  </si>
  <si>
    <t>POINT (4.662051604932045 51.866689397418305)</t>
  </si>
  <si>
    <t>POINT (4.654831627275116 51.87183553014377)</t>
  </si>
  <si>
    <t>POINT (4.664130102947618 51.864261594145404)</t>
  </si>
  <si>
    <t>POINT (4.668608052143736 51.86071630733605)</t>
  </si>
  <si>
    <t>POINT (4.6613375985554395 51.871350081133095)</t>
  </si>
  <si>
    <t>POINT (4.637794301734359 51.875139252119155)</t>
  </si>
  <si>
    <t>POINT (4.670827781467487 51.86354330675319)</t>
  </si>
  <si>
    <t>POINT (4.670051584938945 51.87216763983821)</t>
  </si>
  <si>
    <t>POINT (4.667629362038366 51.86835963092956)</t>
  </si>
  <si>
    <t>POINT (4.640451355167674 51.87317148349268)</t>
  </si>
  <si>
    <t>POINT (4.6410527991876664 51.87392855306787)</t>
  </si>
  <si>
    <t>POINT (4.6713686053165615 51.867879117305066)</t>
  </si>
  <si>
    <t>POINT (4.660266078215599 51.856327952034704)</t>
  </si>
  <si>
    <t>POINT (4.643972765390417 51.87122350961511)</t>
  </si>
  <si>
    <t>POINT (4.665688791155017 51.86804211307725)</t>
  </si>
  <si>
    <t>POINT (4.642960458111274 51.872439059538635)</t>
  </si>
  <si>
    <t>POINT (4.663061580038466 51.86618327729721)</t>
  </si>
  <si>
    <t>POINT (4.64109851727465 51.87297443037346)</t>
  </si>
  <si>
    <t>POINT (4.667669629998054 51.8622071674327)</t>
  </si>
  <si>
    <t>POINT (4.669191006551106 51.86785683680513)</t>
  </si>
  <si>
    <t>POINT (4.64215472157018 51.87228984573993)</t>
  </si>
  <si>
    <t>POINT (4.665282728078192 51.86439023793005)</t>
  </si>
  <si>
    <t>POINT (4.631578257858641 51.877769055684624)</t>
  </si>
  <si>
    <t>POINT (4.638840677555632 51.87509199139294)</t>
  </si>
  <si>
    <t>POINT (4.670115651178868 51.869057971362054)</t>
  </si>
  <si>
    <t>POINT (4.667502005507951 51.869059962663776)</t>
  </si>
  <si>
    <t>POINT (4.6623609051828785 51.862789892924255)</t>
  </si>
  <si>
    <t>POINT (4.655770297729097 51.871261612926155)</t>
  </si>
  <si>
    <t>POINT (4.655284315276537 51.86223293280488)</t>
  </si>
  <si>
    <t>POINT (4.653126983764277 51.87262937102199)</t>
  </si>
  <si>
    <t>POINT (4.640768656920839 51.873549225182565)</t>
  </si>
  <si>
    <t>POINT (4.65797967729578 51.86261031472953)</t>
  </si>
  <si>
    <t>POINT (4.6550187427724055 51.86120170122925)</t>
  </si>
  <si>
    <t>POINT (4.6573270033075325 51.86271611939797)</t>
  </si>
  <si>
    <t>POINT (4.667834862848118 51.86367781937755)</t>
  </si>
  <si>
    <t>POINT (4.642867968141702 51.873931080789156)</t>
  </si>
  <si>
    <t>POINT (4.667959079577276 51.859265165891884)</t>
  </si>
  <si>
    <t>POINT (4.641878944544131 51.87227090090138)</t>
  </si>
  <si>
    <t>POINT (4.667602917664056 51.86910552403318)</t>
  </si>
  <si>
    <t>POINT (4.643579721666162 51.87084349929121)</t>
  </si>
  <si>
    <t>POINT (4.651011500424467 51.868795964317336)</t>
  </si>
  <si>
    <t>POINT (4.650524445697861 51.86927829651309)</t>
  </si>
  <si>
    <t>POINT (4.65634899038544 51.871840486940066)</t>
  </si>
  <si>
    <t>POINT (4.647667803376154 51.87169626382787)</t>
  </si>
  <si>
    <t>POINT (4.651172306138966 51.86272066497467)</t>
  </si>
  <si>
    <t>POINT (4.6525158531334885 51.8691469517414)</t>
  </si>
  <si>
    <t>POINT (4.66905919495403 51.86792793986612)</t>
  </si>
  <si>
    <t>POINT (4.648864627711406 51.87077083629607)</t>
  </si>
  <si>
    <t>POINT (4.656389856488076 51.86664082171336)</t>
  </si>
  <si>
    <t>POINT (4.657703675287279 51.86889165142299)</t>
  </si>
  <si>
    <t>POINT (4.6578774203934685 51.863094643352134)</t>
  </si>
  <si>
    <t>POINT (4.663769843986427 51.86728425381073)</t>
  </si>
  <si>
    <t>POINT (4.676875731580036 51.86025425360108)</t>
  </si>
  <si>
    <t>POINT (4.6615839476757115 51.86777862677792)</t>
  </si>
  <si>
    <t>POINT (4.660832336996132 51.86140178193284)</t>
  </si>
  <si>
    <t>POINT (4.643836442799948 51.86716877216304)</t>
  </si>
  <si>
    <t>POINT (4.644526839519056 51.872105041882584)</t>
  </si>
  <si>
    <t>POINT (4.646796044748961 51.87172672641407)</t>
  </si>
  <si>
    <t>POINT (4.6366451002245395 51.87438585796665)</t>
  </si>
  <si>
    <t>POINT (4.651088838123111 51.86539874617949)</t>
  </si>
  <si>
    <t>POINT (4.632372663891325 51.87716293575659)</t>
  </si>
  <si>
    <t>POINT (4.666110134397752 51.86711887293466)</t>
  </si>
  <si>
    <t>POINT (4.6471182809807186 51.87155797322813)</t>
  </si>
  <si>
    <t>POINT (4.658859478895358 51.867006718946875)</t>
  </si>
  <si>
    <t>POINT (4.665394147567253 51.863779696387724)</t>
  </si>
  <si>
    <t>POINT (4.648260475799342 51.8700910290895)</t>
  </si>
  <si>
    <t>POINT (4.6654447959966365 51.86243171404927)</t>
  </si>
  <si>
    <t>POINT (4.6595020040088935 51.86453433515725)</t>
  </si>
  <si>
    <t>POINT (4.661061579477843 51.86100696278894)</t>
  </si>
  <si>
    <t>POINT (4.6630541207328795 51.867549501827796)</t>
  </si>
  <si>
    <t>POINT (4.658067390953216 51.87153656483696)</t>
  </si>
  <si>
    <t>POINT (4.660123487155667 51.8683044180596)</t>
  </si>
  <si>
    <t>POINT (4.67099019081985 51.86519820298115)</t>
  </si>
  <si>
    <t>POINT (4.679106737533399 51.845867915333876)</t>
  </si>
  <si>
    <t>POINT (4.6601937306048065 51.858561179931314)</t>
  </si>
  <si>
    <t>POINT (4.674726339604951 51.86349714441069)</t>
  </si>
  <si>
    <t>POINT (4.6674886365424175 51.86898797182015)</t>
  </si>
  <si>
    <t>POINT (4.647842872552625 51.87076254842968)</t>
  </si>
  <si>
    <t>POINT (4.653880418221025 51.8625262920817)</t>
  </si>
  <si>
    <t>POINT (4.666725510012614 51.8717607751756)</t>
  </si>
  <si>
    <t>POINT (4.663674504071518 51.86237587803562)</t>
  </si>
  <si>
    <t>POINT (4.641578350518509 51.8720083227372)</t>
  </si>
  <si>
    <t>POINT (4.671364295940506 51.86632406072838)</t>
  </si>
  <si>
    <t>POINT (4.652178158377335 51.87115379719284)</t>
  </si>
  <si>
    <t>POINT (4.659973451393725 51.86366086412035)</t>
  </si>
  <si>
    <t>POINT (4.640327530105222 51.87125431912475)</t>
  </si>
  <si>
    <t>POINT (4.662514054416357 51.865020367757865)</t>
  </si>
  <si>
    <t>POINT (4.663727728700507 51.85996725370139)</t>
  </si>
  <si>
    <t>POINT (4.660492330473369 51.860747265715155)</t>
  </si>
  <si>
    <t>POINT (4.6579868508407385 51.86754511616376)</t>
  </si>
  <si>
    <t>POINT (4.658757119586236 51.864808364936195)</t>
  </si>
  <si>
    <t>POINT (4.6621694435697005 51.86568339908934)</t>
  </si>
  <si>
    <t>POINT (4.665329396859615 51.86872303975014)</t>
  </si>
  <si>
    <t>POINT (4.677903133980369 51.84691864842695)</t>
  </si>
  <si>
    <t>POINT (4.659055190840685 51.86971800245639)</t>
  </si>
  <si>
    <t>POINT (4.637488777714082 51.87342946174229)</t>
  </si>
  <si>
    <t>POINT (4.656757158565053 51.863690341929235)</t>
  </si>
  <si>
    <t>POINT (4.655788578700578 51.86039485150802)</t>
  </si>
  <si>
    <t>POINT (4.660690888550723 51.87003374439855)</t>
  </si>
  <si>
    <t>POINT (4.6686136925597665 51.86672972907462)</t>
  </si>
  <si>
    <t>POINT (4.655033303232565 51.86120352681267)</t>
  </si>
  <si>
    <t>POINT (4.654068061185924 51.86825509133417)</t>
  </si>
  <si>
    <t>POINT (4.658441377330424 51.8645816904616)</t>
  </si>
  <si>
    <t>POINT (4.668946638810575 51.86588234128897)</t>
  </si>
  <si>
    <t>POINT (4.65656779565612 51.86820145552406)</t>
  </si>
  <si>
    <t>POINT (4.6567178708203345 51.86879563827505)</t>
  </si>
  <si>
    <t>POINT (4.653199776140983 51.861679175737336)</t>
  </si>
  <si>
    <t>POINT (4.655025336892048 51.861224717291734)</t>
  </si>
  <si>
    <t>POINT (4.666921334599965 51.85952397012927)</t>
  </si>
  <si>
    <t>POINT (4.656575165515523 51.86864194402636)</t>
  </si>
  <si>
    <t>POINT (4.664744490901175 51.863550986252584)</t>
  </si>
  <si>
    <t>POINT (4.639986125688703 51.871701579580716)</t>
  </si>
  <si>
    <t>POINT (4.655030253132227 51.8612785988546)</t>
  </si>
  <si>
    <t>POINT (4.667152685745241 51.87183530351872)</t>
  </si>
  <si>
    <t>POINT (4.666558683251656 51.86268124712888)</t>
  </si>
  <si>
    <t>POINT (4.656588616868254 51.869380470208164)</t>
  </si>
  <si>
    <t>POINT (4.667087012077217 51.86686419648295)</t>
  </si>
  <si>
    <t>POINT (4.657743138230601 51.862942548703934)</t>
  </si>
  <si>
    <t>POINT (4.668945895085939 51.869113744236195)</t>
  </si>
  <si>
    <t>POINT (4.632711774548815 51.876859500684304)</t>
  </si>
  <si>
    <t>POINT (4.658137894199058 51.866287646199396)</t>
  </si>
  <si>
    <t>POINT (4.643151257617412 51.87084977452893)</t>
  </si>
  <si>
    <t>POINT (4.65197702295688 51.862132446508454)</t>
  </si>
  <si>
    <t>POINT (4.656326537984351 51.86428091253739)</t>
  </si>
  <si>
    <t>POINT (4.64407374753852 51.8734623179371)</t>
  </si>
  <si>
    <t>POINT (4.663364967740687 51.86176274403116)</t>
  </si>
  <si>
    <t>POINT (4.671338306864204 51.86339331653398)</t>
  </si>
  <si>
    <t>POINT (4.651845297123086 51.86841917078067)</t>
  </si>
  <si>
    <t>POINT (4.657922630251989 51.862547040082504)</t>
  </si>
  <si>
    <t>POINT (4.673982030507083 51.853865579080804)</t>
  </si>
  <si>
    <t>POINT (4.667630511479582 51.868287729041135)</t>
  </si>
  <si>
    <t>POINT (4.667370614273429 51.8663805495677)</t>
  </si>
  <si>
    <t>POINT (4.662907091263266 51.865858734260854)</t>
  </si>
  <si>
    <t>POINT (4.674194472560354 51.85374102842101)</t>
  </si>
  <si>
    <t>POINT (4.667294719402924 51.86749467304745)</t>
  </si>
  <si>
    <t>POINT (4.6675132145908105 51.86835891930124)</t>
  </si>
  <si>
    <t>POINT (4.649916916159698 51.87002323737903)</t>
  </si>
  <si>
    <t>POINT (4.6524228724270555 51.869505915231336)</t>
  </si>
  <si>
    <t>POINT (4.641016260818895 51.87175307148581)</t>
  </si>
  <si>
    <t>POINT (4.648589805715666 51.870933007113884)</t>
  </si>
  <si>
    <t>POINT (4.6740772524993375 51.85381042790474)</t>
  </si>
  <si>
    <t>POINT (4.668746847155735 51.86384519703633)</t>
  </si>
  <si>
    <t>POINT (4.6610598498701625 51.86156424714548)</t>
  </si>
  <si>
    <t>POINT (4.657762623514738 51.86883808578651)</t>
  </si>
  <si>
    <t>POINT (4.645060422929751 51.871670542222134)</t>
  </si>
  <si>
    <t>POINT (4.67640653634249 51.862678044622726)</t>
  </si>
  <si>
    <t>POINT (4.667571863081583 51.868323324185994)</t>
  </si>
  <si>
    <t>POINT (4.65385847290529 51.869622750862966)</t>
  </si>
  <si>
    <t>POINT (4.6406080203936355 51.87010196134401)</t>
  </si>
  <si>
    <t>POINT (4.662253668596532 51.86315811528796)</t>
  </si>
  <si>
    <t>POINT (4.67056081117494 51.85295307757595)</t>
  </si>
  <si>
    <t>POINT (4.677660397909409 51.844546879265955)</t>
  </si>
  <si>
    <t>POINT (4.670063970394721 51.86318808910539)</t>
  </si>
  <si>
    <t>POINT (4.66887587546176 51.866677401171145)</t>
  </si>
  <si>
    <t>POINT (4.673366804933115 51.85723976634928)</t>
  </si>
  <si>
    <t>POINT (4.66622095736017 51.861106164988215)</t>
  </si>
  <si>
    <t>POINT (4.658355874880069 51.86448228496896)</t>
  </si>
  <si>
    <t>POINT (4.651324108966163 51.862853767182706)</t>
  </si>
  <si>
    <t>POINT (4.67443350638138 51.85771365397216)</t>
  </si>
  <si>
    <t>POINT (4.663393289324483 51.86000114743622)</t>
  </si>
  <si>
    <t>POINT (4.671949191917655 51.86926240633614)</t>
  </si>
  <si>
    <t>POINT (4.666113779333031 51.86235942015147)</t>
  </si>
  <si>
    <t>POINT (4.655059603940191 51.87165717891619)</t>
  </si>
  <si>
    <t>POINT (4.656911323103809 51.865821605846726)</t>
  </si>
  <si>
    <t>POINT (4.659133561404339 51.87115666766203)</t>
  </si>
  <si>
    <t>POINT (4.65691525995398 51.865578937357974)</t>
  </si>
  <si>
    <t>POINT (4.668773389551306 51.86673070602677)</t>
  </si>
  <si>
    <t>POINT (4.634376413729646 51.875449976288266)</t>
  </si>
  <si>
    <t>POINT (4.640895272915954 51.87116804148404)</t>
  </si>
  <si>
    <t>POINT (4.671060861464854 51.86805701358834)</t>
  </si>
  <si>
    <t>POINT (4.644771454786741 51.87298134390358)</t>
  </si>
  <si>
    <t>POINT (4.657228466467593 51.86251573463826)</t>
  </si>
  <si>
    <t>POINT (4.653594147798414 51.870695241062656)</t>
  </si>
  <si>
    <t>POINT (4.643543052489279 51.870865738717725)</t>
  </si>
  <si>
    <t>POINT (4.668656528941339 51.86677493423508)</t>
  </si>
  <si>
    <t>POINT (4.649146577398261 51.871840394482575)</t>
  </si>
  <si>
    <t>POINT (4.667688010438483 51.86832403575617)</t>
  </si>
  <si>
    <t>POINT (4.64172250383102 51.872072158168244)</t>
  </si>
  <si>
    <t>POINT (4.67425326101063 51.84057224498901)</t>
  </si>
  <si>
    <t>POINT (4.66198803143142 51.86925742259067)</t>
  </si>
  <si>
    <t>POINT (4.6660798511703945 51.86538388335318)</t>
  </si>
  <si>
    <t>POINT (4.658628791630931 51.8646637508825)</t>
  </si>
  <si>
    <t>POINT (4.662761968513427 51.86675670148686)</t>
  </si>
  <si>
    <t>POINT (4.659445019928215 51.86985524781537)</t>
  </si>
  <si>
    <t>POINT (4.647575812553108 51.87199230938242)</t>
  </si>
  <si>
    <t>POINT (4.637331909168217 51.87238577846675)</t>
  </si>
  <si>
    <t>POINT (4.660150290653291 51.867498987617395)</t>
  </si>
  <si>
    <t>POINT (4.6410016016086075 51.87088557498988)</t>
  </si>
  <si>
    <t>POINT (4.660426051541509 51.868450108614816)</t>
  </si>
  <si>
    <t>POINT (4.667003510683849 51.86482326783022)</t>
  </si>
  <si>
    <t>POINT (4.649156822751688 51.872101129072604)</t>
  </si>
  <si>
    <t>POINT (4.66456293051602 51.864008289074846)</t>
  </si>
  <si>
    <t>POINT (4.636080519519577 51.87253957833254)</t>
  </si>
  <si>
    <t>POINT (4.6521787454890555 51.87111784636135)</t>
  </si>
  <si>
    <t>POINT (4.659663128650893 51.866243172401184)</t>
  </si>
  <si>
    <t>POINT (4.661940414188969 51.8600730815825)</t>
  </si>
  <si>
    <t>POINT (4.66403438452323 51.862566855744824)</t>
  </si>
  <si>
    <t>POINT (4.662293544402263 51.86518979079662)</t>
  </si>
  <si>
    <t>POINT (4.663655005690914 51.859975794299565)</t>
  </si>
  <si>
    <t>POINT (4.65854802802376 51.86606547571794)</t>
  </si>
  <si>
    <t>POINT (4.653595782213218 51.86231758707297)</t>
  </si>
  <si>
    <t>POINT (4.660900148482267 51.86426434235701)</t>
  </si>
  <si>
    <t>POINT (4.664861875125242 51.86437866164976)</t>
  </si>
  <si>
    <t>POINT (4.658640254184072 51.864852583177786)</t>
  </si>
  <si>
    <t>POINT (4.655249449334458 51.86240043442512)</t>
  </si>
  <si>
    <t>POINT (4.648186757499008 51.871043360120176)</t>
  </si>
  <si>
    <t>POINT (4.670380217000506 51.86794499818489)</t>
  </si>
  <si>
    <t>POINT (4.670830069664986 51.86887356998874)</t>
  </si>
  <si>
    <t>POINT (4.660002999041035 51.85958470320156)</t>
  </si>
  <si>
    <t>POINT (4.643282553297731 51.87191807835054)</t>
  </si>
  <si>
    <t>POINT (4.659577184521735 51.86617073098475)</t>
  </si>
  <si>
    <t>POINT (4.654219394890384 51.86752166492259)</t>
  </si>
  <si>
    <t>POINT (4.676467295773564 51.863222349379825)</t>
  </si>
  <si>
    <t>POINT (4.667665974970882 51.863344205790774)</t>
  </si>
  <si>
    <t>POINT (4.654157700561158 51.86194832810358)</t>
  </si>
  <si>
    <t>POINT (4.656282280554295 51.86906505901887)</t>
  </si>
  <si>
    <t>POINT (4.66859917465184 51.86672964025001)</t>
  </si>
  <si>
    <t>POINT (4.64461759398747 51.87262532037311)</t>
  </si>
  <si>
    <t>POINT (4.6547650340890705 51.86343524194527)</t>
  </si>
  <si>
    <t>POINT (4.657198583992451 51.86334866019104)</t>
  </si>
  <si>
    <t>POINT (4.654871227352207 51.87029422800998)</t>
  </si>
  <si>
    <t>POINT (4.6581839978127375 51.86433740014801)</t>
  </si>
  <si>
    <t>POINT (4.664770495788718 51.863739907322596)</t>
  </si>
  <si>
    <t>POINT (4.668903763893866 51.866749480669526)</t>
  </si>
  <si>
    <t>POINT (4.64329407250491 51.87099449727728)</t>
  </si>
  <si>
    <t>POINT (4.6558351966001 51.87128898291316)</t>
  </si>
  <si>
    <t>POINT (4.662180650659715 51.863184630425806)</t>
  </si>
  <si>
    <t>POINT (4.6546543395940665 51.872468122530414)</t>
  </si>
  <si>
    <t>POINT (4.668819058916717 51.86978262028857)</t>
  </si>
  <si>
    <t>POINT (4.670996784893252 51.86934648884857)</t>
  </si>
  <si>
    <t>POINT (4.656584157601236 51.86316792520916)</t>
  </si>
  <si>
    <t>POINT (4.6562160962509 51.86777410516106)</t>
  </si>
  <si>
    <t>POINT (4.658473030581836 51.864420091555466)</t>
  </si>
  <si>
    <t>POINT (4.671985091851392 51.84971366524736)</t>
  </si>
  <si>
    <t>POINT (4.66939368907607 51.867894030128724)</t>
  </si>
  <si>
    <t>POINT (4.6666953032144125 51.867751667388426)</t>
  </si>
  <si>
    <t>POINT (4.661308305547223 51.872716169963695)</t>
  </si>
  <si>
    <t>POINT (4.6618139718965 51.85981163035517)</t>
  </si>
  <si>
    <t>POINT (4.66532445164493 51.861788287689755)</t>
  </si>
  <si>
    <t>POINT (4.657864272915979 51.8625646549503)</t>
  </si>
  <si>
    <t>POINT (4.663117056934221 51.860026410490526)</t>
  </si>
  <si>
    <t>POINT (4.67191197291522 51.86657907866248)</t>
  </si>
  <si>
    <t>POINT (4.669178199300814 51.86410850495604)</t>
  </si>
  <si>
    <t>POINT (4.672731458482417 51.86434590139467)</t>
  </si>
  <si>
    <t>POINT (4.641779849248812 51.87387024878482)</t>
  </si>
  <si>
    <t>POINT (4.66704051050208 51.86704817803921)</t>
  </si>
  <si>
    <t>POINT (4.656466252454493 51.86927331064095)</t>
  </si>
  <si>
    <t>POINT (4.660235830609903 51.85999962180248)</t>
  </si>
  <si>
    <t>POINT (4.657272409567783 51.872205773825904)</t>
  </si>
  <si>
    <t>POINT (4.660431956221975 51.8622390047124)</t>
  </si>
  <si>
    <t>POINT (4.673964994129899 51.85640745897531)</t>
  </si>
  <si>
    <t>POINT (4.663572878774806 51.865988678934016)</t>
  </si>
  <si>
    <t>POINT (4.652408673923509 51.862587510103914)</t>
  </si>
  <si>
    <t>POINT (4.666132942560966 51.86614824205833)</t>
  </si>
  <si>
    <t>POINT (4.662107902228788 51.87085597059297)</t>
  </si>
  <si>
    <t>POINT (4.669754480268407 51.8716759462359)</t>
  </si>
  <si>
    <t>POINT (4.6661234732908765 51.862660598580334)</t>
  </si>
  <si>
    <t>POINT (4.676241445894239 51.86269957980046)</t>
  </si>
  <si>
    <t>POINT (4.642836002783556 51.87322976495055)</t>
  </si>
  <si>
    <t>POINT (4.645988889406411 51.8722429762877)</t>
  </si>
  <si>
    <t>POINT (4.664241493307905 51.86439332502778)</t>
  </si>
  <si>
    <t>POINT (4.657950789781602 51.86260114672707)</t>
  </si>
  <si>
    <t>POINT (4.660580405055144 51.870581366788926)</t>
  </si>
  <si>
    <t>POINT (4.667223718764772 51.85922470536209)</t>
  </si>
  <si>
    <t>POINT (4.652777335866118 51.87091934658736)</t>
  </si>
  <si>
    <t>POINT (4.666089461408669 51.86614348079206)</t>
  </si>
  <si>
    <t>POINT (4.6548814010700985 51.87145382398089)</t>
  </si>
  <si>
    <t>POINT (4.665435631686997 51.87205846909143)</t>
  </si>
  <si>
    <t>POINT (4.663032892532796 51.86706398538959)</t>
  </si>
  <si>
    <t>POINT (4.644837827508735 51.873359285883865)</t>
  </si>
  <si>
    <t>POINT (4.659139885758473 51.870765701869004)</t>
  </si>
  <si>
    <t>POINT (4.651837736394386 51.862775178792674)</t>
  </si>
  <si>
    <t>POINT (4.670728868620436 51.868845986866916)</t>
  </si>
  <si>
    <t>POINT (4.658910458348408 51.87058630483836)</t>
  </si>
  <si>
    <t>POINT (4.656033129524891 51.87251266781209)</t>
  </si>
  <si>
    <t>POINT (4.6307978987324265 51.87840222664929)</t>
  </si>
  <si>
    <t>POINT (4.653054368177226 51.8699592954304)</t>
  </si>
  <si>
    <t>POINT (4.6677659557168 51.864809963512386)</t>
  </si>
  <si>
    <t>POINT (4.647476834669383 51.87182989075653)</t>
  </si>
  <si>
    <t>POINT (4.647305072877556 51.87079511642211)</t>
  </si>
  <si>
    <t>POINT (4.6621718627689805 51.8646317449525)</t>
  </si>
  <si>
    <t>POINT (4.659046601589071 51.87069770895193)</t>
  </si>
  <si>
    <t>POINT (4.656473172346755 51.87134688533891)</t>
  </si>
  <si>
    <t>POINT (4.661649242792972 51.870934035853864)</t>
  </si>
  <si>
    <t>POINT (4.6425876768319965 51.873318077339825)</t>
  </si>
  <si>
    <t>POINT (4.646587866100291 51.87114115295717)</t>
  </si>
  <si>
    <t>POINT (4.653718439370896 51.870642085537504)</t>
  </si>
  <si>
    <t>POINT (4.640671208910505 51.87023179935931)</t>
  </si>
  <si>
    <t>POINT (4.659055710280635 51.866095590163575)</t>
  </si>
  <si>
    <t>POINT (4.644799975603305 51.873012984378)</t>
  </si>
  <si>
    <t>POINT (4.667410292059863 51.86843918615276)</t>
  </si>
  <si>
    <t>POINT (4.654654967984576 51.8624307947638)</t>
  </si>
  <si>
    <t>POINT (4.673878382561868 51.84136336830497)</t>
  </si>
  <si>
    <t>POINT (4.65817413105733 51.867636165022894)</t>
  </si>
  <si>
    <t>POINT (4.6549932496969015 51.86120082319811)</t>
  </si>
  <si>
    <t>POINT (4.663116584554872 51.87133858978792)</t>
  </si>
  <si>
    <t>POINT (4.6572829508807665 51.86618346114064)</t>
  </si>
  <si>
    <t>POINT (4.659005614546253 51.86649976774381)</t>
  </si>
  <si>
    <t>POINT (4.66428125535889 51.86445145651915)</t>
  </si>
  <si>
    <t>POINT (4.668819862317599 51.86381867781232)</t>
  </si>
  <si>
    <t>POINT (4.673564405864853 51.86492174264981)</t>
  </si>
  <si>
    <t>POINT (4.671114194151349 51.87063707045711)</t>
  </si>
  <si>
    <t>POINT (4.665507419905913 51.86531744692219)</t>
  </si>
  <si>
    <t>POINT (4.653655045532414 51.86874059508983)</t>
  </si>
  <si>
    <t>3314SP</t>
  </si>
  <si>
    <t>J.J.L. ten Katestraat</t>
  </si>
  <si>
    <t>POINT (4.66248392552961 51.800501064164024)</t>
  </si>
  <si>
    <t>BU05050305</t>
  </si>
  <si>
    <t>Krispijnse Driehoek</t>
  </si>
  <si>
    <t>WK050503</t>
  </si>
  <si>
    <t>Wijk 03 Oud Krispijn</t>
  </si>
  <si>
    <t>GM0505</t>
  </si>
  <si>
    <t>Dordrecht</t>
  </si>
  <si>
    <t>3314HT</t>
  </si>
  <si>
    <t>Patersweg</t>
  </si>
  <si>
    <t>POINT (4.660881418490451 51.796905356649596)</t>
  </si>
  <si>
    <t>BU05050304</t>
  </si>
  <si>
    <t>Jacob Marisstraat en omgeving</t>
  </si>
  <si>
    <t>3328RB</t>
  </si>
  <si>
    <t>Waterman</t>
  </si>
  <si>
    <t>POINT (4.66501720078304 51.78051303672808)</t>
  </si>
  <si>
    <t>BU05050902</t>
  </si>
  <si>
    <t>Waterman en omgeving</t>
  </si>
  <si>
    <t>WK050509</t>
  </si>
  <si>
    <t>Wijk 09 Sterrenburg</t>
  </si>
  <si>
    <t>3318BG</t>
  </si>
  <si>
    <t>Eddingtonweg</t>
  </si>
  <si>
    <t>POINT (4.683397546938722 51.78958348970582)</t>
  </si>
  <si>
    <t>BU05050901</t>
  </si>
  <si>
    <t>Sterrenburg 1-Oost</t>
  </si>
  <si>
    <t>3311VC</t>
  </si>
  <si>
    <t>Boogjes</t>
  </si>
  <si>
    <t>3311VC-3311VP</t>
  </si>
  <si>
    <t>POINT (4.662810465238742 51.812479563482036)</t>
  </si>
  <si>
    <t>BU05050106</t>
  </si>
  <si>
    <t>Boogjes en omgeving</t>
  </si>
  <si>
    <t>WK050501</t>
  </si>
  <si>
    <t>Wijk 01 Binnenstad</t>
  </si>
  <si>
    <t>3314TT</t>
  </si>
  <si>
    <t>Vincent van Goghstraat</t>
  </si>
  <si>
    <t>POINT (4.663656735896429 51.79810295474584)</t>
  </si>
  <si>
    <t>3328ZG</t>
  </si>
  <si>
    <t>Hellenburg</t>
  </si>
  <si>
    <t>POINT (4.671713960035483 51.77357271716349)</t>
  </si>
  <si>
    <t>BU05050909</t>
  </si>
  <si>
    <t>Wittenstein en omgeving</t>
  </si>
  <si>
    <t>3312NR</t>
  </si>
  <si>
    <t>Nessestraat</t>
  </si>
  <si>
    <t>POINT (4.683357950305665 51.803927595643636)</t>
  </si>
  <si>
    <t>BU05050507</t>
  </si>
  <si>
    <t>Standhasenstraat en omgeving</t>
  </si>
  <si>
    <t>WK050505</t>
  </si>
  <si>
    <t>Wijk 05 Het Reeland</t>
  </si>
  <si>
    <t>3318BJ</t>
  </si>
  <si>
    <t>Polluxhof</t>
  </si>
  <si>
    <t>POINT (4.679482751736009 51.787856463566385)</t>
  </si>
  <si>
    <t>3318JT</t>
  </si>
  <si>
    <t>Sterrenburgplein</t>
  </si>
  <si>
    <t>3318JT-3318JV</t>
  </si>
  <si>
    <t>POINT (4.676815817944414 51.78654438032209)</t>
  </si>
  <si>
    <t>BU05050900</t>
  </si>
  <si>
    <t>Sterrenburg 1-West</t>
  </si>
  <si>
    <t>3328SN</t>
  </si>
  <si>
    <t>Tafelberg</t>
  </si>
  <si>
    <t>POINT (4.674624974329139 51.78242604262769)</t>
  </si>
  <si>
    <t>BU05050903</t>
  </si>
  <si>
    <t>Driehoek en omgeving</t>
  </si>
  <si>
    <t>3311NP</t>
  </si>
  <si>
    <t>Vriesestraat</t>
  </si>
  <si>
    <t>POINT (4.6691217734196595 51.81283460098367)</t>
  </si>
  <si>
    <t>BU05050108</t>
  </si>
  <si>
    <t>Centrum</t>
  </si>
  <si>
    <t>3313AW</t>
  </si>
  <si>
    <t>Spaarnestraat</t>
  </si>
  <si>
    <t>3313AV-3313AW</t>
  </si>
  <si>
    <t>POINT (4.712847601126047 51.8150882478861)</t>
  </si>
  <si>
    <t>BU05050604</t>
  </si>
  <si>
    <t>Merwedepolder-West</t>
  </si>
  <si>
    <t>WK050506</t>
  </si>
  <si>
    <t>Wijk 06 Staart</t>
  </si>
  <si>
    <t>3316EJ</t>
  </si>
  <si>
    <t>Rijksstraatweg</t>
  </si>
  <si>
    <t>246A</t>
  </si>
  <si>
    <t>POINT (4.629080740318269 51.72320080047804)</t>
  </si>
  <si>
    <t>BU05059804</t>
  </si>
  <si>
    <t>Dordtse Biesbosch</t>
  </si>
  <si>
    <t>WK050598</t>
  </si>
  <si>
    <t>Wijk 98 Verspreide bebouwing</t>
  </si>
  <si>
    <t>3317HP</t>
  </si>
  <si>
    <t>Reseda</t>
  </si>
  <si>
    <t>POINT (4.672205782867385 51.79666045619514)</t>
  </si>
  <si>
    <t>BU05050802</t>
  </si>
  <si>
    <t>Zuidhoven</t>
  </si>
  <si>
    <t>WK050508</t>
  </si>
  <si>
    <t>Wijk 08 Crabbehof/Zuidhoven</t>
  </si>
  <si>
    <t>3319CG</t>
  </si>
  <si>
    <t>Burgemeester van Dorsserstraat</t>
  </si>
  <si>
    <t>POINT (4.700159130466243 51.7977787231323)</t>
  </si>
  <si>
    <t>BU05051006</t>
  </si>
  <si>
    <t>Dubbeldam-Noord</t>
  </si>
  <si>
    <t>WK050510</t>
  </si>
  <si>
    <t>Wijk 10 Dubbeldam</t>
  </si>
  <si>
    <t>3315JH</t>
  </si>
  <si>
    <t>Bakema-erf</t>
  </si>
  <si>
    <t>POINT (4.72077958409914 51.80269720192923)</t>
  </si>
  <si>
    <t>BU05051106</t>
  </si>
  <si>
    <t>Van den Broek-erf en omgeving</t>
  </si>
  <si>
    <t>WK050511</t>
  </si>
  <si>
    <t>Wijk 11 Stadspolders</t>
  </si>
  <si>
    <t>3328WK</t>
  </si>
  <si>
    <t>Toutenburg</t>
  </si>
  <si>
    <t>POINT (4.67774720117913 51.77503761128201)</t>
  </si>
  <si>
    <t>BU05050907</t>
  </si>
  <si>
    <t>Zuilenburg en omgeving</t>
  </si>
  <si>
    <t>3328XP</t>
  </si>
  <si>
    <t>Blaauwweg</t>
  </si>
  <si>
    <t>3328XN-3328XP</t>
  </si>
  <si>
    <t>POINT (4.681427217871102 51.78131543786243)</t>
  </si>
  <si>
    <t>BU05050904</t>
  </si>
  <si>
    <t>Blaauwweg en omgeving</t>
  </si>
  <si>
    <t>3316KH</t>
  </si>
  <si>
    <t>Olivijn</t>
  </si>
  <si>
    <t>POINT (4.636319497013431 51.76729772203266)</t>
  </si>
  <si>
    <t>BU05051917</t>
  </si>
  <si>
    <t>Dordtse Kil III</t>
  </si>
  <si>
    <t>WK050519</t>
  </si>
  <si>
    <t>Wijk 19 Industriegebied West</t>
  </si>
  <si>
    <t>3313CV</t>
  </si>
  <si>
    <t>Plein 1940-1945</t>
  </si>
  <si>
    <t>3313CT-3313CV</t>
  </si>
  <si>
    <t>POINT (4.701365916773427 51.816877965437314)</t>
  </si>
  <si>
    <t>BU05050600</t>
  </si>
  <si>
    <t>Plein 1940-1945 en omgeving</t>
  </si>
  <si>
    <t>3319CA</t>
  </si>
  <si>
    <t>Ambachtstraat</t>
  </si>
  <si>
    <t>3319BZ-3319CA</t>
  </si>
  <si>
    <t>POINT (4.7014099314461735 51.7994925747455)</t>
  </si>
  <si>
    <t>3315MZ</t>
  </si>
  <si>
    <t>Palissander</t>
  </si>
  <si>
    <t>POINT (4.709103444098474 51.80579592871349)</t>
  </si>
  <si>
    <t>BU05051101</t>
  </si>
  <si>
    <t>Palissander en omgeving</t>
  </si>
  <si>
    <t>3311TA</t>
  </si>
  <si>
    <t>Bleijenhoek</t>
  </si>
  <si>
    <t>POINT (4.674696535359591 51.81830318328238)</t>
  </si>
  <si>
    <t>BU05050200</t>
  </si>
  <si>
    <t>WK050502</t>
  </si>
  <si>
    <t>Wijk 02 Noordflank</t>
  </si>
  <si>
    <t>3312ES</t>
  </si>
  <si>
    <t>Paul Krugerstraat</t>
  </si>
  <si>
    <t>POINT (4.677917615849826 51.80828263969307)</t>
  </si>
  <si>
    <t>BU05050501</t>
  </si>
  <si>
    <t>Transvaalstraat en omgeving</t>
  </si>
  <si>
    <t>3314WJ</t>
  </si>
  <si>
    <t>Sweelinckstraat</t>
  </si>
  <si>
    <t>POINT (4.653025122985339 51.80261693041741)</t>
  </si>
  <si>
    <t>BU05050301</t>
  </si>
  <si>
    <t>Viottakade en omgeving</t>
  </si>
  <si>
    <t>3316GR</t>
  </si>
  <si>
    <t>Pascalstraat</t>
  </si>
  <si>
    <t>POINT (4.633737147390925 51.77639443735854)</t>
  </si>
  <si>
    <t>BU05051916</t>
  </si>
  <si>
    <t>Dordtse Kil II</t>
  </si>
  <si>
    <t>3318CH</t>
  </si>
  <si>
    <t>Halleyweg</t>
  </si>
  <si>
    <t>3318CE-3318CH</t>
  </si>
  <si>
    <t>POINT (4.678531303581209 51.78637510850182)</t>
  </si>
  <si>
    <t>3319BN</t>
  </si>
  <si>
    <t>Nijhofflaan</t>
  </si>
  <si>
    <t>POINT (4.702586803173604 51.79716603557348)</t>
  </si>
  <si>
    <t>3315RH</t>
  </si>
  <si>
    <t>Van Doesburg-erf</t>
  </si>
  <si>
    <t>POINT (4.72092841367013 51.804967068272504)</t>
  </si>
  <si>
    <t>BU05051105</t>
  </si>
  <si>
    <t>Van Ravesteijn-erf en omgeving</t>
  </si>
  <si>
    <t>3312EA</t>
  </si>
  <si>
    <t>Anthonie Camerlingstraat</t>
  </si>
  <si>
    <t>POINT (4.6751655677457 51.807054038539675)</t>
  </si>
  <si>
    <t>3315VC</t>
  </si>
  <si>
    <t>Joke Smit-erf</t>
  </si>
  <si>
    <t>POINT (4.720840096579633 51.798109075148986)</t>
  </si>
  <si>
    <t>BU05051108</t>
  </si>
  <si>
    <t>Joke Smit-erf en omgeving</t>
  </si>
  <si>
    <t>3311LA</t>
  </si>
  <si>
    <t>Adriaan van Bleijenburgstraat</t>
  </si>
  <si>
    <t>POINT (4.670982607226445 51.809768205111425)</t>
  </si>
  <si>
    <t>BU05050114</t>
  </si>
  <si>
    <t>Kon. Wilhelminastraat en omgeving</t>
  </si>
  <si>
    <t>3317JV</t>
  </si>
  <si>
    <t>Tak van Poortvlietstraat</t>
  </si>
  <si>
    <t>3317JP-3317JV</t>
  </si>
  <si>
    <t>POINT (4.666332865003041 51.79618818887827)</t>
  </si>
  <si>
    <t>BU05050801</t>
  </si>
  <si>
    <t>Crabbehof-Noord</t>
  </si>
  <si>
    <t>3314TK</t>
  </si>
  <si>
    <t>Jacob Marisstraat</t>
  </si>
  <si>
    <t>POINT (4.6622047964083535 51.798818058142494)</t>
  </si>
  <si>
    <t>3317HM</t>
  </si>
  <si>
    <t>Monarda</t>
  </si>
  <si>
    <t>POINT (4.673142819941171 51.795298093342)</t>
  </si>
  <si>
    <t>3313DA</t>
  </si>
  <si>
    <t>Werf van De Biesbosch</t>
  </si>
  <si>
    <t>POINT (4.682791158394244 51.81857127966)</t>
  </si>
  <si>
    <t>BU05050201</t>
  </si>
  <si>
    <t>Stadswerven</t>
  </si>
  <si>
    <t>3311RS</t>
  </si>
  <si>
    <t>Noorderstraat</t>
  </si>
  <si>
    <t>3311RK</t>
  </si>
  <si>
    <t>POINT (4.67589877172315 51.816924792250525)</t>
  </si>
  <si>
    <t>BU05050202</t>
  </si>
  <si>
    <t>Lijnbaan</t>
  </si>
  <si>
    <t>POINT (4.663482852173455 51.81238237370113)</t>
  </si>
  <si>
    <t>3315DS</t>
  </si>
  <si>
    <t>Van Ravesteyn-erf</t>
  </si>
  <si>
    <t>POINT (4.728946133654009 51.80462464885976)</t>
  </si>
  <si>
    <t>3328JB</t>
  </si>
  <si>
    <t>Brittenburg</t>
  </si>
  <si>
    <t>POINT (4.665533872930426 51.77857082549701)</t>
  </si>
  <si>
    <t>BU05050906</t>
  </si>
  <si>
    <t>Mildenburg en omgeving</t>
  </si>
  <si>
    <t>3315WR</t>
  </si>
  <si>
    <t>Branco</t>
  </si>
  <si>
    <t>POINT (4.707773105073499 51.807805106728885)</t>
  </si>
  <si>
    <t>BU05051100</t>
  </si>
  <si>
    <t>Amazone en omgeving</t>
  </si>
  <si>
    <t>3313XG</t>
  </si>
  <si>
    <t>POINT (4.69198350806324 51.81878210763802)</t>
  </si>
  <si>
    <t>BU05050602</t>
  </si>
  <si>
    <t>Noorderkwartier</t>
  </si>
  <si>
    <t>3315HG</t>
  </si>
  <si>
    <t>Johanna Naber-erf</t>
  </si>
  <si>
    <t>POINT (4.736746572993411 51.80077988184107)</t>
  </si>
  <si>
    <t>BU05051111</t>
  </si>
  <si>
    <t>Johanna Naber-erf en omgeving</t>
  </si>
  <si>
    <t>3313AT</t>
  </si>
  <si>
    <t>Schipbeekstraat</t>
  </si>
  <si>
    <t>POINT (4.714321692008018 51.81612013699149)</t>
  </si>
  <si>
    <t>3314BP</t>
  </si>
  <si>
    <t>Vondelstraat</t>
  </si>
  <si>
    <t>POINT (4.660546257684244 51.80473172517615)</t>
  </si>
  <si>
    <t>BU05050306</t>
  </si>
  <si>
    <t>Jacob Catsstraat en omgeving</t>
  </si>
  <si>
    <t>3311VG</t>
  </si>
  <si>
    <t>Elfhuizen</t>
  </si>
  <si>
    <t>3311VA-3311VB</t>
  </si>
  <si>
    <t>POINT (4.665070754367711 51.812440559773286)</t>
  </si>
  <si>
    <t>BU05050107</t>
  </si>
  <si>
    <t>Lombard en omgeving</t>
  </si>
  <si>
    <t>3315VA</t>
  </si>
  <si>
    <t>POINT (4.720946289589143 51.79838182754286)</t>
  </si>
  <si>
    <t>3315VH</t>
  </si>
  <si>
    <t>Frida Katz-erf</t>
  </si>
  <si>
    <t>POINT (4.723845674860346 51.79754825356039)</t>
  </si>
  <si>
    <t>3311XL</t>
  </si>
  <si>
    <t>Kolfstraat</t>
  </si>
  <si>
    <t>3311ET-3311XN</t>
  </si>
  <si>
    <t>POINT (4.669817993929588 51.81356032609713)</t>
  </si>
  <si>
    <t>3317ME</t>
  </si>
  <si>
    <t>Wilgewinde</t>
  </si>
  <si>
    <t>POINT (4.6579030913475705 51.78197129426599)</t>
  </si>
  <si>
    <t>BU05050707</t>
  </si>
  <si>
    <t>Dordtse Hout</t>
  </si>
  <si>
    <t>WK050507</t>
  </si>
  <si>
    <t>Wijk 07 Wielwijk</t>
  </si>
  <si>
    <t>3312KW</t>
  </si>
  <si>
    <t>Leerparkpromenade</t>
  </si>
  <si>
    <t>3312KP</t>
  </si>
  <si>
    <t>POINT (4.681755202032402 51.7988189366845)</t>
  </si>
  <si>
    <t>BU05050509</t>
  </si>
  <si>
    <t>Maria Montessorilaan en omgeving</t>
  </si>
  <si>
    <t>3317EG</t>
  </si>
  <si>
    <t>Thorbeckeweg</t>
  </si>
  <si>
    <t>POINT (4.662168779280366 51.790382137591244)</t>
  </si>
  <si>
    <t>BU05050800</t>
  </si>
  <si>
    <t>Crabbehof-Zuid</t>
  </si>
  <si>
    <t>3313VG</t>
  </si>
  <si>
    <t>Zijldiep</t>
  </si>
  <si>
    <t>POINT (4.717979159961471 51.813956362457105)</t>
  </si>
  <si>
    <t>BU05050605</t>
  </si>
  <si>
    <t>Merwedepolder-Oost</t>
  </si>
  <si>
    <t>3315RA</t>
  </si>
  <si>
    <t>POINT (4.719695900182892 51.80530566777483)</t>
  </si>
  <si>
    <t>3315DC</t>
  </si>
  <si>
    <t>Rietveld-erf</t>
  </si>
  <si>
    <t>POINT (4.731478587281874 51.80405115113825)</t>
  </si>
  <si>
    <t>3313ET</t>
  </si>
  <si>
    <t>Haringvlietstraat</t>
  </si>
  <si>
    <t>POINT (4.719781244889106 51.81206039625944)</t>
  </si>
  <si>
    <t>3317SJ</t>
  </si>
  <si>
    <t>Groen van Prinstererweg</t>
  </si>
  <si>
    <t>3317ES-3317SJ</t>
  </si>
  <si>
    <t>POINT (4.6647280317683375 51.79154238649997)</t>
  </si>
  <si>
    <t>3328WN</t>
  </si>
  <si>
    <t>POINT (4.675611833852972 51.775754800815385)</t>
  </si>
  <si>
    <t>3319BM</t>
  </si>
  <si>
    <t>Heijermansstraat</t>
  </si>
  <si>
    <t>POINT (4.698353875315609 51.79682324023793)</t>
  </si>
  <si>
    <t>3312KJ-3312KM</t>
  </si>
  <si>
    <t>POINT (4.680575255168978 51.7984701044883)</t>
  </si>
  <si>
    <t>Q</t>
  </si>
  <si>
    <t>POINT (4.633111868425299 51.77875639087503)</t>
  </si>
  <si>
    <t>BU05051910</t>
  </si>
  <si>
    <t>Dordtse Kil I</t>
  </si>
  <si>
    <t>3315CS</t>
  </si>
  <si>
    <t>Simon Vestdijk-erf</t>
  </si>
  <si>
    <t>POINT (4.728750670924459 51.80115084584838)</t>
  </si>
  <si>
    <t>BU05051109</t>
  </si>
  <si>
    <t>Pearl Buck-erf en omgeving</t>
  </si>
  <si>
    <t>3317ZG</t>
  </si>
  <si>
    <t>Kofstraat</t>
  </si>
  <si>
    <t>POINT (4.654812044065856 51.794716511277954)</t>
  </si>
  <si>
    <t>BU05050705</t>
  </si>
  <si>
    <t>Zeehavenlaan en omgeving</t>
  </si>
  <si>
    <t>3319ED</t>
  </si>
  <si>
    <t>Dubbelsteynlaan Oost</t>
  </si>
  <si>
    <t>POINT (4.710207798003851 51.792771935753464)</t>
  </si>
  <si>
    <t>BU05051007</t>
  </si>
  <si>
    <t>Dubbeldam-Zuid</t>
  </si>
  <si>
    <t>3311CT</t>
  </si>
  <si>
    <t>Voorstraat</t>
  </si>
  <si>
    <t>POINT (4.665045267943006 51.814008163368584)</t>
  </si>
  <si>
    <t>3313GN</t>
  </si>
  <si>
    <t>Merwedestraat</t>
  </si>
  <si>
    <t>POINT (4.688782182401142 51.81811890180016)</t>
  </si>
  <si>
    <t>3311AP</t>
  </si>
  <si>
    <t>Nieuwe Haven</t>
  </si>
  <si>
    <t>3311AN-3311AP</t>
  </si>
  <si>
    <t>POINT (4.664953034316803 51.817046954934604)</t>
  </si>
  <si>
    <t>BU05050100</t>
  </si>
  <si>
    <t>Nieuwe Haven en omgeving</t>
  </si>
  <si>
    <t>3312AC</t>
  </si>
  <si>
    <t>Nagtegaalplaats</t>
  </si>
  <si>
    <t>POINT (4.685594023844948 51.81355726942671)</t>
  </si>
  <si>
    <t>BU05050500</t>
  </si>
  <si>
    <t>Wantijpark en omgeving</t>
  </si>
  <si>
    <t>3315CD</t>
  </si>
  <si>
    <t>Jean-Paul Sartre-erf</t>
  </si>
  <si>
    <t>POINT (4.728756723546804 51.80033605059163)</t>
  </si>
  <si>
    <t>POINT (4.720756773105997 51.80493645800046)</t>
  </si>
  <si>
    <t>3329KT</t>
  </si>
  <si>
    <t>Wieldrechtse Zeedijk</t>
  </si>
  <si>
    <t>POINT (4.648056447066388 51.76401426430641)</t>
  </si>
  <si>
    <t>BU05051915</t>
  </si>
  <si>
    <t>Tweede Tol</t>
  </si>
  <si>
    <t>3317NH</t>
  </si>
  <si>
    <t>Reeweg Zuid</t>
  </si>
  <si>
    <t>POINT (4.658665028294425 51.784181069031376)</t>
  </si>
  <si>
    <t>BU05050701</t>
  </si>
  <si>
    <t>Van Kinsbergenstraat en omgeving</t>
  </si>
  <si>
    <t>3328KE</t>
  </si>
  <si>
    <t>Cirkel</t>
  </si>
  <si>
    <t>POINT (4.669360957998524 51.78132779514299)</t>
  </si>
  <si>
    <t>3315GG</t>
  </si>
  <si>
    <t>Mina KrÃ¼seman-erf</t>
  </si>
  <si>
    <t>POINT (4.73529875668834 51.79953930704801)</t>
  </si>
  <si>
    <t>3329LC</t>
  </si>
  <si>
    <t>Zeedijk</t>
  </si>
  <si>
    <t>3329LA-3329LC</t>
  </si>
  <si>
    <t>POINT (4.721734336258195 51.78206822981402)</t>
  </si>
  <si>
    <t>3311XN</t>
  </si>
  <si>
    <t>MariÃ«nbornstraat</t>
  </si>
  <si>
    <t>POINT (4.670915899505704 51.81736825177144)</t>
  </si>
  <si>
    <t>3311GC</t>
  </si>
  <si>
    <t>Cornelis de Wittstraat</t>
  </si>
  <si>
    <t>3311EW-3311GX</t>
  </si>
  <si>
    <t>POINT (4.669831502836779 51.81116285020361)</t>
  </si>
  <si>
    <t>3312XA</t>
  </si>
  <si>
    <t>Borneostraat</t>
  </si>
  <si>
    <t>POINT (4.680404755829585 51.80957109865858)</t>
  </si>
  <si>
    <t>BU05050503</t>
  </si>
  <si>
    <t>Indische Buurt-Noord</t>
  </si>
  <si>
    <t>3317RM</t>
  </si>
  <si>
    <t>Goeman Borgesiusplantsoen</t>
  </si>
  <si>
    <t>POINT (4.663138556199892 51.788161894523896)</t>
  </si>
  <si>
    <t>3314ZV</t>
  </si>
  <si>
    <t>Sophiastraat</t>
  </si>
  <si>
    <t>POINT (4.673825784808335 51.804648278712385)</t>
  </si>
  <si>
    <t>BU05050403</t>
  </si>
  <si>
    <t>Emmastraat en omgeving</t>
  </si>
  <si>
    <t>WK050504</t>
  </si>
  <si>
    <t>Wijk 04 Nieuw-krispijn</t>
  </si>
  <si>
    <t>3315XA</t>
  </si>
  <si>
    <t>Suze Groeneweg-erf</t>
  </si>
  <si>
    <t>3315WX-3315XA</t>
  </si>
  <si>
    <t>POINT (4.717921943090688 51.800506061687386)</t>
  </si>
  <si>
    <t>BU05051107</t>
  </si>
  <si>
    <t>Suze Groeneweg-erf en omgeving</t>
  </si>
  <si>
    <t>3319AV</t>
  </si>
  <si>
    <t>Burgemeester Beelaertspark</t>
  </si>
  <si>
    <t>POINT (4.694152896978452 51.792092506365265)</t>
  </si>
  <si>
    <t>3311TG</t>
  </si>
  <si>
    <t>Melkpoortje</t>
  </si>
  <si>
    <t>3311EL-3311EM</t>
  </si>
  <si>
    <t>POINT (4.67246442237226 51.81950641573227)</t>
  </si>
  <si>
    <t>3318AR</t>
  </si>
  <si>
    <t>Overkampweg</t>
  </si>
  <si>
    <t>3318AK-3318AZ</t>
  </si>
  <si>
    <t>POINT (4.6858462288230145 51.79178097621765)</t>
  </si>
  <si>
    <t>BU05051010</t>
  </si>
  <si>
    <t>Albert Schweitzerplaats</t>
  </si>
  <si>
    <t>3316BB</t>
  </si>
  <si>
    <t>Amstelwijckweg</t>
  </si>
  <si>
    <t>3316AR-3316BB</t>
  </si>
  <si>
    <t>POINT (4.647641570091663 51.783858054957264)</t>
  </si>
  <si>
    <t>BU05051912</t>
  </si>
  <si>
    <t>Schotman terrein</t>
  </si>
  <si>
    <t>POINT (4.67846498713161 51.78637567862602)</t>
  </si>
  <si>
    <t>3328RC</t>
  </si>
  <si>
    <t>POINT (4.665026987319573 51.77934458221621)</t>
  </si>
  <si>
    <t>3328XD</t>
  </si>
  <si>
    <t>3328XA-3328XK</t>
  </si>
  <si>
    <t>POINT (4.6807047530705255 51.78205993699445)</t>
  </si>
  <si>
    <t>3311HD</t>
  </si>
  <si>
    <t>Singel</t>
  </si>
  <si>
    <t>POINT (4.667026494924945 51.80921801984074)</t>
  </si>
  <si>
    <t>BU05050112</t>
  </si>
  <si>
    <t>Beverwijcksplein en omgeving</t>
  </si>
  <si>
    <t>3328NH</t>
  </si>
  <si>
    <t>Lyra</t>
  </si>
  <si>
    <t>POINT (4.6724987537307285 51.77836614822051)</t>
  </si>
  <si>
    <t>3328GM</t>
  </si>
  <si>
    <t>Stratosfeerstraat</t>
  </si>
  <si>
    <t>3328GM-3328GN</t>
  </si>
  <si>
    <t>POINT (4.679000491929219 51.78066161551868)</t>
  </si>
  <si>
    <t>3319AL</t>
  </si>
  <si>
    <t>Stevensweg</t>
  </si>
  <si>
    <t>POINT (4.692915382151702 51.7865022746946)</t>
  </si>
  <si>
    <t>3311JW</t>
  </si>
  <si>
    <t>Stationsweg</t>
  </si>
  <si>
    <t>3311JW-3311KV</t>
  </si>
  <si>
    <t>POINT (4.668622415172061 51.80817582223552)</t>
  </si>
  <si>
    <t>BU05050113</t>
  </si>
  <si>
    <t>Burgemeester de Raadtsingel en omgeving</t>
  </si>
  <si>
    <t>3328MC</t>
  </si>
  <si>
    <t>Goudestein</t>
  </si>
  <si>
    <t>3328LS-3328MD</t>
  </si>
  <si>
    <t>POINT (4.670683303362724 51.77330717246354)</t>
  </si>
  <si>
    <t>3314HV</t>
  </si>
  <si>
    <t>POINT (4.659858651925018 51.79661942693896)</t>
  </si>
  <si>
    <t>3317ZA</t>
  </si>
  <si>
    <t>Barkstraat</t>
  </si>
  <si>
    <t>POINT (4.651735527916605 51.794873686449435)</t>
  </si>
  <si>
    <t>POINT (4.674929585339265 51.80748139320366)</t>
  </si>
  <si>
    <t>POINT (4.680494349566486 51.7984698508943)</t>
  </si>
  <si>
    <t>3328LJ</t>
  </si>
  <si>
    <t>Buitenplaats</t>
  </si>
  <si>
    <t>POINT (4.660869147761929 51.773229697174216)</t>
  </si>
  <si>
    <t>BU05050910</t>
  </si>
  <si>
    <t>Smitsweg</t>
  </si>
  <si>
    <t>3328VA</t>
  </si>
  <si>
    <t>Zuilenburg</t>
  </si>
  <si>
    <t>POINT (4.680506003827321 51.77619419645251)</t>
  </si>
  <si>
    <t>POINT (4.680498643896733 51.798483530567765)</t>
  </si>
  <si>
    <t>3328MS</t>
  </si>
  <si>
    <t>Wittenstein</t>
  </si>
  <si>
    <t>POINT (4.665708358573674 51.772359032346124)</t>
  </si>
  <si>
    <t>3319RJ</t>
  </si>
  <si>
    <t>Groenekruislaan</t>
  </si>
  <si>
    <t>POINT (4.696935007759718 51.79547304540447)</t>
  </si>
  <si>
    <t>3311BW</t>
  </si>
  <si>
    <t>Wijnstraat</t>
  </si>
  <si>
    <t>POINT (4.669385355210063 51.81884275907659)</t>
  </si>
  <si>
    <t>BU05050103</t>
  </si>
  <si>
    <t>Wijnstraat en omgeving</t>
  </si>
  <si>
    <t>3317TE</t>
  </si>
  <si>
    <t>Troelstraweg</t>
  </si>
  <si>
    <t>POINT (4.65994801790163 51.79202165708923)</t>
  </si>
  <si>
    <t>3328LE</t>
  </si>
  <si>
    <t>Zuidendijk</t>
  </si>
  <si>
    <t>3328LD-3328LE</t>
  </si>
  <si>
    <t>POINT (4.6969261782749445 51.78387289912466)</t>
  </si>
  <si>
    <t>BU05051013</t>
  </si>
  <si>
    <t>Belthure Park</t>
  </si>
  <si>
    <t>3319PM</t>
  </si>
  <si>
    <t>Vijverlaan</t>
  </si>
  <si>
    <t>3319EV-3319RB</t>
  </si>
  <si>
    <t>POINT (4.6983340620249345 51.79296430567316)</t>
  </si>
  <si>
    <t>POINT (4.629182187600072 51.72401008913462)</t>
  </si>
  <si>
    <t>3312VC</t>
  </si>
  <si>
    <t>Balistraat</t>
  </si>
  <si>
    <t>POINT (4.680384601195942 51.80676994548317)</t>
  </si>
  <si>
    <t>BU05050502</t>
  </si>
  <si>
    <t>Indische Buurt-Zuid</t>
  </si>
  <si>
    <t>3313AD</t>
  </si>
  <si>
    <t>Generaal S.H. Spoorstraat</t>
  </si>
  <si>
    <t>POINT (4.712565633873915 51.81427852179335)</t>
  </si>
  <si>
    <t>3311TV</t>
  </si>
  <si>
    <t>Vest</t>
  </si>
  <si>
    <t>POINT (4.6710891891736654 51.81307791069075)</t>
  </si>
  <si>
    <t>3319PG</t>
  </si>
  <si>
    <t>Koningstraat</t>
  </si>
  <si>
    <t>3319PA-3319PH</t>
  </si>
  <si>
    <t>POINT (4.693318850530667 51.79545614535891)</t>
  </si>
  <si>
    <t>3319SE</t>
  </si>
  <si>
    <t>Eikenlaan</t>
  </si>
  <si>
    <t>POINT (4.695619179890167 51.79071669645128)</t>
  </si>
  <si>
    <t>3311DB</t>
  </si>
  <si>
    <t>Groenedijk</t>
  </si>
  <si>
    <t>POINT (4.68059259157114 51.81343386934737)</t>
  </si>
  <si>
    <t>BU05050204</t>
  </si>
  <si>
    <t>Merwestein-Noord</t>
  </si>
  <si>
    <t>3314NN</t>
  </si>
  <si>
    <t>Prinses Irenestraat</t>
  </si>
  <si>
    <t>POINT (4.669796536774296 51.79998824740382)</t>
  </si>
  <si>
    <t>BU05050401</t>
  </si>
  <si>
    <t>Waldeck Pyrmontweg en omgeving</t>
  </si>
  <si>
    <t>3317KV</t>
  </si>
  <si>
    <t>Van Karnebeekstraat</t>
  </si>
  <si>
    <t>POINT (4.666640857730605 51.78880945099284)</t>
  </si>
  <si>
    <t>3328AC</t>
  </si>
  <si>
    <t>Doornenburg</t>
  </si>
  <si>
    <t>3328AB-3328AD</t>
  </si>
  <si>
    <t>POINT (4.682371355320841 51.775516643739074)</t>
  </si>
  <si>
    <t>BU05050908</t>
  </si>
  <si>
    <t>Vredenburg en omgeving</t>
  </si>
  <si>
    <t>3318DB</t>
  </si>
  <si>
    <t>Dalmeyerplein</t>
  </si>
  <si>
    <t>3318DA-3318DB</t>
  </si>
  <si>
    <t>POINT (4.6781312669234945 51.784635940052276)</t>
  </si>
  <si>
    <t>3311GB</t>
  </si>
  <si>
    <t>Beverwijckstraat</t>
  </si>
  <si>
    <t>POINT (4.666083104954004 51.810387451443475)</t>
  </si>
  <si>
    <t>3313EB</t>
  </si>
  <si>
    <t>3313DE-3313EB</t>
  </si>
  <si>
    <t>POINT (4.715829214743036 51.813602838189944)</t>
  </si>
  <si>
    <t>3328TG</t>
  </si>
  <si>
    <t>Ockenburg</t>
  </si>
  <si>
    <t>POINT (4.670401450022565 51.77585961129796)</t>
  </si>
  <si>
    <t>3311VS</t>
  </si>
  <si>
    <t>Ruitenstraat</t>
  </si>
  <si>
    <t>POINT (4.6605597771094684 51.812886256213105)</t>
  </si>
  <si>
    <t>POINT (4.701449449731605 51.799859830807875)</t>
  </si>
  <si>
    <t>3312XJ</t>
  </si>
  <si>
    <t>Riouwstraat</t>
  </si>
  <si>
    <t>POINT (4.682939816198198 51.80973452745804)</t>
  </si>
  <si>
    <t>3311SW</t>
  </si>
  <si>
    <t>Vrankenstraat</t>
  </si>
  <si>
    <t>POINT (4.673157225666092 51.81733363168203)</t>
  </si>
  <si>
    <t>3317BT</t>
  </si>
  <si>
    <t>Maarten Harpertsz. Trompweg</t>
  </si>
  <si>
    <t>POINT (4.653508476444643 51.787946553929686)</t>
  </si>
  <si>
    <t>H</t>
  </si>
  <si>
    <t>POINT (4.712850767304875 51.780543585967955)</t>
  </si>
  <si>
    <t>3318JW</t>
  </si>
  <si>
    <t>P.A. de Kok-plein</t>
  </si>
  <si>
    <t>3318JW-3318JX</t>
  </si>
  <si>
    <t>POINT (4.676500631051928 51.784875049730196)</t>
  </si>
  <si>
    <t>3314BW</t>
  </si>
  <si>
    <t>Vossiusstraat</t>
  </si>
  <si>
    <t>POINT (4.659062811879567 51.80335069253583)</t>
  </si>
  <si>
    <t>3314KL</t>
  </si>
  <si>
    <t>Krispijnseweg</t>
  </si>
  <si>
    <t>POINT (4.665552205303739 51.80113742728273)</t>
  </si>
  <si>
    <t>BU05050400</t>
  </si>
  <si>
    <t>Pr. Bernhardstraat en omgeving</t>
  </si>
  <si>
    <t>3311TJ</t>
  </si>
  <si>
    <t>Nieuwkerksplein</t>
  </si>
  <si>
    <t>POINT (4.672642040633634 51.81789602709326)</t>
  </si>
  <si>
    <t>3317RD</t>
  </si>
  <si>
    <t>Talmaweg</t>
  </si>
  <si>
    <t>POINT (4.661126158870644 51.793069460098714)</t>
  </si>
  <si>
    <t>3311WN</t>
  </si>
  <si>
    <t>Kilwijkstraat</t>
  </si>
  <si>
    <t>3311WL-3311WR</t>
  </si>
  <si>
    <t>POINT (4.660971876588077 51.80917634559341)</t>
  </si>
  <si>
    <t>BU05050111</t>
  </si>
  <si>
    <t>Rozenhof en omgeving</t>
  </si>
  <si>
    <t>3318VS</t>
  </si>
  <si>
    <t>Noorderkroonstraat</t>
  </si>
  <si>
    <t>3318VN-3318VS</t>
  </si>
  <si>
    <t>POINT (4.685974180195766 51.787931275762226)</t>
  </si>
  <si>
    <t>3318BN</t>
  </si>
  <si>
    <t>Stierstraat</t>
  </si>
  <si>
    <t>3318BK-3318BN</t>
  </si>
  <si>
    <t>POINT (4.681258462849941 51.7882341713079)</t>
  </si>
  <si>
    <t>3319CD</t>
  </si>
  <si>
    <t>Burgemeester Struijkstraat</t>
  </si>
  <si>
    <t>POINT (4.699931124836708 51.79827508119271)</t>
  </si>
  <si>
    <t>3314XW</t>
  </si>
  <si>
    <t>Willy Martensstraat</t>
  </si>
  <si>
    <t>POINT (4.655469348846713 51.79941120622089)</t>
  </si>
  <si>
    <t>BU05050303</t>
  </si>
  <si>
    <t>Breitnerstraat en omgeving</t>
  </si>
  <si>
    <t>3319SW</t>
  </si>
  <si>
    <t>Vijverplantsoen</t>
  </si>
  <si>
    <t>3319SW-3319SZ</t>
  </si>
  <si>
    <t>POINT (4.697180081217582 51.792849075690576)</t>
  </si>
  <si>
    <t>3311DA</t>
  </si>
  <si>
    <t>Gevaertsweg</t>
  </si>
  <si>
    <t>3311CZ-3311DA</t>
  </si>
  <si>
    <t>POINT (4.680297137747098 51.81180337055588)</t>
  </si>
  <si>
    <t>BU05050206</t>
  </si>
  <si>
    <t>Park Merwestein en omgeving</t>
  </si>
  <si>
    <t>3318CR</t>
  </si>
  <si>
    <t>Castorstraat</t>
  </si>
  <si>
    <t>POINT (4.680284303912572 51.788095434071636)</t>
  </si>
  <si>
    <t>3311AB</t>
  </si>
  <si>
    <t>Binnen Walevest</t>
  </si>
  <si>
    <t>POINT (4.663268963755482 51.81693693936279)</t>
  </si>
  <si>
    <t>3328AG</t>
  </si>
  <si>
    <t>Kinkelenburg</t>
  </si>
  <si>
    <t>POINT (4.686538786211172 51.77540794306967)</t>
  </si>
  <si>
    <t>3317CB</t>
  </si>
  <si>
    <t>Olivier van Noortstraat</t>
  </si>
  <si>
    <t>POINT (4.654659857420478 51.788129047498174)</t>
  </si>
  <si>
    <t>3328AT</t>
  </si>
  <si>
    <t>Cannenburg</t>
  </si>
  <si>
    <t>POINT (4.685300359879792 51.7775296825228)</t>
  </si>
  <si>
    <t>3317RB</t>
  </si>
  <si>
    <t>POINT (4.667198424460966 51.791943558117886)</t>
  </si>
  <si>
    <t>3328AE</t>
  </si>
  <si>
    <t>POINT (4.6833369633421 51.775995284319585)</t>
  </si>
  <si>
    <t>3315NA</t>
  </si>
  <si>
    <t>AzobÃ©</t>
  </si>
  <si>
    <t>POINT (4.712831927800756 51.80971284297475)</t>
  </si>
  <si>
    <t>BU05051102</t>
  </si>
  <si>
    <t>Azobe en omgeving</t>
  </si>
  <si>
    <t>3314XP</t>
  </si>
  <si>
    <t>Koldeweystraat</t>
  </si>
  <si>
    <t>POINT (4.658213271789241 51.80104313371776)</t>
  </si>
  <si>
    <t>3328CS</t>
  </si>
  <si>
    <t>Zwaluwenburg</t>
  </si>
  <si>
    <t>POINT (4.674557050674852 51.77741828287925)</t>
  </si>
  <si>
    <t>3328BL</t>
  </si>
  <si>
    <t>Remmerstein</t>
  </si>
  <si>
    <t>POINT (4.669281708687974 51.77459014476959)</t>
  </si>
  <si>
    <t>3314JR</t>
  </si>
  <si>
    <t>Nassauweg</t>
  </si>
  <si>
    <t>3314JR-3314JS</t>
  </si>
  <si>
    <t>POINT (4.671664156372556 51.80193225552784)</t>
  </si>
  <si>
    <t>BU05050402</t>
  </si>
  <si>
    <t>Anna Paulownastraat en omgeving</t>
  </si>
  <si>
    <t>3312SX</t>
  </si>
  <si>
    <t>Snipstraat</t>
  </si>
  <si>
    <t>POINT (4.685010053631106 51.80979067259402)</t>
  </si>
  <si>
    <t>BU05050505</t>
  </si>
  <si>
    <t>Vogelplein-Aalscholverstraat en omgeving</t>
  </si>
  <si>
    <t>3311JG</t>
  </si>
  <si>
    <t>Burgemeester de Raadtsingel</t>
  </si>
  <si>
    <t>N</t>
  </si>
  <si>
    <t>3311JC-3311JG</t>
  </si>
  <si>
    <t>POINT (4.66966957968302 51.808262445072565)</t>
  </si>
  <si>
    <t>3318AB</t>
  </si>
  <si>
    <t>De Sitterstraat</t>
  </si>
  <si>
    <t>3318AA-3318AC</t>
  </si>
  <si>
    <t>POINT (4.679829330625446 51.789883751189656)</t>
  </si>
  <si>
    <t>3315NP</t>
  </si>
  <si>
    <t>Chico Mendesring</t>
  </si>
  <si>
    <t>POINT (4.713938077052816 51.80968911847707)</t>
  </si>
  <si>
    <t>3317WE</t>
  </si>
  <si>
    <t>Cornelis Trompweg</t>
  </si>
  <si>
    <t>POINT (4.65556809788477 51.78921763978322)</t>
  </si>
  <si>
    <t>3315SH</t>
  </si>
  <si>
    <t>Van den Broek-erf</t>
  </si>
  <si>
    <t>POINT (4.728892699117019 51.803313877766854)</t>
  </si>
  <si>
    <t>3314JL</t>
  </si>
  <si>
    <t>Charlotte de Bourbonstraat</t>
  </si>
  <si>
    <t>POINT (4.6715712428006935 51.804248009825265)</t>
  </si>
  <si>
    <t>3311RC</t>
  </si>
  <si>
    <t>Jacobahof</t>
  </si>
  <si>
    <t>POINT (4.676037021335327 51.81590404119703)</t>
  </si>
  <si>
    <t>BU05050203</t>
  </si>
  <si>
    <t>Matena's Pad en omgeving</t>
  </si>
  <si>
    <t>3319CM</t>
  </si>
  <si>
    <t>Baron van Boetzelaerlaan</t>
  </si>
  <si>
    <t>POINT (4.703638036667317 51.79772709810887)</t>
  </si>
  <si>
    <t>3317KH</t>
  </si>
  <si>
    <t>Abraham Kuyperweg</t>
  </si>
  <si>
    <t>POINT (4.6677255424345585 51.78871258570632)</t>
  </si>
  <si>
    <t>3315TJ</t>
  </si>
  <si>
    <t>HenriÃ«tte Roland Holst-erf</t>
  </si>
  <si>
    <t>POINT (4.734273082282628 51.797846679170256)</t>
  </si>
  <si>
    <t>BU05051110</t>
  </si>
  <si>
    <t>Aletta Jacobs-erf en omgeving</t>
  </si>
  <si>
    <t>3317JK</t>
  </si>
  <si>
    <t>S.M. Hugo van Gijnweg</t>
  </si>
  <si>
    <t>POINT (4.668378547800492 51.79318209382781)</t>
  </si>
  <si>
    <t>3312EK</t>
  </si>
  <si>
    <t>Hof de Vriendschap</t>
  </si>
  <si>
    <t>POINT (4.676940784069146 51.80839720640336)</t>
  </si>
  <si>
    <t>3329KL</t>
  </si>
  <si>
    <t>Ottersluis</t>
  </si>
  <si>
    <t>3317KN</t>
  </si>
  <si>
    <t>Henri Polakstraat</t>
  </si>
  <si>
    <t>3312ET</t>
  </si>
  <si>
    <t>Toulonselaan</t>
  </si>
  <si>
    <t>POINT (4.677597063198957 51.80908918789)</t>
  </si>
  <si>
    <t>3317HB</t>
  </si>
  <si>
    <t>Campanula</t>
  </si>
  <si>
    <t>POINT (4.668653688220432 51.79498040392222)</t>
  </si>
  <si>
    <t>3317VN</t>
  </si>
  <si>
    <t>Van Aerssenstraat</t>
  </si>
  <si>
    <t>POINT (4.652949400615069 51.79396864828065)</t>
  </si>
  <si>
    <t>BU05050704</t>
  </si>
  <si>
    <t>Van Ewijckstraat en omgeving</t>
  </si>
  <si>
    <t>3319EA</t>
  </si>
  <si>
    <t>Dennenlaan</t>
  </si>
  <si>
    <t>3319EA-3319HC</t>
  </si>
  <si>
    <t>POINT (4.703174160488955 51.793508404720534)</t>
  </si>
  <si>
    <t>3315HJ</t>
  </si>
  <si>
    <t>POINT (4.734073360217323 51.801922166108795)</t>
  </si>
  <si>
    <t>3328HG</t>
  </si>
  <si>
    <t>De Jagerweg</t>
  </si>
  <si>
    <t>POINT (4.683663807858409 51.77890443371292)</t>
  </si>
  <si>
    <t>BU05050905</t>
  </si>
  <si>
    <t>Minnaertweg en omgeving</t>
  </si>
  <si>
    <t>POINT (4.66128934264881 51.81251881072634)</t>
  </si>
  <si>
    <t>3314WE</t>
  </si>
  <si>
    <t>Reinkenstraat</t>
  </si>
  <si>
    <t>POINT (4.6536235478910095 51.80322803079755)</t>
  </si>
  <si>
    <t>3313VA</t>
  </si>
  <si>
    <t>Hoendiep</t>
  </si>
  <si>
    <t>POINT (4.718483954431982 51.81256896775447)</t>
  </si>
  <si>
    <t>3311DL</t>
  </si>
  <si>
    <t>Stooplaan</t>
  </si>
  <si>
    <t>POINT (4.680454174028832 51.81205696088495)</t>
  </si>
  <si>
    <t>3311BT</t>
  </si>
  <si>
    <t>3311BS-3311BT</t>
  </si>
  <si>
    <t>POINT (4.669623124491868 51.81914298744321)</t>
  </si>
  <si>
    <t>3314PH</t>
  </si>
  <si>
    <t>Juliana van Stolbergstraat</t>
  </si>
  <si>
    <t>POINT (4.668585401563625 51.800591581191654)</t>
  </si>
  <si>
    <t>3319VB</t>
  </si>
  <si>
    <t>Acaciastraat</t>
  </si>
  <si>
    <t>POINT (4.708544799007266 51.789914547346086)</t>
  </si>
  <si>
    <t>3314LV</t>
  </si>
  <si>
    <t>Nassauplantsoen</t>
  </si>
  <si>
    <t>POINT (4.668104920221238 51.80410702549345)</t>
  </si>
  <si>
    <t>POINT (4.628755172970657 51.72375321291584)</t>
  </si>
  <si>
    <t>3312CM</t>
  </si>
  <si>
    <t>Reeweg Oost</t>
  </si>
  <si>
    <t>3312CJ</t>
  </si>
  <si>
    <t>POINT (4.6829162448063295 51.807202394814674)</t>
  </si>
  <si>
    <t>3316GL</t>
  </si>
  <si>
    <t>3316GD</t>
  </si>
  <si>
    <t>POINT (4.6369491318132745 51.779771675014615)</t>
  </si>
  <si>
    <t>3314TH</t>
  </si>
  <si>
    <t>POINT (4.6570097693830395 51.797896903778145)</t>
  </si>
  <si>
    <t>3315CR</t>
  </si>
  <si>
    <t>POINT (4.730037173846636 51.801857482265696)</t>
  </si>
  <si>
    <t>POINT (4.672559388553443 51.77836491769153)</t>
  </si>
  <si>
    <t>3317RJ</t>
  </si>
  <si>
    <t>Aalbersestraat</t>
  </si>
  <si>
    <t>3317RH-3317RJ</t>
  </si>
  <si>
    <t>POINT (4.66096119198278 51.789363798009916)</t>
  </si>
  <si>
    <t>3318JC</t>
  </si>
  <si>
    <t>Jupiterlaan</t>
  </si>
  <si>
    <t>3318JB-3318JC</t>
  </si>
  <si>
    <t>POINT (4.670264729315303 51.78564389231482)</t>
  </si>
  <si>
    <t>3311KL</t>
  </si>
  <si>
    <t>Jan Schoutenstraat</t>
  </si>
  <si>
    <t>POINT (4.671333258105448 51.80860442336043)</t>
  </si>
  <si>
    <t>3314CA</t>
  </si>
  <si>
    <t>Brandts Buysstraat</t>
  </si>
  <si>
    <t>POINT (4.651788146702744 51.805955811608264)</t>
  </si>
  <si>
    <t>3319CJ</t>
  </si>
  <si>
    <t>Reewegpad</t>
  </si>
  <si>
    <t>POINT (4.704182868283473 51.79839128836425)</t>
  </si>
  <si>
    <t>3312NG</t>
  </si>
  <si>
    <t>Eemkerkstraat</t>
  </si>
  <si>
    <t>POINT (4.68276689731604 51.803839294524295)</t>
  </si>
  <si>
    <t>3315DN</t>
  </si>
  <si>
    <t>POINT (4.724104307283826 51.8053005505928)</t>
  </si>
  <si>
    <t>POINT (4.678480780516974 51.78464403876187)</t>
  </si>
  <si>
    <t>3319GL</t>
  </si>
  <si>
    <t>Noordendijk</t>
  </si>
  <si>
    <t>POINT (4.712396139663745 51.801308549606986)</t>
  </si>
  <si>
    <t>BU05051001</t>
  </si>
  <si>
    <t>Vissersdijk-Beneden</t>
  </si>
  <si>
    <t>3315DH</t>
  </si>
  <si>
    <t>POINT (4.7253881731517176 51.80640339675344)</t>
  </si>
  <si>
    <t>3314XT</t>
  </si>
  <si>
    <t>Schotelstraat</t>
  </si>
  <si>
    <t>POINT (4.656286680234498 51.80077477205349)</t>
  </si>
  <si>
    <t>3311WG</t>
  </si>
  <si>
    <t>Geldelozepad</t>
  </si>
  <si>
    <t>POINT (4.658550255940318 51.81116491208857)</t>
  </si>
  <si>
    <t>BU05050110</t>
  </si>
  <si>
    <t>Geldelozepad en omgeving</t>
  </si>
  <si>
    <t>3311RB</t>
  </si>
  <si>
    <t>Schuttevaerkade</t>
  </si>
  <si>
    <t>POINT (4.675931411926164 51.81811925109027)</t>
  </si>
  <si>
    <t>3319ES</t>
  </si>
  <si>
    <t>Gravensingel</t>
  </si>
  <si>
    <t>3319ER-3319ES</t>
  </si>
  <si>
    <t>POINT (4.707010799090829 51.790735523893396)</t>
  </si>
  <si>
    <t>3315MG</t>
  </si>
  <si>
    <t>Mahonie</t>
  </si>
  <si>
    <t>POINT (4.711590923855958 51.80631800087428)</t>
  </si>
  <si>
    <t>3319HR</t>
  </si>
  <si>
    <t>Meidoornlaan</t>
  </si>
  <si>
    <t>3311RL</t>
  </si>
  <si>
    <t>POINT (4.6764285678259645 51.81714791875651)</t>
  </si>
  <si>
    <t>3314RM</t>
  </si>
  <si>
    <t>J.J.A. Goeverneurstraat</t>
  </si>
  <si>
    <t>3314RM-3314SH</t>
  </si>
  <si>
    <t>POINT (4.664111791568788 51.80119546193852)</t>
  </si>
  <si>
    <t>3319LN</t>
  </si>
  <si>
    <t>Visserstuin</t>
  </si>
  <si>
    <t>POINT (4.712376771331284 51.79764283799193)</t>
  </si>
  <si>
    <t>BU05051002</t>
  </si>
  <si>
    <t>Vissersdijk-Oost</t>
  </si>
  <si>
    <t>3317WP</t>
  </si>
  <si>
    <t>Van den Heuvelstraat</t>
  </si>
  <si>
    <t>POINT (4.6582111085097395 51.79150394065318)</t>
  </si>
  <si>
    <t>BU05050703</t>
  </si>
  <si>
    <t>Dorus Rijkersstraat en omgeving</t>
  </si>
  <si>
    <t>3318TN</t>
  </si>
  <si>
    <t>Schorpioenstraat</t>
  </si>
  <si>
    <t>POINT (4.682949662051443 51.78591423405942)</t>
  </si>
  <si>
    <t>3315KV</t>
  </si>
  <si>
    <t>Van Eesterenplein</t>
  </si>
  <si>
    <t>3315KS-3315KX</t>
  </si>
  <si>
    <t>POINT (4.7165977472642995 51.80305376689309)</t>
  </si>
  <si>
    <t>3319RH</t>
  </si>
  <si>
    <t>POINT (4.697584134319599 51.79605842072154)</t>
  </si>
  <si>
    <t>3317EA</t>
  </si>
  <si>
    <t>3317DD-3317EA</t>
  </si>
  <si>
    <t>POINT (4.6632142786476365 51.794622210334225)</t>
  </si>
  <si>
    <t>3315XK</t>
  </si>
  <si>
    <t>POINT (4.71750901629839 51.799419108119366)</t>
  </si>
  <si>
    <t>3311KE</t>
  </si>
  <si>
    <t>Bagijnhof</t>
  </si>
  <si>
    <t>3311KB-3311KC</t>
  </si>
  <si>
    <t>POINT (4.667493378299865 51.81265192606092)</t>
  </si>
  <si>
    <t>3311NM</t>
  </si>
  <si>
    <t>Drievriendenhof</t>
  </si>
  <si>
    <t>POINT (4.669403562356925 51.8133983418382)</t>
  </si>
  <si>
    <t>3328SG</t>
  </si>
  <si>
    <t>Octant</t>
  </si>
  <si>
    <t>3328SC-3328SG</t>
  </si>
  <si>
    <t>POINT (4.675633056147219 51.78325371169236)</t>
  </si>
  <si>
    <t>3312GX</t>
  </si>
  <si>
    <t>Medanstraat</t>
  </si>
  <si>
    <t>POINT (4.685027487865638 51.80810035028927)</t>
  </si>
  <si>
    <t>3328PC</t>
  </si>
  <si>
    <t>Weegschaal</t>
  </si>
  <si>
    <t>POINT (4.6744492577242225 51.7809946565438)</t>
  </si>
  <si>
    <t>3315BJ</t>
  </si>
  <si>
    <t>Hermann Hesse-erf</t>
  </si>
  <si>
    <t>POINT (4.7282062707404435 51.79789693933829)</t>
  </si>
  <si>
    <t>3314ED</t>
  </si>
  <si>
    <t>Frans Lebretlaan</t>
  </si>
  <si>
    <t>POINT (4.657360071262089 51.80180177001552)</t>
  </si>
  <si>
    <t>3315NN</t>
  </si>
  <si>
    <t>POINT (4.715014086221653 51.807912964937834)</t>
  </si>
  <si>
    <t>3311LJ</t>
  </si>
  <si>
    <t>Cornelis van Beverenstraat</t>
  </si>
  <si>
    <t>POINT (4.6695579103589715 51.80959816311644)</t>
  </si>
  <si>
    <t>3315KM</t>
  </si>
  <si>
    <t>Maaskant-erf</t>
  </si>
  <si>
    <t>POINT (4.717533401604212 51.80470834732083)</t>
  </si>
  <si>
    <t>R</t>
  </si>
  <si>
    <t>POINT (4.702839726299131 51.79847911898615)</t>
  </si>
  <si>
    <t>3312PW</t>
  </si>
  <si>
    <t>Wolbrandsstraat</t>
  </si>
  <si>
    <t>POINT (4.680043910800948 51.80518875359467)</t>
  </si>
  <si>
    <t>BU05050506</t>
  </si>
  <si>
    <t>Hoekenessestraat en omgeving</t>
  </si>
  <si>
    <t>3311DP</t>
  </si>
  <si>
    <t>Van Slingelandtlaan</t>
  </si>
  <si>
    <t>POINT (4.681303172498103 51.81248416068136)</t>
  </si>
  <si>
    <t>3311CA</t>
  </si>
  <si>
    <t>Grotekerksbuurt</t>
  </si>
  <si>
    <t>3311BD-3311CA</t>
  </si>
  <si>
    <t>POINT (4.661900092420688 51.81400235780133)</t>
  </si>
  <si>
    <t>BU05050101</t>
  </si>
  <si>
    <t>Groenmarkt en omgeving</t>
  </si>
  <si>
    <t>3316GH</t>
  </si>
  <si>
    <t>Galvanistraat</t>
  </si>
  <si>
    <t>POINT (4.6397047919260395 51.78314457482798)</t>
  </si>
  <si>
    <t>3312VE</t>
  </si>
  <si>
    <t>Lombokstraat</t>
  </si>
  <si>
    <t>POINT (4.679761783438385 51.80789471111439)</t>
  </si>
  <si>
    <t>3312LH</t>
  </si>
  <si>
    <t>Krommedijk</t>
  </si>
  <si>
    <t>POINT (4.686517310658546 51.802162181258225)</t>
  </si>
  <si>
    <t>3328MZ</t>
  </si>
  <si>
    <t>POINT (4.667464253477671 51.77211959342816)</t>
  </si>
  <si>
    <t>3311JC</t>
  </si>
  <si>
    <t>Binnen Kalkhaven</t>
  </si>
  <si>
    <t>POINT (4.654467844576717 51.811963188778314)</t>
  </si>
  <si>
    <t>BU05050104</t>
  </si>
  <si>
    <t>Kalkhaven</t>
  </si>
  <si>
    <t>3328ME</t>
  </si>
  <si>
    <t>Heimerstein</t>
  </si>
  <si>
    <t>POINT (4.669306412972007 51.77347331322546)</t>
  </si>
  <si>
    <t>3314NB</t>
  </si>
  <si>
    <t>Anna van Burenstraat</t>
  </si>
  <si>
    <t>POINT (4.669610882321771 51.798491735680614)</t>
  </si>
  <si>
    <t>3312HM</t>
  </si>
  <si>
    <t>POINT (4.6891814083704295 51.80946785080001)</t>
  </si>
  <si>
    <t>3317JR</t>
  </si>
  <si>
    <t>POINT (4.666718803603379 51.79627107133475)</t>
  </si>
  <si>
    <t>3312JS</t>
  </si>
  <si>
    <t>Oudelandstraat</t>
  </si>
  <si>
    <t>POINT (4.6823502630639515 51.802197590750076)</t>
  </si>
  <si>
    <t>BU05050508</t>
  </si>
  <si>
    <t>Heysterbachstraat en omgeving</t>
  </si>
  <si>
    <t>3311VH</t>
  </si>
  <si>
    <t>Haringstraat</t>
  </si>
  <si>
    <t>3311CW-3311WB</t>
  </si>
  <si>
    <t>POINT (4.664128119316474 51.81327611384155)</t>
  </si>
  <si>
    <t>3317RH</t>
  </si>
  <si>
    <t>POINT (4.660947241213266 51.78934893420761)</t>
  </si>
  <si>
    <t>3328GE</t>
  </si>
  <si>
    <t>Heelalstraat</t>
  </si>
  <si>
    <t>3328GE-3328GG</t>
  </si>
  <si>
    <t>POINT (4.680448127237466 51.78057393433756)</t>
  </si>
  <si>
    <t>POINT (4.702603955488951 51.798651125845765)</t>
  </si>
  <si>
    <t>3312JV</t>
  </si>
  <si>
    <t>Werkenmondestraat</t>
  </si>
  <si>
    <t>3312JT-3312JV</t>
  </si>
  <si>
    <t>POINT (4.683725122050284 51.801364277080964)</t>
  </si>
  <si>
    <t>3311LM</t>
  </si>
  <si>
    <t>Koningin Wilhelminastraat</t>
  </si>
  <si>
    <t>POINT (4.669448668593997 51.81025261685315)</t>
  </si>
  <si>
    <t>3318AM</t>
  </si>
  <si>
    <t>Eisingahof</t>
  </si>
  <si>
    <t>POINT (4.677641779320059 51.790531757304365)</t>
  </si>
  <si>
    <t>3328BP</t>
  </si>
  <si>
    <t>3328BM-3328BP</t>
  </si>
  <si>
    <t>POINT (4.668865366474971 51.77496954398099)</t>
  </si>
  <si>
    <t>3328SP</t>
  </si>
  <si>
    <t>POINT (4.674220646473626 51.78198186279482)</t>
  </si>
  <si>
    <t>Romboutslaan</t>
  </si>
  <si>
    <t>POINT (4.6841030563374 51.79811247053394)</t>
  </si>
  <si>
    <t>3317NZ</t>
  </si>
  <si>
    <t>3317NV-3317NZ</t>
  </si>
  <si>
    <t>POINT (4.653792863090329 51.78550970258586)</t>
  </si>
  <si>
    <t>POINT (4.6647172878958205 51.81251468007346)</t>
  </si>
  <si>
    <t>POINT (4.7209314742525414 51.80315436402776)</t>
  </si>
  <si>
    <t>3317GT</t>
  </si>
  <si>
    <t>W.H. Vliegenstraat</t>
  </si>
  <si>
    <t>POINT (4.666859769677746 51.793908125523195)</t>
  </si>
  <si>
    <t>3311NR</t>
  </si>
  <si>
    <t>POINT (4.667428751372224 51.81387771105391)</t>
  </si>
  <si>
    <t>3313BB</t>
  </si>
  <si>
    <t>Hunzeweg</t>
  </si>
  <si>
    <t>3313BA-3313BB</t>
  </si>
  <si>
    <t>POINT (4.7159404774671785 51.81564714882263)</t>
  </si>
  <si>
    <t>3314ZH</t>
  </si>
  <si>
    <t>Alexanderstraat</t>
  </si>
  <si>
    <t>POINT (4.675587975500773 51.80352353801604)</t>
  </si>
  <si>
    <t>3311RJ</t>
  </si>
  <si>
    <t>Kromhout</t>
  </si>
  <si>
    <t>POINT (4.672036624633763 51.81242222981573)</t>
  </si>
  <si>
    <t>BU05050205</t>
  </si>
  <si>
    <t>Kasperspad en omgeving</t>
  </si>
  <si>
    <t>3314TR</t>
  </si>
  <si>
    <t>POINT (4.662468549527098 51.79798163551509)</t>
  </si>
  <si>
    <t>3328LW</t>
  </si>
  <si>
    <t>Piramide</t>
  </si>
  <si>
    <t>POINT (4.6542751295791716 51.76755841074569)</t>
  </si>
  <si>
    <t>POINT (4.66795779217247 51.81481874313547)</t>
  </si>
  <si>
    <t>3311TH</t>
  </si>
  <si>
    <t>Merwekade</t>
  </si>
  <si>
    <t>POINT (4.673211806698951 51.819492529084066)</t>
  </si>
  <si>
    <t>3328JC</t>
  </si>
  <si>
    <t>POINT (4.666618105636408 51.77834905244528)</t>
  </si>
  <si>
    <t>3313CD</t>
  </si>
  <si>
    <t>Beekmanstraat</t>
  </si>
  <si>
    <t>POINT (4.7042435389709025 51.815145520408784)</t>
  </si>
  <si>
    <t>BU05050601</t>
  </si>
  <si>
    <t>Beekmanstraat en omgeving</t>
  </si>
  <si>
    <t>3311TB</t>
  </si>
  <si>
    <t>Bolwerk</t>
  </si>
  <si>
    <t>3311TB-3311TC</t>
  </si>
  <si>
    <t>POINT (4.67166256047897 51.81945449205234)</t>
  </si>
  <si>
    <t>3311JL</t>
  </si>
  <si>
    <t>3311JL-3311JM</t>
  </si>
  <si>
    <t>POINT (4.658457691205165 51.80899830621303)</t>
  </si>
  <si>
    <t>3319HM</t>
  </si>
  <si>
    <t>Laurierstraat</t>
  </si>
  <si>
    <t>POINT (4.709596756623452 51.79667257929741)</t>
  </si>
  <si>
    <t>POINT (4.721214589396359 51.80348147702526)</t>
  </si>
  <si>
    <t>3319EV</t>
  </si>
  <si>
    <t>POINT (4.709952850034418 51.79255577904005)</t>
  </si>
  <si>
    <t>3315KH</t>
  </si>
  <si>
    <t>Dudokplein</t>
  </si>
  <si>
    <t>3315KA-3315KH</t>
  </si>
  <si>
    <t>POINT (4.717571614102791 51.80241904939652)</t>
  </si>
  <si>
    <t>3328CJ</t>
  </si>
  <si>
    <t>Schuilenburg</t>
  </si>
  <si>
    <t>POINT (4.671866388835554 51.77584912167044)</t>
  </si>
  <si>
    <t>3314VC</t>
  </si>
  <si>
    <t>Jozef IsraÃ«lsstraat</t>
  </si>
  <si>
    <t>POINT (4.658476191572773 51.800451225295625)</t>
  </si>
  <si>
    <t>3314SL</t>
  </si>
  <si>
    <t>Isaac da Costastraat</t>
  </si>
  <si>
    <t>POINT (4.66420568704224 51.800789985368695)</t>
  </si>
  <si>
    <t>3314RH</t>
  </si>
  <si>
    <t>Dr. Schaepmanstraat</t>
  </si>
  <si>
    <t>POINT (4.663458047581559 51.80309750130266)</t>
  </si>
  <si>
    <t>3311CB</t>
  </si>
  <si>
    <t>3313GT</t>
  </si>
  <si>
    <t>Dintelstraat</t>
  </si>
  <si>
    <t>POINT (4.69861113937632 51.81777565650909)</t>
  </si>
  <si>
    <t>3315TD</t>
  </si>
  <si>
    <t>POINT (4.7313233307889275 51.79792087727078)</t>
  </si>
  <si>
    <t>3316BG</t>
  </si>
  <si>
    <t>Wieldrechtseweg</t>
  </si>
  <si>
    <t>POINT (4.644891572880257 51.78585148009329)</t>
  </si>
  <si>
    <t>BU05051905</t>
  </si>
  <si>
    <t>Julianahaven</t>
  </si>
  <si>
    <t>3311AC</t>
  </si>
  <si>
    <t>Blauwpoortsplein</t>
  </si>
  <si>
    <t>3311AC-3311AD</t>
  </si>
  <si>
    <t>POINT (4.661321091986693 51.81573856393262)</t>
  </si>
  <si>
    <t>3315TR</t>
  </si>
  <si>
    <t>Meranti</t>
  </si>
  <si>
    <t>POINT (4.71467112292743 51.80497985656141)</t>
  </si>
  <si>
    <t>3312JR</t>
  </si>
  <si>
    <t>POINT (4.683379472987347 51.801696627882194)</t>
  </si>
  <si>
    <t>3317NE</t>
  </si>
  <si>
    <t>3317NE-3317NG</t>
  </si>
  <si>
    <t>POINT (4.652229808545927 51.78524496343293)</t>
  </si>
  <si>
    <t>BU05050702</t>
  </si>
  <si>
    <t>Cornelis Evertsenstraat en omgeving</t>
  </si>
  <si>
    <t>3315HR</t>
  </si>
  <si>
    <t>POINT (4.731538293462434 51.80229701098971)</t>
  </si>
  <si>
    <t>3317AP</t>
  </si>
  <si>
    <t>Van Almondestraat</t>
  </si>
  <si>
    <t>POINT (4.6510243519179575 51.793581701004115)</t>
  </si>
  <si>
    <t>3317KC</t>
  </si>
  <si>
    <t>POINT (4.666234731372152 51.78723200887284)</t>
  </si>
  <si>
    <t>3328AJ</t>
  </si>
  <si>
    <t>POINT (4.685742645241687 51.776550519866014)</t>
  </si>
  <si>
    <t>3312GL</t>
  </si>
  <si>
    <t>Oranjelaan</t>
  </si>
  <si>
    <t>POINT (4.683118131277273 51.811624475840546)</t>
  </si>
  <si>
    <t>3317KS</t>
  </si>
  <si>
    <t>POINT (4.665190863271902 51.78942926839467)</t>
  </si>
  <si>
    <t>3319BC</t>
  </si>
  <si>
    <t>Gorterplaats</t>
  </si>
  <si>
    <t>POINT (4.702384770458809 51.79542370701596)</t>
  </si>
  <si>
    <t>3317HT</t>
  </si>
  <si>
    <t>Vreedonklaan</t>
  </si>
  <si>
    <t>3317HT-3317HV</t>
  </si>
  <si>
    <t>POINT (4.674282003748579 51.796959731102575)</t>
  </si>
  <si>
    <t>3311CR</t>
  </si>
  <si>
    <t>Stadhuisplein</t>
  </si>
  <si>
    <t>3311CR-3311CS</t>
  </si>
  <si>
    <t>POINT (4.6642136167913355 51.813974683453935)</t>
  </si>
  <si>
    <t>3329KB</t>
  </si>
  <si>
    <t>Oostdijk</t>
  </si>
  <si>
    <t>POINT (4.743832972237178 51.778432137106826)</t>
  </si>
  <si>
    <t>3319WJ</t>
  </si>
  <si>
    <t>Vlietzicht</t>
  </si>
  <si>
    <t>POINT (4.696986001441172 51.800084199786475)</t>
  </si>
  <si>
    <t>3319HH</t>
  </si>
  <si>
    <t>Jasmijnstraat</t>
  </si>
  <si>
    <t>POINT (4.710930487445768 51.79539883339155)</t>
  </si>
  <si>
    <t>3311WE</t>
  </si>
  <si>
    <t>3311WD-3311WE</t>
  </si>
  <si>
    <t>POINT (4.662735297062845 51.810902331739854)</t>
  </si>
  <si>
    <t>3313XK</t>
  </si>
  <si>
    <t>Waalstraat</t>
  </si>
  <si>
    <t>POINT (4.6909890861752235 51.81887285885379)</t>
  </si>
  <si>
    <t>3313AS</t>
  </si>
  <si>
    <t>POINT (4.713009919139524 51.81624197314317)</t>
  </si>
  <si>
    <t>3311HM</t>
  </si>
  <si>
    <t>POINT (4.66167112626768 51.809848197811604)</t>
  </si>
  <si>
    <t>3311AW</t>
  </si>
  <si>
    <t>Wolwevershaven</t>
  </si>
  <si>
    <t>S</t>
  </si>
  <si>
    <t>POINT (4.665716939641929 51.818471414609185)</t>
  </si>
  <si>
    <t>3328SH</t>
  </si>
  <si>
    <t>POINT (4.675679297676002 51.78323925072782)</t>
  </si>
  <si>
    <t>3312TR</t>
  </si>
  <si>
    <t>Wouwstraat</t>
  </si>
  <si>
    <t>3312TR-3312VA</t>
  </si>
  <si>
    <t>POINT (4.686912515445813 51.81076393611042)</t>
  </si>
  <si>
    <t>3318BC</t>
  </si>
  <si>
    <t>Aldebaranhof</t>
  </si>
  <si>
    <t>POINT (4.6815389370162475 51.78772355734983)</t>
  </si>
  <si>
    <t>3328DR</t>
  </si>
  <si>
    <t>Slangenburg</t>
  </si>
  <si>
    <t>3328DR-3328DZ</t>
  </si>
  <si>
    <t>POINT (4.676700327794621 51.77437393875331)</t>
  </si>
  <si>
    <t>3311HH</t>
  </si>
  <si>
    <t>POINT (4.659158098149192 51.810387199381395)</t>
  </si>
  <si>
    <t>3315RB</t>
  </si>
  <si>
    <t>POINT (4.718658623026578 51.80599905200501)</t>
  </si>
  <si>
    <t>3312JM</t>
  </si>
  <si>
    <t>Korte Scheidingsweg</t>
  </si>
  <si>
    <t>POINT (4.679814065230948 51.80366636739111)</t>
  </si>
  <si>
    <t>3314CH</t>
  </si>
  <si>
    <t>Johan Wagenaarstraat</t>
  </si>
  <si>
    <t>POINT (4.652288663154332 51.801205749897335)</t>
  </si>
  <si>
    <t>3315BR</t>
  </si>
  <si>
    <t>Boris Pasternak-erf</t>
  </si>
  <si>
    <t>POINT (4.725555383609362 51.79969325008254)</t>
  </si>
  <si>
    <t>3311ET</t>
  </si>
  <si>
    <t>POINT (4.668225892295556 51.81524218847487)</t>
  </si>
  <si>
    <t>3316KE</t>
  </si>
  <si>
    <t>Robijn</t>
  </si>
  <si>
    <t>3316KD-3316KJ</t>
  </si>
  <si>
    <t>POINT (4.639988165759734 51.76946733570447)</t>
  </si>
  <si>
    <t>3315VE</t>
  </si>
  <si>
    <t>POINT (4.721969744804365 51.79775024076602)</t>
  </si>
  <si>
    <t>3311AD</t>
  </si>
  <si>
    <t>Buiten Walevest</t>
  </si>
  <si>
    <t>POINT (4.6615569026441 51.81611468835545)</t>
  </si>
  <si>
    <t>3317PG</t>
  </si>
  <si>
    <t>Loudonstraat</t>
  </si>
  <si>
    <t>3317PE-3317PG</t>
  </si>
  <si>
    <t>POINT (4.662560946630898 51.79529128655529)</t>
  </si>
  <si>
    <t>3312GM</t>
  </si>
  <si>
    <t>POINT (4.6820475050655705 51.81107870043243)</t>
  </si>
  <si>
    <t>3311XC</t>
  </si>
  <si>
    <t>Augustijnenkamp</t>
  </si>
  <si>
    <t>POINT (4.671688830987252 51.81513681025364)</t>
  </si>
  <si>
    <t>BU05050109</t>
  </si>
  <si>
    <t>Augustijnenkamp en omgeving</t>
  </si>
  <si>
    <t>3316EG</t>
  </si>
  <si>
    <t>POINT (4.643254957042584 51.7673710130829)</t>
  </si>
  <si>
    <t>3317SL</t>
  </si>
  <si>
    <t>POINT (4.663976731772206 51.788630262049004)</t>
  </si>
  <si>
    <t>POINT (4.667346538161042 51.78874862436639)</t>
  </si>
  <si>
    <t>3328SE</t>
  </si>
  <si>
    <t>POINT (4.67540994285636 51.78329886555135)</t>
  </si>
  <si>
    <t>3314RK</t>
  </si>
  <si>
    <t>POINT (4.661540400962169 51.80275878335608)</t>
  </si>
  <si>
    <t>3316LC</t>
  </si>
  <si>
    <t>Toermalijnring</t>
  </si>
  <si>
    <t>3311GR</t>
  </si>
  <si>
    <t>Spuiboulevard</t>
  </si>
  <si>
    <t>POINT (4.666400648269086 51.811021720074955)</t>
  </si>
  <si>
    <t>POINT (4.671722811662853 51.80380148648929)</t>
  </si>
  <si>
    <t>3313EK</t>
  </si>
  <si>
    <t>POINT (4.7197965510004 51.811475071448335)</t>
  </si>
  <si>
    <t>3319AH</t>
  </si>
  <si>
    <t>POINT (4.692904624131024 51.78887697593194)</t>
  </si>
  <si>
    <t>3311KJ</t>
  </si>
  <si>
    <t>3311KJ-3311KK</t>
  </si>
  <si>
    <t>POINT (4.668586961355486 51.809237635719384)</t>
  </si>
  <si>
    <t>POINT (4.674555167348278 51.81823531445431)</t>
  </si>
  <si>
    <t>POINT (4.682436141082862 51.81128656994688)</t>
  </si>
  <si>
    <t>3319PH</t>
  </si>
  <si>
    <t>POINT (4.697019757660946 51.79777974900646)</t>
  </si>
  <si>
    <t>3319EE</t>
  </si>
  <si>
    <t>POINT (4.705489610495276 51.794167789625675)</t>
  </si>
  <si>
    <t>3312LN</t>
  </si>
  <si>
    <t>Standhasenstraat</t>
  </si>
  <si>
    <t>POINT (4.685727626106766 51.803877876725885)</t>
  </si>
  <si>
    <t>3318JV</t>
  </si>
  <si>
    <t>POINT (4.6767005387771245 51.78643748069353)</t>
  </si>
  <si>
    <t>3313ER</t>
  </si>
  <si>
    <t>3313EM-3313ES</t>
  </si>
  <si>
    <t>POINT (4.721520823503553 51.81090401045637)</t>
  </si>
  <si>
    <t>3315KW</t>
  </si>
  <si>
    <t>POINT (4.716288625721011 51.80315177378285)</t>
  </si>
  <si>
    <t>3314ZT</t>
  </si>
  <si>
    <t>3314ZR-3314ZT</t>
  </si>
  <si>
    <t>POINT (4.6764561274813286 51.805142798087566)</t>
  </si>
  <si>
    <t>BU05050404</t>
  </si>
  <si>
    <t>Bloemenbuurt</t>
  </si>
  <si>
    <t>3328XA</t>
  </si>
  <si>
    <t>POINT (4.682147621413569 51.7819776261459)</t>
  </si>
  <si>
    <t>POINT (4.7150614113739255 51.80532947704465)</t>
  </si>
  <si>
    <t>3319AW</t>
  </si>
  <si>
    <t>POINT (4.692937650370366 51.7929811954418)</t>
  </si>
  <si>
    <t>POINT (4.665762806146744 51.796054582453884)</t>
  </si>
  <si>
    <t>3311AJ</t>
  </si>
  <si>
    <t>Hoge Nieuwstraat</t>
  </si>
  <si>
    <t>POINT (4.662086101339542 51.81603728590197)</t>
  </si>
  <si>
    <t>3318BL</t>
  </si>
  <si>
    <t>POINT (4.6809187025796035 51.7885919165405)</t>
  </si>
  <si>
    <t>3311GW</t>
  </si>
  <si>
    <t>Spuiweg</t>
  </si>
  <si>
    <t>POINT (4.6627124639448745 51.80911142913522)</t>
  </si>
  <si>
    <t>3315PA</t>
  </si>
  <si>
    <t>POINT (4.7119285804467825 51.81024533990354)</t>
  </si>
  <si>
    <t>BU05051103</t>
  </si>
  <si>
    <t>Iroko en omgeving</t>
  </si>
  <si>
    <t>3312XH</t>
  </si>
  <si>
    <t>Javastraat</t>
  </si>
  <si>
    <t>3312XG-3312XH</t>
  </si>
  <si>
    <t>POINT (4.681418122854194 51.81027417030599)</t>
  </si>
  <si>
    <t>3319SM</t>
  </si>
  <si>
    <t>Platanenlaan</t>
  </si>
  <si>
    <t>POINT (4.696318729350284 51.79146059534798)</t>
  </si>
  <si>
    <t>3328DS</t>
  </si>
  <si>
    <t>POINT (4.67642568688359 51.77314591797533)</t>
  </si>
  <si>
    <t>3314XV</t>
  </si>
  <si>
    <t>POINT (4.6546587237821 51.79939262880359)</t>
  </si>
  <si>
    <t>3314WL</t>
  </si>
  <si>
    <t>Van Blanckenburgstraat</t>
  </si>
  <si>
    <t>POINT (4.652964132500556 51.80134401835828)</t>
  </si>
  <si>
    <t>3319EB</t>
  </si>
  <si>
    <t>POINT (4.705526089591078 51.793180210129776)</t>
  </si>
  <si>
    <t>3311AA</t>
  </si>
  <si>
    <t>POINT (4.66295980876731 51.816892884026124)</t>
  </si>
  <si>
    <t>3314SB</t>
  </si>
  <si>
    <t>A.C.W. Staringstraat</t>
  </si>
  <si>
    <t>3314SB-3314SK</t>
  </si>
  <si>
    <t>POINT (4.663413798826545 51.80045857974926)</t>
  </si>
  <si>
    <t>3319GP</t>
  </si>
  <si>
    <t>Rechte Zandweg</t>
  </si>
  <si>
    <t>POINT (4.706568567866173 51.79696653514526)</t>
  </si>
  <si>
    <t>3311CK</t>
  </si>
  <si>
    <t>Maartensgat</t>
  </si>
  <si>
    <t>3311CD-3311CK</t>
  </si>
  <si>
    <t>POINT (4.659991268618231 51.815220322380796)</t>
  </si>
  <si>
    <t>3328MJ</t>
  </si>
  <si>
    <t>Weerdestein</t>
  </si>
  <si>
    <t>POINT (4.669971372450804 51.77217293015299)</t>
  </si>
  <si>
    <t>3315DA</t>
  </si>
  <si>
    <t>POINT (4.730436421513532 51.80341614508858)</t>
  </si>
  <si>
    <t>3328AN</t>
  </si>
  <si>
    <t>Luchtenburg</t>
  </si>
  <si>
    <t>POINT (4.6859919236497225 51.77493501522219)</t>
  </si>
  <si>
    <t>POINT (4.660871190381164 51.79691664605678)</t>
  </si>
  <si>
    <t>POINT (4.7291784838769875 51.80020467467781)</t>
  </si>
  <si>
    <t>3312EC</t>
  </si>
  <si>
    <t>Christiaan de Wetstraat</t>
  </si>
  <si>
    <t>POINT (4.678336995893719 51.807246074229084)</t>
  </si>
  <si>
    <t>3315SJ</t>
  </si>
  <si>
    <t>POINT (4.727331398540545 51.803225342741534)</t>
  </si>
  <si>
    <t>POINT (4.661778535522899 51.79869587370123)</t>
  </si>
  <si>
    <t>3315JE</t>
  </si>
  <si>
    <t>POINT (4.721490424510089 51.80374021634665)</t>
  </si>
  <si>
    <t>3319GB</t>
  </si>
  <si>
    <t>Haaswijkweg Oost</t>
  </si>
  <si>
    <t>POINT (4.713455754799151 51.7954843817183)</t>
  </si>
  <si>
    <t>3311WR</t>
  </si>
  <si>
    <t>Koninginnestraat</t>
  </si>
  <si>
    <t>POINT (4.659116289961306 51.80963115317751)</t>
  </si>
  <si>
    <t>3319EP</t>
  </si>
  <si>
    <t>POINT (4.701675048683141 51.790917326395565)</t>
  </si>
  <si>
    <t>3328CD</t>
  </si>
  <si>
    <t>Essenburg</t>
  </si>
  <si>
    <t>POINT (4.6740663397660205 51.77499281609641)</t>
  </si>
  <si>
    <t>3311RN</t>
  </si>
  <si>
    <t>POINT (4.678247605719907 51.81553588313369)</t>
  </si>
  <si>
    <t>3319RB</t>
  </si>
  <si>
    <t>Couperusstraat</t>
  </si>
  <si>
    <t>POINT (4.698582990748104 51.79482096589779)</t>
  </si>
  <si>
    <t>3328PA</t>
  </si>
  <si>
    <t>POINT (4.675194529522863 51.78021263532094)</t>
  </si>
  <si>
    <t>POINT (4.73530825834389 51.79923096870786)</t>
  </si>
  <si>
    <t>3317ST</t>
  </si>
  <si>
    <t>POINT (4.664059621961168 51.786946604107996)</t>
  </si>
  <si>
    <t>POINT (4.712640566448183 51.79535171702157)</t>
  </si>
  <si>
    <t>POINT (4.668259091894468 51.796310704267974)</t>
  </si>
  <si>
    <t>3328LL</t>
  </si>
  <si>
    <t>Menagerie</t>
  </si>
  <si>
    <t>POINT (4.659702270399493 51.7709948966551)</t>
  </si>
  <si>
    <t>3314TV</t>
  </si>
  <si>
    <t>POINT (4.661421189074064 51.79745795144711)</t>
  </si>
  <si>
    <t>3328TD</t>
  </si>
  <si>
    <t>Arentsburg</t>
  </si>
  <si>
    <t>POINT (4.669980413267997 51.778480105298584)</t>
  </si>
  <si>
    <t>3319XL</t>
  </si>
  <si>
    <t>POINT (4.705245294410496 51.79139291651487)</t>
  </si>
  <si>
    <t>3317LL</t>
  </si>
  <si>
    <t>Ruys de Beerenbrouckweg</t>
  </si>
  <si>
    <t>3317LL-3317LM</t>
  </si>
  <si>
    <t>POINT (4.659211428101034 51.78876714932362)</t>
  </si>
  <si>
    <t>3315BD</t>
  </si>
  <si>
    <t>Pearl Buck-erf</t>
  </si>
  <si>
    <t>POINT (4.72504926164083 51.79889789307793)</t>
  </si>
  <si>
    <t>3314CM</t>
  </si>
  <si>
    <t>Weeskinderendijk</t>
  </si>
  <si>
    <t>3314CL-3314CM</t>
  </si>
  <si>
    <t>POINT (4.653811603524496 51.80838438553377)</t>
  </si>
  <si>
    <t>BU05051900</t>
  </si>
  <si>
    <t>Weeskinderendijk en Dokweg</t>
  </si>
  <si>
    <t>3318RM</t>
  </si>
  <si>
    <t>Poolsterhof</t>
  </si>
  <si>
    <t>POINT (4.684770288048937 51.789213015029105)</t>
  </si>
  <si>
    <t>3317RK</t>
  </si>
  <si>
    <t>Cort van der Lindenstraat</t>
  </si>
  <si>
    <t>POINT (4.6619854537390495 51.787466703862876)</t>
  </si>
  <si>
    <t>3314VT</t>
  </si>
  <si>
    <t>POINT (4.66081846517088 51.799831462283734)</t>
  </si>
  <si>
    <t>3311JK</t>
  </si>
  <si>
    <t>Grote Kalkstraat</t>
  </si>
  <si>
    <t>POINT (4.658083869430319 51.81321697266444)</t>
  </si>
  <si>
    <t>3319HD</t>
  </si>
  <si>
    <t>Hortensiastraat</t>
  </si>
  <si>
    <t>POINT (4.7074329813076 51.79648282413465)</t>
  </si>
  <si>
    <t>POINT (4.686767560074336 51.774912620945685)</t>
  </si>
  <si>
    <t>3317LK</t>
  </si>
  <si>
    <t>POINT (4.659489353004046 51.78976292603837)</t>
  </si>
  <si>
    <t>3318CL</t>
  </si>
  <si>
    <t>3318CJ-3318CL</t>
  </si>
  <si>
    <t>POINT (4.678463470399432 51.78561783250858)</t>
  </si>
  <si>
    <t>3318BR</t>
  </si>
  <si>
    <t>Tweelingenstraat</t>
  </si>
  <si>
    <t>3318BP-3318BV</t>
  </si>
  <si>
    <t>POINT (4.678579671287648 51.78886653638483)</t>
  </si>
  <si>
    <t>POINT (4.6522413563500065 51.80240228125631)</t>
  </si>
  <si>
    <t>POINT (4.712851980810367 51.809706171786125)</t>
  </si>
  <si>
    <t>3316ES</t>
  </si>
  <si>
    <t>Kiltunnelweg</t>
  </si>
  <si>
    <t>3315TX</t>
  </si>
  <si>
    <t>MakorÃ©</t>
  </si>
  <si>
    <t>POINT (4.716345112495586 51.8062766039491)</t>
  </si>
  <si>
    <t>POINT (4.680721477353351 51.79843201911948)</t>
  </si>
  <si>
    <t>3319VC</t>
  </si>
  <si>
    <t>Elzenlaan</t>
  </si>
  <si>
    <t>POINT (4.705733177980031 51.78991735825319)</t>
  </si>
  <si>
    <t>POINT (4.6781678582077 51.81642549490849)</t>
  </si>
  <si>
    <t>3328VC</t>
  </si>
  <si>
    <t>POINT (4.67766446690852 51.775925060238855)</t>
  </si>
  <si>
    <t>3317LC</t>
  </si>
  <si>
    <t>Dresselhuysstraat</t>
  </si>
  <si>
    <t>POINT (4.660714546246305 51.789089796117175)</t>
  </si>
  <si>
    <t>3311PL</t>
  </si>
  <si>
    <t>Sint Jorisweg</t>
  </si>
  <si>
    <t>POINT (4.674748502236718 51.81433422008326)</t>
  </si>
  <si>
    <t>POINT (4.660945696122981 51.81265358213708)</t>
  </si>
  <si>
    <t>3315CJ</t>
  </si>
  <si>
    <t>Stadspolderring</t>
  </si>
  <si>
    <t>POINT (4.731601084563499 51.800241534618166)</t>
  </si>
  <si>
    <t>3317ZS</t>
  </si>
  <si>
    <t>Zeehavenlaan</t>
  </si>
  <si>
    <t>POINT (4.653641686068167 51.79517090417884)</t>
  </si>
  <si>
    <t>3319WH</t>
  </si>
  <si>
    <t>Stadtvliedt</t>
  </si>
  <si>
    <t>POINT (4.6984548666100565 51.79996622607519)</t>
  </si>
  <si>
    <t>3311JN</t>
  </si>
  <si>
    <t>Korte Parallelweg</t>
  </si>
  <si>
    <t>POINT (4.65556306466871 51.80989211587027)</t>
  </si>
  <si>
    <t>BU05050105</t>
  </si>
  <si>
    <t>Achterhakkers en omgeving</t>
  </si>
  <si>
    <t>3316GZ</t>
  </si>
  <si>
    <t>Pieter Zeemanweg</t>
  </si>
  <si>
    <t>3316GT-3316GZ</t>
  </si>
  <si>
    <t>POINT (4.639222673821286 51.77491631301588)</t>
  </si>
  <si>
    <t>3316EH</t>
  </si>
  <si>
    <t>POINT (4.644165299980118 51.77300773672383)</t>
  </si>
  <si>
    <t>3313GJ</t>
  </si>
  <si>
    <t>POINT (4.695135477472999 51.81766582951432)</t>
  </si>
  <si>
    <t>BU05050603</t>
  </si>
  <si>
    <t>Amerstraat en omgeving</t>
  </si>
  <si>
    <t>POINT (4.665581129327987 51.80150802014331)</t>
  </si>
  <si>
    <t>3311BA</t>
  </si>
  <si>
    <t>Aardappelmarkt</t>
  </si>
  <si>
    <t>3311AX-3311BA</t>
  </si>
  <si>
    <t>POINT (4.666066506072184 51.81697300292107)</t>
  </si>
  <si>
    <t>BU05050102</t>
  </si>
  <si>
    <t>Grote Markt en omgeving</t>
  </si>
  <si>
    <t>3315BS</t>
  </si>
  <si>
    <t>POINT (4.727656551676448 51.79982755025879)</t>
  </si>
  <si>
    <t>POINT (4.673548758337067 51.79508197635991)</t>
  </si>
  <si>
    <t>POINT (4.674213151347554 51.78280568581267)</t>
  </si>
  <si>
    <t>3328DB</t>
  </si>
  <si>
    <t>Pijnenburg</t>
  </si>
  <si>
    <t>POINT (4.679105209643747 51.774191890886726)</t>
  </si>
  <si>
    <t>3315EG</t>
  </si>
  <si>
    <t>Aletta Jacobs-erf</t>
  </si>
  <si>
    <t>POINT (4.729733162242516 51.795447210292316)</t>
  </si>
  <si>
    <t>3311DS</t>
  </si>
  <si>
    <t>POINT (4.680913803205067 51.81289208758538)</t>
  </si>
  <si>
    <t>3314XM</t>
  </si>
  <si>
    <t>H.W. Mesdagstraat</t>
  </si>
  <si>
    <t>POINT (4.655861608892706 51.80025272920914)</t>
  </si>
  <si>
    <t>Damstraat</t>
  </si>
  <si>
    <t>POINT (4.696654414744949 51.79674489105871)</t>
  </si>
  <si>
    <t>POINT (4.666670295836093 51.79627573519503)</t>
  </si>
  <si>
    <t>3312AT</t>
  </si>
  <si>
    <t>Vijverweg</t>
  </si>
  <si>
    <t>POINT (4.688694668171037 51.8143851315147)</t>
  </si>
  <si>
    <t>POINT (4.628110980058317 51.72631170363101)</t>
  </si>
  <si>
    <t>3311XR</t>
  </si>
  <si>
    <t>Nieuwstraat</t>
  </si>
  <si>
    <t>3311XP-3311ZJ</t>
  </si>
  <si>
    <t>POINT (4.670000492325082 51.814134469538644)</t>
  </si>
  <si>
    <t>3318JE</t>
  </si>
  <si>
    <t>Marslaan</t>
  </si>
  <si>
    <t>3318JD-3318JE</t>
  </si>
  <si>
    <t>POINT (4.672743909719617 51.78476155054559)</t>
  </si>
  <si>
    <t>POINT (4.6803974668611925 51.79856587763778)</t>
  </si>
  <si>
    <t>POINT (4.631102173353345 51.723245015428816)</t>
  </si>
  <si>
    <t>3315DJ</t>
  </si>
  <si>
    <t>POINT (4.724763217845384 51.806188125029955)</t>
  </si>
  <si>
    <t>3315ND</t>
  </si>
  <si>
    <t>Balsa</t>
  </si>
  <si>
    <t>POINT (4.715501701807233 51.80855549679596)</t>
  </si>
  <si>
    <t>3319EM</t>
  </si>
  <si>
    <t>Dubbelsteynlaan West</t>
  </si>
  <si>
    <t>POINT (4.700762710162804 51.79408399468044)</t>
  </si>
  <si>
    <t>3319AN</t>
  </si>
  <si>
    <t>POINT (4.6939571239985645 51.79114546215654)</t>
  </si>
  <si>
    <t>3328AD</t>
  </si>
  <si>
    <t>POINT (4.682489671704907 51.775476357231256)</t>
  </si>
  <si>
    <t>POINT (4.658731436139929 51.81201312172991)</t>
  </si>
  <si>
    <t>3315VB</t>
  </si>
  <si>
    <t>POINT (4.719482412659292 51.79786594362141)</t>
  </si>
  <si>
    <t>3328LK</t>
  </si>
  <si>
    <t>Laan van Braets</t>
  </si>
  <si>
    <t>POINT (4.661671727315179 51.77018796369635)</t>
  </si>
  <si>
    <t>3314NM</t>
  </si>
  <si>
    <t>POINT (4.669371673354409 51.79964785387382)</t>
  </si>
  <si>
    <t>3318JM</t>
  </si>
  <si>
    <t>Planetenlaan</t>
  </si>
  <si>
    <t>3318JH-3318JS</t>
  </si>
  <si>
    <t>POINT (4.675917510682182 51.78523243854005)</t>
  </si>
  <si>
    <t>3312XT</t>
  </si>
  <si>
    <t>Sumatrastraat</t>
  </si>
  <si>
    <t>POINT (4.680229718257157 51.80928514835293)</t>
  </si>
  <si>
    <t>3328HW</t>
  </si>
  <si>
    <t>Regenboogstraat</t>
  </si>
  <si>
    <t>POINT (4.682619786893411 51.78027068721749)</t>
  </si>
  <si>
    <t>3319LJ</t>
  </si>
  <si>
    <t>Sikkelstraat</t>
  </si>
  <si>
    <t>3319LH-3319LJ</t>
  </si>
  <si>
    <t>POINT (4.717222558915283 51.795585367447195)</t>
  </si>
  <si>
    <t>BU05051003</t>
  </si>
  <si>
    <t>Egstraat en omgeving</t>
  </si>
  <si>
    <t>3312EV</t>
  </si>
  <si>
    <t>3312EE-3312EV</t>
  </si>
  <si>
    <t>POINT (4.676132457045556 51.808456678894785)</t>
  </si>
  <si>
    <t>3312HN</t>
  </si>
  <si>
    <t>POINT (4.689809101960885 51.8091315777093)</t>
  </si>
  <si>
    <t>POINT (4.666202906132599 51.81692515831511)</t>
  </si>
  <si>
    <t>3317NA</t>
  </si>
  <si>
    <t>Admiraalsplein</t>
  </si>
  <si>
    <t>3317MZ-3317ND</t>
  </si>
  <si>
    <t>POINT (4.655760435751612 51.79050428782793)</t>
  </si>
  <si>
    <t>BU05050700</t>
  </si>
  <si>
    <t>3312NM</t>
  </si>
  <si>
    <t>Herradesstraat</t>
  </si>
  <si>
    <t>POINT (4.685131832557565 51.80494693153484)</t>
  </si>
  <si>
    <t>3328WL</t>
  </si>
  <si>
    <t>POINT (4.676877810142574 51.775360041436166)</t>
  </si>
  <si>
    <t>3317KD</t>
  </si>
  <si>
    <t>POINT (4.6678442539009986 51.790972201233785)</t>
  </si>
  <si>
    <t>POINT (4.662567478444722 51.787409159459855)</t>
  </si>
  <si>
    <t>3328KJ</t>
  </si>
  <si>
    <t>Driehoek</t>
  </si>
  <si>
    <t>POINT (4.670234472034102 51.782257877967446)</t>
  </si>
  <si>
    <t>3328JG</t>
  </si>
  <si>
    <t>Mildenburg</t>
  </si>
  <si>
    <t>POINT (4.664394425831861 51.77725313745861)</t>
  </si>
  <si>
    <t>3311NX</t>
  </si>
  <si>
    <t>Vrieseweg</t>
  </si>
  <si>
    <t>3311NW-3311NX</t>
  </si>
  <si>
    <t>POINT (4.6731449221957515 51.811232163855145)</t>
  </si>
  <si>
    <t>3314KD</t>
  </si>
  <si>
    <t>POINT (4.664286876440995 51.80270658704809)</t>
  </si>
  <si>
    <t>3329BE</t>
  </si>
  <si>
    <t>Romanovhof</t>
  </si>
  <si>
    <t>POINT (4.7302444894540345 51.79128158968237)</t>
  </si>
  <si>
    <t>BU05051011</t>
  </si>
  <si>
    <t>De Hoven</t>
  </si>
  <si>
    <t>POINT (4.6744642255041216 51.78177469733987)</t>
  </si>
  <si>
    <t>3315MK</t>
  </si>
  <si>
    <t>POINT (4.710301909799359 51.803534751113126)</t>
  </si>
  <si>
    <t>3313AX</t>
  </si>
  <si>
    <t>POINT (4.713670914438116 51.81519799906598)</t>
  </si>
  <si>
    <t>3329AC</t>
  </si>
  <si>
    <t>Abeelstraat</t>
  </si>
  <si>
    <t>POINT (4.710494823573194 51.78689166944241)</t>
  </si>
  <si>
    <t>3317ZJ</t>
  </si>
  <si>
    <t>Kotterstraat</t>
  </si>
  <si>
    <t>3317ZJ-3317ZN</t>
  </si>
  <si>
    <t>POINT (4.650603626732728 51.79453152197247)</t>
  </si>
  <si>
    <t>3312NJ</t>
  </si>
  <si>
    <t>Giessenmondestraat</t>
  </si>
  <si>
    <t>POINT (4.682728026413803 51.80458917494938)</t>
  </si>
  <si>
    <t>3314BG</t>
  </si>
  <si>
    <t>Hooftstraat</t>
  </si>
  <si>
    <t>3314BG-3314ZB</t>
  </si>
  <si>
    <t>POINT (4.659765984329889 51.80483266937019)</t>
  </si>
  <si>
    <t>3312HR</t>
  </si>
  <si>
    <t>POINT (4.690528592798471 51.80887487463181)</t>
  </si>
  <si>
    <t>3319RN</t>
  </si>
  <si>
    <t>Van Schendelstraat</t>
  </si>
  <si>
    <t>POINT (4.697753103434141 51.79514902329713)</t>
  </si>
  <si>
    <t>3311LB</t>
  </si>
  <si>
    <t>POINT (4.671319016789357 51.80965394439931)</t>
  </si>
  <si>
    <t>3319VH</t>
  </si>
  <si>
    <t>Iepenlaan</t>
  </si>
  <si>
    <t>POINT (4.708215085657006 51.78921477727962)</t>
  </si>
  <si>
    <t>POINT (4.6677438510630385 51.8149272118574)</t>
  </si>
  <si>
    <t>3312EX</t>
  </si>
  <si>
    <t>Transvaalstraat</t>
  </si>
  <si>
    <t>POINT (4.678988271242943 51.80643448235956)</t>
  </si>
  <si>
    <t>POINT (4.7101453050364945 51.79644995101027)</t>
  </si>
  <si>
    <t>POINT (4.682733384404202 51.803806239720316)</t>
  </si>
  <si>
    <t>3317WK</t>
  </si>
  <si>
    <t>Mees ToxopeÃ¼sstraat</t>
  </si>
  <si>
    <t>3317WJ-3317WK</t>
  </si>
  <si>
    <t>POINT (4.658298759223328 51.79331080179712)</t>
  </si>
  <si>
    <t>3316GS</t>
  </si>
  <si>
    <t>Planckstraat</t>
  </si>
  <si>
    <t>POINT (4.635136173969623 51.775454250348716)</t>
  </si>
  <si>
    <t>3311DH</t>
  </si>
  <si>
    <t>3311DG-3311DH</t>
  </si>
  <si>
    <t>POINT (4.6832171698288265 51.81246637308976)</t>
  </si>
  <si>
    <t>POINT (4.67240961760721 51.79699736288242)</t>
  </si>
  <si>
    <t>3311RA</t>
  </si>
  <si>
    <t>Biesboschstraat</t>
  </si>
  <si>
    <t>3311PR-3311RA</t>
  </si>
  <si>
    <t>POINT (4.679293686275668 51.81593997316605)</t>
  </si>
  <si>
    <t>POINT (4.728269645217013 51.79798671430084)</t>
  </si>
  <si>
    <t>3328ZC</t>
  </si>
  <si>
    <t>Beekenstein</t>
  </si>
  <si>
    <t>POINT (4.673895773995041 51.772459964251084)</t>
  </si>
  <si>
    <t>POINT (4.681591570267222 51.77511308124675)</t>
  </si>
  <si>
    <t>3317ND</t>
  </si>
  <si>
    <t>POINT (4.655432633089363 51.79017382296729)</t>
  </si>
  <si>
    <t>3317AL</t>
  </si>
  <si>
    <t>Callenburghstraat</t>
  </si>
  <si>
    <t>3317AL-3317AN</t>
  </si>
  <si>
    <t>POINT (4.650362714199146 51.792240260516124)</t>
  </si>
  <si>
    <t>3311MC</t>
  </si>
  <si>
    <t>Lange Wantijkade</t>
  </si>
  <si>
    <t>POINT (4.6796056407582505 51.81687343952458)</t>
  </si>
  <si>
    <t>3315KG</t>
  </si>
  <si>
    <t>POINT (4.717194894153084 51.80228367812422)</t>
  </si>
  <si>
    <t>3311JH</t>
  </si>
  <si>
    <t>POINT (4.659563797007932 51.80881745944754)</t>
  </si>
  <si>
    <t>3312RB</t>
  </si>
  <si>
    <t>Aalscholverstraat</t>
  </si>
  <si>
    <t>POINT (4.690408050906674 51.80785755913618)</t>
  </si>
  <si>
    <t>POINT (4.6630375263062 51.7938764325765)</t>
  </si>
  <si>
    <t>POINT (4.653791952072956 51.78513776173446)</t>
  </si>
  <si>
    <t>3315BH</t>
  </si>
  <si>
    <t>Albert Camus-erf</t>
  </si>
  <si>
    <t>POINT (4.729597045771859 51.7967008666919)</t>
  </si>
  <si>
    <t>3315PB</t>
  </si>
  <si>
    <t>POINT (4.70847283013963 51.80988790666616)</t>
  </si>
  <si>
    <t>POINT (4.661112152400725 51.772343053037496)</t>
  </si>
  <si>
    <t>3329LD</t>
  </si>
  <si>
    <t>POINT (4.729479336125639 51.78850922041734)</t>
  </si>
  <si>
    <t>BU05059805</t>
  </si>
  <si>
    <t>Bovenpolder</t>
  </si>
  <si>
    <t>3311LP</t>
  </si>
  <si>
    <t>Oranjepark</t>
  </si>
  <si>
    <t>POINT (4.673583325085126 51.80808615158312)</t>
  </si>
  <si>
    <t>3312HC</t>
  </si>
  <si>
    <t>Boeroestraat</t>
  </si>
  <si>
    <t>POINT (4.688394653816707 51.80810343509731)</t>
  </si>
  <si>
    <t>BU05050504</t>
  </si>
  <si>
    <t>Boeroestraat en omgeving</t>
  </si>
  <si>
    <t>3311LG</t>
  </si>
  <si>
    <t>Blekersdijk</t>
  </si>
  <si>
    <t>POINT (4.672415263929938 51.80977708431105)</t>
  </si>
  <si>
    <t>POINT (4.669866351772413 51.814663612880985)</t>
  </si>
  <si>
    <t>3318EL</t>
  </si>
  <si>
    <t>Neptunuslaan</t>
  </si>
  <si>
    <t>POINT (4.675439481355611 51.78813873097923)</t>
  </si>
  <si>
    <t>3328ZJ</t>
  </si>
  <si>
    <t>Nijenstein</t>
  </si>
  <si>
    <t>POINT (4.673281557667619 51.77300408001847)</t>
  </si>
  <si>
    <t>3318BH</t>
  </si>
  <si>
    <t>POINT (4.679461937368601 51.78845711525713)</t>
  </si>
  <si>
    <t>3311GM</t>
  </si>
  <si>
    <t>3311GM-3311KH</t>
  </si>
  <si>
    <t>POINT (4.668045381249078 51.81174535037255)</t>
  </si>
  <si>
    <t>3319BJ</t>
  </si>
  <si>
    <t>Dubbeldreef</t>
  </si>
  <si>
    <t>POINT (4.701667718829462 51.7949242617573)</t>
  </si>
  <si>
    <t>3318VH</t>
  </si>
  <si>
    <t>Leeuwstraat</t>
  </si>
  <si>
    <t>POINT (4.685156897262218 51.78576087733894)</t>
  </si>
  <si>
    <t>3315EC</t>
  </si>
  <si>
    <t>POINT (4.730700007456531 51.7972430362848)</t>
  </si>
  <si>
    <t>3314LP</t>
  </si>
  <si>
    <t>Mauritsweg</t>
  </si>
  <si>
    <t>POINT (4.667566276202223 51.80416156537075)</t>
  </si>
  <si>
    <t>POINT (4.710128968292983 51.80390355543757)</t>
  </si>
  <si>
    <t>3312ED</t>
  </si>
  <si>
    <t>CronjÃ©straat</t>
  </si>
  <si>
    <t>POINT (4.676634286899142 51.80770337570902)</t>
  </si>
  <si>
    <t>3314JG</t>
  </si>
  <si>
    <t>3314JE-3314JG</t>
  </si>
  <si>
    <t>POINT (4.669749799071607 51.80594017940436)</t>
  </si>
  <si>
    <t>BU05050405</t>
  </si>
  <si>
    <t>Weizigtpark</t>
  </si>
  <si>
    <t>POINT (4.7106146014060695 51.79827775135491)</t>
  </si>
  <si>
    <t>3314GX</t>
  </si>
  <si>
    <t>Brouwersdijk</t>
  </si>
  <si>
    <t>3314GT-3314GX</t>
  </si>
  <si>
    <t>POINT (4.664884597165448 51.799250574613524)</t>
  </si>
  <si>
    <t>3318DA</t>
  </si>
  <si>
    <t>POINT (4.67838184086122 51.78469826300462)</t>
  </si>
  <si>
    <t>POINT (4.668703536459499 51.818461817868354)</t>
  </si>
  <si>
    <t>3312SC</t>
  </si>
  <si>
    <t>Billitonstraat</t>
  </si>
  <si>
    <t>POINT (4.68678226091161 51.80854249120658)</t>
  </si>
  <si>
    <t>3319XG</t>
  </si>
  <si>
    <t>POINT (4.711220263841201 51.792888864784146)</t>
  </si>
  <si>
    <t>3317EE</t>
  </si>
  <si>
    <t>POINT (4.662221385207072 51.79097716440725)</t>
  </si>
  <si>
    <t>3315ML</t>
  </si>
  <si>
    <t>POINT (4.710611553655366 51.80486516744543)</t>
  </si>
  <si>
    <t>POINT (4.693502416382481 51.797940037057614)</t>
  </si>
  <si>
    <t>3317GP</t>
  </si>
  <si>
    <t>Van Limburg Stirumplantsoen</t>
  </si>
  <si>
    <t>POINT (4.6673873174152725 51.79308785501364)</t>
  </si>
  <si>
    <t>3315KX</t>
  </si>
  <si>
    <t>POINT (4.715710224492185 51.80324241450868)</t>
  </si>
  <si>
    <t>3329KV</t>
  </si>
  <si>
    <t>Windsingel</t>
  </si>
  <si>
    <t>POINT (4.725341120825096 51.79360693877107)</t>
  </si>
  <si>
    <t>3315NM</t>
  </si>
  <si>
    <t>POINT (4.713596880734643 51.811323057303184)</t>
  </si>
  <si>
    <t>3319XH</t>
  </si>
  <si>
    <t>POINT (4.710863115452928 51.791872300927224)</t>
  </si>
  <si>
    <t>POINT (4.6610566219090845 51.77063957049652)</t>
  </si>
  <si>
    <t>POINT (4.655367526937716 51.8075481468066)</t>
  </si>
  <si>
    <t>3317DB</t>
  </si>
  <si>
    <t>Laan van Europa</t>
  </si>
  <si>
    <t>3311BV</t>
  </si>
  <si>
    <t>3311BK-3311BN</t>
  </si>
  <si>
    <t>POINT (4.667934808665053 51.81621202651953)</t>
  </si>
  <si>
    <t>3317VP</t>
  </si>
  <si>
    <t>POINT (4.653291777121504 51.793742495372136)</t>
  </si>
  <si>
    <t>3314ZA</t>
  </si>
  <si>
    <t>Brederodestraat</t>
  </si>
  <si>
    <t>POINT (4.660251507131202 51.80524756719204)</t>
  </si>
  <si>
    <t>POINT (4.728491496486641 51.79816526102393)</t>
  </si>
  <si>
    <t>3318CK</t>
  </si>
  <si>
    <t>POINT (4.6786413256173525 51.7856467809088)</t>
  </si>
  <si>
    <t>POINT (4.675064736001054 51.816822647726994)</t>
  </si>
  <si>
    <t>3315XD</t>
  </si>
  <si>
    <t>POINT (4.7164393866827234 51.80091242181199)</t>
  </si>
  <si>
    <t>3315TE</t>
  </si>
  <si>
    <t>POINT (4.732618341424719 51.79770804947411)</t>
  </si>
  <si>
    <t>POINT (4.65973715761204 51.80874794613742)</t>
  </si>
  <si>
    <t>3311SV</t>
  </si>
  <si>
    <t>Veststraat</t>
  </si>
  <si>
    <t>POINT (4.674421726974389 51.81644799762811)</t>
  </si>
  <si>
    <t>3314KB</t>
  </si>
  <si>
    <t>POINT (4.663474392240881 51.80453643073868)</t>
  </si>
  <si>
    <t>3319TE</t>
  </si>
  <si>
    <t>POINT (4.699941451389321 51.78979811576793)</t>
  </si>
  <si>
    <t>3319EG</t>
  </si>
  <si>
    <t>POINT (4.7099210151202815 51.79399071616917)</t>
  </si>
  <si>
    <t>POINT (4.6887653810349965 51.80973264429541)</t>
  </si>
  <si>
    <t>3328CB</t>
  </si>
  <si>
    <t>POINT (4.672206197276966 51.775284653181)</t>
  </si>
  <si>
    <t>3328SV</t>
  </si>
  <si>
    <t>POINT (4.676532119117232 51.78375274971766)</t>
  </si>
  <si>
    <t>3319AR</t>
  </si>
  <si>
    <t>POINT (4.694368673014843 51.79325721216596)</t>
  </si>
  <si>
    <t>3311AM</t>
  </si>
  <si>
    <t>Kuipershaven</t>
  </si>
  <si>
    <t>POINT (4.666595762468048 51.817857476373945)</t>
  </si>
  <si>
    <t>3319AX</t>
  </si>
  <si>
    <t>Stevenshof</t>
  </si>
  <si>
    <t>POINT (4.691641383961076 51.787694932507655)</t>
  </si>
  <si>
    <t>3328BE</t>
  </si>
  <si>
    <t>Assumburg</t>
  </si>
  <si>
    <t>POINT (4.6671730322385985 51.77509845573521)</t>
  </si>
  <si>
    <t>3328BJ</t>
  </si>
  <si>
    <t>Puttenstein</t>
  </si>
  <si>
    <t>POINT (4.668741599863713 51.775517196363374)</t>
  </si>
  <si>
    <t>3328XG</t>
  </si>
  <si>
    <t>POINT (4.680649919830704 51.78207352121765)</t>
  </si>
  <si>
    <t>POINT (4.6525185166208205 51.78573775380927)</t>
  </si>
  <si>
    <t>3311KS</t>
  </si>
  <si>
    <t>POINT (4.668908289169428 51.80914268711482)</t>
  </si>
  <si>
    <t>POINT (4.710819927208372 51.79503705865423)</t>
  </si>
  <si>
    <t>3328KD</t>
  </si>
  <si>
    <t>POINT (4.668319441540254 51.780841293555234)</t>
  </si>
  <si>
    <t>3311TX</t>
  </si>
  <si>
    <t>3311TW-3311TX</t>
  </si>
  <si>
    <t>POINT (4.672920508509579 51.814659482306666)</t>
  </si>
  <si>
    <t>3316EA</t>
  </si>
  <si>
    <t>Calandstraat</t>
  </si>
  <si>
    <t>3316CA-3316GC</t>
  </si>
  <si>
    <t>POINT (4.646164337067043 51.780047165174565)</t>
  </si>
  <si>
    <t>BU05051911</t>
  </si>
  <si>
    <t>Amstelwijck-West</t>
  </si>
  <si>
    <t>3315VL</t>
  </si>
  <si>
    <t>3315VK-3315VP</t>
  </si>
  <si>
    <t>POINT (4.725996747248669 51.79709451424148)</t>
  </si>
  <si>
    <t>3311DM</t>
  </si>
  <si>
    <t>POINT (4.680577378735083 51.81230411813383)</t>
  </si>
  <si>
    <t>3311TK</t>
  </si>
  <si>
    <t>Nieuwkerkstraat</t>
  </si>
  <si>
    <t>POINT (4.672415021790297 51.818256043029834)</t>
  </si>
  <si>
    <t>3317LR</t>
  </si>
  <si>
    <t>Schaperstraat</t>
  </si>
  <si>
    <t>POINT (4.659847244206447 51.78755089401464)</t>
  </si>
  <si>
    <t>3314JS</t>
  </si>
  <si>
    <t>Nieuweweg</t>
  </si>
  <si>
    <t>POINT (4.677339813949181 51.80089637630357)</t>
  </si>
  <si>
    <t>BU05050406</t>
  </si>
  <si>
    <t>Nieuweweg en omgeving</t>
  </si>
  <si>
    <t>3319LL</t>
  </si>
  <si>
    <t>3319LK-3319LL</t>
  </si>
  <si>
    <t>POINT (4.712701807628932 51.79788044353029)</t>
  </si>
  <si>
    <t>3317ZE</t>
  </si>
  <si>
    <t>Klipperstraat</t>
  </si>
  <si>
    <t>POINT (4.6495512856930015 51.79483625198865)</t>
  </si>
  <si>
    <t>3313CT</t>
  </si>
  <si>
    <t>Papendrechtsestraat</t>
  </si>
  <si>
    <t>POINT (4.688586241861113 51.81913593431468)</t>
  </si>
  <si>
    <t>3319BP</t>
  </si>
  <si>
    <t>POINT (4.698417721696001 51.79823949202711)</t>
  </si>
  <si>
    <t>3312NT</t>
  </si>
  <si>
    <t>POINT (4.683349604854036 51.80367824472539)</t>
  </si>
  <si>
    <t>3328LP</t>
  </si>
  <si>
    <t>Oranjerie</t>
  </si>
  <si>
    <t>POINT (4.660453554798127 51.76934198847269)</t>
  </si>
  <si>
    <t>3315NH</t>
  </si>
  <si>
    <t>POINT (4.715844875760959 51.80859317251443)</t>
  </si>
  <si>
    <t>3317HG</t>
  </si>
  <si>
    <t>Erica</t>
  </si>
  <si>
    <t>POINT (4.66998271793691 51.79315411447677)</t>
  </si>
  <si>
    <t>3312JL</t>
  </si>
  <si>
    <t>Heysterbachstraat</t>
  </si>
  <si>
    <t>POINT (4.68360116668451 51.8024680083062)</t>
  </si>
  <si>
    <t>3315JG</t>
  </si>
  <si>
    <t>POINT (4.721908957530943 51.802685238067625)</t>
  </si>
  <si>
    <t>POINT (4.661640702243869 51.773907377761056)</t>
  </si>
  <si>
    <t>POINT (4.702802222358612 51.79088519342584)</t>
  </si>
  <si>
    <t>POINT (4.661127779813007 51.77202187479498)</t>
  </si>
  <si>
    <t>3319CN</t>
  </si>
  <si>
    <t>POINT (4.699637374424627 51.79886900303)</t>
  </si>
  <si>
    <t>POINT (4.716528235213197 51.80298098402006)</t>
  </si>
  <si>
    <t>3328ML</t>
  </si>
  <si>
    <t>POINT (4.668488285926659 51.77078363297893)</t>
  </si>
  <si>
    <t>3311SC</t>
  </si>
  <si>
    <t>Hallincqlaan</t>
  </si>
  <si>
    <t>POINT (4.678499020786927 51.81315515338433)</t>
  </si>
  <si>
    <t>3315WK</t>
  </si>
  <si>
    <t>Amazone</t>
  </si>
  <si>
    <t>POINT (4.7033736519325355 51.80732262219843)</t>
  </si>
  <si>
    <t>3313CG</t>
  </si>
  <si>
    <t>Beinemastraat</t>
  </si>
  <si>
    <t>POINT (4.702297593972815 51.816498665326385)</t>
  </si>
  <si>
    <t>3317ZD</t>
  </si>
  <si>
    <t>Karel Doormanweg</t>
  </si>
  <si>
    <t>POINT (4.654773628136254 51.793075643493374)</t>
  </si>
  <si>
    <t>3319HP</t>
  </si>
  <si>
    <t>POINT (4.712410464552064 51.794184169192995)</t>
  </si>
  <si>
    <t>3319PA</t>
  </si>
  <si>
    <t>POINT (4.692635451253663 51.79521408140337)</t>
  </si>
  <si>
    <t>3328DZ</t>
  </si>
  <si>
    <t>POINT (4.676192715380579 51.77442812060985)</t>
  </si>
  <si>
    <t>3315KN</t>
  </si>
  <si>
    <t>POINT (4.7180299690351 51.80403146788577)</t>
  </si>
  <si>
    <t>3314PK</t>
  </si>
  <si>
    <t>Louise de Colignystraat</t>
  </si>
  <si>
    <t>POINT (4.669708538000535 51.80170499813767)</t>
  </si>
  <si>
    <t>POINT (4.697527974980554 51.79584887032532)</t>
  </si>
  <si>
    <t>3311PM</t>
  </si>
  <si>
    <t>Steegoversloot</t>
  </si>
  <si>
    <t>POINT (4.670669812391407 51.81560496113293)</t>
  </si>
  <si>
    <t>3317RP</t>
  </si>
  <si>
    <t>Kappeijne van de Coppelloweg</t>
  </si>
  <si>
    <t>POINT (4.661043262547545 51.78785882332229)</t>
  </si>
  <si>
    <t>3317NB</t>
  </si>
  <si>
    <t>POINT (4.655574873080952 51.79019862911764)</t>
  </si>
  <si>
    <t>3314NT</t>
  </si>
  <si>
    <t>RenÃ© van ChalÃ´nstraat</t>
  </si>
  <si>
    <t>POINT (4.671578488095506 51.799232043946084)</t>
  </si>
  <si>
    <t>3328ST</t>
  </si>
  <si>
    <t>POINT (4.673350975853312 51.78235768538564)</t>
  </si>
  <si>
    <t>POINT (4.6740744056715995 51.78078982664689)</t>
  </si>
  <si>
    <t>POINT (4.66824095901302 51.78084192711868)</t>
  </si>
  <si>
    <t>3315WV</t>
  </si>
  <si>
    <t>POINT (4.70713046131044 51.809347602479846)</t>
  </si>
  <si>
    <t>3317AN</t>
  </si>
  <si>
    <t>POINT (4.651446902989721 51.79384396376131)</t>
  </si>
  <si>
    <t>3311ES</t>
  </si>
  <si>
    <t>POINT (4.669769157027916 51.817244358597534)</t>
  </si>
  <si>
    <t>POINT (4.728471738983563 51.79670291347006)</t>
  </si>
  <si>
    <t>3312KE</t>
  </si>
  <si>
    <t>Jan Ligthartlaan</t>
  </si>
  <si>
    <t>POINT (4.68074438763653 51.80157312530596)</t>
  </si>
  <si>
    <t>Daltonstraat</t>
  </si>
  <si>
    <t>POINT (4.637987891240842 51.779714755501395)</t>
  </si>
  <si>
    <t>POINT (4.668022302581317 51.8173694857801)</t>
  </si>
  <si>
    <t>3318EB</t>
  </si>
  <si>
    <t>Junolaan</t>
  </si>
  <si>
    <t>POINT (4.6745193716214875 51.787606595724164)</t>
  </si>
  <si>
    <t>3311CX</t>
  </si>
  <si>
    <t>3311CX-3311VV</t>
  </si>
  <si>
    <t>POINT (4.660810060090423 51.81354554354974)</t>
  </si>
  <si>
    <t>3317AJ</t>
  </si>
  <si>
    <t>Cornelis Houtmanstraat</t>
  </si>
  <si>
    <t>3317AH-3317AJ</t>
  </si>
  <si>
    <t>POINT (4.652400038845798 51.79246710524492)</t>
  </si>
  <si>
    <t>3317SM</t>
  </si>
  <si>
    <t>POINT (4.663703470750311 51.78791726476413)</t>
  </si>
  <si>
    <t>3315JJ</t>
  </si>
  <si>
    <t>Berlage-erf</t>
  </si>
  <si>
    <t>POINT (4.721767211415493 51.8043827394575)</t>
  </si>
  <si>
    <t>POINT (4.724670249648754 51.79715138985858)</t>
  </si>
  <si>
    <t>3315HM</t>
  </si>
  <si>
    <t>POINT (4.732711171712183 51.80132633251179)</t>
  </si>
  <si>
    <t>POINT (4.65247566851947 51.785749692116276)</t>
  </si>
  <si>
    <t>POINT (4.7168465107697655 51.79536772539521)</t>
  </si>
  <si>
    <t>POINT (4.680973091806038 51.8142906582213)</t>
  </si>
  <si>
    <t>3314PB</t>
  </si>
  <si>
    <t>Adolf van Nassaustraat</t>
  </si>
  <si>
    <t>POINT (4.668829088383799 51.801589829118534)</t>
  </si>
  <si>
    <t>3314ZG</t>
  </si>
  <si>
    <t>Tesselschadestraat</t>
  </si>
  <si>
    <t>POINT (4.660406262139635 51.80335823083563)</t>
  </si>
  <si>
    <t>3313XH</t>
  </si>
  <si>
    <t>POINT (4.692168090240587 51.8188927006198)</t>
  </si>
  <si>
    <t>POINT (4.6762042100547845 51.77370577666663)</t>
  </si>
  <si>
    <t>3311VT</t>
  </si>
  <si>
    <t>Slikveld</t>
  </si>
  <si>
    <t>POINT (4.658534018152829 51.81253572069604)</t>
  </si>
  <si>
    <t>3314ZD</t>
  </si>
  <si>
    <t>POINT (4.66016828333705 51.80400175815554)</t>
  </si>
  <si>
    <t>3328AH</t>
  </si>
  <si>
    <t>POINT (4.68653999822147 51.77648166843519)</t>
  </si>
  <si>
    <t>3319RG</t>
  </si>
  <si>
    <t>Drakensteynlaan</t>
  </si>
  <si>
    <t>POINT (4.695208989741266 51.79521012517005)</t>
  </si>
  <si>
    <t>3312WD</t>
  </si>
  <si>
    <t>Vloed</t>
  </si>
  <si>
    <t>POINT (4.693690112732313 51.810623765651215)</t>
  </si>
  <si>
    <t>3315CK</t>
  </si>
  <si>
    <t>POINT (4.731718774206088 51.8004742248633)</t>
  </si>
  <si>
    <t>3311HJ</t>
  </si>
  <si>
    <t>POINT (4.658726703729292 51.81067611515359)</t>
  </si>
  <si>
    <t>3317TL</t>
  </si>
  <si>
    <t>POINT (4.660493594206468 51.79223653319461)</t>
  </si>
  <si>
    <t>POINT (4.660665758048298 51.771562862634376)</t>
  </si>
  <si>
    <t>3315BG</t>
  </si>
  <si>
    <t>POINT (4.724770699479647 51.79787980371957)</t>
  </si>
  <si>
    <t>POINT (4.658408520601978 51.782365840422024)</t>
  </si>
  <si>
    <t>3318ES</t>
  </si>
  <si>
    <t>Saturnuslaan</t>
  </si>
  <si>
    <t>POINT (4.671633993219354 51.786865565932736)</t>
  </si>
  <si>
    <t>POINT (4.667021077321228 51.80920495300351)</t>
  </si>
  <si>
    <t>POINT (4.653799062895261 51.78559996110466)</t>
  </si>
  <si>
    <t>3311CV</t>
  </si>
  <si>
    <t>Sint Jacobsplein</t>
  </si>
  <si>
    <t>POINT (4.663079490201174 51.81483246478969)</t>
  </si>
  <si>
    <t>3311NA</t>
  </si>
  <si>
    <t>Korte Breehof</t>
  </si>
  <si>
    <t>POINT (4.666344053496299 51.81438824370611)</t>
  </si>
  <si>
    <t>3314JJ</t>
  </si>
  <si>
    <t>Weizigtweg</t>
  </si>
  <si>
    <t>POINT (4.671249888382545 51.80583763947733)</t>
  </si>
  <si>
    <t>3315GB</t>
  </si>
  <si>
    <t>POINT (4.732441781520439 51.79954168158672)</t>
  </si>
  <si>
    <t>3319XD</t>
  </si>
  <si>
    <t>I</t>
  </si>
  <si>
    <t>POINT (4.705944148961997 51.79270848635987)</t>
  </si>
  <si>
    <t>3314JH</t>
  </si>
  <si>
    <t>POINT (4.669599615155307 51.80445744060869)</t>
  </si>
  <si>
    <t>3328VB</t>
  </si>
  <si>
    <t>POINT (4.679131053888077 51.77605054286763)</t>
  </si>
  <si>
    <t>3317TJ</t>
  </si>
  <si>
    <t>POINT (4.660990868606832 51.794061901339894)</t>
  </si>
  <si>
    <t>3311EN</t>
  </si>
  <si>
    <t>3311EN-3311TN</t>
  </si>
  <si>
    <t>POINT (4.6692168029979175 51.81689332587821)</t>
  </si>
  <si>
    <t>3319VN</t>
  </si>
  <si>
    <t>Peppellaan</t>
  </si>
  <si>
    <t>POINT (4.704890814903077 51.78795632932232)</t>
  </si>
  <si>
    <t>3316KG</t>
  </si>
  <si>
    <t>Heliotroopring</t>
  </si>
  <si>
    <t>3317CN</t>
  </si>
  <si>
    <t>Witte de Withstraat</t>
  </si>
  <si>
    <t>J</t>
  </si>
  <si>
    <t>POINT (4.655683998200865 51.78685656920447)</t>
  </si>
  <si>
    <t>3311NN</t>
  </si>
  <si>
    <t>POINT (4.666834793099706 51.8142735593397)</t>
  </si>
  <si>
    <t>POINT (4.729608126366442 51.79585925912218)</t>
  </si>
  <si>
    <t>3317NW</t>
  </si>
  <si>
    <t>Joop den Uylstraat</t>
  </si>
  <si>
    <t>POINT (4.663199751027714 51.785960686021575)</t>
  </si>
  <si>
    <t>3312NB</t>
  </si>
  <si>
    <t>Dubbelmondestraat</t>
  </si>
  <si>
    <t>POINT (4.682398515061637 51.805158821844984)</t>
  </si>
  <si>
    <t>3312CW</t>
  </si>
  <si>
    <t>Timorstraat</t>
  </si>
  <si>
    <t>POINT (4.683000781458025 51.806170778055105)</t>
  </si>
  <si>
    <t>3311RV</t>
  </si>
  <si>
    <t>Noordersteeg</t>
  </si>
  <si>
    <t>3311RV-3311RX</t>
  </si>
  <si>
    <t>POINT (4.675392984876021 51.81741618318471)</t>
  </si>
  <si>
    <t>3315VG</t>
  </si>
  <si>
    <t>POINT (4.722518804084792 51.79798842369654)</t>
  </si>
  <si>
    <t>3317RG</t>
  </si>
  <si>
    <t>Piersonstraat</t>
  </si>
  <si>
    <t>POINT (4.670457991261111 51.79057917777531)</t>
  </si>
  <si>
    <t>3315AW</t>
  </si>
  <si>
    <t>Selma LagerlÃ¶f-erf</t>
  </si>
  <si>
    <t>POINT (4.722092284461471 51.79929894241552)</t>
  </si>
  <si>
    <t>3314LN</t>
  </si>
  <si>
    <t>Lodewijkstraat</t>
  </si>
  <si>
    <t>POINT (4.665974674987219 51.80267280332939)</t>
  </si>
  <si>
    <t>3318VT</t>
  </si>
  <si>
    <t>POINT (4.685014834773027 51.78748561278744)</t>
  </si>
  <si>
    <t>3328HC</t>
  </si>
  <si>
    <t>Holwardastraat</t>
  </si>
  <si>
    <t>POINT (4.68405464340712 51.78179240080385)</t>
  </si>
  <si>
    <t>POINT (4.6632058011062565 51.78842880673368)</t>
  </si>
  <si>
    <t>3311RH</t>
  </si>
  <si>
    <t>3311RH-3311ZM</t>
  </si>
  <si>
    <t>POINT (4.6729982377752135 51.813249974404144)</t>
  </si>
  <si>
    <t>POINT (4.67644770892323 51.77389869412478)</t>
  </si>
  <si>
    <t>3312XV</t>
  </si>
  <si>
    <t>POINT (4.68118032846196 51.80892055638784)</t>
  </si>
  <si>
    <t>3311GP</t>
  </si>
  <si>
    <t>POINT (4.665170429684269 51.81207265519537)</t>
  </si>
  <si>
    <t>3315EK</t>
  </si>
  <si>
    <t>POINT (4.73293574564595 51.79493011841831)</t>
  </si>
  <si>
    <t>3314TZ</t>
  </si>
  <si>
    <t>Jongkindstraat</t>
  </si>
  <si>
    <t>POINT (4.659133935809056 51.79871255287612)</t>
  </si>
  <si>
    <t>POINT (4.66685329516751 51.77244770590884)</t>
  </si>
  <si>
    <t>3312NV</t>
  </si>
  <si>
    <t>Vorensaterstraat</t>
  </si>
  <si>
    <t>POINT (4.6857443212648135 51.80425216592592)</t>
  </si>
  <si>
    <t>POINT (4.66394717083386 51.788731076891004)</t>
  </si>
  <si>
    <t>3317TK</t>
  </si>
  <si>
    <t>POINT (4.660894536311671 51.793767922726815)</t>
  </si>
  <si>
    <t>3318CN</t>
  </si>
  <si>
    <t>3318CN-3318CP</t>
  </si>
  <si>
    <t>POINT (4.679303585688096 51.78535161758848)</t>
  </si>
  <si>
    <t>3328MA</t>
  </si>
  <si>
    <t>POINT (4.670558754038062 51.771968387147666)</t>
  </si>
  <si>
    <t>3318RA</t>
  </si>
  <si>
    <t>Eastonstraat</t>
  </si>
  <si>
    <t>3318LA-3318RA</t>
  </si>
  <si>
    <t>POINT (4.686371863362213 51.78982084499449)</t>
  </si>
  <si>
    <t>POINT (4.711258742707431 51.79273355566925)</t>
  </si>
  <si>
    <t>3314EB</t>
  </si>
  <si>
    <t>POINT (4.656889578472165 51.80210823342829)</t>
  </si>
  <si>
    <t>3313AR</t>
  </si>
  <si>
    <t>POINT (4.711790512740973 51.81639162475085)</t>
  </si>
  <si>
    <t>POINT (4.670447214214334 51.785384730602956)</t>
  </si>
  <si>
    <t>3311HE</t>
  </si>
  <si>
    <t>POINT (4.664037674268708 51.809667508715556)</t>
  </si>
  <si>
    <t>3314LK</t>
  </si>
  <si>
    <t>Engelbrechtstraat</t>
  </si>
  <si>
    <t>POINT (4.667641760524684 51.802335895597345)</t>
  </si>
  <si>
    <t>POINT (4.683994352027297 51.78133051477696)</t>
  </si>
  <si>
    <t>3328HT</t>
  </si>
  <si>
    <t>3328HS-3328HT</t>
  </si>
  <si>
    <t>POINT (4.681888250782197 51.780784767738055)</t>
  </si>
  <si>
    <t>POINT (4.657938524345904 51.79151312281726)</t>
  </si>
  <si>
    <t>3328EM</t>
  </si>
  <si>
    <t>Grafelijkheidsweg</t>
  </si>
  <si>
    <t>POINT (4.676613362563284 51.778667245356345)</t>
  </si>
  <si>
    <t>POINT (4.7130952971341795 51.795595406474064)</t>
  </si>
  <si>
    <t>3312EH</t>
  </si>
  <si>
    <t>Eigenhaard</t>
  </si>
  <si>
    <t>POINT (4.676622695465401 51.8072040924729)</t>
  </si>
  <si>
    <t>3312XL</t>
  </si>
  <si>
    <t>POINT (4.683294375028026 51.809679037454266)</t>
  </si>
  <si>
    <t>3311WV</t>
  </si>
  <si>
    <t>Sluisweg</t>
  </si>
  <si>
    <t>POINT (4.657527774936753 51.81076521378677)</t>
  </si>
  <si>
    <t>3314XS</t>
  </si>
  <si>
    <t>POINT (4.6561623077429015 51.80062588140633)</t>
  </si>
  <si>
    <t>3317BM</t>
  </si>
  <si>
    <t>POINT (4.652487666842468 51.789953493163445)</t>
  </si>
  <si>
    <t>3317WG</t>
  </si>
  <si>
    <t>POINT (4.656127969202034 51.78967312761312)</t>
  </si>
  <si>
    <t>3328HV</t>
  </si>
  <si>
    <t>POINT (4.681440040390192 51.77918162476714)</t>
  </si>
  <si>
    <t>POINT (4.675430064335334 51.77578553585446)</t>
  </si>
  <si>
    <t>3312AB</t>
  </si>
  <si>
    <t>Badweg</t>
  </si>
  <si>
    <t>POINT (4.692672255108447 51.815776865838764)</t>
  </si>
  <si>
    <t>3315BA</t>
  </si>
  <si>
    <t>POINT (4.7265143499762114 51.79758585511357)</t>
  </si>
  <si>
    <t>POINT (4.717588255013022 51.7991968036323)</t>
  </si>
  <si>
    <t>3315AL</t>
  </si>
  <si>
    <t>Rudyard Kipling-erf</t>
  </si>
  <si>
    <t>POINT (4.719295228435813 51.8005825693065)</t>
  </si>
  <si>
    <t>3314NS</t>
  </si>
  <si>
    <t>POINT (4.671032452377122 51.799362526815315)</t>
  </si>
  <si>
    <t>3328HS</t>
  </si>
  <si>
    <t>POINT (4.681865434268803 51.7809057262803)</t>
  </si>
  <si>
    <t>3311TL</t>
  </si>
  <si>
    <t>Riedijk</t>
  </si>
  <si>
    <t>3313ES</t>
  </si>
  <si>
    <t>POINT (4.716440058399307 51.81413026073826)</t>
  </si>
  <si>
    <t>POINT (4.669071807036553 51.81171155560245)</t>
  </si>
  <si>
    <t>3313EJ</t>
  </si>
  <si>
    <t>POINT (4.719008943963825 51.811170036493415)</t>
  </si>
  <si>
    <t>3319SN</t>
  </si>
  <si>
    <t>POINT (4.697641166449763 51.79167235589002)</t>
  </si>
  <si>
    <t>POINT (4.661632191890659 51.772729622625064)</t>
  </si>
  <si>
    <t>3314VS</t>
  </si>
  <si>
    <t>Van Hoytemastraat</t>
  </si>
  <si>
    <t>POINT (4.658198268833239 51.79868042394688)</t>
  </si>
  <si>
    <t>POINT (4.686385644188405 51.808680409291206)</t>
  </si>
  <si>
    <t>3317KW</t>
  </si>
  <si>
    <t>POINT (4.664762958838628 51.78900381431481)</t>
  </si>
  <si>
    <t>3314WV</t>
  </si>
  <si>
    <t>Verhulststraat</t>
  </si>
  <si>
    <t>POINT (4.651990842575451 51.80259388797496)</t>
  </si>
  <si>
    <t>POINT (4.678952292874906 51.7808361277577)</t>
  </si>
  <si>
    <t>3315TC</t>
  </si>
  <si>
    <t>POINT (4.733442219418975 51.796967008398745)</t>
  </si>
  <si>
    <t>3311ZL</t>
  </si>
  <si>
    <t>Matena'spad</t>
  </si>
  <si>
    <t>3311ZK-3311ZL</t>
  </si>
  <si>
    <t>POINT (4.6766321234853905 51.814601880199845)</t>
  </si>
  <si>
    <t>3311GE</t>
  </si>
  <si>
    <t>Grote Spuistraat</t>
  </si>
  <si>
    <t>POINT (4.663865683308892 51.813086660095266)</t>
  </si>
  <si>
    <t>3317GR</t>
  </si>
  <si>
    <t>POINT (4.666886159329537 51.7942008966212)</t>
  </si>
  <si>
    <t>3311ZN</t>
  </si>
  <si>
    <t>Nicolaasstraat</t>
  </si>
  <si>
    <t>POINT (4.676307812760493 51.81484686177754)</t>
  </si>
  <si>
    <t>3317AS</t>
  </si>
  <si>
    <t>Van Ewijckstraat</t>
  </si>
  <si>
    <t>POINT (4.651406855516858 51.79264126569226)</t>
  </si>
  <si>
    <t>3314XJ</t>
  </si>
  <si>
    <t>Dupperstraat</t>
  </si>
  <si>
    <t>POINT (4.657320509039606 51.80153724721905)</t>
  </si>
  <si>
    <t>3317CL</t>
  </si>
  <si>
    <t>POINT (4.653886268622573 51.78792831409043)</t>
  </si>
  <si>
    <t>3318EJ</t>
  </si>
  <si>
    <t>Kapteynweg</t>
  </si>
  <si>
    <t>3318EG-3318EJ</t>
  </si>
  <si>
    <t>POINT (4.676605663714385 51.789410887825774)</t>
  </si>
  <si>
    <t>3319SJ</t>
  </si>
  <si>
    <t>M</t>
  </si>
  <si>
    <t>POINT (4.699696355183847 51.790094483413476)</t>
  </si>
  <si>
    <t>3312AL</t>
  </si>
  <si>
    <t>POINT (4.688252061325471 51.81027246725125)</t>
  </si>
  <si>
    <t>3317ZB</t>
  </si>
  <si>
    <t>Brikstraat</t>
  </si>
  <si>
    <t>POINT (4.650989504794261 51.794946804579425)</t>
  </si>
  <si>
    <t>3318JJ</t>
  </si>
  <si>
    <t>POINT (4.6759304065675495 51.78467270954381)</t>
  </si>
  <si>
    <t>POINT (4.6713700922905375 51.778729501270774)</t>
  </si>
  <si>
    <t>3317WR</t>
  </si>
  <si>
    <t>Van der Kloosterstraat</t>
  </si>
  <si>
    <t>3317WR-3317WX</t>
  </si>
  <si>
    <t>POINT (4.657349616798116 51.790833976994385)</t>
  </si>
  <si>
    <t>POINT (4.734138882584489 51.8019428990549)</t>
  </si>
  <si>
    <t>POINT (4.678919848406311 51.8172052270145)</t>
  </si>
  <si>
    <t>POINT (4.656868927372075 51.80167164967654)</t>
  </si>
  <si>
    <t>3317RC</t>
  </si>
  <si>
    <t>POINT (4.668079829488651 51.79256053738178)</t>
  </si>
  <si>
    <t>3317NC</t>
  </si>
  <si>
    <t>POINT (4.65558347849619 51.79038481202373)</t>
  </si>
  <si>
    <t>POINT (4.652324560949653 51.78538311144661)</t>
  </si>
  <si>
    <t>3319PC</t>
  </si>
  <si>
    <t>POINT (4.6933649771414245 51.7953138847557)</t>
  </si>
  <si>
    <t>3313CP</t>
  </si>
  <si>
    <t>Giessenstraat</t>
  </si>
  <si>
    <t>POINT (4.705461510879001 51.81533764219476)</t>
  </si>
  <si>
    <t>POINT (4.712144893467794 51.79436765499967)</t>
  </si>
  <si>
    <t>3314HB</t>
  </si>
  <si>
    <t>Jan van Goyenstraat</t>
  </si>
  <si>
    <t>POINT (4.664563424467082 51.79712100872736)</t>
  </si>
  <si>
    <t>BU05050307</t>
  </si>
  <si>
    <t>Rembrandtlaan en omgeving</t>
  </si>
  <si>
    <t>3328GL</t>
  </si>
  <si>
    <t>Satellietstraat</t>
  </si>
  <si>
    <t>POINT (4.677009343959719 51.7800898588967)</t>
  </si>
  <si>
    <t>POINT (4.710408811183182 51.798699139200224)</t>
  </si>
  <si>
    <t>POINT (4.674635480431991 51.77693051074661)</t>
  </si>
  <si>
    <t>POINT (4.652538037920915 51.78569776841191)</t>
  </si>
  <si>
    <t>3328GD</t>
  </si>
  <si>
    <t>Atmosfeerstraat</t>
  </si>
  <si>
    <t>POINT (4.677657036400065 51.779421756386704)</t>
  </si>
  <si>
    <t>3315NG</t>
  </si>
  <si>
    <t>POINT (4.716207180704638 51.807733099125045)</t>
  </si>
  <si>
    <t>3317NJ</t>
  </si>
  <si>
    <t>POINT (4.655269561671958 51.79196279944586)</t>
  </si>
  <si>
    <t>3318EC</t>
  </si>
  <si>
    <t>3318EC-3318EE</t>
  </si>
  <si>
    <t>POINT (4.67683514030274 51.78993737913398)</t>
  </si>
  <si>
    <t>POINT (4.658734612706 51.8119592273126)</t>
  </si>
  <si>
    <t>POINT (4.7117704584685205 51.8164078506792)</t>
  </si>
  <si>
    <t>3315GE</t>
  </si>
  <si>
    <t>POINT (4.734892366404838 51.798609609813106)</t>
  </si>
  <si>
    <t>3311WX</t>
  </si>
  <si>
    <t>Twintighuizen</t>
  </si>
  <si>
    <t>POINT (4.656035570711897 51.81073152142758)</t>
  </si>
  <si>
    <t>3319EJ</t>
  </si>
  <si>
    <t>POINT (4.692858187693147 51.794229854535985)</t>
  </si>
  <si>
    <t>POINT (4.667565647211421 51.78833789962102)</t>
  </si>
  <si>
    <t>U</t>
  </si>
  <si>
    <t>POINT (4.674796563449259 51.78767470591367)</t>
  </si>
  <si>
    <t>3313BK</t>
  </si>
  <si>
    <t>Tjongerstraat</t>
  </si>
  <si>
    <t>3313BK-3313BN</t>
  </si>
  <si>
    <t>POINT (4.71724782899856 51.81537511761042)</t>
  </si>
  <si>
    <t>POINT (4.729957455507942 51.80333830026913)</t>
  </si>
  <si>
    <t>POINT (4.6593478399381185 51.78942798275237)</t>
  </si>
  <si>
    <t>POINT (4.653310909605427 51.80150484749247)</t>
  </si>
  <si>
    <t>3328BC</t>
  </si>
  <si>
    <t>POINT (4.666696037932653 51.77490987343769)</t>
  </si>
  <si>
    <t>POINT (4.721086742117765 51.80284315985986)</t>
  </si>
  <si>
    <t>3315VD</t>
  </si>
  <si>
    <t>POINT (4.721589826195221 51.79776166791195)</t>
  </si>
  <si>
    <t>3317TR</t>
  </si>
  <si>
    <t>Van den Tempelstraat</t>
  </si>
  <si>
    <t>POINT (4.6613667154128775 51.790684645420725)</t>
  </si>
  <si>
    <t>POINT (4.663937544081998 51.816507079326236)</t>
  </si>
  <si>
    <t>3317LJ</t>
  </si>
  <si>
    <t>3317LH-3317LJ</t>
  </si>
  <si>
    <t>POINT (4.659713140916169 51.78992971526846)</t>
  </si>
  <si>
    <t>POINT (4.661029033735142 51.76986067033393)</t>
  </si>
  <si>
    <t>3312GS</t>
  </si>
  <si>
    <t>Mataramstraat</t>
  </si>
  <si>
    <t>POINT (4.684585000547927 51.8076987935663)</t>
  </si>
  <si>
    <t>3329AA</t>
  </si>
  <si>
    <t>POINT (4.706752212014686 51.78804750880744)</t>
  </si>
  <si>
    <t>3318JR</t>
  </si>
  <si>
    <t>POINT (4.675930044913446 51.78556724469211)</t>
  </si>
  <si>
    <t>POINT (4.683158454878858 51.80190127739765)</t>
  </si>
  <si>
    <t>3328ZH</t>
  </si>
  <si>
    <t>POINT (4.672117335034993 51.773214720886656)</t>
  </si>
  <si>
    <t>3314SC</t>
  </si>
  <si>
    <t>Aagje Dekenstraat</t>
  </si>
  <si>
    <t>POINT (4.6615016918334655 51.801218798689526)</t>
  </si>
  <si>
    <t>POINT (4.65205402678823 51.7843889088355)</t>
  </si>
  <si>
    <t>POINT (4.673372529141833 51.795200040342486)</t>
  </si>
  <si>
    <t>3328KL</t>
  </si>
  <si>
    <t>Graveerstift</t>
  </si>
  <si>
    <t>POINT (4.667180938366187 51.78230134863322)</t>
  </si>
  <si>
    <t>3317HC</t>
  </si>
  <si>
    <t>POINT (4.670018751987779 51.79605547176403)</t>
  </si>
  <si>
    <t>3313AC</t>
  </si>
  <si>
    <t>POINT (4.71090623874975 51.81408743633376)</t>
  </si>
  <si>
    <t>POINT (4.722039978071808 51.80299316775715)</t>
  </si>
  <si>
    <t>POINT (4.652515841021609 51.78569023167547)</t>
  </si>
  <si>
    <t>3316LC-3316LJ</t>
  </si>
  <si>
    <t>POINT (4.632409213008636 51.76900793361108)</t>
  </si>
  <si>
    <t>O</t>
  </si>
  <si>
    <t>POINT (4.703118159011547 51.79859684928226)</t>
  </si>
  <si>
    <t>POINT (4.699115356955162 51.8174695032239)</t>
  </si>
  <si>
    <t>POINT (4.661860126689266 51.80355928874477)</t>
  </si>
  <si>
    <t>3319BA</t>
  </si>
  <si>
    <t>Achterbergstraat</t>
  </si>
  <si>
    <t>POINT (4.702383404745225 51.79773273437753)</t>
  </si>
  <si>
    <t>3314RC</t>
  </si>
  <si>
    <t>POINT (4.661317355041809 51.8018110021245)</t>
  </si>
  <si>
    <t>POINT (4.716889624448086 51.79509348516399)</t>
  </si>
  <si>
    <t>POINT (4.7185516211413905 51.80361456407229)</t>
  </si>
  <si>
    <t>POINT (4.684102818299246 51.79812774087263)</t>
  </si>
  <si>
    <t>POINT (4.667628977513202 51.77325477376196)</t>
  </si>
  <si>
    <t>3328DP</t>
  </si>
  <si>
    <t>POINT (4.675718089383792 51.77400832794907)</t>
  </si>
  <si>
    <t>POINT (4.7221134685368 51.812531509031054)</t>
  </si>
  <si>
    <t>POINT (4.671105655132483 51.804832633670074)</t>
  </si>
  <si>
    <t>3314AG</t>
  </si>
  <si>
    <t>Hugo de Grootlaan</t>
  </si>
  <si>
    <t>POINT (4.658355689565447 51.80608746727026)</t>
  </si>
  <si>
    <t>BU05050302</t>
  </si>
  <si>
    <t>Erasmuslaan en omgeving</t>
  </si>
  <si>
    <t>3311BE</t>
  </si>
  <si>
    <t>Groenmarkt</t>
  </si>
  <si>
    <t>3311BE-3311KX</t>
  </si>
  <si>
    <t>POINT (4.66656708589936 51.81501976461266)</t>
  </si>
  <si>
    <t>3318TP</t>
  </si>
  <si>
    <t>POINT (4.6821944948968355 51.785328578857076)</t>
  </si>
  <si>
    <t>3315CA</t>
  </si>
  <si>
    <t>POINT (4.729338201555348 51.80041771119366)</t>
  </si>
  <si>
    <t>POINT (4.6615726870182925 51.80271208901704)</t>
  </si>
  <si>
    <t>3311BZ</t>
  </si>
  <si>
    <t>POINT (4.667489118071791 51.81535340156189)</t>
  </si>
  <si>
    <t>POINT (4.661797344960004 51.809377584496005)</t>
  </si>
  <si>
    <t>3317KA</t>
  </si>
  <si>
    <t>POINT (4.666408397027965 51.78800758781867)</t>
  </si>
  <si>
    <t>3317KM-3317KP</t>
  </si>
  <si>
    <t>POINT (4.665425049828806 51.78982338101873)</t>
  </si>
  <si>
    <t>3311TZ</t>
  </si>
  <si>
    <t>Wijngaardstraat</t>
  </si>
  <si>
    <t>POINT (4.671758310805257 51.81754220641126)</t>
  </si>
  <si>
    <t>3316GG</t>
  </si>
  <si>
    <t>Einsteinstraat</t>
  </si>
  <si>
    <t>3316GE-3316GG</t>
  </si>
  <si>
    <t>POINT (4.636101263030204 51.776029053802745)</t>
  </si>
  <si>
    <t>3318JX</t>
  </si>
  <si>
    <t>Venuslaan</t>
  </si>
  <si>
    <t>POINT (4.674486487352809 51.78571542543841)</t>
  </si>
  <si>
    <t>POINT (4.712693222187781 51.79528059588001)</t>
  </si>
  <si>
    <t>3311RE</t>
  </si>
  <si>
    <t>POINT (4.67445665119864 51.81508483550121)</t>
  </si>
  <si>
    <t>3318EP</t>
  </si>
  <si>
    <t>Plutolaan</t>
  </si>
  <si>
    <t>POINT (4.674156477194566 51.787988872998326)</t>
  </si>
  <si>
    <t>3311LR</t>
  </si>
  <si>
    <t>POINT (4.673701284188491 51.807896578589116)</t>
  </si>
  <si>
    <t>3317PD</t>
  </si>
  <si>
    <t>3317PC-3317PD</t>
  </si>
  <si>
    <t>POINT (4.661993034030089 51.79498138856169)</t>
  </si>
  <si>
    <t>POINT (4.706785754018855 51.80889463478146)</t>
  </si>
  <si>
    <t>POINT (4.686416858189363 51.777405672071524)</t>
  </si>
  <si>
    <t>3314HH</t>
  </si>
  <si>
    <t>Johannes Bosboomstraat</t>
  </si>
  <si>
    <t>POINT (4.663283633721661 51.79836227822085)</t>
  </si>
  <si>
    <t>3314NJ</t>
  </si>
  <si>
    <t>POINT (4.672241949774059 51.79941257264498)</t>
  </si>
  <si>
    <t>3328NB</t>
  </si>
  <si>
    <t>Indus</t>
  </si>
  <si>
    <t>POINT (4.670237702854081 51.778919545369966)</t>
  </si>
  <si>
    <t>3315GL</t>
  </si>
  <si>
    <t>POINT (4.735934377679794 51.79997385993932)</t>
  </si>
  <si>
    <t>3315XB</t>
  </si>
  <si>
    <t>3315XB-3315XC</t>
  </si>
  <si>
    <t>POINT (4.718059591696021 51.80122883299179)</t>
  </si>
  <si>
    <t>3316LJ</t>
  </si>
  <si>
    <t>Jade</t>
  </si>
  <si>
    <t>POINT (4.669788863367714 51.808247695897286)</t>
  </si>
  <si>
    <t>3329KP</t>
  </si>
  <si>
    <t>Provincialeweg</t>
  </si>
  <si>
    <t>POINT (4.721539690429284 51.79523150988731)</t>
  </si>
  <si>
    <t>BU05051004</t>
  </si>
  <si>
    <t>Oudendijk en omgeving</t>
  </si>
  <si>
    <t>3312XM</t>
  </si>
  <si>
    <t>POINT (4.682596592421992 51.80897459652042)</t>
  </si>
  <si>
    <t>3328VG</t>
  </si>
  <si>
    <t>POINT (4.6804311895105455 51.77478410996591)</t>
  </si>
  <si>
    <t>POINT (4.669338160950375 51.79968935635508)</t>
  </si>
  <si>
    <t>POINT (4.657110415352317 51.78259227442528)</t>
  </si>
  <si>
    <t>POINT (4.683458150192316 51.81275879949152)</t>
  </si>
  <si>
    <t>POINT (4.665323115349774 51.812050197000765)</t>
  </si>
  <si>
    <t>3319LM</t>
  </si>
  <si>
    <t>POINT (4.712353485355134 51.79838239852977)</t>
  </si>
  <si>
    <t>3317KT</t>
  </si>
  <si>
    <t>Van Houtenstraat</t>
  </si>
  <si>
    <t>POINT (4.668256501878284 51.790114644658644)</t>
  </si>
  <si>
    <t>3311BC</t>
  </si>
  <si>
    <t>Gravenstraat</t>
  </si>
  <si>
    <t>POINT (4.6672075139079965 51.81692550116007)</t>
  </si>
  <si>
    <t>POINT (4.668795583351289 51.79499913343699)</t>
  </si>
  <si>
    <t>POINT (4.63624073415934 51.775942648244246)</t>
  </si>
  <si>
    <t>POINT (4.680961621046069 51.788845539167234)</t>
  </si>
  <si>
    <t>POINT (4.66635724628737 51.7888368319816)</t>
  </si>
  <si>
    <t>3311NT</t>
  </si>
  <si>
    <t>POINT (4.671715108917007 51.811362851295186)</t>
  </si>
  <si>
    <t>3311RM</t>
  </si>
  <si>
    <t>POINT (4.67653962815992 51.81596244700036)</t>
  </si>
  <si>
    <t>POINT (4.652456937976659 51.80106374858763)</t>
  </si>
  <si>
    <t>3328KG</t>
  </si>
  <si>
    <t>POINT (4.6711450176891205 51.7826155546362)</t>
  </si>
  <si>
    <t>3311MJ</t>
  </si>
  <si>
    <t>Touwslagersstraat</t>
  </si>
  <si>
    <t>POINT (4.679995032034302 51.81653548484441)</t>
  </si>
  <si>
    <t>3319RC</t>
  </si>
  <si>
    <t>POINT (4.698479822297379 51.79544376951453)</t>
  </si>
  <si>
    <t>POINT (4.683255798316964 51.7979284075433)</t>
  </si>
  <si>
    <t>3317GS</t>
  </si>
  <si>
    <t>POINT (4.666825800690026 51.79503492876542)</t>
  </si>
  <si>
    <t>POINT (4.713572451609745 51.80451559181383)</t>
  </si>
  <si>
    <t>POINT (4.669013934415876 51.78149274398612)</t>
  </si>
  <si>
    <t>POINT (4.655470167410018 51.79021357147014)</t>
  </si>
  <si>
    <t>3313GP</t>
  </si>
  <si>
    <t>3313GH-3313XN</t>
  </si>
  <si>
    <t>POINT (4.690731909312618 51.81917568871555)</t>
  </si>
  <si>
    <t>3319HW</t>
  </si>
  <si>
    <t>Prunushof</t>
  </si>
  <si>
    <t>3319HW-3319LG</t>
  </si>
  <si>
    <t>POINT (4.7072909835128 51.79470475399237)</t>
  </si>
  <si>
    <t>POINT (4.666759340424595 51.79626717647862)</t>
  </si>
  <si>
    <t>POINT (4.6640955889919145 51.78587986623193)</t>
  </si>
  <si>
    <t>POINT (4.680886098218345 51.7756032855103)</t>
  </si>
  <si>
    <t>3328NJ</t>
  </si>
  <si>
    <t>POINT (4.671468402424517 51.77933234471803)</t>
  </si>
  <si>
    <t>POINT (4.685978742966574 51.791736258659476)</t>
  </si>
  <si>
    <t>POINT (4.663267086733866 51.813836885506895)</t>
  </si>
  <si>
    <t>POINT (4.665677351523975 51.81201196243282)</t>
  </si>
  <si>
    <t>POINT (4.661079370250083 51.8090989530495)</t>
  </si>
  <si>
    <t>POINT (4.6601106729876385 51.80871691308005)</t>
  </si>
  <si>
    <t>3317KZ</t>
  </si>
  <si>
    <t>Vorrinklaan</t>
  </si>
  <si>
    <t>POINT (4.668444527694354 51.790567649786816)</t>
  </si>
  <si>
    <t>3317WC</t>
  </si>
  <si>
    <t>Brinkmanstraat</t>
  </si>
  <si>
    <t>POINT (4.656870662956301 51.791497365164986)</t>
  </si>
  <si>
    <t>3311PC</t>
  </si>
  <si>
    <t>POINT (4.673434228041962 51.81007142759844)</t>
  </si>
  <si>
    <t>POINT (4.720862897305439 51.804906786946496)</t>
  </si>
  <si>
    <t>3328KN</t>
  </si>
  <si>
    <t>Pijl</t>
  </si>
  <si>
    <t>POINT (4.672911461473203 51.7804723524028)</t>
  </si>
  <si>
    <t>3314LH</t>
  </si>
  <si>
    <t>Ernst Casimirstraat</t>
  </si>
  <si>
    <t>POINT (4.666580539659415 51.80263421613695)</t>
  </si>
  <si>
    <t>3312HT</t>
  </si>
  <si>
    <t>Soembastraat</t>
  </si>
  <si>
    <t>POINT (4.68883694895349 51.807164146010486)</t>
  </si>
  <si>
    <t>3314NV</t>
  </si>
  <si>
    <t>Willem de Rijkestraat</t>
  </si>
  <si>
    <t>POINT (4.670345324530252 51.79919550047469)</t>
  </si>
  <si>
    <t>3311JB</t>
  </si>
  <si>
    <t>Bellevuestraat</t>
  </si>
  <si>
    <t>POINT (4.659373031175894 51.809331885507646)</t>
  </si>
  <si>
    <t>3318CM</t>
  </si>
  <si>
    <t>POINT (4.679413963369511 51.78703512014169)</t>
  </si>
  <si>
    <t>3311SK</t>
  </si>
  <si>
    <t>Dijkstraat</t>
  </si>
  <si>
    <t>POINT (4.67973296166453 51.814556794727885)</t>
  </si>
  <si>
    <t>3315JL</t>
  </si>
  <si>
    <t>POINT (4.723574834025104 51.80457512238022)</t>
  </si>
  <si>
    <t>POINT (4.670796101341653 51.79306163785988)</t>
  </si>
  <si>
    <t>POINT (4.667937339342063 51.81483354797232)</t>
  </si>
  <si>
    <t>3311JS</t>
  </si>
  <si>
    <t>Prinsenstraat</t>
  </si>
  <si>
    <t>POINT (4.658601076157813 51.81313686884329)</t>
  </si>
  <si>
    <t>3328AR</t>
  </si>
  <si>
    <t>POINT (4.682071053624584 51.77437661705065)</t>
  </si>
  <si>
    <t>POINT (4.6594083705990155 51.80983222628059)</t>
  </si>
  <si>
    <t>3315PR</t>
  </si>
  <si>
    <t>Iroko</t>
  </si>
  <si>
    <t>POINT (4.70761178773346 51.81085414664943)</t>
  </si>
  <si>
    <t>3313GG</t>
  </si>
  <si>
    <t>3313GE-3313GG</t>
  </si>
  <si>
    <t>POINT (4.689109026000503 51.81799407039984)</t>
  </si>
  <si>
    <t>POINT (4.679827908531157 51.816765872789304)</t>
  </si>
  <si>
    <t>POINT (4.68390361472811 51.78140888252038)</t>
  </si>
  <si>
    <t>3318AL</t>
  </si>
  <si>
    <t>Karel Lotsyweg</t>
  </si>
  <si>
    <t>POINT (4.680382324708666 51.79163801815675)</t>
  </si>
  <si>
    <t>Sportcomplex Schenkeldijk</t>
  </si>
  <si>
    <t>POINT (4.689009426907925 51.777638462342004)</t>
  </si>
  <si>
    <t>3311HC</t>
  </si>
  <si>
    <t>3311GZ-3311HC</t>
  </si>
  <si>
    <t>POINT (4.663846801618947 51.81064801333394)</t>
  </si>
  <si>
    <t>POINT (4.671606454671921 51.7991598106384)</t>
  </si>
  <si>
    <t>POINT (4.71314333443187 51.79955264154161)</t>
  </si>
  <si>
    <t>POINT (4.726868072566318 51.8000647031545)</t>
  </si>
  <si>
    <t>3313DD</t>
  </si>
  <si>
    <t>Werf van Gips</t>
  </si>
  <si>
    <t>POINT (4.681885244759067 51.819252105021064)</t>
  </si>
  <si>
    <t>POINT (4.669198952634347 51.81352576303805)</t>
  </si>
  <si>
    <t>POINT (4.675563815106439 51.78862732879858)</t>
  </si>
  <si>
    <t>3313AE</t>
  </si>
  <si>
    <t>POINT (4.713367383548512 51.81418241027779)</t>
  </si>
  <si>
    <t>3313HG</t>
  </si>
  <si>
    <t>Rivierenplein</t>
  </si>
  <si>
    <t>3313HD-3313HG</t>
  </si>
  <si>
    <t>POINT (4.714753291769484 51.81461072221072)</t>
  </si>
  <si>
    <t>POINT (4.6994167556109625 51.79013622384144)</t>
  </si>
  <si>
    <t>3311KV</t>
  </si>
  <si>
    <t>POINT (4.669271023095479 51.80892429774612)</t>
  </si>
  <si>
    <t>POINT (4.663956083615737 51.79937716819921)</t>
  </si>
  <si>
    <t>POINT (4.700975836072896 51.79518887920012)</t>
  </si>
  <si>
    <t>3315CV</t>
  </si>
  <si>
    <t>POINT (4.7265409090085555 51.801105382140314)</t>
  </si>
  <si>
    <t>POINT (4.6697288565351975 51.811011905021246)</t>
  </si>
  <si>
    <t>POINT (4.7173479325556285 51.81564216604603)</t>
  </si>
  <si>
    <t>POINT (4.729343533225652 51.79663885304944)</t>
  </si>
  <si>
    <t>POINT (4.650835541221722 51.801728257979114)</t>
  </si>
  <si>
    <t>3311HL</t>
  </si>
  <si>
    <t>POINT (4.664909993060174 51.809282808378676)</t>
  </si>
  <si>
    <t>3318AH</t>
  </si>
  <si>
    <t>Oudendijk</t>
  </si>
  <si>
    <t>POINT (4.683761591205444 51.79044701418861)</t>
  </si>
  <si>
    <t>3319VJ</t>
  </si>
  <si>
    <t>Lijsterbesstraat</t>
  </si>
  <si>
    <t>POINT (4.706579426092532 51.78999430624685)</t>
  </si>
  <si>
    <t>3319WB</t>
  </si>
  <si>
    <t>Berkenhof</t>
  </si>
  <si>
    <t>POINT (4.696686207947843 51.79881956405768)</t>
  </si>
  <si>
    <t>POINT (4.673371506411148 51.78570638054781)</t>
  </si>
  <si>
    <t>3328VD</t>
  </si>
  <si>
    <t>POINT (4.678182888620057 51.77514132397)</t>
  </si>
  <si>
    <t>3329AJ</t>
  </si>
  <si>
    <t>Lariksstraat</t>
  </si>
  <si>
    <t>3329AH-3329AJ</t>
  </si>
  <si>
    <t>POINT (4.708017421850061 51.78701118428466)</t>
  </si>
  <si>
    <t>POINT (4.710855780941546 51.80432762494216)</t>
  </si>
  <si>
    <t>3315AC</t>
  </si>
  <si>
    <t>POINT (4.721233485060901 51.79941931882327)</t>
  </si>
  <si>
    <t>POINT (4.712801180355291 51.81628152831234)</t>
  </si>
  <si>
    <t>3317BA</t>
  </si>
  <si>
    <t>3317BA-3317BB</t>
  </si>
  <si>
    <t>POINT (4.653232801548886 51.791872861175705)</t>
  </si>
  <si>
    <t>POINT (4.721582083002047 51.80381514431205)</t>
  </si>
  <si>
    <t>3312RG</t>
  </si>
  <si>
    <t>POINT (4.690533306807092 51.80598973931987)</t>
  </si>
  <si>
    <t>POINT (4.705816734892464 51.77972327523618)</t>
  </si>
  <si>
    <t>POINT (4.704701893808216 51.81496169947553)</t>
  </si>
  <si>
    <t>3328GB</t>
  </si>
  <si>
    <t>3328GA-3328GB</t>
  </si>
  <si>
    <t>POINT (4.677562403417937 51.781287310410704)</t>
  </si>
  <si>
    <t>3313BL</t>
  </si>
  <si>
    <t>Volkerakweg</t>
  </si>
  <si>
    <t>POINT (4.714833646327055 51.81501646223966)</t>
  </si>
  <si>
    <t>3328AB</t>
  </si>
  <si>
    <t>POINT (4.681683026667701 51.77522731157639)</t>
  </si>
  <si>
    <t>POINT (4.672615555243737 51.806040928657374)</t>
  </si>
  <si>
    <t>POINT (4.665664524127689 51.80083195423934)</t>
  </si>
  <si>
    <t>3313CK</t>
  </si>
  <si>
    <t>POINT (4.701043071485522 51.817300315425335)</t>
  </si>
  <si>
    <t>3311BP</t>
  </si>
  <si>
    <t>Schrijversstraat</t>
  </si>
  <si>
    <t>POINT (4.667615187842633 51.8180411496811)</t>
  </si>
  <si>
    <t>POINT (4.683186698930577 51.79819999936457)</t>
  </si>
  <si>
    <t>POINT (4.670400906292654 51.80975052309247)</t>
  </si>
  <si>
    <t>3314GB</t>
  </si>
  <si>
    <t>Bosboom-Toussaintstraat</t>
  </si>
  <si>
    <t>POINT (4.661215943042415 51.80320403564938)</t>
  </si>
  <si>
    <t>3311RD</t>
  </si>
  <si>
    <t>Noorderhoofd</t>
  </si>
  <si>
    <t>POINT (4.676719125677571 51.81840506191764)</t>
  </si>
  <si>
    <t>3317BC</t>
  </si>
  <si>
    <t>POINT (4.653034344854485 51.791202319883574)</t>
  </si>
  <si>
    <t>POINT (4.6757259986196935 51.77392480788886)</t>
  </si>
  <si>
    <t>POINT (4.713521908146593 51.81063301836488)</t>
  </si>
  <si>
    <t>POINT (4.714694904331966 51.80492330146543)</t>
  </si>
  <si>
    <t>POINT (4.661056753074294 51.804558734119354)</t>
  </si>
  <si>
    <t>3319GG</t>
  </si>
  <si>
    <t>Kromme Zandweg</t>
  </si>
  <si>
    <t>POINT (4.705974900066291 51.794896649898554)</t>
  </si>
  <si>
    <t>POINT (4.654626229117614 51.81202852765025)</t>
  </si>
  <si>
    <t>POINT (4.668191421258074 51.804163465209236)</t>
  </si>
  <si>
    <t>POINT (4.658277665080637 51.806066002993255)</t>
  </si>
  <si>
    <t>3318AX</t>
  </si>
  <si>
    <t>Fanny Blankers-Koenweg</t>
  </si>
  <si>
    <t>POINT (4.67828496348041 51.79344334319485)</t>
  </si>
  <si>
    <t>BU05051009</t>
  </si>
  <si>
    <t>Locatie Karel Lotsyweg</t>
  </si>
  <si>
    <t>POINT (4.654777927003042 51.792367153312696)</t>
  </si>
  <si>
    <t>POINT (4.657126469773918 51.771915838975275)</t>
  </si>
  <si>
    <t>3317PB</t>
  </si>
  <si>
    <t>3317PA-3317PB</t>
  </si>
  <si>
    <t>POINT (4.6608405062378315 51.79472873217989)</t>
  </si>
  <si>
    <t>3315NL</t>
  </si>
  <si>
    <t>POINT (4.713955939839284 51.81021273745525)</t>
  </si>
  <si>
    <t>3315MT</t>
  </si>
  <si>
    <t>POINT (4.711503407734193 51.80553386659828)</t>
  </si>
  <si>
    <t>3312NA</t>
  </si>
  <si>
    <t>Crayensteynstraat</t>
  </si>
  <si>
    <t>3312LX-3312NA</t>
  </si>
  <si>
    <t>POINT (4.686437637607837 51.80483660815465)</t>
  </si>
  <si>
    <t>3312GJ</t>
  </si>
  <si>
    <t>POINT (4.683802294687378 51.81212397097123)</t>
  </si>
  <si>
    <t>POINT (4.666432300823284 51.788038233365704)</t>
  </si>
  <si>
    <t>POINT (4.661727107004416 51.81666371743532)</t>
  </si>
  <si>
    <t>POINT (4.674259118624972 51.81791247722461)</t>
  </si>
  <si>
    <t>POINT (4.670154448266673 51.79883263821406)</t>
  </si>
  <si>
    <t>Vogelplein</t>
  </si>
  <si>
    <t>POINT (4.6830043424308725 51.810769042850445)</t>
  </si>
  <si>
    <t>3318VD</t>
  </si>
  <si>
    <t>3318VD-3318VG</t>
  </si>
  <si>
    <t>POINT (4.685853213338809 51.78629587867144)</t>
  </si>
  <si>
    <t>3312NE</t>
  </si>
  <si>
    <t>POINT (4.6833817031313725 51.80443555320438)</t>
  </si>
  <si>
    <t>3317ES</t>
  </si>
  <si>
    <t>Van Oldenbarneveltplein</t>
  </si>
  <si>
    <t>POINT (4.664541551478032 51.79150894150811)</t>
  </si>
  <si>
    <t>POINT (4.665459121071114 51.799282370669175)</t>
  </si>
  <si>
    <t>3312AJ</t>
  </si>
  <si>
    <t>POINT (4.6870089629100535 51.81100301680931)</t>
  </si>
  <si>
    <t>POINT (4.7147636628494745 51.80475976956447)</t>
  </si>
  <si>
    <t>POINT (4.706491167371665 51.792560283465356)</t>
  </si>
  <si>
    <t>POINT (4.721120467428112 51.79487460015537)</t>
  </si>
  <si>
    <t>POINT (4.6682366978882115 51.79011764236643)</t>
  </si>
  <si>
    <t>POINT (4.725307189539909 51.79930460145414)</t>
  </si>
  <si>
    <t>POINT (4.669571203568165 51.80555491097142)</t>
  </si>
  <si>
    <t>3314NP</t>
  </si>
  <si>
    <t>Prinses Margrietstraat</t>
  </si>
  <si>
    <t>POINT (4.668859421536347 51.799297647430585)</t>
  </si>
  <si>
    <t>3315PS</t>
  </si>
  <si>
    <t>POINT (4.706780689448952 51.810928224084265)</t>
  </si>
  <si>
    <t>POINT (4.651839271194462 51.784712648760056)</t>
  </si>
  <si>
    <t>POINT (4.661447761690883 51.793037733450966)</t>
  </si>
  <si>
    <t>3315AA</t>
  </si>
  <si>
    <t>POINT (4.719339749234885 51.80017445946472)</t>
  </si>
  <si>
    <t>POINT (4.6803821502819565 51.77547011108063)</t>
  </si>
  <si>
    <t>POINT (4.651673777769086 51.80303704826635)</t>
  </si>
  <si>
    <t>3319EC</t>
  </si>
  <si>
    <t>POINT (4.7067333821529695 51.793589704316496)</t>
  </si>
  <si>
    <t>3311GA</t>
  </si>
  <si>
    <t>Beverwijcksplaats</t>
  </si>
  <si>
    <t>POINT (4.667826393334977 51.810802785633534)</t>
  </si>
  <si>
    <t>POINT (4.678176331507178 51.775129823728456)</t>
  </si>
  <si>
    <t>POINT (4.655633682632965 51.79023678441946)</t>
  </si>
  <si>
    <t>3311GT</t>
  </si>
  <si>
    <t>POINT (4.662779611126061 51.810047745531804)</t>
  </si>
  <si>
    <t>POINT (4.683788514102397 51.78200709115746)</t>
  </si>
  <si>
    <t>3315HP</t>
  </si>
  <si>
    <t>POINT (4.7338203641954575 51.80353535897813)</t>
  </si>
  <si>
    <t>POINT (4.715842469804805 51.81364276064569)</t>
  </si>
  <si>
    <t>POINT (4.6971869627807115 51.79137188148835)</t>
  </si>
  <si>
    <t>POINT (4.703159377426111 51.79864065764741)</t>
  </si>
  <si>
    <t>POINT (4.719170159006908 51.800404124756525)</t>
  </si>
  <si>
    <t>3313BA</t>
  </si>
  <si>
    <t>Boterdiepstraat</t>
  </si>
  <si>
    <t>POINT (4.719331224443029 51.81556253130088)</t>
  </si>
  <si>
    <t>3312XS</t>
  </si>
  <si>
    <t>POINT (4.681319328748217 51.80868641979358)</t>
  </si>
  <si>
    <t>POINT (4.675865154044756 51.77465211951482)</t>
  </si>
  <si>
    <t>POINT (4.660573116958608 51.810478512969254)</t>
  </si>
  <si>
    <t>3311TR</t>
  </si>
  <si>
    <t>Torenstraat</t>
  </si>
  <si>
    <t>POINT (4.674014726708427 51.816604714316455)</t>
  </si>
  <si>
    <t>POINT (4.66402742065919 51.812503770208345)</t>
  </si>
  <si>
    <t>POINT (4.722725471521089 51.8037158823857)</t>
  </si>
  <si>
    <t>3311WJ</t>
  </si>
  <si>
    <t>Hoge Bakstraat</t>
  </si>
  <si>
    <t>POINT (4.656731251046713 51.810045315923865)</t>
  </si>
  <si>
    <t>POINT (4.664696433295342 51.78947605763602)</t>
  </si>
  <si>
    <t>POINT (4.660939245641306 51.793737952527366)</t>
  </si>
  <si>
    <t>POINT (4.675790976873224 51.78460151844995)</t>
  </si>
  <si>
    <t>3311JJ</t>
  </si>
  <si>
    <t>Draai</t>
  </si>
  <si>
    <t>POINT (4.654837089419783 51.811289005002784)</t>
  </si>
  <si>
    <t>3328ZB</t>
  </si>
  <si>
    <t>POINT (4.6748865488757225 51.77167102429314)</t>
  </si>
  <si>
    <t>POINT (4.661703412214847 51.81581189366623)</t>
  </si>
  <si>
    <t>3328ED</t>
  </si>
  <si>
    <t>Sandenburg</t>
  </si>
  <si>
    <t>POINT (4.679675775993876 51.777749773916966)</t>
  </si>
  <si>
    <t>3317AE</t>
  </si>
  <si>
    <t>Banckertstraat</t>
  </si>
  <si>
    <t>3317AD-3317AE</t>
  </si>
  <si>
    <t>POINT (4.652074525861089 51.793771341381095)</t>
  </si>
  <si>
    <t>POINT (4.6830569846546215 51.814321445235066)</t>
  </si>
  <si>
    <t>POINT (4.672793420209782 51.81941573669796)</t>
  </si>
  <si>
    <t>3316BR</t>
  </si>
  <si>
    <t>Rudolf A. Jasstraat</t>
  </si>
  <si>
    <t>3316BR-3316BZ</t>
  </si>
  <si>
    <t>POINT (4.626481526619542 51.793944114591135)</t>
  </si>
  <si>
    <t>BU05051907</t>
  </si>
  <si>
    <t>Krabbepolder</t>
  </si>
  <si>
    <t>POINT (4.7117332492558 51.799076492917735)</t>
  </si>
  <si>
    <t>3313CE</t>
  </si>
  <si>
    <t>POINT (4.702257917932413 51.81624637419997)</t>
  </si>
  <si>
    <t>3319CK</t>
  </si>
  <si>
    <t>POINT (4.704833137537547 51.79795182318535)</t>
  </si>
  <si>
    <t>3315DL</t>
  </si>
  <si>
    <t>POINT (4.721737144441768 51.80546622156098)</t>
  </si>
  <si>
    <t>3317MG</t>
  </si>
  <si>
    <t>Bijwater</t>
  </si>
  <si>
    <t>POINT (4.658672983143488 51.781355425685966)</t>
  </si>
  <si>
    <t>POINT (4.654272883505181 51.79148892118851)</t>
  </si>
  <si>
    <t>3314SN</t>
  </si>
  <si>
    <t>POINT (4.663071439415913 51.80009311730222)</t>
  </si>
  <si>
    <t>3318RE</t>
  </si>
  <si>
    <t>Kleine Beerstraat</t>
  </si>
  <si>
    <t>3318RE-3318RH</t>
  </si>
  <si>
    <t>POINT (4.68611107266983 51.789068452780775)</t>
  </si>
  <si>
    <t>3311AE</t>
  </si>
  <si>
    <t>Damiatebolwerk</t>
  </si>
  <si>
    <t>3311AE-3311AG</t>
  </si>
  <si>
    <t>POINT (4.668267608038531 51.81936866687365)</t>
  </si>
  <si>
    <t>POINT (4.675681637185322 51.81667156866012)</t>
  </si>
  <si>
    <t>POINT (4.729464218667017 51.80146444362915)</t>
  </si>
  <si>
    <t>3311EH</t>
  </si>
  <si>
    <t>Nieuwbrug</t>
  </si>
  <si>
    <t>3311EC-3311EH</t>
  </si>
  <si>
    <t>POINT (4.669291635274171 51.81696829076118)</t>
  </si>
  <si>
    <t>3328MX</t>
  </si>
  <si>
    <t>POINT (4.6677320600582695 51.77130821597054)</t>
  </si>
  <si>
    <t>3318CC</t>
  </si>
  <si>
    <t>3318CB-3318CD</t>
  </si>
  <si>
    <t>POINT (4.678725044587422 51.78702261089835)</t>
  </si>
  <si>
    <t>3312EE</t>
  </si>
  <si>
    <t>De la Reystraat</t>
  </si>
  <si>
    <t>POINT (4.675666031714405 51.80717852031139)</t>
  </si>
  <si>
    <t>POINT (4.653345765584453 51.7939292499407)</t>
  </si>
  <si>
    <t>POINT (4.72986522286098 51.799901840621075)</t>
  </si>
  <si>
    <t>POINT (4.677604006224638 51.808542044408526)</t>
  </si>
  <si>
    <t>POINT (4.670245978362249 51.798737306226364)</t>
  </si>
  <si>
    <t>POINT (4.671172670148835 51.78566862886844)</t>
  </si>
  <si>
    <t>3314KK</t>
  </si>
  <si>
    <t>POINT (4.665115113319926 51.80227115134338)</t>
  </si>
  <si>
    <t>3317CG</t>
  </si>
  <si>
    <t>Van Conventstraat</t>
  </si>
  <si>
    <t>POINT (4.655226291635368 51.788395718919105)</t>
  </si>
  <si>
    <t>3329KJ</t>
  </si>
  <si>
    <t>Nieuwe Beerpolder</t>
  </si>
  <si>
    <t>3329KJ-3329KM</t>
  </si>
  <si>
    <t>POINT (4.657705224565137 51.754756625971716)</t>
  </si>
  <si>
    <t>3317VL</t>
  </si>
  <si>
    <t>Jacob van Heemskerckstraat</t>
  </si>
  <si>
    <t>POINT (4.654051546067744 51.79230751528896)</t>
  </si>
  <si>
    <t>3328KP</t>
  </si>
  <si>
    <t>POINT (4.672290279424515 51.78074047628377)</t>
  </si>
  <si>
    <t>POINT (4.658690559351378 51.81063258327592)</t>
  </si>
  <si>
    <t>3319WC</t>
  </si>
  <si>
    <t>Buitenrust</t>
  </si>
  <si>
    <t>POINT (4.696284631666314 51.80020495131575)</t>
  </si>
  <si>
    <t>3311VB</t>
  </si>
  <si>
    <t>Bethlehemplein</t>
  </si>
  <si>
    <t>POINT (4.665711677245058 51.812575610863455)</t>
  </si>
  <si>
    <t>3315WT</t>
  </si>
  <si>
    <t>POINT (4.707610064755007 51.80673323687028)</t>
  </si>
  <si>
    <t>POINT (4.702343722755095 51.79543764253841)</t>
  </si>
  <si>
    <t>3314GC</t>
  </si>
  <si>
    <t>POINT (4.659718140299018 51.80280295050833)</t>
  </si>
  <si>
    <t>3328MH</t>
  </si>
  <si>
    <t>POINT (4.667809496488341 51.773651294883166)</t>
  </si>
  <si>
    <t>3312CB</t>
  </si>
  <si>
    <t>Komatistraat</t>
  </si>
  <si>
    <t>POINT (4.681953265679417 51.80745063094973)</t>
  </si>
  <si>
    <t>3317ET</t>
  </si>
  <si>
    <t>POINT (4.662915233096552 51.790734953047156)</t>
  </si>
  <si>
    <t>3328AX</t>
  </si>
  <si>
    <t>POINT (4.686528776993906 51.778299295906514)</t>
  </si>
  <si>
    <t>3318CW</t>
  </si>
  <si>
    <t>Keplerweg</t>
  </si>
  <si>
    <t>POINT (4.68019090409813 51.78716499091959)</t>
  </si>
  <si>
    <t>3315BL</t>
  </si>
  <si>
    <t>POINT (4.727758486767225 51.79779666293176)</t>
  </si>
  <si>
    <t>3319EW</t>
  </si>
  <si>
    <t>Cederlaan</t>
  </si>
  <si>
    <t>POINT (4.700105857188589 51.79266219579951)</t>
  </si>
  <si>
    <t>POINT (4.672454936662092 51.80967658087555)</t>
  </si>
  <si>
    <t>3328SJ</t>
  </si>
  <si>
    <t>3328SJ-3328SM</t>
  </si>
  <si>
    <t>POINT (4.673419700845914 51.78327366597611)</t>
  </si>
  <si>
    <t>3319BE</t>
  </si>
  <si>
    <t>POINT (4.697985592076205 51.79599924334196)</t>
  </si>
  <si>
    <t>3318ED</t>
  </si>
  <si>
    <t>POINT (4.676968396448919 51.78995624426311)</t>
  </si>
  <si>
    <t>POINT (4.681998323665219 51.78534108945721)</t>
  </si>
  <si>
    <t>3318BK</t>
  </si>
  <si>
    <t>POINT (4.68087860960012 51.78925123831879)</t>
  </si>
  <si>
    <t>POINT (4.729666602434529 51.800947122237)</t>
  </si>
  <si>
    <t>3317SR</t>
  </si>
  <si>
    <t>3317SP-3317SR</t>
  </si>
  <si>
    <t>POINT (4.664445419889105 51.788279858586904)</t>
  </si>
  <si>
    <t>POINT (4.730635521951149 51.79193579732882)</t>
  </si>
  <si>
    <t>POINT (4.647526271424143 51.781181564036636)</t>
  </si>
  <si>
    <t>POINT (4.6635301044999 51.79956027494877)</t>
  </si>
  <si>
    <t>3319AG</t>
  </si>
  <si>
    <t>POINT (4.711816962672528 51.790334262760474)</t>
  </si>
  <si>
    <t>POINT (4.693756012461481 51.81619539970541)</t>
  </si>
  <si>
    <t>3315NB</t>
  </si>
  <si>
    <t>POINT (4.7126636346524835 51.809105762486496)</t>
  </si>
  <si>
    <t>3317JH</t>
  </si>
  <si>
    <t>POINT (4.667967841218372 51.79427682684299)</t>
  </si>
  <si>
    <t>3314RV</t>
  </si>
  <si>
    <t>Jacob van Lennepstraat</t>
  </si>
  <si>
    <t>POINT (4.662683028950569 51.801399796910495)</t>
  </si>
  <si>
    <t>3319HB</t>
  </si>
  <si>
    <t>Bremstraat</t>
  </si>
  <si>
    <t>3319GZ-3319HB</t>
  </si>
  <si>
    <t>POINT (4.710027550129334 51.79598249930529)</t>
  </si>
  <si>
    <t>3319CL</t>
  </si>
  <si>
    <t>POINT (4.701264540026562 51.79848842816756)</t>
  </si>
  <si>
    <t>3319HN</t>
  </si>
  <si>
    <t>POINT (4.71098864602678 51.79612799608001)</t>
  </si>
  <si>
    <t>POINT (4.671297738128963 51.79899301186536)</t>
  </si>
  <si>
    <t>3311LT</t>
  </si>
  <si>
    <t>POINT (4.675914729264348 51.808544140476315)</t>
  </si>
  <si>
    <t>3313EN</t>
  </si>
  <si>
    <t>POINT (4.721040643046921 51.811299545098734)</t>
  </si>
  <si>
    <t>POINT (4.645239980461503 51.77324910169108)</t>
  </si>
  <si>
    <t>3312KT</t>
  </si>
  <si>
    <t>Dubbeldamseweg Zuid</t>
  </si>
  <si>
    <t>POINT (4.682982739867084 51.80126301566325)</t>
  </si>
  <si>
    <t>3329BC</t>
  </si>
  <si>
    <t>Hovenlaan</t>
  </si>
  <si>
    <t>POINT (4.733418776179235 51.79141100626946)</t>
  </si>
  <si>
    <t>POINT (4.682528346082021 51.81132708727271)</t>
  </si>
  <si>
    <t>POINT (4.697134459288385 51.79285316685552)</t>
  </si>
  <si>
    <t>POINT (4.666775256056933 51.778160436854755)</t>
  </si>
  <si>
    <t>3312TE</t>
  </si>
  <si>
    <t>Buizerdstraat</t>
  </si>
  <si>
    <t>3312TD-3312TE</t>
  </si>
  <si>
    <t>POINT (4.685819714988902 51.81059981142665)</t>
  </si>
  <si>
    <t>POINT (4.658925315789173 51.80386441498086)</t>
  </si>
  <si>
    <t>3312KX</t>
  </si>
  <si>
    <t>Prof. Gunninglaan</t>
  </si>
  <si>
    <t>3312KW-3312LA</t>
  </si>
  <si>
    <t>POINT (4.680536755868185 51.800014082984355)</t>
  </si>
  <si>
    <t>3329BJ</t>
  </si>
  <si>
    <t>Liechtensteinhof</t>
  </si>
  <si>
    <t>POINT (4.726840872858545 51.79180138605175)</t>
  </si>
  <si>
    <t>3318VA</t>
  </si>
  <si>
    <t>Herschelstraat</t>
  </si>
  <si>
    <t>POINT (4.684114903046427 51.786776740592856)</t>
  </si>
  <si>
    <t>3328PH</t>
  </si>
  <si>
    <t>Wega</t>
  </si>
  <si>
    <t>POINT (4.675283521787498 51.77871254711319)</t>
  </si>
  <si>
    <t>POINT (4.655384444003994 51.79198647331584)</t>
  </si>
  <si>
    <t>3311HN</t>
  </si>
  <si>
    <t>POINT (4.660556686619638 51.809955764087334)</t>
  </si>
  <si>
    <t>3315BP</t>
  </si>
  <si>
    <t>POINT (4.730660680907326 51.798857275120746)</t>
  </si>
  <si>
    <t>POINT (4.68174113748948 51.77535946249185)</t>
  </si>
  <si>
    <t>3311TC</t>
  </si>
  <si>
    <t>Boomstraat</t>
  </si>
  <si>
    <t>POINT (4.6709303434067335 51.81953161577411)</t>
  </si>
  <si>
    <t>POINT (4.657582529935939 51.81098936357923)</t>
  </si>
  <si>
    <t>3328LN</t>
  </si>
  <si>
    <t>Moestuin</t>
  </si>
  <si>
    <t>POINT (4.659348309100244 51.77020818221252)</t>
  </si>
  <si>
    <t>3314CT</t>
  </si>
  <si>
    <t>POINT (4.6563205093205395 51.79709569159298)</t>
  </si>
  <si>
    <t>BU05050300</t>
  </si>
  <si>
    <t>3317MA</t>
  </si>
  <si>
    <t>Langedaal</t>
  </si>
  <si>
    <t>3317LV-3317MA</t>
  </si>
  <si>
    <t>POINT (4.657141655955798 51.78119429173775)</t>
  </si>
  <si>
    <t>3319BG</t>
  </si>
  <si>
    <t>De MÃ©rodestraat</t>
  </si>
  <si>
    <t>POINT (4.702428345107418 51.79681032823116)</t>
  </si>
  <si>
    <t>POINT (4.719196873807642 51.800495484665156)</t>
  </si>
  <si>
    <t>POINT (4.674034732650701 51.81658141142163)</t>
  </si>
  <si>
    <t>POINT (4.666715064036459 51.774952470995814)</t>
  </si>
  <si>
    <t>POINT (4.673300649468189 51.807962779411675)</t>
  </si>
  <si>
    <t>POINT (4.65830795145545 51.810679627173656)</t>
  </si>
  <si>
    <t>3315DZ</t>
  </si>
  <si>
    <t>POINT (4.7273002428271855 51.80495622636634)</t>
  </si>
  <si>
    <t>3329AG</t>
  </si>
  <si>
    <t>POINT (4.709981489145447 51.78728187144902)</t>
  </si>
  <si>
    <t>3311NV</t>
  </si>
  <si>
    <t>POINT (4.672934148807342 51.81116593796561)</t>
  </si>
  <si>
    <t>POINT (4.676782124840742 51.78634804290975)</t>
  </si>
  <si>
    <t>3315PH</t>
  </si>
  <si>
    <t>Marowijne</t>
  </si>
  <si>
    <t>POINT (4.711010828714287 51.809699541082516)</t>
  </si>
  <si>
    <t>POINT (4.66996194954705 51.77886684851571)</t>
  </si>
  <si>
    <t>3318RC</t>
  </si>
  <si>
    <t>Gemmahof</t>
  </si>
  <si>
    <t>POINT (4.6844943027962636 51.78799012301626)</t>
  </si>
  <si>
    <t>3315DR</t>
  </si>
  <si>
    <t>POINT (4.728007751136797 51.80545827242605)</t>
  </si>
  <si>
    <t>POINT (4.71328256228904 51.80454803017456)</t>
  </si>
  <si>
    <t>3311VN</t>
  </si>
  <si>
    <t>Nieuwe Hilstraat</t>
  </si>
  <si>
    <t>3311VM-3311VN</t>
  </si>
  <si>
    <t>POINT (4.66589264434706 51.81238900375624)</t>
  </si>
  <si>
    <t>3315RS</t>
  </si>
  <si>
    <t>Merbau</t>
  </si>
  <si>
    <t>POINT (4.714586009502804 51.80341584737246)</t>
  </si>
  <si>
    <t>POINT (4.724808516425017 51.79712008108494)</t>
  </si>
  <si>
    <t>3315AG</t>
  </si>
  <si>
    <t>POINT (4.721276942132663 51.800232804324956)</t>
  </si>
  <si>
    <t>3311TE</t>
  </si>
  <si>
    <t>Lenghenhof</t>
  </si>
  <si>
    <t>3311TD-3311TE</t>
  </si>
  <si>
    <t>POINT (4.669290492848696 51.81249194224644)</t>
  </si>
  <si>
    <t>POINT (4.675691814829931 51.773947989137056)</t>
  </si>
  <si>
    <t>POINT (4.661936645850871 51.812591971950916)</t>
  </si>
  <si>
    <t>Otto Dickeplein</t>
  </si>
  <si>
    <t>POINT (4.674035050121437 51.81897148178586)</t>
  </si>
  <si>
    <t>POINT (4.669784524234296 51.81027936252059)</t>
  </si>
  <si>
    <t>3313CN</t>
  </si>
  <si>
    <t>POINT (4.7046045249361335 51.81526331342199)</t>
  </si>
  <si>
    <t>3311BD</t>
  </si>
  <si>
    <t>POINT (4.665230075886295 51.81246927013866)</t>
  </si>
  <si>
    <t>POINT (4.685944900350366 51.79175747640153)</t>
  </si>
  <si>
    <t>POINT (4.659691108143385 51.808797089445825)</t>
  </si>
  <si>
    <t>3316GC</t>
  </si>
  <si>
    <t>Bunsenstraat</t>
  </si>
  <si>
    <t>POINT (4.631914339229893 51.77945875118461)</t>
  </si>
  <si>
    <t>3314JK</t>
  </si>
  <si>
    <t>Anna Paulownastraat</t>
  </si>
  <si>
    <t>POINT (4.6735924325688325 51.803648639756226)</t>
  </si>
  <si>
    <t>POINT (4.679929193807261 51.78989142740993)</t>
  </si>
  <si>
    <t>3317CS</t>
  </si>
  <si>
    <t>POINT (4.654565853945362 51.78735489167625)</t>
  </si>
  <si>
    <t>3317ZL</t>
  </si>
  <si>
    <t>POINT (4.649772926591169 51.7943365067186)</t>
  </si>
  <si>
    <t>POINT (4.670372370667805 51.8141868445101)</t>
  </si>
  <si>
    <t>3318JD</t>
  </si>
  <si>
    <t>Kometenlaan</t>
  </si>
  <si>
    <t>POINT (4.672445204429006 51.78558626891416)</t>
  </si>
  <si>
    <t>POINT (4.716772463847965 51.80059358347063)</t>
  </si>
  <si>
    <t>POINT (4.717995749645079 51.80566817677023)</t>
  </si>
  <si>
    <t>3311XJ-3311XL</t>
  </si>
  <si>
    <t>POINT (4.667950201605577 51.81498908593134)</t>
  </si>
  <si>
    <t>3313AM</t>
  </si>
  <si>
    <t>Adjudant H.P. Kosterstraat</t>
  </si>
  <si>
    <t>POINT (4.710598704937811 51.81557736439997)</t>
  </si>
  <si>
    <t>POINT (4.678197426422504 51.78468854631318)</t>
  </si>
  <si>
    <t>3328KM</t>
  </si>
  <si>
    <t>POINT (4.667327246916312 51.78179833960596)</t>
  </si>
  <si>
    <t>POINT (4.671255396925256 51.775799110694024)</t>
  </si>
  <si>
    <t>POINT (4.667940965052152 51.81584253089566)</t>
  </si>
  <si>
    <t>POINT (4.658111973157272 51.80602043461148)</t>
  </si>
  <si>
    <t>3329BH</t>
  </si>
  <si>
    <t>Tudorhof</t>
  </si>
  <si>
    <t>POINT (4.729578189266876 51.7937076050304)</t>
  </si>
  <si>
    <t>3317PC</t>
  </si>
  <si>
    <t>POINT (4.661658312987526 51.79497256849716)</t>
  </si>
  <si>
    <t>POINT (4.724610182280113 51.80620920226159)</t>
  </si>
  <si>
    <t>3328GJ</t>
  </si>
  <si>
    <t>POINT (4.680677245778908 51.7789786697841)</t>
  </si>
  <si>
    <t>POINT (4.65706735318139 51.79791654291311)</t>
  </si>
  <si>
    <t>3315CH</t>
  </si>
  <si>
    <t>POINT (4.730720445482816 51.800346937267705)</t>
  </si>
  <si>
    <t>POINT (4.661388764854898 51.80906794159212)</t>
  </si>
  <si>
    <t>POINT (4.67181477016392 51.813522044008)</t>
  </si>
  <si>
    <t>POINT (4.712603275616625 51.816344300114245)</t>
  </si>
  <si>
    <t>3328HZ</t>
  </si>
  <si>
    <t>Tucanaring</t>
  </si>
  <si>
    <t>POINT (4.687041639322758 51.78074909041235)</t>
  </si>
  <si>
    <t>POINT (4.652952287214024 51.80857222369258)</t>
  </si>
  <si>
    <t>3312VD</t>
  </si>
  <si>
    <t>POINT (4.680494698325302 51.807344580285445)</t>
  </si>
  <si>
    <t>3328JE</t>
  </si>
  <si>
    <t>POINT (4.667980259175971 51.777479090002736)</t>
  </si>
  <si>
    <t>POINT (4.660325601002725 51.804674484758635)</t>
  </si>
  <si>
    <t>3318EV</t>
  </si>
  <si>
    <t>Uranuslaan</t>
  </si>
  <si>
    <t>POINT (4.673183828381266 51.78758329228208)</t>
  </si>
  <si>
    <t>3313GV</t>
  </si>
  <si>
    <t>POINT (4.693158821519326 51.81831522715387)</t>
  </si>
  <si>
    <t>POINT (4.71866176076913 51.8042733851612)</t>
  </si>
  <si>
    <t>3311JT</t>
  </si>
  <si>
    <t>Rozenhof</t>
  </si>
  <si>
    <t>POINT (4.658373327506874 51.80971857621813)</t>
  </si>
  <si>
    <t>POINT (4.665498624534563 51.7893866321471)</t>
  </si>
  <si>
    <t>3328RE</t>
  </si>
  <si>
    <t>POINT (4.668344602693549 51.779154428590594)</t>
  </si>
  <si>
    <t>3328AL</t>
  </si>
  <si>
    <t>POINT (4.684804949784276 51.776856887850045)</t>
  </si>
  <si>
    <t>3314VR</t>
  </si>
  <si>
    <t>Theophile de Bockstraat</t>
  </si>
  <si>
    <t>POINT (4.656112881822479 51.79875585177321)</t>
  </si>
  <si>
    <t>3318BP</t>
  </si>
  <si>
    <t>POINT (4.679140548057069 51.78927333560065)</t>
  </si>
  <si>
    <t>3312EM</t>
  </si>
  <si>
    <t>Marthinus Steynstraat</t>
  </si>
  <si>
    <t>POINT (4.67772944809283 51.807521087330585)</t>
  </si>
  <si>
    <t>3312TB</t>
  </si>
  <si>
    <t>Adelaarstraat</t>
  </si>
  <si>
    <t>POINT (4.687861926206294 51.80999274375683)</t>
  </si>
  <si>
    <t>POINT (4.660470916484745 51.79972846589275)</t>
  </si>
  <si>
    <t>3328RJ</t>
  </si>
  <si>
    <t>POINT (4.665888659958378 51.77965666024937)</t>
  </si>
  <si>
    <t>POINT (4.677547317825105 51.7809905560326)</t>
  </si>
  <si>
    <t>POINT (4.673918290599355 51.774918990389374)</t>
  </si>
  <si>
    <t>3317ZK</t>
  </si>
  <si>
    <t>POINT (4.6546240803904535 51.794134046994344)</t>
  </si>
  <si>
    <t>3317ZM</t>
  </si>
  <si>
    <t>Loggerstraat</t>
  </si>
  <si>
    <t>POINT (4.654002005002158 51.79462071061511)</t>
  </si>
  <si>
    <t>3314JM</t>
  </si>
  <si>
    <t>Frederikstraat</t>
  </si>
  <si>
    <t>POINT (4.672897864411432 51.8050963552338)</t>
  </si>
  <si>
    <t>3317SP</t>
  </si>
  <si>
    <t>POINT (4.664834023844364 51.78972171231563)</t>
  </si>
  <si>
    <t>POINT (4.667228009109355 51.7752245633562)</t>
  </si>
  <si>
    <t>3315MN</t>
  </si>
  <si>
    <t>POINT (4.708852508704894 51.805332596506894)</t>
  </si>
  <si>
    <t>3312AH</t>
  </si>
  <si>
    <t>POINT (4.686599526247667 51.811231087369606)</t>
  </si>
  <si>
    <t>3328LM</t>
  </si>
  <si>
    <t>Overkerk</t>
  </si>
  <si>
    <t>POINT (4.658571535828611 51.77028799653305)</t>
  </si>
  <si>
    <t>3311ED</t>
  </si>
  <si>
    <t>Kerksteiger</t>
  </si>
  <si>
    <t>POINT (4.67128230375866 51.818586213881474)</t>
  </si>
  <si>
    <t>3312GB</t>
  </si>
  <si>
    <t>Bankastraat</t>
  </si>
  <si>
    <t>POINT (4.684406607483109 51.808995437217334)</t>
  </si>
  <si>
    <t>3314GN</t>
  </si>
  <si>
    <t>POINT (4.663028884154802 51.799237391573975)</t>
  </si>
  <si>
    <t>3311SR</t>
  </si>
  <si>
    <t>Meivogelhof</t>
  </si>
  <si>
    <t>POINT (4.673160579352705 51.816877432246535)</t>
  </si>
  <si>
    <t>POINT (4.657745681895689 51.810612205801284)</t>
  </si>
  <si>
    <t>3328GA</t>
  </si>
  <si>
    <t>POINT (4.677516363000035 51.78101639103818)</t>
  </si>
  <si>
    <t>3328TH</t>
  </si>
  <si>
    <t>POINT (4.668674136273488 51.777305573095376)</t>
  </si>
  <si>
    <t>3317TH</t>
  </si>
  <si>
    <t>POINT (4.659478775704584 51.79069721860593)</t>
  </si>
  <si>
    <t>3328PJ</t>
  </si>
  <si>
    <t>POINT (4.674372545604867 51.7784235823217)</t>
  </si>
  <si>
    <t>3329AH</t>
  </si>
  <si>
    <t>POINT (4.707885908465223 51.78831449904563)</t>
  </si>
  <si>
    <t>POINT (4.721179570146347 51.803116564050335)</t>
  </si>
  <si>
    <t>POINT (4.676475700530501 51.78376740103941)</t>
  </si>
  <si>
    <t>3328HK</t>
  </si>
  <si>
    <t>Kameleonring</t>
  </si>
  <si>
    <t>POINT (4.685579222028567 51.7790290838005)</t>
  </si>
  <si>
    <t>POINT (4.658975111594836 51.78417592039882)</t>
  </si>
  <si>
    <t>3317HV</t>
  </si>
  <si>
    <t>POINT (4.674509260008256 51.797142997907756)</t>
  </si>
  <si>
    <t>POINT (4.659482506988701 51.80452086462685)</t>
  </si>
  <si>
    <t>3319VK</t>
  </si>
  <si>
    <t>POINT (4.7060262107241275 51.79024110615347)</t>
  </si>
  <si>
    <t>3328HP</t>
  </si>
  <si>
    <t>Pegasusring</t>
  </si>
  <si>
    <t>POINT (4.685210121763505 51.78134769376248)</t>
  </si>
  <si>
    <t>POINT (4.666894562869636 51.79624189460477)</t>
  </si>
  <si>
    <t>3317CD</t>
  </si>
  <si>
    <t>Piet Heynstraat</t>
  </si>
  <si>
    <t>POINT (4.652465145487051 51.78896360475816)</t>
  </si>
  <si>
    <t>3317RS</t>
  </si>
  <si>
    <t>3317RS-3317RT</t>
  </si>
  <si>
    <t>POINT (4.6616476660737165 51.787709728174875)</t>
  </si>
  <si>
    <t>3311LC</t>
  </si>
  <si>
    <t>POINT (4.671088216762046 51.8105452556115)</t>
  </si>
  <si>
    <t>3311XJ</t>
  </si>
  <si>
    <t>Korte Nieuwstraat</t>
  </si>
  <si>
    <t>POINT (4.671335954156425 51.813761180152824)</t>
  </si>
  <si>
    <t>POINT (4.698157418521841 51.800965295547556)</t>
  </si>
  <si>
    <t>POINT (4.660359144402993 51.81269990977035)</t>
  </si>
  <si>
    <t>3317HH</t>
  </si>
  <si>
    <t>Gentiana</t>
  </si>
  <si>
    <t>K</t>
  </si>
  <si>
    <t>POINT (4.66878942586466 51.797389081485534)</t>
  </si>
  <si>
    <t>POINT (4.712058146719274 51.796237138467724)</t>
  </si>
  <si>
    <t>3328DG</t>
  </si>
  <si>
    <t>Vredenburg</t>
  </si>
  <si>
    <t>POINT (4.680437590887701 51.773897835153136)</t>
  </si>
  <si>
    <t>POINT (4.717426271605622 51.802219525793056)</t>
  </si>
  <si>
    <t>3312PJ</t>
  </si>
  <si>
    <t>Hoekenessestraat</t>
  </si>
  <si>
    <t>3312PH-3312PJ</t>
  </si>
  <si>
    <t>POINT (4.679617934533105 51.80425702622788)</t>
  </si>
  <si>
    <t>POINT (4.663495625527623 51.80448905647889)</t>
  </si>
  <si>
    <t>POINT (4.724176078528356 51.804281896110034)</t>
  </si>
  <si>
    <t>3311HB</t>
  </si>
  <si>
    <t>POINT (4.6640552435290745 51.81052771710239)</t>
  </si>
  <si>
    <t>POINT (4.682204920276868 51.79873867429776)</t>
  </si>
  <si>
    <t>POINT (4.66649455189565 51.79628034557963)</t>
  </si>
  <si>
    <t>3317CH</t>
  </si>
  <si>
    <t>POINT (4.655564241065812 51.78843923817421)</t>
  </si>
  <si>
    <t>POINT (4.711050467025589 51.79187993361041)</t>
  </si>
  <si>
    <t>3317MC</t>
  </si>
  <si>
    <t>POINT (4.6570073034304365 51.7821686325089)</t>
  </si>
  <si>
    <t>POINT (4.67120701493292 51.81723658238583)</t>
  </si>
  <si>
    <t>POINT (4.680789498991357 51.81388755319038)</t>
  </si>
  <si>
    <t>POINT (4.671473278162806 51.80536761784951)</t>
  </si>
  <si>
    <t>3314VB</t>
  </si>
  <si>
    <t>De Josselin de Jongstraat</t>
  </si>
  <si>
    <t>3314VA-3314VB</t>
  </si>
  <si>
    <t>POINT (4.6613845123216695 51.79942995265662)</t>
  </si>
  <si>
    <t>3313LC</t>
  </si>
  <si>
    <t>Kerkeplaat</t>
  </si>
  <si>
    <t>POINT (4.708178713262782 51.81855248771932)</t>
  </si>
  <si>
    <t>BU05050607</t>
  </si>
  <si>
    <t>1e Merwedehaven en omgeving</t>
  </si>
  <si>
    <t>POINT (4.724206869614965 51.797413937382146)</t>
  </si>
  <si>
    <t>POINT (4.733970461693664 51.802285776823744)</t>
  </si>
  <si>
    <t>POINT (4.6636279364461215 51.78762213109576)</t>
  </si>
  <si>
    <t>POINT (4.651501606158869 51.795035230021334)</t>
  </si>
  <si>
    <t>POINT (4.663676177697983 51.78773113806837)</t>
  </si>
  <si>
    <t>3315NR</t>
  </si>
  <si>
    <t>POINT (4.714251863306102 51.80764280203738)</t>
  </si>
  <si>
    <t>POINT (4.671616784132855 51.77333940647444)</t>
  </si>
  <si>
    <t>POINT (4.6741377409521085 51.78280704312908)</t>
  </si>
  <si>
    <t>POINT (4.701100209201588 51.79854777227033)</t>
  </si>
  <si>
    <t>3319BW</t>
  </si>
  <si>
    <t>Van Deysselstraat</t>
  </si>
  <si>
    <t>POINT (4.7050914702803 51.797502624848654)</t>
  </si>
  <si>
    <t>3313CA</t>
  </si>
  <si>
    <t>POINT (4.702091962225397 51.81596374632864)</t>
  </si>
  <si>
    <t>3315JC</t>
  </si>
  <si>
    <t>POINT (4.723871466429216 51.80183920102474)</t>
  </si>
  <si>
    <t>3317AW</t>
  </si>
  <si>
    <t>Willem Barentszstraat</t>
  </si>
  <si>
    <t>POINT (4.650410109337507 51.79389129929623)</t>
  </si>
  <si>
    <t>POINT (4.660034339475032 51.79712650790466)</t>
  </si>
  <si>
    <t>3314VN</t>
  </si>
  <si>
    <t>POINT (4.655838778114481 51.798912335607305)</t>
  </si>
  <si>
    <t>POINT (4.683547586942336 51.79806657907407)</t>
  </si>
  <si>
    <t>POINT (4.708347385161565 51.78697830808146)</t>
  </si>
  <si>
    <t>POINT (4.6575716591655505 51.801172798493035)</t>
  </si>
  <si>
    <t>3311XW</t>
  </si>
  <si>
    <t>Steenstraat</t>
  </si>
  <si>
    <t>POINT (4.668752652482106 51.81510893042302)</t>
  </si>
  <si>
    <t>3314CC</t>
  </si>
  <si>
    <t>Diepenbrockweg</t>
  </si>
  <si>
    <t>POINT (4.654050076595117 51.80442040484073)</t>
  </si>
  <si>
    <t>POINT (4.720999554526334 51.799239539178075)</t>
  </si>
  <si>
    <t>3312SH</t>
  </si>
  <si>
    <t>Ceramstraat</t>
  </si>
  <si>
    <t>POINT (4.6882573910078085 51.80900441433859)</t>
  </si>
  <si>
    <t>POINT (4.712606286736661 51.79531655403978)</t>
  </si>
  <si>
    <t>POINT (4.655367207656542 51.769922085850006)</t>
  </si>
  <si>
    <t>3315LG</t>
  </si>
  <si>
    <t>Jan Valsterweg</t>
  </si>
  <si>
    <t>3315LA-3315LG</t>
  </si>
  <si>
    <t>POINT (4.70309841327564 51.80378600443494)</t>
  </si>
  <si>
    <t>BU05051104</t>
  </si>
  <si>
    <t>Bedrijventerrein Groene Zoom</t>
  </si>
  <si>
    <t>3315VP</t>
  </si>
  <si>
    <t>POINT (4.726627817969033 51.796046550201325)</t>
  </si>
  <si>
    <t>POINT (4.672130090726672 51.78110160086846)</t>
  </si>
  <si>
    <t>POINT (4.70641828729278 51.808351422767686)</t>
  </si>
  <si>
    <t>3315BE</t>
  </si>
  <si>
    <t>POINT (4.725209412361937 51.798351801767936)</t>
  </si>
  <si>
    <t>POINT (4.656126505879939 51.7896525163678)</t>
  </si>
  <si>
    <t>3317MD</t>
  </si>
  <si>
    <t>POINT (4.660267793593055 51.783156663427725)</t>
  </si>
  <si>
    <t>3318CX</t>
  </si>
  <si>
    <t>Rigelhof</t>
  </si>
  <si>
    <t>POINT (4.679796498623743 51.78689895678853)</t>
  </si>
  <si>
    <t>3315ED</t>
  </si>
  <si>
    <t>POINT (4.72755416479767 51.79627705357404)</t>
  </si>
  <si>
    <t>POINT (4.711291328264649 51.8091620810552)</t>
  </si>
  <si>
    <t>3317LH</t>
  </si>
  <si>
    <t>POINT (4.659758465535533 51.7899449984893)</t>
  </si>
  <si>
    <t>POINT (4.664368639616346 51.78782965358976)</t>
  </si>
  <si>
    <t>3311KX</t>
  </si>
  <si>
    <t>Visstraat</t>
  </si>
  <si>
    <t>POINT (4.666020046729507 51.81370694274419)</t>
  </si>
  <si>
    <t>3315BK</t>
  </si>
  <si>
    <t>POINT (4.728085891929134 51.798357919874356)</t>
  </si>
  <si>
    <t>3315TK</t>
  </si>
  <si>
    <t>POINT (4.731357461133373 51.79878900221259)</t>
  </si>
  <si>
    <t>3328MT</t>
  </si>
  <si>
    <t>POINT (4.665884160168092 51.77174930320497)</t>
  </si>
  <si>
    <t>3328CP</t>
  </si>
  <si>
    <t>POINT (4.671985129560291 51.77742037136328)</t>
  </si>
  <si>
    <t>POINT (4.672226728966517 51.79691206941414)</t>
  </si>
  <si>
    <t>3311DN</t>
  </si>
  <si>
    <t>Van Neurenburgpad</t>
  </si>
  <si>
    <t>POINT (4.6827608446696605 51.81321050288225)</t>
  </si>
  <si>
    <t>POINT (4.627929746571751 51.72587667625532)</t>
  </si>
  <si>
    <t>POINT (4.676638427629081 51.78519732037823)</t>
  </si>
  <si>
    <t>POINT (4.653270474613704 51.79338304743018)</t>
  </si>
  <si>
    <t>3317TS</t>
  </si>
  <si>
    <t>Wiardi Beckmanplantsoen</t>
  </si>
  <si>
    <t>POINT (4.661936224049154 51.79117475327985)</t>
  </si>
  <si>
    <t>POINT (4.715328654886916 51.803260221015755)</t>
  </si>
  <si>
    <t>POINT (4.682328929915371 51.798767509005096)</t>
  </si>
  <si>
    <t>POINT (4.653627273989358 51.7893636126468)</t>
  </si>
  <si>
    <t>3315DK</t>
  </si>
  <si>
    <t>POINT (4.723163046205233 51.806052790273334)</t>
  </si>
  <si>
    <t>3328EH</t>
  </si>
  <si>
    <t>Walenburg</t>
  </si>
  <si>
    <t>POINT (4.68136046803182 51.77845348364427)</t>
  </si>
  <si>
    <t>3319XC</t>
  </si>
  <si>
    <t>POINT (4.705105197360577 51.791697959463306)</t>
  </si>
  <si>
    <t>3328LS</t>
  </si>
  <si>
    <t>Molenzigt</t>
  </si>
  <si>
    <t>POINT (4.656545110879746 51.77105354313623)</t>
  </si>
  <si>
    <t>POINT (4.6678601543454725 51.771341828537544)</t>
  </si>
  <si>
    <t>POINT (4.699322379265114 51.796094845061155)</t>
  </si>
  <si>
    <t>POINT (4.666539459149387 51.78881923703227)</t>
  </si>
  <si>
    <t>3317RN</t>
  </si>
  <si>
    <t>POINT (4.661188405192424 51.788510917664)</t>
  </si>
  <si>
    <t>3313LN</t>
  </si>
  <si>
    <t>Moldiepweg</t>
  </si>
  <si>
    <t>3313LL-3313TA</t>
  </si>
  <si>
    <t>POINT (4.7530423045764945 51.81065797812076)</t>
  </si>
  <si>
    <t>BU05059801</t>
  </si>
  <si>
    <t>3e Merwedehaven</t>
  </si>
  <si>
    <t>3314JB</t>
  </si>
  <si>
    <t>POINT (4.677257376314765 51.80352871587661)</t>
  </si>
  <si>
    <t>POINT (4.670664626400987 51.81425597244709)</t>
  </si>
  <si>
    <t>POINT (4.680496327815287 51.7874695435368)</t>
  </si>
  <si>
    <t>POINT (4.670469394394141 51.7896506609662)</t>
  </si>
  <si>
    <t>3318TC</t>
  </si>
  <si>
    <t>Antareshof</t>
  </si>
  <si>
    <t>POINT (4.682082053445445 51.78587786722638)</t>
  </si>
  <si>
    <t>POINT (4.6521372022240595 51.78438795593754)</t>
  </si>
  <si>
    <t>3314GA</t>
  </si>
  <si>
    <t>POINT (4.662816578103524 51.80364072940128)</t>
  </si>
  <si>
    <t>3313GS</t>
  </si>
  <si>
    <t>POINT (4.6980450149873745 51.81795458737822)</t>
  </si>
  <si>
    <t>3317CA</t>
  </si>
  <si>
    <t>De Rijpstraat</t>
  </si>
  <si>
    <t>POINT (4.65605616178381 51.78831644526476)</t>
  </si>
  <si>
    <t>POINT (4.693368788846739 51.79684729405361)</t>
  </si>
  <si>
    <t>3317BD</t>
  </si>
  <si>
    <t>POINT (4.653532278873233 51.79010241214671)</t>
  </si>
  <si>
    <t>3328GK</t>
  </si>
  <si>
    <t>Meteoorstraat</t>
  </si>
  <si>
    <t>POINT (4.679771570553342 51.78016737775427)</t>
  </si>
  <si>
    <t>POINT (4.677228830053474 51.81527778998039)</t>
  </si>
  <si>
    <t>3315MV</t>
  </si>
  <si>
    <t>POINT (4.711878832209512 51.805989765816015)</t>
  </si>
  <si>
    <t>3311TN</t>
  </si>
  <si>
    <t>Taankade</t>
  </si>
  <si>
    <t>POINT (4.671447646669947 51.81907767103029)</t>
  </si>
  <si>
    <t>POINT (4.673958413033887 51.77899922733404)</t>
  </si>
  <si>
    <t>3319XB</t>
  </si>
  <si>
    <t>3319XA-3319XB</t>
  </si>
  <si>
    <t>POINT (4.70494289418989 51.7932459608646)</t>
  </si>
  <si>
    <t>POINT (4.670931208045585 51.81280289985017)</t>
  </si>
  <si>
    <t>3319RL</t>
  </si>
  <si>
    <t>POINT (4.696016009503972 51.797196929287814)</t>
  </si>
  <si>
    <t>POINT (4.663991473933784 51.81266176743627)</t>
  </si>
  <si>
    <t>3314TD</t>
  </si>
  <si>
    <t>POINT (4.661528846711259 51.79890039550006)</t>
  </si>
  <si>
    <t>POINT (4.6592194054175815 51.769799509573275)</t>
  </si>
  <si>
    <t>POINT (4.693340085345008 51.7963176555246)</t>
  </si>
  <si>
    <t>POINT (4.673914511476995 51.781939102966255)</t>
  </si>
  <si>
    <t>POINT (4.685782528546543 51.78636676331033)</t>
  </si>
  <si>
    <t>POINT (4.681263467539868 51.811659795955514)</t>
  </si>
  <si>
    <t>POINT (4.669299248701368 51.80560773681471)</t>
  </si>
  <si>
    <t>POINT (4.668072649746765 51.80407945717057)</t>
  </si>
  <si>
    <t>POINT (4.6661189879170815 51.77731385583151)</t>
  </si>
  <si>
    <t>POINT (4.655478020095931 51.790351408402884)</t>
  </si>
  <si>
    <t>3315GA</t>
  </si>
  <si>
    <t>POINT (4.731890097917219 51.7994642835909)</t>
  </si>
  <si>
    <t>3312ER</t>
  </si>
  <si>
    <t>3312EP-3312ER</t>
  </si>
  <si>
    <t>POINT (4.677964683704198 51.808029164945886)</t>
  </si>
  <si>
    <t>3314AL</t>
  </si>
  <si>
    <t>Jan Luykenstraat</t>
  </si>
  <si>
    <t>POINT (4.6603126682149485 51.8074422471633)</t>
  </si>
  <si>
    <t>POINT (4.683706511956476 51.80484842717679)</t>
  </si>
  <si>
    <t>3316CA</t>
  </si>
  <si>
    <t>'s-Gravendeelsedijk</t>
  </si>
  <si>
    <t>POINT (4.645546278259579 51.8032389696769)</t>
  </si>
  <si>
    <t>BU05051901</t>
  </si>
  <si>
    <t>Handelskade en 's-Gravendeelsedijk</t>
  </si>
  <si>
    <t>POINT (4.653366266938092 51.8014262729355)</t>
  </si>
  <si>
    <t>POINT (4.6780300058111886 51.81559025320055)</t>
  </si>
  <si>
    <t>POINT (4.682688357266689 51.798761470125385)</t>
  </si>
  <si>
    <t>POINT (4.70480503062243 51.81573143949346)</t>
  </si>
  <si>
    <t>POINT (4.633480237285362 51.77901457826258)</t>
  </si>
  <si>
    <t>3314ZM</t>
  </si>
  <si>
    <t>Hendrikstraat</t>
  </si>
  <si>
    <t>POINT (4.674072640707307 51.80556026061469)</t>
  </si>
  <si>
    <t>POINT (4.6733462899991505 51.7952184153694)</t>
  </si>
  <si>
    <t>POINT (4.65148936127382 51.79394973951817)</t>
  </si>
  <si>
    <t>POINT (4.721043534096769 51.81131194784921)</t>
  </si>
  <si>
    <t>3314HL</t>
  </si>
  <si>
    <t>Jacob van Ruisdaelstraat</t>
  </si>
  <si>
    <t>POINT (4.66250981907325 51.79663926663112)</t>
  </si>
  <si>
    <t>3315AK</t>
  </si>
  <si>
    <t>POINT (4.719367866805479 51.80094459606127)</t>
  </si>
  <si>
    <t>3319GD</t>
  </si>
  <si>
    <t>Haaswijkweg West</t>
  </si>
  <si>
    <t>3319GC-3319GD</t>
  </si>
  <si>
    <t>POINT (4.704839079767675 51.79851826927329)</t>
  </si>
  <si>
    <t>POINT (4.669186300377872 51.81897318051284)</t>
  </si>
  <si>
    <t>POINT (4.685812269042461 51.791802265130706)</t>
  </si>
  <si>
    <t>3317ZT</t>
  </si>
  <si>
    <t>POINT (4.650311801991393 51.79523454809082)</t>
  </si>
  <si>
    <t>3312CK</t>
  </si>
  <si>
    <t>POINT (4.678829491993137 51.808893759735035)</t>
  </si>
  <si>
    <t>POINT (4.680541505840178 51.776224666338734)</t>
  </si>
  <si>
    <t>POINT (4.701689987032207 51.797717098559545)</t>
  </si>
  <si>
    <t>POINT (4.693282143006637 51.79644011608467)</t>
  </si>
  <si>
    <t>POINT (4.65957746230982 51.79283575851311)</t>
  </si>
  <si>
    <t>POINT (4.721074035694809 51.7979746929419)</t>
  </si>
  <si>
    <t>3311DK</t>
  </si>
  <si>
    <t>POINT (4.681694135168401 51.811412348157994)</t>
  </si>
  <si>
    <t>3312KK</t>
  </si>
  <si>
    <t>Max Gootelaan</t>
  </si>
  <si>
    <t>POINT (4.679134278408316 51.79984056846209)</t>
  </si>
  <si>
    <t>3319LP</t>
  </si>
  <si>
    <t>Molendijkhof</t>
  </si>
  <si>
    <t>POINT (4.711056372445712 51.800600872269406)</t>
  </si>
  <si>
    <t>3313EL</t>
  </si>
  <si>
    <t>3313EH-3313EL</t>
  </si>
  <si>
    <t>POINT (4.719664081392295 51.81177274969402)</t>
  </si>
  <si>
    <t>POINT (4.7321033248306215 51.797300497418426)</t>
  </si>
  <si>
    <t>POINT (4.679340688677644 51.77716805259233)</t>
  </si>
  <si>
    <t>3314BC</t>
  </si>
  <si>
    <t>POINT (4.658564220080967 51.80467896680476)</t>
  </si>
  <si>
    <t>POINT (4.66845697145133 51.80926340115109)</t>
  </si>
  <si>
    <t>POINT (4.679942229639052 51.81479826917033)</t>
  </si>
  <si>
    <t>3315PE</t>
  </si>
  <si>
    <t>POINT (4.709644767605657 51.80962067823189)</t>
  </si>
  <si>
    <t>3311LN</t>
  </si>
  <si>
    <t>POINT (4.670360745240935 51.81015599072946)</t>
  </si>
  <si>
    <t>3317WN</t>
  </si>
  <si>
    <t>Van Kinsbergenstraat</t>
  </si>
  <si>
    <t>POINT (4.654018517323668 51.789719782414146)</t>
  </si>
  <si>
    <t>3317LG</t>
  </si>
  <si>
    <t>Nolensweg</t>
  </si>
  <si>
    <t>3317LE-3317LG</t>
  </si>
  <si>
    <t>POINT (4.6606989503349086 51.78986477779105)</t>
  </si>
  <si>
    <t>3318ER</t>
  </si>
  <si>
    <t>POINT (4.671154995637717 51.78735313847799)</t>
  </si>
  <si>
    <t>3315DD</t>
  </si>
  <si>
    <t>POINT (4.731088001998898 51.80446540225784)</t>
  </si>
  <si>
    <t>3314ZC</t>
  </si>
  <si>
    <t>Huygensstraat</t>
  </si>
  <si>
    <t>POINT (4.660853488806733 51.803721455762975)</t>
  </si>
  <si>
    <t>POINT (4.664344202359607 51.80258730974632)</t>
  </si>
  <si>
    <t>3317KP</t>
  </si>
  <si>
    <t>POINT (4.667387275384215 51.78915145134674)</t>
  </si>
  <si>
    <t>POINT (4.685605441876139 51.8032712108538)</t>
  </si>
  <si>
    <t>POINT (4.708833944742165 51.79721300986182)</t>
  </si>
  <si>
    <t>3317ZN</t>
  </si>
  <si>
    <t>Schoenerstraat</t>
  </si>
  <si>
    <t>POINT (4.652774532200088 51.794630435053755)</t>
  </si>
  <si>
    <t>3317WB</t>
  </si>
  <si>
    <t>Abel Tasmanstraat</t>
  </si>
  <si>
    <t>POINT (4.656232419531363 51.79045393566104)</t>
  </si>
  <si>
    <t>POINT (4.685263939501355 51.80436735037426)</t>
  </si>
  <si>
    <t>POINT (4.694374365396456 51.79279407730784)</t>
  </si>
  <si>
    <t>3314WS</t>
  </si>
  <si>
    <t>Valeriusstraat</t>
  </si>
  <si>
    <t>POINT (4.653973676429045 51.80416290462026)</t>
  </si>
  <si>
    <t>POINT (4.66927249838254 51.770716454659656)</t>
  </si>
  <si>
    <t>POINT (4.666750067687954 51.79391974843018)</t>
  </si>
  <si>
    <t>3328HL</t>
  </si>
  <si>
    <t>POINT (4.685978762611834 51.77906405714063)</t>
  </si>
  <si>
    <t>POINT (4.728882305765246 51.79982737797885)</t>
  </si>
  <si>
    <t>POINT (4.665967592238819 51.77965496137758)</t>
  </si>
  <si>
    <t>POINT (4.6711877068628676 51.81864027891032)</t>
  </si>
  <si>
    <t>3315AJ</t>
  </si>
  <si>
    <t>POINT (4.720276081119255 51.80103106419666)</t>
  </si>
  <si>
    <t>POINT (4.658328440745273 51.810652779388136)</t>
  </si>
  <si>
    <t>3328RG</t>
  </si>
  <si>
    <t>POINT (4.668176436731775 51.77978904351193)</t>
  </si>
  <si>
    <t>3328HR</t>
  </si>
  <si>
    <t>Phoenixring</t>
  </si>
  <si>
    <t>POINT (4.686588910324261 51.77957179834851)</t>
  </si>
  <si>
    <t>POINT (4.716793537173177 51.80609783885193)</t>
  </si>
  <si>
    <t>3314RA</t>
  </si>
  <si>
    <t>Betje Wolffstraat</t>
  </si>
  <si>
    <t>POINT (4.660097037227103 51.802121232492574)</t>
  </si>
  <si>
    <t>3314CV</t>
  </si>
  <si>
    <t>POINT (4.658685040180531 51.79516701355556)</t>
  </si>
  <si>
    <t>POINT (4.716934602364008 51.79529275994793)</t>
  </si>
  <si>
    <t>3312VJ</t>
  </si>
  <si>
    <t>POINT (4.679502770051714 51.80694267803934)</t>
  </si>
  <si>
    <t>3311VJ</t>
  </si>
  <si>
    <t>Kleine Spuistraat</t>
  </si>
  <si>
    <t>POINT (4.6634483609538275 51.813016905669365)</t>
  </si>
  <si>
    <t>3312SE</t>
  </si>
  <si>
    <t>POINT (4.687444261434368 51.80860093002043)</t>
  </si>
  <si>
    <t>259B</t>
  </si>
  <si>
    <t>POINT (4.628934060533379 51.72289412439718)</t>
  </si>
  <si>
    <t>3311JA</t>
  </si>
  <si>
    <t>Achterhakkers</t>
  </si>
  <si>
    <t>POINT (4.656508587562628 51.811817874324454)</t>
  </si>
  <si>
    <t>3314WZ</t>
  </si>
  <si>
    <t>Willaertstraat</t>
  </si>
  <si>
    <t>POINT (4.654406173676756 51.80429134038561)</t>
  </si>
  <si>
    <t>POINT (4.693361515812867 51.79559451765031)</t>
  </si>
  <si>
    <t>POINT (4.650415448933402 51.793979736809696)</t>
  </si>
  <si>
    <t>POINT (4.664563376458689 51.77875777494752)</t>
  </si>
  <si>
    <t>POINT (4.66268081001367 51.80918174094656)</t>
  </si>
  <si>
    <t>3317RA</t>
  </si>
  <si>
    <t>Kranenburgstraat</t>
  </si>
  <si>
    <t>POINT (4.6635677895554 51.79231558062907)</t>
  </si>
  <si>
    <t>POINT (4.708545560966719 51.80634186507448)</t>
  </si>
  <si>
    <t>3317EL</t>
  </si>
  <si>
    <t>3317EL-3317EN</t>
  </si>
  <si>
    <t>POINT (4.663355083590122 51.793102478670185)</t>
  </si>
  <si>
    <t>POINT (4.685135460745089 51.786013367200624)</t>
  </si>
  <si>
    <t>POINT (4.672500415054994 51.79693858168847)</t>
  </si>
  <si>
    <t>3317KB</t>
  </si>
  <si>
    <t>POINT (4.666284200015316 51.78743691379832)</t>
  </si>
  <si>
    <t>POINT (4.733339804039253 51.79209131226183)</t>
  </si>
  <si>
    <t>POINT (4.674347809637835 51.7881807490328)</t>
  </si>
  <si>
    <t>3312HL</t>
  </si>
  <si>
    <t>POINT (4.690188429809301 51.808675490559786)</t>
  </si>
  <si>
    <t>POINT (4.673001043634167 51.81350494617312)</t>
  </si>
  <si>
    <t>POINT (4.715962277261492 51.80831131312453)</t>
  </si>
  <si>
    <t>POINT (4.680526659033482 51.78184717133825)</t>
  </si>
  <si>
    <t>POINT (4.708262687075079 51.8064774494562)</t>
  </si>
  <si>
    <t>POINT (4.706653766956648 51.80876315646812)</t>
  </si>
  <si>
    <t>3314RW</t>
  </si>
  <si>
    <t>Rhijnvis Feithstraat</t>
  </si>
  <si>
    <t>POINT (4.662262222531876 51.803027422972626)</t>
  </si>
  <si>
    <t>3317DA</t>
  </si>
  <si>
    <t>Laan van Londen</t>
  </si>
  <si>
    <t>3317DA-3317DB</t>
  </si>
  <si>
    <t>POINT (4.652029526208628 51.78244667918125)</t>
  </si>
  <si>
    <t>BU05050708</t>
  </si>
  <si>
    <t>Amstelwijck Park</t>
  </si>
  <si>
    <t>3315PD</t>
  </si>
  <si>
    <t>POINT (4.710155304730245 51.80954985508843)</t>
  </si>
  <si>
    <t>3311PN</t>
  </si>
  <si>
    <t>POINT (4.671282195207936 51.81545336524231)</t>
  </si>
  <si>
    <t>3316GT</t>
  </si>
  <si>
    <t>RÃ¶ntgenstraat</t>
  </si>
  <si>
    <t>POINT (4.634057413398328 51.78112057243464)</t>
  </si>
  <si>
    <t>3312RK</t>
  </si>
  <si>
    <t>POINT (4.691025582403076 51.80676019405562)</t>
  </si>
  <si>
    <t>3314KV</t>
  </si>
  <si>
    <t>Prinses Julianaweg</t>
  </si>
  <si>
    <t>POINT (4.666535870254552 51.799076568592945)</t>
  </si>
  <si>
    <t>3311HG</t>
  </si>
  <si>
    <t>POINT (4.66212400920611 51.80992563007437)</t>
  </si>
  <si>
    <t>3328BH</t>
  </si>
  <si>
    <t>POINT (4.669980215812059 51.77294676892057)</t>
  </si>
  <si>
    <t>3329AK</t>
  </si>
  <si>
    <t>POINT (4.708858026241537 51.78794890130606)</t>
  </si>
  <si>
    <t>3312SR</t>
  </si>
  <si>
    <t>Pluvierstraat</t>
  </si>
  <si>
    <t>3312SP-3312SR</t>
  </si>
  <si>
    <t>POINT (4.685847203198304 51.809427440342766)</t>
  </si>
  <si>
    <t>POINT (4.656188001243244 51.80058902602528)</t>
  </si>
  <si>
    <t>POINT (4.636489038003934 51.782929000160834)</t>
  </si>
  <si>
    <t>POINT (4.670328002952378 51.782589099195164)</t>
  </si>
  <si>
    <t>POINT (4.674446781192961 51.81807020862412)</t>
  </si>
  <si>
    <t>POINT (4.6986554059462495 51.800843312493534)</t>
  </si>
  <si>
    <t>POINT (4.672906082601022 51.78037363264059)</t>
  </si>
  <si>
    <t>POINT (4.664214425887447 51.81085855561599)</t>
  </si>
  <si>
    <t>POINT (4.635303011435419 51.77664150157214)</t>
  </si>
  <si>
    <t>POINT (4.663052416410177 51.79401983134369)</t>
  </si>
  <si>
    <t>3314WT</t>
  </si>
  <si>
    <t>POINT (4.65145490219045 51.80289315115095)</t>
  </si>
  <si>
    <t>3317XM</t>
  </si>
  <si>
    <t>Zoutmanstraat</t>
  </si>
  <si>
    <t>3317XL-3317XM</t>
  </si>
  <si>
    <t>POINT (4.651215097851306 51.790442079709834)</t>
  </si>
  <si>
    <t>3314CD</t>
  </si>
  <si>
    <t>POINT (4.650786285917779 51.80324770472194)</t>
  </si>
  <si>
    <t>POINT (4.671880093022147 51.81959157391554)</t>
  </si>
  <si>
    <t>POINT (4.680804950557983 51.80157753484405)</t>
  </si>
  <si>
    <t>POINT (4.661555349522277 51.815821045576314)</t>
  </si>
  <si>
    <t>3311SJ</t>
  </si>
  <si>
    <t>POINT (4.677722005532157 51.81369580086651)</t>
  </si>
  <si>
    <t>POINT (4.724684059293147 51.79339727317098)</t>
  </si>
  <si>
    <t>POINT (4.664205108041197 51.81775980778311)</t>
  </si>
  <si>
    <t>POINT (4.708256803653957 51.7869800040555)</t>
  </si>
  <si>
    <t>3312JT</t>
  </si>
  <si>
    <t>Poelwijckstraat</t>
  </si>
  <si>
    <t>POINT (4.682383398197638 51.801904048850666)</t>
  </si>
  <si>
    <t>3312XR</t>
  </si>
  <si>
    <t>3312XP-3312XR</t>
  </si>
  <si>
    <t>POINT (4.680551107158439 51.808976552582045)</t>
  </si>
  <si>
    <t>POINT (4.732453971409609 51.79978354398554)</t>
  </si>
  <si>
    <t>POINT (4.678281929185432 51.78465936737377)</t>
  </si>
  <si>
    <t>POINT (4.668162111160001 51.79929792433232)</t>
  </si>
  <si>
    <t>POINT (4.663929382395229 51.79807149451863)</t>
  </si>
  <si>
    <t>3312NK</t>
  </si>
  <si>
    <t>POINT (4.684707898775915 51.80450762572834)</t>
  </si>
  <si>
    <t>POINT (4.675477226800161 51.80735390390762)</t>
  </si>
  <si>
    <t>POINT (4.724899813683338 51.798571687578224)</t>
  </si>
  <si>
    <t>POINT (4.665957967603372 51.810369738725896)</t>
  </si>
  <si>
    <t>3317EJ</t>
  </si>
  <si>
    <t>POINT (4.663601708282627 51.793809397381374)</t>
  </si>
  <si>
    <t>POINT (4.681541702506933 51.81236809540621)</t>
  </si>
  <si>
    <t>POINT (4.649088905329167 51.77886936799768)</t>
  </si>
  <si>
    <t>3314CK</t>
  </si>
  <si>
    <t>Richard Holstraat</t>
  </si>
  <si>
    <t>POINT (4.651114691092848 51.80210505421405)</t>
  </si>
  <si>
    <t>3313XC</t>
  </si>
  <si>
    <t>Johannes Spaanstraat</t>
  </si>
  <si>
    <t>POINT (4.69123294665908 51.818375471003705)</t>
  </si>
  <si>
    <t>3328CA</t>
  </si>
  <si>
    <t>POINT (4.672738182309444 51.775576441720176)</t>
  </si>
  <si>
    <t>POINT (4.675599561732794 51.78332186757265)</t>
  </si>
  <si>
    <t>POINT (4.714250643233196 51.8081812148197)</t>
  </si>
  <si>
    <t>POINT (4.657368662489099 51.79080623947639)</t>
  </si>
  <si>
    <t>POINT (4.6748969330943675 51.815564276606494)</t>
  </si>
  <si>
    <t>3328AM</t>
  </si>
  <si>
    <t>POINT (4.682778758079263 51.77387314281564)</t>
  </si>
  <si>
    <t>3314CN</t>
  </si>
  <si>
    <t>POINT (4.653810682112272 51.806286211680344)</t>
  </si>
  <si>
    <t>3311BB</t>
  </si>
  <si>
    <t>De Waag</t>
  </si>
  <si>
    <t>3311BB-3311BH</t>
  </si>
  <si>
    <t>POINT (4.666941487163246 51.815860301936105)</t>
  </si>
  <si>
    <t>3328TA</t>
  </si>
  <si>
    <t>POINT (4.669208947791991 51.77757734107424)</t>
  </si>
  <si>
    <t>POINT (4.730319055153719 51.80378631428633)</t>
  </si>
  <si>
    <t>3313LE</t>
  </si>
  <si>
    <t>Merwelanden</t>
  </si>
  <si>
    <t>3313LD-3313LJ</t>
  </si>
  <si>
    <t>POINT (4.745132169664324 51.80493477831589)</t>
  </si>
  <si>
    <t>BU05059800</t>
  </si>
  <si>
    <t>POINT (4.698262068219436 51.790247424774286)</t>
  </si>
  <si>
    <t>3317NT</t>
  </si>
  <si>
    <t>POINT (4.662391076096716 51.78609182605056)</t>
  </si>
  <si>
    <t>POINT (4.6739469549412656 51.81614721070495)</t>
  </si>
  <si>
    <t>3313XL</t>
  </si>
  <si>
    <t>POINT (4.691114471900261 51.81790921014978)</t>
  </si>
  <si>
    <t>3318LA</t>
  </si>
  <si>
    <t>Laan der Verenigde Naties</t>
  </si>
  <si>
    <t>POINT (4.67688815095681 51.79532168299638)</t>
  </si>
  <si>
    <t>BU05051008</t>
  </si>
  <si>
    <t>Bastion locatie</t>
  </si>
  <si>
    <t>3314LA</t>
  </si>
  <si>
    <t>Albertine Agnesstraat</t>
  </si>
  <si>
    <t>POINT (4.667929484976169 51.80323404761516)</t>
  </si>
  <si>
    <t>3311SN</t>
  </si>
  <si>
    <t>Verlengde Schoolstraat</t>
  </si>
  <si>
    <t>POINT (4.673175377282793 51.816092425001095)</t>
  </si>
  <si>
    <t>P</t>
  </si>
  <si>
    <t>POINT (4.704729248090179 51.798460786161975)</t>
  </si>
  <si>
    <t>POINT (4.719636199013762 51.805828188476774)</t>
  </si>
  <si>
    <t>3319SC</t>
  </si>
  <si>
    <t>POINT (4.693954464340829 51.79027622327068)</t>
  </si>
  <si>
    <t>POINT (4.671147985583086 51.814587818233534)</t>
  </si>
  <si>
    <t>3314BV</t>
  </si>
  <si>
    <t>POINT (4.659515777053683 51.80312219654396)</t>
  </si>
  <si>
    <t>3319PP</t>
  </si>
  <si>
    <t>POINT (4.698519076708625 51.793473656357236)</t>
  </si>
  <si>
    <t>POINT (4.6669450682215565 51.79502359820942)</t>
  </si>
  <si>
    <t>POINT (4.680951910183868 51.788788114878564)</t>
  </si>
  <si>
    <t>POINT (4.6745468487704525 51.816700071636895)</t>
  </si>
  <si>
    <t>3319XK</t>
  </si>
  <si>
    <t>POINT (4.712004369544465 51.79282583933531)</t>
  </si>
  <si>
    <t>POINT (4.652277585468078 51.785708972798965)</t>
  </si>
  <si>
    <t>POINT (4.664327974173132 51.817665338608805)</t>
  </si>
  <si>
    <t>POINT (4.654282853861979 51.794923101795376)</t>
  </si>
  <si>
    <t>3314NX</t>
  </si>
  <si>
    <t>POINT (4.672035601937659 51.79831376027993)</t>
  </si>
  <si>
    <t>POINT (4.6673609220378225 51.79298150057874)</t>
  </si>
  <si>
    <t>3328GG</t>
  </si>
  <si>
    <t>POINT (4.680450317147783 51.781010573614616)</t>
  </si>
  <si>
    <t>3328RH</t>
  </si>
  <si>
    <t>POINT (4.6675303480623995 51.77966315819384)</t>
  </si>
  <si>
    <t>POINT (4.663810036300305 51.81408102234479)</t>
  </si>
  <si>
    <t>3318AG</t>
  </si>
  <si>
    <t>POINT (4.68105043474618 51.79067676434058)</t>
  </si>
  <si>
    <t>3312XN</t>
  </si>
  <si>
    <t>POINT (4.6822605036730485 51.80863551188863)</t>
  </si>
  <si>
    <t>POINT (4.65633858019987 51.77079292237108)</t>
  </si>
  <si>
    <t>3313XD</t>
  </si>
  <si>
    <t>POINT (4.690785350988947 51.818554557447335)</t>
  </si>
  <si>
    <t>3317CV</t>
  </si>
  <si>
    <t>POINT (4.65239788684883 51.7877411496043)</t>
  </si>
  <si>
    <t>POINT (4.680041072951944 51.7758954410384)</t>
  </si>
  <si>
    <t>3315WB</t>
  </si>
  <si>
    <t>Colorado</t>
  </si>
  <si>
    <t>POINT (4.709792420144547 51.80859048798792)</t>
  </si>
  <si>
    <t>POINT (4.677354322250946 51.80897303327792)</t>
  </si>
  <si>
    <t>POINT (4.673675936230043 51.810224176939556)</t>
  </si>
  <si>
    <t>3328XR</t>
  </si>
  <si>
    <t>POINT (4.679678821844073 51.781341461673335)</t>
  </si>
  <si>
    <t>POINT (4.714726202465617 51.81446673981329)</t>
  </si>
  <si>
    <t>POINT (4.6830802485783165 51.81157184462549)</t>
  </si>
  <si>
    <t>3312KD</t>
  </si>
  <si>
    <t>POINT (4.681337013850935 51.80133366512932)</t>
  </si>
  <si>
    <t>POINT (4.636269697346946 51.77594193481604)</t>
  </si>
  <si>
    <t>3317EC</t>
  </si>
  <si>
    <t>3317EC-3317ED</t>
  </si>
  <si>
    <t>POINT (4.662719648315066 51.79288076003126)</t>
  </si>
  <si>
    <t>3311VP</t>
  </si>
  <si>
    <t>Pelserstraat</t>
  </si>
  <si>
    <t>POINT (4.661426423650818 51.813101082536356)</t>
  </si>
  <si>
    <t>3328VE</t>
  </si>
  <si>
    <t>POINT (4.679771575990561 51.775221262910435)</t>
  </si>
  <si>
    <t>3314AA</t>
  </si>
  <si>
    <t>Coornhertstraat</t>
  </si>
  <si>
    <t>3314AA-3314AC</t>
  </si>
  <si>
    <t>POINT (4.655102714381059 51.80614291933261)</t>
  </si>
  <si>
    <t>POINT (4.673303133331142 51.816035701703306)</t>
  </si>
  <si>
    <t>3317SK</t>
  </si>
  <si>
    <t>POINT (4.66434271559794 51.790355949064136)</t>
  </si>
  <si>
    <t>3313BC</t>
  </si>
  <si>
    <t>Reitdiepstraat</t>
  </si>
  <si>
    <t>POINT (4.717918515608757 51.81530127356985)</t>
  </si>
  <si>
    <t>3318JS</t>
  </si>
  <si>
    <t>POINT (4.675927337478928 51.78583920831005)</t>
  </si>
  <si>
    <t>POINT (4.704010816138781 51.81642111059655)</t>
  </si>
  <si>
    <t>POINT (4.68313824717272 51.797904790042644)</t>
  </si>
  <si>
    <t>POINT (4.6561902225967 51.81165214462425)</t>
  </si>
  <si>
    <t>3311TP</t>
  </si>
  <si>
    <t>3311ER</t>
  </si>
  <si>
    <t>POINT (4.672151957355233 51.81889126965446)</t>
  </si>
  <si>
    <t>3315WE</t>
  </si>
  <si>
    <t>POINT (4.710370382782085 51.80821179650815)</t>
  </si>
  <si>
    <t>POINT (4.674533667948661 51.81808150468761)</t>
  </si>
  <si>
    <t>3317JG</t>
  </si>
  <si>
    <t>POINT (4.667817086849456 51.794959214212874)</t>
  </si>
  <si>
    <t>3319AB</t>
  </si>
  <si>
    <t>Burgemeester Jaslaan</t>
  </si>
  <si>
    <t>3319AA-3319AB</t>
  </si>
  <si>
    <t>POINT (4.691543426740011 51.79105692755984)</t>
  </si>
  <si>
    <t>POINT (4.666795104664613 51.811093148405135)</t>
  </si>
  <si>
    <t>POINT (4.729828161120201 51.801844859931116)</t>
  </si>
  <si>
    <t>POINT (4.695616916169325 51.79048709431686)</t>
  </si>
  <si>
    <t>POINT (4.68455623269315 51.78172952841312)</t>
  </si>
  <si>
    <t>3318JN</t>
  </si>
  <si>
    <t>POINT (4.675803486724059 51.78561436003092)</t>
  </si>
  <si>
    <t>POINT (4.696929846688163 51.80011197699284)</t>
  </si>
  <si>
    <t>POINT (4.671640070742097 51.81522648955582)</t>
  </si>
  <si>
    <t>T</t>
  </si>
  <si>
    <t>POINT (4.631342352509862 51.765069164641204)</t>
  </si>
  <si>
    <t>3314HR</t>
  </si>
  <si>
    <t>Meindert Hobbemastraat</t>
  </si>
  <si>
    <t>POINT (4.65851657509735 51.795688606475736)</t>
  </si>
  <si>
    <t>POINT (4.664432030147251 51.79730430582414)</t>
  </si>
  <si>
    <t>POINT (4.655253006269708 51.79965114048112)</t>
  </si>
  <si>
    <t>POINT (4.677482253864248 51.81533195147898)</t>
  </si>
  <si>
    <t>POINT (4.704266024248253 51.796388271341485)</t>
  </si>
  <si>
    <t>POINT (4.653940794189163 51.80420380445119)</t>
  </si>
  <si>
    <t>POINT (4.6630404090944655 51.81412080562957)</t>
  </si>
  <si>
    <t>POINT (4.664781220105035 51.79732865855573)</t>
  </si>
  <si>
    <t>POINT (4.635832899813305 51.77591447221023)</t>
  </si>
  <si>
    <t>3312NX</t>
  </si>
  <si>
    <t>POINT (4.686084876299807 51.804378173053934)</t>
  </si>
  <si>
    <t>3314RB</t>
  </si>
  <si>
    <t>POINT (4.663441713614135 51.802809825356576)</t>
  </si>
  <si>
    <t>POINT (4.663130462268821 51.80982304553308)</t>
  </si>
  <si>
    <t>3328SL</t>
  </si>
  <si>
    <t>POINT (4.672635516893365 51.78373291530313)</t>
  </si>
  <si>
    <t>POINT (4.679613514665692 51.777608041969806)</t>
  </si>
  <si>
    <t>3311VR</t>
  </si>
  <si>
    <t>Raamstraat</t>
  </si>
  <si>
    <t>POINT (4.665943708731895 51.8125084445785)</t>
  </si>
  <si>
    <t>POINT (4.677624682451131 51.79056080422117)</t>
  </si>
  <si>
    <t>POINT (4.721002443806217 51.797825847905365)</t>
  </si>
  <si>
    <t>POINT (4.719711713455548 51.81110605484754)</t>
  </si>
  <si>
    <t>3315DB</t>
  </si>
  <si>
    <t>POINT (4.731870365789839 51.80383366660277)</t>
  </si>
  <si>
    <t>POINT (4.685104442460675 51.77670283495142)</t>
  </si>
  <si>
    <t>POINT (4.6723177397688005 51.809894475594476)</t>
  </si>
  <si>
    <t>3312RC</t>
  </si>
  <si>
    <t>POINT (4.690611686993072 51.807506933893514)</t>
  </si>
  <si>
    <t>3312AA-3312AB</t>
  </si>
  <si>
    <t>POINT (4.689645925175215 51.81604607757177)</t>
  </si>
  <si>
    <t>POINT (4.654805360497499 51.792830027379985)</t>
  </si>
  <si>
    <t>POINT (4.685447325098489 51.809328861973384)</t>
  </si>
  <si>
    <t>POINT (4.667446925893903 51.780337069317426)</t>
  </si>
  <si>
    <t>POINT (4.669629164570936 51.77281696379867)</t>
  </si>
  <si>
    <t>3315TS</t>
  </si>
  <si>
    <t>POINT (4.715523507431673 51.80566744448642)</t>
  </si>
  <si>
    <t>POINT (4.699653466477313 51.78995271436881)</t>
  </si>
  <si>
    <t>POINT (4.6582883366162555 51.79620301434892)</t>
  </si>
  <si>
    <t>3316EE</t>
  </si>
  <si>
    <t>3316EB-3316EE</t>
  </si>
  <si>
    <t>POINT (4.643333332594751 51.77517651486169)</t>
  </si>
  <si>
    <t>3318TD</t>
  </si>
  <si>
    <t>Orionstraat</t>
  </si>
  <si>
    <t>POINT (4.680826359313252 51.78638496912147)</t>
  </si>
  <si>
    <t>POINT (4.668104239587429 51.792012214623014)</t>
  </si>
  <si>
    <t>3317CJ</t>
  </si>
  <si>
    <t>Van Speykstraat</t>
  </si>
  <si>
    <t>POINT (4.657193091849158 51.7883003979948)</t>
  </si>
  <si>
    <t>POINT (4.658229233085206 51.80974537531866)</t>
  </si>
  <si>
    <t>3319GA</t>
  </si>
  <si>
    <t>POINT (4.710145674271873 51.796966198795445)</t>
  </si>
  <si>
    <t>3311GN</t>
  </si>
  <si>
    <t>POINT (4.667631385942315 51.81175464166071)</t>
  </si>
  <si>
    <t>3313XM</t>
  </si>
  <si>
    <t>Wantijstraat</t>
  </si>
  <si>
    <t>POINT (4.690252997545057 51.818703224670344)</t>
  </si>
  <si>
    <t>POINT (4.67968908907207 51.77503152611534)</t>
  </si>
  <si>
    <t>3314NR</t>
  </si>
  <si>
    <t>POINT (4.66747706201545 51.79878966516032)</t>
  </si>
  <si>
    <t>POINT (4.682890530797026 51.81088358554186)</t>
  </si>
  <si>
    <t>POINT (4.659282054641672 51.79647409907321)</t>
  </si>
  <si>
    <t>3328HM</t>
  </si>
  <si>
    <t>Minnaertweg</t>
  </si>
  <si>
    <t>POINT (4.685004156053984 51.78252910347254)</t>
  </si>
  <si>
    <t>3319ET</t>
  </si>
  <si>
    <t>POINT (4.710208430213626 51.79201116589299)</t>
  </si>
  <si>
    <t>3315EH</t>
  </si>
  <si>
    <t>POINT (4.730502623079801 51.79540056310607)</t>
  </si>
  <si>
    <t>POINT (4.671349565822807 51.80224210017713)</t>
  </si>
  <si>
    <t>POINT (4.691187280534294 51.81800497560424)</t>
  </si>
  <si>
    <t>POINT (4.6838185123606015 51.78250079536376)</t>
  </si>
  <si>
    <t>3315EN</t>
  </si>
  <si>
    <t>POINT (4.731975896005095 51.79521977805032)</t>
  </si>
  <si>
    <t>POINT (4.712005121237403 51.80592510913717)</t>
  </si>
  <si>
    <t>POINT (4.65558900269966 51.79879959709118)</t>
  </si>
  <si>
    <t>POINT (4.731355193512004 51.79796487500773)</t>
  </si>
  <si>
    <t>POINT (4.653186235824676 51.79518014532611)</t>
  </si>
  <si>
    <t>POINT (4.6843843453150145 51.78675489473842)</t>
  </si>
  <si>
    <t>3313GL</t>
  </si>
  <si>
    <t>3313GL-3313GM</t>
  </si>
  <si>
    <t>POINT (4.69987372345565 51.81698073103923)</t>
  </si>
  <si>
    <t>POINT (4.715694442409942 51.80318935408899)</t>
  </si>
  <si>
    <t>POINT (4.671853470580598 51.81739124651073)</t>
  </si>
  <si>
    <t>POINT (4.659127746269091 51.78218212818077)</t>
  </si>
  <si>
    <t>3317TA</t>
  </si>
  <si>
    <t>De Visserstraat</t>
  </si>
  <si>
    <t>POINT (4.662054048848741 51.79434203986657)</t>
  </si>
  <si>
    <t>POINT (4.664714131907369 51.79272526790927)</t>
  </si>
  <si>
    <t>POINT (4.668358142879173 51.79318451260207)</t>
  </si>
  <si>
    <t>3311XP</t>
  </si>
  <si>
    <t>Museumstraat</t>
  </si>
  <si>
    <t>POINT (4.671919339020456 51.8148615441143)</t>
  </si>
  <si>
    <t>3315DV</t>
  </si>
  <si>
    <t>POINT (4.730297281797297 51.80517160173213)</t>
  </si>
  <si>
    <t>POINT (4.674396916957907 51.79709754276471)</t>
  </si>
  <si>
    <t>POINT (4.651611646626503 51.78261982478875)</t>
  </si>
  <si>
    <t>POINT (4.675947716675625 51.78498679875696)</t>
  </si>
  <si>
    <t>3317NS</t>
  </si>
  <si>
    <t>POINT (4.660812519148745 51.786620970764844)</t>
  </si>
  <si>
    <t>POINT (4.666618456397544 51.79626844158513)</t>
  </si>
  <si>
    <t>POINT (4.677347732238919 51.77507812427268)</t>
  </si>
  <si>
    <t>3313CH</t>
  </si>
  <si>
    <t>POINT (4.703519830134909 51.816787316106044)</t>
  </si>
  <si>
    <t>3328MN</t>
  </si>
  <si>
    <t>POINT (4.669398130348038 51.77102605807765)</t>
  </si>
  <si>
    <t>POINT (4.683574698930045 51.798020899408606)</t>
  </si>
  <si>
    <t>3319BK</t>
  </si>
  <si>
    <t>Gorterstraat</t>
  </si>
  <si>
    <t>POINT (4.703204277121179 51.7957620750201)</t>
  </si>
  <si>
    <t>POINT (4.659679835956782 51.79242821632481)</t>
  </si>
  <si>
    <t>3312CP</t>
  </si>
  <si>
    <t>POINT (4.686923843184215 51.80576948751361)</t>
  </si>
  <si>
    <t>3318VJ</t>
  </si>
  <si>
    <t>3318VJ-3318VL</t>
  </si>
  <si>
    <t>POINT (4.685547032302383 51.78493845426865)</t>
  </si>
  <si>
    <t>POINT (4.6521982299269 51.79474839821167)</t>
  </si>
  <si>
    <t>3328JJ</t>
  </si>
  <si>
    <t>Loevestein</t>
  </si>
  <si>
    <t>POINT (4.665700112336942 51.77616888593821)</t>
  </si>
  <si>
    <t>POINT (4.7125058622624145 51.80894036328363)</t>
  </si>
  <si>
    <t>POINT (4.659259515468161 51.7704791985395)</t>
  </si>
  <si>
    <t>3312LB</t>
  </si>
  <si>
    <t>Genemansstraat</t>
  </si>
  <si>
    <t>3312LB-3312LC</t>
  </si>
  <si>
    <t>POINT (4.6867342537055485 51.80289110058796)</t>
  </si>
  <si>
    <t>POINT (4.721098372413056 51.794806080056546)</t>
  </si>
  <si>
    <t>3314LM</t>
  </si>
  <si>
    <t>POINT (4.665815948361302 51.802426849817905)</t>
  </si>
  <si>
    <t>POINT (4.6745268709590295 51.81820593845553)</t>
  </si>
  <si>
    <t>POINT (4.6938975043704705 51.79412322010727)</t>
  </si>
  <si>
    <t>3328KA</t>
  </si>
  <si>
    <t>Boogschutter</t>
  </si>
  <si>
    <t>POINT (4.67046257333652 51.779900509266206)</t>
  </si>
  <si>
    <t>3311DT</t>
  </si>
  <si>
    <t>POINT (4.682205036031915 51.81226285201578)</t>
  </si>
  <si>
    <t>POINT (4.678203355325654 51.807188431446114)</t>
  </si>
  <si>
    <t>POINT (4.68685988985626 51.77624043469817)</t>
  </si>
  <si>
    <t>POINT (4.670772834923438 51.81016892521518)</t>
  </si>
  <si>
    <t>3317PN</t>
  </si>
  <si>
    <t>Van Bosseplantsoen</t>
  </si>
  <si>
    <t>3317PM-3317PN</t>
  </si>
  <si>
    <t>POINT (4.66499106495016 51.795708830091506)</t>
  </si>
  <si>
    <t>POINT (4.676075496724834 51.807655982095035)</t>
  </si>
  <si>
    <t>POINT (4.685212631196832 51.81313628778059)</t>
  </si>
  <si>
    <t>POINT (4.655270575198881 51.791976270856146)</t>
  </si>
  <si>
    <t>POINT (4.656368156272339 51.80065777031841)</t>
  </si>
  <si>
    <t>POINT (4.6598524358965125 51.809174158252596)</t>
  </si>
  <si>
    <t>3328MK</t>
  </si>
  <si>
    <t>POINT (4.66832919072792 51.7705160074942)</t>
  </si>
  <si>
    <t>POINT (4.6849916691495235 51.782568803690864)</t>
  </si>
  <si>
    <t>3313LB</t>
  </si>
  <si>
    <t>Grevelingenweg</t>
  </si>
  <si>
    <t>POINT (4.723244355834089 51.81984644944625)</t>
  </si>
  <si>
    <t>BU05050608</t>
  </si>
  <si>
    <t>2e Merwedehaven en omgeving</t>
  </si>
  <si>
    <t>POINT (4.67187257824231 51.778427130567785)</t>
  </si>
  <si>
    <t>POINT (4.670377767753048 51.8125312445801)</t>
  </si>
  <si>
    <t>POINT (4.68318084331815 51.798237069496494)</t>
  </si>
  <si>
    <t>3319VD</t>
  </si>
  <si>
    <t>POINT (4.70383142658132 51.788549563413)</t>
  </si>
  <si>
    <t>POINT (4.675433822907597 51.8069481794188)</t>
  </si>
  <si>
    <t>POINT (4.660126013699517 51.7971348692665)</t>
  </si>
  <si>
    <t>3312KV</t>
  </si>
  <si>
    <t>Romboutsplantsoen</t>
  </si>
  <si>
    <t>POINT (4.685420524659611 51.79954455123127)</t>
  </si>
  <si>
    <t>POINT (4.6719347623180125 51.8115246831167)</t>
  </si>
  <si>
    <t>3312RH</t>
  </si>
  <si>
    <t>POINT (4.690435088179112 51.80552787580374)</t>
  </si>
  <si>
    <t>3316BK</t>
  </si>
  <si>
    <t>Wielhovenstraat</t>
  </si>
  <si>
    <t>POINT (4.629937044425335 51.783599708576574)</t>
  </si>
  <si>
    <t>BU05051909</t>
  </si>
  <si>
    <t>Wieldrecht</t>
  </si>
  <si>
    <t>3317DD</t>
  </si>
  <si>
    <t>Laan van Barcelona</t>
  </si>
  <si>
    <t>POINT (4.650902759955813 51.77483828573336)</t>
  </si>
  <si>
    <t>BU05051914</t>
  </si>
  <si>
    <t>Amstelwijck</t>
  </si>
  <si>
    <t>3312LX</t>
  </si>
  <si>
    <t>Weedeweg Z.Z.</t>
  </si>
  <si>
    <t>POINT (4.687315976380906 51.80305338375377)</t>
  </si>
  <si>
    <t>POINT (4.65074242584209 51.79495333467364)</t>
  </si>
  <si>
    <t>POINT (4.673292695050338 51.81371386470061)</t>
  </si>
  <si>
    <t>3319PS</t>
  </si>
  <si>
    <t>POINT (4.698305346582565 51.79263111572642)</t>
  </si>
  <si>
    <t>3314BK</t>
  </si>
  <si>
    <t>Van Baerlestraat</t>
  </si>
  <si>
    <t>POINT (4.659320588383888 51.80545539442395)</t>
  </si>
  <si>
    <t>POINT (4.729252736732295 51.799653440223935)</t>
  </si>
  <si>
    <t>POINT (4.683601300098508 51.79800796243212)</t>
  </si>
  <si>
    <t>POINT (4.670848659867126 51.80457392573039)</t>
  </si>
  <si>
    <t>3311KD-3311KE</t>
  </si>
  <si>
    <t>POINT (4.669142640519326 51.8119177668301)</t>
  </si>
  <si>
    <t>POINT (4.6564149657598675 51.7921648692744)</t>
  </si>
  <si>
    <t>POINT (4.709605062853947 51.80497546603776)</t>
  </si>
  <si>
    <t>POINT (4.7172162946080975 51.79974417441574)</t>
  </si>
  <si>
    <t>POINT (4.646312393139884 51.787197688035604)</t>
  </si>
  <si>
    <t>3315XJ</t>
  </si>
  <si>
    <t>POINT (4.7177779438626875 51.798633938106526)</t>
  </si>
  <si>
    <t>3312TM</t>
  </si>
  <si>
    <t>Sperwerstraat</t>
  </si>
  <si>
    <t>POINT (4.684358576918364 51.8118088356079)</t>
  </si>
  <si>
    <t>POINT (4.670063344387771 51.79966248347954)</t>
  </si>
  <si>
    <t>POINT (4.662466101777804 51.801504685567124)</t>
  </si>
  <si>
    <t>3317SH</t>
  </si>
  <si>
    <t>Domela Nieuwenhuisweg</t>
  </si>
  <si>
    <t>POINT (4.661140250731588 51.786980112184935)</t>
  </si>
  <si>
    <t>POINT (4.630099369670711 51.72978583622994)</t>
  </si>
  <si>
    <t>POINT (4.6727085245845 51.81139632843115)</t>
  </si>
  <si>
    <t>POINT (4.663938750793913 51.79775215693999)</t>
  </si>
  <si>
    <t>POINT (4.721923511226478 51.79765408771447)</t>
  </si>
  <si>
    <t>3314GT</t>
  </si>
  <si>
    <t>POINT (4.660150933480639 51.80131689848128)</t>
  </si>
  <si>
    <t>POINT (4.669160646477107 51.78175163610034)</t>
  </si>
  <si>
    <t>3311NE</t>
  </si>
  <si>
    <t>Sisarijs- of Sarisgang</t>
  </si>
  <si>
    <t>POINT (4.668356466297188 51.813583750888654)</t>
  </si>
  <si>
    <t>3328JL</t>
  </si>
  <si>
    <t>POINT (4.665343492198473 51.77558739572661)</t>
  </si>
  <si>
    <t>POINT (4.686544380025133 51.77479185501479)</t>
  </si>
  <si>
    <t>3314ZE</t>
  </si>
  <si>
    <t>POINT (4.662432225000324 51.804115187995066)</t>
  </si>
  <si>
    <t>POINT (4.713536274301345 51.814779524311966)</t>
  </si>
  <si>
    <t>3317JS</t>
  </si>
  <si>
    <t>POINT (4.666723869922722 51.79629513821824)</t>
  </si>
  <si>
    <t>3312NP</t>
  </si>
  <si>
    <t>POINT (4.683748972120914 51.80430800410874)</t>
  </si>
  <si>
    <t>POINT (4.718018742338591 51.81581919486553)</t>
  </si>
  <si>
    <t>POINT (4.669702920790243 51.812021120914864)</t>
  </si>
  <si>
    <t>POINT (4.721752326867228 51.80440296038807)</t>
  </si>
  <si>
    <t>3314RT</t>
  </si>
  <si>
    <t>POINT (4.66100401557449 51.802341301756734)</t>
  </si>
  <si>
    <t>POINT (4.712195277690914 51.80582773252385)</t>
  </si>
  <si>
    <t>3316BE</t>
  </si>
  <si>
    <t>Mijlweg</t>
  </si>
  <si>
    <t>POINT (4.649073161742371 51.78766726093791)</t>
  </si>
  <si>
    <t>3314HP</t>
  </si>
  <si>
    <t>Pieter de Hoochstraat</t>
  </si>
  <si>
    <t>POINT (4.661847851774122 51.796510457645354)</t>
  </si>
  <si>
    <t>POINT (4.651257721019756 51.790817410205975)</t>
  </si>
  <si>
    <t>POINT (4.6664576434486325 51.81566506368355)</t>
  </si>
  <si>
    <t>POINT (4.6724757147199 51.77551946310153)</t>
  </si>
  <si>
    <t>3315BT</t>
  </si>
  <si>
    <t>POINT (4.727816780062323 51.79960939761968)</t>
  </si>
  <si>
    <t>POINT (4.666194031346885 51.78678315940959)</t>
  </si>
  <si>
    <t>POINT (4.663959736668513 51.8115882424346)</t>
  </si>
  <si>
    <t>3317EM</t>
  </si>
  <si>
    <t>POINT (4.662895854663844 51.7914363657829)</t>
  </si>
  <si>
    <t>3317AH</t>
  </si>
  <si>
    <t>POINT (4.6523878288298235 51.79270322513426)</t>
  </si>
  <si>
    <t>3315HK</t>
  </si>
  <si>
    <t>POINT (4.733750355787768 51.80235912995483)</t>
  </si>
  <si>
    <t>3315ME</t>
  </si>
  <si>
    <t>3315MC-3315ME</t>
  </si>
  <si>
    <t>POINT (4.71074681840476 51.80691819070251)</t>
  </si>
  <si>
    <t>3315PK</t>
  </si>
  <si>
    <t>POINT (4.712207440006234 51.8115314482154)</t>
  </si>
  <si>
    <t>POINT (4.6548078723584565 51.7896789337039)</t>
  </si>
  <si>
    <t>POINT (4.707908038785683 51.81136494283547)</t>
  </si>
  <si>
    <t>3312HE</t>
  </si>
  <si>
    <t>Floresstraat</t>
  </si>
  <si>
    <t>POINT (4.688863082541138 51.80803554586402)</t>
  </si>
  <si>
    <t>3315KA</t>
  </si>
  <si>
    <t>Dudok-erf</t>
  </si>
  <si>
    <t>POINT (4.718875356945288 51.80235416888674)</t>
  </si>
  <si>
    <t>3328HE</t>
  </si>
  <si>
    <t>POINT (4.682935921673656 51.77953968329376)</t>
  </si>
  <si>
    <t>POINT (4.657258736554822 51.78171741776363)</t>
  </si>
  <si>
    <t>POINT (4.637671050827704 51.77843401131182)</t>
  </si>
  <si>
    <t>POINT (4.681144892799697 51.80875268650814)</t>
  </si>
  <si>
    <t>POINT (4.665196725665166 51.80926602029694)</t>
  </si>
  <si>
    <t>3311CL</t>
  </si>
  <si>
    <t>Mazelaarsstraat</t>
  </si>
  <si>
    <t>3311CL-3311CM</t>
  </si>
  <si>
    <t>POINT (4.658575170704887 51.814644658573265)</t>
  </si>
  <si>
    <t>POINT (4.683341619112954 51.799649058902126)</t>
  </si>
  <si>
    <t>POINT (4.671071368507137 51.79856147668176)</t>
  </si>
  <si>
    <t>POINT (4.6679552760446175 51.81484191849553)</t>
  </si>
  <si>
    <t>POINT (4.630810174012169 51.72400016765563)</t>
  </si>
  <si>
    <t>POINT (4.660099022785105 51.792250519698605)</t>
  </si>
  <si>
    <t>POINT (4.66434541535798 51.79028063137656)</t>
  </si>
  <si>
    <t>POINT (4.661286727080365 51.81362066317473)</t>
  </si>
  <si>
    <t>POINT (4.659095575310652 51.7954292457472)</t>
  </si>
  <si>
    <t>POINT (4.710583953693435 51.81553014293259)</t>
  </si>
  <si>
    <t>POINT (4.700927051636576 51.79798761967001)</t>
  </si>
  <si>
    <t>POINT (4.679774287780486 51.77610583079231)</t>
  </si>
  <si>
    <t>POINT (4.711440733125027 51.79203488165931)</t>
  </si>
  <si>
    <t>POINT (4.680445638675391 51.787148755295405)</t>
  </si>
  <si>
    <t>3328AK</t>
  </si>
  <si>
    <t>POINT (4.685186762650315 51.776391644530726)</t>
  </si>
  <si>
    <t>3315EP</t>
  </si>
  <si>
    <t>POINT (4.731938589171661 51.796139431464354)</t>
  </si>
  <si>
    <t>3328ND</t>
  </si>
  <si>
    <t>POINT (4.670542287880037 51.77942341725129)</t>
  </si>
  <si>
    <t>3328CT</t>
  </si>
  <si>
    <t>3328CE-3328CH</t>
  </si>
  <si>
    <t>POINT (4.674693703526537 51.77670743213517)</t>
  </si>
  <si>
    <t>3314SW</t>
  </si>
  <si>
    <t>P.A. de Genestetstraat</t>
  </si>
  <si>
    <t>3314SR-3314SV</t>
  </si>
  <si>
    <t>POINT (4.664686576590822 51.800814277821225)</t>
  </si>
  <si>
    <t>3317HL</t>
  </si>
  <si>
    <t>POINT (4.673238403791703 51.79560521637808)</t>
  </si>
  <si>
    <t>POINT (4.667645082372595 51.77079848033996)</t>
  </si>
  <si>
    <t>POINT (4.720787722801692 51.80490058932286)</t>
  </si>
  <si>
    <t>POINT (4.680008280485921 51.78977926691599)</t>
  </si>
  <si>
    <t>3311VD</t>
  </si>
  <si>
    <t>Botgensstraat</t>
  </si>
  <si>
    <t>POINT (4.6624903098666515 51.81260844400719)</t>
  </si>
  <si>
    <t>3311XK</t>
  </si>
  <si>
    <t>Korte Kolfstraat</t>
  </si>
  <si>
    <t>POINT (4.670464149772089 51.81311814839426)</t>
  </si>
  <si>
    <t>3318JL</t>
  </si>
  <si>
    <t>POINT (4.675877111629279 51.7852742426996)</t>
  </si>
  <si>
    <t>POINT (4.673232941507239 51.81119856042365)</t>
  </si>
  <si>
    <t>POINT (4.665730969971158 51.801508896664295)</t>
  </si>
  <si>
    <t>POINT (4.672123255683162 51.805984446935526)</t>
  </si>
  <si>
    <t>3329AE</t>
  </si>
  <si>
    <t>POINT (4.709749711921193 51.78667044521032)</t>
  </si>
  <si>
    <t>POINT (4.683212791084904 51.79797726364125)</t>
  </si>
  <si>
    <t>3319HE</t>
  </si>
  <si>
    <t>POINT (4.707111319095746 51.7965960148786)</t>
  </si>
  <si>
    <t>POINT (4.712994849153259 51.8162575807299)</t>
  </si>
  <si>
    <t>POINT (4.680932898162606 51.789306333268556)</t>
  </si>
  <si>
    <t>POINT (4.663137681471359 51.799218872182855)</t>
  </si>
  <si>
    <t>POINT (4.669155131409996 51.818947686716726)</t>
  </si>
  <si>
    <t>POINT (4.668516874658231 51.790636586917444)</t>
  </si>
  <si>
    <t>3312KS</t>
  </si>
  <si>
    <t>POINT (4.681726322798912 51.80174412844729)</t>
  </si>
  <si>
    <t>POINT (4.654813434683156 51.794765679197816)</t>
  </si>
  <si>
    <t>3319PN</t>
  </si>
  <si>
    <t>POINT (4.698495122556449 51.79346273832191)</t>
  </si>
  <si>
    <t>3311BR</t>
  </si>
  <si>
    <t>Varkenmarkt</t>
  </si>
  <si>
    <t>POINT (4.664266777418447 51.81543827784117)</t>
  </si>
  <si>
    <t>3316GN</t>
  </si>
  <si>
    <t>Madame Curiestraat</t>
  </si>
  <si>
    <t>3316GM-3316GN</t>
  </si>
  <si>
    <t>POINT (4.6394506225824585 51.77848843519489)</t>
  </si>
  <si>
    <t>3315DM</t>
  </si>
  <si>
    <t>POINT (4.7231826058285264 51.80518726801544)</t>
  </si>
  <si>
    <t>3311JE</t>
  </si>
  <si>
    <t>Buiten Kalkhaven</t>
  </si>
  <si>
    <t>POINT (4.654832028464516 51.81232815577079)</t>
  </si>
  <si>
    <t>3328CK</t>
  </si>
  <si>
    <t>POINT (4.673494222298212 51.77674315023134)</t>
  </si>
  <si>
    <t>POINT (4.686128305866704 51.804527114144285)</t>
  </si>
  <si>
    <t>3317PH</t>
  </si>
  <si>
    <t>POINT (4.665566605234932 51.79556735697327)</t>
  </si>
  <si>
    <t>POINT (4.680448715732427 51.78098143159073)</t>
  </si>
  <si>
    <t>3313XJ</t>
  </si>
  <si>
    <t>Maasdwarsstraat</t>
  </si>
  <si>
    <t>POINT (4.689517270749266 51.81825192855427)</t>
  </si>
  <si>
    <t>POINT (4.663182672134635 51.798436477134494)</t>
  </si>
  <si>
    <t>3328DM</t>
  </si>
  <si>
    <t>Lunenburg</t>
  </si>
  <si>
    <t>POINT (4.6774427763493645 51.77423743728475)</t>
  </si>
  <si>
    <t>POINT (4.633164700375493 51.774575301466975)</t>
  </si>
  <si>
    <t>3313EP</t>
  </si>
  <si>
    <t>POINT (4.7210315765832 51.81127423556696)</t>
  </si>
  <si>
    <t>POINT (4.727657384458367 51.80072831569692)</t>
  </si>
  <si>
    <t>POINT (4.675565890684003 51.8068075256303)</t>
  </si>
  <si>
    <t>3311VL</t>
  </si>
  <si>
    <t>Lombardstraat</t>
  </si>
  <si>
    <t>POINT (4.664914567735741 51.81287788658087)</t>
  </si>
  <si>
    <t>POINT (4.681246383519773 51.81197476393038)</t>
  </si>
  <si>
    <t>3319TH</t>
  </si>
  <si>
    <t>Seringenstraat</t>
  </si>
  <si>
    <t>POINT (4.701314833297868 51.7901939159072)</t>
  </si>
  <si>
    <t>3314KC</t>
  </si>
  <si>
    <t>POINT (4.663983776936205 51.80338852484567)</t>
  </si>
  <si>
    <t>3314JA</t>
  </si>
  <si>
    <t>3314HX-3314JA</t>
  </si>
  <si>
    <t>POINT (4.6754268756115325 51.80595434911875)</t>
  </si>
  <si>
    <t>POINT (4.6299766861525375 51.72755027661473)</t>
  </si>
  <si>
    <t>POINT (4.673717075523016 51.81890398584049)</t>
  </si>
  <si>
    <t>3312JK</t>
  </si>
  <si>
    <t>POINT (4.682139133293724 51.80299992783825)</t>
  </si>
  <si>
    <t>POINT (4.6571292928519 51.81011865085175)</t>
  </si>
  <si>
    <t>POINT (4.680691777369279 51.802152218691404)</t>
  </si>
  <si>
    <t>3328BD</t>
  </si>
  <si>
    <t>POINT (4.668902781543392 51.772499269377064)</t>
  </si>
  <si>
    <t>3328RD</t>
  </si>
  <si>
    <t>POINT (4.6660470494880695 51.77910260812605)</t>
  </si>
  <si>
    <t>3317NG</t>
  </si>
  <si>
    <t>POINT (4.651603122916419 51.78479711823691)</t>
  </si>
  <si>
    <t>POINT (4.719285395529547 51.80043398491614)</t>
  </si>
  <si>
    <t>3312EB</t>
  </si>
  <si>
    <t>Adriaan van Altenastraat</t>
  </si>
  <si>
    <t>POINT (4.674975411962329 51.806940301333135)</t>
  </si>
  <si>
    <t>POINT (4.66268446929765 51.80380730113778)</t>
  </si>
  <si>
    <t>POINT (4.665939864814384 51.81734093110311)</t>
  </si>
  <si>
    <t>3313AG</t>
  </si>
  <si>
    <t>POINT (4.71500061425394 51.81383472087383)</t>
  </si>
  <si>
    <t>POINT (4.709684439173973 51.786462528840964)</t>
  </si>
  <si>
    <t>3317VH</t>
  </si>
  <si>
    <t>Jan den Haenstraat</t>
  </si>
  <si>
    <t>POINT (4.653662199777246 51.79279069651325)</t>
  </si>
  <si>
    <t>3328SM</t>
  </si>
  <si>
    <t>POINT (4.6725364081700445 51.783490038989555)</t>
  </si>
  <si>
    <t>POINT (4.644092380104847 51.76874697121082)</t>
  </si>
  <si>
    <t>BU05051918</t>
  </si>
  <si>
    <t>Oostkil</t>
  </si>
  <si>
    <t>3311LL</t>
  </si>
  <si>
    <t>Bekkershof</t>
  </si>
  <si>
    <t>POINT (4.673591034423902 51.80851067974328)</t>
  </si>
  <si>
    <t>POINT (4.665407860390325 51.81472164114841)</t>
  </si>
  <si>
    <t>POINT (4.653926859149304 51.80639920655635)</t>
  </si>
  <si>
    <t>POINT (4.677522992538923 51.8033502704733)</t>
  </si>
  <si>
    <t>POINT (4.663465956669055 51.79063339983054)</t>
  </si>
  <si>
    <t>POINT (4.6679073840733105 51.79257556097729)</t>
  </si>
  <si>
    <t>3311ZE</t>
  </si>
  <si>
    <t>Kasperspad</t>
  </si>
  <si>
    <t>POINT (4.674160927314988 51.8131693422201)</t>
  </si>
  <si>
    <t>POINT (4.69908763724893 51.79543722377026)</t>
  </si>
  <si>
    <t>POINT (4.723971844750524 51.802813831657836)</t>
  </si>
  <si>
    <t>3312KJ</t>
  </si>
  <si>
    <t>Maria Montessorilaan</t>
  </si>
  <si>
    <t>POINT (4.678950860576075 51.799202109959154)</t>
  </si>
  <si>
    <t>POINT (4.722458064336145 51.80623516913897)</t>
  </si>
  <si>
    <t>3311PB</t>
  </si>
  <si>
    <t>3311PA-3311PB</t>
  </si>
  <si>
    <t>POINT (4.676379765430417 51.812664758950234)</t>
  </si>
  <si>
    <t>POINT (4.6661041926256575 51.817457634115094)</t>
  </si>
  <si>
    <t>3311SM</t>
  </si>
  <si>
    <t>Chris J. Walsonstraat</t>
  </si>
  <si>
    <t>POINT (4.679912331998793 51.814138752426224)</t>
  </si>
  <si>
    <t>3313GM</t>
  </si>
  <si>
    <t>Markstraat</t>
  </si>
  <si>
    <t>POINT (4.698287327239917 51.81787669417162)</t>
  </si>
  <si>
    <t>3314JP</t>
  </si>
  <si>
    <t>Mariannestraat</t>
  </si>
  <si>
    <t>POINT (4.673395584623981 51.803051079296644)</t>
  </si>
  <si>
    <t>3317RL</t>
  </si>
  <si>
    <t>Donker Curtiusstraat</t>
  </si>
  <si>
    <t>POINT (4.662910635943615 51.78705779781422)</t>
  </si>
  <si>
    <t>3315PG</t>
  </si>
  <si>
    <t>POINT (4.710793157520118 51.80936206633871)</t>
  </si>
  <si>
    <t>POINT (4.690578607880697 51.80738987590451)</t>
  </si>
  <si>
    <t>3328EB</t>
  </si>
  <si>
    <t>POINT (4.680438707543645 51.7767311356701)</t>
  </si>
  <si>
    <t>POINT (4.6813232921869465 51.808865812543175)</t>
  </si>
  <si>
    <t>3311PE</t>
  </si>
  <si>
    <t>POINT (4.674006686093975 51.81012371668647)</t>
  </si>
  <si>
    <t>POINT (4.662637864218226 51.81240737047774)</t>
  </si>
  <si>
    <t>3312SK</t>
  </si>
  <si>
    <t>POINT (4.686625730963869 51.80653100775748)</t>
  </si>
  <si>
    <t>POINT (4.668136182392834 51.81749593509312)</t>
  </si>
  <si>
    <t>3317DK</t>
  </si>
  <si>
    <t>Ewaldina Pijzelhof</t>
  </si>
  <si>
    <t>POINT (4.655088456404435 51.78212506720897)</t>
  </si>
  <si>
    <t>POINT (4.677508980726873 51.774225352598584)</t>
  </si>
  <si>
    <t>POINT (4.674785753247477 51.78255162962695)</t>
  </si>
  <si>
    <t>3312RN</t>
  </si>
  <si>
    <t>Meerkoetstraat</t>
  </si>
  <si>
    <t>POINT (4.689526612388198 51.80635944840411)</t>
  </si>
  <si>
    <t>POINT (4.719388034430009 51.80090439676568)</t>
  </si>
  <si>
    <t>POINT (4.712933579808514 51.795256674418496)</t>
  </si>
  <si>
    <t>POINT (4.6689829154579945 51.77361685092918)</t>
  </si>
  <si>
    <t>3312AA</t>
  </si>
  <si>
    <t>Baden-Powelllaan</t>
  </si>
  <si>
    <t>POINT (4.6911340344996075 51.81346560505898)</t>
  </si>
  <si>
    <t>POINT (4.680514451797012 51.81171315680933)</t>
  </si>
  <si>
    <t>POINT (4.660419291372795 51.7710085018836)</t>
  </si>
  <si>
    <t>POINT (4.718064072900185 51.79876227429405)</t>
  </si>
  <si>
    <t>3313AN</t>
  </si>
  <si>
    <t>Jekerstraat</t>
  </si>
  <si>
    <t>POINT (4.711557536542084 51.81495358479136)</t>
  </si>
  <si>
    <t>POINT (4.663962795841899 51.8033849798202)</t>
  </si>
  <si>
    <t>3312NH</t>
  </si>
  <si>
    <t>POINT (4.682792658586973 51.8048912138446)</t>
  </si>
  <si>
    <t>3328NE</t>
  </si>
  <si>
    <t>POINT (4.672791163837034 51.779394224365355)</t>
  </si>
  <si>
    <t>3315PJ</t>
  </si>
  <si>
    <t>POINT (4.712065124916318 51.809989508767565)</t>
  </si>
  <si>
    <t>3314VX</t>
  </si>
  <si>
    <t>POINT (4.657928957027977 51.798841391814214)</t>
  </si>
  <si>
    <t>3328JA</t>
  </si>
  <si>
    <t>POINT (4.666907421056296 51.778565731693355)</t>
  </si>
  <si>
    <t>3312CL</t>
  </si>
  <si>
    <t>POINT (4.680445177003664 51.80828009263412)</t>
  </si>
  <si>
    <t>3314BS</t>
  </si>
  <si>
    <t>POINT (4.660319059871898 51.80451808593995)</t>
  </si>
  <si>
    <t>POINT (4.674644760438583 51.81528242515302)</t>
  </si>
  <si>
    <t>POINT (4.675629249829956 51.77579346804005)</t>
  </si>
  <si>
    <t>POINT (4.716645500164217 51.80308147315197)</t>
  </si>
  <si>
    <t>3314ZB</t>
  </si>
  <si>
    <t>Camphuijzenstraat</t>
  </si>
  <si>
    <t>POINT (4.660027817482256 51.803188795233574)</t>
  </si>
  <si>
    <t>POINT (4.683245986187582 51.8035784960208)</t>
  </si>
  <si>
    <t>3315EB</t>
  </si>
  <si>
    <t>POINT (4.729311675710282 51.79611064549554)</t>
  </si>
  <si>
    <t>POINT (4.712014976487091 51.79461876964313)</t>
  </si>
  <si>
    <t>POINT (4.663704856178529 51.800361238575434)</t>
  </si>
  <si>
    <t>3315DT</t>
  </si>
  <si>
    <t>POINT (4.729388551586879 51.804878937531484)</t>
  </si>
  <si>
    <t>POINT (4.664427842492372 51.79060208090108)</t>
  </si>
  <si>
    <t>POINT (4.68128885577877 51.808697993662186)</t>
  </si>
  <si>
    <t>3328PB</t>
  </si>
  <si>
    <t>POINT (4.675152623658797 51.78120707092566)</t>
  </si>
  <si>
    <t>POINT (4.701338107972205 51.79053072271836)</t>
  </si>
  <si>
    <t>POINT (4.720202489470123 51.80033595829889)</t>
  </si>
  <si>
    <t>POINT (4.6679268258463305 51.78252556394804)</t>
  </si>
  <si>
    <t>POINT (4.652941389694267 51.79382316082275)</t>
  </si>
  <si>
    <t>3319CP</t>
  </si>
  <si>
    <t>Jhr. van de Wall Repelaerstraat</t>
  </si>
  <si>
    <t>POINT (4.699770073380912 51.799673457104554)</t>
  </si>
  <si>
    <t>POINT (4.663692288914618 51.792303917139016)</t>
  </si>
  <si>
    <t>3315NE</t>
  </si>
  <si>
    <t>POINT (4.715874717849273 51.807635765171625)</t>
  </si>
  <si>
    <t>POINT (4.651243358991896 51.79056225634985)</t>
  </si>
  <si>
    <t>3315DG</t>
  </si>
  <si>
    <t>POINT (4.725491752332404 51.80566379358339)</t>
  </si>
  <si>
    <t>POINT (4.704684127402004 51.79832220617006)</t>
  </si>
  <si>
    <t>3316BP</t>
  </si>
  <si>
    <t>Jacobus Lipsweg</t>
  </si>
  <si>
    <t>3316BL-3316BP</t>
  </si>
  <si>
    <t>POINT (4.6262105017654775 51.79368340942829)</t>
  </si>
  <si>
    <t>POINT (4.7076955012654675 51.80646939340487)</t>
  </si>
  <si>
    <t>3311KK</t>
  </si>
  <si>
    <t>POINT (4.668547162343543 51.809395583767454)</t>
  </si>
  <si>
    <t>3311JV</t>
  </si>
  <si>
    <t>Stationsplein</t>
  </si>
  <si>
    <t>POINT (4.667182262531344 51.80813831143647)</t>
  </si>
  <si>
    <t>3312VG</t>
  </si>
  <si>
    <t>POINT (4.679444167528822 51.80709098825668)</t>
  </si>
  <si>
    <t>POINT (4.716403460733085 51.81384815894501)</t>
  </si>
  <si>
    <t>POINT (4.683912540601848 51.78138012726797)</t>
  </si>
  <si>
    <t>3312AD</t>
  </si>
  <si>
    <t>POINT (4.684316099820439 51.812705667814086)</t>
  </si>
  <si>
    <t>POINT (4.669483197411134 51.79950889684852)</t>
  </si>
  <si>
    <t>3315WL</t>
  </si>
  <si>
    <t>POINT (4.7076260626091075 51.80819732889229)</t>
  </si>
  <si>
    <t>3318BE</t>
  </si>
  <si>
    <t>3318BD-3318BE</t>
  </si>
  <si>
    <t>POINT (4.681645381303244 51.789413082702595)</t>
  </si>
  <si>
    <t>POINT (4.715305167587255 51.80301200882249)</t>
  </si>
  <si>
    <t>POINT (4.6799348055114365 51.787181316642986)</t>
  </si>
  <si>
    <t>POINT (4.66483443656845 51.817089748171846)</t>
  </si>
  <si>
    <t>3315AS</t>
  </si>
  <si>
    <t>POINT (4.724068182233996 51.79899822950188)</t>
  </si>
  <si>
    <t>POINT (4.661676574685982 51.801122047272386)</t>
  </si>
  <si>
    <t>3317SC</t>
  </si>
  <si>
    <t>POINT (4.664774647672663 51.78686989570914)</t>
  </si>
  <si>
    <t>3314ZW</t>
  </si>
  <si>
    <t>Tulpstraat</t>
  </si>
  <si>
    <t>POINT (4.67759951651101 51.80455836218592)</t>
  </si>
  <si>
    <t>3313VB</t>
  </si>
  <si>
    <t>POINT (4.718211282825196 51.81293213656675)</t>
  </si>
  <si>
    <t>POINT (4.6627550452135385 51.809360993204464)</t>
  </si>
  <si>
    <t>3315WS</t>
  </si>
  <si>
    <t>POINT (4.707063556457705 51.80677588565598)</t>
  </si>
  <si>
    <t>3312ND</t>
  </si>
  <si>
    <t>POINT (4.682874839684322 51.80418576375043)</t>
  </si>
  <si>
    <t>3318TG</t>
  </si>
  <si>
    <t>POINT (4.680672445916131 51.78543951920415)</t>
  </si>
  <si>
    <t>POINT (4.6739021514072 51.775039862306286)</t>
  </si>
  <si>
    <t>POINT (4.724829136233765 51.798502795116896)</t>
  </si>
  <si>
    <t>3319GE</t>
  </si>
  <si>
    <t>POINT (4.702826243366135 51.799745120406925)</t>
  </si>
  <si>
    <t>3314HD</t>
  </si>
  <si>
    <t>Frans Halsstraat</t>
  </si>
  <si>
    <t>3314HC-3314HE</t>
  </si>
  <si>
    <t>POINT (4.665445682013945 51.79752207697393)</t>
  </si>
  <si>
    <t>3315SE</t>
  </si>
  <si>
    <t>3315SB-3315SE</t>
  </si>
  <si>
    <t>POINT (4.726808130566779 51.80211287715511)</t>
  </si>
  <si>
    <t>POINT (4.659232608217029 51.784167604168886)</t>
  </si>
  <si>
    <t>POINT (4.672783437667788 51.78364628432388)</t>
  </si>
  <si>
    <t>POINT (4.670232545873121 51.80974531482402)</t>
  </si>
  <si>
    <t>3315HE</t>
  </si>
  <si>
    <t>POINT (4.735668192301597 51.8007792379991)</t>
  </si>
  <si>
    <t>3311RP</t>
  </si>
  <si>
    <t>POINT (4.675629269220953 51.81640767648946)</t>
  </si>
  <si>
    <t>POINT (4.669181772257256 51.770384880646084)</t>
  </si>
  <si>
    <t>3312LD</t>
  </si>
  <si>
    <t>POINT (4.68278395964386 51.803333604263656)</t>
  </si>
  <si>
    <t>3311WD</t>
  </si>
  <si>
    <t>POINT (4.65983173522407 51.811359862764064)</t>
  </si>
  <si>
    <t>3318AD</t>
  </si>
  <si>
    <t>3318AD-3318AE</t>
  </si>
  <si>
    <t>POINT (4.67859203812263 51.789505850947215)</t>
  </si>
  <si>
    <t>POINT (4.685444589961986 51.80371575449913)</t>
  </si>
  <si>
    <t>3311KH</t>
  </si>
  <si>
    <t>POINT (4.726445238273253 51.797604971276286)</t>
  </si>
  <si>
    <t>POINT (4.679592891276805 51.77756111337049)</t>
  </si>
  <si>
    <t>3317CC</t>
  </si>
  <si>
    <t>POINT (4.656911733388022 51.788862679409384)</t>
  </si>
  <si>
    <t>3312CX</t>
  </si>
  <si>
    <t>Reehof</t>
  </si>
  <si>
    <t>POINT (4.685685193741852 51.80569219292059)</t>
  </si>
  <si>
    <t>3317ZW</t>
  </si>
  <si>
    <t>Schokkerstraat</t>
  </si>
  <si>
    <t>3317ZV-3317ZW</t>
  </si>
  <si>
    <t>POINT (4.65564425793774 51.794749325911255)</t>
  </si>
  <si>
    <t>3317KM</t>
  </si>
  <si>
    <t>Bosstraat</t>
  </si>
  <si>
    <t>POINT (4.668471873217277 51.791057521669394)</t>
  </si>
  <si>
    <t>POINT (4.67666902191604 51.81837795439761)</t>
  </si>
  <si>
    <t>3315VK</t>
  </si>
  <si>
    <t>POINT (4.726016962020581 51.79674300130699)</t>
  </si>
  <si>
    <t>3314GK</t>
  </si>
  <si>
    <t>POINT (4.6600030758442275 51.80085859238228)</t>
  </si>
  <si>
    <t>POINT (4.674541409508335 51.78180224028973)</t>
  </si>
  <si>
    <t>3319TK</t>
  </si>
  <si>
    <t>POINT (4.701079275744421 51.78991119297737)</t>
  </si>
  <si>
    <t>POINT (4.6934321079322086 51.796986974936104)</t>
  </si>
  <si>
    <t>3314TE</t>
  </si>
  <si>
    <t>POINT (4.659651955999745 51.79851046442602)</t>
  </si>
  <si>
    <t>POINT (4.648405727900757 51.800083528722666)</t>
  </si>
  <si>
    <t>BU05051903</t>
  </si>
  <si>
    <t>Louterbloemen</t>
  </si>
  <si>
    <t>POINT (4.710109469575906 51.808723111592165)</t>
  </si>
  <si>
    <t>POINT (4.674273514371012 51.783885155390635)</t>
  </si>
  <si>
    <t>POINT (4.672580139713275 51.81654379942578)</t>
  </si>
  <si>
    <t>POINT (4.734019577933686 51.79170340974573)</t>
  </si>
  <si>
    <t>POINT (4.68047742684786 51.814803273120276)</t>
  </si>
  <si>
    <t>POINT (4.671840683736175 51.810325074265535)</t>
  </si>
  <si>
    <t>3319VG</t>
  </si>
  <si>
    <t>POINT (4.7025425847568325 51.78918259922204)</t>
  </si>
  <si>
    <t>3328MP</t>
  </si>
  <si>
    <t>Almstein</t>
  </si>
  <si>
    <t>POINT (4.671146136548254 51.770787082293936)</t>
  </si>
  <si>
    <t>3314GJ</t>
  </si>
  <si>
    <t>POINT (4.657864324035744 51.80282843943241)</t>
  </si>
  <si>
    <t>3318JB</t>
  </si>
  <si>
    <t>Deimospad</t>
  </si>
  <si>
    <t>POINT (4.6749411082034 51.78503987252631)</t>
  </si>
  <si>
    <t>3315GJ</t>
  </si>
  <si>
    <t>POINT (4.734044125354285 51.79907040343007)</t>
  </si>
  <si>
    <t>POINT (4.693299556672258 51.79643142815561)</t>
  </si>
  <si>
    <t>POINT (4.714955046719075 51.807084862508916)</t>
  </si>
  <si>
    <t>POINT (4.665123326082656 51.78942249768748)</t>
  </si>
  <si>
    <t>3318RL</t>
  </si>
  <si>
    <t>POINT (4.685549267649077 51.78942299640606)</t>
  </si>
  <si>
    <t>3328JD</t>
  </si>
  <si>
    <t>POINT (4.667063243971892 51.77783730835669)</t>
  </si>
  <si>
    <t>POINT (4.707841841700817 51.80733604550641)</t>
  </si>
  <si>
    <t>3316LB</t>
  </si>
  <si>
    <t>Aventurijn</t>
  </si>
  <si>
    <t>3316KK-3316LB</t>
  </si>
  <si>
    <t>POINT (4.632525038289362 51.77017992242688)</t>
  </si>
  <si>
    <t>POINT (4.6559263500086985 51.80985243911448)</t>
  </si>
  <si>
    <t>POINT (4.677622859503231 51.77583053496325)</t>
  </si>
  <si>
    <t>POINT (4.675257389396251 51.815945201359696)</t>
  </si>
  <si>
    <t>POINT (4.676707986952586 51.783830057244124)</t>
  </si>
  <si>
    <t>POINT (4.670596295709132 51.78623764461804)</t>
  </si>
  <si>
    <t>POINT (4.662733543432459 51.809108107622905)</t>
  </si>
  <si>
    <t>POINT (4.687000560935239 51.78062919668973)</t>
  </si>
  <si>
    <t>POINT (4.673628056178421 51.81826135725996)</t>
  </si>
  <si>
    <t>3314AD</t>
  </si>
  <si>
    <t>Erasmuslaan</t>
  </si>
  <si>
    <t>POINT (4.657055863506234 51.80654181859462)</t>
  </si>
  <si>
    <t>POINT (4.632866211695006 51.78362530609753)</t>
  </si>
  <si>
    <t>POINT (4.7245284566760075 51.79815783885542)</t>
  </si>
  <si>
    <t>3312GA</t>
  </si>
  <si>
    <t>POINT (4.686013119587184 51.807529998573486)</t>
  </si>
  <si>
    <t>3311PK</t>
  </si>
  <si>
    <t>3311PH-3311PK</t>
  </si>
  <si>
    <t>POINT (4.674902844930196 51.81407304737807)</t>
  </si>
  <si>
    <t>POINT (4.6619156987966806 51.77132481172451)</t>
  </si>
  <si>
    <t>3311PP</t>
  </si>
  <si>
    <t>3311PP-3311XD</t>
  </si>
  <si>
    <t>POINT (4.6721788052098345 51.81544035073989)</t>
  </si>
  <si>
    <t>POINT (4.701918352951334 51.79846272997723)</t>
  </si>
  <si>
    <t>POINT (4.655320573135182 51.791893841716536)</t>
  </si>
  <si>
    <t>3313XP</t>
  </si>
  <si>
    <t>POINT (4.692360844486183 51.8178248936429)</t>
  </si>
  <si>
    <t>POINT (4.68080528214113 51.79997165545541)</t>
  </si>
  <si>
    <t>3313DB</t>
  </si>
  <si>
    <t>Werf van Schouten</t>
  </si>
  <si>
    <t>POINT (4.6829614749633715 51.81804405629011)</t>
  </si>
  <si>
    <t>POINT (4.665063578833304 51.7894298152503)</t>
  </si>
  <si>
    <t>POINT (4.652350017977801 51.78245223801912)</t>
  </si>
  <si>
    <t>POINT (4.6852001686491676 51.81317574536691)</t>
  </si>
  <si>
    <t>POINT (4.671182814703745 51.802449602224534)</t>
  </si>
  <si>
    <t>POINT (4.657644348782158 51.80678350850383)</t>
  </si>
  <si>
    <t>POINT (4.654800393866945 51.78166630032811)</t>
  </si>
  <si>
    <t>3315NJ</t>
  </si>
  <si>
    <t>POINT (4.71489334253743 51.81077802309037)</t>
  </si>
  <si>
    <t>POINT (4.6784540667237176 51.815484294802296)</t>
  </si>
  <si>
    <t>POINT (4.653478464155016 51.79025634885088)</t>
  </si>
  <si>
    <t>POINT (4.6398597783945235 51.77966516966015)</t>
  </si>
  <si>
    <t>POINT (4.666273833641212 51.78884488562734)</t>
  </si>
  <si>
    <t>POINT (4.670648118044332 51.81016482892977)</t>
  </si>
  <si>
    <t>3314ZS</t>
  </si>
  <si>
    <t>Rozendwarsstraat</t>
  </si>
  <si>
    <t>POINT (4.676673631087799 51.80536752893036)</t>
  </si>
  <si>
    <t>POINT (4.675527313873199 51.78321546145594)</t>
  </si>
  <si>
    <t>POINT (4.655482874876463 51.79194308756607)</t>
  </si>
  <si>
    <t>3317EN</t>
  </si>
  <si>
    <t>POINT (4.662828561287559 51.79106488760712)</t>
  </si>
  <si>
    <t>POINT (4.667185973002169 51.77258055264574)</t>
  </si>
  <si>
    <t>POINT (4.667967610460398 51.77209602091215)</t>
  </si>
  <si>
    <t>3314AS</t>
  </si>
  <si>
    <t>Spieghelstraat</t>
  </si>
  <si>
    <t>POINT (4.655682688099158 51.806202212416366)</t>
  </si>
  <si>
    <t>POINT (4.661906995243104 51.802326437735005)</t>
  </si>
  <si>
    <t>POINT (4.705464527177525 51.79876447311254)</t>
  </si>
  <si>
    <t>POINT (4.669563830368187 51.81366315759754)</t>
  </si>
  <si>
    <t>3315EJ</t>
  </si>
  <si>
    <t>POINT (4.730828495428769 51.795526358044086)</t>
  </si>
  <si>
    <t>POINT (4.663231850735722 51.80980423755822)</t>
  </si>
  <si>
    <t>3311DE</t>
  </si>
  <si>
    <t>Hallincqhof</t>
  </si>
  <si>
    <t>3311DD-3311DE</t>
  </si>
  <si>
    <t>POINT (4.680724525602868 51.813618445923595)</t>
  </si>
  <si>
    <t>3311KC</t>
  </si>
  <si>
    <t>Achterom</t>
  </si>
  <si>
    <t>POINT (4.6667839138795095 51.81221190059025)</t>
  </si>
  <si>
    <t>3317MB</t>
  </si>
  <si>
    <t>POINT (4.656968228762031 51.783269489167935)</t>
  </si>
  <si>
    <t>POINT (4.682855499938752 51.81138643497671)</t>
  </si>
  <si>
    <t>POINT (4.683245119527205 51.81170818508104)</t>
  </si>
  <si>
    <t>3328EC</t>
  </si>
  <si>
    <t>POINT (4.6802999896464295 51.77713924075672)</t>
  </si>
  <si>
    <t>3317CP</t>
  </si>
  <si>
    <t>POINT (4.656611624796578 51.78750426124925)</t>
  </si>
  <si>
    <t>POINT (4.685392137381927 51.78026967207943)</t>
  </si>
  <si>
    <t>3318BV</t>
  </si>
  <si>
    <t>POINT (4.6790170359844385 51.788860934897734)</t>
  </si>
  <si>
    <t>POINT (4.6805276965597535 51.812020945616375)</t>
  </si>
  <si>
    <t>POINT (4.683292538425367 51.79835451160475)</t>
  </si>
  <si>
    <t>POINT (4.636340786364021 51.76795228434152)</t>
  </si>
  <si>
    <t>3314CJ</t>
  </si>
  <si>
    <t>Marisplein</t>
  </si>
  <si>
    <t>POINT (4.656398045065739 51.79817258071827)</t>
  </si>
  <si>
    <t>POINT (4.654878548008125 51.80717318893725)</t>
  </si>
  <si>
    <t>POINT (4.653183705379862 51.80384470930207)</t>
  </si>
  <si>
    <t>POINT (4.650705666993186 51.794318303192306)</t>
  </si>
  <si>
    <t>3311HP</t>
  </si>
  <si>
    <t>POINT (4.659322258943256 51.81020080362695)</t>
  </si>
  <si>
    <t>3312CR</t>
  </si>
  <si>
    <t>POINT (4.680009504594814 51.808734397923615)</t>
  </si>
  <si>
    <t>3315MA</t>
  </si>
  <si>
    <t>POINT (4.71126851722735 51.80426551866476)</t>
  </si>
  <si>
    <t>3319PB</t>
  </si>
  <si>
    <t>POINT (4.69307785154543 51.79514415207447)</t>
  </si>
  <si>
    <t>3311CJ</t>
  </si>
  <si>
    <t>Lange Geldersekade</t>
  </si>
  <si>
    <t>3311CH-3311CJ</t>
  </si>
  <si>
    <t>POINT (4.660031328434434 51.81435337856969)</t>
  </si>
  <si>
    <t>POINT (4.663265488051954 51.79283770294384)</t>
  </si>
  <si>
    <t>POINT (4.680880616011441 51.790816397017565)</t>
  </si>
  <si>
    <t>3314RS</t>
  </si>
  <si>
    <t>Helmersstraat</t>
  </si>
  <si>
    <t>POINT (4.660592602535932 51.80183021932691)</t>
  </si>
  <si>
    <t>POINT (4.6784217576247995 51.77565684987637)</t>
  </si>
  <si>
    <t>3317RX</t>
  </si>
  <si>
    <t>Jan Schaeferhof</t>
  </si>
  <si>
    <t>POINT (4.670125245114474 51.78934555774082)</t>
  </si>
  <si>
    <t>3328KK</t>
  </si>
  <si>
    <t>POINT (4.6689512588088276 51.782985825017136)</t>
  </si>
  <si>
    <t>POINT (4.710504529916755 51.81021743365235)</t>
  </si>
  <si>
    <t>POINT (4.656517345311292 51.78480039908208)</t>
  </si>
  <si>
    <t>3313DG</t>
  </si>
  <si>
    <t>Werf van Spaan</t>
  </si>
  <si>
    <t>POINT (4.684058828502128 51.81753109594556)</t>
  </si>
  <si>
    <t>3314AV</t>
  </si>
  <si>
    <t>Vlietweg</t>
  </si>
  <si>
    <t>POINT (4.656250694132423 51.80758042889809)</t>
  </si>
  <si>
    <t>POINT (4.680356698081274 51.798522540291614)</t>
  </si>
  <si>
    <t>3317LP</t>
  </si>
  <si>
    <t>3317LN-3317LP</t>
  </si>
  <si>
    <t>POINT (4.660483994713732 51.78725891415232)</t>
  </si>
  <si>
    <t>POINT (4.683230069534291 51.79835358849257)</t>
  </si>
  <si>
    <t>POINT (4.678430070725812 51.78465782664628)</t>
  </si>
  <si>
    <t>POINT (4.65226702794177 51.79520043093973)</t>
  </si>
  <si>
    <t>3312GC</t>
  </si>
  <si>
    <t>POINT (4.684386636273045 51.808990095190914)</t>
  </si>
  <si>
    <t>POINT (4.661048417742026 51.80391031022012)</t>
  </si>
  <si>
    <t>3315MB</t>
  </si>
  <si>
    <t>POINT (4.713851896115656 51.80669069547197)</t>
  </si>
  <si>
    <t>3314CE</t>
  </si>
  <si>
    <t>POINT (4.650545130177702 51.80239177881535)</t>
  </si>
  <si>
    <t>POINT (4.662008553936325 51.804530274735754)</t>
  </si>
  <si>
    <t>POINT (4.65308131346975 51.79446299887844)</t>
  </si>
  <si>
    <t>3328NG</t>
  </si>
  <si>
    <t>POINT (4.673303530009696 51.77911112559744)</t>
  </si>
  <si>
    <t>POINT (4.664861366617983 51.79771564795937)</t>
  </si>
  <si>
    <t>3319WG</t>
  </si>
  <si>
    <t>Rusthout</t>
  </si>
  <si>
    <t>POINT (4.697180996330357 51.79836240803739)</t>
  </si>
  <si>
    <t>3314JE</t>
  </si>
  <si>
    <t>Markettenweg</t>
  </si>
  <si>
    <t>POINT (4.673634415997368 51.80641444233963)</t>
  </si>
  <si>
    <t>3314TN</t>
  </si>
  <si>
    <t>Matthijs Marisstraat</t>
  </si>
  <si>
    <t>POINT (4.662150238524947 51.79842059139116)</t>
  </si>
  <si>
    <t>3328ZA</t>
  </si>
  <si>
    <t>POINT (4.672216134183852 51.77184284536907)</t>
  </si>
  <si>
    <t>POINT (4.7084015550120935 51.790446917336524)</t>
  </si>
  <si>
    <t>POINT (4.66497408396801 51.77190193968842)</t>
  </si>
  <si>
    <t>3315HD</t>
  </si>
  <si>
    <t>POINT (4.733842387416638 51.800487965829625)</t>
  </si>
  <si>
    <t>POINT (4.665737320379274 51.81425008958948)</t>
  </si>
  <si>
    <t>3315GH</t>
  </si>
  <si>
    <t>POINT (4.734255655537932 51.798534770338904)</t>
  </si>
  <si>
    <t>Lenghengang</t>
  </si>
  <si>
    <t>POINT (4.668978627242247 51.812643263926276)</t>
  </si>
  <si>
    <t>3312AK</t>
  </si>
  <si>
    <t>POINT (4.687296307516814 51.81086660217965)</t>
  </si>
  <si>
    <t>POINT (4.676300779430296 51.81718467243668)</t>
  </si>
  <si>
    <t>POINT (4.646438087444605 51.78048286123578)</t>
  </si>
  <si>
    <t>POINT (4.678819334723541 51.798760214325846)</t>
  </si>
  <si>
    <t>POINT (4.725975386638154 51.80018730555141)</t>
  </si>
  <si>
    <t>3311BM</t>
  </si>
  <si>
    <t>Palingstraat</t>
  </si>
  <si>
    <t>POINT (4.670188474797043 51.819463994375695)</t>
  </si>
  <si>
    <t>3317NR</t>
  </si>
  <si>
    <t>POINT (4.657780382667228 51.7897560066354)</t>
  </si>
  <si>
    <t>3319EN</t>
  </si>
  <si>
    <t>POINT (4.698979478454531 51.79126429073948)</t>
  </si>
  <si>
    <t>POINT (4.7159030221026 51.81564776153823)</t>
  </si>
  <si>
    <t>POINT (4.703342089582003 51.79595555942152)</t>
  </si>
  <si>
    <t>3312LL</t>
  </si>
  <si>
    <t>3312LK-3312LL</t>
  </si>
  <si>
    <t>POINT (4.694096183825967 51.803387658775165)</t>
  </si>
  <si>
    <t>BU05050510</t>
  </si>
  <si>
    <t>Sportterrein Krommedijk</t>
  </si>
  <si>
    <t>POINT (4.675090444763376 51.816867063918494)</t>
  </si>
  <si>
    <t>POINT (4.6613459791824265 51.81571062823965)</t>
  </si>
  <si>
    <t>3314XN</t>
  </si>
  <si>
    <t>POINT (4.656182200200791 51.79986730512545)</t>
  </si>
  <si>
    <t>L</t>
  </si>
  <si>
    <t>POINT (4.655529339407202 51.80621104499749)</t>
  </si>
  <si>
    <t>POINT (4.735093226952319 51.80023902687163)</t>
  </si>
  <si>
    <t>3328MB</t>
  </si>
  <si>
    <t>POINT (4.6713848851996 51.77233429340333)</t>
  </si>
  <si>
    <t>3314HC</t>
  </si>
  <si>
    <t>David Blesstraat</t>
  </si>
  <si>
    <t>POINT (4.6603363808260525 51.79699709061112)</t>
  </si>
  <si>
    <t>POINT (4.6672856528459725 51.777799725613896)</t>
  </si>
  <si>
    <t>POINT (4.716728675411969 51.79531277855334)</t>
  </si>
  <si>
    <t>3315RJ</t>
  </si>
  <si>
    <t>POINT (4.713173078685574 51.8035430096869)</t>
  </si>
  <si>
    <t>3311ZC</t>
  </si>
  <si>
    <t>Herman Josinahof</t>
  </si>
  <si>
    <t>POINT (4.673945245691672 51.81184427877884)</t>
  </si>
  <si>
    <t>POINT (4.664576356854349 51.789020246896015)</t>
  </si>
  <si>
    <t>3319CH</t>
  </si>
  <si>
    <t>Noordhoevelaan</t>
  </si>
  <si>
    <t>POINT (4.699823534751928 51.80084011234858)</t>
  </si>
  <si>
    <t>POINT (4.68192642276329 51.78108976806773)</t>
  </si>
  <si>
    <t>3312EN</t>
  </si>
  <si>
    <t>POINT (4.676306669668926 51.80675863210533)</t>
  </si>
  <si>
    <t>POINT (4.671602801367238 51.808720987665296)</t>
  </si>
  <si>
    <t>POINT (4.655412430754852 51.79012894215258)</t>
  </si>
  <si>
    <t>POINT (4.6800147226863595 51.77395294866256)</t>
  </si>
  <si>
    <t>POINT (4.673234517741032 51.81337925802871)</t>
  </si>
  <si>
    <t>POINT (4.666445675602799 51.815139125705954)</t>
  </si>
  <si>
    <t>POINT (4.655194340528587 51.81023281579296)</t>
  </si>
  <si>
    <t>POINT (4.679125818628923 51.774238684680554)</t>
  </si>
  <si>
    <t>POINT (4.681754601647387 51.80094562752625)</t>
  </si>
  <si>
    <t>3311EP</t>
  </si>
  <si>
    <t>POINT (4.66917112413965 51.816244612615954)</t>
  </si>
  <si>
    <t>POINT (4.66971840934457 51.77943767017977)</t>
  </si>
  <si>
    <t>3312PS</t>
  </si>
  <si>
    <t>Toloysenstraat</t>
  </si>
  <si>
    <t>3312PR-3312PS</t>
  </si>
  <si>
    <t>POINT (4.678509848599409 51.80560405148392)</t>
  </si>
  <si>
    <t>POINT (4.658792401962716 51.77108668672945)</t>
  </si>
  <si>
    <t>POINT (4.668817702953352 51.80926827971984)</t>
  </si>
  <si>
    <t>3315XL</t>
  </si>
  <si>
    <t>POINT (4.718531640606381 51.79943907968938)</t>
  </si>
  <si>
    <t>3314XC</t>
  </si>
  <si>
    <t>Breitnerstraat</t>
  </si>
  <si>
    <t>POINT (4.65805763517159 51.80067985917959)</t>
  </si>
  <si>
    <t>POINT (4.663840362367916 51.8105811697513)</t>
  </si>
  <si>
    <t>POINT (4.6775113551337215 51.803338883339784)</t>
  </si>
  <si>
    <t>3317PM</t>
  </si>
  <si>
    <t>POINT (4.6646046023133065 51.79575960061694)</t>
  </si>
  <si>
    <t>POINT (4.728493796756659 51.804860183492245)</t>
  </si>
  <si>
    <t>POINT (4.656206050172461 51.79044161861341)</t>
  </si>
  <si>
    <t>POINT (4.683066097447367 51.813116794322816)</t>
  </si>
  <si>
    <t>3313EW</t>
  </si>
  <si>
    <t>Wielingenstraat</t>
  </si>
  <si>
    <t>POINT (4.719051921226389 51.81504058059165)</t>
  </si>
  <si>
    <t>POINT (4.682705966384254 51.77384880462425)</t>
  </si>
  <si>
    <t>POINT (4.6812761017697975 51.78834072153658)</t>
  </si>
  <si>
    <t>POINT (4.70758658174762 51.78949391240578)</t>
  </si>
  <si>
    <t>3312HG</t>
  </si>
  <si>
    <t>POINT (4.688469197840652 51.807633852717046)</t>
  </si>
  <si>
    <t>3315KL</t>
  </si>
  <si>
    <t>POINT (4.716496270491879 51.80456778282856)</t>
  </si>
  <si>
    <t>POINT (4.660333020501604 51.79414156609509)</t>
  </si>
  <si>
    <t>POINT (4.682144282880372 51.77555470337112)</t>
  </si>
  <si>
    <t>POINT (4.7036375451789345 51.798248347808375)</t>
  </si>
  <si>
    <t>3315PN</t>
  </si>
  <si>
    <t>POINT (4.7091482951775285 51.8119228228042)</t>
  </si>
  <si>
    <t>POINT (4.71140104561864 51.80471501340359)</t>
  </si>
  <si>
    <t>Kromme Elleboog</t>
  </si>
  <si>
    <t>POINT (4.6694801845446765 51.81316740602568)</t>
  </si>
  <si>
    <t>POINT (4.669148608549652 51.816690286021576)</t>
  </si>
  <si>
    <t>POINT (4.655526681739044 51.791914354228815)</t>
  </si>
  <si>
    <t>POINT (4.661512969671515 51.79937448700404)</t>
  </si>
  <si>
    <t>3311CE</t>
  </si>
  <si>
    <t>Houttuinen</t>
  </si>
  <si>
    <t>POINT (4.662946068517435 51.81506702799261)</t>
  </si>
  <si>
    <t>POINT (4.682810230614425 51.77420079034526)</t>
  </si>
  <si>
    <t>POINT (4.730566159418682 51.79559381502764)</t>
  </si>
  <si>
    <t>3311NZ</t>
  </si>
  <si>
    <t>POINT (4.6766366083958895 51.810092030923116)</t>
  </si>
  <si>
    <t>POINT (4.675908947969741 51.785566919016766)</t>
  </si>
  <si>
    <t>3314JD</t>
  </si>
  <si>
    <t>POINT (4.676356059836713 51.804153491223595)</t>
  </si>
  <si>
    <t>POINT (4.7335619918125555 51.80192892740889)</t>
  </si>
  <si>
    <t>3328CH</t>
  </si>
  <si>
    <t>POINT (4.674234579407989 51.77667059286811)</t>
  </si>
  <si>
    <t>POINT (4.6528558590320195 51.79233373548098)</t>
  </si>
  <si>
    <t>3311DD</t>
  </si>
  <si>
    <t>POINT (4.681079292554641 51.81374253930191)</t>
  </si>
  <si>
    <t>POINT (4.672493449386457 51.811508159179)</t>
  </si>
  <si>
    <t>3318BS</t>
  </si>
  <si>
    <t>POINT (4.677602243508392 51.788797042009406)</t>
  </si>
  <si>
    <t>POINT (4.660388249215547 51.80341523341523)</t>
  </si>
  <si>
    <t>3315WN</t>
  </si>
  <si>
    <t>POINT (4.7063987257070075 51.8069780681866)</t>
  </si>
  <si>
    <t>3314JN</t>
  </si>
  <si>
    <t>Johan Willem Frisostraat</t>
  </si>
  <si>
    <t>POINT (4.670413668042516 51.8043485027231)</t>
  </si>
  <si>
    <t>POINT (4.665297053170868 51.78895166894697)</t>
  </si>
  <si>
    <t>POINT (4.686397484479885 51.807032246174785)</t>
  </si>
  <si>
    <t>POINT (4.7026789032671275 51.80397676904607)</t>
  </si>
  <si>
    <t>3317WX</t>
  </si>
  <si>
    <t>Van Wassenaer van Obdamstraat</t>
  </si>
  <si>
    <t>POINT (4.65654380844132 51.78994127186444)</t>
  </si>
  <si>
    <t>POINT (4.6529441732678505 51.79387568129695)</t>
  </si>
  <si>
    <t>3315KS</t>
  </si>
  <si>
    <t>POINT (4.717887222126262 51.80311437814677)</t>
  </si>
  <si>
    <t>POINT (4.66213269268756 51.77200775947123)</t>
  </si>
  <si>
    <t>POINT (4.735247166060383 51.80045357815042)</t>
  </si>
  <si>
    <t>POINT (4.6690679803107065 51.79079970900337)</t>
  </si>
  <si>
    <t>POINT (4.691036257340319 51.81903879051718)</t>
  </si>
  <si>
    <t>3315BB</t>
  </si>
  <si>
    <t>POINT (4.725940317680863 51.79861197393239)</t>
  </si>
  <si>
    <t>POINT (4.669035493507409 51.7971917760806)</t>
  </si>
  <si>
    <t>POINT (4.677563889640535 51.79000433306743)</t>
  </si>
  <si>
    <t>POINT (4.730465577712027 51.79988860946143)</t>
  </si>
  <si>
    <t>3311AK</t>
  </si>
  <si>
    <t>POINT (4.664306002413757 51.81707649898478)</t>
  </si>
  <si>
    <t>POINT (4.678986062781871 51.80883515483996)</t>
  </si>
  <si>
    <t>POINT (4.724269675626403 51.802417371827744)</t>
  </si>
  <si>
    <t>3314EM</t>
  </si>
  <si>
    <t>Obrechtstraat</t>
  </si>
  <si>
    <t>POINT (4.656992669713768 51.80286805142173)</t>
  </si>
  <si>
    <t>POINT (4.682727708480477 51.79870265977615)</t>
  </si>
  <si>
    <t>POINT (4.6879083195210915 51.80625991074773)</t>
  </si>
  <si>
    <t>POINT (4.662459169305088 51.80002069023245)</t>
  </si>
  <si>
    <t>POINT (4.674974831219626 51.78024066757631)</t>
  </si>
  <si>
    <t>POINT (4.65358517769244 51.78862583440213)</t>
  </si>
  <si>
    <t>3314KT</t>
  </si>
  <si>
    <t>POINT (4.667405775345668 51.79928583508402)</t>
  </si>
  <si>
    <t>3328NK</t>
  </si>
  <si>
    <t>POINT (4.6722295775265055 51.779651789592144)</t>
  </si>
  <si>
    <t>POINT (4.666672553142491 51.79628779390989)</t>
  </si>
  <si>
    <t>POINT (4.6665329426897 51.81682718643444)</t>
  </si>
  <si>
    <t>POINT (4.692352086836038 51.81812018190087)</t>
  </si>
  <si>
    <t>3317ZR</t>
  </si>
  <si>
    <t>POINT (4.655100003181403 51.79514120025509)</t>
  </si>
  <si>
    <t>3311NK</t>
  </si>
  <si>
    <t>Vrieseplein</t>
  </si>
  <si>
    <t>3311NJ-3311NK</t>
  </si>
  <si>
    <t>POINT (4.6713028752987285 51.811776566765985)</t>
  </si>
  <si>
    <t>3314VP</t>
  </si>
  <si>
    <t>POINT (4.659028116946872 51.799693264322244)</t>
  </si>
  <si>
    <t>3319AA</t>
  </si>
  <si>
    <t>Achterweg</t>
  </si>
  <si>
    <t>POINT (4.687588768031371 51.793376301162326)</t>
  </si>
  <si>
    <t>3314HW</t>
  </si>
  <si>
    <t>POINT (4.6655573068818255 51.79707098280746)</t>
  </si>
  <si>
    <t>POINT (4.651365503079799 51.80365731327049)</t>
  </si>
  <si>
    <t>3328HB</t>
  </si>
  <si>
    <t>Andromedaring</t>
  </si>
  <si>
    <t>3328HA-3328HB</t>
  </si>
  <si>
    <t>POINT (4.685411533792821 51.78079759535726)</t>
  </si>
  <si>
    <t>3317EK</t>
  </si>
  <si>
    <t>POINT (4.663488445089054 51.79336620297194)</t>
  </si>
  <si>
    <t>3315SN</t>
  </si>
  <si>
    <t>POINT (4.728993025576856 51.804037450592695)</t>
  </si>
  <si>
    <t>POINT (4.6851705813488635 51.7921469541664)</t>
  </si>
  <si>
    <t>POINT (4.699320166891164 51.79014740571519)</t>
  </si>
  <si>
    <t>POINT (4.6746558995507135 51.81532365189921)</t>
  </si>
  <si>
    <t>3312EJ</t>
  </si>
  <si>
    <t>POINT (4.676864937486366 51.80827534626429)</t>
  </si>
  <si>
    <t>POINT (4.66898732353316 51.81530628395664)</t>
  </si>
  <si>
    <t>POINT (4.660278958227045 51.80162421522638)</t>
  </si>
  <si>
    <t>POINT (4.662404894881675 51.80282509701549)</t>
  </si>
  <si>
    <t>POINT (4.653819097147884 51.78523052423301)</t>
  </si>
  <si>
    <t>3313CS</t>
  </si>
  <si>
    <t>POINT (4.701717278813025 51.818163201049934)</t>
  </si>
  <si>
    <t>POINT (4.66373584571163 51.81442511903888)</t>
  </si>
  <si>
    <t>POINT (4.663675541921356 51.79655373400908)</t>
  </si>
  <si>
    <t>POINT (4.691512713586229 51.818826256634374)</t>
  </si>
  <si>
    <t>POINT (4.672126571222723 51.805971954897274)</t>
  </si>
  <si>
    <t>3316AJ</t>
  </si>
  <si>
    <t>Archimedesstraat</t>
  </si>
  <si>
    <t>3316AA-3316AM</t>
  </si>
  <si>
    <t>POINT (4.645713170977871 51.79977012255369)</t>
  </si>
  <si>
    <t>3314LR</t>
  </si>
  <si>
    <t>POINT (4.666929058081212 51.80399687487959)</t>
  </si>
  <si>
    <t>POINT (4.665114772800092 51.81714127959418)</t>
  </si>
  <si>
    <t>3317PK</t>
  </si>
  <si>
    <t>3317PK-3317PL</t>
  </si>
  <si>
    <t>POINT (4.664060615664725 51.79540282223924)</t>
  </si>
  <si>
    <t>3317VK</t>
  </si>
  <si>
    <t>Jan van Brakelstraat</t>
  </si>
  <si>
    <t>POINT (4.654331722125881 51.79343296243556)</t>
  </si>
  <si>
    <t>POINT (4.625649917365589 51.7965915996483)</t>
  </si>
  <si>
    <t>POINT (4.720966768043827 51.811308707602166)</t>
  </si>
  <si>
    <t>POINT (4.722333096935951 51.80316441774773)</t>
  </si>
  <si>
    <t>POINT (4.65910426463743 51.80891749357826)</t>
  </si>
  <si>
    <t>POINT (4.680630380138874 51.77510895747534)</t>
  </si>
  <si>
    <t>POINT (4.666926699271986 51.7927976861831)</t>
  </si>
  <si>
    <t>POINT (4.72730476353286 51.79795781308957)</t>
  </si>
  <si>
    <t>3314BT</t>
  </si>
  <si>
    <t>POINT (4.658279750359128 51.80400663439994)</t>
  </si>
  <si>
    <t>3313AP</t>
  </si>
  <si>
    <t>POINT (4.714363244002052 51.8157080575208)</t>
  </si>
  <si>
    <t>POINT (4.660573342447147 51.81310993369732)</t>
  </si>
  <si>
    <t>POINT (4.685673780917838 51.804923359703395)</t>
  </si>
  <si>
    <t>POINT (4.664313511956793 51.8176754247091)</t>
  </si>
  <si>
    <t>POINT (4.673067438971123 51.81111601710518)</t>
  </si>
  <si>
    <t>POINT (4.721055696515922 51.79924687807306)</t>
  </si>
  <si>
    <t>3328DE</t>
  </si>
  <si>
    <t>POINT (4.679432967890581 51.773496696138494)</t>
  </si>
  <si>
    <t>POINT (4.711944785896609 51.79576247816876)</t>
  </si>
  <si>
    <t>POINT (4.718441150490495 51.8011987840585)</t>
  </si>
  <si>
    <t>POINT (4.679655680915208 51.78784522817056)</t>
  </si>
  <si>
    <t>POINT (4.70591650826971 51.79305292435155)</t>
  </si>
  <si>
    <t>POINT (4.663543446721275 51.80109787330354)</t>
  </si>
  <si>
    <t>POINT (4.6820221797684765 51.78535311592611)</t>
  </si>
  <si>
    <t>POINT (4.661887537131506 51.769651916620056)</t>
  </si>
  <si>
    <t>POINT (4.632305538485156 51.76648068929654)</t>
  </si>
  <si>
    <t>POINT (4.668519090940362 51.790570254903464)</t>
  </si>
  <si>
    <t>POINT (4.678655186288652 51.785609534577006)</t>
  </si>
  <si>
    <t>POINT (4.6632323804632545 51.81107263393984)</t>
  </si>
  <si>
    <t>3317PE</t>
  </si>
  <si>
    <t>POINT (4.66261412743112 51.7952312109579)</t>
  </si>
  <si>
    <t>3328LV</t>
  </si>
  <si>
    <t>Elf Morgen</t>
  </si>
  <si>
    <t>POINT (4.655735307538401 51.76941790328497)</t>
  </si>
  <si>
    <t>3315VM</t>
  </si>
  <si>
    <t>POINT (4.726195316728003 51.7962927762214)</t>
  </si>
  <si>
    <t>POINT (4.660942265973832 51.76930493529428)</t>
  </si>
  <si>
    <t>3311ZM</t>
  </si>
  <si>
    <t>Nicolaasdwarsstraat</t>
  </si>
  <si>
    <t>POINT (4.675129974112189 51.815163349049925)</t>
  </si>
  <si>
    <t>3328BG</t>
  </si>
  <si>
    <t>POINT (4.668739615227864 51.773054896249654)</t>
  </si>
  <si>
    <t>POINT (4.66897439281923 51.81566458322023)</t>
  </si>
  <si>
    <t>POINT (4.65720933927971 51.788624703945445)</t>
  </si>
  <si>
    <t>3319LK</t>
  </si>
  <si>
    <t>POINT (4.697126043383152 51.78419337107172)</t>
  </si>
  <si>
    <t>POINT (4.7173040063078275 51.80642635880029)</t>
  </si>
  <si>
    <t>3318TH</t>
  </si>
  <si>
    <t>POINT (4.680430722738816 51.78545474604804)</t>
  </si>
  <si>
    <t>3315CW</t>
  </si>
  <si>
    <t>POINT (4.730239212814794 51.801367483457554)</t>
  </si>
  <si>
    <t>POINT (4.728576925047212 51.79757773052754)</t>
  </si>
  <si>
    <t>POINT (4.631392662956713 51.72426745041144)</t>
  </si>
  <si>
    <t>POINT (4.6620912515610256 51.77071817858081)</t>
  </si>
  <si>
    <t>POINT (4.7342151518644595 51.80240699324724)</t>
  </si>
  <si>
    <t>POINT (4.722028206713899 51.80575628137763)</t>
  </si>
  <si>
    <t>3312HJ</t>
  </si>
  <si>
    <t>POINT (4.688281756710155 51.807166790977234)</t>
  </si>
  <si>
    <t>POINT (4.6712735257608635 51.802308467104524)</t>
  </si>
  <si>
    <t>POINT (4.676716952917354 51.78634956279009)</t>
  </si>
  <si>
    <t>3317PA</t>
  </si>
  <si>
    <t>POINT (4.66079068020089 51.794719902390256)</t>
  </si>
  <si>
    <t>POINT (4.634409159585447 51.78442503183366)</t>
  </si>
  <si>
    <t>POINT (4.669687597226684 51.8041667093226)</t>
  </si>
  <si>
    <t>3328DT</t>
  </si>
  <si>
    <t>POINT (4.675928569682259 51.77295605581609)</t>
  </si>
  <si>
    <t>3315BW</t>
  </si>
  <si>
    <t>POINT (4.729850380575596 51.798863102050284)</t>
  </si>
  <si>
    <t>3315DP</t>
  </si>
  <si>
    <t>POINT (4.724461839963368 51.80599676301067)</t>
  </si>
  <si>
    <t>POINT (4.668524418228121 51.80068740462007)</t>
  </si>
  <si>
    <t>POINT (4.667630494098199 51.8117432834914)</t>
  </si>
  <si>
    <t>3311VE</t>
  </si>
  <si>
    <t>Dolhuisstraat</t>
  </si>
  <si>
    <t>POINT (4.6601201267453884 51.813301300112066)</t>
  </si>
  <si>
    <t>3314XK</t>
  </si>
  <si>
    <t>POINT (4.655529231010733 51.800367905553756)</t>
  </si>
  <si>
    <t>3313VD</t>
  </si>
  <si>
    <t>Westerdiep</t>
  </si>
  <si>
    <t>POINT (4.716954205953723 51.81382806104255)</t>
  </si>
  <si>
    <t>POINT (4.673411441256053 51.80587095197136)</t>
  </si>
  <si>
    <t>POINT (4.712861530744416 51.805929934995035)</t>
  </si>
  <si>
    <t>POINT (4.630665040059072 51.729752823770404)</t>
  </si>
  <si>
    <t>POINT (4.731692312562842 51.79746785342651)</t>
  </si>
  <si>
    <t>3319SH</t>
  </si>
  <si>
    <t>POINT (4.697699996512479 51.79035255295771)</t>
  </si>
  <si>
    <t>POINT (4.716823856451606 51.79908091645238)</t>
  </si>
  <si>
    <t>3315WC</t>
  </si>
  <si>
    <t>POINT (4.708824711504749 51.80834955691215)</t>
  </si>
  <si>
    <t>POINT (4.681891383291427 51.78084303333965)</t>
  </si>
  <si>
    <t>POINT (4.66818324772299 51.8116426186419)</t>
  </si>
  <si>
    <t>POINT (4.669327676654752 51.81224961028981)</t>
  </si>
  <si>
    <t>3313CC</t>
  </si>
  <si>
    <t>POINT (4.703389067052728 51.81551200051159)</t>
  </si>
  <si>
    <t>POINT (4.674302185295384 51.817942392444884)</t>
  </si>
  <si>
    <t>3312PB</t>
  </si>
  <si>
    <t>Almsvoetstraat</t>
  </si>
  <si>
    <t>POINT (4.6790260528217384 51.80547920526666)</t>
  </si>
  <si>
    <t>POINT (4.65594661116344 51.812909195915296)</t>
  </si>
  <si>
    <t>POINT (4.653471214540855 51.79037947583818)</t>
  </si>
  <si>
    <t>3328GP</t>
  </si>
  <si>
    <t>POINT (4.678976339399005 51.779338081127634)</t>
  </si>
  <si>
    <t>POINT (4.709151018097449 51.78692772055248)</t>
  </si>
  <si>
    <t>POINT (4.720865532368881 51.81125287069127)</t>
  </si>
  <si>
    <t>POINT (4.66169576129375 51.78790323792349)</t>
  </si>
  <si>
    <t>POINT (4.71674130093099 51.795331358345656)</t>
  </si>
  <si>
    <t>POINT (4.659564049442272 51.809301420962505)</t>
  </si>
  <si>
    <t>POINT (4.656033562444122 51.78469891314057)</t>
  </si>
  <si>
    <t>POINT (4.672947203789031 51.78198817365541)</t>
  </si>
  <si>
    <t>POINT (4.674246537949623 51.81602286611285)</t>
  </si>
  <si>
    <t>POINT (4.677537259194798 51.78079251901629)</t>
  </si>
  <si>
    <t>POINT (4.73230257849893 51.797420727253666)</t>
  </si>
  <si>
    <t>POINT (4.664288811413547 51.78765479874758)</t>
  </si>
  <si>
    <t>3314SJ</t>
  </si>
  <si>
    <t>H.F. Tollensstraat</t>
  </si>
  <si>
    <t>POINT (4.662758318103975 51.80106406668325)</t>
  </si>
  <si>
    <t>POINT (4.668096034929763 51.80408776221775)</t>
  </si>
  <si>
    <t>POINT (4.717542717263217 51.802312701589905)</t>
  </si>
  <si>
    <t>POINT (4.684173020564624 51.79814125805594)</t>
  </si>
  <si>
    <t>POINT (4.669197728001492 51.81605761324835)</t>
  </si>
  <si>
    <t>POINT (4.67852548733744 51.780034031805)</t>
  </si>
  <si>
    <t>3314ZJ</t>
  </si>
  <si>
    <t>Anjelierstraat</t>
  </si>
  <si>
    <t>POINT (4.676991453336869 51.803936415077615)</t>
  </si>
  <si>
    <t>POINT (4.6662512506341205 51.787299354901414)</t>
  </si>
  <si>
    <t>POINT (4.6987546837086365 51.8177450653285)</t>
  </si>
  <si>
    <t>3313CB</t>
  </si>
  <si>
    <t>POINT (4.702708216981026 51.81582165425912)</t>
  </si>
  <si>
    <t>POINT (4.671264399634373 51.80977673809246)</t>
  </si>
  <si>
    <t>3312RD</t>
  </si>
  <si>
    <t>POINT (4.690453855070348 51.80693148638719)</t>
  </si>
  <si>
    <t>POINT (4.653937937804296 51.81116070338656)</t>
  </si>
  <si>
    <t>POINT (4.686846003359666 51.808779749960074)</t>
  </si>
  <si>
    <t>3314XR</t>
  </si>
  <si>
    <t>POINT (4.658214095756127 51.801817353299036)</t>
  </si>
  <si>
    <t>POINT (4.680403028749613 51.7767063815062)</t>
  </si>
  <si>
    <t>POINT (4.717947226083582 51.8155722108837)</t>
  </si>
  <si>
    <t>POINT (4.629692990336549 51.7283858304113)</t>
  </si>
  <si>
    <t>3312PD</t>
  </si>
  <si>
    <t>POINT (4.679000293088535 51.80582227336768)</t>
  </si>
  <si>
    <t>POINT (4.678686183993937 51.787095723939196)</t>
  </si>
  <si>
    <t>POINT (4.662491033345889 51.81342862070007)</t>
  </si>
  <si>
    <t>3314KJ</t>
  </si>
  <si>
    <t>POINT (4.66600956666701 51.79882719728394)</t>
  </si>
  <si>
    <t>POINT (4.6775019659140655 51.78039483405269)</t>
  </si>
  <si>
    <t>3317RR</t>
  </si>
  <si>
    <t>POINT (4.661827015318979 51.78843893165966)</t>
  </si>
  <si>
    <t>3314VD</t>
  </si>
  <si>
    <t>POINT (4.659122980827509 51.80029915195181)</t>
  </si>
  <si>
    <t>POINT (4.672895288419007 51.77109528457227)</t>
  </si>
  <si>
    <t>POINT (4.688318355470635 51.81982994428235)</t>
  </si>
  <si>
    <t>POINT (4.71567102769066 51.80900997884815)</t>
  </si>
  <si>
    <t>3319EL</t>
  </si>
  <si>
    <t>POINT (4.698842775527225 51.793963182509096)</t>
  </si>
  <si>
    <t>POINT (4.72946584032812 51.796668769843066)</t>
  </si>
  <si>
    <t>POINT (4.709712017258023 51.8065346346134)</t>
  </si>
  <si>
    <t>POINT (4.683292710082079 51.807059450760924)</t>
  </si>
  <si>
    <t>POINT (4.6680632957412405 51.781246300705504)</t>
  </si>
  <si>
    <t>POINT (4.666853800765722 51.81481209770461)</t>
  </si>
  <si>
    <t>POINT (4.703931815782635 51.808001397802926)</t>
  </si>
  <si>
    <t>3318RJ</t>
  </si>
  <si>
    <t>POINT (4.685197316971848 51.78860123039528)</t>
  </si>
  <si>
    <t>3313BD</t>
  </si>
  <si>
    <t>POINT (4.718705359957547 51.81574230910278)</t>
  </si>
  <si>
    <t>POINT (4.713289925404947 51.8139457620696)</t>
  </si>
  <si>
    <t>POINT (4.680444252740391 51.78089997607107)</t>
  </si>
  <si>
    <t>3317MK</t>
  </si>
  <si>
    <t>Houtenend</t>
  </si>
  <si>
    <t>POINT (4.656603860231327 51.78337771854214)</t>
  </si>
  <si>
    <t>POINT (4.663493866006603 51.814687471730416)</t>
  </si>
  <si>
    <t>POINT (4.661056326996419 51.80315978536637)</t>
  </si>
  <si>
    <t>3316KD</t>
  </si>
  <si>
    <t>Zirkoon</t>
  </si>
  <si>
    <t>3314LJ</t>
  </si>
  <si>
    <t>POINT (4.666891445880424 51.802582696434676)</t>
  </si>
  <si>
    <t>POINT (4.714746724846126 51.81103831201545)</t>
  </si>
  <si>
    <t>POINT (4.711267924265189 51.79603785816432)</t>
  </si>
  <si>
    <t>POINT (4.676807306990738 51.786405588244925)</t>
  </si>
  <si>
    <t>POINT (4.670189685440105 51.79831868252178)</t>
  </si>
  <si>
    <t>POINT (4.6720409310250695 51.817580252157846)</t>
  </si>
  <si>
    <t>POINT (4.693462083117368 51.79696086031651)</t>
  </si>
  <si>
    <t>3314LE</t>
  </si>
  <si>
    <t>Amalia van Solmsstraat</t>
  </si>
  <si>
    <t>POINT (4.667548427860846 51.80355462966916)</t>
  </si>
  <si>
    <t>POINT (4.674150210590838 51.772034664451816)</t>
  </si>
  <si>
    <t>POINT (4.6650656679339875 51.789441468481726)</t>
  </si>
  <si>
    <t>3319BD</t>
  </si>
  <si>
    <t>POINT (4.701385193438497 51.79546075310426)</t>
  </si>
  <si>
    <t>POINT (4.681779167101511 51.812471121972536)</t>
  </si>
  <si>
    <t>POINT (4.71081244656937 51.79296434708158)</t>
  </si>
  <si>
    <t>POINT (4.665372291277452 51.80318590374941)</t>
  </si>
  <si>
    <t>POINT (4.7359620322826785 51.80065510928237)</t>
  </si>
  <si>
    <t>POINT (4.644502176316675 51.77404487875754)</t>
  </si>
  <si>
    <t>POINT (4.679089484590992 51.79984952950386)</t>
  </si>
  <si>
    <t>3313TB</t>
  </si>
  <si>
    <t>Damsterdiep</t>
  </si>
  <si>
    <t>POINT (4.719766818130618 51.813695211988104)</t>
  </si>
  <si>
    <t>3312CM-3312CN</t>
  </si>
  <si>
    <t>POINT (4.682662269160634 51.80739765915058)</t>
  </si>
  <si>
    <t>3313GB</t>
  </si>
  <si>
    <t>Amerstraat</t>
  </si>
  <si>
    <t>POINT (4.694019891615619 51.8178643577944)</t>
  </si>
  <si>
    <t>POINT (4.725842036940999 51.79575480126886)</t>
  </si>
  <si>
    <t>3314NL</t>
  </si>
  <si>
    <t>Prinses Beatrixstraat</t>
  </si>
  <si>
    <t>POINT (4.67100280634268 51.80016493681381)</t>
  </si>
  <si>
    <t>POINT (4.664035037994906 51.80123614811702)</t>
  </si>
  <si>
    <t>POINT (4.6666946303811505 51.814410378441124)</t>
  </si>
  <si>
    <t>POINT (4.674605028475158 51.78388089569168)</t>
  </si>
  <si>
    <t>3317BX</t>
  </si>
  <si>
    <t>POINT (4.65359650404674 51.78757360537006)</t>
  </si>
  <si>
    <t>POINT (4.698255672784785 51.80004083105647)</t>
  </si>
  <si>
    <t>POINT (4.700834741966962 51.7932264386076)</t>
  </si>
  <si>
    <t>POINT (4.705395599507289 51.8161256621488)</t>
  </si>
  <si>
    <t>3314LB</t>
  </si>
  <si>
    <t>POINT (4.668123895228641 51.80297794703033)</t>
  </si>
  <si>
    <t>POINT (4.713560692212574 51.809624032208276)</t>
  </si>
  <si>
    <t>POINT (4.664093274298516 51.8106148899949)</t>
  </si>
  <si>
    <t>POINT (4.6836109771353645 51.782342311437596)</t>
  </si>
  <si>
    <t>POINT (4.649747597042236 51.78252288906681)</t>
  </si>
  <si>
    <t>3315RK</t>
  </si>
  <si>
    <t>POINT (4.713220920542519 51.803718913717496)</t>
  </si>
  <si>
    <t>3313EH</t>
  </si>
  <si>
    <t>POINT (4.719135259326026 51.811434688992556)</t>
  </si>
  <si>
    <t>POINT (4.685932279762825 51.77785423314849)</t>
  </si>
  <si>
    <t>3314KN</t>
  </si>
  <si>
    <t>POINT (4.666155206548891 51.79972598191521)</t>
  </si>
  <si>
    <t>3328KH</t>
  </si>
  <si>
    <t>POINT (4.6702079023504925 51.781816783531376)</t>
  </si>
  <si>
    <t>3311GH</t>
  </si>
  <si>
    <t>Matthijs Balenstraat</t>
  </si>
  <si>
    <t>POINT (4.667103768401263 51.81059458915841)</t>
  </si>
  <si>
    <t>POINT (4.657819082376392 51.791160921778726)</t>
  </si>
  <si>
    <t>3313EA</t>
  </si>
  <si>
    <t>POINT (4.715788486362706 51.813345206575356)</t>
  </si>
  <si>
    <t>POINT (4.719638860091278 51.79790448732506)</t>
  </si>
  <si>
    <t>POINT (4.65617626741039 51.80191937925642)</t>
  </si>
  <si>
    <t>3315MP</t>
  </si>
  <si>
    <t>POINT (4.708383727934049 51.80452235404348)</t>
  </si>
  <si>
    <t>POINT (4.6792582116220185 51.78811512462398)</t>
  </si>
  <si>
    <t>POINT (4.669573556773414 51.81225764892419)</t>
  </si>
  <si>
    <t>POINT (4.701759848090273 51.81686685577262)</t>
  </si>
  <si>
    <t>POINT (4.689323265789137 51.80957868879227)</t>
  </si>
  <si>
    <t>POINT (4.671153919173055 51.812898478257736)</t>
  </si>
  <si>
    <t>3328DN</t>
  </si>
  <si>
    <t>POINT (4.675406704525424 51.77438174416915)</t>
  </si>
  <si>
    <t>POINT (4.710899034321612 51.79232385574246)</t>
  </si>
  <si>
    <t>POINT (4.711448561649705 51.80544446426096)</t>
  </si>
  <si>
    <t>3311BG</t>
  </si>
  <si>
    <t>Grote Markt</t>
  </si>
  <si>
    <t>POINT (4.66671290265835 51.816644562884086)</t>
  </si>
  <si>
    <t>POINT (4.674753111667565 51.771925969616944)</t>
  </si>
  <si>
    <t>POINT (4.685630286586571 51.79885014506567)</t>
  </si>
  <si>
    <t>3329BB</t>
  </si>
  <si>
    <t>POINT (4.731097081593442 51.79225141816576)</t>
  </si>
  <si>
    <t>POINT (4.667725685696499 51.81369961453797)</t>
  </si>
  <si>
    <t>3312XG</t>
  </si>
  <si>
    <t>POINT (4.681679649751938 51.80902497869197)</t>
  </si>
  <si>
    <t>POINT (4.666665976908431 51.79626387055868)</t>
  </si>
  <si>
    <t>3311XD</t>
  </si>
  <si>
    <t>Doelstraat</t>
  </si>
  <si>
    <t>POINT (4.671058658652553 51.81670532770027)</t>
  </si>
  <si>
    <t>POINT (4.663631365365195 51.794016437259046)</t>
  </si>
  <si>
    <t>3328XL</t>
  </si>
  <si>
    <t>3328XL-3328XM</t>
  </si>
  <si>
    <t>POINT (4.677670568867442 51.78185976300656)</t>
  </si>
  <si>
    <t>POINT (4.652982736984795 51.795184579777825)</t>
  </si>
  <si>
    <t>POINT (4.7117145075693845 51.81644063380995)</t>
  </si>
  <si>
    <t>3317TP</t>
  </si>
  <si>
    <t>Van Hogendorpplantsoen</t>
  </si>
  <si>
    <t>POINT (4.66184217789227 51.79328441379919)</t>
  </si>
  <si>
    <t>POINT (4.675744210409372 51.77406738043763)</t>
  </si>
  <si>
    <t>POINT (4.65908303796514 51.80367397059615)</t>
  </si>
  <si>
    <t>3319PL</t>
  </si>
  <si>
    <t>POINT (4.698192926729967 51.79259841091435)</t>
  </si>
  <si>
    <t>POINT (4.679878444432609 51.81409964523998)</t>
  </si>
  <si>
    <t>POINT (4.6694437798143795 51.81602611194459)</t>
  </si>
  <si>
    <t>POINT (4.6627912334346036 51.79990933056974)</t>
  </si>
  <si>
    <t>POINT (4.651222074204075 51.79059374511367)</t>
  </si>
  <si>
    <t>POINT (4.704147212472751 51.815164653924356)</t>
  </si>
  <si>
    <t>POINT (4.658692097045077 51.77051217834423)</t>
  </si>
  <si>
    <t>3314CP</t>
  </si>
  <si>
    <t>POINT (4.65147892077588 51.80105027619915)</t>
  </si>
  <si>
    <t>POINT (4.67667751520037 51.7836833209108)</t>
  </si>
  <si>
    <t>3313GX</t>
  </si>
  <si>
    <t>Scheldestraat</t>
  </si>
  <si>
    <t>POINT (4.695280616630391 51.81794155816668)</t>
  </si>
  <si>
    <t>POINT (4.724336169502199 51.803302948896686)</t>
  </si>
  <si>
    <t>POINT (4.711468030743142 51.79217499237326)</t>
  </si>
  <si>
    <t>3314BB</t>
  </si>
  <si>
    <t>POINT (4.660574856288033 51.805263169896044)</t>
  </si>
  <si>
    <t>POINT (4.653016103902347 51.794464271698835)</t>
  </si>
  <si>
    <t>3317ED</t>
  </si>
  <si>
    <t>POINT (4.6623757605191765 51.791592181652156)</t>
  </si>
  <si>
    <t>POINT (4.670843994521254 51.78086857719745)</t>
  </si>
  <si>
    <t>POINT (4.70345968019655 51.80727296681506)</t>
  </si>
  <si>
    <t>POINT (4.689755582227726 51.778701509175036)</t>
  </si>
  <si>
    <t>POINT (4.708765949572754 51.806979490953786)</t>
  </si>
  <si>
    <t>POINT (4.706203835362324 51.79769293171725)</t>
  </si>
  <si>
    <t>POINT (4.6556525624598075 51.79950196607505)</t>
  </si>
  <si>
    <t>POINT (4.67423622210658 51.80538071704165)</t>
  </si>
  <si>
    <t>POINT (4.661643879619343 51.81618302772063)</t>
  </si>
  <si>
    <t>POINT (4.669578225423906 51.811917869556574)</t>
  </si>
  <si>
    <t>3311XV</t>
  </si>
  <si>
    <t>Statenplaats</t>
  </si>
  <si>
    <t>3311XT-3311XV</t>
  </si>
  <si>
    <t>POINT (4.667888907032793 51.813960567611474)</t>
  </si>
  <si>
    <t>POINT (4.668464535099027 51.7923178360592)</t>
  </si>
  <si>
    <t>3312AE</t>
  </si>
  <si>
    <t>POINT (4.685082283491685 51.812048850573674)</t>
  </si>
  <si>
    <t>3328LR</t>
  </si>
  <si>
    <t>Heerenhuis</t>
  </si>
  <si>
    <t>POINT (4.658351136602886 51.772144722880014)</t>
  </si>
  <si>
    <t>POINT (4.674032971616929 51.81902310004838)</t>
  </si>
  <si>
    <t>POINT (4.704197510893506 51.81664723691838)</t>
  </si>
  <si>
    <t>POINT (4.650883188471954 51.77423228643639)</t>
  </si>
  <si>
    <t>POINT (4.731768448299125 51.800511841160436)</t>
  </si>
  <si>
    <t>3315EA</t>
  </si>
  <si>
    <t>POINT (4.7280502223812135 51.796878242618824)</t>
  </si>
  <si>
    <t>POINT (4.672870745765524 51.81878760297871)</t>
  </si>
  <si>
    <t>POINT (4.682864546578631 51.81438584474919)</t>
  </si>
  <si>
    <t>POINT (4.6770379438136445 51.80759949230773)</t>
  </si>
  <si>
    <t>3315KT</t>
  </si>
  <si>
    <t>POINT (4.717809324597964 51.80360151389312)</t>
  </si>
  <si>
    <t>3311EB</t>
  </si>
  <si>
    <t>Grote Appelsteiger</t>
  </si>
  <si>
    <t>3311EA-3311EB</t>
  </si>
  <si>
    <t>POINT (4.668338289601833 51.81554680205234)</t>
  </si>
  <si>
    <t>POINT (4.658589355751181 51.803569270863484)</t>
  </si>
  <si>
    <t>POINT (4.693444296973549 51.79548191169357)</t>
  </si>
  <si>
    <t>POINT (4.679231864196091 51.8087409087148)</t>
  </si>
  <si>
    <t>POINT (4.697256780906166 51.79074188935793)</t>
  </si>
  <si>
    <t>POINT (4.681936757741398 51.78128155913666)</t>
  </si>
  <si>
    <t>3328HX</t>
  </si>
  <si>
    <t>Spicaring</t>
  </si>
  <si>
    <t>POINT (4.686836047514599 51.78139238832253)</t>
  </si>
  <si>
    <t>POINT (4.660141285964976 51.813402877482034)</t>
  </si>
  <si>
    <t>POINT (4.6857689286155475 51.78628598153493)</t>
  </si>
  <si>
    <t>3314GE</t>
  </si>
  <si>
    <t>POINT (4.659833909923055 51.80247231799285)</t>
  </si>
  <si>
    <t>POINT (4.722194933580362 51.794251211093616)</t>
  </si>
  <si>
    <t>POINT (4.713662601384456 51.81517490449169)</t>
  </si>
  <si>
    <t>POINT (4.6570704817804005 51.80275628480408)</t>
  </si>
  <si>
    <t>POINT (4.666742694317992 51.81789946567459)</t>
  </si>
  <si>
    <t>3311AH</t>
  </si>
  <si>
    <t>POINT (4.6642882750783246 51.817193431331546)</t>
  </si>
  <si>
    <t>POINT (4.67210697977077 51.80383066860541)</t>
  </si>
  <si>
    <t>POINT (4.666945833099136 51.77467523818635)</t>
  </si>
  <si>
    <t>POINT (4.667296446789185 51.78917096575506)</t>
  </si>
  <si>
    <t>3311NG</t>
  </si>
  <si>
    <t>Statenplein</t>
  </si>
  <si>
    <t>POINT (4.668574929860447 51.81369004963856)</t>
  </si>
  <si>
    <t>POINT (4.666457396171232 51.81775238507588)</t>
  </si>
  <si>
    <t>POINT (4.67417199738751 51.81916671173003)</t>
  </si>
  <si>
    <t>POINT (4.660115005220682 51.796704422078875)</t>
  </si>
  <si>
    <t>3328TE</t>
  </si>
  <si>
    <t>POINT (4.669195931855259 51.77664395436222)</t>
  </si>
  <si>
    <t>POINT (4.653986233568072 51.8044036285062)</t>
  </si>
  <si>
    <t>3311XH</t>
  </si>
  <si>
    <t>Hofstraat</t>
  </si>
  <si>
    <t>3311XG-3311XH</t>
  </si>
  <si>
    <t>POINT (4.669660818389018 51.81487430030951)</t>
  </si>
  <si>
    <t>POINT (4.673138451802993 51.8079204266193)</t>
  </si>
  <si>
    <t>3317SB</t>
  </si>
  <si>
    <t>Albardaplantsoen</t>
  </si>
  <si>
    <t>POINT (4.6653901704482985 51.78766393586015)</t>
  </si>
  <si>
    <t>3328AW</t>
  </si>
  <si>
    <t>POINT (4.686570445929133 51.77792169594574)</t>
  </si>
  <si>
    <t>POINT (4.675031433823565 51.77843081180241)</t>
  </si>
  <si>
    <t>POINT (4.660638963552661 51.81066680218326)</t>
  </si>
  <si>
    <t>POINT (4.711632046388846 51.81642493241354)</t>
  </si>
  <si>
    <t>POINT (4.715343112783573 51.809779552042656)</t>
  </si>
  <si>
    <t>POINT (4.686488927156481 51.808694715814006)</t>
  </si>
  <si>
    <t>3317LA</t>
  </si>
  <si>
    <t>POINT (4.661441177480999 51.79036736435489)</t>
  </si>
  <si>
    <t>POINT (4.661111583087898 51.807230925567545)</t>
  </si>
  <si>
    <t>3311MD</t>
  </si>
  <si>
    <t>Lijnbaandwarsstraat</t>
  </si>
  <si>
    <t>POINT (4.677920928263737 51.81686242491231)</t>
  </si>
  <si>
    <t>POINT (4.661671040738766 51.80442383855762)</t>
  </si>
  <si>
    <t>POINT (4.698874282009643 51.79984023933558)</t>
  </si>
  <si>
    <t>3319GX</t>
  </si>
  <si>
    <t>Klein Kruithof</t>
  </si>
  <si>
    <t>POINT (4.712307182335653 51.800825814720206)</t>
  </si>
  <si>
    <t>POINT (4.722939052857526 51.80584620399097)</t>
  </si>
  <si>
    <t>POINT (4.6779203851168125 51.78471220161992)</t>
  </si>
  <si>
    <t>3317JE</t>
  </si>
  <si>
    <t>POINT (4.667645041792608 51.795141213924325)</t>
  </si>
  <si>
    <t>POINT (4.706464920823581 51.79245046944291)</t>
  </si>
  <si>
    <t>POINT (4.673743118871075 51.80473842694371)</t>
  </si>
  <si>
    <t>POINT (4.658893588286211 51.79637341473175)</t>
  </si>
  <si>
    <t>3316GJ</t>
  </si>
  <si>
    <t>Helmholtzstraat</t>
  </si>
  <si>
    <t>3316GJ-3316GK</t>
  </si>
  <si>
    <t>POINT (4.632177877403058 51.78112782355689)</t>
  </si>
  <si>
    <t>POINT (4.664718324548355 51.81238664270909)</t>
  </si>
  <si>
    <t>3311GX</t>
  </si>
  <si>
    <t>Van Godewijckstraat</t>
  </si>
  <si>
    <t>POINT (4.665148619595391 51.81037027157212)</t>
  </si>
  <si>
    <t>POINT (4.66056755720815 51.81292900962033)</t>
  </si>
  <si>
    <t>3314NH</t>
  </si>
  <si>
    <t>POINT (4.6715673737449865 51.80024135183357)</t>
  </si>
  <si>
    <t>3314ZL</t>
  </si>
  <si>
    <t>Emmastraat</t>
  </si>
  <si>
    <t>POINT (4.673964904719616 51.804443912859085)</t>
  </si>
  <si>
    <t>POINT (4.664184760421614 51.777746215590625)</t>
  </si>
  <si>
    <t>3311ZW</t>
  </si>
  <si>
    <t>Wilhelminastichting</t>
  </si>
  <si>
    <t>POINT (4.674306986828954 51.812731285801696)</t>
  </si>
  <si>
    <t>3312AX</t>
  </si>
  <si>
    <t>Dr. L.L. Zamenhoflaan</t>
  </si>
  <si>
    <t>3312AX-3312CA</t>
  </si>
  <si>
    <t>POINT (4.6883141062581855 51.81236652074943)</t>
  </si>
  <si>
    <t>POINT (4.702527675105296 51.81740461595891)</t>
  </si>
  <si>
    <t>POINT (4.676872117905202 51.80752498821379)</t>
  </si>
  <si>
    <t>3311AR</t>
  </si>
  <si>
    <t>3314ZN</t>
  </si>
  <si>
    <t>Leliestraat</t>
  </si>
  <si>
    <t>POINT (4.6767630780728116 51.80491016032854)</t>
  </si>
  <si>
    <t>POINT (4.707439295299021 51.79699213129304)</t>
  </si>
  <si>
    <t>POINT (4.657530984578334 51.78380461985748)</t>
  </si>
  <si>
    <t>POINT (4.666824569092741 51.81231312897861)</t>
  </si>
  <si>
    <t>POINT (4.6730043693296 51.81629767439259)</t>
  </si>
  <si>
    <t>3317KE</t>
  </si>
  <si>
    <t>POINT (4.667582433833774 51.790686750294945)</t>
  </si>
  <si>
    <t>3328DV</t>
  </si>
  <si>
    <t>POINT (4.677063848393144 51.772253555423994)</t>
  </si>
  <si>
    <t>POINT (4.685062833143689 51.809988343549875)</t>
  </si>
  <si>
    <t>POINT (4.655858167452429 51.80106219412223)</t>
  </si>
  <si>
    <t>POINT (4.672379247031678 51.81680141369572)</t>
  </si>
  <si>
    <t>POINT (4.685975843093772 51.79177641175393)</t>
  </si>
  <si>
    <t>POINT (4.669745593673704 51.81356703847661)</t>
  </si>
  <si>
    <t>POINT (4.675697012183839 51.81604845065399)</t>
  </si>
  <si>
    <t>3311EM</t>
  </si>
  <si>
    <t>POINT (4.672242111934039 51.819229720851155)</t>
  </si>
  <si>
    <t>POINT (4.664441301045484 51.81770446316483)</t>
  </si>
  <si>
    <t>POINT (4.652129103855663 51.788971063538604)</t>
  </si>
  <si>
    <t>POINT (4.663560454557436 51.801424878978715)</t>
  </si>
  <si>
    <t>POINT (4.6770074826051315 51.81581492573736)</t>
  </si>
  <si>
    <t>3328AA</t>
  </si>
  <si>
    <t>POINT (4.68305177127487 51.77705114715173)</t>
  </si>
  <si>
    <t>POINT (4.70429405116443 51.81682961198766)</t>
  </si>
  <si>
    <t>POINT (4.672475006584858 51.8192541863093)</t>
  </si>
  <si>
    <t>3317AZ</t>
  </si>
  <si>
    <t>POINT (4.64999136313047 51.79320141869087)</t>
  </si>
  <si>
    <t>3328AS</t>
  </si>
  <si>
    <t>POINT (4.684013116684192 51.777369748475415)</t>
  </si>
  <si>
    <t>3312GG</t>
  </si>
  <si>
    <t>POINT (4.68607959874074 51.80825675199594)</t>
  </si>
  <si>
    <t>POINT (4.64969026859394 51.79522322687093)</t>
  </si>
  <si>
    <t>POINT (4.665560049966139 51.789394003239224)</t>
  </si>
  <si>
    <t>POINT (4.6530489514143625 51.7915339329704)</t>
  </si>
  <si>
    <t>POINT (4.690970700761219 51.81874573115759)</t>
  </si>
  <si>
    <t>3316LG</t>
  </si>
  <si>
    <t>Spinel</t>
  </si>
  <si>
    <t>POINT (4.63090012992939 51.76856553727746)</t>
  </si>
  <si>
    <t>POINT (4.72472301771496 51.80454425362263)</t>
  </si>
  <si>
    <t>POINT (4.659822449572071 51.80244305166725)</t>
  </si>
  <si>
    <t>POINT (4.634826067890586 51.77513037447611)</t>
  </si>
  <si>
    <t>POINT (4.675552012062166 51.79910628129965)</t>
  </si>
  <si>
    <t>POINT (4.653616375166041 51.808426733404154)</t>
  </si>
  <si>
    <t>POINT (4.680466296290857 51.7817372893531)</t>
  </si>
  <si>
    <t>POINT (4.6818717689214 51.8077420661728)</t>
  </si>
  <si>
    <t>POINT (4.656521196009092 51.784864215984044)</t>
  </si>
  <si>
    <t>3314AW</t>
  </si>
  <si>
    <t>POINT (4.655704385157587 51.80713773812267)</t>
  </si>
  <si>
    <t>POINT (4.717845509078848 51.805546764156595)</t>
  </si>
  <si>
    <t>POINT (4.711127654842704 51.806255144658564)</t>
  </si>
  <si>
    <t>POINT (4.66273567606752 51.80930569208819)</t>
  </si>
  <si>
    <t>POINT (4.668539908825776 51.77537374122481)</t>
  </si>
  <si>
    <t>POINT (4.657363344031026 51.79075240896573)</t>
  </si>
  <si>
    <t>3317KJ</t>
  </si>
  <si>
    <t>POINT (4.667392483319611 51.78793563542991)</t>
  </si>
  <si>
    <t>3319AP</t>
  </si>
  <si>
    <t>POINT (4.6948609981718015 51.79176330635093)</t>
  </si>
  <si>
    <t>POINT (4.679253114624983 51.81593025437843)</t>
  </si>
  <si>
    <t>POINT (4.669907297124009 51.80395925443273)</t>
  </si>
  <si>
    <t>POINT (4.66677766861453 51.79632680317614)</t>
  </si>
  <si>
    <t>POINT (4.66140332523722 51.81341345817505)</t>
  </si>
  <si>
    <t>3317TD</t>
  </si>
  <si>
    <t>POINT (4.66033525520538 51.79336865033412)</t>
  </si>
  <si>
    <t>POINT (4.656825153887592 51.80599041857614)</t>
  </si>
  <si>
    <t>3319XA</t>
  </si>
  <si>
    <t>POINT (4.70460877674497 51.792222401346315)</t>
  </si>
  <si>
    <t>3311CP</t>
  </si>
  <si>
    <t>Schuitenmakersstraat</t>
  </si>
  <si>
    <t>3311CN-3311CP</t>
  </si>
  <si>
    <t>POINT (4.662348083682802 51.814365904391586)</t>
  </si>
  <si>
    <t>3318VR</t>
  </si>
  <si>
    <t>POINT (4.685903164087555 51.787506737964854)</t>
  </si>
  <si>
    <t>POINT (4.6437287542811845 51.77426566760571)</t>
  </si>
  <si>
    <t>3317HS</t>
  </si>
  <si>
    <t>POINT (4.673379098928307 51.79664812231524)</t>
  </si>
  <si>
    <t>3312KH</t>
  </si>
  <si>
    <t>Kees Boekelaan</t>
  </si>
  <si>
    <t>3312KG-3312KH</t>
  </si>
  <si>
    <t>POINT (4.681169652813786 51.799958864498116)</t>
  </si>
  <si>
    <t>POINT (4.708895758588556 51.790861034304264)</t>
  </si>
  <si>
    <t>POINT (4.69746232193798 51.791391972482536)</t>
  </si>
  <si>
    <t>POINT (4.671302566130446 51.77214565711317)</t>
  </si>
  <si>
    <t>POINT (4.667377670888046 51.81107489882317)</t>
  </si>
  <si>
    <t>3312SG</t>
  </si>
  <si>
    <t>POINT (4.688167893715727 51.809280273660804)</t>
  </si>
  <si>
    <t>POINT (4.678435000767735 51.78003601987136)</t>
  </si>
  <si>
    <t>3313ED</t>
  </si>
  <si>
    <t>3313EC-3313ED</t>
  </si>
  <si>
    <t>POINT (4.716627618244225 51.812828510664495)</t>
  </si>
  <si>
    <t>POINT (4.65676702343996 51.77150802036806)</t>
  </si>
  <si>
    <t>3317VG</t>
  </si>
  <si>
    <t>3317VD-3317VG</t>
  </si>
  <si>
    <t>POINT (4.6536860985521455 51.792830189526896)</t>
  </si>
  <si>
    <t>POINT (4.656098239991558 51.78678445999033)</t>
  </si>
  <si>
    <t>3314RP</t>
  </si>
  <si>
    <t>POINT (4.664018850318705 51.80171944222847)</t>
  </si>
  <si>
    <t>POINT (4.673421794842397 51.81349763649788)</t>
  </si>
  <si>
    <t>POINT (4.734542671049944 51.79700898178033)</t>
  </si>
  <si>
    <t>POINT (4.66337304771463 51.816696154496505)</t>
  </si>
  <si>
    <t>POINT (4.692299622516841 51.819172352346285)</t>
  </si>
  <si>
    <t>POINT (4.6864747403049645 51.80868572333066)</t>
  </si>
  <si>
    <t>3319BV</t>
  </si>
  <si>
    <t>POINT (4.70363645600844 51.79502855695825)</t>
  </si>
  <si>
    <t>POINT (4.652346066301179 51.79202255402999)</t>
  </si>
  <si>
    <t>POINT (4.688843744388705 51.8077412138075)</t>
  </si>
  <si>
    <t>POINT (4.661435797098888 51.81300257061816)</t>
  </si>
  <si>
    <t>3311XS</t>
  </si>
  <si>
    <t>Stek</t>
  </si>
  <si>
    <t>POINT (4.672819733531597 51.81627461827768)</t>
  </si>
  <si>
    <t>3314AC</t>
  </si>
  <si>
    <t>POINT (4.656170901601989 51.805967647884636)</t>
  </si>
  <si>
    <t>POINT (4.673099967785006 51.81951344841984)</t>
  </si>
  <si>
    <t>POINT (4.663784404990032 51.79946650010214)</t>
  </si>
  <si>
    <t>3314GR</t>
  </si>
  <si>
    <t>POINT (4.657659647871313 51.80395486178079)</t>
  </si>
  <si>
    <t>POINT (4.67176323144335 51.81221234074688)</t>
  </si>
  <si>
    <t>POINT (4.715319164769192 51.80322474241274)</t>
  </si>
  <si>
    <t>POINT (4.676592209945471 51.778667899221674)</t>
  </si>
  <si>
    <t>3314PD</t>
  </si>
  <si>
    <t>Johan de Oudestraat</t>
  </si>
  <si>
    <t>POINT (4.666473026530492 51.80056425149969)</t>
  </si>
  <si>
    <t>POINT (4.669138172709157 51.77095712320656)</t>
  </si>
  <si>
    <t>POINT (4.667584424752598 51.77676899855665)</t>
  </si>
  <si>
    <t>POINT (4.693209765451219 51.796348443960156)</t>
  </si>
  <si>
    <t>POINT (4.674578323699238 51.78051636976954)</t>
  </si>
  <si>
    <t>POINT (4.7009125796564195 51.794509181589426)</t>
  </si>
  <si>
    <t>3318TB</t>
  </si>
  <si>
    <t>POINT (4.6816334594756075 51.78572481597337)</t>
  </si>
  <si>
    <t>3311JD</t>
  </si>
  <si>
    <t>Bomkade</t>
  </si>
  <si>
    <t>POINT (4.657096532159519 51.81396414887664)</t>
  </si>
  <si>
    <t>POINT (4.662793910413913 51.79318036261268)</t>
  </si>
  <si>
    <t>POINT (4.6806461725140105 51.798445345297345)</t>
  </si>
  <si>
    <t>3314JC</t>
  </si>
  <si>
    <t>POINT (4.67450623643729 51.80578324346173)</t>
  </si>
  <si>
    <t>POINT (4.683513095735573 51.80183005724985)</t>
  </si>
  <si>
    <t>POINT (4.726738299748211 51.80031540303775)</t>
  </si>
  <si>
    <t>POINT (4.6624493032214644 51.81472271496296)</t>
  </si>
  <si>
    <t>POINT (4.686759098455245 51.77540371298234)</t>
  </si>
  <si>
    <t>POINT (4.664011371526936 51.81428902981335)</t>
  </si>
  <si>
    <t>POINT (4.673082655548009 51.81662185970865)</t>
  </si>
  <si>
    <t>3315XE</t>
  </si>
  <si>
    <t>POINT (4.716049467529711 51.80140595208569)</t>
  </si>
  <si>
    <t>POINT (4.679623254324283 51.803348743554956)</t>
  </si>
  <si>
    <t>POINT (4.67487772050643 51.80704064219381)</t>
  </si>
  <si>
    <t>POINT (4.65924498851699 51.805093355288655)</t>
  </si>
  <si>
    <t>POINT (4.660433868686337 51.78339112044433)</t>
  </si>
  <si>
    <t>POINT (4.670057039382776 51.78514705755635)</t>
  </si>
  <si>
    <t>POINT (4.68139626113146 51.81075920217364)</t>
  </si>
  <si>
    <t>POINT (4.668736542305955 51.81845210542355)</t>
  </si>
  <si>
    <t>POINT (4.672632166965091 51.816571882215854)</t>
  </si>
  <si>
    <t>POINT (4.668101772138558 51.79191693727152)</t>
  </si>
  <si>
    <t>3313LL</t>
  </si>
  <si>
    <t>Vogelaarsweg</t>
  </si>
  <si>
    <t>POINT (4.747991062767576 51.816682434737615)</t>
  </si>
  <si>
    <t>POINT (4.7113882156121365 51.80467038277374)</t>
  </si>
  <si>
    <t>3312TA</t>
  </si>
  <si>
    <t>POINT (4.686633209682008 51.8099723002858)</t>
  </si>
  <si>
    <t>3314BD</t>
  </si>
  <si>
    <t>POINT (4.662488173641174 51.80564738609645)</t>
  </si>
  <si>
    <t>POINT (4.657850774761073 51.79151646940949)</t>
  </si>
  <si>
    <t>POINT (4.6684358430689725 51.79621740596893)</t>
  </si>
  <si>
    <t>3311SH</t>
  </si>
  <si>
    <t>Koningspleinhof</t>
  </si>
  <si>
    <t>POINT (4.67707679734065 51.814504438025146)</t>
  </si>
  <si>
    <t>3318JK</t>
  </si>
  <si>
    <t>POINT (4.675838734210726 51.78468128616057)</t>
  </si>
  <si>
    <t>POINT (4.715660387433392 51.80532834926143)</t>
  </si>
  <si>
    <t>POINT (4.716918942148161 51.79510866371882)</t>
  </si>
  <si>
    <t>POINT (4.701753224860814 51.816171194845616)</t>
  </si>
  <si>
    <t>POINT (4.705589100025595 51.792033891993434)</t>
  </si>
  <si>
    <t>POINT (4.691005285847923 51.81889735014935)</t>
  </si>
  <si>
    <t>POINT (4.633155909657753 51.78445669436473)</t>
  </si>
  <si>
    <t>POINT (4.701328236241532 51.79092739803268)</t>
  </si>
  <si>
    <t>POINT (4.724627323317588 51.80616068849638)</t>
  </si>
  <si>
    <t>POINT (4.730320623333395 51.796734429775036)</t>
  </si>
  <si>
    <t>POINT (4.6622330363943645 51.791174871054146)</t>
  </si>
  <si>
    <t>POINT (4.680414058458882 51.80226693150745)</t>
  </si>
  <si>
    <t>3317LE</t>
  </si>
  <si>
    <t>POINT (4.662712342711759 51.78967928019206)</t>
  </si>
  <si>
    <t>POINT (4.710742372473344 51.80566995639181)</t>
  </si>
  <si>
    <t>POINT (4.661077551787251 51.78933597018075)</t>
  </si>
  <si>
    <t>3319VL</t>
  </si>
  <si>
    <t>POINT (4.707195429835775 51.78947026167574)</t>
  </si>
  <si>
    <t>POINT (4.647225446831067 51.792407649726094)</t>
  </si>
  <si>
    <t>BU05051904</t>
  </si>
  <si>
    <t>Wilhelminahaven</t>
  </si>
  <si>
    <t>3328DH</t>
  </si>
  <si>
    <t>POINT (4.681824002384483 51.774239644716125)</t>
  </si>
  <si>
    <t>3315ER</t>
  </si>
  <si>
    <t>POINT (4.7334891676475 51.79601019545498)</t>
  </si>
  <si>
    <t>3319XE</t>
  </si>
  <si>
    <t>POINT (4.70595028670442 51.79201024640238)</t>
  </si>
  <si>
    <t>POINT (4.6833466947162 51.797969330027485)</t>
  </si>
  <si>
    <t>POINT (4.699378226596804 51.79791970118036)</t>
  </si>
  <si>
    <t>3319GH</t>
  </si>
  <si>
    <t>POINT (4.706619506221001 51.795216189743634)</t>
  </si>
  <si>
    <t>POINT (4.7211183417486335 51.820777678542164)</t>
  </si>
  <si>
    <t>POINT (4.6655047952811435 51.78939955991075)</t>
  </si>
  <si>
    <t>3314AR</t>
  </si>
  <si>
    <t>Reviusstraat</t>
  </si>
  <si>
    <t>POINT (4.660038675308122 51.80727927449835)</t>
  </si>
  <si>
    <t>3312NL</t>
  </si>
  <si>
    <t>POINT (4.683993499615723 51.80381901189189)</t>
  </si>
  <si>
    <t>POINT (4.686675781595403 51.77882426894297)</t>
  </si>
  <si>
    <t>POINT (4.733729340159548 51.797921799236406)</t>
  </si>
  <si>
    <t>POINT (4.693594627293335 51.79206040731198)</t>
  </si>
  <si>
    <t>3312JD</t>
  </si>
  <si>
    <t>Eemsteynstraat</t>
  </si>
  <si>
    <t>POINT (4.68092500530163 51.802350951242175)</t>
  </si>
  <si>
    <t>3314WK</t>
  </si>
  <si>
    <t>POINT (4.652129893378795 51.803164445072404)</t>
  </si>
  <si>
    <t>POINT (4.699171988172856 51.79307092065721)</t>
  </si>
  <si>
    <t>POINT (4.68918172290267 51.807518849709815)</t>
  </si>
  <si>
    <t>POINT (4.65304733837801 51.791397015804726)</t>
  </si>
  <si>
    <t>POINT (4.6738519772373115 51.77339029932657)</t>
  </si>
  <si>
    <t>POINT (4.660831652049935 51.796600106906894)</t>
  </si>
  <si>
    <t>POINT (4.6629461310825215 51.78711647952684)</t>
  </si>
  <si>
    <t>POINT (4.686699031869527 51.8112275555974)</t>
  </si>
  <si>
    <t>POINT (4.697938220625617 51.79971692068923)</t>
  </si>
  <si>
    <t>3315JB</t>
  </si>
  <si>
    <t>POINT (4.720568434530596 51.80213360995719)</t>
  </si>
  <si>
    <t>POINT (4.668688648113555 51.794987997754106)</t>
  </si>
  <si>
    <t>POINT (4.651238658407268 51.790932139416604)</t>
  </si>
  <si>
    <t>POINT (4.705019853127851 51.792696589605775)</t>
  </si>
  <si>
    <t>3315AP</t>
  </si>
  <si>
    <t>POINT (4.7235463734190235 51.79833529677356)</t>
  </si>
  <si>
    <t>POINT (4.718839219342423 51.802229434340866)</t>
  </si>
  <si>
    <t>POINT (4.701289887286798 51.800323153552625)</t>
  </si>
  <si>
    <t>POINT (4.7079655056317895 51.80620258248578)</t>
  </si>
  <si>
    <t>POINT (4.712621446518059 51.79905261451367)</t>
  </si>
  <si>
    <t>POINT (4.679155290958855 51.807851341183806)</t>
  </si>
  <si>
    <t>POINT (4.668207262654892 51.81526270334748)</t>
  </si>
  <si>
    <t>POINT (4.672396305314099 51.81935678004186)</t>
  </si>
  <si>
    <t>POINT (4.6598641467641695 51.809202383409875)</t>
  </si>
  <si>
    <t>3317AV</t>
  </si>
  <si>
    <t>Van Gendtstraat</t>
  </si>
  <si>
    <t>POINT (4.650874255623553 51.79206264640676)</t>
  </si>
  <si>
    <t>3319PE</t>
  </si>
  <si>
    <t>POINT (4.693386740587167 51.79550397110786)</t>
  </si>
  <si>
    <t>POINT (4.655535818087235 51.79943817337361)</t>
  </si>
  <si>
    <t>POINT (4.733975476436971 51.80364124578189)</t>
  </si>
  <si>
    <t>POINT (4.659795647539515 51.8136155291401)</t>
  </si>
  <si>
    <t>POINT (4.668189005485657 51.80411673620587)</t>
  </si>
  <si>
    <t>POINT (4.632006485321926 51.76560400499973)</t>
  </si>
  <si>
    <t>POINT (4.70292569459387 51.80389250166348)</t>
  </si>
  <si>
    <t>POINT (4.656081197936612 51.801069948103745)</t>
  </si>
  <si>
    <t>POINT (4.662271281840866 51.791320526653934)</t>
  </si>
  <si>
    <t>POINT (4.6654160928855894 51.81394475544989)</t>
  </si>
  <si>
    <t>POINT (4.6638685125072525 51.79855036055134)</t>
  </si>
  <si>
    <t>3314PP</t>
  </si>
  <si>
    <t>POINT (4.669285393782484 51.80224929952388)</t>
  </si>
  <si>
    <t>3328EJ</t>
  </si>
  <si>
    <t>POINT (4.679955464982111 51.778021337574856)</t>
  </si>
  <si>
    <t>POINT (4.661357857826268 51.789815346789624)</t>
  </si>
  <si>
    <t>POINT (4.704675233713917 51.795985012178654)</t>
  </si>
  <si>
    <t>POINT (4.658682581310635 51.81060759912892)</t>
  </si>
  <si>
    <t>POINT (4.668613679049684 51.81825569683094)</t>
  </si>
  <si>
    <t>POINT (4.672702738687288 51.819315212734324)</t>
  </si>
  <si>
    <t>3312PE</t>
  </si>
  <si>
    <t>Erkentrudenstraat</t>
  </si>
  <si>
    <t>3312PE-3312PG</t>
  </si>
  <si>
    <t>POINT (4.679441313161825 51.804105023155344)</t>
  </si>
  <si>
    <t>POINT (4.6528338823619935 51.78845148953435)</t>
  </si>
  <si>
    <t>POINT (4.684589086685555 51.804394421122225)</t>
  </si>
  <si>
    <t>POINT (4.66791169987943 51.78998028925463)</t>
  </si>
  <si>
    <t>3317HA</t>
  </si>
  <si>
    <t>Azalea</t>
  </si>
  <si>
    <t>POINT (4.672663707395947 51.79615066595531)</t>
  </si>
  <si>
    <t>3328SR</t>
  </si>
  <si>
    <t>POINT (4.672606178849574 51.781982572980645)</t>
  </si>
  <si>
    <t>POINT (4.669453148141639 51.79871330385178)</t>
  </si>
  <si>
    <t>POINT (4.6779958728997135 51.79028276343567)</t>
  </si>
  <si>
    <t>POINT (4.683530329588986 51.7980446420713)</t>
  </si>
  <si>
    <t>POINT (4.680933415093065 51.788678889808175)</t>
  </si>
  <si>
    <t>POINT (4.661843171652574 51.81592489133811)</t>
  </si>
  <si>
    <t>POINT (4.65381676984767 51.79413589738895)</t>
  </si>
  <si>
    <t>3317AG</t>
  </si>
  <si>
    <t>POINT (4.652097779128454 51.793372711932236)</t>
  </si>
  <si>
    <t>POINT (4.7126128992509315 51.81631855804453)</t>
  </si>
  <si>
    <t>3312LA</t>
  </si>
  <si>
    <t>POINT (4.68606907468828 51.8026695209486)</t>
  </si>
  <si>
    <t>POINT (4.67838281085692 51.80546148778991)</t>
  </si>
  <si>
    <t>POINT (4.685683948313531 51.78194883403228)</t>
  </si>
  <si>
    <t>POINT (4.718440592739117 51.799036444530806)</t>
  </si>
  <si>
    <t>POINT (4.685907234485812 51.77884026037331)</t>
  </si>
  <si>
    <t>POINT (4.706365777558045 51.790282357829355)</t>
  </si>
  <si>
    <t>POINT (4.668798568025184 51.81854172463051)</t>
  </si>
  <si>
    <t>POINT (4.684362880182906 51.77732474412772)</t>
  </si>
  <si>
    <t>POINT (4.62573589166994 51.796782601927646)</t>
  </si>
  <si>
    <t>POINT (4.664180897005182 51.81700956267125)</t>
  </si>
  <si>
    <t>POINT (4.683317232413053 51.80163154503845)</t>
  </si>
  <si>
    <t>POINT (4.710050175499681 51.795194755842864)</t>
  </si>
  <si>
    <t>POINT (4.716582020325146 51.80330796583827)</t>
  </si>
  <si>
    <t>POINT (4.725676231445148 51.80638032925314)</t>
  </si>
  <si>
    <t>3315WJ</t>
  </si>
  <si>
    <t>POINT (4.704374296860508 51.80760479636574)</t>
  </si>
  <si>
    <t>3312LE</t>
  </si>
  <si>
    <t>POINT (4.683658556533777 51.80299004610142)</t>
  </si>
  <si>
    <t>POINT (4.670998419308694 51.81958679017881)</t>
  </si>
  <si>
    <t>POINT (4.669940689323861 51.80961103814524)</t>
  </si>
  <si>
    <t>3315NK</t>
  </si>
  <si>
    <t>POINT (4.714539193651338 51.810651635776125)</t>
  </si>
  <si>
    <t>POINT (4.690267013988008 51.81883043440805)</t>
  </si>
  <si>
    <t>POINT (4.65635122379938 51.80765831288718)</t>
  </si>
  <si>
    <t>3312CE</t>
  </si>
  <si>
    <t>POINT (4.678342154242518 51.80756822350572)</t>
  </si>
  <si>
    <t>POINT (4.706000706176624 51.809209294104335)</t>
  </si>
  <si>
    <t>POINT (4.6538129116837474 51.78583220827652)</t>
  </si>
  <si>
    <t>POINT (4.728376183946415 51.791399236739146)</t>
  </si>
  <si>
    <t>POINT (4.668244803451657 51.799197101568716)</t>
  </si>
  <si>
    <t>POINT (4.699452261034188 51.79884970705283)</t>
  </si>
  <si>
    <t>POINT (4.672686122846004 51.78088206941752)</t>
  </si>
  <si>
    <t>3317BL</t>
  </si>
  <si>
    <t>POINT (4.655620758244083 51.7914771278667)</t>
  </si>
  <si>
    <t>3319BB</t>
  </si>
  <si>
    <t>POINT (4.70400112869429 51.794927626073445)</t>
  </si>
  <si>
    <t>3311VM</t>
  </si>
  <si>
    <t>Molenstraat</t>
  </si>
  <si>
    <t>POINT (4.659645924471206 51.8133900996447)</t>
  </si>
  <si>
    <t>3328LT</t>
  </si>
  <si>
    <t>Cascade</t>
  </si>
  <si>
    <t>POINT (4.656617673661739 51.770227930912704)</t>
  </si>
  <si>
    <t>POINT (4.655637449588573 51.79047554807013)</t>
  </si>
  <si>
    <t>POINT (4.680669453279742 51.812258596610626)</t>
  </si>
  <si>
    <t>POINT (4.717367026921067 51.80029768419226)</t>
  </si>
  <si>
    <t>POINT (4.730229787926799 51.80306851235909)</t>
  </si>
  <si>
    <t>POINT (4.666436104314911 51.81611694489435)</t>
  </si>
  <si>
    <t>3318JG</t>
  </si>
  <si>
    <t>POINT (4.672935433301106 51.785316402954805)</t>
  </si>
  <si>
    <t>POINT (4.6621579535972515 51.78711980828666)</t>
  </si>
  <si>
    <t>3311WT</t>
  </si>
  <si>
    <t>Papeterspad</t>
  </si>
  <si>
    <t>POINT (4.661828869924523 51.8102239652139)</t>
  </si>
  <si>
    <t>3319AC</t>
  </si>
  <si>
    <t>POINT (4.691973716286662 51.79121445216271)</t>
  </si>
  <si>
    <t>POINT (4.675903190784271 51.8181043566211)</t>
  </si>
  <si>
    <t>POINT (4.670177265427 51.78244432259462)</t>
  </si>
  <si>
    <t>3311EK</t>
  </si>
  <si>
    <t>Tolbrugstraat Landzijde</t>
  </si>
  <si>
    <t>3311EJ-3311EK</t>
  </si>
  <si>
    <t>POINT (4.66740448916853 51.81454532198341)</t>
  </si>
  <si>
    <t>POINT (4.722588529656943 51.80182783338061)</t>
  </si>
  <si>
    <t>POINT (4.6840175872831304 51.800037854446785)</t>
  </si>
  <si>
    <t>POINT (4.6660712667111675 51.79878918582144)</t>
  </si>
  <si>
    <t>POINT (4.673880291403084 51.81749778429816)</t>
  </si>
  <si>
    <t>POINT (4.672223306303257 51.818419161118356)</t>
  </si>
  <si>
    <t>POINT (4.662904556258879 51.79139184452667)</t>
  </si>
  <si>
    <t>POINT (4.69411562918635 51.8182700056907)</t>
  </si>
  <si>
    <t>POINT (4.717548520225146 51.802419870395276)</t>
  </si>
  <si>
    <t>POINT (4.710138178871524 51.81061987244826)</t>
  </si>
  <si>
    <t>POINT (4.63085282743944 51.73184859496919)</t>
  </si>
  <si>
    <t>POINT (4.708342107570342 51.81870401957863)</t>
  </si>
  <si>
    <t>3318RD</t>
  </si>
  <si>
    <t>POINT (4.683328430927178 51.7890088236716)</t>
  </si>
  <si>
    <t>3317AR</t>
  </si>
  <si>
    <t>POINT (4.650998899024488 51.79309041604766)</t>
  </si>
  <si>
    <t>POINT (4.652375393023543 51.78551364945824)</t>
  </si>
  <si>
    <t>POINT (4.6610257667584785 51.76976564824848)</t>
  </si>
  <si>
    <t>POINT (4.668180776415443 51.79203210831992)</t>
  </si>
  <si>
    <t>3313BN</t>
  </si>
  <si>
    <t>POINT (4.711785582923625 51.8157168373473)</t>
  </si>
  <si>
    <t>3329KS</t>
  </si>
  <si>
    <t>Van Elzelingenweg</t>
  </si>
  <si>
    <t>3329KR-3329KS</t>
  </si>
  <si>
    <t>POINT (4.712213794886728 51.76852800745879)</t>
  </si>
  <si>
    <t>POINT (4.67444651313307 51.815016999364644)</t>
  </si>
  <si>
    <t>POINT (4.681771448387254 51.814284251033364)</t>
  </si>
  <si>
    <t>3312WE</t>
  </si>
  <si>
    <t>Springtij</t>
  </si>
  <si>
    <t>POINT (4.6938916400613655 51.80992187262582)</t>
  </si>
  <si>
    <t>POINT (4.678592477735937 51.78561300294415)</t>
  </si>
  <si>
    <t>POINT (4.686412128381572 51.80875745650488)</t>
  </si>
  <si>
    <t>POINT (4.686182513004371 51.80745527215475)</t>
  </si>
  <si>
    <t>POINT (4.6572176986292275 51.81078638624052)</t>
  </si>
  <si>
    <t>POINT (4.675916279578278 51.78519285383395)</t>
  </si>
  <si>
    <t>POINT (4.722302825231993 51.805165540312785)</t>
  </si>
  <si>
    <t>POINT (4.703850941339852 51.798228449550976)</t>
  </si>
  <si>
    <t>POINT (4.67144775924885 51.81951541980078)</t>
  </si>
  <si>
    <t>POINT (4.679441211549513 51.78719772822295)</t>
  </si>
  <si>
    <t>POINT (4.6465896168163665 51.78941555380925)</t>
  </si>
  <si>
    <t>3314CZ</t>
  </si>
  <si>
    <t>POINT (4.657732764162965 51.796387002708805)</t>
  </si>
  <si>
    <t>POINT (4.6689503230595015 51.80888895127254)</t>
  </si>
  <si>
    <t>POINT (4.663473076919663 51.803784500748016)</t>
  </si>
  <si>
    <t>POINT (4.670999878648363 51.81663403041701)</t>
  </si>
  <si>
    <t>POINT (4.652025984993577 51.80330999527772)</t>
  </si>
  <si>
    <t>POINT (4.662890850183788 51.813856064891795)</t>
  </si>
  <si>
    <t>POINT (4.66977390151375 51.809159802601584)</t>
  </si>
  <si>
    <t>POINT (4.715626855397169 51.802580399835996)</t>
  </si>
  <si>
    <t>POINT (4.704315152634483 51.80762858672253)</t>
  </si>
  <si>
    <t>POINT (4.688314025991865 51.81021624368803)</t>
  </si>
  <si>
    <t>POINT (4.679710494029258 51.77670534315259)</t>
  </si>
  <si>
    <t>POINT (4.662620553514959 51.79648805056175)</t>
  </si>
  <si>
    <t>3317TM</t>
  </si>
  <si>
    <t>POINT (4.660395491424602 51.79115497970169)</t>
  </si>
  <si>
    <t>POINT (4.714618649505803 51.80353716549682)</t>
  </si>
  <si>
    <t>POINT (4.670342734057512 51.81247999287985)</t>
  </si>
  <si>
    <t>POINT (4.675525808677611 51.81390212309833)</t>
  </si>
  <si>
    <t>POINT (4.725567669176568 51.79923130305953)</t>
  </si>
  <si>
    <t>POINT (4.674146530976323 51.81898317026658)</t>
  </si>
  <si>
    <t>3328XH</t>
  </si>
  <si>
    <t>POINT (4.679264054598924 51.78206547971597)</t>
  </si>
  <si>
    <t>3328MR</t>
  </si>
  <si>
    <t>POINT (4.666119807782246 51.77289374899119)</t>
  </si>
  <si>
    <t>POINT (4.632335017367285 51.769010709969784)</t>
  </si>
  <si>
    <t>POINT (4.670548490202505 51.79344013160941)</t>
  </si>
  <si>
    <t>POINT (4.634228109939415 51.77013732369207)</t>
  </si>
  <si>
    <t>POINT (4.720467659359498 51.798470343435845)</t>
  </si>
  <si>
    <t>3319HS</t>
  </si>
  <si>
    <t>Prunuslaan</t>
  </si>
  <si>
    <t>POINT (4.707262359660086 51.795723776635896)</t>
  </si>
  <si>
    <t>POINT (4.671837534759129 51.80367859158612)</t>
  </si>
  <si>
    <t>POINT (4.718139194562091 51.801192136849295)</t>
  </si>
  <si>
    <t>POINT (4.6668989757032175 51.79626603836658)</t>
  </si>
  <si>
    <t>3311EX</t>
  </si>
  <si>
    <t>Tolbrugstraat Waterzijde</t>
  </si>
  <si>
    <t>POINT (4.666547073491365 51.81536080690339)</t>
  </si>
  <si>
    <t>POINT (4.710482035065328 51.81521665177394)</t>
  </si>
  <si>
    <t>3313BJ</t>
  </si>
  <si>
    <t>POINT (4.716598111748081 51.81556104007516)</t>
  </si>
  <si>
    <t>3318VC</t>
  </si>
  <si>
    <t>POINT (4.684297008692919 51.78507180531042)</t>
  </si>
  <si>
    <t>POINT (4.702648465890158 51.7982363340253)</t>
  </si>
  <si>
    <t>POINT (4.680132781272166 51.81655500226732)</t>
  </si>
  <si>
    <t>3312LT</t>
  </si>
  <si>
    <t>Twintighoevenweg</t>
  </si>
  <si>
    <t>3312LT-3312LV</t>
  </si>
  <si>
    <t>POINT (4.687149941868451 51.802374917103)</t>
  </si>
  <si>
    <t>3317NX</t>
  </si>
  <si>
    <t>POINT (4.653740506620878 51.78569647537604)</t>
  </si>
  <si>
    <t>POINT (4.672169571701925 51.77324196956077)</t>
  </si>
  <si>
    <t>POINT (4.714021573240927 51.81614308071126)</t>
  </si>
  <si>
    <t>POINT (4.673127504753877 51.78497425788291)</t>
  </si>
  <si>
    <t>POINT (4.710604512148773 51.79627424712845)</t>
  </si>
  <si>
    <t>POINT (4.681162957701688 51.81064481116384)</t>
  </si>
  <si>
    <t>POINT (4.665242087643071 51.77557674914149)</t>
  </si>
  <si>
    <t>3312GK</t>
  </si>
  <si>
    <t>POINT (4.683757692297622 51.81208462090609)</t>
  </si>
  <si>
    <t>3317MZ</t>
  </si>
  <si>
    <t>J.M. Smit-Pietersstraat</t>
  </si>
  <si>
    <t>POINT (4.6596229831772 51.78460633836239)</t>
  </si>
  <si>
    <t>POINT (4.669640531062833 51.79084689758164)</t>
  </si>
  <si>
    <t>POINT (4.66645015271776 51.78882786582753)</t>
  </si>
  <si>
    <t>3311XA</t>
  </si>
  <si>
    <t>Arend Maartenshof</t>
  </si>
  <si>
    <t>3311WZ-3311XA</t>
  </si>
  <si>
    <t>POINT (4.670804629873007 51.81318836154526)</t>
  </si>
  <si>
    <t>3315KK</t>
  </si>
  <si>
    <t>POINT (4.718713381336045 51.80455875410862)</t>
  </si>
  <si>
    <t>3318TE</t>
  </si>
  <si>
    <t>POINT (4.681124306640219 51.78581501906029)</t>
  </si>
  <si>
    <t>POINT (4.653683392266407 51.7915007423016)</t>
  </si>
  <si>
    <t>POINT (4.685496975822964 51.775159127594065)</t>
  </si>
  <si>
    <t>POINT (4.704446535909643 51.808179465718)</t>
  </si>
  <si>
    <t>POINT (4.7298854093893175 51.79633907172909)</t>
  </si>
  <si>
    <t>3313CX</t>
  </si>
  <si>
    <t>Schiestraat</t>
  </si>
  <si>
    <t>POINT (4.70320069506532 51.8161377888242)</t>
  </si>
  <si>
    <t>POINT (4.671265557786882 51.782169291082845)</t>
  </si>
  <si>
    <t>POINT (4.721489846622487 51.81101121297018)</t>
  </si>
  <si>
    <t>POINT (4.67618016259597 51.81605225972464)</t>
  </si>
  <si>
    <t>3312CV</t>
  </si>
  <si>
    <t>POINT (4.686727091825561 51.80617961663984)</t>
  </si>
  <si>
    <t>POINT (4.717476320012005 51.80231913602306)</t>
  </si>
  <si>
    <t>POINT (4.672588296706527 51.783658084321914)</t>
  </si>
  <si>
    <t>3312AM</t>
  </si>
  <si>
    <t>POINT (4.689247241321417 51.81037565680942)</t>
  </si>
  <si>
    <t>POINT (4.67492983595917 51.80334195533961)</t>
  </si>
  <si>
    <t>3314EG</t>
  </si>
  <si>
    <t>Hugo de Grootplein</t>
  </si>
  <si>
    <t>POINT (4.656441715738814 51.80438918514647)</t>
  </si>
  <si>
    <t>3328DA</t>
  </si>
  <si>
    <t>POINT (4.679041082057266 51.77469593196623)</t>
  </si>
  <si>
    <t>POINT (4.721052071419248 51.79481200136394)</t>
  </si>
  <si>
    <t>3328NC</t>
  </si>
  <si>
    <t>POINT (4.669174773852575 51.77960143459044)</t>
  </si>
  <si>
    <t>POINT (4.669774956843384 51.80914633502354)</t>
  </si>
  <si>
    <t>POINT (4.680057442279209 51.80935397925772)</t>
  </si>
  <si>
    <t>3312JA-3312JC</t>
  </si>
  <si>
    <t>POINT (4.682539446198677 51.80342480932245)</t>
  </si>
  <si>
    <t>3311ZV</t>
  </si>
  <si>
    <t>Warmoezierspad</t>
  </si>
  <si>
    <t>POINT (4.673152209062302 51.813012657617264)</t>
  </si>
  <si>
    <t>POINT (4.724933453698715 51.79381582206387)</t>
  </si>
  <si>
    <t>POINT (4.673006091858193 51.807885670867435)</t>
  </si>
  <si>
    <t>3314ND</t>
  </si>
  <si>
    <t>3314LC-3314ND</t>
  </si>
  <si>
    <t>POINT (4.66958833998369 51.802571923008095)</t>
  </si>
  <si>
    <t>POINT (4.708614446968854 51.81014803014029)</t>
  </si>
  <si>
    <t>POINT (4.66023562795931 51.81272710847443)</t>
  </si>
  <si>
    <t>3319CB</t>
  </si>
  <si>
    <t>Burgemeester de Roostraat</t>
  </si>
  <si>
    <t>3319CB-3319CC</t>
  </si>
  <si>
    <t>POINT (4.700695169428548 51.79935541649392)</t>
  </si>
  <si>
    <t>POINT (4.653675144531871 51.79302869961447)</t>
  </si>
  <si>
    <t>3318AK</t>
  </si>
  <si>
    <t>POINT (4.6828787858044025 51.78430359200684)</t>
  </si>
  <si>
    <t>3312NN</t>
  </si>
  <si>
    <t>POINT (4.68401991971464 51.80360496116089)</t>
  </si>
  <si>
    <t>POINT (4.67196649276437 51.81022287585326)</t>
  </si>
  <si>
    <t>3314SM</t>
  </si>
  <si>
    <t>3314SM-3314SZ</t>
  </si>
  <si>
    <t>POINT (4.664825193131084 51.80022952701133)</t>
  </si>
  <si>
    <t>POINT (4.676591924114568 51.77857653629238)</t>
  </si>
  <si>
    <t>POINT (4.6668148495272685 51.799998571081105)</t>
  </si>
  <si>
    <t>3319RD</t>
  </si>
  <si>
    <t>Dillenburgstraat</t>
  </si>
  <si>
    <t>POINT (4.696512691047175 51.796214947731094)</t>
  </si>
  <si>
    <t>POINT (4.658368308086725 51.801253515545184)</t>
  </si>
  <si>
    <t>POINT (4.669606501836968 51.77513650700363)</t>
  </si>
  <si>
    <t>3329LK</t>
  </si>
  <si>
    <t>3329LE-3331AB</t>
  </si>
  <si>
    <t>POINT (4.720011668057217 51.793166675748544)</t>
  </si>
  <si>
    <t>BU05051012</t>
  </si>
  <si>
    <t>Zuidpolder</t>
  </si>
  <si>
    <t>POINT (4.651892008729128 51.7877391841822)</t>
  </si>
  <si>
    <t>POINT (4.671314603514853 51.77217324505143)</t>
  </si>
  <si>
    <t>3312CS</t>
  </si>
  <si>
    <t>POINT (4.681256965497944 51.808262902982435)</t>
  </si>
  <si>
    <t>3312CH</t>
  </si>
  <si>
    <t>POINT (4.679451590276203 51.80689244626712)</t>
  </si>
  <si>
    <t>POINT (4.671118636306353 51.81945397909966)</t>
  </si>
  <si>
    <t>3317HD</t>
  </si>
  <si>
    <t>3317HD-3317HE</t>
  </si>
  <si>
    <t>POINT (4.671654548036449 51.79262646683392)</t>
  </si>
  <si>
    <t>POINT (4.69087567093533 51.81819087318279)</t>
  </si>
  <si>
    <t>POINT (4.672303848175007 51.80756682685878)</t>
  </si>
  <si>
    <t>POINT (4.673543486468174 51.8083183205336)</t>
  </si>
  <si>
    <t>POINT (4.6697652781642685 51.80823904840929)</t>
  </si>
  <si>
    <t>POINT (4.705490799377491 51.80889007633938)</t>
  </si>
  <si>
    <t>POINT (4.6653450595042765 51.772220599683564)</t>
  </si>
  <si>
    <t>POINT (4.718505009353151 51.800606580380226)</t>
  </si>
  <si>
    <t>3311MH</t>
  </si>
  <si>
    <t>Noordergang</t>
  </si>
  <si>
    <t>POINT (4.67770518543973 51.816537582853556)</t>
  </si>
  <si>
    <t>POINT (4.678607461963112 51.78904800618806)</t>
  </si>
  <si>
    <t>3319AT</t>
  </si>
  <si>
    <t>POINT (4.693180184622861 51.79074754181273)</t>
  </si>
  <si>
    <t>POINT (4.680377236102386 51.80738874425263)</t>
  </si>
  <si>
    <t>POINT (4.670798598454345 51.818161145394825)</t>
  </si>
  <si>
    <t>POINT (4.705278995300745 51.82122244231483)</t>
  </si>
  <si>
    <t>POINT (4.710184996654275 51.80454554257497)</t>
  </si>
  <si>
    <t>3312GZ</t>
  </si>
  <si>
    <t>Jakartastraat</t>
  </si>
  <si>
    <t>POINT (4.684984190469088 51.8070816571209)</t>
  </si>
  <si>
    <t>POINT (4.678648946148476 51.7895841176566)</t>
  </si>
  <si>
    <t>POINT (4.7032412105503365 51.795813930220916)</t>
  </si>
  <si>
    <t>POINT (4.672794926628234 51.80344380659108)</t>
  </si>
  <si>
    <t>3312PM</t>
  </si>
  <si>
    <t>Houweningestraat</t>
  </si>
  <si>
    <t>POINT (4.678373648829191 51.8049651047155)</t>
  </si>
  <si>
    <t>POINT (4.665539779811452 51.801165548382684)</t>
  </si>
  <si>
    <t>3328CR</t>
  </si>
  <si>
    <t>POINT (4.67351627886178 51.777301060817955)</t>
  </si>
  <si>
    <t>3313GR</t>
  </si>
  <si>
    <t>POINT (4.694635677137017 51.818604864663584)</t>
  </si>
  <si>
    <t>POINT (4.652083257000783 51.80386315917119)</t>
  </si>
  <si>
    <t>3315PP</t>
  </si>
  <si>
    <t>POINT (4.708127496378364 51.81114589227955)</t>
  </si>
  <si>
    <t>POINT (4.6851564246173725 51.81306157036999)</t>
  </si>
  <si>
    <t>3313GE</t>
  </si>
  <si>
    <t>POINT (4.700220975180421 51.816575281921665)</t>
  </si>
  <si>
    <t>POINT (4.673797932526226 51.80754625724022)</t>
  </si>
  <si>
    <t>POINT (4.663718939708107 51.81407062715993)</t>
  </si>
  <si>
    <t>POINT (4.686639317639821 51.776140727110786)</t>
  </si>
  <si>
    <t>POINT (4.66186047918734 51.81627067592228)</t>
  </si>
  <si>
    <t>POINT (4.684974301596639 51.774525648617995)</t>
  </si>
  <si>
    <t>3328NA</t>
  </si>
  <si>
    <t>POINT (4.670887489050434 51.77904142941203)</t>
  </si>
  <si>
    <t>3313VC</t>
  </si>
  <si>
    <t>POINT (4.717349320025361 51.81386214571156)</t>
  </si>
  <si>
    <t>POINT (4.705359634988867 51.81610246025934)</t>
  </si>
  <si>
    <t>POINT (4.657989008832892 51.77168415455483)</t>
  </si>
  <si>
    <t>3311DC</t>
  </si>
  <si>
    <t>POINT (4.6801448983560565 51.81258299330195)</t>
  </si>
  <si>
    <t>POINT (4.660515798261633 51.787269448190145)</t>
  </si>
  <si>
    <t>3314VW</t>
  </si>
  <si>
    <t>POINT (4.65879138543102 51.799072833056584)</t>
  </si>
  <si>
    <t>POINT (4.69734737490976 51.79286132234414)</t>
  </si>
  <si>
    <t>POINT (4.656515226346718 51.76983861993746)</t>
  </si>
  <si>
    <t>POINT (4.711026317381351 51.8075508046487)</t>
  </si>
  <si>
    <t>POINT (4.6514952447451945 51.787747644728405)</t>
  </si>
  <si>
    <t>3317KR</t>
  </si>
  <si>
    <t>POINT (4.665896891669628 51.789349225751245)</t>
  </si>
  <si>
    <t>POINT (4.669762069775445 51.81743815595245)</t>
  </si>
  <si>
    <t>POINT (4.666428051494291 51.78810553264899)</t>
  </si>
  <si>
    <t>POINT (4.629140870386678 51.72290688715598)</t>
  </si>
  <si>
    <t>POINT (4.65610031648112 51.789652380118234)</t>
  </si>
  <si>
    <t>POINT (4.6854287487968636 51.77995338116386)</t>
  </si>
  <si>
    <t>POINT (4.666979254439409 51.811094278757174)</t>
  </si>
  <si>
    <t>POINT (4.679076608662924 51.799867195450105)</t>
  </si>
  <si>
    <t>POINT (4.672597146063132 51.81702724167409)</t>
  </si>
  <si>
    <t>POINT (4.667099118754883 51.80813365745521)</t>
  </si>
  <si>
    <t>POINT (4.693940711619015 51.81874741142063)</t>
  </si>
  <si>
    <t>POINT (4.66945226404699 51.81573280053415)</t>
  </si>
  <si>
    <t>POINT (4.678043091835638 51.77355966164671)</t>
  </si>
  <si>
    <t>POINT (4.668928661195844 51.7901802807488)</t>
  </si>
  <si>
    <t>POINT (4.706189026012014 51.79429053795906)</t>
  </si>
  <si>
    <t>3311BJ</t>
  </si>
  <si>
    <t>POINT (4.664629834520542 51.81573091993155)</t>
  </si>
  <si>
    <t>POINT (4.668488149071138 51.790551773337754)</t>
  </si>
  <si>
    <t>POINT (4.686769870846897 51.77613811810389)</t>
  </si>
  <si>
    <t>POINT (4.658937768836782 51.80259588184471)</t>
  </si>
  <si>
    <t>POINT (4.669552728936325 51.8124646655939)</t>
  </si>
  <si>
    <t>3317TG</t>
  </si>
  <si>
    <t>POINT (4.660023659170835 51.79160860058163)</t>
  </si>
  <si>
    <t>3314ZP</t>
  </si>
  <si>
    <t>Madeliefstraat</t>
  </si>
  <si>
    <t>POINT (4.677370079536662 51.80452153208077)</t>
  </si>
  <si>
    <t>POINT (4.6740632323286535 51.81254831450963)</t>
  </si>
  <si>
    <t>3328WE</t>
  </si>
  <si>
    <t>Prattenburg</t>
  </si>
  <si>
    <t>POINT (4.676519058303756 51.777998067119675)</t>
  </si>
  <si>
    <t>POINT (4.67179889493717 51.81224318257892)</t>
  </si>
  <si>
    <t>POINT (4.626575838944082 51.79372393586608)</t>
  </si>
  <si>
    <t>POINT (4.668182237318404 51.77915757716446)</t>
  </si>
  <si>
    <t>POINT (4.659705016778944 51.79327568374472)</t>
  </si>
  <si>
    <t>POINT (4.676348701484089 51.81602468775557)</t>
  </si>
  <si>
    <t>POINT (4.704076929054568 51.79930018033919)</t>
  </si>
  <si>
    <t>3319BH</t>
  </si>
  <si>
    <t>POINT (4.6994411871749655 51.795654063130264)</t>
  </si>
  <si>
    <t>POINT (4.683300549256222 51.79955417072656)</t>
  </si>
  <si>
    <t>POINT (4.676803843983585 51.78634753624562)</t>
  </si>
  <si>
    <t>POINT (4.659098863721653 51.80890443545698)</t>
  </si>
  <si>
    <t>POINT (4.699147218585086 51.79949893164945)</t>
  </si>
  <si>
    <t>POINT (4.693414062951337 51.79636563410237)</t>
  </si>
  <si>
    <t>POINT (4.662583771116364 51.80893989443564)</t>
  </si>
  <si>
    <t>POINT (4.682965247238078 51.77395884647112)</t>
  </si>
  <si>
    <t>3319CE</t>
  </si>
  <si>
    <t>POINT (4.701081386097379 51.79772091177117)</t>
  </si>
  <si>
    <t>3314VM</t>
  </si>
  <si>
    <t>3314VL-3314VM</t>
  </si>
  <si>
    <t>POINT (4.659495897317374 51.80073312067773)</t>
  </si>
  <si>
    <t>POINT (4.659825241129435 51.792041542963226)</t>
  </si>
  <si>
    <t>POINT (4.697797547480231 51.80042460778913)</t>
  </si>
  <si>
    <t>POINT (4.676763937571121 51.78640682670509)</t>
  </si>
  <si>
    <t>POINT (4.695847573512407 51.79891618838222)</t>
  </si>
  <si>
    <t>POINT (4.674103547446813 51.77497277278619)</t>
  </si>
  <si>
    <t>POINT (4.665682014616074 51.81481875080168)</t>
  </si>
  <si>
    <t>Knolhaven</t>
  </si>
  <si>
    <t>POINT (4.664134138964382 51.81567582243642)</t>
  </si>
  <si>
    <t>POINT (4.665372751287969 51.80923521136959)</t>
  </si>
  <si>
    <t>POINT (4.674535217318943 51.805750466985295)</t>
  </si>
  <si>
    <t>POINT (4.705892808361318 51.79246838856608)</t>
  </si>
  <si>
    <t>POINT (4.6824224469349005 51.77454230561596)</t>
  </si>
  <si>
    <t>POINT (4.720930761261745 51.79762821191631)</t>
  </si>
  <si>
    <t>POINT (4.666772402293355 51.77968903086339)</t>
  </si>
  <si>
    <t>POINT (4.681672884547798 51.7863159428309)</t>
  </si>
  <si>
    <t>POINT (4.652343275084488 51.80547594926781)</t>
  </si>
  <si>
    <t>POINT (4.727993389229462 51.804228824918795)</t>
  </si>
  <si>
    <t>POINT (4.7108181831921465 51.79492521168836)</t>
  </si>
  <si>
    <t>3328BK</t>
  </si>
  <si>
    <t>POINT (4.667612769382008 51.7758110024194)</t>
  </si>
  <si>
    <t>3315TA</t>
  </si>
  <si>
    <t>POINT (4.730855712405844 51.79737893480714)</t>
  </si>
  <si>
    <t>POINT (4.660137892270035 51.78961034608469)</t>
  </si>
  <si>
    <t>POINT (4.698265955963201 51.792686596208526)</t>
  </si>
  <si>
    <t>POINT (4.693904897081355 51.79159075822699)</t>
  </si>
  <si>
    <t>POINT (4.6557790356538105 51.80994441910713)</t>
  </si>
  <si>
    <t>POINT (4.6740017541724725 51.817230336620405)</t>
  </si>
  <si>
    <t>POINT (4.674693995455617 51.81837945466511)</t>
  </si>
  <si>
    <t>POINT (4.661717701587862 51.78797646978961)</t>
  </si>
  <si>
    <t>POINT (4.667426057746985 51.81331792470494)</t>
  </si>
  <si>
    <t>POINT (4.682691391107828 51.79878535328596)</t>
  </si>
  <si>
    <t>3312PC</t>
  </si>
  <si>
    <t>POINT (4.677987012666282 51.805933725255606)</t>
  </si>
  <si>
    <t>3315AR</t>
  </si>
  <si>
    <t>POINT (4.7246272587852385 51.79949975442596)</t>
  </si>
  <si>
    <t>3312VA</t>
  </si>
  <si>
    <t>POINT (4.680345968725599 51.80700888337455)</t>
  </si>
  <si>
    <t>3318AE</t>
  </si>
  <si>
    <t>POINT (4.678625760949146 51.789831067770386)</t>
  </si>
  <si>
    <t>POINT (4.683414838559378 51.798001387952375)</t>
  </si>
  <si>
    <t>POINT (4.66775877283222 51.81171617813542)</t>
  </si>
  <si>
    <t>POINT (4.671276904409117 51.80869876629673)</t>
  </si>
  <si>
    <t>POINT (4.72532971319299 51.80533624159715)</t>
  </si>
  <si>
    <t>POINT (4.652465904212392 51.78518782705786)</t>
  </si>
  <si>
    <t>POINT (4.712583197489882 51.792962857571744)</t>
  </si>
  <si>
    <t>POINT (4.6718504304357324 51.77605146810172)</t>
  </si>
  <si>
    <t>POINT (4.661429034275915 51.81295242587836)</t>
  </si>
  <si>
    <t>3312SM</t>
  </si>
  <si>
    <t>Kokmeeuwstraat</t>
  </si>
  <si>
    <t>POINT (4.686915755225295 51.809891506763115)</t>
  </si>
  <si>
    <t>POINT (4.701962377182196 51.798509755121216)</t>
  </si>
  <si>
    <t>3319HK</t>
  </si>
  <si>
    <t>3319HJ-3319HK</t>
  </si>
  <si>
    <t>POINT (4.708792710575999 51.796694781940616)</t>
  </si>
  <si>
    <t>POINT (4.6388800897919475 51.78323162165473)</t>
  </si>
  <si>
    <t>POINT (4.669775934024542 51.81493938996078)</t>
  </si>
  <si>
    <t>POINT (4.697369237999383 51.79951729127243)</t>
  </si>
  <si>
    <t>POINT (4.668820892483229 51.81559189610932)</t>
  </si>
  <si>
    <t>POINT (4.690721603553335 51.78789966657429)</t>
  </si>
  <si>
    <t>3317RE</t>
  </si>
  <si>
    <t>Wibautstraat</t>
  </si>
  <si>
    <t>POINT (4.661577137685605 51.79227067375661)</t>
  </si>
  <si>
    <t>POINT (4.668442601681248 51.79191128668618)</t>
  </si>
  <si>
    <t>3313GW</t>
  </si>
  <si>
    <t>POINT (4.693345950558838 51.81805406278387)</t>
  </si>
  <si>
    <t>3315SL</t>
  </si>
  <si>
    <t>POINT (4.727101033034026 51.80372617034543)</t>
  </si>
  <si>
    <t>POINT (4.66356327553689 51.79366327371673)</t>
  </si>
  <si>
    <t>3315BV</t>
  </si>
  <si>
    <t>POINT (4.729166494099157 51.79893472817587)</t>
  </si>
  <si>
    <t>POINT (4.731753667439591 51.80377653021252)</t>
  </si>
  <si>
    <t>3329BD</t>
  </si>
  <si>
    <t>POINT (4.730274040726866 51.79069753791163)</t>
  </si>
  <si>
    <t>POINT (4.729376212671532 51.80112063818224)</t>
  </si>
  <si>
    <t>3313GA</t>
  </si>
  <si>
    <t>Alblasstraat</t>
  </si>
  <si>
    <t>POINT (4.695961364303673 51.81762038725473)</t>
  </si>
  <si>
    <t>POINT (4.68665261623151 51.780430473412636)</t>
  </si>
  <si>
    <t>POINT (4.666956128334293 51.79629738226346)</t>
  </si>
  <si>
    <t>POINT (4.681083952129805 51.81205428018318)</t>
  </si>
  <si>
    <t>POINT (4.703892798253274 51.797195671234974)</t>
  </si>
  <si>
    <t>POINT (4.698311038896017 51.79296173455315)</t>
  </si>
  <si>
    <t>POINT (4.682535191370103 51.77565689917031)</t>
  </si>
  <si>
    <t>POINT (4.653488729078759 51.790052090620314)</t>
  </si>
  <si>
    <t>POINT (4.6666549288881445 51.802950229883976)</t>
  </si>
  <si>
    <t>POINT (4.6599131955198 51.77091569287471)</t>
  </si>
  <si>
    <t>3319BS</t>
  </si>
  <si>
    <t>POINT (4.69910911143444 51.79741922521489)</t>
  </si>
  <si>
    <t>POINT (4.653077772646011 51.791229890375604)</t>
  </si>
  <si>
    <t>POINT (4.684363586988869 51.7826416526121)</t>
  </si>
  <si>
    <t>POINT (4.665554942457969 51.772384847857246)</t>
  </si>
  <si>
    <t>POINT (4.6664129442639934 51.815714127995065)</t>
  </si>
  <si>
    <t>POINT (4.685072654927223 51.77606546267169)</t>
  </si>
  <si>
    <t>POINT (4.679761195800591 51.781349625881816)</t>
  </si>
  <si>
    <t>3313XN</t>
  </si>
  <si>
    <t>POINT (4.690526381386569 51.81886361435467)</t>
  </si>
  <si>
    <t>POINT (4.672834576490101 51.8078896515078)</t>
  </si>
  <si>
    <t>POINT (4.6597562037634 51.77157074342027)</t>
  </si>
  <si>
    <t>3318TM</t>
  </si>
  <si>
    <t>POINT (4.682158774889102 51.78563523816134)</t>
  </si>
  <si>
    <t>POINT (4.729836635860189 51.804695114227414)</t>
  </si>
  <si>
    <t>POINT (4.686154680934245 51.807485514541774)</t>
  </si>
  <si>
    <t>POINT (4.651963047243415 51.80078597791673)</t>
  </si>
  <si>
    <t>POINT (4.672148782527143 51.80467638084403)</t>
  </si>
  <si>
    <t>POINT (4.7278516952737135 51.80237097614676)</t>
  </si>
  <si>
    <t>POINT (4.729933936842338 51.797871673533045)</t>
  </si>
  <si>
    <t>3311PH</t>
  </si>
  <si>
    <t>Sint Jorisbrug</t>
  </si>
  <si>
    <t>POINT (4.674087281058786 51.81476036579329)</t>
  </si>
  <si>
    <t>3318CD</t>
  </si>
  <si>
    <t>POINT (4.678575941487752 51.78699905877471)</t>
  </si>
  <si>
    <t>3311TT</t>
  </si>
  <si>
    <t>POINT (4.67355493757803 51.815665362952885)</t>
  </si>
  <si>
    <t>POINT (4.651396698250238 51.79244816939059)</t>
  </si>
  <si>
    <t>POINT (4.728147207237026 51.80467053665043)</t>
  </si>
  <si>
    <t>3311HK</t>
  </si>
  <si>
    <t>POINT (4.6660580453561735 51.809143614457916)</t>
  </si>
  <si>
    <t>POINT (4.672393402921959 51.777803622017146)</t>
  </si>
  <si>
    <t>POINT (4.6649494166624 51.7889864187583)</t>
  </si>
  <si>
    <t>POINT (4.662319749054312 51.78743360626341)</t>
  </si>
  <si>
    <t>POINT (4.685290993922427 51.7885946269581)</t>
  </si>
  <si>
    <t>POINT (4.662060838488881 51.81344772485259)</t>
  </si>
  <si>
    <t>POINT (4.630979554733891 51.7689882782338)</t>
  </si>
  <si>
    <t>POINT (4.668345028890974 51.79192072022558)</t>
  </si>
  <si>
    <t>POINT (4.650887611120165 51.79250724905376)</t>
  </si>
  <si>
    <t>POINT (4.728472323979242 51.804136513667395)</t>
  </si>
  <si>
    <t>3316EC</t>
  </si>
  <si>
    <t>Leeghwaterstraat</t>
  </si>
  <si>
    <t>POINT (4.6466548198312205 51.7787072208969)</t>
  </si>
  <si>
    <t>POINT (4.681514631781175 51.78914869392093)</t>
  </si>
  <si>
    <t>POINT (4.67865279650886 51.78987054760408)</t>
  </si>
  <si>
    <t>POINT (4.658720270773092 51.803407487234736)</t>
  </si>
  <si>
    <t>POINT (4.726006567013219 51.791829765136626)</t>
  </si>
  <si>
    <t>POINT (4.678322923253689 51.80761088442947)</t>
  </si>
  <si>
    <t>POINT (4.697935098420854 51.78387938023198)</t>
  </si>
  <si>
    <t>POINT (4.700269261045943 51.791003169694655)</t>
  </si>
  <si>
    <t>POINT (4.704926577237729 51.793412390012776)</t>
  </si>
  <si>
    <t>POINT (4.629486340125975 51.72594284991353)</t>
  </si>
  <si>
    <t>POINT (4.667158845632503 51.815529603083114)</t>
  </si>
  <si>
    <t>3317DC</t>
  </si>
  <si>
    <t>Refajalaan</t>
  </si>
  <si>
    <t>POINT (4.652620424806863 51.78265453307945)</t>
  </si>
  <si>
    <t>POINT (4.706535531693654 51.794106447505136)</t>
  </si>
  <si>
    <t>POINT (4.628917321112967 51.726645850778894)</t>
  </si>
  <si>
    <t>POINT (4.655576466572897 51.78966956350828)</t>
  </si>
  <si>
    <t>POINT (4.66814200662327 51.804119908841464)</t>
  </si>
  <si>
    <t>3319CR</t>
  </si>
  <si>
    <t>POINT (4.70010353575626 51.79934887018065)</t>
  </si>
  <si>
    <t>3315KR</t>
  </si>
  <si>
    <t>POINT (4.719986549532755 51.80395865581748)</t>
  </si>
  <si>
    <t>3315TN</t>
  </si>
  <si>
    <t>POINT (4.712846300891342 51.80517786619717)</t>
  </si>
  <si>
    <t>POINT (4.6629799787256925 51.7862339973461)</t>
  </si>
  <si>
    <t>POINT (4.655138026705832 51.788124796618646)</t>
  </si>
  <si>
    <t>POINT (4.7071465643316035 51.80772803112633)</t>
  </si>
  <si>
    <t>POINT (4.730992493692503 51.804540282823886)</t>
  </si>
  <si>
    <t>POINT (4.676628443399852 51.807960092831266)</t>
  </si>
  <si>
    <t>POINT (4.662820185606499 51.81016324891208)</t>
  </si>
  <si>
    <t>POINT (4.669810436092452 51.7782922354179)</t>
  </si>
  <si>
    <t>POINT (4.627917292021418 51.72584864938885)</t>
  </si>
  <si>
    <t>POINT (4.687795289947531 51.81226932752358)</t>
  </si>
  <si>
    <t>POINT (4.666400560622288 51.81351439701001)</t>
  </si>
  <si>
    <t>POINT (4.725652919364741 51.798708096344726)</t>
  </si>
  <si>
    <t>POINT (4.675805577202191 51.784891618395605)</t>
  </si>
  <si>
    <t>POINT (4.675337307837598 51.77427371912471)</t>
  </si>
  <si>
    <t>POINT (4.659759872889284 51.79014896998035)</t>
  </si>
  <si>
    <t>POINT (4.6524329752432525 51.78537654568862)</t>
  </si>
  <si>
    <t>POINT (4.699942075589533 51.79546127906709)</t>
  </si>
  <si>
    <t>3312WC</t>
  </si>
  <si>
    <t>Eb</t>
  </si>
  <si>
    <t>POINT (4.692929059943919 51.811260381553176)</t>
  </si>
  <si>
    <t>POINT (4.698160741824424 51.79613191119245)</t>
  </si>
  <si>
    <t>3311VW</t>
  </si>
  <si>
    <t>Belgracht</t>
  </si>
  <si>
    <t>POINT (4.663564468146333 51.81272663113061)</t>
  </si>
  <si>
    <t>POINT (4.668110825119446 51.81663524919216)</t>
  </si>
  <si>
    <t>3317JT</t>
  </si>
  <si>
    <t>POINT (4.665631652042905 51.79603034235117)</t>
  </si>
  <si>
    <t>POINT (4.6658273433346915 51.81428594152613)</t>
  </si>
  <si>
    <t>POINT (4.715865557330566 51.81364372866334)</t>
  </si>
  <si>
    <t>3313GD</t>
  </si>
  <si>
    <t>POINT (4.694866000828602 51.81825616965059)</t>
  </si>
  <si>
    <t>POINT (4.671794591639075 51.803719533889726)</t>
  </si>
  <si>
    <t>POINT (4.689542515567549 51.78995291144046)</t>
  </si>
  <si>
    <t>POINT (4.666178650615566 51.809335715626716)</t>
  </si>
  <si>
    <t>POINT (4.720450471130367 51.811345226454804)</t>
  </si>
  <si>
    <t>POINT (4.723009560519643 51.79788504695681)</t>
  </si>
  <si>
    <t>3328DC</t>
  </si>
  <si>
    <t>POINT (4.678520734506182 51.77391666795998)</t>
  </si>
  <si>
    <t>POINT (4.673340260113 51.78557348122386)</t>
  </si>
  <si>
    <t>3315RD</t>
  </si>
  <si>
    <t>POINT (4.720058346812023 51.80473110760606)</t>
  </si>
  <si>
    <t>POINT (4.70427680058122 51.816797476085696)</t>
  </si>
  <si>
    <t>3312WB</t>
  </si>
  <si>
    <t>Tijpoort</t>
  </si>
  <si>
    <t>POINT (4.6953340331450715 51.81021710579781)</t>
  </si>
  <si>
    <t>POINT (4.718877561693064 51.8021329888352)</t>
  </si>
  <si>
    <t>POINT (4.6806728905273625 51.807057728181974)</t>
  </si>
  <si>
    <t>POINT (4.673363935074592 51.80516964481373)</t>
  </si>
  <si>
    <t>POINT (4.669345507804647 51.78158481359722)</t>
  </si>
  <si>
    <t>POINT (4.658148016407151 51.79079683838982)</t>
  </si>
  <si>
    <t>POINT (4.65987985708286 51.791093168615845)</t>
  </si>
  <si>
    <t>POINT (4.662838062432802 51.79910135622138)</t>
  </si>
  <si>
    <t>3317EB</t>
  </si>
  <si>
    <t>POINT (4.6628252995019395 51.79340837507348)</t>
  </si>
  <si>
    <t>POINT (4.663421901454171 51.809594616294135)</t>
  </si>
  <si>
    <t>POINT (4.660885014247567 51.78984696376726)</t>
  </si>
  <si>
    <t>3319TD</t>
  </si>
  <si>
    <t>POINT (4.704231697746889 51.78956628402038)</t>
  </si>
  <si>
    <t>3317DL</t>
  </si>
  <si>
    <t>Diaconesselaan</t>
  </si>
  <si>
    <t>POINT (4.6552608789727214 51.781137186315945)</t>
  </si>
  <si>
    <t>POINT (4.6574457195437855 51.81069307267983)</t>
  </si>
  <si>
    <t>POINT (4.714711043034387 51.8138564683066)</t>
  </si>
  <si>
    <t>POINT (4.66764782356551 51.81553048085303)</t>
  </si>
  <si>
    <t>POINT (4.673637232507234 51.80512771202103)</t>
  </si>
  <si>
    <t>POINT (4.64337554809593 51.76935033537529)</t>
  </si>
  <si>
    <t>POINT (4.678485935314893 51.78561688060555)</t>
  </si>
  <si>
    <t>POINT (4.671542225496654 51.80871684299806)</t>
  </si>
  <si>
    <t>POINT (4.67102556081544 51.779506179828225)</t>
  </si>
  <si>
    <t>POINT (4.675453996132221 51.78324397819575)</t>
  </si>
  <si>
    <t>3314EK</t>
  </si>
  <si>
    <t>POINT (4.656490767592917 51.803123855237025)</t>
  </si>
  <si>
    <t>POINT (4.6830653888052955 51.776733729995975)</t>
  </si>
  <si>
    <t>3318TL</t>
  </si>
  <si>
    <t>Regulushof</t>
  </si>
  <si>
    <t>POINT (4.684466817837497 51.78618139802329)</t>
  </si>
  <si>
    <t>3317LM</t>
  </si>
  <si>
    <t>POINT (4.659063871016867 51.78845766909607)</t>
  </si>
  <si>
    <t>POINT (4.656779560007803 51.810121040723935)</t>
  </si>
  <si>
    <t>POINT (4.673468280154826 51.8155666077837)</t>
  </si>
  <si>
    <t>3319GT</t>
  </si>
  <si>
    <t>Vissersdijk</t>
  </si>
  <si>
    <t>POINT (4.7113856168677515 51.799734249381984)</t>
  </si>
  <si>
    <t>POINT (4.672677247960322 51.817882767436075)</t>
  </si>
  <si>
    <t>POINT (4.662845584905394 51.79123149048313)</t>
  </si>
  <si>
    <t>POINT (4.665746584614116 51.81670161913737)</t>
  </si>
  <si>
    <t>POINT (4.726003738635042 51.80621122923172)</t>
  </si>
  <si>
    <t>POINT (4.675702472696439 51.816703164298794)</t>
  </si>
  <si>
    <t>POINT (4.683932625478082 51.79809398407003)</t>
  </si>
  <si>
    <t>3317JN</t>
  </si>
  <si>
    <t>Salvia</t>
  </si>
  <si>
    <t>3317JM-3317JN</t>
  </si>
  <si>
    <t>POINT (4.672362296630097 51.7933522949569)</t>
  </si>
  <si>
    <t>POINT (4.729311267756521 51.79728661851074)</t>
  </si>
  <si>
    <t>POINT (4.682808060185409 51.78878211556791)</t>
  </si>
  <si>
    <t>POINT (4.672055753086488 51.80388653566529)</t>
  </si>
  <si>
    <t>3328SK</t>
  </si>
  <si>
    <t>POINT (4.672690521258511 51.78352758883725)</t>
  </si>
  <si>
    <t>POINT (4.659653708988925 51.782362784030255)</t>
  </si>
  <si>
    <t>POINT (4.711562320170778 51.816419794013505)</t>
  </si>
  <si>
    <t>3317AX</t>
  </si>
  <si>
    <t>POINT (4.6500094864222135 51.79360212353956)</t>
  </si>
  <si>
    <t>POINT (4.665901410604181 51.81247648153047)</t>
  </si>
  <si>
    <t>3312CD</t>
  </si>
  <si>
    <t>POINT (4.678552885134249 51.80812928392233)</t>
  </si>
  <si>
    <t>POINT (4.660994116538238 51.803896032693196)</t>
  </si>
  <si>
    <t>3317CM</t>
  </si>
  <si>
    <t>POINT (4.657600891864038 51.78744748834536)</t>
  </si>
  <si>
    <t>POINT (4.66475550565814 51.79222903181193)</t>
  </si>
  <si>
    <t>POINT (4.723303082955935 51.79779246224774)</t>
  </si>
  <si>
    <t>POINT (4.651451956703869 51.793935833113814)</t>
  </si>
  <si>
    <t>POINT (4.682382396559197 51.80148480197569)</t>
  </si>
  <si>
    <t>POINT (4.674278579054189 51.81270734717833)</t>
  </si>
  <si>
    <t>POINT (4.667862474502894 51.816889616755404)</t>
  </si>
  <si>
    <t>POINT (4.693382546213311 51.79563906404705)</t>
  </si>
  <si>
    <t>POINT (4.654189984114083 51.79177628467257)</t>
  </si>
  <si>
    <t>POINT (4.670275983022732 51.81138920479282)</t>
  </si>
  <si>
    <t>3318VG</t>
  </si>
  <si>
    <t>POINT (4.685861729897122 51.78670743178503)</t>
  </si>
  <si>
    <t>POINT (4.655560531927361 51.79010514696747)</t>
  </si>
  <si>
    <t>POINT (4.683955274883099 51.786016769679726)</t>
  </si>
  <si>
    <t>POINT (4.679910926631983 51.812066164198775)</t>
  </si>
  <si>
    <t>POINT (4.662542955368343 51.79196166150748)</t>
  </si>
  <si>
    <t>POINT (4.71231569301575 51.80911914150444)</t>
  </si>
  <si>
    <t>3329KM</t>
  </si>
  <si>
    <t>Oude Veerweg</t>
  </si>
  <si>
    <t>POINT (4.732432518296003 51.80204724849522)</t>
  </si>
  <si>
    <t>POINT (4.669531513376434 51.810273581772854)</t>
  </si>
  <si>
    <t>POINT (4.69766998922598 51.79664406075405)</t>
  </si>
  <si>
    <t>3317NV</t>
  </si>
  <si>
    <t>POINT (4.653679520890104 51.78574360839137)</t>
  </si>
  <si>
    <t>3313CM</t>
  </si>
  <si>
    <t>Dubbelstraat</t>
  </si>
  <si>
    <t>POINT (4.704399588523313 51.81639313531599)</t>
  </si>
  <si>
    <t>POINT (4.677091373881836 51.777818271787105)</t>
  </si>
  <si>
    <t>POINT (4.67197357996686 51.80266559630155)</t>
  </si>
  <si>
    <t>POINT (4.7195015565328315 51.801092267364595)</t>
  </si>
  <si>
    <t>POINT (4.667924075225536 51.8172892261946)</t>
  </si>
  <si>
    <t>POINT (4.681877916113982 51.78059297665466)</t>
  </si>
  <si>
    <t>POINT (4.6663622832671106 51.80930706429755)</t>
  </si>
  <si>
    <t>POINT (4.676426337581268 51.78384935752876)</t>
  </si>
  <si>
    <t>POINT (4.637935525458388 51.77849857736299)</t>
  </si>
  <si>
    <t>POINT (4.6761305848326264 51.81836602830803)</t>
  </si>
  <si>
    <t>POINT (4.657888072680578 51.76964094613486)</t>
  </si>
  <si>
    <t>POINT (4.728602291717956 51.79668634324781)</t>
  </si>
  <si>
    <t>3315XH</t>
  </si>
  <si>
    <t>POINT (4.71661649842197 51.79977230706936)</t>
  </si>
  <si>
    <t>3315DE</t>
  </si>
  <si>
    <t>POINT (4.730537498727314 51.804761006148176)</t>
  </si>
  <si>
    <t>POINT (4.683976900705895 51.80688810321462)</t>
  </si>
  <si>
    <t>POINT (4.65824829782628 51.80321573947445)</t>
  </si>
  <si>
    <t>POINT (4.665367465641171 51.77271670823283)</t>
  </si>
  <si>
    <t>POINT (4.713403487889321 51.810363488202455)</t>
  </si>
  <si>
    <t>POINT (4.678207654719087 51.80512956540258)</t>
  </si>
  <si>
    <t>3319GN</t>
  </si>
  <si>
    <t>POINT (4.661112037220824 51.802592107640336)</t>
  </si>
  <si>
    <t>3318BA</t>
  </si>
  <si>
    <t>POINT (4.681328171525064 51.78798174788369)</t>
  </si>
  <si>
    <t>3312JC</t>
  </si>
  <si>
    <t>POINT (4.681597959207591 51.80322463649585)</t>
  </si>
  <si>
    <t>POINT (4.676852957521776 51.79004579178725)</t>
  </si>
  <si>
    <t>3311VV</t>
  </si>
  <si>
    <t>Suikerstraat</t>
  </si>
  <si>
    <t>POINT (4.659089563232386 51.81326801638809)</t>
  </si>
  <si>
    <t>POINT (4.655246816996152 51.81054118554469)</t>
  </si>
  <si>
    <t>POINT (4.676750680157278 51.78654647570568)</t>
  </si>
  <si>
    <t>3317CE</t>
  </si>
  <si>
    <t>Swartenhondtstraat</t>
  </si>
  <si>
    <t>POINT (4.652019229261772 51.788705585413)</t>
  </si>
  <si>
    <t>3317DE</t>
  </si>
  <si>
    <t>Frederika Meyboomhof</t>
  </si>
  <si>
    <t>POINT (4.653497596815712 51.78246928251728)</t>
  </si>
  <si>
    <t>3319ER</t>
  </si>
  <si>
    <t>POINT (4.704520514526366 51.790777956982254)</t>
  </si>
  <si>
    <t>3314NG</t>
  </si>
  <si>
    <t>POINT (4.670558192911069 51.80140715516448)</t>
  </si>
  <si>
    <t>POINT (4.674397333533383 51.81688546274164)</t>
  </si>
  <si>
    <t>POINT (4.652405977645072 51.79213009272326)</t>
  </si>
  <si>
    <t>POINT (4.658864514410033 51.811145299127794)</t>
  </si>
  <si>
    <t>POINT (4.678558168025887 51.78708976419008)</t>
  </si>
  <si>
    <t>POINT (4.710956369534586 51.7920613847089)</t>
  </si>
  <si>
    <t>3314NA</t>
  </si>
  <si>
    <t>POINT (4.668945176818849 51.79882504372764)</t>
  </si>
  <si>
    <t>POINT (4.673339430427984 51.79667502679717)</t>
  </si>
  <si>
    <t>POINT (4.68418317069217 51.80724013999411)</t>
  </si>
  <si>
    <t>POINT (4.6450182892718495 51.787141318863036)</t>
  </si>
  <si>
    <t>POINT (4.658031754752449 51.80599836328409)</t>
  </si>
  <si>
    <t>3329KC</t>
  </si>
  <si>
    <t>3329KA-3329KG</t>
  </si>
  <si>
    <t>POINT (4.7302628974093786 51.78931168632861)</t>
  </si>
  <si>
    <t>3318VN</t>
  </si>
  <si>
    <t>POINT (4.685309846492998 51.787697704648096)</t>
  </si>
  <si>
    <t>3315CB</t>
  </si>
  <si>
    <t>POINT (4.730218937080534 51.80073398550207)</t>
  </si>
  <si>
    <t>POINT (4.710469806105204 51.79187986640491)</t>
  </si>
  <si>
    <t>POINT (4.684381744597383 51.775984947540195)</t>
  </si>
  <si>
    <t>POINT (4.633514545405042 51.778659240052654)</t>
  </si>
  <si>
    <t>POINT (4.75721191079184 51.78981057930563)</t>
  </si>
  <si>
    <t>POINT (4.726362521963343 51.80596971221517)</t>
  </si>
  <si>
    <t>POINT (4.651931275282511 51.78772835621164)</t>
  </si>
  <si>
    <t>POINT (4.699762676697664 51.79106038146774)</t>
  </si>
  <si>
    <t>3311AL</t>
  </si>
  <si>
    <t>POINT (4.6693029414705 51.819340164334264)</t>
  </si>
  <si>
    <t>POINT (4.667418089078009 51.802673936556694)</t>
  </si>
  <si>
    <t>POINT (4.663742183297541 51.80034528909411)</t>
  </si>
  <si>
    <t>POINT (4.681707762761362 51.81429387258148)</t>
  </si>
  <si>
    <t>3317VM</t>
  </si>
  <si>
    <t>POINT (4.653608979472889 51.792070907345995)</t>
  </si>
  <si>
    <t>3312LM</t>
  </si>
  <si>
    <t>POINT (4.686678046923596 51.80432074571751)</t>
  </si>
  <si>
    <t>POINT (4.681634941572704 51.77490431883751)</t>
  </si>
  <si>
    <t>POINT (4.669134967324649 51.7910588587413)</t>
  </si>
  <si>
    <t>POINT (4.682041405017306 51.77947207113134)</t>
  </si>
  <si>
    <t>POINT (4.657651317973448 51.80184733828197)</t>
  </si>
  <si>
    <t>3316AM</t>
  </si>
  <si>
    <t>Marconiweg</t>
  </si>
  <si>
    <t>POINT (4.6423220361520645 51.79930219975589)</t>
  </si>
  <si>
    <t>POINT (4.650464539504213 51.79421448867441)</t>
  </si>
  <si>
    <t>3328PE</t>
  </si>
  <si>
    <t>POINT (4.674962535972303 51.77951938416422)</t>
  </si>
  <si>
    <t>POINT (4.6805908961406315 51.80743965751332)</t>
  </si>
  <si>
    <t>3311LW</t>
  </si>
  <si>
    <t>Dubbeldamseweg Noord</t>
  </si>
  <si>
    <t>POINT (4.672268669550087 51.808496068830685)</t>
  </si>
  <si>
    <t>POINT (4.722585080959883 51.80265413084934)</t>
  </si>
  <si>
    <t>3312AP</t>
  </si>
  <si>
    <t>Parklaan</t>
  </si>
  <si>
    <t>3312AN-3312AP</t>
  </si>
  <si>
    <t>POINT (4.689886256820052 51.81452507916782)</t>
  </si>
  <si>
    <t>3317SW</t>
  </si>
  <si>
    <t>Van Hallstraat</t>
  </si>
  <si>
    <t>POINT (4.664854648868789 51.787193307647556)</t>
  </si>
  <si>
    <t>POINT (4.653893546160955 51.80634968638911)</t>
  </si>
  <si>
    <t>POINT (4.6808235980084785 51.77546102240284)</t>
  </si>
  <si>
    <t>3315AX</t>
  </si>
  <si>
    <t>POINT (4.722269340781114 51.798768051758564)</t>
  </si>
  <si>
    <t>POINT (4.682133234796158 51.78195047470259)</t>
  </si>
  <si>
    <t>POINT (4.6808897592044385 51.800351324498834)</t>
  </si>
  <si>
    <t>POINT (4.661602298885831 51.813921407542296)</t>
  </si>
  <si>
    <t>3318JA</t>
  </si>
  <si>
    <t>Callistolaan</t>
  </si>
  <si>
    <t>POINT (4.671297242486254 51.78523089332975)</t>
  </si>
  <si>
    <t>POINT (4.6725697882103905 51.7837231486498)</t>
  </si>
  <si>
    <t>POINT (4.673847725850781 51.80555456093715)</t>
  </si>
  <si>
    <t>POINT (4.67058925023096 51.81785108854071)</t>
  </si>
  <si>
    <t>3319GS</t>
  </si>
  <si>
    <t>Bamendaweg</t>
  </si>
  <si>
    <t>POINT (4.706773543695213 51.80033350973325)</t>
  </si>
  <si>
    <t>POINT (4.721735714389461 51.79414431188972)</t>
  </si>
  <si>
    <t>POINT (4.674295639564922 51.78030337245699)</t>
  </si>
  <si>
    <t>POINT (4.68382390900099 51.79972468755684)</t>
  </si>
  <si>
    <t>POINT (4.65315424088256 51.79232785459743)</t>
  </si>
  <si>
    <t>POINT (4.683256763039757 51.80671308142536)</t>
  </si>
  <si>
    <t>POINT (4.663636953725948 51.80412826815101)</t>
  </si>
  <si>
    <t>POINT (4.707061932127834 51.796545805562545)</t>
  </si>
  <si>
    <t>POINT (4.6597289664250425 51.79626332649349)</t>
  </si>
  <si>
    <t>3312CA</t>
  </si>
  <si>
    <t>Ambonstraat</t>
  </si>
  <si>
    <t>POINT (4.682480166272634 51.80604458861411)</t>
  </si>
  <si>
    <t>3311GV</t>
  </si>
  <si>
    <t>POINT (4.663212370478345 51.81046021937608)</t>
  </si>
  <si>
    <t>POINT (4.6782539460403205 51.80652348531239)</t>
  </si>
  <si>
    <t>POINT (4.6618247980058305 51.79495660034548)</t>
  </si>
  <si>
    <t>POINT (4.660972683030946 51.813558442064945)</t>
  </si>
  <si>
    <t>3314BR</t>
  </si>
  <si>
    <t>POINT (4.661078109182845 51.80473170982616)</t>
  </si>
  <si>
    <t>POINT (4.682385489314366 51.7744528796227)</t>
  </si>
  <si>
    <t>3328CL</t>
  </si>
  <si>
    <t>POINT (4.674421189271265 51.77634741447058)</t>
  </si>
  <si>
    <t>POINT (4.649980800923919 51.793474294577)</t>
  </si>
  <si>
    <t>3311VK</t>
  </si>
  <si>
    <t>Lange Breestraat</t>
  </si>
  <si>
    <t>POINT (4.664429887100093 51.81277085846598)</t>
  </si>
  <si>
    <t>POINT (4.73081122305051 51.799810544722206)</t>
  </si>
  <si>
    <t>POINT (4.662959680459117 51.787174405516325)</t>
  </si>
  <si>
    <t>POINT (4.701108953306609 51.789620969474726)</t>
  </si>
  <si>
    <t>POINT (4.710518691166355 51.795468404230334)</t>
  </si>
  <si>
    <t>POINT (4.732546719407782 51.79790828530785)</t>
  </si>
  <si>
    <t>3315PL</t>
  </si>
  <si>
    <t>POINT (4.712309226639412 51.81107122191241)</t>
  </si>
  <si>
    <t>POINT (4.670203470799825 51.79759102440358)</t>
  </si>
  <si>
    <t>POINT (4.732059239498686 51.79725760015667)</t>
  </si>
  <si>
    <t>POINT (4.716417612002563 51.813891241466195)</t>
  </si>
  <si>
    <t>POINT (4.669970204441117 51.808947027087044)</t>
  </si>
  <si>
    <t>POINT (4.7184596072988345 51.7991160575183)</t>
  </si>
  <si>
    <t>POINT (4.724212590063621 51.80413870663652)</t>
  </si>
  <si>
    <t>POINT (4.710591743215377 51.79186125308968)</t>
  </si>
  <si>
    <t>POINT (4.625932422169574 51.79475140831949)</t>
  </si>
  <si>
    <t>3311CS</t>
  </si>
  <si>
    <t>Vleeshouwersstraat</t>
  </si>
  <si>
    <t>POINT (4.663989181126957 51.81493913405479)</t>
  </si>
  <si>
    <t>POINT (4.729416807163161 51.801555061975236)</t>
  </si>
  <si>
    <t>POINT (4.665536120666965 51.77598169370835)</t>
  </si>
  <si>
    <t>POINT (4.665341824339881 51.81451821671349)</t>
  </si>
  <si>
    <t>3314WR</t>
  </si>
  <si>
    <t>POINT (4.653902870729043 51.80391450889835)</t>
  </si>
  <si>
    <t>POINT (4.706455081862335 51.787603029959065)</t>
  </si>
  <si>
    <t>3319XJ</t>
  </si>
  <si>
    <t>POINT (4.71000594790773 51.79121346676572)</t>
  </si>
  <si>
    <t>POINT (4.658737922824464 51.79139598686686)</t>
  </si>
  <si>
    <t>POINT (4.673169512823544 51.795279451460985)</t>
  </si>
  <si>
    <t>3317XJ</t>
  </si>
  <si>
    <t>Cornelis Evertsenstraat</t>
  </si>
  <si>
    <t>POINT (4.651247968479324 51.788918464978515)</t>
  </si>
  <si>
    <t>3312JW</t>
  </si>
  <si>
    <t>POINT (4.685137742676075 51.802139292204515)</t>
  </si>
  <si>
    <t>POINT (4.667819579605025 51.78912080903682)</t>
  </si>
  <si>
    <t>POINT (4.693454235277248 51.79699323605283)</t>
  </si>
  <si>
    <t>3315WD</t>
  </si>
  <si>
    <t>POINT (4.7088594704652 51.80759377657236)</t>
  </si>
  <si>
    <t>POINT (4.679202982670255 51.78503428473048)</t>
  </si>
  <si>
    <t>POINT (4.6509974376472085 51.793055611572626)</t>
  </si>
  <si>
    <t>POINT (4.72766348298573 51.80014967023502)</t>
  </si>
  <si>
    <t>POINT (4.6855155078143165 51.774347360972726)</t>
  </si>
  <si>
    <t>POINT (4.718869122494407 51.80233265051159)</t>
  </si>
  <si>
    <t>POINT (4.67680909485123 51.78643379661427)</t>
  </si>
  <si>
    <t>3319PK</t>
  </si>
  <si>
    <t>POINT (4.698480003349039 51.79297567926919)</t>
  </si>
  <si>
    <t>POINT (4.7287839434663725 51.8026167200338)</t>
  </si>
  <si>
    <t>POINT (4.653682139144646 51.79247908372991)</t>
  </si>
  <si>
    <t>3314PL</t>
  </si>
  <si>
    <t>Mecklenburgstraat</t>
  </si>
  <si>
    <t>POINT (4.667646666509428 51.800201894001475)</t>
  </si>
  <si>
    <t>POINT (4.668994044494755 51.77907567501507)</t>
  </si>
  <si>
    <t>POINT (4.659299951751062 51.790692783343495)</t>
  </si>
  <si>
    <t>POINT (4.686524449334061 51.78087592463771)</t>
  </si>
  <si>
    <t>POINT (4.656580023775099 51.790035663153574)</t>
  </si>
  <si>
    <t>POINT (4.713268610496863 51.813948444123604)</t>
  </si>
  <si>
    <t>POINT (4.716632762972214 51.81555588983281)</t>
  </si>
  <si>
    <t>POINT (4.666058641105775 51.79605073836206)</t>
  </si>
  <si>
    <t>POINT (4.6626700838382185 51.81258265094964)</t>
  </si>
  <si>
    <t>POINT (4.672762555455597 51.78257890138768)</t>
  </si>
  <si>
    <t>POINT (4.658085833322355 51.81058200542247)</t>
  </si>
  <si>
    <t>POINT (4.68376046458133 51.78115599904743)</t>
  </si>
  <si>
    <t>POINT (4.683362082090605 51.78936867199683)</t>
  </si>
  <si>
    <t>POINT (4.6628067058429705 51.81598441526963)</t>
  </si>
  <si>
    <t>POINT (4.687022645062669 51.77930764879035)</t>
  </si>
  <si>
    <t>3318CJ</t>
  </si>
  <si>
    <t>POINT (4.678183393049034 51.785570558286665)</t>
  </si>
  <si>
    <t>POINT (4.678507989794692 51.78977496803581)</t>
  </si>
  <si>
    <t>POINT (4.6849888775891415 51.809793763819975)</t>
  </si>
  <si>
    <t>POINT (4.657674345829442 51.81114752408182)</t>
  </si>
  <si>
    <t>3315TB</t>
  </si>
  <si>
    <t>POINT (4.733278158432401 51.79670808417176)</t>
  </si>
  <si>
    <t>POINT (4.677658658554052 51.79064280682078)</t>
  </si>
  <si>
    <t>POINT (4.727053438751952 51.802839281229204)</t>
  </si>
  <si>
    <t>POINT (4.665732748203713 51.8147097873654)</t>
  </si>
  <si>
    <t>POINT (4.674111319688652 51.805259887272086)</t>
  </si>
  <si>
    <t>3314EV</t>
  </si>
  <si>
    <t>Viottakade</t>
  </si>
  <si>
    <t>POINT (4.655669084149187 51.802194544266456)</t>
  </si>
  <si>
    <t>POINT (4.670244566018099 51.798703032710655)</t>
  </si>
  <si>
    <t>3316BC</t>
  </si>
  <si>
    <t>Kilkade</t>
  </si>
  <si>
    <t>POINT (4.640811249344641 51.79221665247461)</t>
  </si>
  <si>
    <t>POINT (4.674286410971112 51.80593155161085)</t>
  </si>
  <si>
    <t>POINT (4.68031989957224 51.804734232318296)</t>
  </si>
  <si>
    <t>POINT (4.667986204451652 51.77059441653021)</t>
  </si>
  <si>
    <t>POINT (4.680907622480401 51.77934177158153)</t>
  </si>
  <si>
    <t>POINT (4.678684796638102 51.78707331573268)</t>
  </si>
  <si>
    <t>3317PL</t>
  </si>
  <si>
    <t>POINT (4.663940957806968 51.79527564959537)</t>
  </si>
  <si>
    <t>V</t>
  </si>
  <si>
    <t>POINT (4.641667779256517 51.776218502444394)</t>
  </si>
  <si>
    <t>3318AJ</t>
  </si>
  <si>
    <t>POINT (4.678556274682192 51.78425179665018)</t>
  </si>
  <si>
    <t>3319AM</t>
  </si>
  <si>
    <t>POINT (4.693794480315075 51.79082643655713)</t>
  </si>
  <si>
    <t>POINT (4.67684993306734 51.78640461492822)</t>
  </si>
  <si>
    <t>POINT (4.670307592690127 51.81568864477146)</t>
  </si>
  <si>
    <t>POINT (4.669525662747296 51.79945686041371)</t>
  </si>
  <si>
    <t>POINT (4.6995568022756204 51.79041297914928)</t>
  </si>
  <si>
    <t>POINT (4.674122750623722 51.777629421709634)</t>
  </si>
  <si>
    <t>POINT (4.653557087717442 51.79179540244407)</t>
  </si>
  <si>
    <t>POINT (4.656610002396538 51.7821095296204)</t>
  </si>
  <si>
    <t>3311CW</t>
  </si>
  <si>
    <t>POINT (4.6630889202498 51.81334064484715)</t>
  </si>
  <si>
    <t>POINT (4.678103650480563 51.776330635080235)</t>
  </si>
  <si>
    <t>POINT (4.67953623717074 51.80441836566009)</t>
  </si>
  <si>
    <t>POINT (4.672863437322606 51.785534830427906)</t>
  </si>
  <si>
    <t>POINT (4.666458312072095 51.792841730534946)</t>
  </si>
  <si>
    <t>POINT (4.678964455332416 51.77751448013774)</t>
  </si>
  <si>
    <t>POINT (4.679974101627571 51.79873130690746)</t>
  </si>
  <si>
    <t>POINT (4.667124980185585 51.774239513536344)</t>
  </si>
  <si>
    <t>POINT (4.67000275925401 51.809738292717185)</t>
  </si>
  <si>
    <t>POINT (4.673169982870856 51.787524925284096)</t>
  </si>
  <si>
    <t>POINT (4.67763341506148 51.790617512766204)</t>
  </si>
  <si>
    <t>POINT (4.673628059802575 51.805963037167594)</t>
  </si>
  <si>
    <t>POINT (4.720006701220038 51.79755515040712)</t>
  </si>
  <si>
    <t>POINT (4.706383609053694 51.797449249749135)</t>
  </si>
  <si>
    <t>POINT (4.7049537149935645 51.797311264243405)</t>
  </si>
  <si>
    <t>POINT (4.681447628248876 51.77493609948114)</t>
  </si>
  <si>
    <t>3316KC</t>
  </si>
  <si>
    <t>Carneool</t>
  </si>
  <si>
    <t>3316KB-3316KC</t>
  </si>
  <si>
    <t>POINT (4.642917802764082 51.77070067731528)</t>
  </si>
  <si>
    <t>POINT (4.708377820832513 51.80688167897798)</t>
  </si>
  <si>
    <t>3314EE</t>
  </si>
  <si>
    <t>POINT (4.653497634135663 51.800773157460505)</t>
  </si>
  <si>
    <t>POINT (4.683267470376436 51.77648386162246)</t>
  </si>
  <si>
    <t>POINT (4.661909553418926 51.81629888007646)</t>
  </si>
  <si>
    <t>POINT (4.733358852553982 51.796065639313476)</t>
  </si>
  <si>
    <t>POINT (4.7135722014563 51.81489181884423)</t>
  </si>
  <si>
    <t>POINT (4.6696254163510575 51.81216281191997)</t>
  </si>
  <si>
    <t>POINT (4.69716071311484 51.79708038777457)</t>
  </si>
  <si>
    <t>3312CN</t>
  </si>
  <si>
    <t>POINT (4.685342335631999 51.80637596014932)</t>
  </si>
  <si>
    <t>POINT (4.732419201057694 51.79932350917759)</t>
  </si>
  <si>
    <t>POINT (4.694887718031778 51.79714107289429)</t>
  </si>
  <si>
    <t>3311XE</t>
  </si>
  <si>
    <t>Heer Heymansuysstraat</t>
  </si>
  <si>
    <t>POINT (4.672268100973076 51.81729024158879)</t>
  </si>
  <si>
    <t>POINT (4.673388931523921 51.772701148776974)</t>
  </si>
  <si>
    <t>3312NS</t>
  </si>
  <si>
    <t>POINT (4.684353282648958 51.80466347803845)</t>
  </si>
  <si>
    <t>POINT (4.669855772486176 51.774635877356566)</t>
  </si>
  <si>
    <t>POINT (4.656672561321261 51.781988895154825)</t>
  </si>
  <si>
    <t>POINT (4.6677554738203835 51.814288465537125)</t>
  </si>
  <si>
    <t>3314KH</t>
  </si>
  <si>
    <t>POINT (4.665511422099734 51.79994507814898)</t>
  </si>
  <si>
    <t>POINT (4.7154430413054795 51.80298343232261)</t>
  </si>
  <si>
    <t>POINT (4.673105419816334 51.77974224820269)</t>
  </si>
  <si>
    <t>POINT (4.663851321409775 51.81313306102386)</t>
  </si>
  <si>
    <t>POINT (4.673943541705092 51.78246520854391)</t>
  </si>
  <si>
    <t>POINT (4.660611691239056 51.78985948233629)</t>
  </si>
  <si>
    <t>POINT (4.740686956512003 51.789701331475754)</t>
  </si>
  <si>
    <t>POINT (4.707861473891059 51.801408079677934)</t>
  </si>
  <si>
    <t>POINT (4.682976939801688 51.80935843068733)</t>
  </si>
  <si>
    <t>POINT (4.674503830437177 51.81805053731876)</t>
  </si>
  <si>
    <t>3314LS</t>
  </si>
  <si>
    <t>POINT (4.6655983211507195 51.803766282446766)</t>
  </si>
  <si>
    <t>POINT (4.6675423861935315 51.790447674856146)</t>
  </si>
  <si>
    <t>POINT (4.677643706927371 51.79041104184086)</t>
  </si>
  <si>
    <t>POINT (4.6826566989210585 51.789394585775774)</t>
  </si>
  <si>
    <t>POINT (4.663059137184492 51.79188093932848)</t>
  </si>
  <si>
    <t>3311GJ</t>
  </si>
  <si>
    <t>Muys van Holystraat</t>
  </si>
  <si>
    <t>POINT (4.665032769745714 51.80991939648638)</t>
  </si>
  <si>
    <t>POINT (4.7001001015800306 51.79552494556256)</t>
  </si>
  <si>
    <t>POINT (4.679844076212685 51.77626922591573)</t>
  </si>
  <si>
    <t>POINT (4.677647518294876 51.790699547972665)</t>
  </si>
  <si>
    <t>POINT (4.68390521829383 51.78186948189904)</t>
  </si>
  <si>
    <t>POINT (4.64483241662547 51.7740099449879)</t>
  </si>
  <si>
    <t>POINT (4.696996124396317 51.795704207068894)</t>
  </si>
  <si>
    <t>POINT (4.698325396241876 51.80111129600884)</t>
  </si>
  <si>
    <t>POINT (4.708199781286569 51.80698336219936)</t>
  </si>
  <si>
    <t>3312EW</t>
  </si>
  <si>
    <t>POINT (4.673796317094703 51.80736516152031)</t>
  </si>
  <si>
    <t>3311MA</t>
  </si>
  <si>
    <t>Houthavenplein</t>
  </si>
  <si>
    <t>3311LZ-3311MA</t>
  </si>
  <si>
    <t>POINT (4.677593469694863 51.81738326208084)</t>
  </si>
  <si>
    <t>POINT (4.692058145351225 51.81877737227235)</t>
  </si>
  <si>
    <t>POINT (4.675879079279849 51.804919303460835)</t>
  </si>
  <si>
    <t>POINT (4.684048727435477 51.81250487729582)</t>
  </si>
  <si>
    <t>POINT (4.6685672353459315 51.80942991761333)</t>
  </si>
  <si>
    <t>POINT (4.6506107897275974 51.793303664012086)</t>
  </si>
  <si>
    <t>POINT (4.673460254514091 51.804209619415026)</t>
  </si>
  <si>
    <t>POINT (4.661912562972888 51.79720028191287)</t>
  </si>
  <si>
    <t>POINT (4.67588043599374 51.816385486993745)</t>
  </si>
  <si>
    <t>POINT (4.659156168243303 51.804924293199285)</t>
  </si>
  <si>
    <t>POINT (4.672946604259516 51.781962875789795)</t>
  </si>
  <si>
    <t>3314AT</t>
  </si>
  <si>
    <t>Van Manderstraat</t>
  </si>
  <si>
    <t>POINT (4.658215479729456 51.80714383721359)</t>
  </si>
  <si>
    <t>POINT (4.68313266415802 51.79792439680456)</t>
  </si>
  <si>
    <t>POINT (4.680248149248578 51.78576206596737)</t>
  </si>
  <si>
    <t>3314SV</t>
  </si>
  <si>
    <t>POINT (4.664309751324394 51.80082364204102)</t>
  </si>
  <si>
    <t>POINT (4.661117561107198 51.78982470910187)</t>
  </si>
  <si>
    <t>3315MR</t>
  </si>
  <si>
    <t>POINT (4.710252043713826 51.80334958484082)</t>
  </si>
  <si>
    <t>POINT (4.659651431358824 51.78259213495446)</t>
  </si>
  <si>
    <t>POINT (4.6605131148242 51.79231600639872)</t>
  </si>
  <si>
    <t>POINT (4.710144943080067 51.808516109988005)</t>
  </si>
  <si>
    <t>POINT (4.712577494316001 51.796039831646354)</t>
  </si>
  <si>
    <t>POINT (4.66949767409014 51.77905345458758)</t>
  </si>
  <si>
    <t>POINT (4.6840249862246734 51.781886757128056)</t>
  </si>
  <si>
    <t>POINT (4.668252756999397 51.80120105286803)</t>
  </si>
  <si>
    <t>POINT (4.668864706532659 51.815125831924775)</t>
  </si>
  <si>
    <t>POINT (4.661785620662016 51.804460375908455)</t>
  </si>
  <si>
    <t>POINT (4.7209648976094725 51.80324735256652)</t>
  </si>
  <si>
    <t>3314SH</t>
  </si>
  <si>
    <t>POINT (4.663726594947804 51.80191265020216)</t>
  </si>
  <si>
    <t>POINT (4.681658129234881 51.77526463571247)</t>
  </si>
  <si>
    <t>3311GD</t>
  </si>
  <si>
    <t>POINT (4.6685713597728355 51.810374841840655)</t>
  </si>
  <si>
    <t>POINT (4.6780172490886605 51.816979203459915)</t>
  </si>
  <si>
    <t>POINT (4.667259778051616 51.77694913556059)</t>
  </si>
  <si>
    <t>3311NH</t>
  </si>
  <si>
    <t>POINT (4.668779513640901 51.8134142532943)</t>
  </si>
  <si>
    <t>POINT (4.665470903250834 51.80921734334838)</t>
  </si>
  <si>
    <t>POINT (4.731801195968445 51.79091893073058)</t>
  </si>
  <si>
    <t>3317ZH</t>
  </si>
  <si>
    <t>POINT (4.654813171818085 51.79441045283823)</t>
  </si>
  <si>
    <t>3314AJ</t>
  </si>
  <si>
    <t>Heinsiusstraat</t>
  </si>
  <si>
    <t>POINT (4.658802482659746 51.80660385547379)</t>
  </si>
  <si>
    <t>POINT (4.656618320853089 51.813389402463784)</t>
  </si>
  <si>
    <t>3319PD</t>
  </si>
  <si>
    <t>POINT (4.693423155281113 51.795485130461635)</t>
  </si>
  <si>
    <t>POINT (4.675918684751383 51.78527380266248)</t>
  </si>
  <si>
    <t>3317EH</t>
  </si>
  <si>
    <t>POINT (4.663725449636868 51.79468852730101)</t>
  </si>
  <si>
    <t>3317SN</t>
  </si>
  <si>
    <t>POINT (4.663569185570162 51.78707585754246)</t>
  </si>
  <si>
    <t>POINT (4.693626347044698 51.791547242487106)</t>
  </si>
  <si>
    <t>POINT (4.665642804300494 51.7979485266314)</t>
  </si>
  <si>
    <t>POINT (4.724913855320407 51.798044879393416)</t>
  </si>
  <si>
    <t>POINT (4.662790387525913 51.80036637349951)</t>
  </si>
  <si>
    <t>POINT (4.676474620415966 51.81442377777397)</t>
  </si>
  <si>
    <t>POINT (4.676729974590574 51.80417123436707)</t>
  </si>
  <si>
    <t>POINT (4.684940517121665 51.77474974141363)</t>
  </si>
  <si>
    <t>3311EA</t>
  </si>
  <si>
    <t>Distelsteiger</t>
  </si>
  <si>
    <t>POINT (4.669956221074804 51.81764364614465)</t>
  </si>
  <si>
    <t>3319ST</t>
  </si>
  <si>
    <t>POINT (4.696318686631628 51.792140129956785)</t>
  </si>
  <si>
    <t>POINT (4.665573816486382 51.812013330283094)</t>
  </si>
  <si>
    <t>POINT (4.658736511186818 51.81197276706955)</t>
  </si>
  <si>
    <t>POINT (4.649296234704156 51.780973845898416)</t>
  </si>
  <si>
    <t>POINT (4.679182910463014 51.806711069915636)</t>
  </si>
  <si>
    <t>3316GB</t>
  </si>
  <si>
    <t>Bessemerstraat</t>
  </si>
  <si>
    <t>POINT (4.640851357602669 51.7790144519429)</t>
  </si>
  <si>
    <t>POINT (4.727800590039727 51.80521974555682)</t>
  </si>
  <si>
    <t>POINT (4.665437677502793 51.8138565654553)</t>
  </si>
  <si>
    <t>3311EL</t>
  </si>
  <si>
    <t>Turfsteiger</t>
  </si>
  <si>
    <t>POINT (4.670520973776467 51.818089698314964)</t>
  </si>
  <si>
    <t>POINT (4.667416442214463 51.77907740195919)</t>
  </si>
  <si>
    <t>POINT (4.6679505936635595 51.81483815949823)</t>
  </si>
  <si>
    <t>POINT (4.6829541769050635 51.7855934007996)</t>
  </si>
  <si>
    <t>POINT (4.683595332588206 51.80979020747221)</t>
  </si>
  <si>
    <t>POINT (4.675906592813895 51.78507000047968)</t>
  </si>
  <si>
    <t>3312SN</t>
  </si>
  <si>
    <t>POINT (4.6866445122901625 51.80904138479069)</t>
  </si>
  <si>
    <t>POINT (4.680575760236795 51.775130740623716)</t>
  </si>
  <si>
    <t>POINT (4.661688297842815 51.79952719263282)</t>
  </si>
  <si>
    <t>POINT (4.664097724642752 51.78709588973006)</t>
  </si>
  <si>
    <t>POINT (4.679388530745151 51.81415937836445)</t>
  </si>
  <si>
    <t>3328KC</t>
  </si>
  <si>
    <t>POINT (4.669674577057906 51.780722535796485)</t>
  </si>
  <si>
    <t>POINT (4.713271743665667 51.81389018877281)</t>
  </si>
  <si>
    <t>POINT (4.667339700085056 51.779079043333994)</t>
  </si>
  <si>
    <t>POINT (4.67430857839702 51.810360703792455)</t>
  </si>
  <si>
    <t>POINT (4.688311834689164 51.819874453213785)</t>
  </si>
  <si>
    <t>POINT (4.666911236628503 51.81548526157362)</t>
  </si>
  <si>
    <t>POINT (4.67341336615722 51.8184366970015)</t>
  </si>
  <si>
    <t>POINT (4.6870320426032865 51.78106686435825)</t>
  </si>
  <si>
    <t>POINT (4.672962487277972 51.783304239945316)</t>
  </si>
  <si>
    <t>POINT (4.681367467578546 51.79966384174832)</t>
  </si>
  <si>
    <t>POINT (4.683885735919681 51.785583484346574)</t>
  </si>
  <si>
    <t>POINT (4.7044866582404605 51.79614338288645)</t>
  </si>
  <si>
    <t>POINT (4.709930132187293 51.78666719941063)</t>
  </si>
  <si>
    <t>POINT (4.6997161321362935 51.79884091653608)</t>
  </si>
  <si>
    <t>POINT (4.666289636413899 51.81350514044729)</t>
  </si>
  <si>
    <t>3319GR</t>
  </si>
  <si>
    <t>POINT (4.705795768051011 51.79656279099069)</t>
  </si>
  <si>
    <t>POINT (4.683159575759197 51.78522269963626)</t>
  </si>
  <si>
    <t>POINT (4.668273560217705 51.81709391343885)</t>
  </si>
  <si>
    <t>POINT (4.702803933148464 51.81608646065696)</t>
  </si>
  <si>
    <t>POINT (4.661852871199631 51.78438388017665)</t>
  </si>
  <si>
    <t>POINT (4.668151876602077 51.77246095122249)</t>
  </si>
  <si>
    <t>POINT (4.679017944626304 51.78096327382613)</t>
  </si>
  <si>
    <t>POINT (4.727792724345219 51.80401444200034)</t>
  </si>
  <si>
    <t>POINT (4.688351683370278 51.789949248141646)</t>
  </si>
  <si>
    <t>POINT (4.6625793623841805 51.8090021857677)</t>
  </si>
  <si>
    <t>POINT (4.660353153656592 51.804983695648836)</t>
  </si>
  <si>
    <t>POINT (4.675223628878105 51.81410018921455)</t>
  </si>
  <si>
    <t>POINT (4.660916782792137 51.81482558109426)</t>
  </si>
  <si>
    <t>POINT (4.680966104089852 51.77847904662615)</t>
  </si>
  <si>
    <t>POINT (4.666844722405538 51.81236331064028)</t>
  </si>
  <si>
    <t>3314VK</t>
  </si>
  <si>
    <t>Mauveplein</t>
  </si>
  <si>
    <t>POINT (4.657417395977925 51.799743840463705)</t>
  </si>
  <si>
    <t>POINT (4.6641605036310505 51.80139905938354)</t>
  </si>
  <si>
    <t>POINT (4.677032676933074 51.817655084901425)</t>
  </si>
  <si>
    <t>POINT (4.672520797360057 51.783612801475115)</t>
  </si>
  <si>
    <t>POINT (4.684627962013415 51.79254455618338)</t>
  </si>
  <si>
    <t>POINT (4.731631211503272 51.79560036428387)</t>
  </si>
  <si>
    <t>3315RG</t>
  </si>
  <si>
    <t>3315RE-3315RG</t>
  </si>
  <si>
    <t>POINT (4.720722895828952 51.80533719496902)</t>
  </si>
  <si>
    <t>POINT (4.721610818080886 51.79717809108754)</t>
  </si>
  <si>
    <t>POINT (4.669396008611872 51.81378351428327)</t>
  </si>
  <si>
    <t>3314EA</t>
  </si>
  <si>
    <t>Clementstraat</t>
  </si>
  <si>
    <t>3314DA-3314EA</t>
  </si>
  <si>
    <t>POINT (4.656248877718865 51.80272612681585)</t>
  </si>
  <si>
    <t>POINT (4.720518492664065 51.79945370279792)</t>
  </si>
  <si>
    <t>POINT (4.6643009904128485 51.79746541186867)</t>
  </si>
  <si>
    <t>3317GV</t>
  </si>
  <si>
    <t>POINT (4.666853220374444 51.79388616187629)</t>
  </si>
  <si>
    <t>POINT (4.708350754416828 51.787382449206994)</t>
  </si>
  <si>
    <t>POINT (4.717897634339764 51.81550916943578)</t>
  </si>
  <si>
    <t>POINT (4.658699900049379 51.81470343688815)</t>
  </si>
  <si>
    <t>POINT (4.684770284492322 51.78773302750392)</t>
  </si>
  <si>
    <t>POINT (4.6637516117524305 51.78802441940811)</t>
  </si>
  <si>
    <t>POINT (4.675309905777988 51.79128386203428)</t>
  </si>
  <si>
    <t>POINT (4.667684985282653 51.810950357729986)</t>
  </si>
  <si>
    <t>POINT (4.6723604595059385 51.81959954333905)</t>
  </si>
  <si>
    <t>3312RA</t>
  </si>
  <si>
    <t>POINT (4.691144294232198 51.808530846934765)</t>
  </si>
  <si>
    <t>3328AV</t>
  </si>
  <si>
    <t>POINT (4.685945639862323 51.77691980299086)</t>
  </si>
  <si>
    <t>3312PG</t>
  </si>
  <si>
    <t>POINT (4.679205771707197 51.80459560635223)</t>
  </si>
  <si>
    <t>POINT (4.683843099970105 51.80343142670512)</t>
  </si>
  <si>
    <t>POINT (4.659301419333192 51.803029191244434)</t>
  </si>
  <si>
    <t>POINT (4.731664863252898 51.8044207529187)</t>
  </si>
  <si>
    <t>POINT (4.669412731849594 51.81937784220274)</t>
  </si>
  <si>
    <t>POINT (4.693536440925406 51.817768477843124)</t>
  </si>
  <si>
    <t>POINT (4.6839501759663085 51.78172604917352)</t>
  </si>
  <si>
    <t>POINT (4.675132171046882 51.81154247432469)</t>
  </si>
  <si>
    <t>POINT (4.663252650067455 51.78990902330663)</t>
  </si>
  <si>
    <t>POINT (4.6729611957677974 51.81777587677481)</t>
  </si>
  <si>
    <t>3314HE</t>
  </si>
  <si>
    <t>HenriÃ«tte Ronnerstraat</t>
  </si>
  <si>
    <t>POINT (4.6649527364254055 51.79846742266101)</t>
  </si>
  <si>
    <t>POINT (4.710655119729626 51.803990804963604)</t>
  </si>
  <si>
    <t>3317XN</t>
  </si>
  <si>
    <t>POINT (4.65171656308946 51.79069702558532)</t>
  </si>
  <si>
    <t>POINT (4.646787217575256 51.79215175346568)</t>
  </si>
  <si>
    <t>POINT (4.671709914425256 51.81177790764711)</t>
  </si>
  <si>
    <t>POINT (4.717373273686956 51.80225995082003)</t>
  </si>
  <si>
    <t>POINT (4.669009751571147 51.781063534501584)</t>
  </si>
  <si>
    <t>3312HB</t>
  </si>
  <si>
    <t>POINT (4.68782890647968 51.80786591887068)</t>
  </si>
  <si>
    <t>3311NA-3311NC</t>
  </si>
  <si>
    <t>POINT (4.673589106882051 51.81091754765097)</t>
  </si>
  <si>
    <t>POINT (4.669438743483567 51.80561996985897)</t>
  </si>
  <si>
    <t>POINT (4.712476076460181 51.81630798288422)</t>
  </si>
  <si>
    <t>POINT (4.712828953778969 51.80460619633015)</t>
  </si>
  <si>
    <t>POINT (4.6294089359176045 51.72338294189853)</t>
  </si>
  <si>
    <t>POINT (4.714495615303322 51.816122796938494)</t>
  </si>
  <si>
    <t>POINT (4.736124372125823 51.801637901630365)</t>
  </si>
  <si>
    <t>POINT (4.667773986226045 51.81585384884825)</t>
  </si>
  <si>
    <t>POINT (4.676562021090311 51.78379300250075)</t>
  </si>
  <si>
    <t>POINT (4.660208919798504 51.796353366096525)</t>
  </si>
  <si>
    <t>POINT (4.686748949783527 51.806650582532825)</t>
  </si>
  <si>
    <t>POINT (4.662405446390203 51.79162918279428)</t>
  </si>
  <si>
    <t>POINT (4.663804718895517 51.815155334396806)</t>
  </si>
  <si>
    <t>POINT (4.676995567021822 51.772695260684685)</t>
  </si>
  <si>
    <t>POINT (4.667782941341256 51.81426393304379)</t>
  </si>
  <si>
    <t>POINT (4.66967690743776 51.814297155054994)</t>
  </si>
  <si>
    <t>POINT (4.727762078639095 51.79146540353938)</t>
  </si>
  <si>
    <t>POINT (4.728961187717005 51.803649897704496)</t>
  </si>
  <si>
    <t>POINT (4.684080997774288 51.79817345236876)</t>
  </si>
  <si>
    <t>POINT (4.644969658895713 51.778790033763286)</t>
  </si>
  <si>
    <t>3312HV</t>
  </si>
  <si>
    <t>POINT (4.689528587413482 51.80751480023193)</t>
  </si>
  <si>
    <t>3328ZK</t>
  </si>
  <si>
    <t>POINT (4.672914590385378 51.77371186407318)</t>
  </si>
  <si>
    <t>POINT (4.672756002121959 51.81825523388721)</t>
  </si>
  <si>
    <t>POINT (4.664588931819607 51.778854129621514)</t>
  </si>
  <si>
    <t>POINT (4.6664708999884175 51.80817364738105)</t>
  </si>
  <si>
    <t>POINT (4.668140839355836 51.79184493456453)</t>
  </si>
  <si>
    <t>POINT (4.702023490158727 51.79625133245923)</t>
  </si>
  <si>
    <t>POINT (4.717523068298495 51.80248673549949)</t>
  </si>
  <si>
    <t>POINT (4.709335539616656 51.80717143648096)</t>
  </si>
  <si>
    <t>POINT (4.655968684359147 51.801433460048884)</t>
  </si>
  <si>
    <t>3312KA</t>
  </si>
  <si>
    <t>Wijnie Jabaaijlaan</t>
  </si>
  <si>
    <t>POINT (4.68267563479088 51.79993884771228)</t>
  </si>
  <si>
    <t>POINT (4.701269443185104 51.795482485168606)</t>
  </si>
  <si>
    <t>3314PT</t>
  </si>
  <si>
    <t>POINT (4.667575380246187 51.80154939171939)</t>
  </si>
  <si>
    <t>POINT (4.671244867665871 51.772013440427386)</t>
  </si>
  <si>
    <t>POINT (4.678269427888402 51.773521947095524)</t>
  </si>
  <si>
    <t>POINT (4.662123921842577 51.81244057330557)</t>
  </si>
  <si>
    <t>POINT (4.654590871814205 51.78891058982569)</t>
  </si>
  <si>
    <t>POINT (4.6836382063013025 51.776910343824866)</t>
  </si>
  <si>
    <t>POINT (4.677457587255754 51.772357502338465)</t>
  </si>
  <si>
    <t>POINT (4.671047305924062 51.80436540536902)</t>
  </si>
  <si>
    <t>POINT (4.678901530608039 51.80772330314893)</t>
  </si>
  <si>
    <t>POINT (4.652055396920055 51.79343388419539)</t>
  </si>
  <si>
    <t>3311NC</t>
  </si>
  <si>
    <t>Clara en Mariahof</t>
  </si>
  <si>
    <t>POINT (4.6734094172339375 51.81093334451983)</t>
  </si>
  <si>
    <t>POINT (4.661455981405199 51.790676119103864)</t>
  </si>
  <si>
    <t>POINT (4.661847097970736 51.79084727405601)</t>
  </si>
  <si>
    <t>3311NL</t>
  </si>
  <si>
    <t>Vriesepoortshof</t>
  </si>
  <si>
    <t>POINT (4.671992980454616 51.811289175120386)</t>
  </si>
  <si>
    <t>3315HN</t>
  </si>
  <si>
    <t>POINT (4.732015843376528 51.80217734317738)</t>
  </si>
  <si>
    <t>3317TN</t>
  </si>
  <si>
    <t>POINT (4.660315187995946 51.79062967654217)</t>
  </si>
  <si>
    <t>3328HN</t>
  </si>
  <si>
    <t>POINT (4.686033826740977 51.7819088679281)</t>
  </si>
  <si>
    <t>POINT (4.71288782690212 51.81522914220816)</t>
  </si>
  <si>
    <t>POINT (4.676402618413166 51.785198687204925)</t>
  </si>
  <si>
    <t>POINT (4.671216248875954 51.78566695330932)</t>
  </si>
  <si>
    <t>POINT (4.663045228887283 51.81608419648638)</t>
  </si>
  <si>
    <t>POINT (4.672074856932866 51.81829595685451)</t>
  </si>
  <si>
    <t>POINT (4.657566381811891 51.81096298025363)</t>
  </si>
  <si>
    <t>POINT (4.6896255152682205 51.777285627485746)</t>
  </si>
  <si>
    <t>POINT (4.674463328227846 51.815037685540595)</t>
  </si>
  <si>
    <t>POINT (4.678661360321894 51.78978764269156)</t>
  </si>
  <si>
    <t>POINT (4.677790714540965 51.814834172494315)</t>
  </si>
  <si>
    <t>POINT (4.628008346459033 51.72609177504873)</t>
  </si>
  <si>
    <t>POINT (4.729339654118455 51.796359131658484)</t>
  </si>
  <si>
    <t>POINT (4.668420113943185 51.791995337054395)</t>
  </si>
  <si>
    <t>POINT (4.65873944898581 51.809809172448425)</t>
  </si>
  <si>
    <t>POINT (4.681778752613035 51.77896305268893)</t>
  </si>
  <si>
    <t>3316LD</t>
  </si>
  <si>
    <t>Malachiet</t>
  </si>
  <si>
    <t>POINT (4.7213586074780265 51.80585004643977)</t>
  </si>
  <si>
    <t>POINT (4.729855938224992 51.79615998765395)</t>
  </si>
  <si>
    <t>3328XJ</t>
  </si>
  <si>
    <t>POINT (4.679044126520996 51.78181962356535)</t>
  </si>
  <si>
    <t>POINT (4.7312225850217215 51.796694155434196)</t>
  </si>
  <si>
    <t>POINT (4.6896991474385725 51.80769423916611)</t>
  </si>
  <si>
    <t>POINT (4.665859861828731 51.788884866361535)</t>
  </si>
  <si>
    <t>POINT (4.667220167601425 51.79041134291713)</t>
  </si>
  <si>
    <t>POINT (4.727662182798571 51.80375316367258)</t>
  </si>
  <si>
    <t>POINT (4.671668107204226 51.819417555482985)</t>
  </si>
  <si>
    <t>POINT (4.6673956911947325 51.787948967383265)</t>
  </si>
  <si>
    <t>POINT (4.662016381344158 51.815667896809664)</t>
  </si>
  <si>
    <t>POINT (4.679734706578318 51.807387622701185)</t>
  </si>
  <si>
    <t>POINT (4.657467498770366 51.769449090124056)</t>
  </si>
  <si>
    <t>POINT (4.6504221403711075 51.7940910231277)</t>
  </si>
  <si>
    <t>POINT (4.675883708783793 51.785029520432325)</t>
  </si>
  <si>
    <t>POINT (4.69417432885752 51.817726395209654)</t>
  </si>
  <si>
    <t>3314ZK</t>
  </si>
  <si>
    <t>Bloemstraat</t>
  </si>
  <si>
    <t>POINT (4.675688433776682 51.80526253981095)</t>
  </si>
  <si>
    <t>3312KG</t>
  </si>
  <si>
    <t>POINT (4.680834308711296 51.80097775327728)</t>
  </si>
  <si>
    <t>POINT (4.675297776761921 51.80825002902282)</t>
  </si>
  <si>
    <t>POINT (4.663199636656983 51.815159845661896)</t>
  </si>
  <si>
    <t>POINT (4.665652053431119 51.80086019192648)</t>
  </si>
  <si>
    <t>POINT (4.6924748554406825 51.795610744558175)</t>
  </si>
  <si>
    <t>POINT (4.665293265105308 51.787364060592026)</t>
  </si>
  <si>
    <t>3317EP</t>
  </si>
  <si>
    <t>POINT (4.663022818199949 51.79101190302453)</t>
  </si>
  <si>
    <t>3314EC</t>
  </si>
  <si>
    <t>POINT (4.653212880504717 51.80112838072414)</t>
  </si>
  <si>
    <t>3314AP</t>
  </si>
  <si>
    <t>POINT (4.6595649242134325 51.80743389147683)</t>
  </si>
  <si>
    <t>POINT (4.676592237384856 51.77860357621507)</t>
  </si>
  <si>
    <t>POINT (4.679756937261254 51.80400846457287)</t>
  </si>
  <si>
    <t>POINT (4.68254356991149 51.77548777312799)</t>
  </si>
  <si>
    <t>POINT (4.697579525766368 51.79328292565229)</t>
  </si>
  <si>
    <t>POINT (4.649984310645131 51.79307681777909)</t>
  </si>
  <si>
    <t>POINT (4.672827820996102 51.8060663287753)</t>
  </si>
  <si>
    <t>POINT (4.715900697018912 51.80846109815186)</t>
  </si>
  <si>
    <t>POINT (4.701429455983639 51.79092440328689)</t>
  </si>
  <si>
    <t>POINT (4.673820553342682 51.7803746856998)</t>
  </si>
  <si>
    <t>POINT (4.662520853491339 51.79999388043892)</t>
  </si>
  <si>
    <t>POINT (4.6858722401194175 51.779511551722415)</t>
  </si>
  <si>
    <t>POINT (4.661204745455059 51.77302354233132)</t>
  </si>
  <si>
    <t>POINT (4.661742808858204 51.812610288253886)</t>
  </si>
  <si>
    <t>POINT (4.693881770136427 51.81830595427231)</t>
  </si>
  <si>
    <t>POINT (4.671832664516743 51.795473139654014)</t>
  </si>
  <si>
    <t>POINT (4.724915519472849 51.798612800411085)</t>
  </si>
  <si>
    <t>POINT (4.664319531893145 51.81578509832491)</t>
  </si>
  <si>
    <t>POINT (4.717936875865835 51.81550350566947)</t>
  </si>
  <si>
    <t>POINT (4.675815987204003 51.81640184223338)</t>
  </si>
  <si>
    <t>3311SL</t>
  </si>
  <si>
    <t>Steltenpad</t>
  </si>
  <si>
    <t>POINT (4.679956532324135 51.81418608346101)</t>
  </si>
  <si>
    <t>3317JD</t>
  </si>
  <si>
    <t>3317JB-3317JD</t>
  </si>
  <si>
    <t>POINT (4.667490076914559 51.79552006273283)</t>
  </si>
  <si>
    <t>POINT (4.661898968992899 51.81636631064785)</t>
  </si>
  <si>
    <t>POINT (4.669009135158111 51.790834054131246)</t>
  </si>
  <si>
    <t>3318EE</t>
  </si>
  <si>
    <t>POINT (4.677659739514045 51.7899271067196)</t>
  </si>
  <si>
    <t>POINT (4.667634572647706 51.80415941345494)</t>
  </si>
  <si>
    <t>3317NM</t>
  </si>
  <si>
    <t>Van der Steenhovenplein</t>
  </si>
  <si>
    <t>3317NK-3317NN</t>
  </si>
  <si>
    <t>POINT (4.654113910670401 51.78311938902405)</t>
  </si>
  <si>
    <t>POINT (4.71248370182023 51.80039222854435)</t>
  </si>
  <si>
    <t>Sledenaarsgang</t>
  </si>
  <si>
    <t>POINT (4.667565779255562 51.815954872408966)</t>
  </si>
  <si>
    <t>POINT (4.710215980854973 51.81432445097633)</t>
  </si>
  <si>
    <t>3328DJ</t>
  </si>
  <si>
    <t>POINT (4.681163540307321 51.773644959832914)</t>
  </si>
  <si>
    <t>POINT (4.713268071232024 51.81621004508147)</t>
  </si>
  <si>
    <t>POINT (4.726113144398423 51.79987577140369)</t>
  </si>
  <si>
    <t>POINT (4.692878154061362 51.788713333133515)</t>
  </si>
  <si>
    <t>POINT (4.6973070360254106 51.79831688455592)</t>
  </si>
  <si>
    <t>POINT (4.712005275992354 51.79908547430631)</t>
  </si>
  <si>
    <t>POINT (4.72702189157454 51.7974222693117)</t>
  </si>
  <si>
    <t>POINT (4.675411091118699 51.80361245978753)</t>
  </si>
  <si>
    <t>POINT (4.665577395147732 51.79603554567624)</t>
  </si>
  <si>
    <t>POINT (4.680912966692383 51.78918237607913)</t>
  </si>
  <si>
    <t>POINT (4.710469210008025 51.791732143264696)</t>
  </si>
  <si>
    <t>POINT (4.6676188575274615 51.80986011079494)</t>
  </si>
  <si>
    <t>POINT (4.684996635600902 51.78713327307457)</t>
  </si>
  <si>
    <t>POINT (4.707664416495026 51.80823483591778)</t>
  </si>
  <si>
    <t>POINT (4.681264228893293 51.78697452172858)</t>
  </si>
  <si>
    <t>POINT (4.6613939986829065 51.80910943877499)</t>
  </si>
  <si>
    <t>POINT (4.683786737968711 51.798081109623936)</t>
  </si>
  <si>
    <t>3319CC</t>
  </si>
  <si>
    <t>POINT (4.699682675361058 51.79870089281401)</t>
  </si>
  <si>
    <t>POINT (4.720102746776516 51.8010787613436)</t>
  </si>
  <si>
    <t>3328EE</t>
  </si>
  <si>
    <t>POINT (4.6788461442187845 51.77788717441008)</t>
  </si>
  <si>
    <t>POINT (4.665372349171936 51.80996685169291)</t>
  </si>
  <si>
    <t>POINT (4.663479353418354 51.798764866892576)</t>
  </si>
  <si>
    <t>POINT (4.731454197190696 51.800066711719545)</t>
  </si>
  <si>
    <t>3312RL</t>
  </si>
  <si>
    <t>POINT (4.691464736883008 51.80658580289834)</t>
  </si>
  <si>
    <t>POINT (4.656209299552676 51.810679444653644)</t>
  </si>
  <si>
    <t>POINT (4.664261690182075 51.78746323508366)</t>
  </si>
  <si>
    <t>POINT (4.631345114399762 51.78451180820187)</t>
  </si>
  <si>
    <t>POINT (4.674173230227092 51.81264084713217)</t>
  </si>
  <si>
    <t>POINT (4.680160625721182 51.78987588779851)</t>
  </si>
  <si>
    <t>POINT (4.655182530959747 51.81239732638989)</t>
  </si>
  <si>
    <t>POINT (4.685722526057624 51.81351635718895)</t>
  </si>
  <si>
    <t>POINT (4.661152536465781 51.77217980714563)</t>
  </si>
  <si>
    <t>POINT (4.660498875172673 51.81359032216206)</t>
  </si>
  <si>
    <t>POINT (4.683263979825273 51.81877295466052)</t>
  </si>
  <si>
    <t>POINT (4.668460850137449 51.79720812216112)</t>
  </si>
  <si>
    <t>POINT (4.682047741033909 51.77817254091934)</t>
  </si>
  <si>
    <t>POINT (4.680129698055559 51.80493577196404)</t>
  </si>
  <si>
    <t>3314CR</t>
  </si>
  <si>
    <t>POINT (4.652752902310041 51.80011927098002)</t>
  </si>
  <si>
    <t>POINT (4.695529023069677 51.7919456810256)</t>
  </si>
  <si>
    <t>POINT (4.655524115025297 51.79196893564064)</t>
  </si>
  <si>
    <t>POINT (4.733921854277369 51.803143147746844)</t>
  </si>
  <si>
    <t>POINT (4.672908490487879 51.788377843948325)</t>
  </si>
  <si>
    <t>POINT (4.661176980143173 51.81580318197656)</t>
  </si>
  <si>
    <t>POINT (4.678359832087741 51.77511128359783)</t>
  </si>
  <si>
    <t>POINT (4.669158580826752 51.814710241296645)</t>
  </si>
  <si>
    <t>POINT (4.730087759233693 51.79692275021256)</t>
  </si>
  <si>
    <t>POINT (4.668521062596777 51.809462794079934)</t>
  </si>
  <si>
    <t>POINT (4.684748389019529 51.80383689973119)</t>
  </si>
  <si>
    <t>POINT (4.675410218731486 51.780209072545425)</t>
  </si>
  <si>
    <t>POINT (4.722527301257865 51.80559275675622)</t>
  </si>
  <si>
    <t>3315RC</t>
  </si>
  <si>
    <t>POINT (4.718471102874708 51.80568489107458)</t>
  </si>
  <si>
    <t>3314KM</t>
  </si>
  <si>
    <t>POINT (4.665988055506118 51.80018786321302)</t>
  </si>
  <si>
    <t>3328EG</t>
  </si>
  <si>
    <t>POINT (4.679497584777698 51.77836887444736)</t>
  </si>
  <si>
    <t>POINT (4.720602492422595 51.81134012162974)</t>
  </si>
  <si>
    <t>3312XE</t>
  </si>
  <si>
    <t>POINT (4.68135175749042 51.80976522822421)</t>
  </si>
  <si>
    <t>3312JH</t>
  </si>
  <si>
    <t>POINT (4.684135265539047 51.801868195623676)</t>
  </si>
  <si>
    <t>POINT (4.663332731138113 51.78995609694538)</t>
  </si>
  <si>
    <t>POINT (4.7000053779621345 51.790010892629276)</t>
  </si>
  <si>
    <t>POINT (4.663423776653504 51.801130519161724)</t>
  </si>
  <si>
    <t>POINT (4.703450987648623 51.797744839432006)</t>
  </si>
  <si>
    <t>3313GC</t>
  </si>
  <si>
    <t>Dongestraat</t>
  </si>
  <si>
    <t>POINT (4.697429289499821 51.817601392745274)</t>
  </si>
  <si>
    <t>POINT (4.728312178544432 51.79329056548256)</t>
  </si>
  <si>
    <t>POINT (4.65342102898619 51.80351040287004)</t>
  </si>
  <si>
    <t>POINT (4.712290684731484 51.800311281218924)</t>
  </si>
  <si>
    <t>POINT (4.721208032719426 51.79526282276558)</t>
  </si>
  <si>
    <t>3315RL</t>
  </si>
  <si>
    <t>POINT (4.7120922000323056 51.80440300499007)</t>
  </si>
  <si>
    <t>POINT (4.67658399069447 51.78637713471226)</t>
  </si>
  <si>
    <t>3314ZZ</t>
  </si>
  <si>
    <t>Willemstraat</t>
  </si>
  <si>
    <t>POINT (4.675006750238214 51.80405179090296)</t>
  </si>
  <si>
    <t>3328BA</t>
  </si>
  <si>
    <t>Arkelstein</t>
  </si>
  <si>
    <t>POINT (4.66530524089173 51.774255535616284)</t>
  </si>
  <si>
    <t>POINT (4.716672561598983 51.803066392042105)</t>
  </si>
  <si>
    <t>POINT (4.6652839476191135 51.80317063676276)</t>
  </si>
  <si>
    <t>POINT (4.662139183901992 51.79492644509736)</t>
  </si>
  <si>
    <t>POINT (4.675708878788096 51.77398688793124)</t>
  </si>
  <si>
    <t>POINT (4.6665763268720255 51.815278164881455)</t>
  </si>
  <si>
    <t>POINT (4.685082536191619 51.785689853077095)</t>
  </si>
  <si>
    <t>POINT (4.7227688688773215 51.80444398336769)</t>
  </si>
  <si>
    <t>POINT (4.674566530675738 51.81811560948502)</t>
  </si>
  <si>
    <t>POINT (4.711080038970171 51.8164930514479)</t>
  </si>
  <si>
    <t>3313HE</t>
  </si>
  <si>
    <t>POINT (4.7146737733125175 51.814442628476456)</t>
  </si>
  <si>
    <t>POINT (4.673311148823024 51.81537842705519)</t>
  </si>
  <si>
    <t>POINT (4.663809924874277 51.79227913263469)</t>
  </si>
  <si>
    <t>POINT (4.672484064668035 51.80957988732196)</t>
  </si>
  <si>
    <t>POINT (4.681917392987529 51.780922029609215)</t>
  </si>
  <si>
    <t>POINT (4.710511658260689 51.79560480253599)</t>
  </si>
  <si>
    <t>POINT (4.712779940328164 51.81627040416618)</t>
  </si>
  <si>
    <t>POINT (4.686340920100574 51.804848237117035)</t>
  </si>
  <si>
    <t>3317NP</t>
  </si>
  <si>
    <t>POINT (4.658983286799463 51.7936692527759)</t>
  </si>
  <si>
    <t>3312RT</t>
  </si>
  <si>
    <t>Waterhoenstraat</t>
  </si>
  <si>
    <t>POINT (4.690761118695991 51.80709245472525)</t>
  </si>
  <si>
    <t>POINT (4.681439549505624 51.788836550405875)</t>
  </si>
  <si>
    <t>POINT (4.7252481210988755 51.79839123762353)</t>
  </si>
  <si>
    <t>3315XC</t>
  </si>
  <si>
    <t>POINT (4.717061089500127 51.8013165893704)</t>
  </si>
  <si>
    <t>3318CZ</t>
  </si>
  <si>
    <t>POINT (4.680305350291186 51.786312734509565)</t>
  </si>
  <si>
    <t>POINT (4.662114090256805 51.80144377860024)</t>
  </si>
  <si>
    <t>POINT (4.670195376215994 51.77177489520582)</t>
  </si>
  <si>
    <t>3315GC</t>
  </si>
  <si>
    <t>POINT (4.733527832374669 51.79974630518122)</t>
  </si>
  <si>
    <t>POINT (4.666955143961619 51.80812819859781)</t>
  </si>
  <si>
    <t>POINT (4.662215319931037 51.79094509118111)</t>
  </si>
  <si>
    <t>POINT (4.652976205961694 51.79992914629945)</t>
  </si>
  <si>
    <t>3311MB</t>
  </si>
  <si>
    <t>Korte Wantijkade</t>
  </si>
  <si>
    <t>POINT (4.677796868696443 51.81789179391817)</t>
  </si>
  <si>
    <t>POINT (4.679207731133492 51.77519731240462)</t>
  </si>
  <si>
    <t>POINT (4.716027881596777 51.80682538029564)</t>
  </si>
  <si>
    <t>POINT (4.666823716729712 51.81065199784668)</t>
  </si>
  <si>
    <t>POINT (4.671915638985225 51.819206086877486)</t>
  </si>
  <si>
    <t>POINT (4.660970208219974 51.813531119133756)</t>
  </si>
  <si>
    <t>POINT (4.679399559614892 51.78535897420819)</t>
  </si>
  <si>
    <t>3315PM</t>
  </si>
  <si>
    <t>POINT (4.710798169628481 51.81104629752796)</t>
  </si>
  <si>
    <t>POINT (4.65999025083073 51.770965716571936)</t>
  </si>
  <si>
    <t>POINT (4.673179186848042 51.813389662850874)</t>
  </si>
  <si>
    <t>POINT (4.670088173251774 51.80974081919395)</t>
  </si>
  <si>
    <t>POINT (4.667308650560989 51.81778703866677)</t>
  </si>
  <si>
    <t>POINT (4.667945519586163 51.791366518196554)</t>
  </si>
  <si>
    <t>POINT (4.6859498687149985 51.78778613391081)</t>
  </si>
  <si>
    <t>3317JJ</t>
  </si>
  <si>
    <t>POINT (4.668141942748145 51.79359176888456)</t>
  </si>
  <si>
    <t>POINT (4.673018093545174 51.80550562260203)</t>
  </si>
  <si>
    <t>POINT (4.690840826476425 51.81919214604073)</t>
  </si>
  <si>
    <t>POINT (4.6618438367251835 51.77325238562187)</t>
  </si>
  <si>
    <t>POINT (4.673145374209959 51.81763592037308)</t>
  </si>
  <si>
    <t>POINT (4.65660924700658 51.8118937273757)</t>
  </si>
  <si>
    <t>POINT (4.676445138079777 51.783687198449165)</t>
  </si>
  <si>
    <t>POINT (4.664892326296891 51.7776493352974)</t>
  </si>
  <si>
    <t>POINT (4.684837740924444 51.792547268469185)</t>
  </si>
  <si>
    <t>POINT (4.68512480105174 51.78257118262496)</t>
  </si>
  <si>
    <t>POINT (4.700544229825275 51.79295634590354)</t>
  </si>
  <si>
    <t>POINT (4.667152333628904 51.787959204125585)</t>
  </si>
  <si>
    <t>POINT (4.683260450241694 51.79826756035321)</t>
  </si>
  <si>
    <t>POINT (4.629604908432386 51.7248420752813)</t>
  </si>
  <si>
    <t>3314HS</t>
  </si>
  <si>
    <t>Johannes Vermeerstraat</t>
  </si>
  <si>
    <t>POINT (4.66081495011527 51.79635535805076)</t>
  </si>
  <si>
    <t>POINT (4.6675219488666455 51.79044856520273)</t>
  </si>
  <si>
    <t>POINT (4.7054706266261945 51.81470605417719)</t>
  </si>
  <si>
    <t>POINT (4.688950613043259 51.8096223411383)</t>
  </si>
  <si>
    <t>POINT (4.654989760408372 51.799536581854156)</t>
  </si>
  <si>
    <t>POINT (4.696498158503445 51.79714791309459)</t>
  </si>
  <si>
    <t>POINT (4.683775135882737 51.786798703466964)</t>
  </si>
  <si>
    <t>POINT (4.682459240174299 51.78055250715461)</t>
  </si>
  <si>
    <t>POINT (4.6751873189731805 51.8133579811956)</t>
  </si>
  <si>
    <t>POINT (4.675755270789363 51.78471705836668)</t>
  </si>
  <si>
    <t>POINT (4.666458734461208 51.81117814729767)</t>
  </si>
  <si>
    <t>POINT (4.634272838701965 51.78109077355797)</t>
  </si>
  <si>
    <t>3328EL</t>
  </si>
  <si>
    <t>POINT (4.681556181395584 51.777600887432115)</t>
  </si>
  <si>
    <t>POINT (4.66165910045067 51.81622854161443)</t>
  </si>
  <si>
    <t>POINT (4.681278709490865 51.801272973364284)</t>
  </si>
  <si>
    <t>POINT (4.732986258502119 51.80167626615353)</t>
  </si>
  <si>
    <t>POINT (4.632476494323574 51.77843314081094)</t>
  </si>
  <si>
    <t>POINT (4.679886828192401 51.80661019258231)</t>
  </si>
  <si>
    <t>POINT (4.666552472611232 51.789735868014425)</t>
  </si>
  <si>
    <t>3319TL</t>
  </si>
  <si>
    <t>POINT (4.702609873358768 51.79048128876125)</t>
  </si>
  <si>
    <t>POINT (4.666107255519588 51.815078341734264)</t>
  </si>
  <si>
    <t>POINT (4.676817585462507 51.774704858254786)</t>
  </si>
  <si>
    <t>3311EV</t>
  </si>
  <si>
    <t>Wijnbrug</t>
  </si>
  <si>
    <t>POINT (4.668270171501276 51.81586498831333)</t>
  </si>
  <si>
    <t>POINT (4.661310831733306 51.7893139264205)</t>
  </si>
  <si>
    <t>POINT (4.660511106441714 51.80177805658347)</t>
  </si>
  <si>
    <t>POINT (4.670470412406226 51.799056652359596)</t>
  </si>
  <si>
    <t>3315VN</t>
  </si>
  <si>
    <t>POINT (4.726755800218742 51.795856945104006)</t>
  </si>
  <si>
    <t>3314EP</t>
  </si>
  <si>
    <t>POINT (4.65406117879844 51.8015390658162)</t>
  </si>
  <si>
    <t>3317HK</t>
  </si>
  <si>
    <t>Godetia</t>
  </si>
  <si>
    <t>POINT (4.671684803757369 51.79671312679695)</t>
  </si>
  <si>
    <t>POINT (4.674114875378477 51.81783303096371)</t>
  </si>
  <si>
    <t>POINT (4.656990764161228 51.770300312723485)</t>
  </si>
  <si>
    <t>POINT (4.66816242316224 51.818834113477706)</t>
  </si>
  <si>
    <t>POINT (4.678082143861802 51.78462345442635)</t>
  </si>
  <si>
    <t>POINT (4.678207292315055 51.78565356953237)</t>
  </si>
  <si>
    <t>3311ZJ</t>
  </si>
  <si>
    <t>Marcellus Schampersstraat</t>
  </si>
  <si>
    <t>POINT (4.675803454059318 51.81503905735341)</t>
  </si>
  <si>
    <t>POINT (4.63020944153721 51.7242081726755)</t>
  </si>
  <si>
    <t>POINT (4.7093944847824725 51.804694019648245)</t>
  </si>
  <si>
    <t>POINT (4.658183094841724 51.80669487559822)</t>
  </si>
  <si>
    <t>POINT (4.655337646878564 51.81006895593945)</t>
  </si>
  <si>
    <t>POINT (4.671082854255106 51.81729210289824)</t>
  </si>
  <si>
    <t>POINT (4.710036600298064 51.792555084967354)</t>
  </si>
  <si>
    <t>POINT (4.66582362562862 51.79604874524255)</t>
  </si>
  <si>
    <t>POINT (4.659716416227926 51.789958508433436)</t>
  </si>
  <si>
    <t>POINT (4.660595811298426 51.80379168001755)</t>
  </si>
  <si>
    <t>POINT (4.675366494768317 51.81766001085501)</t>
  </si>
  <si>
    <t>POINT (4.661802084454418 51.81631066517219)</t>
  </si>
  <si>
    <t>3318AC</t>
  </si>
  <si>
    <t>POINT (4.680020101424637 51.78984441629713)</t>
  </si>
  <si>
    <t>POINT (4.679502240586055 51.81473884430211)</t>
  </si>
  <si>
    <t>POINT (4.669609531239143 51.77022319402995)</t>
  </si>
  <si>
    <t>POINT (4.685511599612665 51.776203693101316)</t>
  </si>
  <si>
    <t>POINT (4.689527145649925 51.81833453005753)</t>
  </si>
  <si>
    <t>POINT (4.698320119783489 51.79292142873658)</t>
  </si>
  <si>
    <t>POINT (4.662757443133679 51.80074577163361)</t>
  </si>
  <si>
    <t>POINT (4.679922506843416 51.77664956155474)</t>
  </si>
  <si>
    <t>POINT (4.681854964660105 51.78057051970022)</t>
  </si>
  <si>
    <t>3317RW</t>
  </si>
  <si>
    <t>Donkerstraat</t>
  </si>
  <si>
    <t>POINT (4.664185973937865 51.79023357271546)</t>
  </si>
  <si>
    <t>POINT (4.667750546113368 51.81427372985451)</t>
  </si>
  <si>
    <t>POINT (4.7195178960416495 51.80571265851643)</t>
  </si>
  <si>
    <t>POINT (4.649586555858296 51.79311726566187)</t>
  </si>
  <si>
    <t>POINT (4.6639368300653565 51.788551553630676)</t>
  </si>
  <si>
    <t>POINT (4.672585141470242 51.8129117236902)</t>
  </si>
  <si>
    <t>POINT (4.694185007447457 51.803354413007796)</t>
  </si>
  <si>
    <t>POINT (4.671677396464865 51.80966651209764)</t>
  </si>
  <si>
    <t>POINT (4.681754776399673 51.78911979246685)</t>
  </si>
  <si>
    <t>3314LC</t>
  </si>
  <si>
    <t>POINT (4.668751127093726 51.80255477275951)</t>
  </si>
  <si>
    <t>3314PR</t>
  </si>
  <si>
    <t>POINT (4.667835108320898 51.8018453999202)</t>
  </si>
  <si>
    <t>POINT (4.673346124477781 51.78327446765884)</t>
  </si>
  <si>
    <t>POINT (4.658590847978268 51.783156488012786)</t>
  </si>
  <si>
    <t>POINT (4.656884332722311 51.790206168251224)</t>
  </si>
  <si>
    <t>POINT (4.65364084664588 51.791515154835764)</t>
  </si>
  <si>
    <t>POINT (4.672552416451738 51.80341001548175)</t>
  </si>
  <si>
    <t>POINT (4.67377684422654 51.817613792441755)</t>
  </si>
  <si>
    <t>3317SE</t>
  </si>
  <si>
    <t>POINT (4.663354270146318 51.786625900674636)</t>
  </si>
  <si>
    <t>POINT (4.6662014159149505 51.815119495147215)</t>
  </si>
  <si>
    <t>3319RM</t>
  </si>
  <si>
    <t>Stadhouderstraat</t>
  </si>
  <si>
    <t>POINT (4.695702355658989 51.79691790643539)</t>
  </si>
  <si>
    <t>POINT (4.721026744748302 51.81126068923082)</t>
  </si>
  <si>
    <t>POINT (4.651165017237024 51.78821928755873)</t>
  </si>
  <si>
    <t>POINT (4.6687788456096495 51.77513263560967)</t>
  </si>
  <si>
    <t>3319EH</t>
  </si>
  <si>
    <t>POINT (4.708759133321522 51.79405406958342)</t>
  </si>
  <si>
    <t>POINT (4.704794957671015 51.78961761530686)</t>
  </si>
  <si>
    <t>POINT (4.68969134640719 51.818833845933)</t>
  </si>
  <si>
    <t>POINT (4.676216607635253 51.80517701409446)</t>
  </si>
  <si>
    <t>POINT (4.668349078139776 51.81307664543159)</t>
  </si>
  <si>
    <t>3316AX</t>
  </si>
  <si>
    <t>POINT (4.649268567923227 51.80535928726569)</t>
  </si>
  <si>
    <t>BU05051902</t>
  </si>
  <si>
    <t>Voltastraat en omgeving - De Put</t>
  </si>
  <si>
    <t>POINT (4.670869263447021 51.779509504008374)</t>
  </si>
  <si>
    <t>POINT (4.667881102705423 51.80332946255657)</t>
  </si>
  <si>
    <t>POINT (4.695825504979343 51.792310022829476)</t>
  </si>
  <si>
    <t>POINT (4.672433480022334 51.81722823835788)</t>
  </si>
  <si>
    <t>3314NK</t>
  </si>
  <si>
    <t>POINT (4.67044156345605 51.800105689794364)</t>
  </si>
  <si>
    <t>POINT (4.7080194659013985 51.78706603599923)</t>
  </si>
  <si>
    <t>POINT (4.692844968617189 51.78449557454219)</t>
  </si>
  <si>
    <t>POINT (4.679503135440354 51.774993101078394)</t>
  </si>
  <si>
    <t>POINT (4.674721887572982 51.78341615261303)</t>
  </si>
  <si>
    <t>POINT (4.680964792955746 51.813328075078275)</t>
  </si>
  <si>
    <t>POINT (4.676692623588807 51.81467025476061)</t>
  </si>
  <si>
    <t>POINT (4.663755924200222 51.78813782954353)</t>
  </si>
  <si>
    <t>POINT (4.675414373974109 51.78064848359759)</t>
  </si>
  <si>
    <t>POINT (4.693331891235132 51.81797149082071)</t>
  </si>
  <si>
    <t>POINT (4.666277405511371 51.77909775010558)</t>
  </si>
  <si>
    <t>POINT (4.733313033150873 51.80121442685583)</t>
  </si>
  <si>
    <t>POINT (4.666917257579488 51.8110754265025)</t>
  </si>
  <si>
    <t>POINT (4.711497822759262 51.80614561083816)</t>
  </si>
  <si>
    <t>3314ZR</t>
  </si>
  <si>
    <t>Mariastraat</t>
  </si>
  <si>
    <t>POINT (4.674011420700758 51.80278158615897)</t>
  </si>
  <si>
    <t>3311WK</t>
  </si>
  <si>
    <t>Hoogt</t>
  </si>
  <si>
    <t>POINT (4.65644050195113 51.810911552383565)</t>
  </si>
  <si>
    <t>POINT (4.671413378884113 51.805258102904745)</t>
  </si>
  <si>
    <t>POINT (4.664552548226133 51.81591912536253)</t>
  </si>
  <si>
    <t>POINT (4.73349937464567 51.798998004320715)</t>
  </si>
  <si>
    <t>POINT (4.674108211407824 51.78099362633762)</t>
  </si>
  <si>
    <t>POINT (4.726702316686466 51.802390363124566)</t>
  </si>
  <si>
    <t>POINT (4.669365348757204 51.789441997197414)</t>
  </si>
  <si>
    <t>3313TA</t>
  </si>
  <si>
    <t>POINT (4.720806541758391 51.81385479919241)</t>
  </si>
  <si>
    <t>POINT (4.669810163916925 51.77679700649121)</t>
  </si>
  <si>
    <t>POINT (4.725881571069706 51.797116192896524)</t>
  </si>
  <si>
    <t>POINT (4.729438031661671 51.80054014784873)</t>
  </si>
  <si>
    <t>POINT (4.6609415309019 51.797326193163194)</t>
  </si>
  <si>
    <t>3317WJ</t>
  </si>
  <si>
    <t>Jan Cupidostraat</t>
  </si>
  <si>
    <t>POINT (4.656979009525232 51.792580289049596)</t>
  </si>
  <si>
    <t>POINT (4.68740471748641 51.803018263976824)</t>
  </si>
  <si>
    <t>POINT (4.695570309719208 51.7975661190761)</t>
  </si>
  <si>
    <t>POINT (4.673597352729114 51.81896584603123)</t>
  </si>
  <si>
    <t>POINT (4.662352995532437 51.78795610056877)</t>
  </si>
  <si>
    <t>POINT (4.677118057438234 51.80407097779215)</t>
  </si>
  <si>
    <t>POINT (4.671656645284003 51.80013485002478)</t>
  </si>
  <si>
    <t>POINT (4.671446081478456 51.80590173918255)</t>
  </si>
  <si>
    <t>3318CE</t>
  </si>
  <si>
    <t>POINT (4.678660235711163 51.786278297079576)</t>
  </si>
  <si>
    <t>POINT (4.6696087964572905 51.772770259644986)</t>
  </si>
  <si>
    <t>POINT (4.673994897550233 51.819036010111255)</t>
  </si>
  <si>
    <t>POINT (4.698073711454389 51.79144012234415)</t>
  </si>
  <si>
    <t>POINT (4.731201732702183 51.79704445207839)</t>
  </si>
  <si>
    <t>3315RP</t>
  </si>
  <si>
    <t>POINT (4.713849096526926 51.803464923530164)</t>
  </si>
  <si>
    <t>POINT (4.6832323769433195 51.798318141997605)</t>
  </si>
  <si>
    <t>POINT (4.675901226639843 51.818209530068806)</t>
  </si>
  <si>
    <t>POINT (4.652181347415853 51.78823671620164)</t>
  </si>
  <si>
    <t>POINT (4.667511101251622 51.81177060499997)</t>
  </si>
  <si>
    <t>POINT (4.709568336665952 51.79566846272571)</t>
  </si>
  <si>
    <t>POINT (4.6985157581623636 51.81754061902116)</t>
  </si>
  <si>
    <t>POINT (4.718437664740465 51.80099289718819)</t>
  </si>
  <si>
    <t>POINT (4.7169711004473935 51.79535250930731)</t>
  </si>
  <si>
    <t>POINT (4.636097387162004 51.77596852575544)</t>
  </si>
  <si>
    <t>3317MJ</t>
  </si>
  <si>
    <t>Haageinde</t>
  </si>
  <si>
    <t>POINT (4.660309508648392 51.78374917032161)</t>
  </si>
  <si>
    <t>POINT (4.706719462453816 51.79715313414637)</t>
  </si>
  <si>
    <t>POINT (4.683873689771607 51.798148201056655)</t>
  </si>
  <si>
    <t>POINT (4.6639527222281325 51.81157079711594)</t>
  </si>
  <si>
    <t>POINT (4.67843088807865 51.784630703696415)</t>
  </si>
  <si>
    <t>POINT (4.67760866340421 51.79033148669032)</t>
  </si>
  <si>
    <t>POINT (4.683886963564734 51.79986946864496)</t>
  </si>
  <si>
    <t>POINT (4.725853445778478 51.7980862418167)</t>
  </si>
  <si>
    <t>POINT (4.6592631965558375 51.79940680607167)</t>
  </si>
  <si>
    <t>POINT (4.665660607857561 51.80089187573842)</t>
  </si>
  <si>
    <t>POINT (4.71887119452419 51.81244679796579)</t>
  </si>
  <si>
    <t>POINT (4.661865731280433 51.79717094091871)</t>
  </si>
  <si>
    <t>POINT (4.656638174434416 51.81187424920762)</t>
  </si>
  <si>
    <t>POINT (4.6796756132460775 51.78132057954724)</t>
  </si>
  <si>
    <t>POINT (4.6784403122169484 51.814833405382934)</t>
  </si>
  <si>
    <t>POINT (4.682605799696784 51.78762252839435)</t>
  </si>
  <si>
    <t>POINT (4.735206806217125 51.79962100619743)</t>
  </si>
  <si>
    <t>POINT (4.682918002478067 51.807089858223385)</t>
  </si>
  <si>
    <t>POINT (4.666334841744463 51.78763827536677)</t>
  </si>
  <si>
    <t>POINT (4.709126642399072 51.79641126847334)</t>
  </si>
  <si>
    <t>POINT (4.653892472677361 51.80437651692489)</t>
  </si>
  <si>
    <t>3328DK</t>
  </si>
  <si>
    <t>POINT (4.68074003437642 51.773526257487646)</t>
  </si>
  <si>
    <t>POINT (4.662838034401877 51.80478815132253)</t>
  </si>
  <si>
    <t>3312JN</t>
  </si>
  <si>
    <t>POINT (4.68116013251247 51.804303843786975)</t>
  </si>
  <si>
    <t>POINT (4.674167057459784 51.81921401602714)</t>
  </si>
  <si>
    <t>POINT (4.693297693970423 51.79541132854282)</t>
  </si>
  <si>
    <t>POINT (4.674012462759776 51.81420937307695)</t>
  </si>
  <si>
    <t>POINT (4.732725675298927 51.800213961707)</t>
  </si>
  <si>
    <t>POINT (4.654361565163486 51.79358487826234)</t>
  </si>
  <si>
    <t>POINT (4.7011106174425485 51.79513772195888)</t>
  </si>
  <si>
    <t>POINT (4.669421886277874 51.804356129700466)</t>
  </si>
  <si>
    <t>POINT (4.685096866203057 51.80786048035704)</t>
  </si>
  <si>
    <t>POINT (4.713997043114945 51.81385724652727)</t>
  </si>
  <si>
    <t>POINT (4.665489723746067 51.80166254880924)</t>
  </si>
  <si>
    <t>3314ZX</t>
  </si>
  <si>
    <t>Violenstraat</t>
  </si>
  <si>
    <t>POINT (4.677579271622321 51.80380488967353)</t>
  </si>
  <si>
    <t>POINT (4.664757255311741 51.7957176466648)</t>
  </si>
  <si>
    <t>POINT (4.670923432575072 51.771904799612436)</t>
  </si>
  <si>
    <t>3312PN</t>
  </si>
  <si>
    <t>Tieselensstraat</t>
  </si>
  <si>
    <t>POINT (4.68088215775801 51.80328158762556)</t>
  </si>
  <si>
    <t>POINT (4.711263886671551 51.81647036247687)</t>
  </si>
  <si>
    <t>POINT (4.67207807369913 51.777632433449746)</t>
  </si>
  <si>
    <t>POINT (4.730753207384571 51.79896456889325)</t>
  </si>
  <si>
    <t>POINT (4.681390237834171 51.808659484809034)</t>
  </si>
  <si>
    <t>3315GM</t>
  </si>
  <si>
    <t>POINT (4.7322127043165105 51.80013073184566)</t>
  </si>
  <si>
    <t>POINT (4.723798461826367 51.79969183268081)</t>
  </si>
  <si>
    <t>POINT (4.682346831564547 51.80408878734837)</t>
  </si>
  <si>
    <t>POINT (4.666472908919988 51.81678848107588)</t>
  </si>
  <si>
    <t>POINT (4.7508870078938035 51.79080256813531)</t>
  </si>
  <si>
    <t>3328KR</t>
  </si>
  <si>
    <t>POINT (4.671439123732835 51.780200735931764)</t>
  </si>
  <si>
    <t>POINT (4.666185204356996 51.81622561384366)</t>
  </si>
  <si>
    <t>POINT (4.63477758588697 51.77022204579071)</t>
  </si>
  <si>
    <t>3318CG</t>
  </si>
  <si>
    <t>POINT (4.678661825042659 51.786309991830926)</t>
  </si>
  <si>
    <t>3328XE</t>
  </si>
  <si>
    <t>POINT (4.680686351972445 51.78210689997226)</t>
  </si>
  <si>
    <t>POINT (4.658938187520412 51.78261146596773)</t>
  </si>
  <si>
    <t>3311LD</t>
  </si>
  <si>
    <t>POINT (4.672100106031769 51.80940456104736)</t>
  </si>
  <si>
    <t>POINT (4.662295939475505 51.79617256442425)</t>
  </si>
  <si>
    <t>POINT (4.70408370813597 51.794913608212745)</t>
  </si>
  <si>
    <t>POINT (4.676553629625482 51.783644862832325)</t>
  </si>
  <si>
    <t>POINT (4.729220832097336 51.79782355133784)</t>
  </si>
  <si>
    <t>POINT (4.718323176418685 51.79929560113464)</t>
  </si>
  <si>
    <t>POINT (4.664580150481741 51.795789229567156)</t>
  </si>
  <si>
    <t>POINT (4.663811349871939 51.78988788573344)</t>
  </si>
  <si>
    <t>3315NS</t>
  </si>
  <si>
    <t>POINT (4.714187110864942 51.808520684110725)</t>
  </si>
  <si>
    <t>POINT (4.664523540958886 51.81550304965935)</t>
  </si>
  <si>
    <t>POINT (4.6469181288351695 51.79218066936629)</t>
  </si>
  <si>
    <t>POINT (4.652445553704463 51.79278843112987)</t>
  </si>
  <si>
    <t>POINT (4.704094008800053 51.78886022217312)</t>
  </si>
  <si>
    <t>POINT (4.66078630762717 51.79687366690013)</t>
  </si>
  <si>
    <t>POINT (4.661267896069401 51.78882859413242)</t>
  </si>
  <si>
    <t>POINT (4.68563622383179 51.80414630726167)</t>
  </si>
  <si>
    <t>POINT (4.694042174631898 51.79026564952377)</t>
  </si>
  <si>
    <t>POINT (4.705353976223371 51.790544280828826)</t>
  </si>
  <si>
    <t>3314LT</t>
  </si>
  <si>
    <t>POINT (4.665278717276815 51.80376998834002)</t>
  </si>
  <si>
    <t>POINT (4.651284536114549 51.79077834268813)</t>
  </si>
  <si>
    <t>POINT (4.659578384171946 51.799490747091895)</t>
  </si>
  <si>
    <t>POINT (4.7248990249358656 51.7983519197302)</t>
  </si>
  <si>
    <t>POINT (4.710916274131662 51.81578414477229)</t>
  </si>
  <si>
    <t>POINT (4.672265896042849 51.80454910463164)</t>
  </si>
  <si>
    <t>POINT (4.684904157233516 51.77639739531353)</t>
  </si>
  <si>
    <t>POINT (4.628644362029785 51.724803807697405)</t>
  </si>
  <si>
    <t>POINT (4.7203644231091335 51.79475491804631)</t>
  </si>
  <si>
    <t>POINT (4.673455967645477 51.8036010236398)</t>
  </si>
  <si>
    <t>POINT (4.65909924724159 51.78165267767664)</t>
  </si>
  <si>
    <t>POINT (4.7217655209982805 51.79741542401812)</t>
  </si>
  <si>
    <t>POINT (4.654911047077167 51.78953768199399)</t>
  </si>
  <si>
    <t>POINT (4.675284629366551 51.80826076263613)</t>
  </si>
  <si>
    <t>POINT (4.67080931254011 51.802832235837414)</t>
  </si>
  <si>
    <t>POINT (4.692380353240013 51.81191638014047)</t>
  </si>
  <si>
    <t>POINT (4.688655373619538 51.766088326333666)</t>
  </si>
  <si>
    <t>POINT (4.651865187959749 51.80353520629486)</t>
  </si>
  <si>
    <t>POINT (4.63627128668028 51.767709457664786)</t>
  </si>
  <si>
    <t>POINT (4.669984386309484 51.77260679622558)</t>
  </si>
  <si>
    <t>POINT (4.675629963945178 51.811506725683486)</t>
  </si>
  <si>
    <t>POINT (4.660060748614501 51.80951530254371)</t>
  </si>
  <si>
    <t>POINT (4.65762522868679 51.801095810827626)</t>
  </si>
  <si>
    <t>POINT (4.730015570652914 51.80013621668285)</t>
  </si>
  <si>
    <t>POINT (4.674958924477866 51.80570655017392)</t>
  </si>
  <si>
    <t>POINT (4.660948147277146 51.769385133188834)</t>
  </si>
  <si>
    <t>POINT (4.711032286695191 51.805622926853836)</t>
  </si>
  <si>
    <t>POINT (4.636667699346365 51.77614140778485)</t>
  </si>
  <si>
    <t>POINT (4.650870621382913 51.80342470018812)</t>
  </si>
  <si>
    <t>POINT (4.6792635728664695 51.785394863423484)</t>
  </si>
  <si>
    <t>POINT (4.69546947677453 51.79307629403976)</t>
  </si>
  <si>
    <t>POINT (4.726653357882575 51.80012526451631)</t>
  </si>
  <si>
    <t>POINT (4.667361752486243 51.81105465754785)</t>
  </si>
  <si>
    <t>POINT (4.662001412406148 51.81064811104448)</t>
  </si>
  <si>
    <t>POINT (4.6627259586655105 51.794695563841564)</t>
  </si>
  <si>
    <t>POINT (4.724299164044313 51.8022586731704)</t>
  </si>
  <si>
    <t>POINT (4.6729401931825 51.77277700503573)</t>
  </si>
  <si>
    <t>POINT (4.682831269359105 51.81054164254167)</t>
  </si>
  <si>
    <t>3319BT</t>
  </si>
  <si>
    <t>Slauerhoffstraat</t>
  </si>
  <si>
    <t>POINT (4.700648489460879 51.796849436073664)</t>
  </si>
  <si>
    <t>POINT (4.652427594699088 51.78528064729979)</t>
  </si>
  <si>
    <t>POINT (4.661186980063799 51.77286960832728)</t>
  </si>
  <si>
    <t>POINT (4.734846599266282 51.80042983295013)</t>
  </si>
  <si>
    <t>POINT (4.680506752405478 51.77513027989508)</t>
  </si>
  <si>
    <t>POINT (4.68497063593794 51.79956201655116)</t>
  </si>
  <si>
    <t>3314VG</t>
  </si>
  <si>
    <t>Louis Apolstraat</t>
  </si>
  <si>
    <t>POINT (4.657481407429299 51.79993715406688)</t>
  </si>
  <si>
    <t>POINT (4.6675212865079105 51.81107074601922)</t>
  </si>
  <si>
    <t>POINT (4.717445948667414 51.801300656719455)</t>
  </si>
  <si>
    <t>POINT (4.661769219769589 51.788292462823144)</t>
  </si>
  <si>
    <t>POINT (4.718856086725265 51.80213513165413)</t>
  </si>
  <si>
    <t>POINT (4.69051652884614 51.807117950823624)</t>
  </si>
  <si>
    <t>POINT (4.698359313238768 51.79545238327343)</t>
  </si>
  <si>
    <t>POINT (4.663754523435683 51.8131337587004)</t>
  </si>
  <si>
    <t>3318TA</t>
  </si>
  <si>
    <t>POINT (4.682141827976156 51.786747585895135)</t>
  </si>
  <si>
    <t>POINT (4.67116789197318 51.799932184600486)</t>
  </si>
  <si>
    <t>POINT (4.67191819169458 51.81168983890108)</t>
  </si>
  <si>
    <t>POINT (4.661723963815452 51.80249325092304)</t>
  </si>
  <si>
    <t>3318EG</t>
  </si>
  <si>
    <t>POINT (4.67622351058941 51.78941045996909)</t>
  </si>
  <si>
    <t>POINT (4.684510223377871 51.7778503512922)</t>
  </si>
  <si>
    <t>POINT (4.667774741635126 51.810798118464)</t>
  </si>
  <si>
    <t>POINT (4.666152482940613 51.80185872987301)</t>
  </si>
  <si>
    <t>POINT (4.655586889393127 51.78944782306244)</t>
  </si>
  <si>
    <t>POINT (4.670749635274644 51.8028705947134)</t>
  </si>
  <si>
    <t>POINT (4.690261253878424 51.81775551018004)</t>
  </si>
  <si>
    <t>POINT (4.66359079163959 51.8005353023243)</t>
  </si>
  <si>
    <t>3315VJ</t>
  </si>
  <si>
    <t>POINT (4.725031692158102 51.79683193339175)</t>
  </si>
  <si>
    <t>POINT (4.711222384826841 51.792947563979986)</t>
  </si>
  <si>
    <t>POINT (4.6987654740891065 51.79122537255173)</t>
  </si>
  <si>
    <t>POINT (4.685538926316856 51.813550989517545)</t>
  </si>
  <si>
    <t>POINT (4.659322441036503 51.77189867541352)</t>
  </si>
  <si>
    <t>POINT (4.6685284590365015 51.81111487768959)</t>
  </si>
  <si>
    <t>POINT (4.671495651230216 51.81490958518354)</t>
  </si>
  <si>
    <t>POINT (4.721164194437628 51.811244606733744)</t>
  </si>
  <si>
    <t>3315GD</t>
  </si>
  <si>
    <t>POINT (4.734043061053976 51.80008996065979)</t>
  </si>
  <si>
    <t>POINT (4.710940484752495 51.81412473878576)</t>
  </si>
  <si>
    <t>3328WD</t>
  </si>
  <si>
    <t>POINT (4.67796722345864 51.77729986230897)</t>
  </si>
  <si>
    <t>POINT (4.672447408209776 51.78226502846253)</t>
  </si>
  <si>
    <t>POINT (4.662101772813454 51.801712122849736)</t>
  </si>
  <si>
    <t>POINT (4.680072549966305 51.80871057136395)</t>
  </si>
  <si>
    <t>POINT (4.661232219451178 51.79763814727728)</t>
  </si>
  <si>
    <t>POINT (4.724388084906789 51.7981960207199)</t>
  </si>
  <si>
    <t>POINT (4.7263676971519955 51.797583968540195)</t>
  </si>
  <si>
    <t>POINT (4.693999162467024 51.791054700203546)</t>
  </si>
  <si>
    <t>POINT (4.670062276939959 51.79495725659214)</t>
  </si>
  <si>
    <t>POINT (4.669741814246439 51.81115538959982)</t>
  </si>
  <si>
    <t>POINT (4.729138230575817 51.798889572518306)</t>
  </si>
  <si>
    <t>POINT (4.722282178431086 51.79960639672971)</t>
  </si>
  <si>
    <t>POINT (4.676742183980629 51.786406757876705)</t>
  </si>
  <si>
    <t>3317VJ</t>
  </si>
  <si>
    <t>POINT (4.654373525909053 51.793790893276686)</t>
  </si>
  <si>
    <t>POINT (4.728971745462969 51.79714690931494)</t>
  </si>
  <si>
    <t>POINT (4.659135144675998 51.81407345152248)</t>
  </si>
  <si>
    <t>POINT (4.680816628732646 51.81363975517934)</t>
  </si>
  <si>
    <t>3311KM</t>
  </si>
  <si>
    <t>Latourpad</t>
  </si>
  <si>
    <t>POINT (4.671057730381177 51.80834890187422)</t>
  </si>
  <si>
    <t>POINT (4.692170897227505 51.787648210764296)</t>
  </si>
  <si>
    <t>POINT (4.689570084582579 51.807562758778765)</t>
  </si>
  <si>
    <t>POINT (4.672493967454991 51.803681971619376)</t>
  </si>
  <si>
    <t>POINT (4.664363001362532 51.81002399983407)</t>
  </si>
  <si>
    <t>POINT (4.680584390278494 51.78179009933114)</t>
  </si>
  <si>
    <t>POINT (4.682612170954827 51.804716702742205)</t>
  </si>
  <si>
    <t>POINT (4.664455813419188 51.79577389298712)</t>
  </si>
  <si>
    <t>POINT (4.671246769291026 51.81041216594323)</t>
  </si>
  <si>
    <t>POINT (4.720946891889146 51.80556433359428)</t>
  </si>
  <si>
    <t>POINT (4.658718692092128 51.795527480746436)</t>
  </si>
  <si>
    <t>POINT (4.667297495179549 51.80148371454652)</t>
  </si>
  <si>
    <t>POINT (4.659755204546098 51.7899162144031)</t>
  </si>
  <si>
    <t>POINT (4.654656535991281 51.78807741356125)</t>
  </si>
  <si>
    <t>POINT (4.716994920533185 51.813954422099)</t>
  </si>
  <si>
    <t>POINT (4.659834628815994 51.802134689093926)</t>
  </si>
  <si>
    <t>POINT (4.658099228827114 51.81163949982237)</t>
  </si>
  <si>
    <t>POINT (4.68702589319401 51.79020329088928)</t>
  </si>
  <si>
    <t>POINT (4.664204524341141 51.790309722488004)</t>
  </si>
  <si>
    <t>POINT (4.6744370239254245 51.79702819600701)</t>
  </si>
  <si>
    <t>3328MG</t>
  </si>
  <si>
    <t>POINT (4.669250285367081 51.77434025489063)</t>
  </si>
  <si>
    <t>POINT (4.671191084146802 51.804514928666215)</t>
  </si>
  <si>
    <t>POINT (4.670014647586507 51.81958678714273)</t>
  </si>
  <si>
    <t>POINT (4.677676391116813 51.815902125881806)</t>
  </si>
  <si>
    <t>POINT (4.685027963509256 51.81210171148376)</t>
  </si>
  <si>
    <t>POINT (4.692163617370365 51.787417014659205)</t>
  </si>
  <si>
    <t>POINT (4.66970227517589 51.793080939512166)</t>
  </si>
  <si>
    <t>POINT (4.661809964486295 51.7887548062529)</t>
  </si>
  <si>
    <t>POINT (4.696981413438814 51.79459463085365)</t>
  </si>
  <si>
    <t>POINT (4.666758793223354 51.81789039605554)</t>
  </si>
  <si>
    <t>POINT (4.678164242849816 51.81710995084669)</t>
  </si>
  <si>
    <t>POINT (4.665464517526783 51.80176270754985)</t>
  </si>
  <si>
    <t>POINT (4.664985083938342 51.80992704001812)</t>
  </si>
  <si>
    <t>POINT (4.676499745610228 51.80698349385448)</t>
  </si>
  <si>
    <t>POINT (4.662335640240926 51.80007437165099)</t>
  </si>
  <si>
    <t>POINT (4.667697212092065 51.77279636327808)</t>
  </si>
  <si>
    <t>POINT (4.698701195462544 51.795411496161705)</t>
  </si>
  <si>
    <t>POINT (4.6853251478504525 51.79224177480187)</t>
  </si>
  <si>
    <t>POINT (4.655654761159037 51.79023390464852)</t>
  </si>
  <si>
    <t>POINT (4.671160457098327 51.80234554759836)</t>
  </si>
  <si>
    <t>3316EL</t>
  </si>
  <si>
    <t>Vierlinghstraat</t>
  </si>
  <si>
    <t>3316EL-3316EN</t>
  </si>
  <si>
    <t>POINT (4.646960934012936 51.77767852336822)</t>
  </si>
  <si>
    <t>POINT (4.656895565240962 51.79085359605236)</t>
  </si>
  <si>
    <t>POINT (4.674178043506889 51.80546915370243)</t>
  </si>
  <si>
    <t>3312GN</t>
  </si>
  <si>
    <t>POINT (4.680207756233936 51.81017068765263)</t>
  </si>
  <si>
    <t>POINT (4.7050270833647545 51.816407148297)</t>
  </si>
  <si>
    <t>POINT (4.6941301189125735 51.818314306424085)</t>
  </si>
  <si>
    <t>POINT (4.660331060374264 51.79563510770544)</t>
  </si>
  <si>
    <t>POINT (4.669043389179658 51.790704592860244)</t>
  </si>
  <si>
    <t>POINT (4.665070386207855 51.78898731629496)</t>
  </si>
  <si>
    <t>POINT (4.674103304496346 51.780896967930154)</t>
  </si>
  <si>
    <t>POINT (4.671497789940157 51.818542171342074)</t>
  </si>
  <si>
    <t>3318CS</t>
  </si>
  <si>
    <t>3318CS-3318CV</t>
  </si>
  <si>
    <t>POINT (4.678036785036803 51.7876090542905)</t>
  </si>
  <si>
    <t>POINT (4.6554923458071995 51.80696550507294)</t>
  </si>
  <si>
    <t>POINT (4.660057317756083 51.80213072110224)</t>
  </si>
  <si>
    <t>3313XA</t>
  </si>
  <si>
    <t>Develstraat</t>
  </si>
  <si>
    <t>POINT (4.691659265466069 51.818026955519564)</t>
  </si>
  <si>
    <t>POINT (4.67486884050204 51.774514603646075)</t>
  </si>
  <si>
    <t>POINT (4.702980851941042 51.815569692378816)</t>
  </si>
  <si>
    <t>3316BJ</t>
  </si>
  <si>
    <t>POINT (4.63238906636578 51.78379279792744)</t>
  </si>
  <si>
    <t>POINT (4.722294040807646 51.797300012928915)</t>
  </si>
  <si>
    <t>POINT (4.668067354074313 51.77560623217108)</t>
  </si>
  <si>
    <t>3317VB</t>
  </si>
  <si>
    <t>Frans Naereboutstraat</t>
  </si>
  <si>
    <t>POINT (4.657263639690844 51.79335267119168)</t>
  </si>
  <si>
    <t>POINT (4.631656704502846 51.72309158463228)</t>
  </si>
  <si>
    <t>POINT (4.677619296880335 51.790532744904255)</t>
  </si>
  <si>
    <t>POINT (4.65911032786998 51.78185961278282)</t>
  </si>
  <si>
    <t>POINT (4.6802635884304475 51.77504489590829)</t>
  </si>
  <si>
    <t>3312CC</t>
  </si>
  <si>
    <t>POINT (4.681527699100203 51.80680944533478)</t>
  </si>
  <si>
    <t>POINT (4.731411117873748 51.796878388923396)</t>
  </si>
  <si>
    <t>POINT (4.708502363304038 51.8099422071072)</t>
  </si>
  <si>
    <t>POINT (4.666103547477552 51.81362372632571)</t>
  </si>
  <si>
    <t>POINT (4.6512579835570484 51.80113996413912)</t>
  </si>
  <si>
    <t>POINT (4.67531750413934 51.80358649001603)</t>
  </si>
  <si>
    <t>POINT (4.71789856769269 51.80360722740066)</t>
  </si>
  <si>
    <t>POINT (4.728652149873001 51.80133893751339)</t>
  </si>
  <si>
    <t>POINT (4.712081977116316 51.8162378702537)</t>
  </si>
  <si>
    <t>POINT (4.665011198636042 51.78897962613827)</t>
  </si>
  <si>
    <t>POINT (4.652228852986496 51.801144665556706)</t>
  </si>
  <si>
    <t>POINT (4.672702731642605 51.81726414269238)</t>
  </si>
  <si>
    <t>3319BL</t>
  </si>
  <si>
    <t>POINT (4.702729345148251 51.79571240232917)</t>
  </si>
  <si>
    <t>POINT (4.67107280034741 51.81791584619994)</t>
  </si>
  <si>
    <t>3317AK</t>
  </si>
  <si>
    <t>POINT (4.650381825507797 51.79258686848056)</t>
  </si>
  <si>
    <t>POINT (4.705463903737847 51.82107259728123)</t>
  </si>
  <si>
    <t>3312PP</t>
  </si>
  <si>
    <t>POINT (4.680688571805166 51.802819581692795)</t>
  </si>
  <si>
    <t>POINT (4.680553555154725 51.7762528466139)</t>
  </si>
  <si>
    <t>3317CT</t>
  </si>
  <si>
    <t>POINT (4.654005658931657 51.78769442794935)</t>
  </si>
  <si>
    <t>3312XB</t>
  </si>
  <si>
    <t>Celebesstraat</t>
  </si>
  <si>
    <t>POINT (4.680137223670618 51.80908409877374)</t>
  </si>
  <si>
    <t>POINT (4.674952841438967 51.776931018192386)</t>
  </si>
  <si>
    <t>POINT (4.701241844254633 51.789617728669306)</t>
  </si>
  <si>
    <t>POINT (4.685309917675161 51.804413854151846)</t>
  </si>
  <si>
    <t>POINT (4.667744350307229 51.789726374918665)</t>
  </si>
  <si>
    <t>3318BM</t>
  </si>
  <si>
    <t>POINT (4.680490848605646 51.78830051513113)</t>
  </si>
  <si>
    <t>POINT (4.702251718695177 51.789278644119115)</t>
  </si>
  <si>
    <t>POINT (4.720520902619466 51.801996703502134)</t>
  </si>
  <si>
    <t>POINT (4.667999917683571 51.817275327094904)</t>
  </si>
  <si>
    <t>POINT (4.696481937160237 51.796096098247986)</t>
  </si>
  <si>
    <t>3328DX</t>
  </si>
  <si>
    <t>POINT (4.676986191680925 51.77301853681511)</t>
  </si>
  <si>
    <t>POINT (4.66883492376491 51.80926775593578)</t>
  </si>
  <si>
    <t>POINT (4.698417659556106 51.79328127867135)</t>
  </si>
  <si>
    <t>3312LP</t>
  </si>
  <si>
    <t>POINT (4.685378816811423 51.80305090947229)</t>
  </si>
  <si>
    <t>POINT (4.69849413092482 51.798825669047886)</t>
  </si>
  <si>
    <t>POINT (4.731333702175279 51.8003949954467)</t>
  </si>
  <si>
    <t>POINT (4.713000621751181 51.795347090098694)</t>
  </si>
  <si>
    <t>POINT (4.679377005759398 51.77699225496269)</t>
  </si>
  <si>
    <t>POINT (4.707545123149533 51.794894664862085)</t>
  </si>
  <si>
    <t>POINT (4.705582761409639 51.792109000425825)</t>
  </si>
  <si>
    <t>POINT (4.667116214885819 51.80350731319293)</t>
  </si>
  <si>
    <t>3318CB</t>
  </si>
  <si>
    <t>POINT (4.678812608937987 51.78707101350353)</t>
  </si>
  <si>
    <t>POINT (4.710929109162461 51.79534766199528)</t>
  </si>
  <si>
    <t>POINT (4.67982608312757 51.78131679498268)</t>
  </si>
  <si>
    <t>3314RR</t>
  </si>
  <si>
    <t>POINT (4.660920341399673 51.80217762107722)</t>
  </si>
  <si>
    <t>POINT (4.665445683006897 51.81473704665648)</t>
  </si>
  <si>
    <t>POINT (4.696496855467482 51.79615375851132)</t>
  </si>
  <si>
    <t>POINT (4.713381125493575 51.816209813344635)</t>
  </si>
  <si>
    <t>POINT (4.664118079743074 51.815386764483016)</t>
  </si>
  <si>
    <t>POINT (4.661911596091408 51.799341176882415)</t>
  </si>
  <si>
    <t>POINT (4.7179847703619195 51.803666387963766)</t>
  </si>
  <si>
    <t>POINT (4.683527695158492 51.81075593074477)</t>
  </si>
  <si>
    <t>POINT (4.671548872563423 51.802796084133554)</t>
  </si>
  <si>
    <t>POINT (4.673350553952765 51.782311067399334)</t>
  </si>
  <si>
    <t>POINT (4.655358739939623 51.811144080878336)</t>
  </si>
  <si>
    <t>POINT (4.657975952023763 51.783139228764476)</t>
  </si>
  <si>
    <t>POINT (4.670696270914022 51.814129119750056)</t>
  </si>
  <si>
    <t>POINT (4.66320989225748 51.8096283822964)</t>
  </si>
  <si>
    <t>POINT (4.657602640899796 51.80677400880537)</t>
  </si>
  <si>
    <t>POINT (4.673280870644153 51.77761861046102)</t>
  </si>
  <si>
    <t>POINT (4.66611754881954 51.812532532899475)</t>
  </si>
  <si>
    <t>POINT (4.684053958308466 51.785073827267915)</t>
  </si>
  <si>
    <t>POINT (4.662681673590435 51.79997339964258)</t>
  </si>
  <si>
    <t>POINT (4.672676622966799 51.783685004234776)</t>
  </si>
  <si>
    <t>POINT (4.705193094329906 51.81637396528829)</t>
  </si>
  <si>
    <t>POINT (4.659960097291516 51.80869989023265)</t>
  </si>
  <si>
    <t>POINT (4.65237806846524 51.7855611715959)</t>
  </si>
  <si>
    <t>POINT (4.691162017776465 51.78813064705809)</t>
  </si>
  <si>
    <t>POINT (4.668397280585705 51.78289168154667)</t>
  </si>
  <si>
    <t>POINT (4.706657820976747 51.78730035324235)</t>
  </si>
  <si>
    <t>POINT (4.676488167883615 51.80683671955208)</t>
  </si>
  <si>
    <t>POINT (4.720611340559799 51.79531564910923)</t>
  </si>
  <si>
    <t>POINT (4.660917520299774 51.793859255406744)</t>
  </si>
  <si>
    <t>POINT (4.658618462094488 51.80277192065069)</t>
  </si>
  <si>
    <t>POINT (4.724098078833717 51.79902958906993)</t>
  </si>
  <si>
    <t>POINT (4.676000183588654 51.78597602651951)</t>
  </si>
  <si>
    <t>3316BL</t>
  </si>
  <si>
    <t>Donker Duyvisweg</t>
  </si>
  <si>
    <t>POINT (4.630039263454508 51.791203140480995)</t>
  </si>
  <si>
    <t>3313XE</t>
  </si>
  <si>
    <t>POINT (4.691629832676199 51.818506649224645)</t>
  </si>
  <si>
    <t>3313HD</t>
  </si>
  <si>
    <t>POINT (4.714332665436065 51.81476305069568)</t>
  </si>
  <si>
    <t>POINT (4.673562263294255 51.813739477060935)</t>
  </si>
  <si>
    <t>3315EM</t>
  </si>
  <si>
    <t>POINT (4.732591554575147 51.795691972466386)</t>
  </si>
  <si>
    <t>POINT (4.6835933438723 51.77714458091874)</t>
  </si>
  <si>
    <t>POINT (4.71066703139754 51.81169689462909)</t>
  </si>
  <si>
    <t>POINT (4.664119439415587 51.81104228328969)</t>
  </si>
  <si>
    <t>POINT (4.68022676353513 51.81272065357111)</t>
  </si>
  <si>
    <t>3314LL</t>
  </si>
  <si>
    <t>POINT (4.668136116586062 51.8020668746272)</t>
  </si>
  <si>
    <t>3315TV</t>
  </si>
  <si>
    <t>POINT (4.714257264915535 51.805034426904534)</t>
  </si>
  <si>
    <t>POINT (4.670441697741461 51.81256098309222)</t>
  </si>
  <si>
    <t>POINT (4.672722066717424 51.81140928266424)</t>
  </si>
  <si>
    <t>POINT (4.661954695957634 51.7949441450887)</t>
  </si>
  <si>
    <t>POINT (4.677011635924333 51.815031139155025)</t>
  </si>
  <si>
    <t>3314WP</t>
  </si>
  <si>
    <t>POINT (4.6531622996942 51.80205457468131)</t>
  </si>
  <si>
    <t>POINT (4.681219821155175 51.808906196392584)</t>
  </si>
  <si>
    <t>POINT (4.6282784821187075 51.79802495058021)</t>
  </si>
  <si>
    <t>3314BM</t>
  </si>
  <si>
    <t>POINT (4.66219972975157 51.80522364818998)</t>
  </si>
  <si>
    <t>POINT (4.650733856801963 51.79479806383075)</t>
  </si>
  <si>
    <t>POINT (4.670095124219886 51.80539588628368)</t>
  </si>
  <si>
    <t>POINT (4.658646025887852 51.81255575978095)</t>
  </si>
  <si>
    <t>POINT (4.667001936465081 51.78211579239524)</t>
  </si>
  <si>
    <t>POINT (4.686068405667137 51.8089654054887)</t>
  </si>
  <si>
    <t>POINT (4.666931088979667 51.81464755797739)</t>
  </si>
  <si>
    <t>POINT (4.720617184996621 51.802268527833085)</t>
  </si>
  <si>
    <t>POINT (4.732294028386098 51.80271627278101)</t>
  </si>
  <si>
    <t>POINT (4.668552256145582 51.80936348942072)</t>
  </si>
  <si>
    <t>POINT (4.662645434918406 51.8009215010915)</t>
  </si>
  <si>
    <t>POINT (4.663329969414566 51.79916246812589)</t>
  </si>
  <si>
    <t>POINT (4.65700022618044 51.797907900487054)</t>
  </si>
  <si>
    <t>POINT (4.656041702016493 51.78482446433215)</t>
  </si>
  <si>
    <t>POINT (4.67240373968555 51.77103830339793)</t>
  </si>
  <si>
    <t>POINT (4.66834994722969 51.796263099566396)</t>
  </si>
  <si>
    <t>POINT (4.668613394964366 51.81535384613191)</t>
  </si>
  <si>
    <t>POINT (4.685031525763034 51.806484319739525)</t>
  </si>
  <si>
    <t>POINT (4.653764698837626 51.785743547745085)</t>
  </si>
  <si>
    <t>3315HH</t>
  </si>
  <si>
    <t>POINT (4.735498457661266 51.802078024922025)</t>
  </si>
  <si>
    <t>POINT (4.667958549949032 51.81482487805586)</t>
  </si>
  <si>
    <t>POINT (4.712362380683984 51.80555583426596)</t>
  </si>
  <si>
    <t>POINT (4.669283212038098 51.80094549502611)</t>
  </si>
  <si>
    <t>POINT (4.68555939585201 51.788576960869406)</t>
  </si>
  <si>
    <t>POINT (4.732127153887956 51.79630953384458)</t>
  </si>
  <si>
    <t>POINT (4.704150257162438 51.81578593077283)</t>
  </si>
  <si>
    <t>POINT (4.672920386071397 51.80607740903553)</t>
  </si>
  <si>
    <t>POINT (4.663511669318939 51.8097495685637)</t>
  </si>
  <si>
    <t>POINT (4.727191689736124 51.80018473362512)</t>
  </si>
  <si>
    <t>POINT (4.665008183542116 51.78896606159909)</t>
  </si>
  <si>
    <t>POINT (4.663064580271088 51.81074877004584)</t>
  </si>
  <si>
    <t>3312SV</t>
  </si>
  <si>
    <t>POINT (4.687723064428851 51.809543130129434)</t>
  </si>
  <si>
    <t>POINT (4.733089070322316 51.800422394221144)</t>
  </si>
  <si>
    <t>POINT (4.668225221691686 51.81332365054621)</t>
  </si>
  <si>
    <t>3314GS</t>
  </si>
  <si>
    <t>POINT (4.659212548402309 51.80208927630414)</t>
  </si>
  <si>
    <t>POINT (4.659126229523869 51.78912560264962)</t>
  </si>
  <si>
    <t>POINT (4.657528295605442 51.79342030366398)</t>
  </si>
  <si>
    <t>POINT (4.707474298660437 51.80718555039679)</t>
  </si>
  <si>
    <t>3312JA</t>
  </si>
  <si>
    <t>Eemsteynplein</t>
  </si>
  <si>
    <t>POINT (4.681391878897124 51.803923659788644)</t>
  </si>
  <si>
    <t>POINT (4.694759928931272 51.79127660220161)</t>
  </si>
  <si>
    <t>POINT (4.664059980969725 51.79279115161537)</t>
  </si>
  <si>
    <t>POINT (4.667946443355434 51.814968308048186)</t>
  </si>
  <si>
    <t>3311KT</t>
  </si>
  <si>
    <t>POINT (4.6718189766481055 51.80900524236691)</t>
  </si>
  <si>
    <t>3317MH</t>
  </si>
  <si>
    <t>Buitengrave</t>
  </si>
  <si>
    <t>POINT (4.657848171631471 51.78047540085311)</t>
  </si>
  <si>
    <t>POINT (4.671444132083927 51.7803006849687)</t>
  </si>
  <si>
    <t>POINT (4.722591801693244 51.806203279941236)</t>
  </si>
  <si>
    <t>POINT (4.675352812905517 51.81606130255097)</t>
  </si>
  <si>
    <t>POINT (4.725575503372559 51.79621951269568)</t>
  </si>
  <si>
    <t>POINT (4.7096122986809315 51.79421546582945)</t>
  </si>
  <si>
    <t>POINT (4.644653111431392 51.77316252024903)</t>
  </si>
  <si>
    <t>POINT (4.677784956511528 51.807544955277784)</t>
  </si>
  <si>
    <t>POINT (4.710884632248624 51.79220451113618)</t>
  </si>
  <si>
    <t>3313TD</t>
  </si>
  <si>
    <t>Keteldiep</t>
  </si>
  <si>
    <t>POINT (4.720440789940488 51.81297755245185)</t>
  </si>
  <si>
    <t>3318EA</t>
  </si>
  <si>
    <t>Cereslaan</t>
  </si>
  <si>
    <t>POINT (4.673362657925313 51.78951316637846)</t>
  </si>
  <si>
    <t>POINT (4.655380423847628 51.81029596243709)</t>
  </si>
  <si>
    <t>3311RT</t>
  </si>
  <si>
    <t>Prins Willem van Oranjehof</t>
  </si>
  <si>
    <t>POINT (4.676425018303951 51.81552231499231)</t>
  </si>
  <si>
    <t>3315JM</t>
  </si>
  <si>
    <t>POINT (4.725768808172735 51.80466549548988)</t>
  </si>
  <si>
    <t>3317WH</t>
  </si>
  <si>
    <t>Dorus Rijkersstraat</t>
  </si>
  <si>
    <t>POINT (4.657444335779802 51.79265241555457)</t>
  </si>
  <si>
    <t>POINT (4.66229037256455 51.79748231821938)</t>
  </si>
  <si>
    <t>POINT (4.710369171320577 51.80506203226075)</t>
  </si>
  <si>
    <t>POINT (4.683791254393138 51.80434780774748)</t>
  </si>
  <si>
    <t>POINT (4.700407121895891 51.79263608597079)</t>
  </si>
  <si>
    <t>POINT (4.705056311280109 51.79220084287914)</t>
  </si>
  <si>
    <t>POINT (4.68091055430398 51.80931328388319)</t>
  </si>
  <si>
    <t>POINT (4.67225397483644 51.81818366508906)</t>
  </si>
  <si>
    <t>POINT (4.686776153890018 51.80953306856991)</t>
  </si>
  <si>
    <t>POINT (4.75707381498301 51.789979219384385)</t>
  </si>
  <si>
    <t>POINT (4.662283224535988 51.80510959421336)</t>
  </si>
  <si>
    <t>3311KA</t>
  </si>
  <si>
    <t>POINT (4.666647248601888 51.812674706542026)</t>
  </si>
  <si>
    <t>POINT (4.681958381331555 51.7816634840829)</t>
  </si>
  <si>
    <t>POINT (4.713049095095557 51.79539573661236)</t>
  </si>
  <si>
    <t>POINT (4.659320225804254 51.810213563939946)</t>
  </si>
  <si>
    <t>POINT (4.665113264807626 51.810335016142886)</t>
  </si>
  <si>
    <t>POINT (4.700961738689733 51.817317331786846)</t>
  </si>
  <si>
    <t>POINT (4.652384455228123 51.79264425603497)</t>
  </si>
  <si>
    <t>3312KR</t>
  </si>
  <si>
    <t>POINT (4.683089672075781 51.80053723750812)</t>
  </si>
  <si>
    <t>POINT (4.723930228629548 51.79922864668052)</t>
  </si>
  <si>
    <t>3315AD</t>
  </si>
  <si>
    <t>POINT (4.721262561142433 51.800011817722954)</t>
  </si>
  <si>
    <t>POINT (4.676270200088145 51.804717927472495)</t>
  </si>
  <si>
    <t>POINT (4.651481818829283 51.79379981445452)</t>
  </si>
  <si>
    <t>POINT (4.678852539228533 51.77577725837217)</t>
  </si>
  <si>
    <t>POINT (4.6637024834824725 51.80034737236766)</t>
  </si>
  <si>
    <t>3316LS</t>
  </si>
  <si>
    <t>Burgemeester van der Leestraat</t>
  </si>
  <si>
    <t>POINT (4.674876181184827 51.81408734830592)</t>
  </si>
  <si>
    <t>POINT (4.6829188808813065 51.81794731643059)</t>
  </si>
  <si>
    <t>POINT (4.6679568732540355 51.77063575554635)</t>
  </si>
  <si>
    <t>POINT (4.70202901545575 51.79090669327759)</t>
  </si>
  <si>
    <t>POINT (4.66452594626868 51.788556011321674)</t>
  </si>
  <si>
    <t>POINT (4.665665878264143 51.809862707300766)</t>
  </si>
  <si>
    <t>POINT (4.711750135780495 51.803066087010286)</t>
  </si>
  <si>
    <t>POINT (4.658379862736207 51.78182969213702)</t>
  </si>
  <si>
    <t>POINT (4.723398635353595 51.802258579762864)</t>
  </si>
  <si>
    <t>POINT (4.657056369717597 51.813951054172286)</t>
  </si>
  <si>
    <t>POINT (4.6499517078549735 51.79433374723118)</t>
  </si>
  <si>
    <t>3329BA</t>
  </si>
  <si>
    <t>Grimaldihof</t>
  </si>
  <si>
    <t>POINT (4.722961399279271 51.793024970684286)</t>
  </si>
  <si>
    <t>POINT (4.694513355989534 51.81773155169601)</t>
  </si>
  <si>
    <t>POINT (4.682883682472827 51.81143895411687)</t>
  </si>
  <si>
    <t>POINT (4.654539858780724 51.81197129677628)</t>
  </si>
  <si>
    <t>POINT (4.667362412080732 51.8144748084085)</t>
  </si>
  <si>
    <t>POINT (4.6674381929034 51.81370599535819)</t>
  </si>
  <si>
    <t>POINT (4.658600280608648 51.81345799364054)</t>
  </si>
  <si>
    <t>POINT (4.66954678760952 51.79940116986687)</t>
  </si>
  <si>
    <t>POINT (4.662873644748279 51.79717457013684)</t>
  </si>
  <si>
    <t>POINT (4.671969484980644 51.81796886430417)</t>
  </si>
  <si>
    <t>POINT (4.697954235162396 51.79406770842642)</t>
  </si>
  <si>
    <t>POINT (4.680419195682528 51.816302986553055)</t>
  </si>
  <si>
    <t>POINT (4.656458388317199 51.80447428608531)</t>
  </si>
  <si>
    <t>POINT (4.661181662994077 51.80909958598418)</t>
  </si>
  <si>
    <t>POINT (4.661829765691606 51.80236311957132)</t>
  </si>
  <si>
    <t>POINT (4.716417897749266 51.81537114099371)</t>
  </si>
  <si>
    <t>POINT (4.669321414392147 51.80824203262826)</t>
  </si>
  <si>
    <t>POINT (4.725226016217922 51.798344578691506)</t>
  </si>
  <si>
    <t>POINT (4.728173538009739 51.7991420510696)</t>
  </si>
  <si>
    <t>POINT (4.682468511723041 51.80884537931145)</t>
  </si>
  <si>
    <t>POINT (4.693381576555319 51.795589009377466)</t>
  </si>
  <si>
    <t>POINT (4.671799738841564 51.80873442206437)</t>
  </si>
  <si>
    <t>POINT (4.643520766633645 51.77103234883543)</t>
  </si>
  <si>
    <t>3329BG</t>
  </si>
  <si>
    <t>Windsorhof</t>
  </si>
  <si>
    <t>POINT (4.730815842561741 51.79329562012484)</t>
  </si>
  <si>
    <t>3315JN</t>
  </si>
  <si>
    <t>POINT (4.72059410063738 51.80357036586001)</t>
  </si>
  <si>
    <t>3329AD</t>
  </si>
  <si>
    <t>POINT (4.707421865745098 51.78707270474727)</t>
  </si>
  <si>
    <t>POINT (4.72250708461772 51.80516513352154)</t>
  </si>
  <si>
    <t>POINT (4.697812397425187 51.80087297773628)</t>
  </si>
  <si>
    <t>POINT (4.676636721215638 51.77421545998673)</t>
  </si>
  <si>
    <t>POINT (4.681418444433859 51.81433710324731)</t>
  </si>
  <si>
    <t>POINT (4.657981704435339 51.77105110492833)</t>
  </si>
  <si>
    <t>POINT (4.708445987003699 51.80665711435392)</t>
  </si>
  <si>
    <t>POINT (4.626424471082005 51.79407730818767)</t>
  </si>
  <si>
    <t>POINT (4.659864096983938 51.8113296456376)</t>
  </si>
  <si>
    <t>POINT (4.657817007675829 51.783154833690084)</t>
  </si>
  <si>
    <t>POINT (4.6616634527563 51.804915293251106)</t>
  </si>
  <si>
    <t>POINT (4.658398426068785 51.801210134412514)</t>
  </si>
  <si>
    <t>POINT (4.676949527643693 51.80767456990973)</t>
  </si>
  <si>
    <t>POINT (4.680598194199871 51.79881407767125)</t>
  </si>
  <si>
    <t>POINT (4.718075650445413 51.8158065667194)</t>
  </si>
  <si>
    <t>POINT (4.656962818556932 51.80975702475518)</t>
  </si>
  <si>
    <t>POINT (4.6799026000379556 51.79867308765269)</t>
  </si>
  <si>
    <t>POINT (4.679029470525604 51.78115041624927)</t>
  </si>
  <si>
    <t>POINT (4.718780276429147 51.798770779085146)</t>
  </si>
  <si>
    <t>POINT (4.632384975998784 51.78355128915918)</t>
  </si>
  <si>
    <t>POINT (4.683691651172203 51.782507081702434)</t>
  </si>
  <si>
    <t>POINT (4.675348688621886 51.80827570392567)</t>
  </si>
  <si>
    <t>POINT (4.66371025030398 51.79228845048966)</t>
  </si>
  <si>
    <t>POINT (4.681326615915343 51.8103541403983)</t>
  </si>
  <si>
    <t>POINT (4.658751009697258 51.801841991150965)</t>
  </si>
  <si>
    <t>POINT (4.666794797488932 51.80159793149892)</t>
  </si>
  <si>
    <t>POINT (4.71889347865952 51.80218793720374)</t>
  </si>
  <si>
    <t>POINT (4.678261786626011 51.81768392695324)</t>
  </si>
  <si>
    <t>POINT (4.671228996791087 51.79063136417144)</t>
  </si>
  <si>
    <t>3315SK</t>
  </si>
  <si>
    <t>POINT (4.728196902133892 51.80329691154221)</t>
  </si>
  <si>
    <t>POINT (4.660728582302819 51.81114464721245)</t>
  </si>
  <si>
    <t>POINT (4.6626906127078716 51.795278873992025)</t>
  </si>
  <si>
    <t>POINT (4.684513873176816 51.78810249998108)</t>
  </si>
  <si>
    <t>POINT (4.728764310700681 51.79971504100044)</t>
  </si>
  <si>
    <t>POINT (4.664575663698774 51.8105756596641)</t>
  </si>
  <si>
    <t>POINT (4.724353418510549 51.804878629111165)</t>
  </si>
  <si>
    <t>POINT (4.722395449791707 51.80027710619214)</t>
  </si>
  <si>
    <t>POINT (4.674621469535736 51.781800003108565)</t>
  </si>
  <si>
    <t>POINT (4.706707315444932 51.794096343030446)</t>
  </si>
  <si>
    <t>POINT (4.680582519109743 51.80965920650465)</t>
  </si>
  <si>
    <t>POINT (4.726998570009148 51.79579962458442)</t>
  </si>
  <si>
    <t>POINT (4.729202179610954 51.80562406615144)</t>
  </si>
  <si>
    <t>POINT (4.678662614614764 51.789665323158715)</t>
  </si>
  <si>
    <t>POINT (4.660978642040564 51.809122725003974)</t>
  </si>
  <si>
    <t>POINT (4.669533412764552 51.80985907149446)</t>
  </si>
  <si>
    <t>POINT (4.698502419122217 51.79350132457985)</t>
  </si>
  <si>
    <t>POINT (4.660010506555544 51.799382568554)</t>
  </si>
  <si>
    <t>POINT (4.672189326431378 51.77329098860377)</t>
  </si>
  <si>
    <t>POINT (4.727000936533054 51.79979685221208)</t>
  </si>
  <si>
    <t>POINT (4.663090058818842 51.79409138902645)</t>
  </si>
  <si>
    <t>POINT (4.6650019266499125 51.789423934626896)</t>
  </si>
  <si>
    <t>POINT (4.656631754723893 51.81183369722667)</t>
  </si>
  <si>
    <t>POINT (4.6686984544247565 51.771210590578534)</t>
  </si>
  <si>
    <t>POINT (4.659790748366063 51.7993386987422)</t>
  </si>
  <si>
    <t>POINT (4.65724359493366 51.79740597569025)</t>
  </si>
  <si>
    <t>POINT (4.705269384876776 51.82133229054245)</t>
  </si>
  <si>
    <t>POINT (4.677813565829564 51.814859362039726)</t>
  </si>
  <si>
    <t>POINT (4.666909389889863 51.81062478467951)</t>
  </si>
  <si>
    <t>POINT (4.680514815174797 51.808990221523764)</t>
  </si>
  <si>
    <t>3314EL</t>
  </si>
  <si>
    <t>POINT (4.656891784634284 51.80304011437512)</t>
  </si>
  <si>
    <t>POINT (4.657860291763677 51.77075959151749)</t>
  </si>
  <si>
    <t>POINT (4.655761279987133 51.80271484557287)</t>
  </si>
  <si>
    <t>POINT (4.669101994828587 51.79012069515269)</t>
  </si>
  <si>
    <t>POINT (4.673481419223672 51.81351558097705)</t>
  </si>
  <si>
    <t>POINT (4.719762443603942 51.800756677418235)</t>
  </si>
  <si>
    <t>POINT (4.66288395666221 51.793631800852246)</t>
  </si>
  <si>
    <t>POINT (4.680365570938129 51.77373546957426)</t>
  </si>
  <si>
    <t>3315XG</t>
  </si>
  <si>
    <t>POINT (4.715329310969789 51.80088630450713)</t>
  </si>
  <si>
    <t>3329KG</t>
  </si>
  <si>
    <t>POINT (4.728711342135994 51.7947206801559)</t>
  </si>
  <si>
    <t>3328HH</t>
  </si>
  <si>
    <t>Grote Hondring</t>
  </si>
  <si>
    <t>POINT (4.683668493534963 51.780296577449754)</t>
  </si>
  <si>
    <t>POINT (4.711726793682716 51.81398775006365)</t>
  </si>
  <si>
    <t>3313EV</t>
  </si>
  <si>
    <t>POINT (4.718409053025842 51.814826261231836)</t>
  </si>
  <si>
    <t>POINT (4.6757352144529145 51.77394591535503)</t>
  </si>
  <si>
    <t>POINT (4.664011031379159 51.79529202751852)</t>
  </si>
  <si>
    <t>3318BD</t>
  </si>
  <si>
    <t>POINT (4.680308366114677 51.78780297016872)</t>
  </si>
  <si>
    <t>POINT (4.675138371490507 51.815506731169336)</t>
  </si>
  <si>
    <t>POINT (4.711046905664484 51.80344880942839)</t>
  </si>
  <si>
    <t>POINT (4.6765853608402 51.80774307004425)</t>
  </si>
  <si>
    <t>3312PA</t>
  </si>
  <si>
    <t>POINT (4.679132835226127 51.805265415840964)</t>
  </si>
  <si>
    <t>POINT (4.726334637972496 51.79760021357727)</t>
  </si>
  <si>
    <t>POINT (4.661963689974058 51.809803660650154)</t>
  </si>
  <si>
    <t>POINT (4.682079809240533 51.808433529480695)</t>
  </si>
  <si>
    <t>POINT (4.662767617772636 51.79487536138662)</t>
  </si>
  <si>
    <t>POINT (4.729683098046291 51.795849576070964)</t>
  </si>
  <si>
    <t>POINT (4.685045711712677 51.79168177053062)</t>
  </si>
  <si>
    <t>POINT (4.679431187313083 51.778209967012465)</t>
  </si>
  <si>
    <t>POINT (4.652214408674559 51.7889689283936)</t>
  </si>
  <si>
    <t>POINT (4.6922151000940255 51.81888969814575)</t>
  </si>
  <si>
    <t>POINT (4.6819708553035255 51.7816460940428)</t>
  </si>
  <si>
    <t>3314WH</t>
  </si>
  <si>
    <t>POINT (4.654368750638394 51.803220696547584)</t>
  </si>
  <si>
    <t>POINT (4.670131809971542 51.81084207302791)</t>
  </si>
  <si>
    <t>POINT (4.67688807092138 51.77481394067313)</t>
  </si>
  <si>
    <t>POINT (4.6795831687054115 51.774625793078535)</t>
  </si>
  <si>
    <t>POINT (4.727844488523637 51.79796092835402)</t>
  </si>
  <si>
    <t>POINT (4.674369080792126 51.78137777125661)</t>
  </si>
  <si>
    <t>POINT (4.668476692036926 51.813530833860185)</t>
  </si>
  <si>
    <t>POINT (4.679104357276579 51.78185089033223)</t>
  </si>
  <si>
    <t>POINT (4.679361643436384 51.777215998963335)</t>
  </si>
  <si>
    <t>POINT (4.668253836796364 51.81521141166646)</t>
  </si>
  <si>
    <t>POINT (4.73084966749489 51.798104194489845)</t>
  </si>
  <si>
    <t>POINT (4.716864036343789 51.79526532789611)</t>
  </si>
  <si>
    <t>POINT (4.658694210609445 51.77038121671235)</t>
  </si>
  <si>
    <t>Madoerastraat</t>
  </si>
  <si>
    <t>POINT (4.682441110487572 51.80677802738927)</t>
  </si>
  <si>
    <t>POINT (4.726012011114615 51.79228611369332)</t>
  </si>
  <si>
    <t>POINT (4.724200719137823 51.804185784980696)</t>
  </si>
  <si>
    <t>3319AE</t>
  </si>
  <si>
    <t>POINT (4.6982231337742935 51.7890032352773)</t>
  </si>
  <si>
    <t>3312CT</t>
  </si>
  <si>
    <t>POINT (4.682156315272712 51.80795770653005)</t>
  </si>
  <si>
    <t>POINT (4.657337653711579 51.79924332103823)</t>
  </si>
  <si>
    <t>POINT (4.669450550326749 51.774257975488176)</t>
  </si>
  <si>
    <t>POINT (4.7046022741408535 51.81530181667)</t>
  </si>
  <si>
    <t>POINT (4.660734712497715 51.79779811379881)</t>
  </si>
  <si>
    <t>POINT (4.659479776685405 51.79068458669305)</t>
  </si>
  <si>
    <t>POINT (4.668478886656448 51.80923309970887)</t>
  </si>
  <si>
    <t>3314NC</t>
  </si>
  <si>
    <t>Anna van Saksenstraat</t>
  </si>
  <si>
    <t>POINT (4.668457996480053 51.79837520546145)</t>
  </si>
  <si>
    <t>POINT (4.66532285818181 51.80997221910986)</t>
  </si>
  <si>
    <t>POINT (4.682329984073122 51.77718778141984)</t>
  </si>
  <si>
    <t>POINT (4.659580945150361 51.791393110839905)</t>
  </si>
  <si>
    <t>POINT (4.682235435139466 51.78563023377071)</t>
  </si>
  <si>
    <t>POINT (4.730902561137684 51.804263891690006)</t>
  </si>
  <si>
    <t>3315TW</t>
  </si>
  <si>
    <t>POINT (4.714049220287937 51.80487464688496)</t>
  </si>
  <si>
    <t>POINT (4.693361755621609 51.79564301296326)</t>
  </si>
  <si>
    <t>POINT (4.683061179177569 51.77403796576488)</t>
  </si>
  <si>
    <t>3317EP-3317ER</t>
  </si>
  <si>
    <t>POINT (4.663430803005995 51.79175575513657)</t>
  </si>
  <si>
    <t>3314TX</t>
  </si>
  <si>
    <t>Weissenbruchstraat</t>
  </si>
  <si>
    <t>POINT (4.659519472619609 51.797692255420486)</t>
  </si>
  <si>
    <t>POINT (4.665835129394442 51.81651293384647)</t>
  </si>
  <si>
    <t>POINT (4.683764936852594 51.79812462794145)</t>
  </si>
  <si>
    <t>POINT (4.68144136645619 51.808640988029964)</t>
  </si>
  <si>
    <t>POINT (4.677074316547347 51.77547183744484)</t>
  </si>
  <si>
    <t>POINT (4.690500186022205 51.80560611317076)</t>
  </si>
  <si>
    <t>POINT (4.67084720743734 51.786372632417034)</t>
  </si>
  <si>
    <t>POINT (4.706535200425621 51.80945349814108)</t>
  </si>
  <si>
    <t>POINT (4.668119507627391 51.78145649573746)</t>
  </si>
  <si>
    <t>POINT (4.670376127159874 51.77259943849118)</t>
  </si>
  <si>
    <t>POINT (4.668886176693408 51.78200421916645)</t>
  </si>
  <si>
    <t>3315SC</t>
  </si>
  <si>
    <t>POINT (4.726474155788867 51.80330461646356)</t>
  </si>
  <si>
    <t>POINT (4.6436457616364955 51.76587967008704)</t>
  </si>
  <si>
    <t>POINT (4.68489129180731 51.79031326264075)</t>
  </si>
  <si>
    <t>POINT (4.67131488797106 51.80521672938843)</t>
  </si>
  <si>
    <t>POINT (4.670383150410721 51.781135512875785)</t>
  </si>
  <si>
    <t>POINT (4.676612470109433 51.778575752910285)</t>
  </si>
  <si>
    <t>POINT (4.683726320615084 51.79811784366214)</t>
  </si>
  <si>
    <t>POINT (4.711671948007118 51.81121369251889)</t>
  </si>
  <si>
    <t>POINT (4.73119824394297 51.79222849654)</t>
  </si>
  <si>
    <t>POINT (4.645039873883713 51.77349290448844)</t>
  </si>
  <si>
    <t>POINT (4.735323403107342 51.80045810054933)</t>
  </si>
  <si>
    <t>POINT (4.65510966988494 51.794953774138364)</t>
  </si>
  <si>
    <t>POINT (4.635125903993172 51.77524187035952)</t>
  </si>
  <si>
    <t>POINT (4.67733722399478 51.77262583294164)</t>
  </si>
  <si>
    <t>POINT (4.664422524462217 51.78528662192326)</t>
  </si>
  <si>
    <t>POINT (4.679571862681054 51.777513229519805)</t>
  </si>
  <si>
    <t>3311AS</t>
  </si>
  <si>
    <t>Veersteiger</t>
  </si>
  <si>
    <t>3311AS-3311AT</t>
  </si>
  <si>
    <t>POINT (4.66378008822009 51.817567788324624)</t>
  </si>
  <si>
    <t>POINT (4.676983394116343 51.784737696043194)</t>
  </si>
  <si>
    <t>POINT (4.720420751128649 51.80345664534868)</t>
  </si>
  <si>
    <t>POINT (4.625470683316133 51.79712870822511)</t>
  </si>
  <si>
    <t>POINT (4.628131504093478 51.726355683924844)</t>
  </si>
  <si>
    <t>POINT (4.676172040659856 51.81627388001905)</t>
  </si>
  <si>
    <t>POINT (4.6611641529989605 51.79952599975832)</t>
  </si>
  <si>
    <t>POINT (4.711774231911367 51.8141328660338)</t>
  </si>
  <si>
    <t>POINT (4.714495790530394 51.81389604305784)</t>
  </si>
  <si>
    <t>3314BA</t>
  </si>
  <si>
    <t>POINT (4.662512612067772 51.80586983629738)</t>
  </si>
  <si>
    <t>POINT (4.675682191788164 51.81706462841142)</t>
  </si>
  <si>
    <t>POINT (4.67277742055017 51.78352562826859)</t>
  </si>
  <si>
    <t>POINT (4.658454156110495 51.80945299505739)</t>
  </si>
  <si>
    <t>POINT (4.674228644987915 51.782128687952444)</t>
  </si>
  <si>
    <t>POINT (4.690783998653981 51.81918283817713)</t>
  </si>
  <si>
    <t>POINT (4.681164063533786 51.798797987802175)</t>
  </si>
  <si>
    <t>POINT (4.67504632347781 51.81538729749898)</t>
  </si>
  <si>
    <t>POINT (4.653267713601743 51.79295402599652)</t>
  </si>
  <si>
    <t>POINT (4.637282284057891 51.76690615769035)</t>
  </si>
  <si>
    <t>POINT (4.663258894585745 51.8133427721725)</t>
  </si>
  <si>
    <t>POINT (4.672876762198366 51.77348092037825)</t>
  </si>
  <si>
    <t>POINT (4.711694131851216 51.79783088942417)</t>
  </si>
  <si>
    <t>POINT (4.713239904377835 51.810094525488765)</t>
  </si>
  <si>
    <t>POINT (4.665985781337244 51.79599634033699)</t>
  </si>
  <si>
    <t>POINT (4.682577783060427 51.77771513635124)</t>
  </si>
  <si>
    <t>3311NS</t>
  </si>
  <si>
    <t>POINT (4.668894337678287 51.813069530360764)</t>
  </si>
  <si>
    <t>POINT (4.66149093913448 51.790376301358855)</t>
  </si>
  <si>
    <t>POINT (4.73018180354444 51.79835167103189)</t>
  </si>
  <si>
    <t>POINT (4.659707705619533 51.80388301220905)</t>
  </si>
  <si>
    <t>3314GL</t>
  </si>
  <si>
    <t>3314GL-3314GM</t>
  </si>
  <si>
    <t>POINT (4.661085431571757 51.800222028693405)</t>
  </si>
  <si>
    <t>POINT (4.6568786212116775 51.79010950406207)</t>
  </si>
  <si>
    <t>POINT (4.675966086401745 51.816407857542906)</t>
  </si>
  <si>
    <t>POINT (4.68195327112465 51.77369852902669)</t>
  </si>
  <si>
    <t>3314XB</t>
  </si>
  <si>
    <t>Boshamerstraat</t>
  </si>
  <si>
    <t>POINT (4.657150182951741 51.800655007467846)</t>
  </si>
  <si>
    <t>3318AT</t>
  </si>
  <si>
    <t>POINT (4.681700714316346 51.79220621891687)</t>
  </si>
  <si>
    <t>POINT (4.679600371050988 51.78132247171338)</t>
  </si>
  <si>
    <t>POINT (4.676536040073598 51.791265435692125)</t>
  </si>
  <si>
    <t>POINT (4.705438734656123 51.82133655521598)</t>
  </si>
  <si>
    <t>POINT (4.710583366705882 51.80450182748472)</t>
  </si>
  <si>
    <t>POINT (4.683717464571846 51.77706028335298)</t>
  </si>
  <si>
    <t>3328AP</t>
  </si>
  <si>
    <t>POINT (4.682882142561241 51.774838674135)</t>
  </si>
  <si>
    <t>POINT (4.680260752367419 51.806388241462344)</t>
  </si>
  <si>
    <t>POINT (4.6627839375083635 51.80526560215132)</t>
  </si>
  <si>
    <t>POINT (4.658875243355551 51.77108335405843)</t>
  </si>
  <si>
    <t>POINT (4.674073298476901 51.8178804002904)</t>
  </si>
  <si>
    <t>POINT (4.712443964162579 51.813898339943606)</t>
  </si>
  <si>
    <t>POINT (4.656513550488984 51.784737607241155)</t>
  </si>
  <si>
    <t>POINT (4.673606208424935 51.775982191283056)</t>
  </si>
  <si>
    <t>POINT (4.678731184102987 51.785532286323374)</t>
  </si>
  <si>
    <t>POINT (4.684919594614617 51.80447554497373)</t>
  </si>
  <si>
    <t>POINT (4.6807300772687155 51.798458668411065)</t>
  </si>
  <si>
    <t>POINT (4.725606170085769 51.795773309390135)</t>
  </si>
  <si>
    <t>POINT (4.6570992057835 51.77104580300391)</t>
  </si>
  <si>
    <t>POINT (4.665722754805839 51.8098534211396)</t>
  </si>
  <si>
    <t>POINT (4.6665767483938945 51.79633384782972)</t>
  </si>
  <si>
    <t>POINT (4.668421666094233 51.77430496844326)</t>
  </si>
  <si>
    <t>POINT (4.631525683498411 51.77478030242939)</t>
  </si>
  <si>
    <t>POINT (4.682371988321179 51.77729100841219)</t>
  </si>
  <si>
    <t>3312JP</t>
  </si>
  <si>
    <t>POINT (4.682560222864401 51.8018853717678)</t>
  </si>
  <si>
    <t>3312TD</t>
  </si>
  <si>
    <t>POINT (4.685689900458895 51.811177644762196)</t>
  </si>
  <si>
    <t>POINT (4.732836867351128 51.795569693164154)</t>
  </si>
  <si>
    <t>POINT (4.672702577541449 51.80601015100698)</t>
  </si>
  <si>
    <t>POINT (4.652329744940519 51.805825740604405)</t>
  </si>
  <si>
    <t>POINT (4.720808612180904 51.79806076211394)</t>
  </si>
  <si>
    <t>POINT (4.729538533308742 51.80132248913548)</t>
  </si>
  <si>
    <t>POINT (4.712806350376805 51.81629463648705)</t>
  </si>
  <si>
    <t>POINT (4.681910687890325 51.77557339762914)</t>
  </si>
  <si>
    <t>3314RD</t>
  </si>
  <si>
    <t>3314RD-3314RJ</t>
  </si>
  <si>
    <t>POINT (4.6614608619419 51.80161359926403)</t>
  </si>
  <si>
    <t>POINT (4.668664111939166 51.813718676340685)</t>
  </si>
  <si>
    <t>POINT (4.696255682119032 51.79510950873576)</t>
  </si>
  <si>
    <t>POINT (4.686033561172464 51.78860561147045)</t>
  </si>
  <si>
    <t>POINT (4.669044844497187 51.81924895929162)</t>
  </si>
  <si>
    <t>POINT (4.669998424766994 51.799083475742805)</t>
  </si>
  <si>
    <t>POINT (4.6758252466779595 51.78483354484343)</t>
  </si>
  <si>
    <t>POINT (4.707737399305192 51.7953874494347)</t>
  </si>
  <si>
    <t>POINT (4.685033785976396 51.78257423330513)</t>
  </si>
  <si>
    <t>POINT (4.681683030160219 51.80696747437876)</t>
  </si>
  <si>
    <t>POINT (4.728446648495864 51.79960214932613)</t>
  </si>
  <si>
    <t>POINT (4.6602790493580395 51.79314413279681)</t>
  </si>
  <si>
    <t>POINT (4.654660754465875 51.808199704589306)</t>
  </si>
  <si>
    <t>3314EJ</t>
  </si>
  <si>
    <t>Jan Vethkade</t>
  </si>
  <si>
    <t>POINT (4.65521306222756 51.8000202370232)</t>
  </si>
  <si>
    <t>POINT (4.685981824386352 51.77911788178381)</t>
  </si>
  <si>
    <t>POINT (4.735972568506076 51.80058609010318)</t>
  </si>
  <si>
    <t>POINT (4.692358975419749 51.8181616244105)</t>
  </si>
  <si>
    <t>POINT (4.65452256095129 51.811979161745306)</t>
  </si>
  <si>
    <t>POINT (4.650972313824761 51.80230320674768)</t>
  </si>
  <si>
    <t>POINT (4.7336005859731065 51.80300341906838)</t>
  </si>
  <si>
    <t>POINT (4.680596127894058 51.78984729406557)</t>
  </si>
  <si>
    <t>POINT (4.709579086658372 51.804892036181144)</t>
  </si>
  <si>
    <t>POINT (4.719267115457019 51.80018129085585)</t>
  </si>
  <si>
    <t>POINT (4.675719444491406 51.8148614263662)</t>
  </si>
  <si>
    <t>Y</t>
  </si>
  <si>
    <t>POINT (4.676050135912543 51.78519571484403)</t>
  </si>
  <si>
    <t>POINT (4.70608336051605 51.79165354877017)</t>
  </si>
  <si>
    <t>POINT (4.6723698175013 51.80565831183728)</t>
  </si>
  <si>
    <t>3318ET</t>
  </si>
  <si>
    <t>Titanlaan</t>
  </si>
  <si>
    <t>POINT (4.672316662443682 51.786869773204224)</t>
  </si>
  <si>
    <t>POINT (4.677613921879374 51.80373317182162)</t>
  </si>
  <si>
    <t>POINT (4.699027134645342 51.798407183145294)</t>
  </si>
  <si>
    <t>POINT (4.650007904270453 51.793572981180844)</t>
  </si>
  <si>
    <t>3314SR</t>
  </si>
  <si>
    <t>J.P. Heijeplein</t>
  </si>
  <si>
    <t>POINT (4.664425720759374 51.80102182008498)</t>
  </si>
  <si>
    <t>POINT (4.666916473853239 51.81588272796949)</t>
  </si>
  <si>
    <t>3328PG</t>
  </si>
  <si>
    <t>POINT (4.674047712266605 51.779764601372264)</t>
  </si>
  <si>
    <t>POINT (4.729553432986269 51.80035337259569)</t>
  </si>
  <si>
    <t>POINT (4.718256621329182 51.79930223284421)</t>
  </si>
  <si>
    <t>POINT (4.685206781633859 51.78593330031207)</t>
  </si>
  <si>
    <t>POINT (4.6608105049863475 51.8098509454426)</t>
  </si>
  <si>
    <t>POINT (4.651299804912007 51.79521375653645)</t>
  </si>
  <si>
    <t>3316BM</t>
  </si>
  <si>
    <t>POINT (4.627188031077461 51.78931431792215)</t>
  </si>
  <si>
    <t>POINT (4.712403788516827 51.79948723174683)</t>
  </si>
  <si>
    <t>POINT (4.669409699289545 51.8166171603655)</t>
  </si>
  <si>
    <t>POINT (4.666149311495359 51.79987345012339)</t>
  </si>
  <si>
    <t>POINT (4.6800181397921135 51.77415748032277)</t>
  </si>
  <si>
    <t>POINT (4.672692200509103 51.786958002175936)</t>
  </si>
  <si>
    <t>POINT (4.668216577549019 51.81525244141769)</t>
  </si>
  <si>
    <t>POINT (4.6829909890345345 51.80484428793326)</t>
  </si>
  <si>
    <t>POINT (4.674736503808852 51.803063202112114)</t>
  </si>
  <si>
    <t>POINT (4.676244777658138 51.80824979299231)</t>
  </si>
  <si>
    <t>POINT (4.727861731717872 51.80358856161365)</t>
  </si>
  <si>
    <t>POINT (4.676410886723271 51.81526881191471)</t>
  </si>
  <si>
    <t>POINT (4.72058155647762 51.799427265955615)</t>
  </si>
  <si>
    <t>3316AT</t>
  </si>
  <si>
    <t>Simon Stevinstraat</t>
  </si>
  <si>
    <t>POINT (4.642643804631064 51.79981108868925)</t>
  </si>
  <si>
    <t>POINT (4.708699965007948 51.80744749896015)</t>
  </si>
  <si>
    <t>POINT (4.6695062703354395 51.81313573666255)</t>
  </si>
  <si>
    <t>3317RT</t>
  </si>
  <si>
    <t>POINT (4.661490530593723 51.78738578287562)</t>
  </si>
  <si>
    <t>POINT (4.667148089402428 51.79249073286377)</t>
  </si>
  <si>
    <t>POINT (4.653342484777195 51.80180613950781)</t>
  </si>
  <si>
    <t>POINT (4.674541342244732 51.78051814057394)</t>
  </si>
  <si>
    <t>POINT (4.669355679172061 51.77754094504762)</t>
  </si>
  <si>
    <t>POINT (4.6653903847226 51.80945439201189)</t>
  </si>
  <si>
    <t>POINT (4.643266408928844 51.76749895062693)</t>
  </si>
  <si>
    <t>POINT (4.719024019947126 51.81278791501742)</t>
  </si>
  <si>
    <t>POINT (4.659920028160289 51.804854109496965)</t>
  </si>
  <si>
    <t>POINT (4.705226160222982 51.81576046684961)</t>
  </si>
  <si>
    <t>POINT (4.69340418097512 51.79650198776439)</t>
  </si>
  <si>
    <t>POINT (4.65598214186033 51.78966494685864)</t>
  </si>
  <si>
    <t>POINT (4.679768958449865 51.7875202869586)</t>
  </si>
  <si>
    <t>POINT (4.662950439996065 51.81420814173078)</t>
  </si>
  <si>
    <t>POINT (4.676842350814587 51.80446161086157)</t>
  </si>
  <si>
    <t>POINT (4.675317719774775 51.808079805620714)</t>
  </si>
  <si>
    <t>POINT (4.71657162890732 51.79528409703049)</t>
  </si>
  <si>
    <t>POINT (4.679186023599561 51.789283992012884)</t>
  </si>
  <si>
    <t>POINT (4.684592414452935 51.802246067323814)</t>
  </si>
  <si>
    <t>POINT (4.73003572930597 51.79797457042765)</t>
  </si>
  <si>
    <t>3311LE</t>
  </si>
  <si>
    <t>POINT (4.670926079400823 51.81104086347217)</t>
  </si>
  <si>
    <t>POINT (4.6806842007836895 51.78202122472224)</t>
  </si>
  <si>
    <t>POINT (4.65905579189816 51.80948030716011)</t>
  </si>
  <si>
    <t>POINT (4.664393535995245 51.812170810951514)</t>
  </si>
  <si>
    <t>POINT (4.6656896081675585 51.809819725511716)</t>
  </si>
  <si>
    <t>POINT (4.729760974373539 51.79583952273672)</t>
  </si>
  <si>
    <t>POINT (4.690412905046639 51.8055306114624)</t>
  </si>
  <si>
    <t>POINT (4.685762781966968 51.810452614332235)</t>
  </si>
  <si>
    <t>3319SL</t>
  </si>
  <si>
    <t>POINT (4.696482885624726 51.79077517769704)</t>
  </si>
  <si>
    <t>POINT (4.643807913940432 51.765042973961336)</t>
  </si>
  <si>
    <t>POINT (4.7187877755068275 51.80540012843582)</t>
  </si>
  <si>
    <t>3315PC</t>
  </si>
  <si>
    <t>POINT (4.709598214992686 51.81023469347622)</t>
  </si>
  <si>
    <t>POINT (4.7012787035462855 51.79824345301287)</t>
  </si>
  <si>
    <t>POINT (4.654947907292216 51.78970016732751)</t>
  </si>
  <si>
    <t>POINT (4.666320218376939 51.78766543026612)</t>
  </si>
  <si>
    <t>POINT (4.663437904018358 51.81480198394647)</t>
  </si>
  <si>
    <t>POINT (4.654384509483352 51.793593956362386)</t>
  </si>
  <si>
    <t>POINT (4.680261996937492 51.786046551717)</t>
  </si>
  <si>
    <t>POINT (4.700550845927156 51.804126274822416)</t>
  </si>
  <si>
    <t>POINT (4.664907053546904 51.77759561953983)</t>
  </si>
  <si>
    <t>POINT (4.682441233430618 51.81339513464837)</t>
  </si>
  <si>
    <t>POINT (4.695138823347629 51.79313076587771)</t>
  </si>
  <si>
    <t>POINT (4.6860872666072515 51.788926163415304)</t>
  </si>
  <si>
    <t>POINT (4.659569227191704 51.80883050873976)</t>
  </si>
  <si>
    <t>3328WB</t>
  </si>
  <si>
    <t>POINT (4.676139018721251 51.77638703692205)</t>
  </si>
  <si>
    <t>POINT (4.667990117581481 51.79236321584)</t>
  </si>
  <si>
    <t>POINT (4.664746765186302 51.79737544828528)</t>
  </si>
  <si>
    <t>3311BH</t>
  </si>
  <si>
    <t>POINT (4.666775322521422 51.81665375497448)</t>
  </si>
  <si>
    <t>POINT (4.679329941778239 51.800108353375336)</t>
  </si>
  <si>
    <t>POINT (4.662199438935128 51.788707901930245)</t>
  </si>
  <si>
    <t>POINT (4.661854862830806 51.78852340893897)</t>
  </si>
  <si>
    <t>POINT (4.712858234397614 51.798353435874056)</t>
  </si>
  <si>
    <t>POINT (4.722318577890383 51.79970207141406)</t>
  </si>
  <si>
    <t>POINT (4.671747705320415 51.79667016693111)</t>
  </si>
  <si>
    <t>POINT (4.657604610469536 51.78749717410799)</t>
  </si>
  <si>
    <t>POINT (4.725247695242586 51.80638487878686)</t>
  </si>
  <si>
    <t>3313EG</t>
  </si>
  <si>
    <t>3313EE-3313EG</t>
  </si>
  <si>
    <t>POINT (4.717495023471246 51.81222884323444)</t>
  </si>
  <si>
    <t>POINT (4.673746967214495 51.78037640440292)</t>
  </si>
  <si>
    <t>POINT (4.676307225053963 51.805503807190306)</t>
  </si>
  <si>
    <t>POINT (4.673646153082762 51.78201119610499)</t>
  </si>
  <si>
    <t>POINT (4.68162006372092 51.803162019476765)</t>
  </si>
  <si>
    <t>POINT (4.693833063072193 51.79211111067969)</t>
  </si>
  <si>
    <t>3313GZ</t>
  </si>
  <si>
    <t>POINT (4.696748615983502 51.817808587527004)</t>
  </si>
  <si>
    <t>POINT (4.709555410862723 51.804866839095226)</t>
  </si>
  <si>
    <t>3315EL</t>
  </si>
  <si>
    <t>POINT (4.733294274839996 51.79546435274657)</t>
  </si>
  <si>
    <t>POINT (4.6746413523208 51.815198926694116)</t>
  </si>
  <si>
    <t>POINT (4.689754226783702 51.79020115233312)</t>
  </si>
  <si>
    <t>POINT (4.710689712008071 51.81050327958785)</t>
  </si>
  <si>
    <t>POINT (4.681591568548442 51.803158630175275)</t>
  </si>
  <si>
    <t>POINT (4.705584613589418 51.79208235079944)</t>
  </si>
  <si>
    <t>POINT (4.714032285266861 51.81389986606765)</t>
  </si>
  <si>
    <t>3311AT</t>
  </si>
  <si>
    <t>Vlak</t>
  </si>
  <si>
    <t>POINT (4.698152126203681 51.80031719073909)</t>
  </si>
  <si>
    <t>POINT (4.66476223257007 51.81791911119634)</t>
  </si>
  <si>
    <t>POINT (4.682717965731616 51.81137729488901)</t>
  </si>
  <si>
    <t>POINT (4.669848809244903 51.81907355436252)</t>
  </si>
  <si>
    <t>POINT (4.72109379948256 51.799233881085335)</t>
  </si>
  <si>
    <t>POINT (4.665041919485734 51.778362549230216)</t>
  </si>
  <si>
    <t>POINT (4.652854575103046 51.80280745728961)</t>
  </si>
  <si>
    <t>POINT (4.670712711228407 51.79005695334638)</t>
  </si>
  <si>
    <t>POINT (4.674077293570336 51.81176476749855)</t>
  </si>
  <si>
    <t>3315CC</t>
  </si>
  <si>
    <t>POINT (4.728314040189864 51.80055079400003)</t>
  </si>
  <si>
    <t>POINT (4.706761957630366 51.80673261857867)</t>
  </si>
  <si>
    <t>POINT (4.667381079178173 51.81103127070348)</t>
  </si>
  <si>
    <t>POINT (4.693172889139722 51.818356739031344)</t>
  </si>
  <si>
    <t>3315TH</t>
  </si>
  <si>
    <t>POINT (4.733459239768501 51.79761008763342)</t>
  </si>
  <si>
    <t>POINT (4.6904835217278205 51.80884597815137)</t>
  </si>
  <si>
    <t>POINT (4.724660145155142 51.797135611655314)</t>
  </si>
  <si>
    <t>POINT (4.684318596980185 51.81170458831792)</t>
  </si>
  <si>
    <t>POINT (4.733490183312006 51.79904601536041)</t>
  </si>
  <si>
    <t>POINT (4.687266039347313 51.81084723984176)</t>
  </si>
  <si>
    <t>POINT (4.695866588472828 51.817603083154125)</t>
  </si>
  <si>
    <t>POINT (4.666536981555658 51.81125724284786)</t>
  </si>
  <si>
    <t>POINT (4.652487636952569 51.785187360938274)</t>
  </si>
  <si>
    <t>POINT (4.641764407609873 51.76969512469482)</t>
  </si>
  <si>
    <t>POINT (4.6555348511252745 51.78795099471096)</t>
  </si>
  <si>
    <t>POINT (4.673029119853194 51.79537443434488)</t>
  </si>
  <si>
    <t>POINT (4.660584462267498 51.8130165562018)</t>
  </si>
  <si>
    <t>POINT (4.661320326145983 51.79465502830022)</t>
  </si>
  <si>
    <t>POINT (4.631917598579552 51.78352218631291)</t>
  </si>
  <si>
    <t>POINT (4.667256472763403 51.78877122654952)</t>
  </si>
  <si>
    <t>POINT (4.668074342060317 51.815999310732536)</t>
  </si>
  <si>
    <t>POINT (4.65225420226727 51.785292010420214)</t>
  </si>
  <si>
    <t>3318JZ</t>
  </si>
  <si>
    <t>POINT (4.674442379648633 51.78612767581928)</t>
  </si>
  <si>
    <t>POINT (4.713751757028663 51.808641402763634)</t>
  </si>
  <si>
    <t>POINT (4.682662906091934 51.78671380009738)</t>
  </si>
  <si>
    <t>3318JH</t>
  </si>
  <si>
    <t>Mercuriuslaan</t>
  </si>
  <si>
    <t>POINT (4.674575924756648 51.78518229172997)</t>
  </si>
  <si>
    <t>POINT (4.673184464147303 51.806222502542376)</t>
  </si>
  <si>
    <t>POINT (4.702148946538105 51.815979818089374)</t>
  </si>
  <si>
    <t>POINT (4.676442248271095 51.81438715064631)</t>
  </si>
  <si>
    <t>POINT (4.701742923820888 51.79585826414156)</t>
  </si>
  <si>
    <t>POINT (4.664089353119433 51.795518216503034)</t>
  </si>
  <si>
    <t>POINT (4.657760774576806 51.81201067866895)</t>
  </si>
  <si>
    <t>3328CM</t>
  </si>
  <si>
    <t>POINT (4.674646541319279 51.776232685614076)</t>
  </si>
  <si>
    <t>POINT (4.675734188440467 51.774687549620424)</t>
  </si>
  <si>
    <t>POINT (4.665457224790153 51.79536110363534)</t>
  </si>
  <si>
    <t>POINT (4.6562546168715455 51.806169309411224)</t>
  </si>
  <si>
    <t>3311JR</t>
  </si>
  <si>
    <t>Kleine Kalkstraat</t>
  </si>
  <si>
    <t>3311JP-3311JR</t>
  </si>
  <si>
    <t>POINT (4.657663460686397 51.81253541749882)</t>
  </si>
  <si>
    <t>POINT (4.707121988110023 51.7928307525402)</t>
  </si>
  <si>
    <t>POINT (4.657101823516688 51.79646768869363)</t>
  </si>
  <si>
    <t>POINT (4.730183269793476 51.79633613792825)</t>
  </si>
  <si>
    <t>POINT (4.672575102612662 51.81926950129107)</t>
  </si>
  <si>
    <t>POINT (4.679940274967692 51.80244443442168)</t>
  </si>
  <si>
    <t>3328LC</t>
  </si>
  <si>
    <t>POINT (4.656552102640363 51.76672784941424)</t>
  </si>
  <si>
    <t>POINT (4.718192306351392 51.79966608623081)</t>
  </si>
  <si>
    <t>POINT (4.713177211758707 51.80479534097414)</t>
  </si>
  <si>
    <t>POINT (4.711591503053077 51.793506699605075)</t>
  </si>
  <si>
    <t>3319EK</t>
  </si>
  <si>
    <t>POINT (4.697135051968011 51.7938169897933)</t>
  </si>
  <si>
    <t>POINT (4.6513874368626436 51.80298749596518)</t>
  </si>
  <si>
    <t>POINT (4.707782337906545 51.80690554914866)</t>
  </si>
  <si>
    <t>POINT (4.6732198492329236 51.81085499655662)</t>
  </si>
  <si>
    <t>POINT (4.653777856761784 51.791515912608595)</t>
  </si>
  <si>
    <t>POINT (4.665190241329125 51.78894826104688)</t>
  </si>
  <si>
    <t>3328DD</t>
  </si>
  <si>
    <t>POINT (4.678000344576581 51.77328325204171)</t>
  </si>
  <si>
    <t>POINT (4.709344191176279 51.818660499863235)</t>
  </si>
  <si>
    <t>POINT (4.659135006574182 51.795440852176775)</t>
  </si>
  <si>
    <t>POINT (4.706017972654403 51.79305514047556)</t>
  </si>
  <si>
    <t>POINT (4.70770575971128 51.796757425864165)</t>
  </si>
  <si>
    <t>POINT (4.664296279090776 51.812992541279456)</t>
  </si>
  <si>
    <t>POINT (4.67738490469142 51.81427772018331)</t>
  </si>
  <si>
    <t>POINT (4.663232179322825 51.800538258594635)</t>
  </si>
  <si>
    <t>POINT (4.6753712242831575 51.80701443275479)</t>
  </si>
  <si>
    <t>3318VB</t>
  </si>
  <si>
    <t>POINT (4.6844191778494455 51.78571616358558)</t>
  </si>
  <si>
    <t>POINT (4.650957402625307 51.77417375031394)</t>
  </si>
  <si>
    <t>POINT (4.675137554183219 51.81640871202514)</t>
  </si>
  <si>
    <t>POINT (4.6865165734635195 51.79020276674637)</t>
  </si>
  <si>
    <t>POINT (4.7086266921543976 51.79404392844876)</t>
  </si>
  <si>
    <t>POINT (4.661858520944695 51.794980646881164)</t>
  </si>
  <si>
    <t>POINT (4.691924644171924 51.791274133810035)</t>
  </si>
  <si>
    <t>POINT (4.672642133485922 51.8151425107149)</t>
  </si>
  <si>
    <t>POINT (4.679054809477852 51.776063304931355)</t>
  </si>
  <si>
    <t>POINT (4.662807474103882 51.79106740906511)</t>
  </si>
  <si>
    <t>POINT (4.698179912372137 51.79658799199324)</t>
  </si>
  <si>
    <t>POINT (4.652596591605281 51.765382197480065)</t>
  </si>
  <si>
    <t>POINT (4.680109690613326 51.78986579211455)</t>
  </si>
  <si>
    <t>POINT (4.678345943369147 51.80541966548454)</t>
  </si>
  <si>
    <t>POINT (4.707404392785928 51.790784465474026)</t>
  </si>
  <si>
    <t>POINT (4.686382359729643 51.808737791295236)</t>
  </si>
  <si>
    <t>3328DW</t>
  </si>
  <si>
    <t>POINT (4.676353049281834 51.77268795234722)</t>
  </si>
  <si>
    <t>POINT (4.693351708515022 51.796742888487046)</t>
  </si>
  <si>
    <t>POINT (4.6566313222520535 51.78809410639176)</t>
  </si>
  <si>
    <t>POINT (4.668594347963266 51.77713105379431)</t>
  </si>
  <si>
    <t>POINT (4.669528236080467 51.771059851918345)</t>
  </si>
  <si>
    <t>3313AJ</t>
  </si>
  <si>
    <t>3313AH-3313AJ</t>
  </si>
  <si>
    <t>POINT (4.713230830783029 51.81441709251134)</t>
  </si>
  <si>
    <t>POINT (4.697709459417814 51.79021327511339)</t>
  </si>
  <si>
    <t>POINT (4.659281031635812 51.80059234617939)</t>
  </si>
  <si>
    <t>POINT (4.664260931533845 51.81477545269988)</t>
  </si>
  <si>
    <t>POINT (4.629087462969422 51.72716902982231)</t>
  </si>
  <si>
    <t>POINT (4.6639978270758755 51.792274682186196)</t>
  </si>
  <si>
    <t>POINT (4.65713256956957 51.81207727936995)</t>
  </si>
  <si>
    <t>POINT (4.659301108932337 51.790705509544516)</t>
  </si>
  <si>
    <t>POINT (4.697436027213889 51.79958563825414)</t>
  </si>
  <si>
    <t>POINT (4.7134249392101495 51.81624473405926)</t>
  </si>
  <si>
    <t>POINT (4.663788640518656 51.817222846685375)</t>
  </si>
  <si>
    <t>POINT (4.680480252328752 51.786854332447156)</t>
  </si>
  <si>
    <t>POINT (4.654435657108444 51.792050635804706)</t>
  </si>
  <si>
    <t>POINT (4.634432329831666 51.770265457016556)</t>
  </si>
  <si>
    <t>POINT (4.6701588064966435 51.81935778279219)</t>
  </si>
  <si>
    <t>POINT (4.681224140028662 51.77378543159041)</t>
  </si>
  <si>
    <t>POINT (4.686740280411948 51.809294933474725)</t>
  </si>
  <si>
    <t>3312VB</t>
  </si>
  <si>
    <t>POINT (4.681103791730408 51.80749281182102)</t>
  </si>
  <si>
    <t>POINT (4.662604462004715 51.80568341183389)</t>
  </si>
  <si>
    <t>POINT (4.73161869033269 51.80221802763133)</t>
  </si>
  <si>
    <t>POINT (4.679234752356106 51.80579646150714)</t>
  </si>
  <si>
    <t>POINT (4.661039164483548 51.79604414601121)</t>
  </si>
  <si>
    <t>POINT (4.666986412110769 51.7725008647746)</t>
  </si>
  <si>
    <t>POINT (4.638144871800543 51.786100329829964)</t>
  </si>
  <si>
    <t>POINT (4.65942035428629 51.796102968644874)</t>
  </si>
  <si>
    <t>POINT (4.688964860704715 51.808682616236)</t>
  </si>
  <si>
    <t>POINT (4.650889762707894 51.79256814310898)</t>
  </si>
  <si>
    <t>POINT (4.6631933281036755 51.809799316782005)</t>
  </si>
  <si>
    <t>POINT (4.731891342136991 51.80072372462752)</t>
  </si>
  <si>
    <t>POINT (4.661947518379685 51.79190129916588)</t>
  </si>
  <si>
    <t>POINT (4.684804372985603 51.774716153336264)</t>
  </si>
  <si>
    <t>POINT (4.6806926929300445 51.78810891451813)</t>
  </si>
  <si>
    <t>POINT (4.680538425133048 51.81430918299548)</t>
  </si>
  <si>
    <t>POINT (4.6961169290463 51.789716709079464)</t>
  </si>
  <si>
    <t>POINT (4.697663950391575 51.795158584637825)</t>
  </si>
  <si>
    <t>POINT (4.697304472818988 51.799451221296636)</t>
  </si>
  <si>
    <t>POINT (4.677258047181991 51.81316645681709)</t>
  </si>
  <si>
    <t>3313EE</t>
  </si>
  <si>
    <t>POINT (4.717569960757088 51.81226254679134)</t>
  </si>
  <si>
    <t>POINT (4.670047873098892 51.77141423787328)</t>
  </si>
  <si>
    <t>POINT (4.680451918565116 51.78103971563835)</t>
  </si>
  <si>
    <t>POINT (4.651219968701829 51.79056554329587)</t>
  </si>
  <si>
    <t>POINT (4.672834106397605 51.78787440140853)</t>
  </si>
  <si>
    <t>POINT (4.669534779613187 51.805597788937426)</t>
  </si>
  <si>
    <t>POINT (4.7147166185437746 51.80705303383277)</t>
  </si>
  <si>
    <t>POINT (4.658308321276698 51.81267949531896)</t>
  </si>
  <si>
    <t>POINT (4.652358403804689 51.79225913330826)</t>
  </si>
  <si>
    <t>3316BT</t>
  </si>
  <si>
    <t>Pieter Hoebeeweg</t>
  </si>
  <si>
    <t>POINT (4.630252521674793 51.797680761035856)</t>
  </si>
  <si>
    <t>POINT (4.694191637089843 51.81843359851007)</t>
  </si>
  <si>
    <t>POINT (4.670508042238834 51.77384641325624)</t>
  </si>
  <si>
    <t>POINT (4.6824590632633765 51.774630399217074)</t>
  </si>
  <si>
    <t>POINT (4.712892743107759 51.814458313865586)</t>
  </si>
  <si>
    <t>POINT (4.683895423486707 51.77455601065828)</t>
  </si>
  <si>
    <t>POINT (4.709660929871753 51.7866720358054)</t>
  </si>
  <si>
    <t>POINT (4.711355454350256 51.81645906976433)</t>
  </si>
  <si>
    <t>POINT (4.667596330254885 51.80815330074455)</t>
  </si>
  <si>
    <t>POINT (4.692935788981813 51.79106485225529)</t>
  </si>
  <si>
    <t>POINT (4.729209923084862 51.80458060092557)</t>
  </si>
  <si>
    <t>POINT (4.66203076745863 51.79326633487234)</t>
  </si>
  <si>
    <t>POINT (4.710817774511274 51.79497953679523)</t>
  </si>
  <si>
    <t>POINT (4.662059277328924 51.79432789700201)</t>
  </si>
  <si>
    <t>POINT (4.677708525468989 51.775645211695405)</t>
  </si>
  <si>
    <t>POINT (4.66023579916825 51.79375549215221)</t>
  </si>
  <si>
    <t>POINT (4.69686017267037 51.8006015032964)</t>
  </si>
  <si>
    <t>POINT (4.712332760476224 51.808391527975054)</t>
  </si>
  <si>
    <t>POINT (4.682534064206759 51.77558616928235)</t>
  </si>
  <si>
    <t>POINT (4.659866134998549 51.79175008604536)</t>
  </si>
  <si>
    <t>POINT (4.682708854374677 51.8052483969703)</t>
  </si>
  <si>
    <t>POINT (4.730121378690024 51.79698833087948)</t>
  </si>
  <si>
    <t>POINT (4.6734209536895275 51.81943953667521)</t>
  </si>
  <si>
    <t>POINT (4.675082801026129 51.81414580616588)</t>
  </si>
  <si>
    <t>POINT (4.669978219506448 51.79746404864269)</t>
  </si>
  <si>
    <t>POINT (4.680947040269072 51.78875940264654)</t>
  </si>
  <si>
    <t>3315JK</t>
  </si>
  <si>
    <t>POINT (4.725070611918986 51.80392675448021)</t>
  </si>
  <si>
    <t>POINT (4.67334219209866 51.81946820788276)</t>
  </si>
  <si>
    <t>POINT (4.676762178949972 51.78637768368746)</t>
  </si>
  <si>
    <t>POINT (4.6733911670090444 51.8035784184107)</t>
  </si>
  <si>
    <t>POINT (4.7004893875797675 51.796080980643175)</t>
  </si>
  <si>
    <t>3328JH</t>
  </si>
  <si>
    <t>POINT (4.666235926801075 51.77571373835065)</t>
  </si>
  <si>
    <t>POINT (4.693193710887509 51.803729925088284)</t>
  </si>
  <si>
    <t>3318VL</t>
  </si>
  <si>
    <t>POINT (4.68539578326657 51.78459557469677)</t>
  </si>
  <si>
    <t>POINT (4.665608401462519 51.77614457353791)</t>
  </si>
  <si>
    <t>POINT (4.661558285911466 51.794376214686764)</t>
  </si>
  <si>
    <t>POINT (4.723460149386648 51.799195957304754)</t>
  </si>
  <si>
    <t>POINT (4.700989922893663 51.816554837009186)</t>
  </si>
  <si>
    <t>POINT (4.6622814524625555 51.79112959751503)</t>
  </si>
  <si>
    <t>POINT (4.728789622822674 51.8015831663095)</t>
  </si>
  <si>
    <t>POINT (4.654016058264338 51.801598028398594)</t>
  </si>
  <si>
    <t>POINT (4.672366213979156 51.81933911381155)</t>
  </si>
  <si>
    <t>3314NZ</t>
  </si>
  <si>
    <t>Waldeck Pyrmontweg</t>
  </si>
  <si>
    <t>3314NZ-3314PA</t>
  </si>
  <si>
    <t>POINT (4.668371142600017 51.798724540197234)</t>
  </si>
  <si>
    <t>POINT (4.724583084891061 51.8048669916012)</t>
  </si>
  <si>
    <t>POINT (4.691031099449449 51.808459695344084)</t>
  </si>
  <si>
    <t>3328PD</t>
  </si>
  <si>
    <t>POINT (4.674442778001054 51.78063419708172)</t>
  </si>
  <si>
    <t>POINT (4.672306588269924 51.81638057106083)</t>
  </si>
  <si>
    <t>POINT (4.670183576482622 51.8060795037632)</t>
  </si>
  <si>
    <t>POINT (4.6742085471743255 51.81915205753729)</t>
  </si>
  <si>
    <t>POINT (4.685219976375814 51.79213515996219)</t>
  </si>
  <si>
    <t>POINT (4.657582845557903 51.78715988112869)</t>
  </si>
  <si>
    <t>POINT (4.713069909965247 51.79898771424684)</t>
  </si>
  <si>
    <t>POINT (4.669219122139158 51.79983676156925)</t>
  </si>
  <si>
    <t>POINT (4.667622302366416 51.81792527539287)</t>
  </si>
  <si>
    <t>POINT (4.6982700282273875 51.79276733840343)</t>
  </si>
  <si>
    <t>POINT (4.661490122769796 51.77016867382583)</t>
  </si>
  <si>
    <t>3314VJ</t>
  </si>
  <si>
    <t>POINT (4.6571397985386715 51.7996816824396)</t>
  </si>
  <si>
    <t>POINT (4.657624911836894 51.79650332902478)</t>
  </si>
  <si>
    <t>POINT (4.664127166039822 51.78721497382564)</t>
  </si>
  <si>
    <t>POINT (4.656325799645787 51.804421946065794)</t>
  </si>
  <si>
    <t>POINT (4.67677235473026 51.78654512383959)</t>
  </si>
  <si>
    <t>POINT (4.674394402974229 51.81456860668888)</t>
  </si>
  <si>
    <t>POINT (4.653224007172142 51.76664871126423)</t>
  </si>
  <si>
    <t>3317BK</t>
  </si>
  <si>
    <t>POINT (4.655495908791914 51.791431738253074)</t>
  </si>
  <si>
    <t>POINT (4.71819433810829 51.80479134338203)</t>
  </si>
  <si>
    <t>POINT (4.658959130602812 51.798435703680695)</t>
  </si>
  <si>
    <t>POINT (4.663395688499372 51.80471629433572)</t>
  </si>
  <si>
    <t>3316GM</t>
  </si>
  <si>
    <t>Kelvinstraat</t>
  </si>
  <si>
    <t>POINT (4.632550058386327 51.77772380004701)</t>
  </si>
  <si>
    <t>POINT (4.667991686274831 51.8040867451372)</t>
  </si>
  <si>
    <t>POINT (4.716043566487802 51.81573656409896)</t>
  </si>
  <si>
    <t>3317LS</t>
  </si>
  <si>
    <t>POINT (4.660308617999119 51.788346701829184)</t>
  </si>
  <si>
    <t>3318AN</t>
  </si>
  <si>
    <t>POINT (4.685709232154181 51.79103075252427)</t>
  </si>
  <si>
    <t>POINT (4.72587680143628 51.80004789337457)</t>
  </si>
  <si>
    <t>POINT (4.665652279992341 51.77530785909341)</t>
  </si>
  <si>
    <t>POINT (4.670346036065669 51.79290693472583)</t>
  </si>
  <si>
    <t>POINT (4.668825702273007 51.8185236706879)</t>
  </si>
  <si>
    <t>POINT (4.674434981617827 51.785316122080594)</t>
  </si>
  <si>
    <t>POINT (4.660128990113864 51.802087174583264)</t>
  </si>
  <si>
    <t>POINT (4.655467687415143 51.791970570196746)</t>
  </si>
  <si>
    <t>3312JG</t>
  </si>
  <si>
    <t>POINT (4.682215016510401 51.80270520468266)</t>
  </si>
  <si>
    <t>3328MV</t>
  </si>
  <si>
    <t>POINT (4.666482359592304 51.7715431931664)</t>
  </si>
  <si>
    <t>POINT (4.652476709528384 51.78538047803731)</t>
  </si>
  <si>
    <t>POINT (4.667569101950451 51.79063110935668)</t>
  </si>
  <si>
    <t>POINT (4.680588090924159 51.80433374829419)</t>
  </si>
  <si>
    <t>POINT (4.718790368419506 51.8038077240326)</t>
  </si>
  <si>
    <t>3319SX</t>
  </si>
  <si>
    <t>POINT (4.696279469495316 51.79297064128414)</t>
  </si>
  <si>
    <t>3318RB</t>
  </si>
  <si>
    <t>POINT (4.684848678661595 51.78835238608051)</t>
  </si>
  <si>
    <t>POINT (4.685161410647476 51.78258966676848)</t>
  </si>
  <si>
    <t>POINT (4.691363195335575 51.787701102851095)</t>
  </si>
  <si>
    <t>POINT (4.658639009598741 51.81347364069284)</t>
  </si>
  <si>
    <t>POINT (4.660932292084862 51.793916847585166)</t>
  </si>
  <si>
    <t>POINT (4.6713943840517755 51.80532846728572)</t>
  </si>
  <si>
    <t>POINT (4.665809283668007 51.79600100797805)</t>
  </si>
  <si>
    <t>POINT (4.660534987375 51.77324018443971)</t>
  </si>
  <si>
    <t>POINT (4.6787259485392765 51.81279618588428)</t>
  </si>
  <si>
    <t>POINT (4.675306627627391 51.813517804470216)</t>
  </si>
  <si>
    <t>POINT (4.661858327556912 51.79647743501063)</t>
  </si>
  <si>
    <t>3314VZ</t>
  </si>
  <si>
    <t>POINT (4.656580498571494 51.798327073299575)</t>
  </si>
  <si>
    <t>3314RJ</t>
  </si>
  <si>
    <t>Eduard Douwes Dekkerstraat</t>
  </si>
  <si>
    <t>POINT (4.663923124949326 51.802335521368974)</t>
  </si>
  <si>
    <t>POINT (4.713819810397904 51.803374509428195)</t>
  </si>
  <si>
    <t>POINT (4.717335664602903 51.79548349768092)</t>
  </si>
  <si>
    <t>POINT (4.70120839409174 51.79555621282276)</t>
  </si>
  <si>
    <t>3312XP</t>
  </si>
  <si>
    <t>Sumatraplein</t>
  </si>
  <si>
    <t>POINT (4.679696313961519 51.80962011431448)</t>
  </si>
  <si>
    <t>POINT (4.720334263896379 51.81199086700668)</t>
  </si>
  <si>
    <t>POINT (4.660114618185065 51.80460091748265)</t>
  </si>
  <si>
    <t>POINT (4.663488889051429 51.797631190476075)</t>
  </si>
  <si>
    <t>POINT (4.679350376142485 51.80022523062968)</t>
  </si>
  <si>
    <t>3315MJ</t>
  </si>
  <si>
    <t>POINT (4.712172847331426 51.80743368595924)</t>
  </si>
  <si>
    <t>POINT (4.656977390273553 51.76723642030538)</t>
  </si>
  <si>
    <t>POINT (4.673631797909948 51.813706722700324)</t>
  </si>
  <si>
    <t>POINT (4.6715189315376815 51.809661860389305)</t>
  </si>
  <si>
    <t>POINT (4.682364684070933 51.79991207251407)</t>
  </si>
  <si>
    <t>POINT (4.72243983702406 51.8051355754423)</t>
  </si>
  <si>
    <t>POINT (4.668357327717317 51.79618931165591)</t>
  </si>
  <si>
    <t>POINT (4.7214554098869765 51.81622489178156)</t>
  </si>
  <si>
    <t>POINT (4.709374843973682 51.80472933046708)</t>
  </si>
  <si>
    <t>3314KR</t>
  </si>
  <si>
    <t>POINT (4.669260438446115 51.80050905372886)</t>
  </si>
  <si>
    <t>POINT (4.663814857937991 51.814032692972646)</t>
  </si>
  <si>
    <t>POINT (4.6986022747681275 51.793171199509565)</t>
  </si>
  <si>
    <t>POINT (4.686838624913303 51.77703185250829)</t>
  </si>
  <si>
    <t>POINT (4.670392946098831 51.799129095353294)</t>
  </si>
  <si>
    <t>POINT (4.715068969125589 51.81042281829326)</t>
  </si>
  <si>
    <t>POINT (4.70588256255351 51.79241160158743)</t>
  </si>
  <si>
    <t>POINT (4.663704675855016 51.79225461859204)</t>
  </si>
  <si>
    <t>POINT (4.717068449425791 51.80600727557532)</t>
  </si>
  <si>
    <t>POINT (4.676674021660018 51.77400072098102)</t>
  </si>
  <si>
    <t>POINT (4.723962501579197 51.79334848219247)</t>
  </si>
  <si>
    <t>POINT (4.732286000615203 51.79518072803009)</t>
  </si>
  <si>
    <t>POINT (4.680958504004867 51.78930307083146)</t>
  </si>
  <si>
    <t>POINT (4.716669779353441 51.814685767804846)</t>
  </si>
  <si>
    <t>POINT (4.677988726407518 51.80763359288954)</t>
  </si>
  <si>
    <t>POINT (4.67638577614677 51.783689058950074)</t>
  </si>
  <si>
    <t>POINT (4.683397195086155 51.80686080766698)</t>
  </si>
  <si>
    <t>POINT (4.704968100111619 51.816037183458576)</t>
  </si>
  <si>
    <t>POINT (4.6859740470894815 51.78017890592535)</t>
  </si>
  <si>
    <t>POINT (4.706040872125493 51.79201472740687)</t>
  </si>
  <si>
    <t>POINT (4.669579876509453 51.770267677518525)</t>
  </si>
  <si>
    <t>POINT (4.683964721673905 51.77492836972579)</t>
  </si>
  <si>
    <t>POINT (4.660732762677545 51.813408787657075)</t>
  </si>
  <si>
    <t>3318EH</t>
  </si>
  <si>
    <t>POINT (4.676662604679665 51.78938192059599)</t>
  </si>
  <si>
    <t>POINT (4.722103365746787 51.799919940936086)</t>
  </si>
  <si>
    <t>POINT (4.6536026987022625 51.78765704141136)</t>
  </si>
  <si>
    <t>POINT (4.684161415550521 51.798207758671225)</t>
  </si>
  <si>
    <t>POINT (4.660487892807136 51.792120750325545)</t>
  </si>
  <si>
    <t>3315JA</t>
  </si>
  <si>
    <t>POINT (4.7197031489925445 51.80207898349799)</t>
  </si>
  <si>
    <t>POINT (4.669964046375655 51.80539508513922)</t>
  </si>
  <si>
    <t>POINT (4.683156645193395 51.79796601447968)</t>
  </si>
  <si>
    <t>POINT (4.714693581990278 51.81112551189463)</t>
  </si>
  <si>
    <t>POINT (4.673289225454853 51.80525076256302)</t>
  </si>
  <si>
    <t>POINT (4.67175271517132 51.81871081599379)</t>
  </si>
  <si>
    <t>POINT (4.660210479575964 51.76975194089059)</t>
  </si>
  <si>
    <t>POINT (4.662897430832114 51.80480667513486)</t>
  </si>
  <si>
    <t>POINT (4.6635876405903165 51.817114273760396)</t>
  </si>
  <si>
    <t>POINT (4.661107798509091 51.80080758288172)</t>
  </si>
  <si>
    <t>POINT (4.6652530420787 51.81036215008397)</t>
  </si>
  <si>
    <t>POINT (4.674488988618401 51.786554436822094)</t>
  </si>
  <si>
    <t>POINT (4.669015078551565 51.774380153925044)</t>
  </si>
  <si>
    <t>POINT (4.733643032615882 51.796809657451384)</t>
  </si>
  <si>
    <t>3311DR</t>
  </si>
  <si>
    <t>POINT (4.681862289043519 51.81220988064545)</t>
  </si>
  <si>
    <t>POINT (4.674000171368237 51.78365849754417)</t>
  </si>
  <si>
    <t>POINT (4.657753568389881 51.80170883797067)</t>
  </si>
  <si>
    <t>POINT (4.667940893599344 51.802361459821846)</t>
  </si>
  <si>
    <t>POINT (4.632394628649832 51.770148755093196)</t>
  </si>
  <si>
    <t>POINT (4.6663042105196935 51.81351515347633)</t>
  </si>
  <si>
    <t>POINT (4.676774602006151 51.81837840478651)</t>
  </si>
  <si>
    <t>POINT (4.677827206845878 51.806891671147646)</t>
  </si>
  <si>
    <t>POINT (4.666999090441274 51.803994958707804)</t>
  </si>
  <si>
    <t>POINT (4.69803800020485 51.79132785975103)</t>
  </si>
  <si>
    <t>POINT (4.733970290683949 51.79173872136878)</t>
  </si>
  <si>
    <t>POINT (4.654207613365886 51.81149300118467)</t>
  </si>
  <si>
    <t>POINT (4.655520653485557 51.810141161752924)</t>
  </si>
  <si>
    <t>POINT (4.672171671746717 51.81888281457671)</t>
  </si>
  <si>
    <t>POINT (4.634525206274555 51.774405344434506)</t>
  </si>
  <si>
    <t>POINT (4.636591336869564 51.76767158762828)</t>
  </si>
  <si>
    <t>3314CW</t>
  </si>
  <si>
    <t>POINT (4.654982824758661 51.79887879028438)</t>
  </si>
  <si>
    <t>POINT (4.6537121203471346 51.785601601743686)</t>
  </si>
  <si>
    <t>POINT (4.67585359551544 51.784610113874955)</t>
  </si>
  <si>
    <t>POINT (4.6666778316549 51.788805875875816)</t>
  </si>
  <si>
    <t>POINT (4.668643265349314 51.77500696076699)</t>
  </si>
  <si>
    <t>POINT (4.7190454976859595 51.80354413790471)</t>
  </si>
  <si>
    <t>POINT (4.6598698915201995 51.81135609030984)</t>
  </si>
  <si>
    <t>POINT (4.728086033006924 51.79733237034851)</t>
  </si>
  <si>
    <t>3328XM</t>
  </si>
  <si>
    <t>POINT (4.677822693816394 51.782196087488735)</t>
  </si>
  <si>
    <t>POINT (4.671916978809024 51.81793798283534)</t>
  </si>
  <si>
    <t>POINT (4.727641795406316 51.803329971857345)</t>
  </si>
  <si>
    <t>POINT (4.726687573988523 51.7991292638158)</t>
  </si>
  <si>
    <t>POINT (4.710293491609141 51.8045341416969)</t>
  </si>
  <si>
    <t>3312RS</t>
  </si>
  <si>
    <t>POINT (4.69205379078584 51.807555898845145)</t>
  </si>
  <si>
    <t>POINT (4.734878059361751 51.79939838206719)</t>
  </si>
  <si>
    <t>POINT (4.641342801889512 51.77910523627035)</t>
  </si>
  <si>
    <t>POINT (4.709486746831723 51.8060426074449)</t>
  </si>
  <si>
    <t>3312KM</t>
  </si>
  <si>
    <t>Prof. Waterinklaan</t>
  </si>
  <si>
    <t>POINT (4.6800366612778355 51.801636330978944)</t>
  </si>
  <si>
    <t>POINT (4.661401753727529 51.80157926536659)</t>
  </si>
  <si>
    <t>POINT (4.663229903811574 51.78779207865766)</t>
  </si>
  <si>
    <t>POINT (4.6811871409794845 51.79065973561372)</t>
  </si>
  <si>
    <t>POINT (4.720876797183067 51.81127857024119)</t>
  </si>
  <si>
    <t>POINT (4.662877432667022 51.79351630070468)</t>
  </si>
  <si>
    <t>3314NE</t>
  </si>
  <si>
    <t>POINT (4.670165087819222 51.80189220097298)</t>
  </si>
  <si>
    <t>POINT (4.670317745030157 51.79702497674065)</t>
  </si>
  <si>
    <t>POINT (4.660775763065081 51.81266435945324)</t>
  </si>
  <si>
    <t>POINT (4.679633170193053 51.81381663266386)</t>
  </si>
  <si>
    <t>POINT (4.693300195240473 51.78980369434432)</t>
  </si>
  <si>
    <t>POINT (4.66135677079358 51.804486793254775)</t>
  </si>
  <si>
    <t>POINT (4.6675307001798965 51.81335093469859)</t>
  </si>
  <si>
    <t>POINT (4.672497612408354 51.78358423793164)</t>
  </si>
  <si>
    <t>POINT (4.719655922979168 51.8109897571249)</t>
  </si>
  <si>
    <t>POINT (4.707854018479097 51.79074138963945)</t>
  </si>
  <si>
    <t>POINT (4.668222653031291 51.79235590417656)</t>
  </si>
  <si>
    <t>POINT (4.665666073023521 51.778595351058804)</t>
  </si>
  <si>
    <t>POINT (4.662928423173019 51.799866186855304)</t>
  </si>
  <si>
    <t>POINT (4.692505446175865 51.78436749796402)</t>
  </si>
  <si>
    <t>POINT (4.705700979358118 51.80880897910615)</t>
  </si>
  <si>
    <t>POINT (4.685380490291666 51.792149576380396)</t>
  </si>
  <si>
    <t>3314PE</t>
  </si>
  <si>
    <t>POINT (4.6670873091889895 51.7998876782592)</t>
  </si>
  <si>
    <t>POINT (4.704991297613135 51.79736354511279)</t>
  </si>
  <si>
    <t>POINT (4.670230249459262 51.77840541748983)</t>
  </si>
  <si>
    <t>POINT (4.665205921339869 51.81590371327612)</t>
  </si>
  <si>
    <t>3318CT</t>
  </si>
  <si>
    <t>POINT (4.677953627146926 51.78773211013652)</t>
  </si>
  <si>
    <t>POINT (4.678769075311549 51.787044827208774)</t>
  </si>
  <si>
    <t>POINT (4.705519880017093 51.80950636327888)</t>
  </si>
  <si>
    <t>POINT (4.6628629193646685 51.79346413056156)</t>
  </si>
  <si>
    <t>POINT (4.721462870222166 51.811247191376424)</t>
  </si>
  <si>
    <t>POINT (4.712762010182288 51.7996016226375)</t>
  </si>
  <si>
    <t>POINT (4.724971189860536 51.79859102953743)</t>
  </si>
  <si>
    <t>POINT (4.675918067654399 51.81691885982673)</t>
  </si>
  <si>
    <t>POINT (4.677614255762675 51.806799750777934)</t>
  </si>
  <si>
    <t>POINT (4.667433001990645 51.79414750722823)</t>
  </si>
  <si>
    <t>3328LG</t>
  </si>
  <si>
    <t>Wildbaan</t>
  </si>
  <si>
    <t>POINT (4.660638250676898 51.772350059606374)</t>
  </si>
  <si>
    <t>POINT (4.656444414901428 51.78245142671649)</t>
  </si>
  <si>
    <t>POINT (4.729998406788992 51.803300040299845)</t>
  </si>
  <si>
    <t>POINT (4.668210840046939 51.77305261755259)</t>
  </si>
  <si>
    <t>POINT (4.698859783853677 51.79516174171817)</t>
  </si>
  <si>
    <t>POINT (4.674846028952961 51.815532102802926)</t>
  </si>
  <si>
    <t>POINT (4.72013282956677 51.80296280867368)</t>
  </si>
  <si>
    <t>POINT (4.716075992341015 51.815094727311035)</t>
  </si>
  <si>
    <t>POINT (4.656997620245553 51.796556396885265)</t>
  </si>
  <si>
    <t>POINT (4.655855746219684 51.78464094200573)</t>
  </si>
  <si>
    <t>POINT (4.657987257813369 51.8026464902928)</t>
  </si>
  <si>
    <t>POINT (4.65165571982104 51.801847172525605)</t>
  </si>
  <si>
    <t>POINT (4.680653835385637 51.801450693582225)</t>
  </si>
  <si>
    <t>POINT (4.666088240150841 51.798750387080794)</t>
  </si>
  <si>
    <t>POINT (4.730090829759306 51.79869523776878)</t>
  </si>
  <si>
    <t>POINT (4.662795952703073 51.79093909608073)</t>
  </si>
  <si>
    <t>POINT (4.720293336773162 51.797456035252786)</t>
  </si>
  <si>
    <t>POINT (4.653802135765463 51.78564630816569)</t>
  </si>
  <si>
    <t>POINT (4.6836288526619505 51.79804741717755)</t>
  </si>
  <si>
    <t>POINT (4.681801086873231 51.786769681018605)</t>
  </si>
  <si>
    <t>POINT (4.727289355538769 51.79742752224321)</t>
  </si>
  <si>
    <t>POINT (4.7016615830469055 51.79018950682906)</t>
  </si>
  <si>
    <t>POINT (4.664425767085033 51.77732201338479)</t>
  </si>
  <si>
    <t>3318VK</t>
  </si>
  <si>
    <t>POINT (4.68553356883538 51.785267413756586)</t>
  </si>
  <si>
    <t>POINT (4.657802634502399 51.781282601245636)</t>
  </si>
  <si>
    <t>POINT (4.690789664107128 51.80831615198844)</t>
  </si>
  <si>
    <t>POINT (4.670645512388234 51.78247599280423)</t>
  </si>
  <si>
    <t>POINT (4.730991078255667 51.795790967347706)</t>
  </si>
  <si>
    <t>POINT (4.652284266749768 51.78470260172549)</t>
  </si>
  <si>
    <t>POINT (4.701433972305587 51.79842725299997)</t>
  </si>
  <si>
    <t>POINT (4.653315599664391 51.79338572970972)</t>
  </si>
  <si>
    <t>3318CP</t>
  </si>
  <si>
    <t>POINT (4.679241796488842 51.785267883520916)</t>
  </si>
  <si>
    <t>POINT (4.717462027690371 51.81199679303808)</t>
  </si>
  <si>
    <t>POINT (4.66578502679657 51.810948859070585)</t>
  </si>
  <si>
    <t>POINT (4.665231423635137 51.78010490167063)</t>
  </si>
  <si>
    <t>POINT (4.68255355256338 51.81799818360811)</t>
  </si>
  <si>
    <t>POINT (4.6785852101582055 51.78946531564432)</t>
  </si>
  <si>
    <t>POINT (4.670998341264803 51.77187821903581)</t>
  </si>
  <si>
    <t>POINT (4.698068180887061 51.79407572154135)</t>
  </si>
  <si>
    <t>POINT (4.694373182445525 51.79126374813031)</t>
  </si>
  <si>
    <t>POINT (4.6688610426437585 51.812712637917954)</t>
  </si>
  <si>
    <t>POINT (4.671595315802197 51.7793296314777)</t>
  </si>
  <si>
    <t>POINT (4.6958201290545025 51.810354845512)</t>
  </si>
  <si>
    <t>POINT (4.643749519754068 51.774090500880774)</t>
  </si>
  <si>
    <t>POINT (4.651023084771974 51.79312995635641)</t>
  </si>
  <si>
    <t>POINT (4.662070559780453 51.80551721162196)</t>
  </si>
  <si>
    <t>POINT (4.644841470016656 51.77415105355105)</t>
  </si>
  <si>
    <t>POINT (4.6767215294444675 51.7753871845449)</t>
  </si>
  <si>
    <t>POINT (4.719587255402055 51.81208396663431)</t>
  </si>
  <si>
    <t>POINT (4.667295029954172 51.79901868585005)</t>
  </si>
  <si>
    <t>POINT (4.682698252607676 51.80907788445613)</t>
  </si>
  <si>
    <t>POINT (4.6566213651962425 51.79317177547041)</t>
  </si>
  <si>
    <t>POINT (4.657806538895926 51.77103400669466)</t>
  </si>
  <si>
    <t>POINT (4.680445854150225 51.780929118095266)</t>
  </si>
  <si>
    <t>POINT (4.653718986212078 51.78537093126461)</t>
  </si>
  <si>
    <t>3312HH</t>
  </si>
  <si>
    <t>POINT (4.68931562058431 51.80821947655716)</t>
  </si>
  <si>
    <t>POINT (4.668941044603094 51.77684441504668)</t>
  </si>
  <si>
    <t>POINT (4.7062865410753 51.810359909032144)</t>
  </si>
  <si>
    <t>POINT (4.654123645527193 51.791077474268334)</t>
  </si>
  <si>
    <t>POINT (4.680899579231788 51.81412495022469)</t>
  </si>
  <si>
    <t>3312GD</t>
  </si>
  <si>
    <t>POINT (4.684344345038243 51.80950963851975)</t>
  </si>
  <si>
    <t>POINT (4.663800683642515 51.810541608656855)</t>
  </si>
  <si>
    <t>POINT (4.679196315973116 51.817054411516736)</t>
  </si>
  <si>
    <t>POINT (4.66406043442521 51.791220189989794)</t>
  </si>
  <si>
    <t>POINT (4.6713971601355295 51.77236244008242)</t>
  </si>
  <si>
    <t>POINT (4.68465648971982 51.7809875278637)</t>
  </si>
  <si>
    <t>POINT (4.695889081294305 51.81834751167047)</t>
  </si>
  <si>
    <t>3319XM</t>
  </si>
  <si>
    <t>Hazelaarlaan</t>
  </si>
  <si>
    <t>POINT (4.712925277722825 51.79126855584031)</t>
  </si>
  <si>
    <t>POINT (4.663084464260312 51.81657507654201)</t>
  </si>
  <si>
    <t>POINT (4.657882959288803 51.79080692111231)</t>
  </si>
  <si>
    <t>POINT (4.6660541210893145 51.81038085541164)</t>
  </si>
  <si>
    <t>POINT (4.686902288284687 51.7818995483766)</t>
  </si>
  <si>
    <t>POINT (4.735046468572861 51.798846526057154)</t>
  </si>
  <si>
    <t>POINT (4.676588885668254 51.786453757053025)</t>
  </si>
  <si>
    <t>POINT (4.705283247973462 51.82111583482056)</t>
  </si>
  <si>
    <t>3315WP</t>
  </si>
  <si>
    <t>POINT (4.705513516718276 51.80698744572227)</t>
  </si>
  <si>
    <t>3317XH</t>
  </si>
  <si>
    <t>POINT (4.6508600252439205 51.78927034771892)</t>
  </si>
  <si>
    <t>POINT (4.721789838214542 51.794328337943355)</t>
  </si>
  <si>
    <t>POINT (4.680252311034127 51.789869878611285)</t>
  </si>
  <si>
    <t>POINT (4.656163663094868 51.80249570997941)</t>
  </si>
  <si>
    <t>POINT (4.655232480458784 51.80117671854169)</t>
  </si>
  <si>
    <t>POINT (4.675951324280008 51.772751502879636)</t>
  </si>
  <si>
    <t>POINT (4.66644678965661 51.81498236105408)</t>
  </si>
  <si>
    <t>3312VK</t>
  </si>
  <si>
    <t>Eerste Reedwarsstraat</t>
  </si>
  <si>
    <t>POINT (4.679260028090786 51.808343536639576)</t>
  </si>
  <si>
    <t>POINT (4.663486984519044 51.81439070401637)</t>
  </si>
  <si>
    <t>3317DH</t>
  </si>
  <si>
    <t>Klazina Hommeshof</t>
  </si>
  <si>
    <t>POINT (4.65314287177018 51.78153291024626)</t>
  </si>
  <si>
    <t>POINT (4.704350470656527 51.79869583800808)</t>
  </si>
  <si>
    <t>3319HJ</t>
  </si>
  <si>
    <t>Kamperfoeliestraat</t>
  </si>
  <si>
    <t>POINT (4.711608910530245 51.79491609596711)</t>
  </si>
  <si>
    <t>POINT (4.659957229550942 51.78698402875955)</t>
  </si>
  <si>
    <t>POINT (4.7138607725296655 51.80967554252723)</t>
  </si>
  <si>
    <t>POINT (4.683226169655227 51.80232250650434)</t>
  </si>
  <si>
    <t>POINT (4.6850244322802705 51.7754609714841)</t>
  </si>
  <si>
    <t>POINT (4.660723806500138 51.77135629277999)</t>
  </si>
  <si>
    <t>POINT (4.6725740014763195 51.775224701937944)</t>
  </si>
  <si>
    <t>POINT (4.649523928167042 51.79455279173685)</t>
  </si>
  <si>
    <t>POINT (4.662345357347896 51.81640977830612)</t>
  </si>
  <si>
    <t>POINT (4.653080513163603 51.79112205196786)</t>
  </si>
  <si>
    <t>POINT (4.664689284830268 51.813245853602766)</t>
  </si>
  <si>
    <t>POINT (4.666968984268191 51.7770244913732)</t>
  </si>
  <si>
    <t>POINT (4.66825485076446 51.77876836162723)</t>
  </si>
  <si>
    <t>POINT (4.657735385275854 51.789473121801905)</t>
  </si>
  <si>
    <t>3313LA</t>
  </si>
  <si>
    <t>Baanhoekweg</t>
  </si>
  <si>
    <t>POINT (4.751365074225219 51.81039560349555)</t>
  </si>
  <si>
    <t>POINT (4.72466211784421 51.79141894020682)</t>
  </si>
  <si>
    <t>POINT (4.707825421601442 51.789171389148045)</t>
  </si>
  <si>
    <t>POINT (4.667331424380323 51.818018429923306)</t>
  </si>
  <si>
    <t>POINT (4.721152542643233 51.79525191912687)</t>
  </si>
  <si>
    <t>POINT (4.672987475065314 51.81919115843874)</t>
  </si>
  <si>
    <t>POINT (4.692672443179223 51.79521048021025)</t>
  </si>
  <si>
    <t>POINT (4.714719183244145 51.81388242020528)</t>
  </si>
  <si>
    <t>POINT (4.668876396156539 51.79545542698502)</t>
  </si>
  <si>
    <t>POINT (4.733689135709433 51.797878052315525)</t>
  </si>
  <si>
    <t>POINT (4.659205705774098 51.782601234537374)</t>
  </si>
  <si>
    <t>POINT (4.662845600975011 51.79840718779701)</t>
  </si>
  <si>
    <t>POINT (4.685128830439831 51.78597282447919)</t>
  </si>
  <si>
    <t>POINT (4.664040157668489 51.81088513100199)</t>
  </si>
  <si>
    <t>3313TC</t>
  </si>
  <si>
    <t>POINT (4.7208892321168925 51.812887363713564)</t>
  </si>
  <si>
    <t>POINT (4.678374901179429 51.817284434900756)</t>
  </si>
  <si>
    <t>POINT (4.708616538307197 51.79754812625473)</t>
  </si>
  <si>
    <t>POINT (4.663597378126992 51.79807261137025)</t>
  </si>
  <si>
    <t>POINT (4.695586957167609 51.78389194972021)</t>
  </si>
  <si>
    <t>POINT (4.690691407477236 51.80789474659138)</t>
  </si>
  <si>
    <t>POINT (4.676788625265252 51.78994026147725)</t>
  </si>
  <si>
    <t>POINT (4.707358844370081 51.78773469670886)</t>
  </si>
  <si>
    <t>POINT (4.678598435845513 51.807996104169995)</t>
  </si>
  <si>
    <t>3314BE</t>
  </si>
  <si>
    <t>POINT (4.661383611509483 51.80530100209328)</t>
  </si>
  <si>
    <t>3319BX</t>
  </si>
  <si>
    <t>Van Eedenstraat</t>
  </si>
  <si>
    <t>POINT (4.7014183207361455 51.79639879728064)</t>
  </si>
  <si>
    <t>POINT (4.71001718122554 51.81156509423835)</t>
  </si>
  <si>
    <t>POINT (4.669632651871694 51.80445242022211)</t>
  </si>
  <si>
    <t>POINT (4.726928607069869 51.80565062030199)</t>
  </si>
  <si>
    <t>POINT (4.658037541949905 51.80739172737087)</t>
  </si>
  <si>
    <t>POINT (4.667458023184432 51.78253517359538)</t>
  </si>
  <si>
    <t>POINT (4.667496429492867 51.790256481907335)</t>
  </si>
  <si>
    <t>3314WB</t>
  </si>
  <si>
    <t>Hollanderstraat</t>
  </si>
  <si>
    <t>POINT (4.652511415821641 51.80371717675141)</t>
  </si>
  <si>
    <t>POINT (4.711099302502156 51.79122022243718)</t>
  </si>
  <si>
    <t>POINT (4.6764401179394275 51.77393724564169)</t>
  </si>
  <si>
    <t>POINT (4.675173038074477 51.80401522741513)</t>
  </si>
  <si>
    <t>POINT (4.6517177192951085 51.79072034955789)</t>
  </si>
  <si>
    <t>POINT (4.66253812127936 51.792038808652585)</t>
  </si>
  <si>
    <t>POINT (4.685285592469262 51.7846450543058)</t>
  </si>
  <si>
    <t>POINT (4.730758556125482 51.79317905842711)</t>
  </si>
  <si>
    <t>POINT (4.655188614794625 51.8106337206066)</t>
  </si>
  <si>
    <t>POINT (4.678686082252209 51.81477653500885)</t>
  </si>
  <si>
    <t>POINT (4.666644367505762 51.813313199578296)</t>
  </si>
  <si>
    <t>POINT (4.684909526816098 51.81219116804105)</t>
  </si>
  <si>
    <t>POINT (4.6537123262893 51.785277784482915)</t>
  </si>
  <si>
    <t>POINT (4.675380761414143 51.81444925558827)</t>
  </si>
  <si>
    <t>POINT (4.697827271689503 51.800880615607994)</t>
  </si>
  <si>
    <t>POINT (4.660426017774043 51.803747284962924)</t>
  </si>
  <si>
    <t>POINT (4.662397440471017 51.80415765143416)</t>
  </si>
  <si>
    <t>POINT (4.725277058043857 51.796496459400295)</t>
  </si>
  <si>
    <t>POINT (4.718280809599067 51.801176692808355)</t>
  </si>
  <si>
    <t>POINT (4.670415613220639 51.77269502314103)</t>
  </si>
  <si>
    <t>POINT (4.7243373910573725 51.7992779852517)</t>
  </si>
  <si>
    <t>POINT (4.721449086283983 51.811209405856005)</t>
  </si>
  <si>
    <t>3319RK</t>
  </si>
  <si>
    <t>POINT (4.694614427436944 51.79575572581825)</t>
  </si>
  <si>
    <t>POINT (4.663447471992228 51.80975959950668)</t>
  </si>
  <si>
    <t>POINT (4.702183696746184 51.75432008693455)</t>
  </si>
  <si>
    <t>POINT (4.6912662030317644 51.81879920447013)</t>
  </si>
  <si>
    <t>POINT (4.632316390424369 51.765269416422015)</t>
  </si>
  <si>
    <t>3313TG</t>
  </si>
  <si>
    <t>Oosterdiep</t>
  </si>
  <si>
    <t>POINT (4.721137081485102 51.8125272927786)</t>
  </si>
  <si>
    <t>POINT (4.672739789895432 51.78364329489977)</t>
  </si>
  <si>
    <t>POINT (4.733861430712515 51.798064393554846)</t>
  </si>
  <si>
    <t>POINT (4.660198145995094 51.801575544111685)</t>
  </si>
  <si>
    <t>3314CS</t>
  </si>
  <si>
    <t>POINT (4.654576013158757 51.798588567275395)</t>
  </si>
  <si>
    <t>POINT (4.728298528260241 51.79126368322329)</t>
  </si>
  <si>
    <t>POINT (4.664368155831459 51.80087391607609)</t>
  </si>
  <si>
    <t>POINT (4.669083908412054 51.79548932630623)</t>
  </si>
  <si>
    <t>POINT (4.6705198478113505 51.81262487549148)</t>
  </si>
  <si>
    <t>POINT (4.682199627920555 51.798812924945445)</t>
  </si>
  <si>
    <t>POINT (4.68561942805981 51.81098631322879)</t>
  </si>
  <si>
    <t>POINT (4.630037946075761 51.72263552607458)</t>
  </si>
  <si>
    <t>3311LH</t>
  </si>
  <si>
    <t>POINT (4.669327797638134 51.8099386490054)</t>
  </si>
  <si>
    <t>POINT (4.675891276480907 51.78597630100067)</t>
  </si>
  <si>
    <t>POINT (4.661585270614472 51.80908379045286)</t>
  </si>
  <si>
    <t>POINT (4.674539242903201 51.79708773781077)</t>
  </si>
  <si>
    <t>POINT (4.677127177248052 51.77227027135824)</t>
  </si>
  <si>
    <t>POINT (4.667388578027463 51.77846037156964)</t>
  </si>
  <si>
    <t>POINT (4.667712724713969 51.813587590102436)</t>
  </si>
  <si>
    <t>POINT (4.701531437745106 51.79777303437948)</t>
  </si>
  <si>
    <t>POINT (4.643714291015999 51.77373893475978)</t>
  </si>
  <si>
    <t>POINT (4.662361579323514 51.8144068772531)</t>
  </si>
  <si>
    <t>POINT (4.66442809898924 51.78813151013684)</t>
  </si>
  <si>
    <t>POINT (4.67898905724305 51.805436267797184)</t>
  </si>
  <si>
    <t>POINT (4.661122975306998 51.78333873218789)</t>
  </si>
  <si>
    <t>POINT (4.727007466675149 51.79705681769428)</t>
  </si>
  <si>
    <t>POINT (4.669057924399474 51.79866747001945)</t>
  </si>
  <si>
    <t>POINT (4.666327756820924 51.78761452861487)</t>
  </si>
  <si>
    <t>POINT (4.684142677502375 51.78508172078312)</t>
  </si>
  <si>
    <t>3311JP</t>
  </si>
  <si>
    <t>Keizershof</t>
  </si>
  <si>
    <t>POINT (4.657901605286799 51.81319018639812)</t>
  </si>
  <si>
    <t>POINT (4.733838664742912 51.80223413138836)</t>
  </si>
  <si>
    <t>POINT (4.716792113894115 51.814903820883075)</t>
  </si>
  <si>
    <t>POINT (4.652263406278739 51.80391221543556)</t>
  </si>
  <si>
    <t>POINT (4.65961438305746 51.79110475378597)</t>
  </si>
  <si>
    <t>POINT (4.670150435380718 51.80961803679494)</t>
  </si>
  <si>
    <t>POINT (4.716076847080574 51.81541238156573)</t>
  </si>
  <si>
    <t>POINT (4.680014915467053 51.774098782603694)</t>
  </si>
  <si>
    <t>3311CG</t>
  </si>
  <si>
    <t>Korte Engelenburgerkade</t>
  </si>
  <si>
    <t>POINT (4.66009134661121 51.81567474501969)</t>
  </si>
  <si>
    <t>POINT (4.718835219927623 51.80229190062906)</t>
  </si>
  <si>
    <t>POINT (4.711961239755741 51.80395296276721)</t>
  </si>
  <si>
    <t>POINT (4.664380420824815 51.813369667267175)</t>
  </si>
  <si>
    <t>POINT (4.685963264357847 51.791726790941375)</t>
  </si>
  <si>
    <t>POINT (4.7241285071078964 51.80467238145238)</t>
  </si>
  <si>
    <t>POINT (4.677142725625938 51.81760192664798)</t>
  </si>
  <si>
    <t>POINT (4.662071393914692 51.78745819249601)</t>
  </si>
  <si>
    <t>POINT (4.683525883050689 51.77718782533448)</t>
  </si>
  <si>
    <t>POINT (4.653506628908476 51.790342708782575)</t>
  </si>
  <si>
    <t>POINT (4.658537784242721 51.7833884627538)</t>
  </si>
  <si>
    <t>POINT (4.719299580957548 51.81556536241194)</t>
  </si>
  <si>
    <t>POINT (4.707611633053789 51.789415640386736)</t>
  </si>
  <si>
    <t>POINT (4.6635701993382215 51.812636096524145)</t>
  </si>
  <si>
    <t>3328DL</t>
  </si>
  <si>
    <t>POINT (4.68003826087158 51.77348174975796)</t>
  </si>
  <si>
    <t>POINT (4.69263160593689 51.785023726968305)</t>
  </si>
  <si>
    <t>POINT (4.727037002701247 51.80075592751939)</t>
  </si>
  <si>
    <t>POINT (4.649554308958753 51.79522225524809)</t>
  </si>
  <si>
    <t>POINT (4.665071912674447 51.80998882325886)</t>
  </si>
  <si>
    <t>POINT (4.657797505245502 51.783409182973465)</t>
  </si>
  <si>
    <t>POINT (4.711305687006229 51.792450512486376)</t>
  </si>
  <si>
    <t>POINT (4.679152133775781 51.78193793766825)</t>
  </si>
  <si>
    <t>POINT (4.707204474294385 51.80718022085645)</t>
  </si>
  <si>
    <t>POINT (4.679401145811115 51.78537242187943)</t>
  </si>
  <si>
    <t>POINT (4.685460447615848 51.78494428233895)</t>
  </si>
  <si>
    <t>POINT (4.6526446577512095 51.80353140556255)</t>
  </si>
  <si>
    <t>POINT (4.633602078906457 51.778855766066116)</t>
  </si>
  <si>
    <t>POINT (4.632225916905182 51.72220103854403)</t>
  </si>
  <si>
    <t>POINT (4.6621878791477505 51.79045365291989)</t>
  </si>
  <si>
    <t>POINT (4.6548562083295515 51.799478499269114)</t>
  </si>
  <si>
    <t>POINT (4.6860992412561036 51.811147183564515)</t>
  </si>
  <si>
    <t>POINT (4.662361233348845 51.80350832742282)</t>
  </si>
  <si>
    <t>3316AP</t>
  </si>
  <si>
    <t>Nijverheidstraat</t>
  </si>
  <si>
    <t>POINT (4.646611307605787 51.801151957413325)</t>
  </si>
  <si>
    <t>POINT (4.660656212427784 51.81115052720312)</t>
  </si>
  <si>
    <t>POINT (4.657590967447374 51.78729040280499)</t>
  </si>
  <si>
    <t>POINT (4.66323662683351 51.81137352931989)</t>
  </si>
  <si>
    <t>POINT (4.661299835227643 51.78895329436286)</t>
  </si>
  <si>
    <t>POINT (4.716009331952753 51.8055738481466)</t>
  </si>
  <si>
    <t>POINT (4.66895628267929 51.79880951633709)</t>
  </si>
  <si>
    <t>POINT (4.666241871336518 51.81621451040427)</t>
  </si>
  <si>
    <t>POINT (4.680377729250757 51.7985191254532)</t>
  </si>
  <si>
    <t>POINT (4.71289458128842 51.80972383657414)</t>
  </si>
  <si>
    <t>POINT (4.64715615118866 51.778507509517965)</t>
  </si>
  <si>
    <t>POINT (4.681445298008899 51.78912600284318)</t>
  </si>
  <si>
    <t>POINT (4.733571387431379 51.79951693307656)</t>
  </si>
  <si>
    <t>POINT (4.660581736849462 51.81115659186185)</t>
  </si>
  <si>
    <t>POINT (4.6314974730974905 51.76700013134465)</t>
  </si>
  <si>
    <t>POINT (4.730882669126833 51.79979450416989)</t>
  </si>
  <si>
    <t>POINT (4.678555041945196 51.786999040386426)</t>
  </si>
  <si>
    <t>3317KG</t>
  </si>
  <si>
    <t>POINT (4.667369218324993 51.78984168182376)</t>
  </si>
  <si>
    <t>POINT (4.684003344722671 51.8000047446883)</t>
  </si>
  <si>
    <t>POINT (4.671237923716732 51.804155586260514)</t>
  </si>
  <si>
    <t>POINT (4.683833073826918 51.78253725993017)</t>
  </si>
  <si>
    <t>POINT (4.656639827159224 51.80776190699466)</t>
  </si>
  <si>
    <t>POINT (4.673550573978198 51.81374500591891)</t>
  </si>
  <si>
    <t>POINT (4.653669130264694 51.792518705523484)</t>
  </si>
  <si>
    <t>POINT (4.674460825236207 51.81506024088708)</t>
  </si>
  <si>
    <t>POINT (4.642815110798685 51.769217494233544)</t>
  </si>
  <si>
    <t>POINT (4.700197020582431 51.799313364071764)</t>
  </si>
  <si>
    <t>POINT (4.6661858934231315 51.79602434764917)</t>
  </si>
  <si>
    <t>POINT (4.680802943607934 51.802931208555215)</t>
  </si>
  <si>
    <t>3311CD</t>
  </si>
  <si>
    <t>Hooikade</t>
  </si>
  <si>
    <t>POINT (4.666337081223838 51.79623187287886)</t>
  </si>
  <si>
    <t>POINT (4.67299120796541 51.79582238865961)</t>
  </si>
  <si>
    <t>POINT (4.675870756235475 51.785152443244996)</t>
  </si>
  <si>
    <t>POINT (4.678430355800989 51.78464429139065)</t>
  </si>
  <si>
    <t>POINT (4.7096086115024836 51.79406430018031)</t>
  </si>
  <si>
    <t>POINT (4.671193095494248 51.78523452730046)</t>
  </si>
  <si>
    <t>POINT (4.661164727804622 51.805232466468766)</t>
  </si>
  <si>
    <t>POINT (4.709027551990238 51.80873178509082)</t>
  </si>
  <si>
    <t>POINT (4.664641257645533 51.817390713277725)</t>
  </si>
  <si>
    <t>3318CV</t>
  </si>
  <si>
    <t>POINT (4.678082779251733 51.78786877302222)</t>
  </si>
  <si>
    <t>POINT (4.716053600985289 51.8025330803876)</t>
  </si>
  <si>
    <t>POINT (4.65365850807359 51.78574345901343)</t>
  </si>
  <si>
    <t>POINT (4.661167388302457 51.80544906542873)</t>
  </si>
  <si>
    <t>3314EN</t>
  </si>
  <si>
    <t>POINT (4.654594447768583 51.803307705339655)</t>
  </si>
  <si>
    <t>POINT (4.6716032168944315 51.80420759396008)</t>
  </si>
  <si>
    <t>POINT (4.720626839336369 51.798440920183786)</t>
  </si>
  <si>
    <t>POINT (4.66966540054089 51.804503775092044)</t>
  </si>
  <si>
    <t>3328RK</t>
  </si>
  <si>
    <t>POINT (4.667088493421046 51.781223367403214)</t>
  </si>
  <si>
    <t>POINT (4.66254582634689 51.80001596709678)</t>
  </si>
  <si>
    <t>POINT (4.732789410205912 51.79859007921582)</t>
  </si>
  <si>
    <t>POINT (4.66803595040532 51.792563351526276)</t>
  </si>
  <si>
    <t>POINT (4.678640552406096 51.81648212894503)</t>
  </si>
  <si>
    <t>POINT (4.720145067878523 51.80300388444524)</t>
  </si>
  <si>
    <t>POINT (4.661462898355641 51.78309263048931)</t>
  </si>
  <si>
    <t>POINT (4.653036409975031 51.8013794276984)</t>
  </si>
  <si>
    <t>POINT (4.694352208256953 51.79408383032946)</t>
  </si>
  <si>
    <t>POINT (4.661900035917623 51.80216416678204)</t>
  </si>
  <si>
    <t>POINT (4.660757487434692 51.81102650809393)</t>
  </si>
  <si>
    <t>POINT (4.678459638549872 51.807102133350725)</t>
  </si>
  <si>
    <t>POINT (4.713948290324437 51.814395979501505)</t>
  </si>
  <si>
    <t>POINT (4.67752921586756 51.78062759957787)</t>
  </si>
  <si>
    <t>POINT (4.639101473131404 51.77442199517033)</t>
  </si>
  <si>
    <t>POINT (4.731264068018422 51.7911078633707)</t>
  </si>
  <si>
    <t>POINT (4.688154795270397 51.809746338731614)</t>
  </si>
  <si>
    <t>3328EA</t>
  </si>
  <si>
    <t>POINT (4.68212559418631 51.776584058184625)</t>
  </si>
  <si>
    <t>POINT (4.731216514946903 51.79439018829691)</t>
  </si>
  <si>
    <t>POINT (4.684715734307551 51.788890740534995)</t>
  </si>
  <si>
    <t>POINT (4.653844509764531 51.785600200297736)</t>
  </si>
  <si>
    <t>POINT (4.665294774780611 51.799240793601385)</t>
  </si>
  <si>
    <t>POINT (4.6785883744304595 51.78892517725703)</t>
  </si>
  <si>
    <t>POINT (4.684982538890988 51.81214674254025)</t>
  </si>
  <si>
    <t>POINT (4.66291750674363 51.78708664005745)</t>
  </si>
  <si>
    <t>POINT (4.657893499317059 51.771032201453224)</t>
  </si>
  <si>
    <t>POINT (4.67275414991902 51.78131299785393)</t>
  </si>
  <si>
    <t>POINT (4.684601248949215 51.80664482561172)</t>
  </si>
  <si>
    <t>POINT (4.67060971146286 51.771059363933375)</t>
  </si>
  <si>
    <t>POINT (4.663368998651988 51.802797412852165)</t>
  </si>
  <si>
    <t>POINT (4.683082809943246 51.78086657789765)</t>
  </si>
  <si>
    <t>POINT (4.636640208871824 51.77585751120951)</t>
  </si>
  <si>
    <t>POINT (4.676557667281127 51.81711078636403)</t>
  </si>
  <si>
    <t>POINT (4.684328306760959 51.77465150394293)</t>
  </si>
  <si>
    <t>POINT (4.651354779714752 51.803033169495336)</t>
  </si>
  <si>
    <t>3329LM</t>
  </si>
  <si>
    <t>Blindeweg</t>
  </si>
  <si>
    <t>POINT (4.671500794726209 51.76062737088808)</t>
  </si>
  <si>
    <t>POINT (4.730469572382028 51.80405191706889)</t>
  </si>
  <si>
    <t>POINT (4.668488029486555 51.8142678937687)</t>
  </si>
  <si>
    <t>POINT (4.676043197509382 51.774636848771046)</t>
  </si>
  <si>
    <t>POINT (4.713424273457994 51.81040873053007)</t>
  </si>
  <si>
    <t>POINT (4.694586988485948 51.818147953982844)</t>
  </si>
  <si>
    <t>POINT (4.630134582731291 51.728689610676284)</t>
  </si>
  <si>
    <t>POINT (4.721391411472926 51.811229240153885)</t>
  </si>
  <si>
    <t>POINT (4.660984854756492 51.81364639973146)</t>
  </si>
  <si>
    <t>POINT (4.683788730249925 51.79806584081398)</t>
  </si>
  <si>
    <t>POINT (4.672915920171881 51.79703034280724)</t>
  </si>
  <si>
    <t>POINT (4.695053459569891 51.79078486499929)</t>
  </si>
  <si>
    <t>POINT (4.673324533930266 51.79725444592179)</t>
  </si>
  <si>
    <t>POINT (4.671223079768655 51.80840460698392)</t>
  </si>
  <si>
    <t>POINT (4.679714224180728 51.78135078076629)</t>
  </si>
  <si>
    <t>POINT (4.660798778773191 51.805117869893785)</t>
  </si>
  <si>
    <t>3315WG</t>
  </si>
  <si>
    <t>POINT (4.702910998345546 51.80717722128231)</t>
  </si>
  <si>
    <t>POINT (4.678448826181432 51.78707879357396)</t>
  </si>
  <si>
    <t>POINT (4.720593624113679 51.80219795895906)</t>
  </si>
  <si>
    <t>POINT (4.67533428394833 51.780209960018404)</t>
  </si>
  <si>
    <t>POINT (4.678381872454538 51.784671342047)</t>
  </si>
  <si>
    <t>POINT (4.681578898150614 51.808589510048385)</t>
  </si>
  <si>
    <t>POINT (4.6728899044346655 51.771386989530875)</t>
  </si>
  <si>
    <t>POINT (4.674909988572975 51.807007256374675)</t>
  </si>
  <si>
    <t>3314EH</t>
  </si>
  <si>
    <t>POINT (4.6537830667058575 51.80052122692862)</t>
  </si>
  <si>
    <t>POINT (4.7347788299180005 51.799268654639704)</t>
  </si>
  <si>
    <t>POINT (4.710875878835708 51.79309584837164)</t>
  </si>
  <si>
    <t>POINT (4.652404482913785 51.78564434787814)</t>
  </si>
  <si>
    <t>POINT (4.707393560178915 51.79424480524309)</t>
  </si>
  <si>
    <t>POINT (4.6617906383166865 51.80209784605262)</t>
  </si>
  <si>
    <t>POINT (4.663067410761864 51.80485972383758)</t>
  </si>
  <si>
    <t>3314PJ</t>
  </si>
  <si>
    <t>POINT (4.66978957984994 51.8011693364675)</t>
  </si>
  <si>
    <t>POINT (4.678226836412403 51.805284574171054)</t>
  </si>
  <si>
    <t>POINT (4.678147590035564 51.779926436334016)</t>
  </si>
  <si>
    <t>3315AH</t>
  </si>
  <si>
    <t>POINT (4.720970097396014 51.800638994158305)</t>
  </si>
  <si>
    <t>3319GM-3319GN</t>
  </si>
  <si>
    <t>POINT (4.705136094293286 51.795274441816055)</t>
  </si>
  <si>
    <t>POINT (4.693426132665955 51.7955394306692)</t>
  </si>
  <si>
    <t>POINT (4.631999697516924 51.76551961079389)</t>
  </si>
  <si>
    <t>3311GS</t>
  </si>
  <si>
    <t>Spuiplein</t>
  </si>
  <si>
    <t>POINT (4.663621113584981 51.81236333434288)</t>
  </si>
  <si>
    <t>POINT (4.665737297882301 51.80263229711225)</t>
  </si>
  <si>
    <t>3313BM</t>
  </si>
  <si>
    <t>POINT (4.714921695511854 51.81499188836104)</t>
  </si>
  <si>
    <t>POINT (4.662047318013849 51.812447201027865)</t>
  </si>
  <si>
    <t>POINT (4.681166106489429 51.798824921193976)</t>
  </si>
  <si>
    <t>POINT (4.679155853943676 51.79953932616181)</t>
  </si>
  <si>
    <t>POINT (4.686477034532172 51.77688414777971)</t>
  </si>
  <si>
    <t>POINT (4.668683760086371 51.77253603989522)</t>
  </si>
  <si>
    <t>POINT (4.706403971690383 51.79495618257489)</t>
  </si>
  <si>
    <t>POINT (4.658653116270315 51.79959375953149)</t>
  </si>
  <si>
    <t>3312GV</t>
  </si>
  <si>
    <t>Besarstraat</t>
  </si>
  <si>
    <t>POINT (4.683547803349608 51.80902701832522)</t>
  </si>
  <si>
    <t>POINT (4.698458985466793 51.80134557877248)</t>
  </si>
  <si>
    <t>POINT (4.699671300066579 51.79568944295517)</t>
  </si>
  <si>
    <t>POINT (4.702672405227983 51.796563404621125)</t>
  </si>
  <si>
    <t>POINT (4.636064568423622 51.767565554195755)</t>
  </si>
  <si>
    <t>3312AG</t>
  </si>
  <si>
    <t>POINT (4.685770554941734 51.8116736898734)</t>
  </si>
  <si>
    <t>POINT (4.670181728282136 51.77829541366504)</t>
  </si>
  <si>
    <t>3312LC</t>
  </si>
  <si>
    <t>POINT (4.68062463740337 51.80534280328109)</t>
  </si>
  <si>
    <t>POINT (4.6644994145057606 51.79575606733118)</t>
  </si>
  <si>
    <t>POINT (4.657992930081929 51.804316777918494)</t>
  </si>
  <si>
    <t>POINT (4.654789223610861 51.79944937122352)</t>
  </si>
  <si>
    <t>POINT (4.664931070630126 51.809985691312505)</t>
  </si>
  <si>
    <t>POINT (4.724604318545357 51.80296590625806)</t>
  </si>
  <si>
    <t>POINT (4.666237274249737 51.787399403174874)</t>
  </si>
  <si>
    <t>POINT (4.652112831602235 51.79369258861821)</t>
  </si>
  <si>
    <t>POINT (4.686012085008456 51.78088133019587)</t>
  </si>
  <si>
    <t>POINT (4.636153873418898 51.77594479765915)</t>
  </si>
  <si>
    <t>POINT (4.690965112343176 51.81872066461159)</t>
  </si>
  <si>
    <t>POINT (4.7127511925043555 51.79525637213227)</t>
  </si>
  <si>
    <t>POINT (4.667325336125674 51.78175096636804)</t>
  </si>
  <si>
    <t>POINT (4.712131453936696 51.80586041661998)</t>
  </si>
  <si>
    <t>POINT (4.670299076972144 51.77811468487313)</t>
  </si>
  <si>
    <t>POINT (4.714483992148745 51.816059072799895)</t>
  </si>
  <si>
    <t>POINT (4.6711517254642425 51.78600757284351)</t>
  </si>
  <si>
    <t>POINT (4.6696468666865085 51.79930992655521)</t>
  </si>
  <si>
    <t>POINT (4.671552258521364 51.796803661444834)</t>
  </si>
  <si>
    <t>POINT (4.711651869241501 51.81137397926096)</t>
  </si>
  <si>
    <t>POINT (4.733089998639876 51.80123808222733)</t>
  </si>
  <si>
    <t>POINT (4.678555181868197 51.789548099883206)</t>
  </si>
  <si>
    <t>POINT (4.693273545901055 51.79531220243709)</t>
  </si>
  <si>
    <t>POINT (4.702749264968317 51.79504639544464)</t>
  </si>
  <si>
    <t>POINT (4.673609734614509 51.807461904722935)</t>
  </si>
  <si>
    <t>POINT (4.672877199277751 51.803461754519056)</t>
  </si>
  <si>
    <t>POINT (4.725526188414733 51.79577958185206)</t>
  </si>
  <si>
    <t>POINT (4.669868226244724 51.81103670288163)</t>
  </si>
  <si>
    <t>POINT (4.653659050294856 51.79273299626799)</t>
  </si>
  <si>
    <t>POINT (4.680532382994633 51.787143228497165)</t>
  </si>
  <si>
    <t>POINT (4.643583106589833 51.77173267938598)</t>
  </si>
  <si>
    <t>3313GH</t>
  </si>
  <si>
    <t>POINT (4.6920010830803704 51.81780898353465)</t>
  </si>
  <si>
    <t>POINT (4.719134219916536 51.81231911092748)</t>
  </si>
  <si>
    <t>3312GW</t>
  </si>
  <si>
    <t>Denpasarstraat</t>
  </si>
  <si>
    <t>POINT (4.683478973784777 51.80749641956754)</t>
  </si>
  <si>
    <t>POINT (4.674976774945677 51.80567065886636)</t>
  </si>
  <si>
    <t>POINT (4.704184016187595 51.81585222074839)</t>
  </si>
  <si>
    <t>POINT (4.652484025742398 51.78551059960906)</t>
  </si>
  <si>
    <t>POINT (4.724566401298165 51.7972101194747)</t>
  </si>
  <si>
    <t>POINT (4.71103390614775 51.816498754121376)</t>
  </si>
  <si>
    <t>POINT (4.671055187078444 51.80364178354939)</t>
  </si>
  <si>
    <t>POINT (4.731585765670513 51.79253731047226)</t>
  </si>
  <si>
    <t>POINT (4.655301151142049 51.81043857697307)</t>
  </si>
  <si>
    <t>POINT (4.733708628334525 51.79678377599869)</t>
  </si>
  <si>
    <t>POINT (4.676569237480163 51.78380594500382)</t>
  </si>
  <si>
    <t>POINT (4.666417347617614 51.787974438542555)</t>
  </si>
  <si>
    <t>POINT (4.704480055011077 51.79827204863506)</t>
  </si>
  <si>
    <t>POINT (4.73039494168343 51.796815500935914)</t>
  </si>
  <si>
    <t>POINT (4.682767840216597 51.80408152696546)</t>
  </si>
  <si>
    <t>POINT (4.6841666420975026 51.80819239041197)</t>
  </si>
  <si>
    <t>POINT (4.669000560809058 51.790800860305346)</t>
  </si>
  <si>
    <t>POINT (4.708803328197834 51.81080885285535)</t>
  </si>
  <si>
    <t>POINT (4.661126049762928 51.809132176436954)</t>
  </si>
  <si>
    <t>POINT (4.668141006509567 51.811656139460524)</t>
  </si>
  <si>
    <t>3328XB</t>
  </si>
  <si>
    <t>POINT (4.682060765842139 51.78190003494925)</t>
  </si>
  <si>
    <t>POINT (4.651236980916332 51.79090524364901)</t>
  </si>
  <si>
    <t>POINT (4.662826864224193 51.79986269249018)</t>
  </si>
  <si>
    <t>POINT (4.6627467982527575 51.792989088744235)</t>
  </si>
  <si>
    <t>POINT (4.675594411669792 51.783227544854704)</t>
  </si>
  <si>
    <t>POINT (4.734254926238558 51.803726530260874)</t>
  </si>
  <si>
    <t>POINT (4.6565231174788915 51.769788799624834)</t>
  </si>
  <si>
    <t>POINT (4.68708300927513 51.778064755580615)</t>
  </si>
  <si>
    <t>POINT (4.681079308785651 51.78554343345785)</t>
  </si>
  <si>
    <t>POINT (4.733635442831244 51.801856735350626)</t>
  </si>
  <si>
    <t>POINT (4.719747816900404 51.81115438535505)</t>
  </si>
  <si>
    <t>POINT (4.6868151858615095 51.80549948456035)</t>
  </si>
  <si>
    <t>POINT (4.686025339197123 51.805621426749404)</t>
  </si>
  <si>
    <t>POINT (4.677584263688522 51.781289653884215)</t>
  </si>
  <si>
    <t>POINT (4.720282376976279 51.81368299711565)</t>
  </si>
  <si>
    <t>3313LM</t>
  </si>
  <si>
    <t>De Bekramming</t>
  </si>
  <si>
    <t>POINT (4.764379980438513 51.811086439245315)</t>
  </si>
  <si>
    <t>POINT (4.731247482722473 51.80495355875962)</t>
  </si>
  <si>
    <t>POINT (4.663984178026907 51.81511991946731)</t>
  </si>
  <si>
    <t>POINT (4.66492361485519 51.80931143129243)</t>
  </si>
  <si>
    <t>POINT (4.6694658934855315 51.81251740142442)</t>
  </si>
  <si>
    <t>POINT (4.66741144102901 51.77436839040643)</t>
  </si>
  <si>
    <t>POINT (4.710364309723537 51.804023806075)</t>
  </si>
  <si>
    <t>3328HA</t>
  </si>
  <si>
    <t>Algolring</t>
  </si>
  <si>
    <t>POINT (4.686464057300884 51.782222942100496)</t>
  </si>
  <si>
    <t>POINT (4.680846735626106 51.78918648962528)</t>
  </si>
  <si>
    <t>POINT (4.71398895753391 51.80483020285196)</t>
  </si>
  <si>
    <t>POINT (4.721628974892288 51.7980431807729)</t>
  </si>
  <si>
    <t>POINT (4.645151054919893 51.78457580603175)</t>
  </si>
  <si>
    <t>POINT (4.683941169266927 51.79811040366656)</t>
  </si>
  <si>
    <t>POINT (4.695776261773772 51.79215225102561)</t>
  </si>
  <si>
    <t>POINT (4.7072656153890975 51.78962197475112)</t>
  </si>
  <si>
    <t>POINT (4.658337079792079 51.798486761907625)</t>
  </si>
  <si>
    <t>POINT (4.672604315658395 51.814505388174325)</t>
  </si>
  <si>
    <t>POINT (4.731575355305901 51.80020433069547)</t>
  </si>
  <si>
    <t>POINT (4.659176433633203 51.81261585102588)</t>
  </si>
  <si>
    <t>POINT (4.6829613345174375 51.79009428774041)</t>
  </si>
  <si>
    <t>POINT (4.656942088384137 51.7978884556222)</t>
  </si>
  <si>
    <t>POINT (4.679488377301699 51.78861679709545)</t>
  </si>
  <si>
    <t>POINT (4.708327814652096 51.807805045317735)</t>
  </si>
  <si>
    <t>POINT (4.673728139273468 51.81891607094524)</t>
  </si>
  <si>
    <t>POINT (4.698919421752429 51.79864266559875)</t>
  </si>
  <si>
    <t>POINT (4.676660321942639 51.78936856754776)</t>
  </si>
  <si>
    <t>POINT (4.676575035689151 51.78522028001201)</t>
  </si>
  <si>
    <t>POINT (4.65696326212186 51.783829823832406)</t>
  </si>
  <si>
    <t>POINT (4.679778589641097 51.809984426762405)</t>
  </si>
  <si>
    <t>POINT (4.6780742273837586 51.787688057556885)</t>
  </si>
  <si>
    <t>POINT (4.682135515804165 51.81229708565522)</t>
  </si>
  <si>
    <t>POINT (4.657806931630148 51.7721439462599)</t>
  </si>
  <si>
    <t>POINT (4.675776886551494 51.774092971759565)</t>
  </si>
  <si>
    <t>POINT (4.679940432010473 51.79874837120545)</t>
  </si>
  <si>
    <t>3317HX</t>
  </si>
  <si>
    <t>Zuidhovenlaantje</t>
  </si>
  <si>
    <t>3317HX-3317JA</t>
  </si>
  <si>
    <t>POINT (4.671424955027853 51.79563568530503)</t>
  </si>
  <si>
    <t>POINT (4.711372204498594 51.8072054669358)</t>
  </si>
  <si>
    <t>POINT (4.719941726833677 51.81367280919273)</t>
  </si>
  <si>
    <t>POINT (4.714018790078706 51.791281352542114)</t>
  </si>
  <si>
    <t>POINT (4.686121151550593 51.774984857085585)</t>
  </si>
  <si>
    <t>POINT (4.653640408121727 51.792390751411105)</t>
  </si>
  <si>
    <t>POINT (4.657474711477768 51.783120740838335)</t>
  </si>
  <si>
    <t>POINT (4.700306586938571 51.817445263703405)</t>
  </si>
  <si>
    <t>POINT (4.674285710666348 51.81601093342489)</t>
  </si>
  <si>
    <t>3314CX</t>
  </si>
  <si>
    <t>POINT (4.657358259587367 51.79679626627016)</t>
  </si>
  <si>
    <t>POINT (4.659416814797149 51.79975982839421)</t>
  </si>
  <si>
    <t>POINT (4.682280599029877 51.77553185549714)</t>
  </si>
  <si>
    <t>POINT (4.670457692470089 51.81413458415367)</t>
  </si>
  <si>
    <t>POINT (4.66835241843339 51.79201551537438)</t>
  </si>
  <si>
    <t>POINT (4.668432589791659 51.81547931740708)</t>
  </si>
  <si>
    <t>POINT (4.701456147104424 51.79500533453925)</t>
  </si>
  <si>
    <t>POINT (4.657597982760874 51.7873988323303)</t>
  </si>
  <si>
    <t>POINT (4.672532493771482 51.81696024195518)</t>
  </si>
  <si>
    <t>POINT (4.662397520563237 51.791674104310516)</t>
  </si>
  <si>
    <t>POINT (4.6710248578802895 51.81836549943481)</t>
  </si>
  <si>
    <t>POINT (4.666623697448278 51.814612799368035)</t>
  </si>
  <si>
    <t>POINT (4.67623320656676 51.81846944438295)</t>
  </si>
  <si>
    <t>POINT (4.65724308827312 51.787209767103704)</t>
  </si>
  <si>
    <t>POINT (4.658620015299264 51.76933549244444)</t>
  </si>
  <si>
    <t>POINT (4.682312770032305 51.811967861972626)</t>
  </si>
  <si>
    <t>POINT (4.7049403602412205 51.80898939290784)</t>
  </si>
  <si>
    <t>POINT (4.656110577191199 51.81119084334409)</t>
  </si>
  <si>
    <t>3316KA</t>
  </si>
  <si>
    <t>Keerweer</t>
  </si>
  <si>
    <t>POINT (4.644226367704208 51.769506380128504)</t>
  </si>
  <si>
    <t>POINT (4.704458565095206 51.79314167021419)</t>
  </si>
  <si>
    <t>POINT (4.6679546229263815 51.8148283146279)</t>
  </si>
  <si>
    <t>POINT (4.686933775967749 51.777043548653495)</t>
  </si>
  <si>
    <t>POINT (4.669146098973487 51.81632611260076)</t>
  </si>
  <si>
    <t>POINT (4.682351739062479 51.777244073567346)</t>
  </si>
  <si>
    <t>POINT (4.66400895469658 51.79546043596055)</t>
  </si>
  <si>
    <t>POINT (4.732462499812937 51.79973834277084)</t>
  </si>
  <si>
    <t>POINT (4.681415862400063 51.80377622798687)</t>
  </si>
  <si>
    <t>POINT (4.674280654584226 51.78230771747306)</t>
  </si>
  <si>
    <t>POINT (4.6669815761411115 51.811117789414666)</t>
  </si>
  <si>
    <t>POINT (4.6860041286462275 51.80837952667561)</t>
  </si>
  <si>
    <t>POINT (4.694558481459312 51.81798419233183)</t>
  </si>
  <si>
    <t>POINT (4.709001725102132 51.79595231352609)</t>
  </si>
  <si>
    <t>POINT (4.668814261553575 51.794888552034216)</t>
  </si>
  <si>
    <t>POINT (4.726170848354134 51.8055742112221)</t>
  </si>
  <si>
    <t>POINT (4.689338452617144 51.80956903539898)</t>
  </si>
  <si>
    <t>3314XA</t>
  </si>
  <si>
    <t>POINT (4.656616214526289 51.80109743336704)</t>
  </si>
  <si>
    <t>POINT (4.677299674667685 51.818149467760605)</t>
  </si>
  <si>
    <t>POINT (4.714341601175661 51.81479108355423)</t>
  </si>
  <si>
    <t>POINT (4.662412856616898 51.81607771298256)</t>
  </si>
  <si>
    <t>3328GR</t>
  </si>
  <si>
    <t>POINT (4.679840682947267 51.78001928325575)</t>
  </si>
  <si>
    <t>POINT (4.659823453443441 51.808790044781226)</t>
  </si>
  <si>
    <t>POINT (4.674131226698711 51.81319137276143)</t>
  </si>
  <si>
    <t>POINT (4.663944327373635 51.81513872987461)</t>
  </si>
  <si>
    <t>POINT (4.662280342276795 51.814164804687245)</t>
  </si>
  <si>
    <t>POINT (4.661864858224942 51.77412171610404)</t>
  </si>
  <si>
    <t>POINT (4.630248338867646 51.730375043026356)</t>
  </si>
  <si>
    <t>POINT (4.655594123793953 51.79512957712242)</t>
  </si>
  <si>
    <t>POINT (4.669659166819198 51.8055197458608)</t>
  </si>
  <si>
    <t>POINT (4.666812257804105 51.81182661308241)</t>
  </si>
  <si>
    <t>POINT (4.675801515762242 51.80724778155576)</t>
  </si>
  <si>
    <t>POINT (4.67397953055152 51.81455571313603)</t>
  </si>
  <si>
    <t>POINT (4.681169746703151 51.78635013781086)</t>
  </si>
  <si>
    <t>POINT (4.667673487917583 51.77299031112279)</t>
  </si>
  <si>
    <t>POINT (4.679799493672589 51.77398917853148)</t>
  </si>
  <si>
    <t>POINT (4.674098906276363 51.77496021430447)</t>
  </si>
  <si>
    <t>POINT (4.680980262750029 51.7889555920727)</t>
  </si>
  <si>
    <t>POINT (4.672694558924195 51.78360849378382)</t>
  </si>
  <si>
    <t>POINT (4.653670305699615 51.7856034885728)</t>
  </si>
  <si>
    <t>POINT (4.678149598621929 51.80591617317781)</t>
  </si>
  <si>
    <t>POINT (4.6818720447331 51.80935317001915)</t>
  </si>
  <si>
    <t>POINT (4.667724989153324 51.77436518175073)</t>
  </si>
  <si>
    <t>POINT (4.656802593476722 51.80959880640189)</t>
  </si>
  <si>
    <t>POINT (4.655481475503235 51.81115240574055)</t>
  </si>
  <si>
    <t>POINT (4.653640269492834 51.789513742505804)</t>
  </si>
  <si>
    <t>3315RN</t>
  </si>
  <si>
    <t>POINT (4.712289234050934 51.80331375230671)</t>
  </si>
  <si>
    <t>POINT (4.661585890863878 51.80455873563678)</t>
  </si>
  <si>
    <t>POINT (4.677396595842527 51.808713012973115)</t>
  </si>
  <si>
    <t>POINT (4.664587608830109 51.78598385938384)</t>
  </si>
  <si>
    <t>POINT (4.7244058609856765 51.80456008931373)</t>
  </si>
  <si>
    <t>3312KL</t>
  </si>
  <si>
    <t>Prof. Kohnstammlaan</t>
  </si>
  <si>
    <t>POINT (4.681265305097997 51.7986327288759)</t>
  </si>
  <si>
    <t>POINT (4.697027205227775 51.79582165610882)</t>
  </si>
  <si>
    <t>POINT (4.688888830065758 51.80965944723062)</t>
  </si>
  <si>
    <t>POINT (4.667404788882355 51.79417501032992)</t>
  </si>
  <si>
    <t>POINT (4.673365164024296 51.785679456748824)</t>
  </si>
  <si>
    <t>POINT (4.650729684695765 51.764738426157116)</t>
  </si>
  <si>
    <t>3316LR</t>
  </si>
  <si>
    <t>Burgemeester van der Dussenstraat</t>
  </si>
  <si>
    <t>POINT (4.67844610860622 51.78703035505535)</t>
  </si>
  <si>
    <t>POINT (4.680205296286298 51.80262099621315)</t>
  </si>
  <si>
    <t>POINT (4.725920626426838 51.79806937126615)</t>
  </si>
  <si>
    <t>3312GE</t>
  </si>
  <si>
    <t>POINT (4.6849574533261915 51.808959571362024)</t>
  </si>
  <si>
    <t>POINT (4.671536574352442 51.80027735242713)</t>
  </si>
  <si>
    <t>POINT (4.680866031382986 51.80029544285884)</t>
  </si>
  <si>
    <t>POINT (4.660875719235257 51.79626538885523)</t>
  </si>
  <si>
    <t>POINT (4.693979364946187 51.791097926624204)</t>
  </si>
  <si>
    <t>POINT (4.704333671638539 51.79845239019697)</t>
  </si>
  <si>
    <t>POINT (4.668240332853037 51.802856216660004)</t>
  </si>
  <si>
    <t>POINT (4.6940536226768526 51.81805799275692)</t>
  </si>
  <si>
    <t>POINT (4.676056895255554 51.817710281211426)</t>
  </si>
  <si>
    <t>POINT (4.720301117353564 51.79533253756975)</t>
  </si>
  <si>
    <t>POINT (4.667583176512993 51.81803671973959)</t>
  </si>
  <si>
    <t>POINT (4.6855782461200475 51.81089207255266)</t>
  </si>
  <si>
    <t>POINT (4.658128588451653 51.800111270551284)</t>
  </si>
  <si>
    <t>POINT (4.684168554017909 51.77602015497187)</t>
  </si>
  <si>
    <t>POINT (4.718184525692587 51.801187559435974)</t>
  </si>
  <si>
    <t>POINT (4.660088746846529 51.805072402822425)</t>
  </si>
  <si>
    <t>POINT (4.676550863809279 51.80700614929722)</t>
  </si>
  <si>
    <t>POINT (4.721125237229438 51.80093959237604)</t>
  </si>
  <si>
    <t>POINT (4.7324960674707945 51.7949738133731)</t>
  </si>
  <si>
    <t>POINT (4.679669792562671 51.81385887547929)</t>
  </si>
  <si>
    <t>Buddingh'plein</t>
  </si>
  <si>
    <t>POINT (4.66476874496812 51.81520953300429)</t>
  </si>
  <si>
    <t>POINT (4.6848221504862995 51.77448811755126)</t>
  </si>
  <si>
    <t>POINT (4.660149167476769 51.80370715215049)</t>
  </si>
  <si>
    <t>POINT (4.670993161131456 51.78236123589556)</t>
  </si>
  <si>
    <t>POINT (4.698265477064475 51.796579110296044)</t>
  </si>
  <si>
    <t>POINT (4.659033670566388 51.79934568784413)</t>
  </si>
  <si>
    <t>POINT (4.659769003051641 51.79003759358866)</t>
  </si>
  <si>
    <t>POINT (4.7208743550849706 51.80555716225703)</t>
  </si>
  <si>
    <t>POINT (4.6814275813626685 51.778958099692744)</t>
  </si>
  <si>
    <t>POINT (4.677105084262177 51.80456522264565)</t>
  </si>
  <si>
    <t>POINT (4.657203935254801 51.788517066453664)</t>
  </si>
  <si>
    <t>POINT (4.659437676219721 51.80456931428295)</t>
  </si>
  <si>
    <t>POINT (4.670672654275301 51.81029255504845)</t>
  </si>
  <si>
    <t>POINT (4.686712830365303 51.781968897444735)</t>
  </si>
  <si>
    <t>POINT (4.671742988611881 51.80000453723796)</t>
  </si>
  <si>
    <t>POINT (4.6604583985236125 51.7874379904515)</t>
  </si>
  <si>
    <t>POINT (4.671140275802831 51.8136908364795)</t>
  </si>
  <si>
    <t>POINT (4.717878034827672 51.81371221172264)</t>
  </si>
  <si>
    <t>POINT (4.668609613229977 51.80823211185912)</t>
  </si>
  <si>
    <t>3312TL</t>
  </si>
  <si>
    <t>POINT (4.684129412245017 51.81198060251636)</t>
  </si>
  <si>
    <t>POINT (4.662718224731109 51.792957667563876)</t>
  </si>
  <si>
    <t>POINT (4.7271409093026024 51.79741250312588)</t>
  </si>
  <si>
    <t>POINT (4.670130020309612 51.798898277138875)</t>
  </si>
  <si>
    <t>POINT (4.663715047615227 51.809717807211086)</t>
  </si>
  <si>
    <t>3311MK</t>
  </si>
  <si>
    <t>Viermolenspoort</t>
  </si>
  <si>
    <t>POINT (4.679117824188407 51.81688451065995)</t>
  </si>
  <si>
    <t>POINT (4.7080501102111425 51.797612740167416)</t>
  </si>
  <si>
    <t>POINT (4.729780331109932 51.79558759859569)</t>
  </si>
  <si>
    <t>POINT (4.717099003004578 51.795284072205874)</t>
  </si>
  <si>
    <t>3318TJ</t>
  </si>
  <si>
    <t>POINT (4.684513054646009 51.786432477448784)</t>
  </si>
  <si>
    <t>3314XE</t>
  </si>
  <si>
    <t>POINT (4.658157906169357 51.800530829435985)</t>
  </si>
  <si>
    <t>3317ER</t>
  </si>
  <si>
    <t>POINT (4.664043240618852 51.791694184126065)</t>
  </si>
  <si>
    <t>POINT (4.686982146246795 51.77795408687888)</t>
  </si>
  <si>
    <t>POINT (4.702506330124125 51.79901403972427)</t>
  </si>
  <si>
    <t>POINT (4.680274508300837 51.814991846610006)</t>
  </si>
  <si>
    <t>POINT (4.668895251315289 51.81566727184943)</t>
  </si>
  <si>
    <t>POINT (4.668272508983726 51.80417567432495)</t>
  </si>
  <si>
    <t>POINT (4.732701326354131 51.80433953769224)</t>
  </si>
  <si>
    <t>POINT (4.65814414745585 51.79875591632551)</t>
  </si>
  <si>
    <t>POINT (4.678869445187727 51.78560453648072)</t>
  </si>
  <si>
    <t>3329BK</t>
  </si>
  <si>
    <t>Bourbonhof</t>
  </si>
  <si>
    <t>POINT (4.7253699335655135 51.79440806641739)</t>
  </si>
  <si>
    <t>POINT (4.6835551277663665 51.782284475736155)</t>
  </si>
  <si>
    <t>POINT (4.641334418875721 51.778963628365666)</t>
  </si>
  <si>
    <t>POINT (4.664756072718486 51.7795619328622)</t>
  </si>
  <si>
    <t>POINT (4.67205968223715 51.811643303958995)</t>
  </si>
  <si>
    <t>3311SZ</t>
  </si>
  <si>
    <t>Weeshuisstraat</t>
  </si>
  <si>
    <t>POINT (4.670051814605512 51.8171640555568)</t>
  </si>
  <si>
    <t>POINT (4.688136982358644 51.81036120097968)</t>
  </si>
  <si>
    <t>POINT (4.658231585677431 51.80973170914953)</t>
  </si>
  <si>
    <t>POINT (4.669019906107444 51.79868515176802)</t>
  </si>
  <si>
    <t>POINT (4.647818344027537 51.793277558571944)</t>
  </si>
  <si>
    <t>3317SV</t>
  </si>
  <si>
    <t>Mackaystraat</t>
  </si>
  <si>
    <t>POINT (4.665561366384286 51.78695566342744)</t>
  </si>
  <si>
    <t>POINT (4.708364296176922 51.787730865495675)</t>
  </si>
  <si>
    <t>3319WE</t>
  </si>
  <si>
    <t>Noordsigt</t>
  </si>
  <si>
    <t>POINT (4.699367410852138 51.800338199937244)</t>
  </si>
  <si>
    <t>POINT (4.667445355097706 51.813885974607004)</t>
  </si>
  <si>
    <t>POINT (4.661109677553984 51.78801079304574)</t>
  </si>
  <si>
    <t>POINT (4.665817911436778 51.77207696605537)</t>
  </si>
  <si>
    <t>POINT (4.6749987437653875 51.8140100345702)</t>
  </si>
  <si>
    <t>POINT (4.668831801425561 51.80924074381568)</t>
  </si>
  <si>
    <t>X</t>
  </si>
  <si>
    <t>POINT (4.675938756693152 51.78482795006908)</t>
  </si>
  <si>
    <t>3314HA</t>
  </si>
  <si>
    <t>Adriaen van Ostadestraat</t>
  </si>
  <si>
    <t>POINT (4.663543717240696 51.79688752523735)</t>
  </si>
  <si>
    <t>POINT (4.66159259210914 51.81615358730898)</t>
  </si>
  <si>
    <t>POINT (4.73355371372052 51.799610046791656)</t>
  </si>
  <si>
    <t>POINT (4.680412922037537 51.78089718056163)</t>
  </si>
  <si>
    <t>POINT (4.629541026482346 51.78482746704809)</t>
  </si>
  <si>
    <t>POINT (4.6780951475801515 51.81557397284796)</t>
  </si>
  <si>
    <t>POINT (4.67835422926046 51.807607199428645)</t>
  </si>
  <si>
    <t>POINT (4.712348717917371 51.798234975133475)</t>
  </si>
  <si>
    <t>POINT (4.664877188952602 51.817059189144835)</t>
  </si>
  <si>
    <t>POINT (4.669959978571531 51.79825560708897)</t>
  </si>
  <si>
    <t>POINT (4.709691134878735 51.79904072791916)</t>
  </si>
  <si>
    <t>POINT (4.689952459520648 51.80924389799909)</t>
  </si>
  <si>
    <t>POINT (4.674427167486447 51.815021529010856)</t>
  </si>
  <si>
    <t>POINT (4.680017336875484 51.776633495280706)</t>
  </si>
  <si>
    <t>POINT (4.673438169577652 51.81267860740705)</t>
  </si>
  <si>
    <t>POINT (4.628240608653243 51.790921765699686)</t>
  </si>
  <si>
    <t>POINT (4.66457191131885 51.796800299371455)</t>
  </si>
  <si>
    <t>POINT (4.66404187067308 51.811554969143145)</t>
  </si>
  <si>
    <t>POINT (4.65476069960147 51.79260594767432)</t>
  </si>
  <si>
    <t>POINT (4.685153726753323 51.799584078320954)</t>
  </si>
  <si>
    <t>POINT (4.644587183354793 51.79953339347871)</t>
  </si>
  <si>
    <t>POINT (4.66341908502407 51.79962417390544)</t>
  </si>
  <si>
    <t>POINT (4.701813002143683 51.795956371369044)</t>
  </si>
  <si>
    <t>POINT (4.6960194352755495 51.81783611525735)</t>
  </si>
  <si>
    <t>POINT (4.668031207467772 51.77916050737918)</t>
  </si>
  <si>
    <t>3318VE</t>
  </si>
  <si>
    <t>POINT (4.685858250453652 51.78681658759893)</t>
  </si>
  <si>
    <t>3328WC</t>
  </si>
  <si>
    <t>POINT (4.676769458238484 51.77654455524086)</t>
  </si>
  <si>
    <t>POINT (4.700773222011914 51.79804194614036)</t>
  </si>
  <si>
    <t>POINT (4.670976956471933 51.818707531558864)</t>
  </si>
  <si>
    <t>POINT (4.690535631190726 51.81877751303523)</t>
  </si>
  <si>
    <t>POINT (4.696908051799623 51.79072377512949)</t>
  </si>
  <si>
    <t>POINT (4.665507864611309 51.81650576230104)</t>
  </si>
  <si>
    <t>POINT (4.657723801682583 51.81269234854637)</t>
  </si>
  <si>
    <t>3319HL</t>
  </si>
  <si>
    <t>POINT (4.71002362498486 51.796225610907804)</t>
  </si>
  <si>
    <t>POINT (4.676730753942514 51.786576700862334)</t>
  </si>
  <si>
    <t>3314CL</t>
  </si>
  <si>
    <t>Sweelinckplein</t>
  </si>
  <si>
    <t>POINT (4.651274363859949 51.802441765870824)</t>
  </si>
  <si>
    <t>POINT (4.6564808936143764 51.784227761584944)</t>
  </si>
  <si>
    <t>POINT (4.668875115716825 51.81297438442176)</t>
  </si>
  <si>
    <t>POINT (4.704196736392692 51.81601583415937)</t>
  </si>
  <si>
    <t>POINT (4.672949255122552 51.78498983770722)</t>
  </si>
  <si>
    <t>POINT (4.6675498169639065 51.80824025964289)</t>
  </si>
  <si>
    <t>POINT (4.685147466418344 51.78570285283051)</t>
  </si>
  <si>
    <t>POINT (4.6688504025152255 51.79684642096522)</t>
  </si>
  <si>
    <t>POINT (4.680378612594145 51.77664993811464)</t>
  </si>
  <si>
    <t>POINT (4.724552441349268 51.79952015859387)</t>
  </si>
  <si>
    <t>POINT (4.660020913078636 51.78695805067854)</t>
  </si>
  <si>
    <t>POINT (4.670856634860257 51.81162210578738)</t>
  </si>
  <si>
    <t>POINT (4.659754733342099 51.7933325399727)</t>
  </si>
  <si>
    <t>POINT (4.637421980384548 51.74752477655209)</t>
  </si>
  <si>
    <t>POINT (4.663497356394828 51.81393973403202)</t>
  </si>
  <si>
    <t>POINT (4.669890066562869 51.79724140813958)</t>
  </si>
  <si>
    <t>POINT (4.656940749712144 51.78721598417254)</t>
  </si>
  <si>
    <t>POINT (4.669362146540043 51.80227405655116)</t>
  </si>
  <si>
    <t>POINT (4.679452737479155 51.80031075520569)</t>
  </si>
  <si>
    <t>POINT (4.669701509690411 51.81026176749641)</t>
  </si>
  <si>
    <t>POINT (4.7174999300858484 51.812180665175084)</t>
  </si>
  <si>
    <t>POINT (4.676078146288836 51.815234140322474)</t>
  </si>
  <si>
    <t>POINT (4.677865648124767 51.81672561591672)</t>
  </si>
  <si>
    <t>POINT (4.659172782257253 51.814063330057685)</t>
  </si>
  <si>
    <t>POINT (4.693522922924397 51.79697050534418)</t>
  </si>
  <si>
    <t>POINT (4.711021880042972 51.81437655713089)</t>
  </si>
  <si>
    <t>3312SB</t>
  </si>
  <si>
    <t>POINT (4.68423366968902 51.81010613762296)</t>
  </si>
  <si>
    <t>POINT (4.711306164284671 51.8072281694128)</t>
  </si>
  <si>
    <t>POINT (4.6772075720751705 51.80445796071878)</t>
  </si>
  <si>
    <t>POINT (4.665062958496298 51.81245285325779)</t>
  </si>
  <si>
    <t>POINT (4.671776087845578 51.8167099460483)</t>
  </si>
  <si>
    <t>3317KL</t>
  </si>
  <si>
    <t>POINT (4.667264382093845 51.78713836027471)</t>
  </si>
  <si>
    <t>POINT (4.698845269498861 51.81774621688396)</t>
  </si>
  <si>
    <t>POINT (4.709755069693456 51.80941260768113)</t>
  </si>
  <si>
    <t>POINT (4.710494854842621 51.79146137285865)</t>
  </si>
  <si>
    <t>POINT (4.7085713548119275 51.808402850830994)</t>
  </si>
  <si>
    <t>POINT (4.659473943797736 51.802754065783716)</t>
  </si>
  <si>
    <t>POINT (4.681201050661636 51.80117335200109)</t>
  </si>
  <si>
    <t>POINT (4.674255656961258 51.77905132630105)</t>
  </si>
  <si>
    <t>POINT (4.674226322607011 51.78207938877515)</t>
  </si>
  <si>
    <t>POINT (4.658507097015191 51.79860479692567)</t>
  </si>
  <si>
    <t>POINT (4.675088077380155 51.78658383680341)</t>
  </si>
  <si>
    <t>POINT (4.704113635723593 51.79713015344594)</t>
  </si>
  <si>
    <t>POINT (4.6621738216022 51.794950407308335)</t>
  </si>
  <si>
    <t>POINT (4.66543266751189 51.80188482074091)</t>
  </si>
  <si>
    <t>POINT (4.674093300835449 51.817856441192454)</t>
  </si>
  <si>
    <t>POINT (4.673025892250346 51.80460303573578)</t>
  </si>
  <si>
    <t>POINT (4.653972653215497 51.80381830749517)</t>
  </si>
  <si>
    <t>POINT (4.679338389138566 51.81700276574151)</t>
  </si>
  <si>
    <t>POINT (4.6903941164022145 51.80780499158631)</t>
  </si>
  <si>
    <t>POINT (4.665928120302029 51.795989603886326)</t>
  </si>
  <si>
    <t>POINT (4.70848309164124 51.80363986561309)</t>
  </si>
  <si>
    <t>POINT (4.69271361033365 51.795203092522875)</t>
  </si>
  <si>
    <t>POINT (4.680839354316541 51.78657789080218)</t>
  </si>
  <si>
    <t>POINT (4.65977163011822 51.79006074681219)</t>
  </si>
  <si>
    <t>POINT (4.661181130681254 51.8127276764843)</t>
  </si>
  <si>
    <t>POINT (4.666297379389435 51.79627513421793)</t>
  </si>
  <si>
    <t>3328LB</t>
  </si>
  <si>
    <t>3328KS-3328LB</t>
  </si>
  <si>
    <t>POINT (4.662697009762505 51.78315517166017)</t>
  </si>
  <si>
    <t>POINT (4.660012500231244 51.8022234943147)</t>
  </si>
  <si>
    <t>POINT (4.660795169154997 51.800980828453206)</t>
  </si>
  <si>
    <t>POINT (4.673918887867367 51.805728861564084)</t>
  </si>
  <si>
    <t>POINT (4.626183903686311 51.79749740727289)</t>
  </si>
  <si>
    <t>POINT (4.655573403147688 51.78926052206129)</t>
  </si>
  <si>
    <t>POINT (4.659854143162308 51.79716873442581)</t>
  </si>
  <si>
    <t>POINT (4.678235364588602 51.81746331139149)</t>
  </si>
  <si>
    <t>POINT (4.675772338445215 51.79923081639071)</t>
  </si>
  <si>
    <t>POINT (4.71042306918462 51.803330463793415)</t>
  </si>
  <si>
    <t>POINT (4.659827067662063 51.8028318233554)</t>
  </si>
  <si>
    <t>POINT (4.664425802513983 51.80092353822701)</t>
  </si>
  <si>
    <t>POINT (4.668153928893786 51.8193238810327)</t>
  </si>
  <si>
    <t>POINT (4.651026353982041 51.79317478560028)</t>
  </si>
  <si>
    <t>POINT (4.657602707161935 51.7874634006676)</t>
  </si>
  <si>
    <t>POINT (4.651717374539738 51.78470354298779)</t>
  </si>
  <si>
    <t>3315CT</t>
  </si>
  <si>
    <t>POINT (4.72710234012292 51.801190149862514)</t>
  </si>
  <si>
    <t>POINT (4.7129757962628105 51.795322399409656)</t>
  </si>
  <si>
    <t>POINT (4.664977168664986 51.780166634900795)</t>
  </si>
  <si>
    <t>POINT (4.681533482184613 51.774921137524295)</t>
  </si>
  <si>
    <t>POINT (4.673064689822575 51.81929306539307)</t>
  </si>
  <si>
    <t>POINT (4.686674192413499 51.80853102375654)</t>
  </si>
  <si>
    <t>POINT (4.652322663933912 51.7877295503532)</t>
  </si>
  <si>
    <t>POINT (4.679737098318677 51.773985719043274)</t>
  </si>
  <si>
    <t>POINT (4.724637816835946 51.803010876826086)</t>
  </si>
  <si>
    <t>POINT (4.685116646305846 51.77583728717862)</t>
  </si>
  <si>
    <t>POINT (4.6892918829775985 51.80847432579365)</t>
  </si>
  <si>
    <t>3314AB</t>
  </si>
  <si>
    <t>POINT (4.656444907085992 51.8066062934632)</t>
  </si>
  <si>
    <t>3311NJ</t>
  </si>
  <si>
    <t>Van Slingelandtshof</t>
  </si>
  <si>
    <t>POINT (4.669008706789594 51.813111937804855)</t>
  </si>
  <si>
    <t>POINT (4.726830657550223 51.795839272322894)</t>
  </si>
  <si>
    <t>POINT (4.6846703235518214 51.80061021748407)</t>
  </si>
  <si>
    <t>POINT (4.655570179431074 51.791190557983974)</t>
  </si>
  <si>
    <t>POINT (4.663200392970716 51.81345475179152)</t>
  </si>
  <si>
    <t>POINT (4.730474530224332 51.80473001149068)</t>
  </si>
  <si>
    <t>POINT (4.70171470405353 51.816826502747844)</t>
  </si>
  <si>
    <t>POINT (4.735521847952739 51.79918997154931)</t>
  </si>
  <si>
    <t>3319VE</t>
  </si>
  <si>
    <t>POINT (4.701260272376724 51.789528695747585)</t>
  </si>
  <si>
    <t>POINT (4.684882531096652 51.8034134913121)</t>
  </si>
  <si>
    <t>POINT (4.680117417378657 51.80171676297476)</t>
  </si>
  <si>
    <t>POINT (4.687225860489584 51.77806186889218)</t>
  </si>
  <si>
    <t>POINT (4.706293234525925 51.79747712946098)</t>
  </si>
  <si>
    <t>POINT (4.68158081238502 51.774912370662946)</t>
  </si>
  <si>
    <t>POINT (4.659524783882957 51.81079098942307)</t>
  </si>
  <si>
    <t>POINT (4.664457210253172 51.812758101024606)</t>
  </si>
  <si>
    <t>POINT (4.67454949839376 51.81483339303059)</t>
  </si>
  <si>
    <t>POINT (4.6883643337804415 51.807525202469535)</t>
  </si>
  <si>
    <t>POINT (4.660844685588371 51.81266017488042)</t>
  </si>
  <si>
    <t>POINT (4.632168225022005 51.780988426951325)</t>
  </si>
  <si>
    <t>POINT (4.635188854760138 51.77439444664726)</t>
  </si>
  <si>
    <t>POINT (4.718311741900603 51.80473542917796)</t>
  </si>
  <si>
    <t>POINT (4.688889478810353 51.81967800638939)</t>
  </si>
  <si>
    <t>POINT (4.666121561605949 51.81051079673267)</t>
  </si>
  <si>
    <t>3317HJ</t>
  </si>
  <si>
    <t>POINT (4.67075668445577 51.79700379300081)</t>
  </si>
  <si>
    <t>POINT (4.676833955724754 51.78648505689814)</t>
  </si>
  <si>
    <t>POINT (4.697452033286419 51.791365242593045)</t>
  </si>
  <si>
    <t>3328KB</t>
  </si>
  <si>
    <t>POINT (4.67011861155375 51.7802148004832)</t>
  </si>
  <si>
    <t>POINT (4.666842459114555 51.81118072817226)</t>
  </si>
  <si>
    <t>POINT (4.704227451229276 51.78951072728723)</t>
  </si>
  <si>
    <t>POINT (4.673877347015154 51.782032134763355)</t>
  </si>
  <si>
    <t>POINT (4.674991267768214 51.776629977004305)</t>
  </si>
  <si>
    <t>POINT (4.663796256641354 51.78820499918774)</t>
  </si>
  <si>
    <t>POINT (4.667499807126458 51.813329352191694)</t>
  </si>
  <si>
    <t>POINT (4.697512701775366 51.81801641238766)</t>
  </si>
  <si>
    <t>POINT (4.667937137652628 51.814971630756446)</t>
  </si>
  <si>
    <t>POINT (4.675174306786446 51.815562912646534)</t>
  </si>
  <si>
    <t>POINT (4.666689773546547 51.81261266711437)</t>
  </si>
  <si>
    <t>3312HA</t>
  </si>
  <si>
    <t>POINT (4.688588107516695 51.808639475433836)</t>
  </si>
  <si>
    <t>POINT (4.687819094736067 51.80855554268945)</t>
  </si>
  <si>
    <t>POINT (4.6690310352741955 51.81526984171894)</t>
  </si>
  <si>
    <t>POINT (4.685133787048392 51.809510562068766)</t>
  </si>
  <si>
    <t>POINT (4.670240004446696 51.78239218508258)</t>
  </si>
  <si>
    <t>POINT (4.6818784098079185 51.773711175384925)</t>
  </si>
  <si>
    <t>POINT (4.669842473591172 51.81080781957583)</t>
  </si>
  <si>
    <t>POINT (4.66800211251744 51.804058476705755)</t>
  </si>
  <si>
    <t>POINT (4.708333407431959 51.78663384425167)</t>
  </si>
  <si>
    <t>3314WX</t>
  </si>
  <si>
    <t>POINT (4.6524282331887346 51.801328834424616)</t>
  </si>
  <si>
    <t>POINT (4.663786598797654 51.79492868691712)</t>
  </si>
  <si>
    <t>POINT (4.658654026233342 51.7697928435457)</t>
  </si>
  <si>
    <t>POINT (4.682175881265742 51.80852959337091)</t>
  </si>
  <si>
    <t>POINT (4.727273349922728 51.79787149822558)</t>
  </si>
  <si>
    <t>POINT (4.669112872173499 51.77635714634601)</t>
  </si>
  <si>
    <t>POINT (4.687315680551258 51.81275744676507)</t>
  </si>
  <si>
    <t>POINT (4.680928506084762 51.78864989869015)</t>
  </si>
  <si>
    <t>POINT (4.665884366628828 51.81215587642481)</t>
  </si>
  <si>
    <t>POINT (4.669324664636628 51.79889411629289)</t>
  </si>
  <si>
    <t>POINT (4.672652271671802 51.80601786257985)</t>
  </si>
  <si>
    <t>POINT (4.68002127445899 51.78717579755073)</t>
  </si>
  <si>
    <t>POINT (4.673947709554317 51.77494253096248)</t>
  </si>
  <si>
    <t>POINT (4.684661465509851 51.78014290785144)</t>
  </si>
  <si>
    <t>POINT (4.732244569786094 51.80158639483222)</t>
  </si>
  <si>
    <t>POINT (4.6868597444606905 51.805544208471936)</t>
  </si>
  <si>
    <t>POINT (4.663968965707008 51.8142276005241)</t>
  </si>
  <si>
    <t>POINT (4.656079974799298 51.78942109065422)</t>
  </si>
  <si>
    <t>POINT (4.6702111994901 51.80915080803272)</t>
  </si>
  <si>
    <t>3313XR</t>
  </si>
  <si>
    <t>POINT (4.692626697041772 51.818057214968015)</t>
  </si>
  <si>
    <t>POINT (4.654931053534769 51.78890429140551)</t>
  </si>
  <si>
    <t>POINT (4.669097437234634 51.779603046513564)</t>
  </si>
  <si>
    <t>POINT (4.678269031603752 51.80533243313982)</t>
  </si>
  <si>
    <t>POINT (4.655772240981715 51.79724377939477)</t>
  </si>
  <si>
    <t>POINT (4.670774163615427 51.80281423262034)</t>
  </si>
  <si>
    <t>POINT (4.6554467026847375 51.81117464265748)</t>
  </si>
  <si>
    <t>3313EC</t>
  </si>
  <si>
    <t>POINT (4.716658434415199 51.81274272841065)</t>
  </si>
  <si>
    <t>POINT (4.670921204749892 51.81808131033037)</t>
  </si>
  <si>
    <t>POINT (4.662439149212837 51.803529177098916)</t>
  </si>
  <si>
    <t>POINT (4.669360546939582 51.80955572488418)</t>
  </si>
  <si>
    <t>POINT (4.670496351145931 51.77270384011667)</t>
  </si>
  <si>
    <t>POINT (4.668897391092468 51.78083994445885)</t>
  </si>
  <si>
    <t>POINT (4.673920336510129 51.78766006003059)</t>
  </si>
  <si>
    <t>POINT (4.629691749376807 51.72418581616659)</t>
  </si>
  <si>
    <t>POINT (4.717025549754017 51.799200628985126)</t>
  </si>
  <si>
    <t>POINT (4.686675968531104 51.80658170714489)</t>
  </si>
  <si>
    <t>POINT (4.716131844475452 51.80790995131927)</t>
  </si>
  <si>
    <t>POINT (4.730909486370676 51.79130467324665)</t>
  </si>
  <si>
    <t>3315WH</t>
  </si>
  <si>
    <t>POINT (4.705316949298689 51.80830624215671)</t>
  </si>
  <si>
    <t>3328CC</t>
  </si>
  <si>
    <t>POINT (4.673257019998909 51.77499875065906)</t>
  </si>
  <si>
    <t>3329AB</t>
  </si>
  <si>
    <t>POINT (4.70678599180474 51.78642844051627)</t>
  </si>
  <si>
    <t>POINT (4.668147691482546 51.791871565133896)</t>
  </si>
  <si>
    <t>POINT (4.660932694471912 51.81628919845694)</t>
  </si>
  <si>
    <t>POINT (4.680231938244812 51.777824039425326)</t>
  </si>
  <si>
    <t>POINT (4.674916455804124 51.78493335954764)</t>
  </si>
  <si>
    <t>POINT (4.6428530223510185 51.769861742355054)</t>
  </si>
  <si>
    <t>POINT (4.654150673566226 51.78863535601267)</t>
  </si>
  <si>
    <t>POINT (4.730471730037192 51.79520052767272)</t>
  </si>
  <si>
    <t>POINT (4.693391398338567 51.79536985168356)</t>
  </si>
  <si>
    <t>3317HN</t>
  </si>
  <si>
    <t>Petunia</t>
  </si>
  <si>
    <t>POINT (4.6702886529153576 51.796742032715436)</t>
  </si>
  <si>
    <t>POINT (4.6919527732786195 51.81166523942779)</t>
  </si>
  <si>
    <t>POINT (4.666574290133532 51.812491392874925)</t>
  </si>
  <si>
    <t>POINT (4.698611567443356 51.79688228041727)</t>
  </si>
  <si>
    <t>POINT (4.681437237600684 51.80954771320764)</t>
  </si>
  <si>
    <t>POINT (4.730174952425731 51.79116745789889)</t>
  </si>
  <si>
    <t>POINT (4.682016553298721 51.78908951046261)</t>
  </si>
  <si>
    <t>POINT (4.661018955716263 51.800879517886145)</t>
  </si>
  <si>
    <t>POINT (4.710936120913471 51.795679617658294)</t>
  </si>
  <si>
    <t>POINT (4.651919589198892 51.784710985969)</t>
  </si>
  <si>
    <t>POINT (4.661516005553326 51.81285044780493)</t>
  </si>
  <si>
    <t>POINT (4.683550408935078 51.812034192226974)</t>
  </si>
  <si>
    <t>3314XH</t>
  </si>
  <si>
    <t>POINT (4.657458199155856 51.801005945781014)</t>
  </si>
  <si>
    <t>POINT (4.686245481008489 51.7798004593321)</t>
  </si>
  <si>
    <t>POINT (4.677552940147731 51.781101169057216)</t>
  </si>
  <si>
    <t>3314GP</t>
  </si>
  <si>
    <t>POINT (4.664938186176493 51.798821991011884)</t>
  </si>
  <si>
    <t>POINT (4.708230977604687 51.81211179061455)</t>
  </si>
  <si>
    <t>3318JP</t>
  </si>
  <si>
    <t>POINT (4.675887215551871 51.78556737150092)</t>
  </si>
  <si>
    <t>POINT (4.700976398597116 51.7962982368548)</t>
  </si>
  <si>
    <t>POINT (4.696917595388776 51.796513318639)</t>
  </si>
  <si>
    <t>POINT (4.667722605567295 51.77951400147595)</t>
  </si>
  <si>
    <t>3317DG</t>
  </si>
  <si>
    <t>Mariken Jansdochterhof</t>
  </si>
  <si>
    <t>POINT (4.6541037036704624 51.78286720962241)</t>
  </si>
  <si>
    <t>POINT (4.695226597359726 51.786506942413546)</t>
  </si>
  <si>
    <t>POINT (4.728120148097721 51.80244153508478)</t>
  </si>
  <si>
    <t>POINT (4.666645393749359 51.81266736039166)</t>
  </si>
  <si>
    <t>POINT (4.675488767080526 51.78020694246335)</t>
  </si>
  <si>
    <t>POINT (4.66026560571895 51.80450429871561)</t>
  </si>
  <si>
    <t>3314VL</t>
  </si>
  <si>
    <t>Mauvestraat</t>
  </si>
  <si>
    <t>POINT (4.658233121469386 51.79925175550992)</t>
  </si>
  <si>
    <t>POINT (4.654583758053357 51.81200058633687)</t>
  </si>
  <si>
    <t>POINT (4.6332995507298165 51.77520453566864)</t>
  </si>
  <si>
    <t>POINT (4.697295989986892 51.79859074025927)</t>
  </si>
  <si>
    <t>3315CL</t>
  </si>
  <si>
    <t>POINT (4.7318630772483745 51.80150356476372)</t>
  </si>
  <si>
    <t>POINT (4.647731965924316 51.79267878819411)</t>
  </si>
  <si>
    <t>3311ZG</t>
  </si>
  <si>
    <t>POINT (4.675034865601132 51.81279381703334)</t>
  </si>
  <si>
    <t>POINT (4.664341018628661 51.802544423066195)</t>
  </si>
  <si>
    <t>POINT (4.717124914337878 51.801307551755606)</t>
  </si>
  <si>
    <t>POINT (4.725460806666631 51.805601786233865)</t>
  </si>
  <si>
    <t>POINT (4.654927358934799 51.78967754031513)</t>
  </si>
  <si>
    <t>POINT (4.6841085410528525 51.81192687806694)</t>
  </si>
  <si>
    <t>POINT (4.6550892744378425 51.799246202617695)</t>
  </si>
  <si>
    <t>POINT (4.678583915779543 51.77533933288389)</t>
  </si>
  <si>
    <t>3316KJ</t>
  </si>
  <si>
    <t>Smaragd</t>
  </si>
  <si>
    <t>POINT (4.668858281947805 51.812222387593245)</t>
  </si>
  <si>
    <t>POINT (4.675005856375018 51.813105368086525)</t>
  </si>
  <si>
    <t>POINT (4.714301084168654 51.80506732496454)</t>
  </si>
  <si>
    <t>POINT (4.698349763795512 51.79657037384062)</t>
  </si>
  <si>
    <t>POINT (4.683099958020338 51.818268605904606)</t>
  </si>
  <si>
    <t>POINT (4.700726386384663 51.796828103351864)</t>
  </si>
  <si>
    <t>POINT (4.673883435596633 51.78207876923055)</t>
  </si>
  <si>
    <t>POINT (4.659375741369353 51.80308212828765)</t>
  </si>
  <si>
    <t>POINT (4.693919173347856 51.81125096337706)</t>
  </si>
  <si>
    <t>POINT (4.678480525768594 51.78469624357645)</t>
  </si>
  <si>
    <t>POINT (4.675027016606443 51.807200189557946)</t>
  </si>
  <si>
    <t>POINT (4.7174721891441145 51.79852694509891)</t>
  </si>
  <si>
    <t>POINT (4.66995359750289 51.7899083874763)</t>
  </si>
  <si>
    <t>POINT (4.675053305561662 51.81642524333806)</t>
  </si>
  <si>
    <t>3311LX</t>
  </si>
  <si>
    <t>POINT (4.673232711067506 51.8074483665027)</t>
  </si>
  <si>
    <t>POINT (4.683223750735491 51.80162388314612)</t>
  </si>
  <si>
    <t>POINT (4.676720499227047 51.78640784001438)</t>
  </si>
  <si>
    <t>POINT (4.662134788793797 51.80993431682901)</t>
  </si>
  <si>
    <t>POINT (4.67098845376988 51.77383545145691)</t>
  </si>
  <si>
    <t>POINT (4.661388478069778 51.81335381633092)</t>
  </si>
  <si>
    <t>POINT (4.669340285630276 51.817208334190546)</t>
  </si>
  <si>
    <t>POINT (4.718887148755344 51.802242327404166)</t>
  </si>
  <si>
    <t>POINT (4.668555551441063 51.80202635258679)</t>
  </si>
  <si>
    <t>POINT (4.669089081349462 51.79096656954661)</t>
  </si>
  <si>
    <t>POINT (4.679121188324213 51.81429916632287)</t>
  </si>
  <si>
    <t>POINT (4.705455025690198 51.79788531785845)</t>
  </si>
  <si>
    <t>POINT (4.666249362886967 51.77566088639089)</t>
  </si>
  <si>
    <t>3317JA</t>
  </si>
  <si>
    <t>Cosmea</t>
  </si>
  <si>
    <t>POINT (4.6724804652931935 51.79315011314752)</t>
  </si>
  <si>
    <t>POINT (4.6810447614749835 51.773476092991615)</t>
  </si>
  <si>
    <t>POINT (4.681756242619317 51.77346967813422)</t>
  </si>
  <si>
    <t>POINT (4.6576133869404455 51.78731474884874)</t>
  </si>
  <si>
    <t>POINT (4.628756307057976 51.7244464095059)</t>
  </si>
  <si>
    <t>POINT (4.681938313947759 51.78705235556336)</t>
  </si>
  <si>
    <t>3314BH</t>
  </si>
  <si>
    <t>Van Baerleplantsoen</t>
  </si>
  <si>
    <t>POINT (4.6626782357521845 51.80611752666509)</t>
  </si>
  <si>
    <t>POINT (4.658653453428097 51.80656248115873)</t>
  </si>
  <si>
    <t>POINT (4.652073812071504 51.7933748358958)</t>
  </si>
  <si>
    <t>POINT (4.72757362116267 51.800734837986795)</t>
  </si>
  <si>
    <t>POINT (4.67198388387949 51.77635600155443)</t>
  </si>
  <si>
    <t>POINT (4.650283876747722 51.794538313890826)</t>
  </si>
  <si>
    <t>3328BB</t>
  </si>
  <si>
    <t>POINT (4.666369751628533 51.773112003500984)</t>
  </si>
  <si>
    <t>POINT (4.72511115428835 51.80480055314294)</t>
  </si>
  <si>
    <t>POINT (4.707252929671314 51.80637752748472)</t>
  </si>
  <si>
    <t>POINT (4.675783263408764 51.78483152844338)</t>
  </si>
  <si>
    <t>POINT (4.683831232539556 51.809987385843094)</t>
  </si>
  <si>
    <t>POINT (4.673435838307011 51.81758721590607)</t>
  </si>
  <si>
    <t>POINT (4.663942506884178 51.815555937114084)</t>
  </si>
  <si>
    <t>POINT (4.664677330797851 51.7795635152374)</t>
  </si>
  <si>
    <t>POINT (4.655368573290811 51.80059966597145)</t>
  </si>
  <si>
    <t>POINT (4.660437664541683 51.7881187117857)</t>
  </si>
  <si>
    <t>POINT (4.682893065630008 51.77480724331288)</t>
  </si>
  <si>
    <t>POINT (4.645933120603589 51.78199453245031)</t>
  </si>
  <si>
    <t>POINT (4.705958388159633 51.79520098209713)</t>
  </si>
  <si>
    <t>POINT (4.6722885386195205 51.782763077203455)</t>
  </si>
  <si>
    <t>POINT (4.724789047644154 51.79710721627793)</t>
  </si>
  <si>
    <t>POINT (4.7073725360870275 51.80649793134588)</t>
  </si>
  <si>
    <t>POINT (4.72377449449483 51.80592890680008)</t>
  </si>
  <si>
    <t>POINT (4.666567955588416 51.800999123177284)</t>
  </si>
  <si>
    <t>POINT (4.653493959947541 51.79013419028565)</t>
  </si>
  <si>
    <t>POINT (4.628037381639007 51.72368836717136)</t>
  </si>
  <si>
    <t>POINT (4.665659147453786 51.79960571077297)</t>
  </si>
  <si>
    <t>POINT (4.651018404761187 51.793483345157874)</t>
  </si>
  <si>
    <t>POINT (4.672832161391488 51.78858858659204)</t>
  </si>
  <si>
    <t>POINT (4.712625939340597 51.80906849460938)</t>
  </si>
  <si>
    <t>POINT (4.733009991780098 51.79697044179418)</t>
  </si>
  <si>
    <t>POINT (4.677619437721492 51.7889009204844)</t>
  </si>
  <si>
    <t>POINT (4.660529519010645 51.78725445013185)</t>
  </si>
  <si>
    <t>POINT (4.676144059774031 51.818359530246425)</t>
  </si>
  <si>
    <t>POINT (4.661692583224841 51.802538656530565)</t>
  </si>
  <si>
    <t>POINT (4.71661846536247 51.795333892234254)</t>
  </si>
  <si>
    <t>POINT (4.6348329780982525 51.77579455216708)</t>
  </si>
  <si>
    <t>POINT (4.703697379471375 51.79184203374526)</t>
  </si>
  <si>
    <t>POINT (4.708352095461706 51.804371772910585)</t>
  </si>
  <si>
    <t>POINT (4.663033738251412 51.794116910870656)</t>
  </si>
  <si>
    <t>POINT (4.681910851008691 51.77513270942574)</t>
  </si>
  <si>
    <t>POINT (4.686318317237899 51.77830362943703)</t>
  </si>
  <si>
    <t>POINT (4.6569465264709775 51.79962990923563)</t>
  </si>
  <si>
    <t>POINT (4.660123800598076 51.79669209015723)</t>
  </si>
  <si>
    <t>POINT (4.688979147962565 51.81943971138867)</t>
  </si>
  <si>
    <t>POINT (4.714759441176695 51.8154420175268)</t>
  </si>
  <si>
    <t>3329LG</t>
  </si>
  <si>
    <t>Bovenweg</t>
  </si>
  <si>
    <t>POINT (4.6781308134702995 51.770209515366325)</t>
  </si>
  <si>
    <t>POINT (4.680876878252635 51.801673715256314)</t>
  </si>
  <si>
    <t>POINT (4.662273057462631 51.798841976381176)</t>
  </si>
  <si>
    <t>3312PK</t>
  </si>
  <si>
    <t>3312PK-3312PL</t>
  </si>
  <si>
    <t>POINT (4.680818855845794 51.803606479768284)</t>
  </si>
  <si>
    <t>POINT (4.660143553324509 51.809993438478415)</t>
  </si>
  <si>
    <t>POINT (4.662968613606428 51.794481324255436)</t>
  </si>
  <si>
    <t>POINT (4.630686286284942 51.78404645663786)</t>
  </si>
  <si>
    <t>POINT (4.6720574747559205 51.818049543465584)</t>
  </si>
  <si>
    <t>POINT (4.678196904143183 51.77369012787458)</t>
  </si>
  <si>
    <t>3312EP</t>
  </si>
  <si>
    <t>Oranje Vrijstaatplein</t>
  </si>
  <si>
    <t>POINT (4.677219595440077 51.8069553305103)</t>
  </si>
  <si>
    <t>POINT (4.664237922169826 51.81746998134302)</t>
  </si>
  <si>
    <t>POINT (4.667204113658719 51.80096139306167)</t>
  </si>
  <si>
    <t>POINT (4.6675948079883645 51.77123741466889)</t>
  </si>
  <si>
    <t>POINT (4.678832082900154 51.77572994411719)</t>
  </si>
  <si>
    <t>POINT (4.6985371211410465 51.796311018069005)</t>
  </si>
  <si>
    <t>POINT (4.672885603199588 51.79288832204696)</t>
  </si>
  <si>
    <t>POINT (4.666534822990201 51.81685744486811)</t>
  </si>
  <si>
    <t>POINT (4.664191954741679 51.813018567995165)</t>
  </si>
  <si>
    <t>POINT (4.661205105680519 51.804771551518904)</t>
  </si>
  <si>
    <t>POINT (4.673394248784074 51.81757490016871)</t>
  </si>
  <si>
    <t>POINT (4.670480422662596 51.81564673454779)</t>
  </si>
  <si>
    <t>POINT (4.6353766121181295 51.77407779041266)</t>
  </si>
  <si>
    <t>POINT (4.7279305051092875 51.801034277904236)</t>
  </si>
  <si>
    <t>POINT (4.71095528635529 51.81417053131297)</t>
  </si>
  <si>
    <t>POINT (4.667091790632149 51.794194168031915)</t>
  </si>
  <si>
    <t>POINT (4.682571222952432 51.80258161076319)</t>
  </si>
  <si>
    <t>3311KR</t>
  </si>
  <si>
    <t>3311KN-3311KR</t>
  </si>
  <si>
    <t>POINT (4.671443696021295 51.80918988245791)</t>
  </si>
  <si>
    <t>POINT (4.67757182516288 51.78179956158445)</t>
  </si>
  <si>
    <t>POINT (4.679372228973785 51.816969280334405)</t>
  </si>
  <si>
    <t>POINT (4.7105131260881095 51.79557653267797)</t>
  </si>
  <si>
    <t>POINT (4.650863035327961 51.78932037084035)</t>
  </si>
  <si>
    <t>POINT (4.641664797320696 51.77617270384979)</t>
  </si>
  <si>
    <t>POINT (4.681246786809461 51.786869320967654)</t>
  </si>
  <si>
    <t>POINT (4.667398614942161 51.78835349493733)</t>
  </si>
  <si>
    <t>POINT (4.669037259064733 51.79068084314485)</t>
  </si>
  <si>
    <t>POINT (4.735720147790057 51.80145107635404)</t>
  </si>
  <si>
    <t>POINT (4.655828667719625 51.792302886611665)</t>
  </si>
  <si>
    <t>POINT (4.675944801456681 51.80692082414274)</t>
  </si>
  <si>
    <t>POINT (4.675412765670426 51.78060436626744)</t>
  </si>
  <si>
    <t>POINT (4.676141941440474 51.80812926096862)</t>
  </si>
  <si>
    <t>POINT (4.6592529128712155 51.81347562568004)</t>
  </si>
  <si>
    <t>POINT (4.677506267859921 51.80840690188108)</t>
  </si>
  <si>
    <t>POINT (4.6517259884185655 51.80296412662168)</t>
  </si>
  <si>
    <t>3329LA</t>
  </si>
  <si>
    <t>Zuidbuitenpoldersekade</t>
  </si>
  <si>
    <t>POINT (4.690166427696067 51.76898506495194)</t>
  </si>
  <si>
    <t>POINT (4.71306341923029 51.79300554564699)</t>
  </si>
  <si>
    <t>POINT (4.6823006423263624 51.78055542826891)</t>
  </si>
  <si>
    <t>POINT (4.688709865200854 51.79020629142601)</t>
  </si>
  <si>
    <t>POINT (4.671516211854977 51.77899223405084)</t>
  </si>
  <si>
    <t>POINT (4.682871126099101 51.811449970768514)</t>
  </si>
  <si>
    <t>POINT (4.721450343730199 51.81284291745322)</t>
  </si>
  <si>
    <t>POINT (4.675892907906341 51.818109858282455)</t>
  </si>
  <si>
    <t>POINT (4.722354999752154 51.800048017084166)</t>
  </si>
  <si>
    <t>POINT (4.682604803535519 51.775747716774134)</t>
  </si>
  <si>
    <t>POINT (4.6597352199445625 51.80317685125155)</t>
  </si>
  <si>
    <t>POINT (4.690514426234071 51.80582937729662)</t>
  </si>
  <si>
    <t>POINT (4.651031625636104 51.79281711288333)</t>
  </si>
  <si>
    <t>POINT (4.685451105818097 51.787873685370045)</t>
  </si>
  <si>
    <t>3314JT</t>
  </si>
  <si>
    <t>Saksen-Weimarstraat</t>
  </si>
  <si>
    <t>POINT (4.6728851880539635 51.8040201351514)</t>
  </si>
  <si>
    <t>POINT (4.6740046731651645 51.77651946116332)</t>
  </si>
  <si>
    <t>POINT (4.6586377610159735 51.802778134821345)</t>
  </si>
  <si>
    <t>POINT (4.6554388958869755 51.810436928168)</t>
  </si>
  <si>
    <t>POINT (4.731066107545288 51.80046525564375)</t>
  </si>
  <si>
    <t>POINT (4.730028984009251 51.801326037087286)</t>
  </si>
  <si>
    <t>POINT (4.648037379719434 51.79209443294445)</t>
  </si>
  <si>
    <t>POINT (4.6798670322954745 51.7747989110378)</t>
  </si>
  <si>
    <t>POINT (4.721211965001803 51.81261688501411)</t>
  </si>
  <si>
    <t>POINT (4.68667707687354 51.78118857318082)</t>
  </si>
  <si>
    <t>POINT (4.72886980785982 51.800469078826346)</t>
  </si>
  <si>
    <t>POINT (4.6867443287862605 51.77791833004561)</t>
  </si>
  <si>
    <t>POINT (4.673627414428932 51.80727747468151)</t>
  </si>
  <si>
    <t>POINT (4.665026265972885 51.77972924079417)</t>
  </si>
  <si>
    <t>POINT (4.672044860702494 51.80446276067872)</t>
  </si>
  <si>
    <t>POINT (4.63043726828984 51.72159232154016)</t>
  </si>
  <si>
    <t>POINT (4.66901772387007 51.790867257033014)</t>
  </si>
  <si>
    <t>POINT (4.6859874092138885 51.80837115719401)</t>
  </si>
  <si>
    <t>POINT (4.664801354880654 51.81566247541391)</t>
  </si>
  <si>
    <t>POINT (4.714924105384723 51.81500534017665)</t>
  </si>
  <si>
    <t>POINT (4.717059291451538 51.803554923133554)</t>
  </si>
  <si>
    <t>POINT (4.662415503255993 51.79166995476699)</t>
  </si>
  <si>
    <t>POINT (4.67391417792081 51.814106844217605)</t>
  </si>
  <si>
    <t>POINT (4.684369671336168 51.785428507498104)</t>
  </si>
  <si>
    <t>POINT (4.669456289292681 51.80436364794788)</t>
  </si>
  <si>
    <t>POINT (4.66893973841516 51.79919840962699)</t>
  </si>
  <si>
    <t>POINT (4.721213952318743 51.80253004344921)</t>
  </si>
  <si>
    <t>POINT (4.678082811612818 51.78790728977296)</t>
  </si>
  <si>
    <t>POINT (4.665539385140977 51.78686469732776)</t>
  </si>
  <si>
    <t>POINT (4.6743787466237725 51.816387943962425)</t>
  </si>
  <si>
    <t>POINT (4.655316881322231 51.791839958336894)</t>
  </si>
  <si>
    <t>POINT (4.704203106417912 51.7957354898402)</t>
  </si>
  <si>
    <t>POINT (4.712253725639544 51.79795058493722)</t>
  </si>
  <si>
    <t>POINT (4.669403942719649 51.77839948262089)</t>
  </si>
  <si>
    <t>POINT (4.715887549732805 51.81510513701198)</t>
  </si>
  <si>
    <t>POINT (4.670732427338586 51.793311386415795)</t>
  </si>
  <si>
    <t>POINT (4.668006244483735 51.79443209031418)</t>
  </si>
  <si>
    <t>POINT (4.6818860023196756 51.80823747240084)</t>
  </si>
  <si>
    <t>POINT (4.685457014033109 51.78480535056332)</t>
  </si>
  <si>
    <t>POINT (4.664531930076083 51.81774991969261)</t>
  </si>
  <si>
    <t>POINT (4.656703546220318 51.7993505289623)</t>
  </si>
  <si>
    <t>POINT (4.719103460368208 51.79686556968048)</t>
  </si>
  <si>
    <t>POINT (4.696355704070848 51.818097031132865)</t>
  </si>
  <si>
    <t>POINT (4.6819993715502095 51.7891177125608)</t>
  </si>
  <si>
    <t>POINT (4.698654062130818 51.79593515111136)</t>
  </si>
  <si>
    <t>POINT (4.6598875826076736 51.809258860773895)</t>
  </si>
  <si>
    <t>POINT (4.665353959918459 51.80918891192396)</t>
  </si>
  <si>
    <t>POINT (4.658310638432277 51.81129561161934)</t>
  </si>
  <si>
    <t>POINT (4.674709518450236 51.78255291039249)</t>
  </si>
  <si>
    <t>POINT (4.673563369581005 51.78247244219233)</t>
  </si>
  <si>
    <t>POINT (4.667915835936127 51.77281740759177)</t>
  </si>
  <si>
    <t>POINT (4.684495869672088 51.81259187828199)</t>
  </si>
  <si>
    <t>POINT (4.668300850632439 51.78239397009183)</t>
  </si>
  <si>
    <t>POINT (4.658367544543012 51.79844423685753)</t>
  </si>
  <si>
    <t>POINT (4.667983839991195 51.811705126404426)</t>
  </si>
  <si>
    <t>POINT (4.672153124278774 51.81915509413228)</t>
  </si>
  <si>
    <t>3314WD</t>
  </si>
  <si>
    <t>POINT (4.653675442177436 51.802421152030675)</t>
  </si>
  <si>
    <t>POINT (4.6838935714888645 51.812392443153826)</t>
  </si>
  <si>
    <t>POINT (4.680353227297032 51.773707629065456)</t>
  </si>
  <si>
    <t>3329KN</t>
  </si>
  <si>
    <t>POINT (4.724402542248103 51.79423267477771)</t>
  </si>
  <si>
    <t>POINT (4.673717630262673 51.805040768020184)</t>
  </si>
  <si>
    <t>POINT (4.663592629047985 51.792313217007596)</t>
  </si>
  <si>
    <t>POINT (4.679108190303175 51.813835892941164)</t>
  </si>
  <si>
    <t>POINT (4.670211350406736 51.80962007190861)</t>
  </si>
  <si>
    <t>POINT (4.720151651746074 51.80090604388855)</t>
  </si>
  <si>
    <t>POINT (4.710051710298051 51.79351072997094)</t>
  </si>
  <si>
    <t>POINT (4.6679765153850115 51.777105702848935)</t>
  </si>
  <si>
    <t>POINT (4.675121515057219 51.77976946240954)</t>
  </si>
  <si>
    <t>POINT (4.6981146718037685 51.79599051850463)</t>
  </si>
  <si>
    <t>POINT (4.667773148083192 51.78202303356052)</t>
  </si>
  <si>
    <t>POINT (4.658560880760017 51.80104399856898)</t>
  </si>
  <si>
    <t>POINT (4.682405752279119 51.80000696101029)</t>
  </si>
  <si>
    <t>POINT (4.669725746315948 51.77636018698378)</t>
  </si>
  <si>
    <t>POINT (4.716662051907079 51.812990934334216)</t>
  </si>
  <si>
    <t>POINT (4.672948397646944 51.816227464834654)</t>
  </si>
  <si>
    <t>POINT (4.655096347625564 51.79475907651679)</t>
  </si>
  <si>
    <t>POINT (4.668723209639574 51.81280497074605)</t>
  </si>
  <si>
    <t>POINT (4.725371189018362 51.79850480230874)</t>
  </si>
  <si>
    <t>POINT (4.710024742255051 51.795411514415285)</t>
  </si>
  <si>
    <t>POINT (4.680232928819381 51.778005940783366)</t>
  </si>
  <si>
    <t>POINT (4.73169124165786 51.79506960569362)</t>
  </si>
  <si>
    <t>POINT (4.690830167419368 51.80885205370702)</t>
  </si>
  <si>
    <t>POINT (4.683768731574553 51.81222474844572)</t>
  </si>
  <si>
    <t>POINT (4.6789752985280915 51.78168793703552)</t>
  </si>
  <si>
    <t>POINT (4.659899293229143 51.809287103903024)</t>
  </si>
  <si>
    <t>POINT (4.723148638578846 51.798998233187056)</t>
  </si>
  <si>
    <t>POINT (4.7284858807426 51.796290432048195)</t>
  </si>
  <si>
    <t>POINT (4.653995834395775 51.802883007460466)</t>
  </si>
  <si>
    <t>POINT (4.680264272552354 51.803388957595125)</t>
  </si>
  <si>
    <t>POINT (4.7353814111009225 51.799847033791735)</t>
  </si>
  <si>
    <t>POINT (4.724019698378654 51.80640511768118)</t>
  </si>
  <si>
    <t>3317JL</t>
  </si>
  <si>
    <t>POINT (4.668517758986185 51.79271109405305)</t>
  </si>
  <si>
    <t>3315PT</t>
  </si>
  <si>
    <t>POINT (4.707824398774067 51.81038108279685)</t>
  </si>
  <si>
    <t>POINT (4.661071092507813 51.78982914953772)</t>
  </si>
  <si>
    <t>POINT (4.6644930321023645 51.817782452872976)</t>
  </si>
  <si>
    <t>POINT (4.678903147390415 51.80886565632058)</t>
  </si>
  <si>
    <t>POINT (4.667409124083567 51.79889613292106)</t>
  </si>
  <si>
    <t>POINT (4.673907814375466 51.77496300731429)</t>
  </si>
  <si>
    <t>POINT (4.661350395353416 51.78932601834308)</t>
  </si>
  <si>
    <t>3314AM</t>
  </si>
  <si>
    <t>Marnixstraat</t>
  </si>
  <si>
    <t>POINT (4.658582488626348 51.807363957609546)</t>
  </si>
  <si>
    <t>POINT (4.668788077301203 51.802506055604546)</t>
  </si>
  <si>
    <t>POINT (4.68316932699183 51.81240980804745)</t>
  </si>
  <si>
    <t>POINT (4.667034651506 51.802344674122146)</t>
  </si>
  <si>
    <t>POINT (4.701685528595422 51.78923937323097)</t>
  </si>
  <si>
    <t>POINT (4.727408310459694 51.80227820189401)</t>
  </si>
  <si>
    <t>POINT (4.666326286076201 51.81285376733679)</t>
  </si>
  <si>
    <t>POINT (4.66127127542693 51.801098749515205)</t>
  </si>
  <si>
    <t>POINT (4.732413548302735 51.80259890105047)</t>
  </si>
  <si>
    <t>POINT (4.667166899670205 51.81619668404072)</t>
  </si>
  <si>
    <t>POINT (4.6757584127476015 51.774050666691416)</t>
  </si>
  <si>
    <t>POINT (4.667444442428346 51.78914319093586)</t>
  </si>
  <si>
    <t>POINT (4.669025097821923 51.772818893212495)</t>
  </si>
  <si>
    <t>POINT (4.726355770583745 51.800185996949835)</t>
  </si>
  <si>
    <t>POINT (4.660309210405598 51.81369045896225)</t>
  </si>
  <si>
    <t>POINT (4.663873492177429 51.81264423145172)</t>
  </si>
  <si>
    <t>POINT (4.688109990691854 51.81425776835082)</t>
  </si>
  <si>
    <t>POINT (4.682541008583723 51.78055020293217)</t>
  </si>
  <si>
    <t>POINT (4.691538218841128 51.81852597114657)</t>
  </si>
  <si>
    <t>POINT (4.6768574814630215 51.77327283893401)</t>
  </si>
  <si>
    <t>POINT (4.658568864095539 51.81254213026337)</t>
  </si>
  <si>
    <t>POINT (4.68042894570311 51.78062078471457)</t>
  </si>
  <si>
    <t>POINT (4.7301458521535364 51.79703988297686)</t>
  </si>
  <si>
    <t>POINT (4.72261516211533 51.802885579011736)</t>
  </si>
  <si>
    <t>POINT (4.682421535326167 51.818327849958614)</t>
  </si>
  <si>
    <t>POINT (4.668662390866238 51.77491782898649)</t>
  </si>
  <si>
    <t>POINT (4.681407973021821 51.813528438000766)</t>
  </si>
  <si>
    <t>POINT (4.685951218962681 51.78766382391695)</t>
  </si>
  <si>
    <t>POINT (4.679482523138437 51.80319938388298)</t>
  </si>
  <si>
    <t>3328XK</t>
  </si>
  <si>
    <t>POINT (4.679000504848402 51.781779045880334)</t>
  </si>
  <si>
    <t>POINT (4.716718372954813 51.80448175441301)</t>
  </si>
  <si>
    <t>POINT (4.633607097747589 51.77889452181252)</t>
  </si>
  <si>
    <t>POINT (4.655638691757204 51.801776461180125)</t>
  </si>
  <si>
    <t>POINT (4.673662110528406 51.78824314148977)</t>
  </si>
  <si>
    <t>POINT (4.669517874444015 51.81694263656323)</t>
  </si>
  <si>
    <t>POINT (4.676032273317147 51.808616618489125)</t>
  </si>
  <si>
    <t>POINT (4.66775671401202 51.81077464636376)</t>
  </si>
  <si>
    <t>POINT (4.6667711347896805 51.777595273112624)</t>
  </si>
  <si>
    <t>POINT (4.6964590604087615 51.79294092159746)</t>
  </si>
  <si>
    <t>POINT (4.654073535102548 51.80367131647194)</t>
  </si>
  <si>
    <t>POINT (4.67570048935089 51.77396942590423)</t>
  </si>
  <si>
    <t>POINT (4.668551984969864 51.80803762140175)</t>
  </si>
  <si>
    <t>POINT (4.657605266235084 51.78751308820697)</t>
  </si>
  <si>
    <t>POINT (4.679318064272168 51.81407806432916)</t>
  </si>
  <si>
    <t>POINT (4.677459369402136 51.80337526967405)</t>
  </si>
  <si>
    <t>POINT (4.680497186594552 51.77843688765865)</t>
  </si>
  <si>
    <t>POINT (4.657170671796641 51.796960113774574)</t>
  </si>
  <si>
    <t>POINT (4.66545202411728 51.81240330120475)</t>
  </si>
  <si>
    <t>117A</t>
  </si>
  <si>
    <t>POINT (4.6314757443988155 51.721496227361285)</t>
  </si>
  <si>
    <t>POINT (4.661082826812022 51.80378137363297)</t>
  </si>
  <si>
    <t>POINT (4.667147389399939 51.80815553549419)</t>
  </si>
  <si>
    <t>POINT (4.671977377403676 51.80599243866874)</t>
  </si>
  <si>
    <t>POINT (4.693299190716117 51.7964712368235)</t>
  </si>
  <si>
    <t>POINT (4.698679897873534 51.81777962840089)</t>
  </si>
  <si>
    <t>POINT (4.632192628586436 51.78137996279802)</t>
  </si>
  <si>
    <t>POINT (4.656277906792858 51.79712497205435)</t>
  </si>
  <si>
    <t>POINT (4.649979218794769 51.793445152217565)</t>
  </si>
  <si>
    <t>POINT (4.684394629983511 51.803589219819926)</t>
  </si>
  <si>
    <t>POINT (4.69788049657339 51.7932612429917)</t>
  </si>
  <si>
    <t>POINT (4.692791285807053 51.8160016977676)</t>
  </si>
  <si>
    <t>POINT (4.653399548601672 51.80172428574538)</t>
  </si>
  <si>
    <t>POINT (4.660909476572194 51.80247774923393)</t>
  </si>
  <si>
    <t>POINT (4.666857427265553 51.80346256105232)</t>
  </si>
  <si>
    <t>POINT (4.702147022725708 51.800000173904195)</t>
  </si>
  <si>
    <t>POINT (4.683728071337657 51.81218926015982)</t>
  </si>
  <si>
    <t>POINT (4.667875847494789 51.79109526149638)</t>
  </si>
  <si>
    <t>3328WH</t>
  </si>
  <si>
    <t>POINT (4.675870762070722 51.775001454776486)</t>
  </si>
  <si>
    <t>POINT (4.68228898396855 51.81927122258155)</t>
  </si>
  <si>
    <t>POINT (4.643802612614076 51.7657036401763)</t>
  </si>
  <si>
    <t>POINT (4.706275463741995 51.79493886169878)</t>
  </si>
  <si>
    <t>POINT (4.711421669645543 51.805400615567606)</t>
  </si>
  <si>
    <t>POINT (4.666974792540974 51.77122138396964)</t>
  </si>
  <si>
    <t>POINT (4.667490951231692 51.78834475817124)</t>
  </si>
  <si>
    <t>POINT (4.678642431662765 51.81628321216621)</t>
  </si>
  <si>
    <t>POINT (4.672645123241352 51.782580837737136)</t>
  </si>
  <si>
    <t>POINT (4.656685133683631 51.799725602677086)</t>
  </si>
  <si>
    <t>POINT (4.684231265902647 51.78109783327562)</t>
  </si>
  <si>
    <t>3319HC</t>
  </si>
  <si>
    <t>Damplein</t>
  </si>
  <si>
    <t>POINT (4.704782117620644 51.794633846605215)</t>
  </si>
  <si>
    <t>POINT (4.664346570675772 51.81419740598059)</t>
  </si>
  <si>
    <t>POINT (4.722658919294689 51.80470487625014)</t>
  </si>
  <si>
    <t>POINT (4.678506056863537 51.78631323060439)</t>
  </si>
  <si>
    <t>3328JM</t>
  </si>
  <si>
    <t>POINT (4.665814718282545 51.776663673669134)</t>
  </si>
  <si>
    <t>POINT (4.666544299410013 51.77865059279416)</t>
  </si>
  <si>
    <t>POINT (4.708823925327869 51.79403894779176)</t>
  </si>
  <si>
    <t>POINT (4.68587714213411 51.79179993838625)</t>
  </si>
  <si>
    <t>POINT (4.668425786363703 51.78889728159153)</t>
  </si>
  <si>
    <t>POINT (4.710131976831814 51.80950613455226)</t>
  </si>
  <si>
    <t>POINT (4.713814580656144 51.810187684013606)</t>
  </si>
  <si>
    <t>POINT (4.669535921542483 51.81910685911152)</t>
  </si>
  <si>
    <t>3312NZ</t>
  </si>
  <si>
    <t>POINT (4.6850371114223135 51.80331989157681)</t>
  </si>
  <si>
    <t>POINT (4.631657521079829 51.76967273720629)</t>
  </si>
  <si>
    <t>POINT (4.685922966546369 51.81154408538135)</t>
  </si>
  <si>
    <t>POINT (4.664356185110403 51.80251089879866)</t>
  </si>
  <si>
    <t>POINT (4.7244887003514195 51.79820357325235)</t>
  </si>
  <si>
    <t>276A</t>
  </si>
  <si>
    <t>POINT (4.630025581292565 51.72447271172804)</t>
  </si>
  <si>
    <t>POINT (4.667562577746842 51.81308370806151)</t>
  </si>
  <si>
    <t>POINT (4.678203848289575 51.81662325621468)</t>
  </si>
  <si>
    <t>POINT (4.708581118176427 51.808224302854676)</t>
  </si>
  <si>
    <t>POINT (4.686034740733146 51.80829177347071)</t>
  </si>
  <si>
    <t>POINT (4.659387143583655 51.80978086809751)</t>
  </si>
  <si>
    <t>POINT (4.675589100545808 51.813866965705024)</t>
  </si>
  <si>
    <t>POINT (4.663914326407629 51.81293730737603)</t>
  </si>
  <si>
    <t>POINT (4.708099215331918 51.8109381538286)</t>
  </si>
  <si>
    <t>POINT (4.669694554384074 51.80008331737191)</t>
  </si>
  <si>
    <t>POINT (4.670364435486891 51.79916884892234)</t>
  </si>
  <si>
    <t>POINT (4.669985146853229 51.8021046723801)</t>
  </si>
  <si>
    <t>POINT (4.7166141474349175 51.8007280568103)</t>
  </si>
  <si>
    <t>POINT (4.676885928374046 51.81488837539991)</t>
  </si>
  <si>
    <t>POINT (4.713438418158686 51.79300071568505)</t>
  </si>
  <si>
    <t>POINT (4.7102777113334975 51.8104130397227)</t>
  </si>
  <si>
    <t>POINT (4.668047095549062 51.77036001355339)</t>
  </si>
  <si>
    <t>POINT (4.6844888816871775 51.81019216862723)</t>
  </si>
  <si>
    <t>POINT (4.664867727751553 51.809370322708766)</t>
  </si>
  <si>
    <t>POINT (4.700895642913872 51.79956972850483)</t>
  </si>
  <si>
    <t>POINT (4.663572972642792 51.80331119715508)</t>
  </si>
  <si>
    <t>POINT (4.674622019002591 51.788554448191235)</t>
  </si>
  <si>
    <t>POINT (4.723990231825668 51.79749449171412)</t>
  </si>
  <si>
    <t>POINT (4.667559560306371 51.772747626817704)</t>
  </si>
  <si>
    <t>POINT (4.640932146384917 51.78424326227641)</t>
  </si>
  <si>
    <t>POINT (4.661037288501687 51.79185094963547)</t>
  </si>
  <si>
    <t>POINT (4.661475889350622 51.80452420392117)</t>
  </si>
  <si>
    <t>POINT (4.662990984912913 51.816360614152465)</t>
  </si>
  <si>
    <t>POINT (4.7101218111989605 51.79399074260682)</t>
  </si>
  <si>
    <t>3315KP</t>
  </si>
  <si>
    <t>POINT (4.719081480191428 51.803783189060916)</t>
  </si>
  <si>
    <t>POINT (4.657188152326336 51.801394914721875)</t>
  </si>
  <si>
    <t>POINT (4.699554417928874 51.79975348687056)</t>
  </si>
  <si>
    <t>POINT (4.701783410529739 51.8168643417351)</t>
  </si>
  <si>
    <t>POINT (4.681681664722308 51.786368957017416)</t>
  </si>
  <si>
    <t>POINT (4.676293987269168 51.80459875587533)</t>
  </si>
  <si>
    <t>POINT (4.659895894022118 51.78372099761132)</t>
  </si>
  <si>
    <t>3318RG</t>
  </si>
  <si>
    <t>POINT (4.686125635367748 51.78915546040953)</t>
  </si>
  <si>
    <t>POINT (4.720436705742557 51.803447423775715)</t>
  </si>
  <si>
    <t>POINT (4.704163789473979 51.80823230048554)</t>
  </si>
  <si>
    <t>POINT (4.667802074591664 51.7994280847703)</t>
  </si>
  <si>
    <t>POINT (4.670466774592567 51.789781808053185)</t>
  </si>
  <si>
    <t>POINT (4.66634925044772 51.81354441863102)</t>
  </si>
  <si>
    <t>POINT (4.669009023578566 51.81197594184944)</t>
  </si>
  <si>
    <t>POINT (4.699502985750086 51.79913602370442)</t>
  </si>
  <si>
    <t>POINT (4.658546675632429 51.79993555896578)</t>
  </si>
  <si>
    <t>POINT (4.6917414981603835 51.81037643405409)</t>
  </si>
  <si>
    <t>POINT (4.679954470051122 51.79980021240124)</t>
  </si>
  <si>
    <t>3312XD</t>
  </si>
  <si>
    <t>POINT (4.680248678700919 51.8089433695127)</t>
  </si>
  <si>
    <t>POINT (4.6793841082332746 51.77726745104893)</t>
  </si>
  <si>
    <t>3319HA</t>
  </si>
  <si>
    <t>Berkenlaan</t>
  </si>
  <si>
    <t>POINT (4.709133276535592 51.794920717173845)</t>
  </si>
  <si>
    <t>POINT (4.664478165577481 51.80063066761018)</t>
  </si>
  <si>
    <t>POINT (4.681613581553273 51.80309630024438)</t>
  </si>
  <si>
    <t>POINT (4.684557842113426 51.81022051833336)</t>
  </si>
  <si>
    <t>POINT (4.670354581469335 51.811348139286345)</t>
  </si>
  <si>
    <t>POINT (4.705383268328268 51.81535396945256)</t>
  </si>
  <si>
    <t>POINT (4.6926999063088175 51.81145445700336)</t>
  </si>
  <si>
    <t>POINT (4.662701781761499 51.78866172041795)</t>
  </si>
  <si>
    <t>POINT (4.680807045198751 51.79844560387549)</t>
  </si>
  <si>
    <t>POINT (4.653059378372002 51.79112122757676)</t>
  </si>
  <si>
    <t>POINT (4.642179542806749 51.768573720304865)</t>
  </si>
  <si>
    <t>POINT (4.724164301595862 51.8045326305957)</t>
  </si>
  <si>
    <t>POINT (4.677908322097124 51.807061157562515)</t>
  </si>
  <si>
    <t>POINT (4.711517088481675 51.81642537622331)</t>
  </si>
  <si>
    <t>POINT (4.678851139626496 51.81722132450532)</t>
  </si>
  <si>
    <t>POINT (4.683840465470326 51.80415625750707)</t>
  </si>
  <si>
    <t>POINT (4.728037726416032 51.792699781905775)</t>
  </si>
  <si>
    <t>POINT (4.734704011524732 51.7892597089406)</t>
  </si>
  <si>
    <t>POINT (4.6769617374723795 51.77679912937963)</t>
  </si>
  <si>
    <t>POINT (4.659478870897328 51.7815677710929)</t>
  </si>
  <si>
    <t>POINT (4.674374329738055 51.78084364940085)</t>
  </si>
  <si>
    <t>POINT (4.681073188483685 51.80253287506877)</t>
  </si>
  <si>
    <t>POINT (4.670592535543637 51.77664596997729)</t>
  </si>
  <si>
    <t>POINT (4.672909991175084 51.80544661906393)</t>
  </si>
  <si>
    <t>POINT (4.699342446553668 51.799193598838585)</t>
  </si>
  <si>
    <t>POINT (4.683397551314224 51.813439444197)</t>
  </si>
  <si>
    <t>POINT (4.679372903202307 51.78527143424864)</t>
  </si>
  <si>
    <t>POINT (4.727412501418148 51.79917218249597)</t>
  </si>
  <si>
    <t>POINT (4.682647449680368 51.813034399378935)</t>
  </si>
  <si>
    <t>3315DX</t>
  </si>
  <si>
    <t>POINT (4.727762130909415 51.80594898419864)</t>
  </si>
  <si>
    <t>POINT (4.678306825081984 51.805375294762456)</t>
  </si>
  <si>
    <t>POINT (4.688658941795827 51.8087116176715)</t>
  </si>
  <si>
    <t>3314BN</t>
  </si>
  <si>
    <t>POINT (4.660876003110606 51.80480909202116)</t>
  </si>
  <si>
    <t>POINT (4.712980194775483 51.795509173047876)</t>
  </si>
  <si>
    <t>POINT (4.676080162137652 51.81833250069628)</t>
  </si>
  <si>
    <t>3314SZ</t>
  </si>
  <si>
    <t>Nicolaas Beetsplein</t>
  </si>
  <si>
    <t>POINT (4.66427000488695 51.79961480442544)</t>
  </si>
  <si>
    <t>POINT (4.711731229059791 51.81406921266722)</t>
  </si>
  <si>
    <t>POINT (4.704449559795553 51.78832523685998)</t>
  </si>
  <si>
    <t>3319HG</t>
  </si>
  <si>
    <t>POINT (4.7112634036213 51.7948797242486)</t>
  </si>
  <si>
    <t>POINT (4.660594191948642 51.815294051765605)</t>
  </si>
  <si>
    <t>POINT (4.659397065959553 51.81533058835181)</t>
  </si>
  <si>
    <t>POINT (4.6725394277331995 51.81662623828224)</t>
  </si>
  <si>
    <t>POINT (4.698621021062645 51.800141257814275)</t>
  </si>
  <si>
    <t>3319BZ</t>
  </si>
  <si>
    <t>Verweystraat</t>
  </si>
  <si>
    <t>POINT (4.702008865922926 51.79642006318718)</t>
  </si>
  <si>
    <t>POINT (4.663181487820033 51.814971483800846)</t>
  </si>
  <si>
    <t>POINT (4.667848971376657 51.81274605151865)</t>
  </si>
  <si>
    <t>POINT (4.66575215632765 51.80071830976489)</t>
  </si>
  <si>
    <t>POINT (4.685287735714055 51.79209269836079)</t>
  </si>
  <si>
    <t>POINT (4.6679199676566006 51.79127269928596)</t>
  </si>
  <si>
    <t>POINT (4.6633711786640575 51.797993976198036)</t>
  </si>
  <si>
    <t>POINT (4.672172805577554 51.81960042268327)</t>
  </si>
  <si>
    <t>3313GK</t>
  </si>
  <si>
    <t>POINT (4.6978872729576215 51.81739316494712)</t>
  </si>
  <si>
    <t>POINT (4.671705072082757 51.81748167574814)</t>
  </si>
  <si>
    <t>POINT (4.734816444401851 51.79746693849763)</t>
  </si>
  <si>
    <t>POINT (4.667733260905943 51.7946689315874)</t>
  </si>
  <si>
    <t>POINT (4.663150833750329 51.81431382674068)</t>
  </si>
  <si>
    <t>POINT (4.658523205527796 51.798582245448664)</t>
  </si>
  <si>
    <t>POINT (4.652488502054684 51.78927028419763)</t>
  </si>
  <si>
    <t>POINT (4.663966028169883 51.81497028994784)</t>
  </si>
  <si>
    <t>POINT (4.664807616138959 51.78772018764478)</t>
  </si>
  <si>
    <t>POINT (4.683498347827405 51.81187624583859)</t>
  </si>
  <si>
    <t>POINT (4.7058305149344495 51.796065784902645)</t>
  </si>
  <si>
    <t>POINT (4.683546552574599 51.8018629317326)</t>
  </si>
  <si>
    <t>POINT (4.643666260988488 51.764457303940375)</t>
  </si>
  <si>
    <t>POINT (4.656379401999337 51.80442561474291)</t>
  </si>
  <si>
    <t>POINT (4.6534752410435845 51.795174375666036)</t>
  </si>
  <si>
    <t>POINT (4.662785342172045 51.7909860504709)</t>
  </si>
  <si>
    <t>POINT (4.676769934352639 51.78388307027164)</t>
  </si>
  <si>
    <t>POINT (4.658513670117328 51.80745999689743)</t>
  </si>
  <si>
    <t>POINT (4.6575392954471 51.770768839685374)</t>
  </si>
  <si>
    <t>POINT (4.689607363966528 51.80630871108233)</t>
  </si>
  <si>
    <t>POINT (4.658581601764715 51.799890634622116)</t>
  </si>
  <si>
    <t>POINT (4.685393830060821 51.810355631903576)</t>
  </si>
  <si>
    <t>POINT (4.678233860724354 51.78466092853069)</t>
  </si>
  <si>
    <t>POINT (4.660308478386191 51.7905162334456)</t>
  </si>
  <si>
    <t>3312SJ</t>
  </si>
  <si>
    <t>POINT (4.687093229395533 51.80779603151138)</t>
  </si>
  <si>
    <t>POINT (4.707764004842793 51.806224543723665)</t>
  </si>
  <si>
    <t>POINT (4.672996644953143 51.81131821794877)</t>
  </si>
  <si>
    <t>POINT (4.665236138906649 51.780200570600925)</t>
  </si>
  <si>
    <t>POINT (4.716261453056996 51.80140840488832)</t>
  </si>
  <si>
    <t>3314KP</t>
  </si>
  <si>
    <t>POINT (4.666807004150734 51.7987497509057)</t>
  </si>
  <si>
    <t>POINT (4.734915351336952 51.80129974879551)</t>
  </si>
  <si>
    <t>POINT (4.673322675590744 51.81906394978541)</t>
  </si>
  <si>
    <t>POINT (4.669679176306485 51.81915430530271)</t>
  </si>
  <si>
    <t>POINT (4.671543565003386 51.80208258389869)</t>
  </si>
  <si>
    <t>POINT (4.655550693393283 51.788216422358744)</t>
  </si>
  <si>
    <t>POINT (4.730254899392373 51.80376128130932)</t>
  </si>
  <si>
    <t>POINT (4.716187248037017 51.80140276712844)</t>
  </si>
  <si>
    <t>POINT (4.669483209185926 51.8190989683106)</t>
  </si>
  <si>
    <t>POINT (4.67992408935101 51.8151521604193)</t>
  </si>
  <si>
    <t>POINT (4.674182521311414 51.81791730621528)</t>
  </si>
  <si>
    <t>POINT (4.713895484647351 51.80866483396135)</t>
  </si>
  <si>
    <t>POINT (4.674613970519976 51.80440403660488)</t>
  </si>
  <si>
    <t>POINT (4.6604615927036726 51.809942923620035)</t>
  </si>
  <si>
    <t>POINT (4.668038172640174 51.7944706947359)</t>
  </si>
  <si>
    <t>POINT (4.708529505056891 51.786974894493554)</t>
  </si>
  <si>
    <t>POINT (4.657180226856946 51.81022664323005)</t>
  </si>
  <si>
    <t>POINT (4.666042278290592 51.7766262598134)</t>
  </si>
  <si>
    <t>POINT (4.660709907644957 51.80368437837935)</t>
  </si>
  <si>
    <t>3314XD</t>
  </si>
  <si>
    <t>POINT (4.657044084429186 51.800410636652565)</t>
  </si>
  <si>
    <t>POINT (4.672640604070528 51.81455002215869)</t>
  </si>
  <si>
    <t>POINT (4.7144772580235506 51.8070623403528)</t>
  </si>
  <si>
    <t>POINT (4.704288830729435 51.79586812222539)</t>
  </si>
  <si>
    <t>POINT (4.716562037966053 51.81556530129216)</t>
  </si>
  <si>
    <t>POINT (4.664326259346491 51.777854943372375)</t>
  </si>
  <si>
    <t>POINT (4.69642269448398 51.79331651493923)</t>
  </si>
  <si>
    <t>POINT (4.638455486308159 51.77786646596151)</t>
  </si>
  <si>
    <t>POINT (4.644179276578638 51.77322987407545)</t>
  </si>
  <si>
    <t>3319TA</t>
  </si>
  <si>
    <t>POINT (4.703105746297457 51.789548739355276)</t>
  </si>
  <si>
    <t>POINT (4.652037113740683 51.80206788942782)</t>
  </si>
  <si>
    <t>POINT (4.6687937244205004 51.809279746296696)</t>
  </si>
  <si>
    <t>POINT (4.666087791378569 51.81219069036073)</t>
  </si>
  <si>
    <t>POINT (4.678112865810877 51.8031400230196)</t>
  </si>
  <si>
    <t>POINT (4.693444611887425 51.79572252237247)</t>
  </si>
  <si>
    <t>POINT (4.720171665647172 51.79752453821854)</t>
  </si>
  <si>
    <t>POINT (4.6797299412540845 51.81520209972979)</t>
  </si>
  <si>
    <t>POINT (4.719776390408717 51.80080470219671)</t>
  </si>
  <si>
    <t>POINT (4.683186462401157 51.797972737160535)</t>
  </si>
  <si>
    <t>3311JX</t>
  </si>
  <si>
    <t>Wilgenbos</t>
  </si>
  <si>
    <t>POINT (4.653199689349455 51.81086640948881)</t>
  </si>
  <si>
    <t>POINT (4.680159763067646 51.80553083260271)</t>
  </si>
  <si>
    <t>Dommelstraat</t>
  </si>
  <si>
    <t>POINT (4.7007108521787835 51.81736067292958)</t>
  </si>
  <si>
    <t>POINT (4.665694736487506 51.79602428543088)</t>
  </si>
  <si>
    <t>POINT (4.668894591115617 51.7708442792888)</t>
  </si>
  <si>
    <t>POINT (4.674526985110019 51.81812716248309)</t>
  </si>
  <si>
    <t>POINT (4.659232364420423 51.813479147620356)</t>
  </si>
  <si>
    <t>POINT (4.665198275922612 51.7900493008367)</t>
  </si>
  <si>
    <t>POINT (4.670475732991176 51.81015910206446)</t>
  </si>
  <si>
    <t>POINT (4.6609022210248705 51.79359224116114)</t>
  </si>
  <si>
    <t>POINT (4.702424318746702 51.79784996963152)</t>
  </si>
  <si>
    <t>POINT (4.6786637630963765 51.81282025063308)</t>
  </si>
  <si>
    <t>POINT (4.676871110810353 51.78638050065514)</t>
  </si>
  <si>
    <t>POINT (4.663009513131507 51.79385340139037)</t>
  </si>
  <si>
    <t>POINT (4.66405838966 51.81159374024686)</t>
  </si>
  <si>
    <t>POINT (4.658152404891918 51.796166943007066)</t>
  </si>
  <si>
    <t>POINT (4.702360936152812 51.8168323338981)</t>
  </si>
  <si>
    <t>POINT (4.633711451514639 51.78397151973975)</t>
  </si>
  <si>
    <t>POINT (4.6570218661739755 51.79214187091758)</t>
  </si>
  <si>
    <t>3317KX</t>
  </si>
  <si>
    <t>POINT (4.665370309643808 51.788696957393945)</t>
  </si>
  <si>
    <t>POINT (4.690620575947703 51.81915603496585)</t>
  </si>
  <si>
    <t>POINT (4.667075290951766 51.80400810044593)</t>
  </si>
  <si>
    <t>POINT (4.704315997897071 51.80838375525341)</t>
  </si>
  <si>
    <t>POINT (4.669586251347284 51.77509692264395)</t>
  </si>
  <si>
    <t>POINT (4.732776832350331 51.79560006351207)</t>
  </si>
  <si>
    <t>POINT (4.680992126850491 51.81285977728489)</t>
  </si>
  <si>
    <t>3319TG</t>
  </si>
  <si>
    <t>POINT (4.700659910991373 51.78965838695307)</t>
  </si>
  <si>
    <t>POINT (4.6606571502948295 51.78865407257934)</t>
  </si>
  <si>
    <t>POINT (4.674236714572298 51.81785903833323)</t>
  </si>
  <si>
    <t>POINT (4.659279682824042 51.788774251489755)</t>
  </si>
  <si>
    <t>POINT (4.654379834015316 51.793899606163976)</t>
  </si>
  <si>
    <t>POINT (4.668517058235109 51.809529339718644)</t>
  </si>
  <si>
    <t>3314PA</t>
  </si>
  <si>
    <t>POINT (4.669185811190174 51.800692478665034)</t>
  </si>
  <si>
    <t>POINT (4.72899870658004 51.79470813556226)</t>
  </si>
  <si>
    <t>POINT (4.682940547928411 51.81152125405391)</t>
  </si>
  <si>
    <t>POINT (4.725135803981018 51.80447062940348)</t>
  </si>
  <si>
    <t>POINT (4.666416254617734 51.81568305649944)</t>
  </si>
  <si>
    <t>POINT (4.662486863114322 51.79924908292329)</t>
  </si>
  <si>
    <t>POINT (4.651858433977813 51.80277924119477)</t>
  </si>
  <si>
    <t>POINT (4.70935747523293 51.79424438447706)</t>
  </si>
  <si>
    <t>POINT (4.670784831998169 51.80288650386584)</t>
  </si>
  <si>
    <t>POINT (4.652441758529446 51.78244393187328)</t>
  </si>
  <si>
    <t>POINT (4.696476780635279 51.7933646081901)</t>
  </si>
  <si>
    <t>POINT (4.68478292094264 51.80657673645799)</t>
  </si>
  <si>
    <t>POINT (4.696468178946168 51.79751237995046)</t>
  </si>
  <si>
    <t>POINT (4.661034839773689 51.77017522183653)</t>
  </si>
  <si>
    <t>POINT (4.694026569025511 51.81857892295259)</t>
  </si>
  <si>
    <t>POINT (4.69276781298658 51.79223966705908)</t>
  </si>
  <si>
    <t>POINT (4.674585583713656 51.78433670246051)</t>
  </si>
  <si>
    <t>POINT (4.66686559723772 51.79989929694485)</t>
  </si>
  <si>
    <t>POINT (4.674619183848108 51.7805158359925)</t>
  </si>
  <si>
    <t>POINT (4.726976274594977 51.805850166580186)</t>
  </si>
  <si>
    <t>POINT (4.668693064551386 51.79699137095651)</t>
  </si>
  <si>
    <t>3328TB</t>
  </si>
  <si>
    <t>POINT (4.670415017937286 51.77701253253831)</t>
  </si>
  <si>
    <t>POINT (4.715963455501218 51.8158298933443)</t>
  </si>
  <si>
    <t>POINT (4.715410998745976 51.80321608182724)</t>
  </si>
  <si>
    <t>POINT (4.666235922995655 51.777999838342126)</t>
  </si>
  <si>
    <t>POINT (4.659101556631984 51.799941493550584)</t>
  </si>
  <si>
    <t>POINT (4.72401135800824 51.799366595598514)</t>
  </si>
  <si>
    <t>3311XT</t>
  </si>
  <si>
    <t>Schoolstraat</t>
  </si>
  <si>
    <t>POINT (4.672702462022904 51.815671582613604)</t>
  </si>
  <si>
    <t>POINT (4.6699127923742845 51.817364147684074)</t>
  </si>
  <si>
    <t>POINT (4.6828900340521535 51.775701646014696)</t>
  </si>
  <si>
    <t>POINT (4.714108275059383 51.80815811543927)</t>
  </si>
  <si>
    <t>POINT (4.6640116701490095 51.8020388201214)</t>
  </si>
  <si>
    <t>POINT (4.681784237437888 51.77442542679979)</t>
  </si>
  <si>
    <t>POINT (4.661373375531868 51.794663536236364)</t>
  </si>
  <si>
    <t>POINT (4.680159304265202 51.77442801059186)</t>
  </si>
  <si>
    <t>POINT (4.6866344849041734 51.78037742170793)</t>
  </si>
  <si>
    <t>POINT (4.7269924261978025 51.79424441916222)</t>
  </si>
  <si>
    <t>3313VE</t>
  </si>
  <si>
    <t>POINT (4.718559215012451 51.81414843906705)</t>
  </si>
  <si>
    <t>POINT (4.656943005738195 51.80246548016908)</t>
  </si>
  <si>
    <t>POINT (4.711490317147747 51.80492890906607)</t>
  </si>
  <si>
    <t>POINT (4.67500259299874 51.77704633981447)</t>
  </si>
  <si>
    <t>POINT (4.726517140608729 51.79759921896611)</t>
  </si>
  <si>
    <t>POINT (4.735278697435042 51.799932115850424)</t>
  </si>
  <si>
    <t>POINT (4.703167739753316 51.79921725717953)</t>
  </si>
  <si>
    <t>POINT (4.668253480968258 51.791956851086375)</t>
  </si>
  <si>
    <t>POINT (4.681182770058425 51.80118065766218)</t>
  </si>
  <si>
    <t>POINT (4.666000691791365 51.77476183410915)</t>
  </si>
  <si>
    <t>POINT (4.663284946315401 51.792917768528675)</t>
  </si>
  <si>
    <t>POINT (4.674247231602796 51.796940104237414)</t>
  </si>
  <si>
    <t>POINT (4.64466118882235 51.77926292004364)</t>
  </si>
  <si>
    <t>POINT (4.672272632610383 51.79937653520252)</t>
  </si>
  <si>
    <t>POINT (4.66577876590684 51.81473147229941)</t>
  </si>
  <si>
    <t>POINT (4.631001635363679 51.72421782655167)</t>
  </si>
  <si>
    <t>POINT (4.710678893923291 51.811389542434156)</t>
  </si>
  <si>
    <t>POINT (4.661070591199329 51.77090331430255)</t>
  </si>
  <si>
    <t>3313CL</t>
  </si>
  <si>
    <t>POINT (4.703682855218371 51.815635993470565)</t>
  </si>
  <si>
    <t>POINT (4.633013064628418 51.76882960763509)</t>
  </si>
  <si>
    <t>3311WB</t>
  </si>
  <si>
    <t>Aert de Gelderstraat</t>
  </si>
  <si>
    <t>POINT (4.661167490777673 51.80968165056486)</t>
  </si>
  <si>
    <t>POINT (4.6715999533078625 51.80344106409281)</t>
  </si>
  <si>
    <t>POINT (4.675938565743655 51.81691119088437)</t>
  </si>
  <si>
    <t>POINT (4.660495922507256 51.792160386321946)</t>
  </si>
  <si>
    <t>POINT (4.698069675219746 51.795919315632666)</t>
  </si>
  <si>
    <t>POINT (4.685038528751768 51.790292786890625)</t>
  </si>
  <si>
    <t>POINT (4.701690001628348 51.78930080099809)</t>
  </si>
  <si>
    <t>POINT (4.6818302501638485 51.778042640791774)</t>
  </si>
  <si>
    <t>POINT (4.709875622955351 51.808771091756505)</t>
  </si>
  <si>
    <t>POINT (4.697458042381729 51.797649285154876)</t>
  </si>
  <si>
    <t>3319SZ</t>
  </si>
  <si>
    <t>De Essen</t>
  </si>
  <si>
    <t>POINT (4.695619535119017 51.79163150311547)</t>
  </si>
  <si>
    <t>POINT (4.704186170352321 51.815813420321746)</t>
  </si>
  <si>
    <t>POINT (4.660877633523642 51.78937268287265)</t>
  </si>
  <si>
    <t>POINT (4.6788999829808295 51.77385283803331)</t>
  </si>
  <si>
    <t>POINT (4.657368676715192 51.79186261054441)</t>
  </si>
  <si>
    <t>POINT (4.711614912239667 51.81573821872907)</t>
  </si>
  <si>
    <t>POINT (4.658760193381356 51.796317539759414)</t>
  </si>
  <si>
    <t>POINT (4.668177809466968 51.80417510304489)</t>
  </si>
  <si>
    <t>POINT (4.669153477005819 51.80073823096375)</t>
  </si>
  <si>
    <t>POINT (4.682806801423973 51.78851089227831)</t>
  </si>
  <si>
    <t>POINT (4.699224044549361 51.79822608374247)</t>
  </si>
  <si>
    <t>POINT (4.718057572101126 51.81342394531598)</t>
  </si>
  <si>
    <t>POINT (4.655335878506839 51.79187964515262)</t>
  </si>
  <si>
    <t>POINT (4.662579393905364 51.79211613273146)</t>
  </si>
  <si>
    <t>POINT (4.678209362386309 51.81460076793229)</t>
  </si>
  <si>
    <t>POINT (4.666132813032986 51.81044379233322)</t>
  </si>
  <si>
    <t>POINT (4.653505957862617 51.80339314604996)</t>
  </si>
  <si>
    <t>POINT (4.660638263762085 51.81334597397823)</t>
  </si>
  <si>
    <t>POINT (4.676634050559695 51.77860590592536)</t>
  </si>
  <si>
    <t>POINT (4.662996858049845 51.79658382950504)</t>
  </si>
  <si>
    <t>POINT (4.68570647449143 51.813447237310484)</t>
  </si>
  <si>
    <t>POINT (4.67414354590328 51.81903250889027)</t>
  </si>
  <si>
    <t>POINT (4.7172442982420035 51.7955671727102)</t>
  </si>
  <si>
    <t>POINT (4.685960349838387 51.79176695293665)</t>
  </si>
  <si>
    <t>POINT (4.659148388625711 51.78340964743765)</t>
  </si>
  <si>
    <t>3318VP</t>
  </si>
  <si>
    <t>POINT (4.685879024585472 51.78749508812797)</t>
  </si>
  <si>
    <t>POINT (4.677286715230822 51.81599584019033)</t>
  </si>
  <si>
    <t>POINT (4.6716785057863115 51.801939821621026)</t>
  </si>
  <si>
    <t>POINT (4.729918432258521 51.79154775991798)</t>
  </si>
  <si>
    <t>POINT (4.643455853636794 51.770082042937716)</t>
  </si>
  <si>
    <t>POINT (4.664360485298391 51.78786638512794)</t>
  </si>
  <si>
    <t>POINT (4.679697633231466 51.80995559741734)</t>
  </si>
  <si>
    <t>POINT (4.721790201784562 51.80440570098402)</t>
  </si>
  <si>
    <t>POINT (4.676356939208418 51.77206741326092)</t>
  </si>
  <si>
    <t>POINT (4.665205797034917 51.79883724700304)</t>
  </si>
  <si>
    <t>POINT (4.6520460723595445 51.788972448827415)</t>
  </si>
  <si>
    <t>3329LL</t>
  </si>
  <si>
    <t>Polder Oudendijk</t>
  </si>
  <si>
    <t>POINT (4.638436754539023 51.74215292997406)</t>
  </si>
  <si>
    <t>3315PV</t>
  </si>
  <si>
    <t>POINT (4.70753885248941 51.8098763437391)</t>
  </si>
  <si>
    <t>POINT (4.684058048418509 51.81179470284215)</t>
  </si>
  <si>
    <t>POINT (4.658241978756352 51.8135483699557)</t>
  </si>
  <si>
    <t>POINT (4.706866746640715 51.794356455806685)</t>
  </si>
  <si>
    <t>POINT (4.682438318724657 51.80216101443442)</t>
  </si>
  <si>
    <t>3316ER</t>
  </si>
  <si>
    <t>3316EP-3316ER</t>
  </si>
  <si>
    <t>POINT (4.642183556366815 51.7624734063927)</t>
  </si>
  <si>
    <t>POINT (4.729312497277355 51.80475009949991)</t>
  </si>
  <si>
    <t>POINT (4.718799288482887 51.802091635646875)</t>
  </si>
  <si>
    <t>POINT (4.669705638677052 51.811101281301454)</t>
  </si>
  <si>
    <t>3319AJ</t>
  </si>
  <si>
    <t>POINT (4.6734697197345225 51.8179892693044)</t>
  </si>
  <si>
    <t>POINT (4.694838052673216 51.79108893028491)</t>
  </si>
  <si>
    <t>POINT (4.665319224026927 51.78941761798676)</t>
  </si>
  <si>
    <t>POINT (4.695819204837279 51.79163625750757)</t>
  </si>
  <si>
    <t>POINT (4.653770232545698 51.78513830907667)</t>
  </si>
  <si>
    <t>POINT (4.699695139000755 51.797357250157745)</t>
  </si>
  <si>
    <t>POINT (4.677610731843844 51.790735397087566)</t>
  </si>
  <si>
    <t>POINT (4.682069600433068 51.8001232232934)</t>
  </si>
  <si>
    <t>POINT (4.674089289281371 51.81018299563112)</t>
  </si>
  <si>
    <t>3312TP</t>
  </si>
  <si>
    <t>3312TN-3312TP</t>
  </si>
  <si>
    <t>POINT (4.6864634801419855 51.81076322412626)</t>
  </si>
  <si>
    <t>POINT (4.685063546430804 51.81309183683007)</t>
  </si>
  <si>
    <t>POINT (4.679305547067915 51.80011448928278)</t>
  </si>
  <si>
    <t>Middelweg</t>
  </si>
  <si>
    <t>POINT (4.701018084217924 51.81291622639703)</t>
  </si>
  <si>
    <t>POINT (4.680451081847923 51.78065176731421)</t>
  </si>
  <si>
    <t>3314VV</t>
  </si>
  <si>
    <t>POINT (4.657691024910635 51.79896595219767)</t>
  </si>
  <si>
    <t>POINT (4.652324415887597 51.78538044987708)</t>
  </si>
  <si>
    <t>POINT (4.666080420821766 51.81435421985645)</t>
  </si>
  <si>
    <t>POINT (4.659545011421933 51.79111994588532)</t>
  </si>
  <si>
    <t>POINT (4.667816217444553 51.803594123157396)</t>
  </si>
  <si>
    <t>POINT (4.666916131305196 51.811145926791845)</t>
  </si>
  <si>
    <t>POINT (4.63880843061389 51.766501409191484)</t>
  </si>
  <si>
    <t>POINT (4.654174333988089 51.79144325402543)</t>
  </si>
  <si>
    <t>POINT (4.670577972807889 51.811842892113035)</t>
  </si>
  <si>
    <t>POINT (4.6526969092912775 51.80345858262594)</t>
  </si>
  <si>
    <t>3312JJ</t>
  </si>
  <si>
    <t>POINT (4.685128390542362 51.801100882573984)</t>
  </si>
  <si>
    <t>POINT (4.664714440902276 51.79742226011405)</t>
  </si>
  <si>
    <t>POINT (4.688507258485024 51.809258573679294)</t>
  </si>
  <si>
    <t>POINT (4.6867070777828745 51.77576514352569)</t>
  </si>
  <si>
    <t>POINT (4.680955344546064 51.81425061478367)</t>
  </si>
  <si>
    <t>POINT (4.6864479458689035 51.77925875187711)</t>
  </si>
  <si>
    <t>POINT (4.666427305350147 51.80291529503538)</t>
  </si>
  <si>
    <t>POINT (4.676556230653608 51.78540571978569)</t>
  </si>
  <si>
    <t>POINT (4.685716058608751 51.813530304886875)</t>
  </si>
  <si>
    <t>POINT (4.668671903055109 51.80824329768834)</t>
  </si>
  <si>
    <t>POINT (4.667541643483415 51.78792182710329)</t>
  </si>
  <si>
    <t>POINT (4.688336040900364 51.8083823818214)</t>
  </si>
  <si>
    <t>POINT (4.667572252533918 51.77572210711379)</t>
  </si>
  <si>
    <t>POINT (4.700219860445444 51.817463092917)</t>
  </si>
  <si>
    <t>POINT (4.650875702535607 51.78953090315601)</t>
  </si>
  <si>
    <t>POINT (4.681085482872199 51.80896108190165)</t>
  </si>
  <si>
    <t>POINT (4.654512941530859 51.78891203568423)</t>
  </si>
  <si>
    <t>POINT (4.662372759531244 51.81444393472475)</t>
  </si>
  <si>
    <t>POINT (4.661231818922656 51.80289512958303)</t>
  </si>
  <si>
    <t>POINT (4.652292023500875 51.78896728433366)</t>
  </si>
  <si>
    <t>POINT (4.717797771967434 51.79949871447102)</t>
  </si>
  <si>
    <t>POINT (4.73113603280254 51.80442787360633)</t>
  </si>
  <si>
    <t>POINT (4.67319013811097 51.78165543469162)</t>
  </si>
  <si>
    <t>POINT (4.71226792287169 51.80906908764837)</t>
  </si>
  <si>
    <t>POINT (4.677556195106479 51.781165116396124)</t>
  </si>
  <si>
    <t>POINT (4.6729082610029 51.813172537675094)</t>
  </si>
  <si>
    <t>POINT (4.681927996155959 51.78111890989857)</t>
  </si>
  <si>
    <t>POINT (4.667857282710563 51.814234726125086)</t>
  </si>
  <si>
    <t>POINT (4.72135111520032 51.80587628671077)</t>
  </si>
  <si>
    <t>POINT (4.727209841874399 51.79742045035725)</t>
  </si>
  <si>
    <t>POINT (4.658442135405 51.80050149429739)</t>
  </si>
  <si>
    <t>POINT (4.684365809925525 51.80470721105367)</t>
  </si>
  <si>
    <t>POINT (4.696954731651961 51.817780721663446)</t>
  </si>
  <si>
    <t>POINT (4.653867297193274 51.79231185579144)</t>
  </si>
  <si>
    <t>POINT (4.730841678008682 51.80423409538965)</t>
  </si>
  <si>
    <t>POINT (4.675042469984717 51.8109508798304)</t>
  </si>
  <si>
    <t>POINT (4.671020505633583 51.81667489294758)</t>
  </si>
  <si>
    <t>POINT (4.669657820927865 51.793311263629946)</t>
  </si>
  <si>
    <t>POINT (4.730543683238629 51.799145317541544)</t>
  </si>
  <si>
    <t>POINT (4.669835547950882 51.77102822216917)</t>
  </si>
  <si>
    <t>3317LX</t>
  </si>
  <si>
    <t>Kilweg</t>
  </si>
  <si>
    <t>POINT (4.656363068017572 51.77674443026142)</t>
  </si>
  <si>
    <t>POINT (4.676893640909142 51.81811749226871)</t>
  </si>
  <si>
    <t>POINT (4.660627752771353 51.7732407591774)</t>
  </si>
  <si>
    <t>POINT (4.711082321031574 51.81016063003271)</t>
  </si>
  <si>
    <t>POINT (4.716700094340322 51.81477613296983)</t>
  </si>
  <si>
    <t>POINT (4.666136978339168 51.81743991214051)</t>
  </si>
  <si>
    <t>POINT (4.663432492369606 51.8128518025917)</t>
  </si>
  <si>
    <t>POINT (4.670077782524053 51.81528369428112)</t>
  </si>
  <si>
    <t>POINT (4.698540878249806 51.81758712986222)</t>
  </si>
  <si>
    <t>POINT (4.665518505032432 51.796065762984306)</t>
  </si>
  <si>
    <t>POINT (4.678016715027763 51.78785776698842)</t>
  </si>
  <si>
    <t>POINT (4.651445325013638 51.79381539673058)</t>
  </si>
  <si>
    <t>POINT (4.670285393664399 51.80449349752317)</t>
  </si>
  <si>
    <t>POINT (4.664670867816936 51.817821794658286)</t>
  </si>
  <si>
    <t>POINT (4.6793973062357 51.78534555846588)</t>
  </si>
  <si>
    <t>POINT (4.710491589686257 51.79683527019208)</t>
  </si>
  <si>
    <t>POINT (4.657097610207796 51.78786566696151)</t>
  </si>
  <si>
    <t>POINT (4.681892479433258 51.77517155599023)</t>
  </si>
  <si>
    <t>3311PR</t>
  </si>
  <si>
    <t>POINT (4.6729268322383595 51.81528187835525)</t>
  </si>
  <si>
    <t>POINT (4.634626268199302 51.78377648546026)</t>
  </si>
  <si>
    <t>POINT (4.682303831158785 51.79977143860766)</t>
  </si>
  <si>
    <t>POINT (4.682462404093886 51.80285944435899)</t>
  </si>
  <si>
    <t>POINT (4.677325340578152 51.81669279426352)</t>
  </si>
  <si>
    <t>POINT (4.642199314516427 51.7687969465505)</t>
  </si>
  <si>
    <t>POINT (4.661044622603713 51.81111877433433)</t>
  </si>
  <si>
    <t>POINT (4.6848102374242195 51.788670049860464)</t>
  </si>
  <si>
    <t>POINT (4.683878972556704 51.812309426245434)</t>
  </si>
  <si>
    <t>POINT (4.6682644859893445 51.7962324008549)</t>
  </si>
  <si>
    <t>POINT (4.663410833693239 51.80061443439388)</t>
  </si>
  <si>
    <t>POINT (4.721806271810664 51.7944239895105)</t>
  </si>
  <si>
    <t>POINT (4.67679552109041 51.78938727386534)</t>
  </si>
  <si>
    <t>POINT (4.698750977998397 51.79870338452832)</t>
  </si>
  <si>
    <t>POINT (4.71141607764238 51.80476170612574)</t>
  </si>
  <si>
    <t>POINT (4.716532162531361 51.80214069373304)</t>
  </si>
  <si>
    <t>POINT (4.68790826734474 51.8104427407028)</t>
  </si>
  <si>
    <t>POINT (4.66072023427655 51.803670671640035)</t>
  </si>
  <si>
    <t>POINT (4.67123320098477 51.81427651211697)</t>
  </si>
  <si>
    <t>POINT (4.659498973642016 51.799469598561494)</t>
  </si>
  <si>
    <t>POINT (4.706901124262199 51.79317461878414)</t>
  </si>
  <si>
    <t>POINT (4.674281693573184 51.81242601168361)</t>
  </si>
  <si>
    <t>POINT (4.65289642368016 51.80130851172392)</t>
  </si>
  <si>
    <t>POINT (4.661487221267998 51.80906366967507)</t>
  </si>
  <si>
    <t>POINT (4.666840266619975 51.77907614782943)</t>
  </si>
  <si>
    <t>POINT (4.658304695724062 51.771303350037826)</t>
  </si>
  <si>
    <t>POINT (4.673590447393634 51.815705245877616)</t>
  </si>
  <si>
    <t>POINT (4.664172669596616 51.78587682677937)</t>
  </si>
  <si>
    <t>POINT (4.666087705663028 51.81049329446765)</t>
  </si>
  <si>
    <t>POINT (4.6509299935418085 51.774289793554274)</t>
  </si>
  <si>
    <t>POINT (4.666934017606053 51.7945009545111)</t>
  </si>
  <si>
    <t>POINT (4.661101358749718 51.787858544740445)</t>
  </si>
  <si>
    <t>3316AK</t>
  </si>
  <si>
    <t>POINT (4.648350280635182 51.8068034938992)</t>
  </si>
  <si>
    <t>POINT (4.674013361359404 51.774987550162265)</t>
  </si>
  <si>
    <t>POINT (4.679281630967474 51.78587800692985)</t>
  </si>
  <si>
    <t>POINT (4.658659635848462 51.81346889687819)</t>
  </si>
  <si>
    <t>POINT (4.711922600897794 51.794621159298174)</t>
  </si>
  <si>
    <t>POINT (4.666399280404303 51.78797673650119)</t>
  </si>
  <si>
    <t>POINT (4.682137214243808 51.77436541038579)</t>
  </si>
  <si>
    <t>POINT (4.65154865948635 51.78919004846013)</t>
  </si>
  <si>
    <t>POINT (4.673754654698853 51.787679465822656)</t>
  </si>
  <si>
    <t>POINT (4.651482062346557 51.80208593828059)</t>
  </si>
  <si>
    <t>POINT (4.679630994204292 51.807675452860984)</t>
  </si>
  <si>
    <t>POINT (4.684452530178052 51.8085126253061)</t>
  </si>
  <si>
    <t>POINT (4.686230359173783 51.777799745725126)</t>
  </si>
  <si>
    <t>POINT (4.668530637434137 51.80936154130821)</t>
  </si>
  <si>
    <t>POINT (4.6940812337633515 51.78043010306028)</t>
  </si>
  <si>
    <t>POINT (4.675683285976923 51.81488094626205)</t>
  </si>
  <si>
    <t>POINT (4.660325348811779 51.79332493082203)</t>
  </si>
  <si>
    <t>POINT (4.67259561037939 51.775247296392536)</t>
  </si>
  <si>
    <t>POINT (4.67145235041437 51.81353000033098)</t>
  </si>
  <si>
    <t>POINT (4.667672188270271 51.79525058408023)</t>
  </si>
  <si>
    <t>POINT (4.675509434572284 51.775812579137586)</t>
  </si>
  <si>
    <t>POINT (4.672003454293528 51.81759394722806)</t>
  </si>
  <si>
    <t>POINT (4.681881528282082 51.7766725226883)</t>
  </si>
  <si>
    <t>POINT (4.650598979296254 51.793092166356544)</t>
  </si>
  <si>
    <t>POINT (4.656109284986595 51.80581962468946)</t>
  </si>
  <si>
    <t>POINT (4.708242963262498 51.81133224782793)</t>
  </si>
  <si>
    <t>POINT (4.666425409751259 51.81113100373056)</t>
  </si>
  <si>
    <t>3311BX</t>
  </si>
  <si>
    <t>POINT (4.668681010008457 51.81810071293074)</t>
  </si>
  <si>
    <t>POINT (4.6568470553015375 51.797826039779665)</t>
  </si>
  <si>
    <t>POINT (4.659423066634421 51.77020650684754)</t>
  </si>
  <si>
    <t>POINT (4.66603566102126 51.7787878432424)</t>
  </si>
  <si>
    <t>POINT (4.7270360749974065 51.79654826626943)</t>
  </si>
  <si>
    <t>POINT (4.676774384023778 51.818344381375475)</t>
  </si>
  <si>
    <t>POINT (4.632195529139218 51.765878300719734)</t>
  </si>
  <si>
    <t>POINT (4.6724750521322855 51.775589669889655)</t>
  </si>
  <si>
    <t>POINT (4.668235207181186 51.81523192654357)</t>
  </si>
  <si>
    <t>POINT (4.692965400019628 51.78920937748683)</t>
  </si>
  <si>
    <t>POINT (4.6644225552116625 51.8154661224843)</t>
  </si>
  <si>
    <t>POINT (4.696172154735703 51.81760165580085)</t>
  </si>
  <si>
    <t>POINT (4.7124296522901234 51.805922544483096)</t>
  </si>
  <si>
    <t>POINT (4.675935140803136 51.80858767949771)</t>
  </si>
  <si>
    <t>POINT (4.676094971343389 51.77697911669844)</t>
  </si>
  <si>
    <t>POINT (4.66141316952586 51.80901930194953)</t>
  </si>
  <si>
    <t>POINT (4.697053854748766 51.80005081052887)</t>
  </si>
  <si>
    <t>POINT (4.660945442081045 51.80516102459699)</t>
  </si>
  <si>
    <t>POINT (4.663925208336658 51.81502059070322)</t>
  </si>
  <si>
    <t>POINT (4.668964176458023 51.8116842274982)</t>
  </si>
  <si>
    <t>3311SX</t>
  </si>
  <si>
    <t>POINT (4.671403108798007 51.81669077306963)</t>
  </si>
  <si>
    <t>POINT (4.657447661923076 51.80135252039541)</t>
  </si>
  <si>
    <t>POINT (4.678557111166771 51.78702786165345)</t>
  </si>
  <si>
    <t>POINT (4.680066750111369 51.80169335672324)</t>
  </si>
  <si>
    <t>POINT (4.666352857439678 51.775693117868265)</t>
  </si>
  <si>
    <t>POINT (4.66876869735838 51.809229607025706)</t>
  </si>
  <si>
    <t>POINT (4.660328460440263 51.80515824689232)</t>
  </si>
  <si>
    <t>POINT (4.679137044713666 51.78199168889356)</t>
  </si>
  <si>
    <t>3319PR</t>
  </si>
  <si>
    <t>POINT (4.698506027368379 51.793057988506185)</t>
  </si>
  <si>
    <t>POINT (4.672968486990378 51.8165724014229)</t>
  </si>
  <si>
    <t>POINT (4.685602608277667 51.81343524573869)</t>
  </si>
  <si>
    <t>POINT (4.672689277222925 51.806049755041165)</t>
  </si>
  <si>
    <t>POINT (4.727781940688554 51.79956686531781)</t>
  </si>
  <si>
    <t>POINT (4.67056550337914 51.81214475456496)</t>
  </si>
  <si>
    <t>POINT (4.706958518199566 51.78706218067819)</t>
  </si>
  <si>
    <t>POINT (4.705476400109713 51.80865318669956)</t>
  </si>
  <si>
    <t>POINT (4.691892544487909 51.819219990191726)</t>
  </si>
  <si>
    <t>POINT (4.7283903595159975 51.80464872039302)</t>
  </si>
  <si>
    <t>POINT (4.692153818955416 51.81845526432712)</t>
  </si>
  <si>
    <t>POINT (4.641655866333723 51.776035290180666)</t>
  </si>
  <si>
    <t>POINT (4.728338499882327 51.79239849104421)</t>
  </si>
  <si>
    <t>POINT (4.68428687340065 51.78932181287002)</t>
  </si>
  <si>
    <t>POINT (4.722247859666144 51.805472217882865)</t>
  </si>
  <si>
    <t>POINT (4.67298382029995 51.80500186810717)</t>
  </si>
  <si>
    <t>POINT (4.67114155792419 51.804263608476425)</t>
  </si>
  <si>
    <t>POINT (4.726356611555561 51.797835974679266)</t>
  </si>
  <si>
    <t>3314AK</t>
  </si>
  <si>
    <t>POINT (4.6570895386841284 51.805981717951106)</t>
  </si>
  <si>
    <t>POINT (4.669491593834584 51.79865964285032)</t>
  </si>
  <si>
    <t>POINT (4.669201640326814 51.770973017331485)</t>
  </si>
  <si>
    <t>3313AV</t>
  </si>
  <si>
    <t>Sloestraat</t>
  </si>
  <si>
    <t>POINT (4.71312060710425 51.81576760445977)</t>
  </si>
  <si>
    <t>3315TT</t>
  </si>
  <si>
    <t>POINT (4.715459956873033 51.80591655156059)</t>
  </si>
  <si>
    <t>POINT (4.680398032886284 51.774705726391716)</t>
  </si>
  <si>
    <t>POINT (4.684970427115727 51.804072491551985)</t>
  </si>
  <si>
    <t>POINT (4.699090995528269 51.798088819590205)</t>
  </si>
  <si>
    <t>POINT (4.652472355642442 51.80860811374066)</t>
  </si>
  <si>
    <t>POINT (4.700049098224444 51.7970687920747)</t>
  </si>
  <si>
    <t>3328JK</t>
  </si>
  <si>
    <t>POINT (4.666186322508413 51.77523150335657)</t>
  </si>
  <si>
    <t>POINT (4.673193309084881 51.77884835295983)</t>
  </si>
  <si>
    <t>POINT (4.664348533069101 51.78774845156522)</t>
  </si>
  <si>
    <t>POINT (4.731597512607647 51.79593115579938)</t>
  </si>
  <si>
    <t>POINT (4.660997348844005 51.79417712268488)</t>
  </si>
  <si>
    <t>POINT (4.735967221904374 51.799604887963724)</t>
  </si>
  <si>
    <t>POINT (4.717226873414278 51.7953651520678)</t>
  </si>
  <si>
    <t>3312JE</t>
  </si>
  <si>
    <t>POINT (4.681588632737225 51.802645709688015)</t>
  </si>
  <si>
    <t>POINT (4.668210429734502 51.81889330135299)</t>
  </si>
  <si>
    <t>3311BN</t>
  </si>
  <si>
    <t>'s Heer Boeijenstraat</t>
  </si>
  <si>
    <t>POINT (4.667694628898862 51.81646703706403)</t>
  </si>
  <si>
    <t>POINT (4.715760082543373 51.813323399430296)</t>
  </si>
  <si>
    <t>POINT (4.660771992859848 51.78936580856207)</t>
  </si>
  <si>
    <t>POINT (4.671101717862085 51.81547921216621)</t>
  </si>
  <si>
    <t>POINT (4.672550080528483 51.803142039624966)</t>
  </si>
  <si>
    <t>3316EP</t>
  </si>
  <si>
    <t>POINT (4.643269814449362 51.76279104405959)</t>
  </si>
  <si>
    <t>POINT (4.720234556990692 51.79975764920813)</t>
  </si>
  <si>
    <t>POINT (4.721838214426009 51.79938645354877)</t>
  </si>
  <si>
    <t>POINT (4.680377876784445 51.81630666575304)</t>
  </si>
  <si>
    <t>POINT (4.654145420529011 51.79096307617643)</t>
  </si>
  <si>
    <t>POINT (4.668130149708752 51.81885244139572)</t>
  </si>
  <si>
    <t>POINT (4.651617029237297 51.782289630861584)</t>
  </si>
  <si>
    <t>POINT (4.6675950063175184 51.81649160352673)</t>
  </si>
  <si>
    <t>POINT (4.6823759006945815 51.779775805303096)</t>
  </si>
  <si>
    <t>POINT (4.664938893986078 51.786854215083736)</t>
  </si>
  <si>
    <t>POINT (4.721607714513531 51.81103175542273)</t>
  </si>
  <si>
    <t>POINT (4.6971242150044565 51.792881331032454)</t>
  </si>
  <si>
    <t>POINT (4.71655685575216 51.802963430981634)</t>
  </si>
  <si>
    <t>POINT (4.670186160699623 51.78564668397766)</t>
  </si>
  <si>
    <t>3328TC</t>
  </si>
  <si>
    <t>POINT (4.670998604385255 51.777717567616236)</t>
  </si>
  <si>
    <t>3312LR</t>
  </si>
  <si>
    <t>POINT (4.685792812284837 51.80308746104631)</t>
  </si>
  <si>
    <t>POINT (4.680099477140648 51.77621301354127)</t>
  </si>
  <si>
    <t>3311PG</t>
  </si>
  <si>
    <t>POINT (4.673347107944758 51.809767197282554)</t>
  </si>
  <si>
    <t>POINT (4.682755787489131 51.81372721282722)</t>
  </si>
  <si>
    <t>POINT (4.675373263054626 51.77580944266625)</t>
  </si>
  <si>
    <t>POINT (4.708911813985802 51.803537492061984)</t>
  </si>
  <si>
    <t>POINT (4.67270354017582 51.81932870061259)</t>
  </si>
  <si>
    <t>POINT (4.66198502693674 51.80309729595962)</t>
  </si>
  <si>
    <t>POINT (4.6856632974673005 51.777287837712755)</t>
  </si>
  <si>
    <t>POINT (4.711400130619032 51.809276018552346)</t>
  </si>
  <si>
    <t>POINT (4.665177093175431 51.80922064148151)</t>
  </si>
  <si>
    <t>POINT (4.6824528820962295 51.77743156543879)</t>
  </si>
  <si>
    <t>POINT (4.726963333944304 51.79745427196002)</t>
  </si>
  <si>
    <t>POINT (4.6662907188014096 51.815820836855536)</t>
  </si>
  <si>
    <t>POINT (4.682842368233205 51.80637611726465)</t>
  </si>
  <si>
    <t>3314TA</t>
  </si>
  <si>
    <t>Albert Neuhuysstraat</t>
  </si>
  <si>
    <t>POINT (4.661648108796916 51.798401667140844)</t>
  </si>
  <si>
    <t>POINT (4.66905682381368 51.77447481802699)</t>
  </si>
  <si>
    <t>POINT (4.666066026787125 51.788878610363255)</t>
  </si>
  <si>
    <t>POINT (4.659943765302813 51.80442155895233)</t>
  </si>
  <si>
    <t>POINT (4.67753085601904 51.807286864049985)</t>
  </si>
  <si>
    <t>POINT (4.663095648304177 51.794114335723535)</t>
  </si>
  <si>
    <t>POINT (4.686563743666566 51.8071824059389)</t>
  </si>
  <si>
    <t>POINT (4.666529914795861 51.815322823257375)</t>
  </si>
  <si>
    <t>POINT (4.65867036354977 51.81075346360068)</t>
  </si>
  <si>
    <t>POINT (4.673388688080667 51.794007599992135)</t>
  </si>
  <si>
    <t>POINT (4.657884199820715 51.7696977218338)</t>
  </si>
  <si>
    <t>POINT (4.679473990918227 51.78925209397952)</t>
  </si>
  <si>
    <t>POINT (4.722378937184989 51.80018363857875)</t>
  </si>
  <si>
    <t>POINT (4.678438784826663 51.78631466684375)</t>
  </si>
  <si>
    <t>POINT (4.65731819839019 51.796832502193865)</t>
  </si>
  <si>
    <t>POINT (4.691958004515011 51.80719461633595)</t>
  </si>
  <si>
    <t>POINT (4.669764141553974 51.77161116215563)</t>
  </si>
  <si>
    <t>3314KE</t>
  </si>
  <si>
    <t>POINT (4.664716243823067 51.80167922658741)</t>
  </si>
  <si>
    <t>3328GH</t>
  </si>
  <si>
    <t>POINT (4.6805899091658585 51.780203042894705)</t>
  </si>
  <si>
    <t>POINT (4.677759487356102 51.80686245303639)</t>
  </si>
  <si>
    <t>POINT (4.710329203467674 51.79318695070383)</t>
  </si>
  <si>
    <t>3319VM</t>
  </si>
  <si>
    <t>POINT (4.705156643172095 51.78754818946901)</t>
  </si>
  <si>
    <t>POINT (4.721349664002943 51.80058432255332)</t>
  </si>
  <si>
    <t>POINT (4.668939060845749 51.782743351859764)</t>
  </si>
  <si>
    <t>POINT (4.671420509655178 51.816779561415636)</t>
  </si>
  <si>
    <t>POINT (4.665581074830727 51.79604747833202)</t>
  </si>
  <si>
    <t>POINT (4.663003462375952 51.816349482268734)</t>
  </si>
  <si>
    <t>POINT (4.718435264589748 51.81453552942941)</t>
  </si>
  <si>
    <t>POINT (4.662819874512443 51.7863898887035)</t>
  </si>
  <si>
    <t>Weeshuisplein</t>
  </si>
  <si>
    <t>POINT (4.671332316117779 51.81682975553869)</t>
  </si>
  <si>
    <t>POINT (4.671655853189255 51.79275894118917)</t>
  </si>
  <si>
    <t>POINT (4.7214770533528245 51.805874718155046)</t>
  </si>
  <si>
    <t>POINT (4.717485118232782 51.8121371115988)</t>
  </si>
  <si>
    <t>POINT (4.659786646344786 51.76977426544815)</t>
  </si>
  <si>
    <t>POINT (4.6744212868345505 51.817991133304616)</t>
  </si>
  <si>
    <t>3312VL</t>
  </si>
  <si>
    <t>Tweede Reedwarsstraat</t>
  </si>
  <si>
    <t>POINT (4.679174526313254 51.80753501102033)</t>
  </si>
  <si>
    <t>POINT (4.674583543450899 51.78839987854744)</t>
  </si>
  <si>
    <t>POINT (4.694420837509937 51.818648899487016)</t>
  </si>
  <si>
    <t>POINT (4.66843955140021 51.81806079885203)</t>
  </si>
  <si>
    <t>POINT (4.678535429217344 51.78557168783235)</t>
  </si>
  <si>
    <t>POINT (4.70752907767256 51.80665082726692)</t>
  </si>
  <si>
    <t>POINT (4.675463813713644 51.816687191488896)</t>
  </si>
  <si>
    <t>POINT (4.6543751337670445 51.803595214577605)</t>
  </si>
  <si>
    <t>POINT (4.721018598769189 51.79923304065377)</t>
  </si>
  <si>
    <t>POINT (4.660634604470596 51.78937904301794)</t>
  </si>
  <si>
    <t>POINT (4.654852028942348 51.782438690856715)</t>
  </si>
  <si>
    <t>POINT (4.67967203260243 51.815216842588754)</t>
  </si>
  <si>
    <t>3314WC</t>
  </si>
  <si>
    <t>POINT (4.652768941990903 51.80368816446429)</t>
  </si>
  <si>
    <t>POINT (4.684012291863419 51.79817740011305)</t>
  </si>
  <si>
    <t>POINT (4.629170436829795 51.723338540813245)</t>
  </si>
  <si>
    <t>POINT (4.639854585644046 51.77955695714125)</t>
  </si>
  <si>
    <t>POINT (4.657426521520771 51.80620789337833)</t>
  </si>
  <si>
    <t>3317CR</t>
  </si>
  <si>
    <t>POINT (4.654834673452506 51.787247546173184)</t>
  </si>
  <si>
    <t>POINT (4.717187174189022 51.80132968679181)</t>
  </si>
  <si>
    <t>POINT (4.630011280837277 51.72825180590289)</t>
  </si>
  <si>
    <t>POINT (4.717496223315514 51.80255172300844)</t>
  </si>
  <si>
    <t>POINT (4.716881996914407 51.80363113189426)</t>
  </si>
  <si>
    <t>3319WD</t>
  </si>
  <si>
    <t>Groenhove</t>
  </si>
  <si>
    <t>POINT (4.696564182143856 51.79955055032477)</t>
  </si>
  <si>
    <t>POINT (4.663698721130813 51.786168958864906)</t>
  </si>
  <si>
    <t>POINT (4.709326397735198 51.81853686625998)</t>
  </si>
  <si>
    <t>POINT (4.664212749023942 51.79965668050601)</t>
  </si>
  <si>
    <t>POINT (4.7001043223485865 51.79351195777542)</t>
  </si>
  <si>
    <t>POINT (4.706443130894594 51.796814510232295)</t>
  </si>
  <si>
    <t>POINT (4.661424479112355 51.81308044148467)</t>
  </si>
  <si>
    <t>POINT (4.663825815521876 51.79702375378701)</t>
  </si>
  <si>
    <t>POINT (4.681981740041707 51.781750796911766)</t>
  </si>
  <si>
    <t>POINT (4.650406679157594 51.79383417246782)</t>
  </si>
  <si>
    <t>POINT (4.677110690491815 51.808073770520984)</t>
  </si>
  <si>
    <t>POINT (4.667119414184203 51.772553977838726)</t>
  </si>
  <si>
    <t>POINT (4.7124367186335165 51.79863211467632)</t>
  </si>
  <si>
    <t>POINT (4.686052875406175 51.7888513158134)</t>
  </si>
  <si>
    <t>POINT (4.657570180283239 51.812092117800354)</t>
  </si>
  <si>
    <t>3315JD</t>
  </si>
  <si>
    <t>POINT (4.723115566259947 51.80333481512255)</t>
  </si>
  <si>
    <t>3314AN</t>
  </si>
  <si>
    <t>POINT (4.659107068231455 51.807138226861134)</t>
  </si>
  <si>
    <t>POINT (4.6933325624532385 51.79678785344951)</t>
  </si>
  <si>
    <t>POINT (4.628358982054796 51.723167562589396)</t>
  </si>
  <si>
    <t>POINT (4.670925107237174 51.774144896593846)</t>
  </si>
  <si>
    <t>POINT (4.655093630505559 51.798029321246204)</t>
  </si>
  <si>
    <t>POINT (4.655597007041035 51.790530198904015)</t>
  </si>
  <si>
    <t>POINT (4.653868136235547 51.792325335113084)</t>
  </si>
  <si>
    <t>POINT (4.685426823669854 51.789787959705535)</t>
  </si>
  <si>
    <t>POINT (4.667992921374704 51.814941222380504)</t>
  </si>
  <si>
    <t>POINT (4.680413204509623 51.807507575421994)</t>
  </si>
  <si>
    <t>POINT (4.679730318449683 51.77512636297558)</t>
  </si>
  <si>
    <t>POINT (4.674235673474549 51.79702474339739)</t>
  </si>
  <si>
    <t>POINT (4.6511555903376625 51.802058929084914)</t>
  </si>
  <si>
    <t>POINT (4.707486008247506 51.795092819032185)</t>
  </si>
  <si>
    <t>3311WH</t>
  </si>
  <si>
    <t>Generaal van der Heijdenstraat</t>
  </si>
  <si>
    <t>POINT (4.660231228379907 51.81097726300388)</t>
  </si>
  <si>
    <t>POINT (4.666687901415428 51.802894729461194)</t>
  </si>
  <si>
    <t>POINT (4.729947844109917 51.795339326952586)</t>
  </si>
  <si>
    <t>POINT (4.652561951007719 51.785736093263466)</t>
  </si>
  <si>
    <t>POINT (4.676530652348058 51.81846560101044)</t>
  </si>
  <si>
    <t>POINT (4.717291202980023 51.80017372927373)</t>
  </si>
  <si>
    <t>POINT (4.660575275609695 51.787249960566584)</t>
  </si>
  <si>
    <t>POINT (4.6594621995566845 51.791975489619205)</t>
  </si>
  <si>
    <t>POINT (4.703835704357824 51.81525781447672)</t>
  </si>
  <si>
    <t>POINT (4.6730405277285385 51.79373277318607)</t>
  </si>
  <si>
    <t>POINT (4.6652157790300075 51.77439976622065)</t>
  </si>
  <si>
    <t>POINT (4.672292320463256 51.81930955842083)</t>
  </si>
  <si>
    <t>POINT (4.674136593736363 51.774940066036514)</t>
  </si>
  <si>
    <t>POINT (4.654382677234645 51.793948558451696)</t>
  </si>
  <si>
    <t>POINT (4.730037377708378 51.80017983485153)</t>
  </si>
  <si>
    <t>POINT (4.66829077342863 51.813552697086784)</t>
  </si>
  <si>
    <t>POINT (4.68632303307742 51.80248948499782)</t>
  </si>
  <si>
    <t>POINT (4.713422688584064 51.79544847988868)</t>
  </si>
  <si>
    <t>POINT (4.657572802734421 51.810935397939446)</t>
  </si>
  <si>
    <t>POINT (4.707200429648558 51.78983574295985)</t>
  </si>
  <si>
    <t>POINT (4.660190406653426 51.80358639290076)</t>
  </si>
  <si>
    <t>POINT (4.732025729729917 51.79691179078369)</t>
  </si>
  <si>
    <t>POINT (4.71936077667514 51.80070279704379)</t>
  </si>
  <si>
    <t>POINT (4.711513046404959 51.7984165362994)</t>
  </si>
  <si>
    <t>POINT (4.661726019054378 51.78811991808683)</t>
  </si>
  <si>
    <t>POINT (4.660920786358468 51.81115621886595)</t>
  </si>
  <si>
    <t>POINT (4.670776637123459 51.81798884237225)</t>
  </si>
  <si>
    <t>POINT (4.661054676823205 51.79468072799115)</t>
  </si>
  <si>
    <t>POINT (4.716983487954579 51.79547297411714)</t>
  </si>
  <si>
    <t>POINT (4.6552648520815145 51.791949313964025)</t>
  </si>
  <si>
    <t>POINT (4.669234361164575 51.798387662240174)</t>
  </si>
  <si>
    <t>POINT (4.72601392603789 51.79717857399588)</t>
  </si>
  <si>
    <t>POINT (4.7260524897439184 51.79233206708688)</t>
  </si>
  <si>
    <t>POINT (4.662407213257552 51.78742495126055)</t>
  </si>
  <si>
    <t>POINT (4.66721007519976 51.8105919785629)</t>
  </si>
  <si>
    <t>POINT (4.672809847969187 51.81453997849504)</t>
  </si>
  <si>
    <t>POINT (4.727064698553672 51.7965943323386)</t>
  </si>
  <si>
    <t>POINT (4.715493238029195 51.809420551203615)</t>
  </si>
  <si>
    <t>POINT (4.656797332643425 51.781760019408026)</t>
  </si>
  <si>
    <t>POINT (4.686953436240744 51.775649393024906)</t>
  </si>
  <si>
    <t>POINT (4.691251414495207 51.78709625636561)</t>
  </si>
  <si>
    <t>POINT (4.684054654392143 51.79816892599579)</t>
  </si>
  <si>
    <t>3328WG</t>
  </si>
  <si>
    <t>POINT (4.67654970982364 51.777487101089264)</t>
  </si>
  <si>
    <t>3328RA</t>
  </si>
  <si>
    <t>POINT (4.665963474403318 51.781002496827234)</t>
  </si>
  <si>
    <t>POINT (4.666800762882356 51.79626319715965)</t>
  </si>
  <si>
    <t>POINT (4.6708238752663735 51.771921530756124)</t>
  </si>
  <si>
    <t>POINT (4.708457514552289 51.81175013961099)</t>
  </si>
  <si>
    <t>POINT (4.734699975494238 51.80029099714659)</t>
  </si>
  <si>
    <t>POINT (4.663835935314757 51.80043245522057)</t>
  </si>
  <si>
    <t>3311ME</t>
  </si>
  <si>
    <t>Molen de Goliath</t>
  </si>
  <si>
    <t>3311ME-3311MG</t>
  </si>
  <si>
    <t>POINT (4.679331598384044 51.81654300859732)</t>
  </si>
  <si>
    <t>POINT (4.729289791435322 51.79643726899315)</t>
  </si>
  <si>
    <t>POINT (4.676617423961179 51.77580013329991)</t>
  </si>
  <si>
    <t>POINT (4.724271079550653 51.797390057822014)</t>
  </si>
  <si>
    <t>POINT (4.670561809244972 51.79713753206267)</t>
  </si>
  <si>
    <t>POINT (4.667244646869169 51.80808996656192)</t>
  </si>
  <si>
    <t>POINT (4.726103248903872 51.80543888397892)</t>
  </si>
  <si>
    <t>POINT (4.666929691922132 51.81546753232366)</t>
  </si>
  <si>
    <t>POINT (4.661282456581676 51.80234698876996)</t>
  </si>
  <si>
    <t>POINT (4.656737085123132 51.81052121344241)</t>
  </si>
  <si>
    <t>POINT (4.729326246370804 51.7961582411734)</t>
  </si>
  <si>
    <t>POINT (4.6867894926751825 51.802944391593236)</t>
  </si>
  <si>
    <t>POINT (4.66328318977944 51.81068629919646)</t>
  </si>
  <si>
    <t>POINT (4.726268782766996 51.80576880058769)</t>
  </si>
  <si>
    <t>POINT (4.675923680580858 51.818159752099966)</t>
  </si>
  <si>
    <t>POINT (4.680578943095308 51.80298453789681)</t>
  </si>
  <si>
    <t>POINT (4.651271352224417 51.79054425678348)</t>
  </si>
  <si>
    <t>POINT (4.673124835056689 51.81078825279311)</t>
  </si>
  <si>
    <t>POINT (4.677584583981682 51.79057960871231)</t>
  </si>
  <si>
    <t>POINT (4.6516170764261044 51.78119501142522)</t>
  </si>
  <si>
    <t>POINT (4.658918156271836 51.771766871688385)</t>
  </si>
  <si>
    <t>POINT (4.634221612784134 51.78378029748819)</t>
  </si>
  <si>
    <t>POINT (4.669981007097892 51.782504821207496)</t>
  </si>
  <si>
    <t>POINT (4.664985571580722 51.78031164761795)</t>
  </si>
  <si>
    <t>POINT (4.705069469746623 51.79498587787667)</t>
  </si>
  <si>
    <t>POINT (4.680238658329726 51.80865021555604)</t>
  </si>
  <si>
    <t>POINT (4.682643273574398 51.8090217077718)</t>
  </si>
  <si>
    <t>POINT (4.681215364442327 51.808725919781324)</t>
  </si>
  <si>
    <t>POINT (4.696965209414343 51.795587298314466)</t>
  </si>
  <si>
    <t>POINT (4.6634322795411665 51.79963491589182)</t>
  </si>
  <si>
    <t>POINT (4.633701157450658 51.78094981740007)</t>
  </si>
  <si>
    <t>POINT (4.63102759285721 51.724681168785885)</t>
  </si>
  <si>
    <t>POINT (4.658828493816235 51.81469180373642)</t>
  </si>
  <si>
    <t>POINT (4.659255547268584 51.78843934420158)</t>
  </si>
  <si>
    <t>POINT (4.670620203627889 51.79076162357688)</t>
  </si>
  <si>
    <t>POINT (4.706839325738962 51.806810702169024)</t>
  </si>
  <si>
    <t>POINT (4.667297501518047 51.80919342681478)</t>
  </si>
  <si>
    <t>POINT (4.67520333875288 51.778427172344706)</t>
  </si>
  <si>
    <t>POINT (4.715555382352966 51.80322064765516)</t>
  </si>
  <si>
    <t>POINT (4.6803372158825916 51.77362070165642)</t>
  </si>
  <si>
    <t>POINT (4.6685112087996075 51.775303390462376)</t>
  </si>
  <si>
    <t>POINT (4.684760561271625 51.78950819021919)</t>
  </si>
  <si>
    <t>POINT (4.729710474914282 51.79120542145657)</t>
  </si>
  <si>
    <t>POINT (4.666029052899306 51.788882176299346)</t>
  </si>
  <si>
    <t>POINT (4.676073586634613 51.80746356791897)</t>
  </si>
  <si>
    <t>POINT (4.7105417073995275 51.80487405895077)</t>
  </si>
  <si>
    <t>POINT (4.664953571768367 51.77499759146595)</t>
  </si>
  <si>
    <t>POINT (4.666618121574557 51.81529282137117)</t>
  </si>
  <si>
    <t>POINT (4.654208437680912 51.791008997763285)</t>
  </si>
  <si>
    <t>POINT (4.674573774144971 51.80570720493861)</t>
  </si>
  <si>
    <t>POINT (4.6772466403462625 51.78992548830404)</t>
  </si>
  <si>
    <t>POINT (4.672611454621444 51.78368653082895)</t>
  </si>
  <si>
    <t>POINT (4.666739517410571 51.80395019251155)</t>
  </si>
  <si>
    <t>POINT (4.708383364222731 51.81145373261867)</t>
  </si>
  <si>
    <t>POINT (4.67998779409671 51.78909630850439)</t>
  </si>
  <si>
    <t>POINT (4.70112551841906 51.817284420112635)</t>
  </si>
  <si>
    <t>POINT (4.675394439605121 51.78090350698398)</t>
  </si>
  <si>
    <t>3312SP</t>
  </si>
  <si>
    <t>POINT (4.685564903167282 51.809767420929184)</t>
  </si>
  <si>
    <t>POINT (4.726905234300482 51.80583675130694)</t>
  </si>
  <si>
    <t>POINT (4.677362214784503 51.806003097104686)</t>
  </si>
  <si>
    <t>POINT (4.6511714632837 51.788322581394134)</t>
  </si>
  <si>
    <t>POINT (4.682004099402385 51.801336939319974)</t>
  </si>
  <si>
    <t>POINT (4.698760021606608 51.79745456122103)</t>
  </si>
  <si>
    <t>POINT (4.630547622121278 51.72390348810756)</t>
  </si>
  <si>
    <t>POINT (4.665768089646722 51.796078632739665)</t>
  </si>
  <si>
    <t>POINT (4.718051976938611 51.80261859623913)</t>
  </si>
  <si>
    <t>POINT (4.709131568077691 51.794975547124544)</t>
  </si>
  <si>
    <t>POINT (4.671809685578959 51.77650937420149)</t>
  </si>
  <si>
    <t>POINT (4.716052348411913 51.801200667808345)</t>
  </si>
  <si>
    <t>POINT (4.680102524164956 51.80170218347306)</t>
  </si>
  <si>
    <t>POINT (4.735510851779846 51.80130557460026)</t>
  </si>
  <si>
    <t>POINT (4.73338432276501 51.79658271801036)</t>
  </si>
  <si>
    <t>POINT (4.691020571630501 51.788944047558566)</t>
  </si>
  <si>
    <t>POINT (4.652544054574116 51.78541725920388)</t>
  </si>
  <si>
    <t>POINT (4.680441064416954 51.78084169210972)</t>
  </si>
  <si>
    <t>POINT (4.660052983289509 51.7957739857929)</t>
  </si>
  <si>
    <t>POINT (4.666813915663835 51.8022463221409)</t>
  </si>
  <si>
    <t>POINT (4.66381897269288 51.802526796842315)</t>
  </si>
  <si>
    <t>POINT (4.67176352211664 51.79283594781698)</t>
  </si>
  <si>
    <t>POINT (4.66423890344753 51.81480249876121)</t>
  </si>
  <si>
    <t>POINT (4.730642935102842 51.80193776221052)</t>
  </si>
  <si>
    <t>POINT (4.680363703542204 51.813027848171856)</t>
  </si>
  <si>
    <t>POINT (4.654825867704193 51.79328652113547)</t>
  </si>
  <si>
    <t>3328HJ</t>
  </si>
  <si>
    <t>Herculesring</t>
  </si>
  <si>
    <t>POINT (4.684690659315757 51.7792328962191)</t>
  </si>
  <si>
    <t>POINT (4.678550237394232 51.81738376680532)</t>
  </si>
  <si>
    <t>POINT (4.685245507880419 51.78885755254535)</t>
  </si>
  <si>
    <t>POINT (4.6721187916012 51.8182692585517)</t>
  </si>
  <si>
    <t>POINT (4.656327113213092 51.80452697816702)</t>
  </si>
  <si>
    <t>POINT (4.6695088718983175 51.80823048727846)</t>
  </si>
  <si>
    <t>POINT (4.73277730523438 51.79625392694189)</t>
  </si>
  <si>
    <t>POINT (4.652048296554044 51.793306532590414)</t>
  </si>
  <si>
    <t>POINT (4.729352800953223 51.796626626526376)</t>
  </si>
  <si>
    <t>POINT (4.724527025839293 51.79296021646948)</t>
  </si>
  <si>
    <t>POINT (4.6958450080188125 51.79721464516026)</t>
  </si>
  <si>
    <t>POINT (4.6767221379210655 51.784556807379296)</t>
  </si>
  <si>
    <t>POINT (4.67999636242678 51.81224974229996)</t>
  </si>
  <si>
    <t>POINT (4.666977922501728 51.814130726877444)</t>
  </si>
  <si>
    <t>POINT (4.666961005881935 51.81460137799908)</t>
  </si>
  <si>
    <t>POINT (4.678721481467246 51.81728395687856)</t>
  </si>
  <si>
    <t>POINT (4.711568945541204 51.80805103827035)</t>
  </si>
  <si>
    <t>3328MD</t>
  </si>
  <si>
    <t>POINT (4.671204201452927 51.77343811030406)</t>
  </si>
  <si>
    <t>POINT (4.689702615050261 51.81807371557746)</t>
  </si>
  <si>
    <t>POINT (4.683559103379285 51.80304526041427)</t>
  </si>
  <si>
    <t>POINT (4.682831210063331 51.77556666895382)</t>
  </si>
  <si>
    <t>POINT (4.666283303279581 51.78932532707864)</t>
  </si>
  <si>
    <t>POINT (4.672458133958948 51.78564197876899)</t>
  </si>
  <si>
    <t>POINT (4.687550642385038 51.80653437790094)</t>
  </si>
  <si>
    <t>POINT (4.672517650371083 51.80598801827009)</t>
  </si>
  <si>
    <t>POINT (4.6998638762904665 51.79809690941914)</t>
  </si>
  <si>
    <t>POINT (4.705110059806204 51.8163905611474)</t>
  </si>
  <si>
    <t>POINT (4.661448313006641 51.80375562607428)</t>
  </si>
  <si>
    <t>POINT (4.727777619980507 51.80011326956435)</t>
  </si>
  <si>
    <t>POINT (4.655849705698457 51.78454776326332)</t>
  </si>
  <si>
    <t>POINT (4.677220371849365 51.80662973841855)</t>
  </si>
  <si>
    <t>POINT (4.666753059688904 51.77503758485588)</t>
  </si>
  <si>
    <t>POINT (4.72065079564782 51.80098910417154)</t>
  </si>
  <si>
    <t>POINT (4.707782987966544 51.809825515454314)</t>
  </si>
  <si>
    <t>POINT (4.666612967005234 51.79889697164653)</t>
  </si>
  <si>
    <t>POINT (4.653922915490331 51.76689723569588)</t>
  </si>
  <si>
    <t>POINT (4.6657279391439905 51.809814891568806)</t>
  </si>
  <si>
    <t>POINT (4.693309448401679 51.81780980511979)</t>
  </si>
  <si>
    <t>POINT (4.712096054182645 51.79308537524629)</t>
  </si>
  <si>
    <t>POINT (4.666643439278133 51.800852630666114)</t>
  </si>
  <si>
    <t>POINT (4.665873366854639 51.77941307993937)</t>
  </si>
  <si>
    <t>POINT (4.710342498598547 51.793070839957025)</t>
  </si>
  <si>
    <t>POINT (4.7097909734256636 51.79631416343321)</t>
  </si>
  <si>
    <t>POINT (4.727701628271871 51.79624204484692)</t>
  </si>
  <si>
    <t>POINT (4.664023837555543 51.79543180880991)</t>
  </si>
  <si>
    <t>POINT (4.709824683446672 51.79658699309728)</t>
  </si>
  <si>
    <t>POINT (4.6592216945401 51.79644419667194)</t>
  </si>
  <si>
    <t>POINT (4.666123926087277 51.79604304980583)</t>
  </si>
  <si>
    <t>POINT (4.671724555344544 51.80481656208525)</t>
  </si>
  <si>
    <t>POINT (4.653124525768538 51.79187976118454)</t>
  </si>
  <si>
    <t>POINT (4.693483695506672 51.79649348725315)</t>
  </si>
  <si>
    <t>POINT (4.659355928978649 51.796192959360724)</t>
  </si>
  <si>
    <t>POINT (4.723712002298466 51.7928261554222)</t>
  </si>
  <si>
    <t>POINT (4.662863728597354 51.798601806110604)</t>
  </si>
  <si>
    <t>3319GV</t>
  </si>
  <si>
    <t>POINT (4.709306968349233 51.79920361260098)</t>
  </si>
  <si>
    <t>POINT (4.6804576555493105 51.78114438765397)</t>
  </si>
  <si>
    <t>POINT (4.682146221762383 51.7766317863542)</t>
  </si>
  <si>
    <t>POINT (4.67580195140371 51.78556833757184)</t>
  </si>
  <si>
    <t>POINT (4.672355850044691 51.80561925182716)</t>
  </si>
  <si>
    <t>POINT (4.656383633969188 51.807685031386946)</t>
  </si>
  <si>
    <t>POINT (4.677674715989141 51.790725932486176)</t>
  </si>
  <si>
    <t>3315AT</t>
  </si>
  <si>
    <t>POINT (4.723073601112291 51.79981928982121)</t>
  </si>
  <si>
    <t>POINT (4.678745588985631 51.81751540767033)</t>
  </si>
  <si>
    <t>POINT (4.649993343092997 51.793315318123014)</t>
  </si>
  <si>
    <t>POINT (4.677724970705653 51.79063461468979)</t>
  </si>
  <si>
    <t>POINT (4.685799061062105 51.80345943166878)</t>
  </si>
  <si>
    <t>POINT (4.651219017081079 51.7952155238996)</t>
  </si>
  <si>
    <t>POINT (4.669419682637174 51.81080359832936)</t>
  </si>
  <si>
    <t>POINT (4.634054075329604 51.78361979765051)</t>
  </si>
  <si>
    <t>POINT (4.660977838620351 51.80313945256616)</t>
  </si>
  <si>
    <t>POINT (4.67887622362325 51.80767832387747)</t>
  </si>
  <si>
    <t>POINT (4.6688521345527345 51.809267861295346)</t>
  </si>
  <si>
    <t>POINT (4.668942952297473 51.79547251748908)</t>
  </si>
  <si>
    <t>POINT (4.671123911642788 51.81844353223335)</t>
  </si>
  <si>
    <t>POINT (4.729879834833291 51.80341647109526)</t>
  </si>
  <si>
    <t>POINT (4.666319384911775 51.81352481064391)</t>
  </si>
  <si>
    <t>POINT (4.668836587439454 51.799355925124026)</t>
  </si>
  <si>
    <t>3317JP</t>
  </si>
  <si>
    <t>Spirea</t>
  </si>
  <si>
    <t>POINT (4.671461336835293 51.79209482036486)</t>
  </si>
  <si>
    <t>POINT (4.677369096837755 51.800349412406014)</t>
  </si>
  <si>
    <t>POINT (4.701741451521151 51.796779369106964)</t>
  </si>
  <si>
    <t>POINT (4.670269243518959 51.7848863879241)</t>
  </si>
  <si>
    <t>3319TJ</t>
  </si>
  <si>
    <t>POINT (4.702237772684882 51.79044925637967)</t>
  </si>
  <si>
    <t>POINT (4.707953119584842 51.818718200189814)</t>
  </si>
  <si>
    <t>POINT (4.712470868754346 51.813982448521465)</t>
  </si>
  <si>
    <t>POINT (4.726685840313835 51.79325720497784)</t>
  </si>
  <si>
    <t>POINT (4.73135876545369 51.795389118592745)</t>
  </si>
  <si>
    <t>POINT (4.665269009069545 51.80922002948443)</t>
  </si>
  <si>
    <t>POINT (4.658389229944895 51.78200522807509)</t>
  </si>
  <si>
    <t>POINT (4.7017070123011955 51.79673038640458)</t>
  </si>
  <si>
    <t>POINT (4.661901808348773 51.794356667196254)</t>
  </si>
  <si>
    <t>POINT (4.694490821377573 51.81863454421932)</t>
  </si>
  <si>
    <t>POINT (4.6852623275952165 51.7749150195515)</t>
  </si>
  <si>
    <t>POINT (4.734466528094825 51.79935856580698)</t>
  </si>
  <si>
    <t>POINT (4.683745930181466 51.80776643088248)</t>
  </si>
  <si>
    <t>POINT (4.659461067524937 51.80930392838602)</t>
  </si>
  <si>
    <t>POINT (4.672888815453069 51.78168696614524)</t>
  </si>
  <si>
    <t>POINT (4.666960848542477 51.81586665890128)</t>
  </si>
  <si>
    <t>POINT (4.663714224391827 51.79769310112773)</t>
  </si>
  <si>
    <t>POINT (4.705465568619024 51.79026820419757)</t>
  </si>
  <si>
    <t>POINT (4.6996918185704555 51.79006593576325)</t>
  </si>
  <si>
    <t>POINT (4.658167676952561 51.79615573910919)</t>
  </si>
  <si>
    <t>POINT (4.6565097555312605 51.7846748243875)</t>
  </si>
  <si>
    <t>POINT (4.685994206948289 51.79174573527682)</t>
  </si>
  <si>
    <t>POINT (4.679526135093634 51.78135538091644)</t>
  </si>
  <si>
    <t>POINT (4.6929105690689985 51.78470617223587)</t>
  </si>
  <si>
    <t>POINT (4.652810868243366 51.80407932743748)</t>
  </si>
  <si>
    <t>POINT (4.685251369984043 51.78134554063562)</t>
  </si>
  <si>
    <t>POINT (4.656617011203692 51.80218667979779)</t>
  </si>
  <si>
    <t>POINT (4.690850575171576 51.81170715763617)</t>
  </si>
  <si>
    <t>POINT (4.672875652081154 51.80605832341243)</t>
  </si>
  <si>
    <t>POINT (4.6559190079312325 51.810766471203216)</t>
  </si>
  <si>
    <t>POINT (4.684240216604909 51.78262663927844)</t>
  </si>
  <si>
    <t>POINT (4.719363747226899 51.81555712544764)</t>
  </si>
  <si>
    <t>POINT (4.684520749802348 51.802601427856146)</t>
  </si>
  <si>
    <t>3312HW</t>
  </si>
  <si>
    <t>POINT (4.688390371523799 51.806356866910654)</t>
  </si>
  <si>
    <t>POINT (4.6615721439620454 51.80904345794495)</t>
  </si>
  <si>
    <t>POINT (4.664747319436814 51.81523065933041)</t>
  </si>
  <si>
    <t>POINT (4.674576333730358 51.797108349450006)</t>
  </si>
  <si>
    <t>POINT (4.702523233742209 51.81679846782589)</t>
  </si>
  <si>
    <t>POINT (4.661235475865597 51.81253634700636)</t>
  </si>
  <si>
    <t>POINT (4.668637795893098 51.81036625999334)</t>
  </si>
  <si>
    <t>POINT (4.717426842644174 51.80449284759605)</t>
  </si>
  <si>
    <t>POINT (4.717890716763447 51.80315635708124)</t>
  </si>
  <si>
    <t>3316EM</t>
  </si>
  <si>
    <t>POINT (4.643382815654134 51.762902043881)</t>
  </si>
  <si>
    <t>POINT (4.6625118986995995 51.811706518126925)</t>
  </si>
  <si>
    <t>POINT (4.67446056191459 51.77842183407531)</t>
  </si>
  <si>
    <t>3311RG</t>
  </si>
  <si>
    <t>POINT (4.672098510636233 51.812689696393555)</t>
  </si>
  <si>
    <t>POINT (4.656539276428091 51.80683605684375)</t>
  </si>
  <si>
    <t>POINT (4.65245661658474 51.79088904174369)</t>
  </si>
  <si>
    <t>POINT (4.71287761345393 51.79522733737014)</t>
  </si>
  <si>
    <t>POINT (4.659279595196195 51.80951555606258)</t>
  </si>
  <si>
    <t>POINT (4.667825843379136 51.81168523679848)</t>
  </si>
  <si>
    <t>POINT (4.630720009118924 51.726442929361816)</t>
  </si>
  <si>
    <t>POINT (4.680463033546164 51.80547644443078)</t>
  </si>
  <si>
    <t>POINT (4.686863369365779 51.77755138519899)</t>
  </si>
  <si>
    <t>POINT (4.664362134852983 51.81336235470353)</t>
  </si>
  <si>
    <t>POINT (4.679167363687488 51.799847869181086)</t>
  </si>
  <si>
    <t>3312PR</t>
  </si>
  <si>
    <t>POINT (4.680525419085229 51.80266034453443)</t>
  </si>
  <si>
    <t>POINT (4.6951764713443795 51.79615241361838)</t>
  </si>
  <si>
    <t>POINT (4.661888255764654 51.804159610591746)</t>
  </si>
  <si>
    <t>POINT (4.636068423356495 51.775969275092116)</t>
  </si>
  <si>
    <t>POINT (4.655545319772062 51.79440356956161)</t>
  </si>
  <si>
    <t>POINT (4.659123254891151 51.81262035701575)</t>
  </si>
  <si>
    <t>POINT (4.662346174746325 51.7916256345809)</t>
  </si>
  <si>
    <t>POINT (4.642878153142363 51.77018722243039)</t>
  </si>
  <si>
    <t>3319VP</t>
  </si>
  <si>
    <t>Cypressenlaan</t>
  </si>
  <si>
    <t>POINT (4.709096982951015 51.79001676858672)</t>
  </si>
  <si>
    <t>POINT (4.698145444131332 51.817449385910486)</t>
  </si>
  <si>
    <t>POINT (4.652989336589457 51.79112134653255)</t>
  </si>
  <si>
    <t>POINT (4.683825303305872 51.79809115646877)</t>
  </si>
  <si>
    <t>POINT (4.671922603555094 51.81954411217389)</t>
  </si>
  <si>
    <t>POINT (4.651744260526497 51.79429718736783)</t>
  </si>
  <si>
    <t>POINT (4.678642118121381 51.789543582357304)</t>
  </si>
  <si>
    <t>POINT (4.657679278006551 51.81057831014046)</t>
  </si>
  <si>
    <t>POINT (4.678076925573221 51.787791192170445)</t>
  </si>
  <si>
    <t>POINT (4.658935799174707 51.77208414846978)</t>
  </si>
  <si>
    <t>POINT (4.652435650738206 51.78542406782582)</t>
  </si>
  <si>
    <t>POINT (4.6720801131245775 51.802167481528095)</t>
  </si>
  <si>
    <t>POINT (4.641949587318348 51.7761639700282)</t>
  </si>
  <si>
    <t>POINT (4.697599247891444 51.79611477862989)</t>
  </si>
  <si>
    <t>POINT (4.684803769996294 51.80460151106141)</t>
  </si>
  <si>
    <t>POINT (4.67501389289147 51.77882977688877)</t>
  </si>
  <si>
    <t>POINT (4.67578744195531 51.7849222407729)</t>
  </si>
  <si>
    <t>POINT (4.681518274647056 51.80700398441117)</t>
  </si>
  <si>
    <t>POINT (4.66985795291801 51.80085398191207)</t>
  </si>
  <si>
    <t>POINT (4.734759465539582 51.803122864698985)</t>
  </si>
  <si>
    <t>POINT (4.681684948784173 51.777711881525356)</t>
  </si>
  <si>
    <t>POINT (4.661217123985622 51.77345384622697)</t>
  </si>
  <si>
    <t>POINT (4.679627009649993 51.77651345203848)</t>
  </si>
  <si>
    <t>POINT (4.728471277155257 51.79982866653666)</t>
  </si>
  <si>
    <t>POINT (4.674399900712489 51.78518632781241)</t>
  </si>
  <si>
    <t>POINT (4.684475551166032 51.786749445691136)</t>
  </si>
  <si>
    <t>POINT (4.661230457547514 51.801480076044506)</t>
  </si>
  <si>
    <t>POINT (4.647625742419657 51.800705001751524)</t>
  </si>
  <si>
    <t>POINT (4.657974604532209 51.81334556002184)</t>
  </si>
  <si>
    <t>POINT (4.6819523284343925 51.80952700801308)</t>
  </si>
  <si>
    <t>POINT (4.667237841065156 51.78211110132342)</t>
  </si>
  <si>
    <t>POINT (4.68075674145802 51.80100844103501)</t>
  </si>
  <si>
    <t>POINT (4.688768327446323 51.81806112118019)</t>
  </si>
  <si>
    <t>POINT (4.700336584468983 51.800705437529984)</t>
  </si>
  <si>
    <t>POINT (4.657394296949327 51.79213186487052)</t>
  </si>
  <si>
    <t>POINT (4.667031189939903 51.81653378951858)</t>
  </si>
  <si>
    <t>POINT (4.702524665466087 51.81585909990433)</t>
  </si>
  <si>
    <t>POINT (4.659935896265969 51.77087000013343)</t>
  </si>
  <si>
    <t>POINT (4.721817334557708 51.79996059281369)</t>
  </si>
  <si>
    <t>POINT (4.725007209258166 51.796786366588634)</t>
  </si>
  <si>
    <t>POINT (4.678747608952365 51.78704583014296)</t>
  </si>
  <si>
    <t>POINT (4.720898967282822 51.80306609073104)</t>
  </si>
  <si>
    <t>POINT (4.715977904477018 51.815093222540376)</t>
  </si>
  <si>
    <t>POINT (4.715884592460627 51.81369868621325)</t>
  </si>
  <si>
    <t>POINT (4.67991424405921 51.805721099347615)</t>
  </si>
  <si>
    <t>POINT (4.690919712273549 51.78100553078062)</t>
  </si>
  <si>
    <t>POINT (4.6728251323715115 51.81330450671893)</t>
  </si>
  <si>
    <t>POINT (4.684683144998789 51.79245247398465)</t>
  </si>
  <si>
    <t>POINT (4.66624817944872 51.81513992606084)</t>
  </si>
  <si>
    <t>POINT (4.675834169884801 51.774918141208914)</t>
  </si>
  <si>
    <t>3313DE</t>
  </si>
  <si>
    <t>Werf van Montan</t>
  </si>
  <si>
    <t>POINT (4.682299735591223 51.81884802023181)</t>
  </si>
  <si>
    <t>POINT (4.698482246790591 51.79351044651444)</t>
  </si>
  <si>
    <t>POINT (4.695844150605401 51.79974953457389)</t>
  </si>
  <si>
    <t>POINT (4.6655241187110565 51.780984082154674)</t>
  </si>
  <si>
    <t>POINT (4.675739566320328 51.80499188614427)</t>
  </si>
  <si>
    <t>POINT (4.722840345539321 51.79984698464775)</t>
  </si>
  <si>
    <t>POINT (4.727878578509768 51.7984235856365)</t>
  </si>
  <si>
    <t>POINT (4.659605841737036 51.78971913651657)</t>
  </si>
  <si>
    <t>POINT (4.6678979469719195 51.81628078866295)</t>
  </si>
  <si>
    <t>POINT (4.71233747289729 51.814595974065824)</t>
  </si>
  <si>
    <t>POINT (4.671639796656697 51.78756704355845)</t>
  </si>
  <si>
    <t>POINT (4.721473499714695 51.758995899622676)</t>
  </si>
  <si>
    <t>POINT (4.676570463247802 51.786162124024294)</t>
  </si>
  <si>
    <t>POINT (4.672677522598039 51.781316315335395)</t>
  </si>
  <si>
    <t>POINT (4.676028419419386 51.789409304389125)</t>
  </si>
  <si>
    <t>POINT (4.6819023824398895 51.780639047035784)</t>
  </si>
  <si>
    <t>POINT (4.726297136976827 51.80593944776309)</t>
  </si>
  <si>
    <t>POINT (4.659308177579412 51.80887054331022)</t>
  </si>
  <si>
    <t>POINT (4.67023736945352 51.81705013429374)</t>
  </si>
  <si>
    <t>POINT (4.701170704173932 51.785056647277116)</t>
  </si>
  <si>
    <t>POINT (4.666878647940377 51.775892518012746)</t>
  </si>
  <si>
    <t>POINT (4.655517434948704 51.8103394951117)</t>
  </si>
  <si>
    <t>POINT (4.639759811219635 51.77839949387833)</t>
  </si>
  <si>
    <t>POINT (4.707156096235439 51.796641415485546)</t>
  </si>
  <si>
    <t>POINT (4.666668343396524 51.812671420366954)</t>
  </si>
  <si>
    <t>POINT (4.6719112095636826 51.80899649234751)</t>
  </si>
  <si>
    <t>POINT (4.680229117545795 51.77496624369389)</t>
  </si>
  <si>
    <t>POINT (4.675896964557842 51.78527440802987)</t>
  </si>
  <si>
    <t>POINT (4.677060664979746 51.772698108795446)</t>
  </si>
  <si>
    <t>3314GH</t>
  </si>
  <si>
    <t>POINT (4.656897673154329 51.80402484470384)</t>
  </si>
  <si>
    <t>POINT (4.6615099510138425 51.7912146427066)</t>
  </si>
  <si>
    <t>POINT (4.630037406730756 51.72669234682114)</t>
  </si>
  <si>
    <t>POINT (4.671611786192547 51.8150431099939)</t>
  </si>
  <si>
    <t>POINT (4.675182096018901 51.807214856373086)</t>
  </si>
  <si>
    <t>POINT (4.732755224116776 51.798543219520724)</t>
  </si>
  <si>
    <t>POINT (4.7278414358221825 51.80301916115309)</t>
  </si>
  <si>
    <t>POINT (4.673450152768635 51.776750756163366)</t>
  </si>
  <si>
    <t>POINT (4.6597238104305285 51.79334804250173)</t>
  </si>
  <si>
    <t>POINT (4.671564298279794 51.7766543212822)</t>
  </si>
  <si>
    <t>POINT (4.662541554156552 51.80533113414203)</t>
  </si>
  <si>
    <t>POINT (4.676797711988293 51.78660444100892)</t>
  </si>
  <si>
    <t>POINT (4.725741190031115 51.79937562333229)</t>
  </si>
  <si>
    <t>POINT (4.682232068133548 51.78213707184898)</t>
  </si>
  <si>
    <t>POINT (4.701263918439519 51.796700902607974)</t>
  </si>
  <si>
    <t>POINT (4.822894818121961 51.8177234720651)</t>
  </si>
  <si>
    <t>POINT (4.668234308524511 51.79630669624486)</t>
  </si>
  <si>
    <t>POINT (4.689039583467093 51.817998708947194)</t>
  </si>
  <si>
    <t>POINT (4.715284557140884 51.809913902579524)</t>
  </si>
  <si>
    <t>POINT (4.652250103989508 51.78560678765137)</t>
  </si>
  <si>
    <t>POINT (4.661759009955521 51.8140088924359)</t>
  </si>
  <si>
    <t>POINT (4.664232260391189 51.78612139928489)</t>
  </si>
  <si>
    <t>POINT (4.714308739814153 51.805535695339714)</t>
  </si>
  <si>
    <t>POINT (4.669370204003576 51.80942915144658)</t>
  </si>
  <si>
    <t>POINT (4.686008918752747 51.7808230285702)</t>
  </si>
  <si>
    <t>POINT (4.714681727225333 51.80771541380507)</t>
  </si>
  <si>
    <t>POINT (4.687150000337771 51.80547676370808)</t>
  </si>
  <si>
    <t>POINT (4.663481101846088 51.790241379030164)</t>
  </si>
  <si>
    <t>POINT (4.720767516167099 51.7952690313157)</t>
  </si>
  <si>
    <t>POINT (4.667747154211716 51.81427635173081)</t>
  </si>
  <si>
    <t>POINT (4.731320120193262 51.795296274583926)</t>
  </si>
  <si>
    <t>POINT (4.672127585408699 51.781053019615236)</t>
  </si>
  <si>
    <t>POINT (4.673993457316927 51.81659695368263)</t>
  </si>
  <si>
    <t>POINT (4.6646948616199175 51.78946377837518)</t>
  </si>
  <si>
    <t>POINT (4.675929959447242 51.807774433672805)</t>
  </si>
  <si>
    <t>POINT (4.678565802806088 51.774713654384364)</t>
  </si>
  <si>
    <t>POINT (4.673710322795516 51.80856432145205)</t>
  </si>
  <si>
    <t>POINT (4.7160157572054 51.8157380320029)</t>
  </si>
  <si>
    <t>3314ET</t>
  </si>
  <si>
    <t>3314ES-3314ET</t>
  </si>
  <si>
    <t>POINT (4.656138354721247 51.80288617412577)</t>
  </si>
  <si>
    <t>POINT (4.636419075651312 51.767942799090854)</t>
  </si>
  <si>
    <t>POINT (4.663718381906918 51.78555655357464)</t>
  </si>
  <si>
    <t>POINT (4.6597910588645535 51.80217435575904)</t>
  </si>
  <si>
    <t>POINT (4.664530944574152 51.81214429567863)</t>
  </si>
  <si>
    <t>POINT (4.691456538173714 51.79191824688292)</t>
  </si>
  <si>
    <t>POINT (4.660232360425488 51.79714313270981)</t>
  </si>
  <si>
    <t>POINT (4.7328159918578505 51.79737442403582)</t>
  </si>
  <si>
    <t>POINT (4.674399822339345 51.80810128939065)</t>
  </si>
  <si>
    <t>POINT (4.674350548732467 51.81797029040562)</t>
  </si>
  <si>
    <t>POINT (4.6661179878244825 51.78148753386207)</t>
  </si>
  <si>
    <t>POINT (4.669065753781227 51.790203834503295)</t>
  </si>
  <si>
    <t>POINT (4.666908936640285 51.78798279733495)</t>
  </si>
  <si>
    <t>POINT (4.651613834830388 51.78164191042491)</t>
  </si>
  <si>
    <t>POINT (4.7130549994585635 51.79564278784865)</t>
  </si>
  <si>
    <t>POINT (4.662682859764062 51.79522456133317)</t>
  </si>
  <si>
    <t>POINT (4.7128459109344245 51.795501704730746)</t>
  </si>
  <si>
    <t>POINT (4.711428660293563 51.791976709400615)</t>
  </si>
  <si>
    <t>POINT (4.678696160400294 51.78560757084625)</t>
  </si>
  <si>
    <t>POINT (4.702886067255646 51.78889425126818)</t>
  </si>
  <si>
    <t>POINT (4.653769867566529 51.785831256009295)</t>
  </si>
  <si>
    <t>POINT (4.687047755922668 51.80443693767374)</t>
  </si>
  <si>
    <t>POINT (4.703071179349775 51.788889047866896)</t>
  </si>
  <si>
    <t>POINT (4.657972304937416 51.81351642062896)</t>
  </si>
  <si>
    <t>POINT (4.6601969856019645 51.80462270408389)</t>
  </si>
  <si>
    <t>POINT (4.679651724855904 51.77656924122029)</t>
  </si>
  <si>
    <t>POINT (4.680811217255542 51.787713182031865)</t>
  </si>
  <si>
    <t>POINT (4.676454791495593 51.78360062385124)</t>
  </si>
  <si>
    <t>POINT (4.637076635824881 51.778215838754186)</t>
  </si>
  <si>
    <t>POINT (4.689093951814422 51.806360353760304)</t>
  </si>
  <si>
    <t>POINT (4.703004520552858 51.79054059724519)</t>
  </si>
  <si>
    <t>POINT (4.709819002018265 51.788641997453816)</t>
  </si>
  <si>
    <t>POINT (4.656622685070327 51.78793559957855)</t>
  </si>
  <si>
    <t>POINT (4.671320021597805 51.81680117747222)</t>
  </si>
  <si>
    <t>POINT (4.677600363586052 51.790413143698025)</t>
  </si>
  <si>
    <t>POINT (4.710547754178912 51.81542196269248)</t>
  </si>
  <si>
    <t>POINT (4.672363599647327 51.81899545218372)</t>
  </si>
  <si>
    <t>POINT (4.680394711836223 51.78685983949211)</t>
  </si>
  <si>
    <t>POINT (4.66952814601099 51.80819932455238)</t>
  </si>
  <si>
    <t>POINT (4.7112272281871705 51.804129794884226)</t>
  </si>
  <si>
    <t>POINT (4.678955332761444 51.78088250983161)</t>
  </si>
  <si>
    <t>POINT (4.684278657223293 51.811600565969556)</t>
  </si>
  <si>
    <t>POINT (4.655674381356261 51.80015895144093)</t>
  </si>
  <si>
    <t>POINT (4.658409617436137 51.8108008957878)</t>
  </si>
  <si>
    <t>POINT (4.628889922462339 51.721959488888494)</t>
  </si>
  <si>
    <t>POINT (4.6744523228262524 51.81802334840943)</t>
  </si>
  <si>
    <t>POINT (4.658901756809862 51.79310484925614)</t>
  </si>
  <si>
    <t>3319SV</t>
  </si>
  <si>
    <t>POINT (4.697766882367864 51.79224051379005)</t>
  </si>
  <si>
    <t>POINT (4.659138609612649 51.81275074326149)</t>
  </si>
  <si>
    <t>POINT (4.663689606008167 51.8176289198288)</t>
  </si>
  <si>
    <t>POINT (4.67408920805028 51.78063352216378)</t>
  </si>
  <si>
    <t>POINT (4.685556648354802 51.78540679561619)</t>
  </si>
  <si>
    <t>POINT (4.653588508487627 51.7873754081218)</t>
  </si>
  <si>
    <t>POINT (4.717656243645778 51.815215697899525)</t>
  </si>
  <si>
    <t>POINT (4.66105242313266 51.7966622371536)</t>
  </si>
  <si>
    <t>3328XS</t>
  </si>
  <si>
    <t>POINT (4.678405721149952 51.78137890773173)</t>
  </si>
  <si>
    <t>POINT (4.685946394941177 51.7878958650233)</t>
  </si>
  <si>
    <t>POINT (4.67196157565824 51.77871733445769)</t>
  </si>
  <si>
    <t>POINT (4.703839459360193 51.81601468917266)</t>
  </si>
  <si>
    <t>POINT (4.669735995062757 51.800782881753776)</t>
  </si>
  <si>
    <t>POINT (4.685941633410132 51.78786744129448)</t>
  </si>
  <si>
    <t>POINT (4.672658429140606 51.780257895732674)</t>
  </si>
  <si>
    <t>POINT (4.667782289084047 51.794618796672516)</t>
  </si>
  <si>
    <t>POINT (4.717971410522395 51.8012192874907)</t>
  </si>
  <si>
    <t>POINT (4.6562011081998405 51.78455531994945)</t>
  </si>
  <si>
    <t>POINT (4.659523131785502 51.795959400420436)</t>
  </si>
  <si>
    <t>POINT (4.727890427880409 51.80008050171459)</t>
  </si>
  <si>
    <t>POINT (4.677263067059442 51.80447966258582)</t>
  </si>
  <si>
    <t>POINT (4.666879999376397 51.793883117335234)</t>
  </si>
  <si>
    <t>POINT (4.648459024492497 51.77726602877686)</t>
  </si>
  <si>
    <t>POINT (4.66468844904429 51.79963764249075)</t>
  </si>
  <si>
    <t>3312LJ</t>
  </si>
  <si>
    <t>Leerambachtstraat</t>
  </si>
  <si>
    <t>POINT (4.687445032364873 51.80400914577075)</t>
  </si>
  <si>
    <t>POINT (4.664873188513126 51.8129189348718)</t>
  </si>
  <si>
    <t>POINT (4.671822178414153 51.81735886734884)</t>
  </si>
  <si>
    <t>POINT (4.67368675567626 51.81086093750166)</t>
  </si>
  <si>
    <t>POINT (4.685144291218321 51.81310130856839)</t>
  </si>
  <si>
    <t>POINT (4.667023551379336 51.773368764878626)</t>
  </si>
  <si>
    <t>POINT (4.661753428232997 51.81664221742739)</t>
  </si>
  <si>
    <t>POINT (4.652049693310706 51.792744063752885)</t>
  </si>
  <si>
    <t>POINT (4.661616460801375 51.801160165127136)</t>
  </si>
  <si>
    <t>POINT (4.6537435886690774 51.78574314608959)</t>
  </si>
  <si>
    <t>POINT (4.736537950906169 51.80049519664187)</t>
  </si>
  <si>
    <t>3316AS</t>
  </si>
  <si>
    <t>POINT (4.641020208964277 51.796624890189726)</t>
  </si>
  <si>
    <t>POINT (4.711677720353783 51.79160959062846)</t>
  </si>
  <si>
    <t>POINT (4.679104447742783 51.78176015894392)</t>
  </si>
  <si>
    <t>POINT (4.665139060836064 51.802166364746306)</t>
  </si>
  <si>
    <t>3317HW</t>
  </si>
  <si>
    <t>Zinnia</t>
  </si>
  <si>
    <t>POINT (4.671370079150895 51.79696156897112)</t>
  </si>
  <si>
    <t>POINT (4.660268579575262 51.793103897404556)</t>
  </si>
  <si>
    <t>3313LJ</t>
  </si>
  <si>
    <t>Veerplaat</t>
  </si>
  <si>
    <t>POINT (4.7134888552864345 51.82011867181794)</t>
  </si>
  <si>
    <t>POINT (4.665512454832009 51.78683939922703)</t>
  </si>
  <si>
    <t>3317SG</t>
  </si>
  <si>
    <t>POINT (4.66167754682328 51.786825882465095)</t>
  </si>
  <si>
    <t>POINT (4.66091354426853 51.800890946230425)</t>
  </si>
  <si>
    <t>POINT (4.643252221858391 51.7673049014899)</t>
  </si>
  <si>
    <t>POINT (4.695347628823727 51.79687944701539)</t>
  </si>
  <si>
    <t>POINT (4.690555679121472 51.76944183771366)</t>
  </si>
  <si>
    <t>3316AG</t>
  </si>
  <si>
    <t>Fahrenheitstraat</t>
  </si>
  <si>
    <t>POINT (4.643486968197797 51.79867780023528)</t>
  </si>
  <si>
    <t>POINT (4.662965543526573 51.80983471084168)</t>
  </si>
  <si>
    <t>POINT (4.667560235836344 51.810983614921184)</t>
  </si>
  <si>
    <t>POINT (4.704363750057341 51.795972395342424)</t>
  </si>
  <si>
    <t>POINT (4.724625152106709 51.80617424907966)</t>
  </si>
  <si>
    <t>POINT (4.729362038922791 51.80014913843252)</t>
  </si>
  <si>
    <t>POINT (4.7096453053110405 51.80496247611109)</t>
  </si>
  <si>
    <t>POINT (4.655564594868563 51.80795598821383)</t>
  </si>
  <si>
    <t>POINT (4.660482821862324 51.81120521935829)</t>
  </si>
  <si>
    <t>POINT (4.66169048647268 51.769609430490085)</t>
  </si>
  <si>
    <t>POINT (4.682692104758899 51.80276681121534)</t>
  </si>
  <si>
    <t>POINT (4.666226550659392 51.81509491272834)</t>
  </si>
  <si>
    <t>POINT (4.72629752761205 51.79786524148505)</t>
  </si>
  <si>
    <t>3319HV</t>
  </si>
  <si>
    <t>Rozemarijnstraat</t>
  </si>
  <si>
    <t>POINT (4.708372707173812 51.79641380299739)</t>
  </si>
  <si>
    <t>POINT (4.660208744441812 51.8019838673218)</t>
  </si>
  <si>
    <t>POINT (4.685856847053053 51.7866784320468)</t>
  </si>
  <si>
    <t>POINT (4.631652994750816 51.76891569323101)</t>
  </si>
  <si>
    <t>POINT (4.711717131449396 51.79636382127441)</t>
  </si>
  <si>
    <t>POINT (4.6695652572447806 51.77905275350971)</t>
  </si>
  <si>
    <t>POINT (4.682610917677767 51.780119426055705)</t>
  </si>
  <si>
    <t>POINT (4.724635115913929 51.79234257850476)</t>
  </si>
  <si>
    <t>POINT (4.714466912009007 51.80821555105321)</t>
  </si>
  <si>
    <t>POINT (4.660184762046366 51.8111888474388)</t>
  </si>
  <si>
    <t>POINT (4.704702603216231 51.798571847880254)</t>
  </si>
  <si>
    <t>POINT (4.661125311131136 51.789837601931765)</t>
  </si>
  <si>
    <t>POINT (4.721483964543803 51.795220865738486)</t>
  </si>
  <si>
    <t>POINT (4.684133499502237 51.810111514978765)</t>
  </si>
  <si>
    <t>POINT (4.654653166230736 51.78802518606691)</t>
  </si>
  <si>
    <t>POINT (4.668401322513668 51.793273846170436)</t>
  </si>
  <si>
    <t>POINT (4.658557648377373 51.813353648969915)</t>
  </si>
  <si>
    <t>POINT (4.661179735156969 51.81253966954926)</t>
  </si>
  <si>
    <t>POINT (4.678706888669777 51.817308102219954)</t>
  </si>
  <si>
    <t>POINT (4.716558984913653 51.79944575323862)</t>
  </si>
  <si>
    <t>POINT (4.6729336860529465 51.8060378139628)</t>
  </si>
  <si>
    <t>POINT (4.6701677171800045 51.79953458313289)</t>
  </si>
  <si>
    <t>POINT (4.725841115242872 51.80458051997699)</t>
  </si>
  <si>
    <t>POINT (4.708604581211454 51.80882159936491)</t>
  </si>
  <si>
    <t>POINT (4.704064880221652 51.79456022603436)</t>
  </si>
  <si>
    <t>POINT (4.722561748590185 51.80545527287626)</t>
  </si>
  <si>
    <t>3328AZ</t>
  </si>
  <si>
    <t>POINT (4.683941679775069 51.77835258502874)</t>
  </si>
  <si>
    <t>3319VA</t>
  </si>
  <si>
    <t>POINT (4.707735323095933 51.78979708988431)</t>
  </si>
  <si>
    <t>POINT (4.678622874994054 51.787084689939476)</t>
  </si>
  <si>
    <t>POINT (4.651049297685094 51.793417462994185)</t>
  </si>
  <si>
    <t>POINT (4.660087732923003 51.789554206331495)</t>
  </si>
  <si>
    <t>POINT (4.67648744876375 51.803452603863825)</t>
  </si>
  <si>
    <t>POINT (4.6648583962250605 51.81376886723329)</t>
  </si>
  <si>
    <t>POINT (4.69619117122319 51.796791250717604)</t>
  </si>
  <si>
    <t>POINT (4.667962177569301 51.813615743677914)</t>
  </si>
  <si>
    <t>POINT (4.671396028828084 51.81441477141129)</t>
  </si>
  <si>
    <t>POINT (4.677071880307734 51.81581278061929)</t>
  </si>
  <si>
    <t>POINT (4.683905175156327 51.78509693513041)</t>
  </si>
  <si>
    <t>POINT (4.70096223677688 51.795068935767425)</t>
  </si>
  <si>
    <t>POINT (4.667860458326985 51.7949329275444)</t>
  </si>
  <si>
    <t>POINT (4.679123015776441 51.78021569768723)</t>
  </si>
  <si>
    <t>POINT (4.663119039123537 51.81402521081057)</t>
  </si>
  <si>
    <t>POINT (4.66443710119882 51.816774172342186)</t>
  </si>
  <si>
    <t>POINT (4.659124227425932 51.80391568947229)</t>
  </si>
  <si>
    <t>POINT (4.669353767644888 51.80822729136563)</t>
  </si>
  <si>
    <t>3319GM</t>
  </si>
  <si>
    <t>POINT (4.711987583369043 51.80158338229999)</t>
  </si>
  <si>
    <t>BU05051005</t>
  </si>
  <si>
    <t>Vissersdijk-Noord</t>
  </si>
  <si>
    <t>POINT (4.657517287331057 51.793272811426164)</t>
  </si>
  <si>
    <t>POINT (4.6824116927118995 51.806052375026084)</t>
  </si>
  <si>
    <t>POINT (4.688483898782206 51.80853328312364)</t>
  </si>
  <si>
    <t>POINT (4.728324380539626 51.797280487322645)</t>
  </si>
  <si>
    <t>3317LN</t>
  </si>
  <si>
    <t>POINT (4.659736531976955 51.78787501452825)</t>
  </si>
  <si>
    <t>POINT (4.730209863747896 51.80523835628784)</t>
  </si>
  <si>
    <t>POINT (4.685778640756816 51.78634368407487)</t>
  </si>
  <si>
    <t>POINT (4.682681217746144 51.80478346272757)</t>
  </si>
  <si>
    <t>POINT (4.668210811710838 51.804139503338554)</t>
  </si>
  <si>
    <t>POINT (4.727762632007238 51.79783936431183)</t>
  </si>
  <si>
    <t>POINT (4.7011261499331845 51.79829773347405)</t>
  </si>
  <si>
    <t>POINT (4.660459807190605 51.810739247209)</t>
  </si>
  <si>
    <t>3311KN</t>
  </si>
  <si>
    <t>Loverstraat</t>
  </si>
  <si>
    <t>POINT (4.665472440555441 51.813569330319375)</t>
  </si>
  <si>
    <t>POINT (4.686750422040114 51.80452735989724)</t>
  </si>
  <si>
    <t>POINT (4.6756801380121695 51.78327970497995)</t>
  </si>
  <si>
    <t>POINT (4.665677795418721 51.803765971185896)</t>
  </si>
  <si>
    <t>POINT (4.727251698358295 51.798647824494665)</t>
  </si>
  <si>
    <t>POINT (4.723958134031783 51.79750642696835)</t>
  </si>
  <si>
    <t>POINT (4.6657934599928055 51.77777332568775)</t>
  </si>
  <si>
    <t>3311DG</t>
  </si>
  <si>
    <t>Noordhoveweg</t>
  </si>
  <si>
    <t>POINT (4.679758346540925 51.811489025917346)</t>
  </si>
  <si>
    <t>POINT (4.725361019431728 51.79641170270799)</t>
  </si>
  <si>
    <t>POINT (4.681274952935414 51.77667504864898)</t>
  </si>
  <si>
    <t>POINT (4.652251541462253 51.78524448836936)</t>
  </si>
  <si>
    <t>POINT (4.674255807156453 51.815979650974626)</t>
  </si>
  <si>
    <t>POINT (4.629243143834505 51.72476482339813)</t>
  </si>
  <si>
    <t>POINT (4.676912836962587 51.80398719265059)</t>
  </si>
  <si>
    <t>POINT (4.681240944966375 51.81251473433048)</t>
  </si>
  <si>
    <t>POINT (4.676587034319902 51.77851896097737)</t>
  </si>
  <si>
    <t>3314LD</t>
  </si>
  <si>
    <t>POINT (4.668061832258657 51.80366492255205)</t>
  </si>
  <si>
    <t>POINT (4.653672684959492 51.80617044659441)</t>
  </si>
  <si>
    <t>POINT (4.711587802204384 51.79864055062027)</t>
  </si>
  <si>
    <t>POINT (4.671588954166372 51.802750863829736)</t>
  </si>
  <si>
    <t>POINT (4.7067426021843275 51.7978852060228)</t>
  </si>
  <si>
    <t>POINT (4.7222677957804144 51.803456385336524)</t>
  </si>
  <si>
    <t>POINT (4.686292731517707 51.8114532708105)</t>
  </si>
  <si>
    <t>POINT (4.706954729411391 51.8090744166339)</t>
  </si>
  <si>
    <t>POINT (4.660544874617761 51.77176922291981)</t>
  </si>
  <si>
    <t>POINT (4.724128664858932 51.79906040421889)</t>
  </si>
  <si>
    <t>POINT (4.675487757743662 51.81672857669842)</t>
  </si>
  <si>
    <t>POINT (4.676422336515215 51.804398124108964)</t>
  </si>
  <si>
    <t>POINT (4.664163039065093 51.801181225063814)</t>
  </si>
  <si>
    <t>POINT (4.659430083838022 51.81501467016841)</t>
  </si>
  <si>
    <t>3317JB</t>
  </si>
  <si>
    <t>Lobelia</t>
  </si>
  <si>
    <t>POINT (4.673368215629304 51.79342801039217)</t>
  </si>
  <si>
    <t>POINT (4.653295665771144 51.79344111029145)</t>
  </si>
  <si>
    <t>POINT (4.6722756301669675 51.80869267564191)</t>
  </si>
  <si>
    <t>POINT (4.675075601067215 51.815270002254984)</t>
  </si>
  <si>
    <t>POINT (4.674035801597607 51.79998005151341)</t>
  </si>
  <si>
    <t>POINT (4.724161450713503 51.80294255092276)</t>
  </si>
  <si>
    <t>POINT (4.654187647663881 51.79095662546959)</t>
  </si>
  <si>
    <t>POINT (4.723418338510829 51.802568898272725)</t>
  </si>
  <si>
    <t>POINT (4.681636731877337 51.809931003190094)</t>
  </si>
  <si>
    <t>POINT (4.726847895427568 51.79363091248342)</t>
  </si>
  <si>
    <t>POINT (4.676942660870345 51.78610270676342)</t>
  </si>
  <si>
    <t>POINT (4.677983987367117 51.81401482819156)</t>
  </si>
  <si>
    <t>POINT (4.675632968730238 51.783294178294284)</t>
  </si>
  <si>
    <t>POINT (4.672375075516694 51.77751614127775)</t>
  </si>
  <si>
    <t>POINT (4.729026866384413 51.79972377692932)</t>
  </si>
  <si>
    <t>POINT (4.685490835708951 51.785129972732754)</t>
  </si>
  <si>
    <t>POINT (4.662559421898186 51.800845428914954)</t>
  </si>
  <si>
    <t>POINT (4.673332312315016 51.81610628744055)</t>
  </si>
  <si>
    <t>POINT (4.6852653526827925 51.7758338806565)</t>
  </si>
  <si>
    <t>POINT (4.656664028232663 51.8003098715934)</t>
  </si>
  <si>
    <t>POINT (4.662319562801003 51.79128276682111)</t>
  </si>
  <si>
    <t>POINT (4.660527900332966 51.80409384581238)</t>
  </si>
  <si>
    <t>POINT (4.675216010752276 51.81764320606327)</t>
  </si>
  <si>
    <t>3312LK</t>
  </si>
  <si>
    <t>POINT (4.692553760706747 51.80165675834736)</t>
  </si>
  <si>
    <t>POINT (4.701664729076605 51.78895321411108)</t>
  </si>
  <si>
    <t>POINT (4.682662356592624 51.8090152066867)</t>
  </si>
  <si>
    <t>POINT (4.634287491485366 51.78361817705209)</t>
  </si>
  <si>
    <t>POINT (4.685712277763691 51.803375075527626)</t>
  </si>
  <si>
    <t>POINT (4.674000157684764 51.81622385681767)</t>
  </si>
  <si>
    <t>POINT (4.701279133198391 51.79620276775761)</t>
  </si>
  <si>
    <t>POINT (4.67834619585995 51.79351052610929)</t>
  </si>
  <si>
    <t>POINT (4.712873164400844 51.798398186310585)</t>
  </si>
  <si>
    <t>POINT (4.686197956625114 51.778834438769266)</t>
  </si>
  <si>
    <t>POINT (4.670174353872668 51.7988380721817)</t>
  </si>
  <si>
    <t>3314ES</t>
  </si>
  <si>
    <t>POINT (4.6564791975739235 51.80360436384715)</t>
  </si>
  <si>
    <t>POINT (4.682751846807205 51.802510156718995)</t>
  </si>
  <si>
    <t>POINT (4.677959215388605 51.787898479714784)</t>
  </si>
  <si>
    <t>POINT (4.666849519156235 51.77633760413322)</t>
  </si>
  <si>
    <t>POINT (4.729571990040592 51.8000928779522)</t>
  </si>
  <si>
    <t>POINT (4.67938959706693 51.778114903193696)</t>
  </si>
  <si>
    <t>POINT (4.656165011385883 51.80284812026946)</t>
  </si>
  <si>
    <t>POINT (4.666741997322096 51.80926198091986)</t>
  </si>
  <si>
    <t>POINT (4.70887691587612 51.81868794800919)</t>
  </si>
  <si>
    <t>POINT (4.643463006050605 51.77017554424753)</t>
  </si>
  <si>
    <t>POINT (4.675999738920926 51.81463051658722)</t>
  </si>
  <si>
    <t>POINT (4.650923529175193 51.8013829787842)</t>
  </si>
  <si>
    <t>POINT (4.679698339061139 51.81682856968944)</t>
  </si>
  <si>
    <t>POINT (4.656094544201534 51.810713839574326)</t>
  </si>
  <si>
    <t>POINT (4.664683137251069 51.77244484614817)</t>
  </si>
  <si>
    <t>POINT (4.678915410056165 51.80583162160527)</t>
  </si>
  <si>
    <t>POINT (4.676238675826961 51.81844269129645)</t>
  </si>
  <si>
    <t>POINT (4.715226113871653 51.80110621412067)</t>
  </si>
  <si>
    <t>POINT (4.6720430376685975 51.81805814753423)</t>
  </si>
  <si>
    <t>POINT (4.66781331610906 51.81092984134264)</t>
  </si>
  <si>
    <t>POINT (4.669095867642747 51.7986144352785)</t>
  </si>
  <si>
    <t>POINT (4.688077865625423 51.819007677177936)</t>
  </si>
  <si>
    <t>POINT (4.726221570781373 51.80042990288868)</t>
  </si>
  <si>
    <t>POINT (4.681446381277509 51.80672710542919)</t>
  </si>
  <si>
    <t>POINT (4.674640117194526 51.814394388364946)</t>
  </si>
  <si>
    <t>POINT (4.671981877847257 51.80393697031748)</t>
  </si>
  <si>
    <t>POINT (4.712385037465207 51.8088147623283)</t>
  </si>
  <si>
    <t>POINT (4.667164867392622 51.81780851144175)</t>
  </si>
  <si>
    <t>POINT (4.677929354747334 51.81559126290122)</t>
  </si>
  <si>
    <t>POINT (4.658938803005669 51.77202638758845)</t>
  </si>
  <si>
    <t>POINT (4.674226973859745 51.782105127391716)</t>
  </si>
  <si>
    <t>POINT (4.703847183951904 51.807600999834975)</t>
  </si>
  <si>
    <t>POINT (4.698735792422611 51.78894646137698)</t>
  </si>
  <si>
    <t>POINT (4.652202883973876 51.794834647068036)</t>
  </si>
  <si>
    <t>POINT (4.678297230667802 51.807565570119436)</t>
  </si>
  <si>
    <t>POINT (4.655453756746533 51.78450239075839)</t>
  </si>
  <si>
    <t>POINT (4.712855005132834 51.81511100471709)</t>
  </si>
  <si>
    <t>3311RR</t>
  </si>
  <si>
    <t>POINT (4.679165605656887 51.81569744139855)</t>
  </si>
  <si>
    <t>POINT (4.730741625021127 51.79982710792321)</t>
  </si>
  <si>
    <t>POINT (4.636513072001869 51.76767963494828)</t>
  </si>
  <si>
    <t>POINT (4.653782484827442 51.801925510097895)</t>
  </si>
  <si>
    <t>POINT (4.710978456991402 51.8062992911163)</t>
  </si>
  <si>
    <t>POINT (4.677386704292913 51.77508400505033)</t>
  </si>
  <si>
    <t>POINT (4.655395549092407 51.801943797645066)</t>
  </si>
  <si>
    <t>POINT (4.635869614842656 51.77603477005299)</t>
  </si>
  <si>
    <t>POINT (4.681460998367586 51.81079232825044)</t>
  </si>
  <si>
    <t>POINT (4.652430322567694 51.80199348111519)</t>
  </si>
  <si>
    <t>POINT (4.674051872576493 51.81477368756472)</t>
  </si>
  <si>
    <t>POINT (4.656638372079048 51.78758533523491)</t>
  </si>
  <si>
    <t>POINT (4.683342770627647 51.806538839629674)</t>
  </si>
  <si>
    <t>POINT (4.672917102942563 51.77939172847757)</t>
  </si>
  <si>
    <t>POINT (4.6871286042941795 51.814698249970576)</t>
  </si>
  <si>
    <t>POINT (4.68115503966896 51.777050558006785)</t>
  </si>
  <si>
    <t>POINT (4.635803950527031 51.77591522157451)</t>
  </si>
  <si>
    <t>POINT (4.708317435429268 51.811689069461465)</t>
  </si>
  <si>
    <t>3316GK</t>
  </si>
  <si>
    <t>POINT (4.635486694119137 51.78026822457429)</t>
  </si>
  <si>
    <t>POINT (4.673457584261603 51.81842869635024)</t>
  </si>
  <si>
    <t>POINT (4.630101131469177 51.72641014177972)</t>
  </si>
  <si>
    <t>POINT (4.660094261597412 51.80209824917682)</t>
  </si>
  <si>
    <t>3315NC</t>
  </si>
  <si>
    <t>POINT (4.7132495923269255 51.807747610279705)</t>
  </si>
  <si>
    <t>POINT (4.680448723456374 51.780588607488106)</t>
  </si>
  <si>
    <t>POINT (4.686815549510149 51.804754424930756)</t>
  </si>
  <si>
    <t>POINT (4.655492502078731 51.78967299484948)</t>
  </si>
  <si>
    <t>3314LG</t>
  </si>
  <si>
    <t>POINT (4.665164643092462 51.8029130418724)</t>
  </si>
  <si>
    <t>3314AE</t>
  </si>
  <si>
    <t>POINT (4.659072942390421 51.80628648046687)</t>
  </si>
  <si>
    <t>POINT (4.6668848206251585 51.81801801777203)</t>
  </si>
  <si>
    <t>3317AT</t>
  </si>
  <si>
    <t>3312RM</t>
  </si>
  <si>
    <t>POINT (4.690114720444336 51.80660182639209)</t>
  </si>
  <si>
    <t>POINT (4.665600087852024 51.77341455880181)</t>
  </si>
  <si>
    <t>POINT (4.673206615623862 51.804469080636274)</t>
  </si>
  <si>
    <t>POINT (4.721354625957982 51.80022170377581)</t>
  </si>
  <si>
    <t>POINT (4.685737091417129 51.80303165884798)</t>
  </si>
  <si>
    <t>POINT (4.687757613158024 51.80963611704778)</t>
  </si>
  <si>
    <t>POINT (4.680508406412256 51.780288358000405)</t>
  </si>
  <si>
    <t>POINT (4.671083799843778 51.818703374599366)</t>
  </si>
  <si>
    <t>POINT (4.673867715612643 51.77498352735793)</t>
  </si>
  <si>
    <t>POINT (4.724619637203635 51.79715067258952)</t>
  </si>
  <si>
    <t>POINT (4.680646032324285 51.78190622711606)</t>
  </si>
  <si>
    <t>POINT (4.632498899825981 51.7698810490107)</t>
  </si>
  <si>
    <t>POINT (4.679227649835014 51.77900803204686)</t>
  </si>
  <si>
    <t>POINT (4.676354210293675 51.77787302401163)</t>
  </si>
  <si>
    <t>POINT (4.663876412415486 51.78589940468774)</t>
  </si>
  <si>
    <t>POINT (4.6740501612541445 51.77496763921993)</t>
  </si>
  <si>
    <t>POINT (4.6538057673391355 51.800575813394055)</t>
  </si>
  <si>
    <t>3315WX</t>
  </si>
  <si>
    <t>POINT (4.706920855981025 51.805456638966625)</t>
  </si>
  <si>
    <t>POINT (4.67498595726233 51.815282087338545)</t>
  </si>
  <si>
    <t>POINT (4.70718283023621 51.807766443056224)</t>
  </si>
  <si>
    <t>3311DJ</t>
  </si>
  <si>
    <t>POINT (4.683035315153111 51.812265931416334)</t>
  </si>
  <si>
    <t>POINT (4.7179763345362415 51.80399743660455)</t>
  </si>
  <si>
    <t>POINT (4.666147312682553 51.77377869570036)</t>
  </si>
  <si>
    <t>POINT (4.665426429465535 51.79602548450038)</t>
  </si>
  <si>
    <t>POINT (4.701018505704925 51.79710002947753)</t>
  </si>
  <si>
    <t>POINT (4.706130807707978 51.79457298339222)</t>
  </si>
  <si>
    <t>POINT (4.715570104352047 51.80327380988988)</t>
  </si>
  <si>
    <t>POINT (4.672794113627668 51.78743162622863)</t>
  </si>
  <si>
    <t>POINT (4.660646818108933 51.813415383614306)</t>
  </si>
  <si>
    <t>POINT (4.656538412217826 51.80154876582633)</t>
  </si>
  <si>
    <t>POINT (4.674584148562603 51.818107608684855)</t>
  </si>
  <si>
    <t>POINT (4.684722574047033 51.81230355791586)</t>
  </si>
  <si>
    <t>POINT (4.683419531273295 51.806992338014226)</t>
  </si>
  <si>
    <t>3311WL</t>
  </si>
  <si>
    <t>Kilwijkhof</t>
  </si>
  <si>
    <t>POINT (4.6623138602121355 51.80936528883378)</t>
  </si>
  <si>
    <t>POINT (4.675217780018588 51.80803315029354)</t>
  </si>
  <si>
    <t>POINT (4.673977948100773 51.806292469164234)</t>
  </si>
  <si>
    <t>POINT (4.6841836895108155 51.78538145182192)</t>
  </si>
  <si>
    <t>POINT (4.674113330951053 51.8076954987458)</t>
  </si>
  <si>
    <t>POINT (4.696926904597227 51.79710427955941)</t>
  </si>
  <si>
    <t>POINT (4.6803482051004295 51.802527853634956)</t>
  </si>
  <si>
    <t>POINT (4.716267730321666 51.80142110578967)</t>
  </si>
  <si>
    <t>POINT (4.660540974988962 51.80050199063551)</t>
  </si>
  <si>
    <t>POINT (4.677079205760674 51.78992229063464)</t>
  </si>
  <si>
    <t>POINT (4.718752502449426 51.80250440641069)</t>
  </si>
  <si>
    <t>POINT (4.66845310357143 51.81295824556143)</t>
  </si>
  <si>
    <t>POINT (4.717365226284256 51.81557536235315)</t>
  </si>
  <si>
    <t>POINT (4.663306900292444 51.8107548852964)</t>
  </si>
  <si>
    <t>POINT (4.656591851342263 51.78718317811856)</t>
  </si>
  <si>
    <t>POINT (4.683689509413082 51.77663007824921)</t>
  </si>
  <si>
    <t>POINT (4.667508428955539 51.81176177071771)</t>
  </si>
  <si>
    <t>POINT (4.673975762670375 51.814169608877)</t>
  </si>
  <si>
    <t>POINT (4.68004029945605 51.77420801361556)</t>
  </si>
  <si>
    <t>POINT (4.718833232094709 51.80213253858228)</t>
  </si>
  <si>
    <t>POINT (4.678563923852843 51.78946677806037)</t>
  </si>
  <si>
    <t>POINT (4.673951109676045 51.81182377530243)</t>
  </si>
  <si>
    <t>POINT (4.671395643759756 51.81672430920912)</t>
  </si>
  <si>
    <t>POINT (4.704810031400456 51.79435919849415)</t>
  </si>
  <si>
    <t>POINT (4.667505694929509 51.81175316976241)</t>
  </si>
  <si>
    <t>POINT (4.699143991412804 51.81768394244394)</t>
  </si>
  <si>
    <t>POINT (4.709879726024351 51.792011884295945)</t>
  </si>
  <si>
    <t>POINT (4.6974989072953015 51.79964986338559)</t>
  </si>
  <si>
    <t>POINT (4.661013131513333 51.79415212392258)</t>
  </si>
  <si>
    <t>POINT (4.689692205549419 51.81824310779935)</t>
  </si>
  <si>
    <t>POINT (4.669619030988048 51.817075900934405)</t>
  </si>
  <si>
    <t>POINT (4.665116835728281 51.812660023291684)</t>
  </si>
  <si>
    <t>POINT (4.721530793118462 51.810867177650195)</t>
  </si>
  <si>
    <t>POINT (4.656337663541932 51.800230329500536)</t>
  </si>
  <si>
    <t>POINT (4.65983392623779 51.81200518302844)</t>
  </si>
  <si>
    <t>POINT (4.666980173060303 51.815518565230086)</t>
  </si>
  <si>
    <t>POINT (4.66360887037837 51.81131993359066)</t>
  </si>
  <si>
    <t>POINT (4.656752644351687 51.7984019783731)</t>
  </si>
  <si>
    <t>POINT (4.6707021289910555 51.779896022348176)</t>
  </si>
  <si>
    <t>POINT (4.670860641011671 51.809639416921236)</t>
  </si>
  <si>
    <t>POINT (4.673732291426493 51.80751683370728)</t>
  </si>
  <si>
    <t>POINT (4.725141866080143 51.80406955456641)</t>
  </si>
  <si>
    <t>POINT (4.683012044093765 51.77695884636052)</t>
  </si>
  <si>
    <t>POINT (4.677827027302446 51.80814279462742)</t>
  </si>
  <si>
    <t>POINT (4.635014539132613 51.77768990549433)</t>
  </si>
  <si>
    <t>POINT (4.653624464778155 51.789219928469564)</t>
  </si>
  <si>
    <t>POINT (4.656855979186899 51.78315789650691)</t>
  </si>
  <si>
    <t>POINT (4.659999103286599 51.810805632991794)</t>
  </si>
  <si>
    <t>POINT (4.712095414038925 51.79543924094998)</t>
  </si>
  <si>
    <t>POINT (4.704735610575958 51.8149119995876)</t>
  </si>
  <si>
    <t>POINT (4.6771257496065495 51.789919417339355)</t>
  </si>
  <si>
    <t>POINT (4.680027338141757 51.799801910034596)</t>
  </si>
  <si>
    <t>POINT (4.65707198219636 51.79966351674515)</t>
  </si>
  <si>
    <t>POINT (4.655505921743386 51.81055033394632)</t>
  </si>
  <si>
    <t>POINT (4.679696658671352 51.807650968148195)</t>
  </si>
  <si>
    <t>POINT (4.665839749308575 51.78021254504089)</t>
  </si>
  <si>
    <t>POINT (4.673985429134902 51.817098886018904)</t>
  </si>
  <si>
    <t>POINT (4.671665087804989 51.781057192352115)</t>
  </si>
  <si>
    <t>POINT (4.659663773093551 51.80315775672291)</t>
  </si>
  <si>
    <t>POINT (4.6572056451791095 51.81207719464953)</t>
  </si>
  <si>
    <t>POINT (4.729842316426612 51.79653267938584)</t>
  </si>
  <si>
    <t>POINT (4.669380745372121 51.77401526643085)</t>
  </si>
  <si>
    <t>POINT (4.674490780651842 51.797077591824035)</t>
  </si>
  <si>
    <t>POINT (4.659959585977427 51.80227260417877)</t>
  </si>
  <si>
    <t>POINT (4.660398133485579 51.80187439878446)</t>
  </si>
  <si>
    <t>POINT (4.6611772077023765 51.81354042684476)</t>
  </si>
  <si>
    <t>POINT (4.702476840267546 51.794393028557245)</t>
  </si>
  <si>
    <t>POINT (4.683295277545721 51.79840472981125)</t>
  </si>
  <si>
    <t>POINT (4.714368479357607 51.81487529039545)</t>
  </si>
  <si>
    <t>POINT (4.704451751765068 51.79828193326108)</t>
  </si>
  <si>
    <t>POINT (4.725713207023311 51.79919392192826)</t>
  </si>
  <si>
    <t>POINT (4.699700706469065 51.79302765665199)</t>
  </si>
  <si>
    <t>POINT (4.655761199647347 51.80120099540354)</t>
  </si>
  <si>
    <t>3316AE</t>
  </si>
  <si>
    <t>Edisonstraat</t>
  </si>
  <si>
    <t>POINT (4.647843904366423 51.80426664996066)</t>
  </si>
  <si>
    <t>POINT (4.679267756363799 51.78215653061468)</t>
  </si>
  <si>
    <t>POINT (4.697010847118342 51.79915125044108)</t>
  </si>
  <si>
    <t>POINT (4.717922979124123 51.80314446036618)</t>
  </si>
  <si>
    <t>3319SG</t>
  </si>
  <si>
    <t>POINT (4.698898531145358 51.78985964107186)</t>
  </si>
  <si>
    <t>POINT (4.6684851463107 51.81814386373937)</t>
  </si>
  <si>
    <t>POINT (4.684527559215634 51.77942197625479)</t>
  </si>
  <si>
    <t>POINT (4.6758141747771855 51.7846294252315)</t>
  </si>
  <si>
    <t>POINT (4.722572949527111 51.80469626360792)</t>
  </si>
  <si>
    <t>POINT (4.6805952942461655 51.773338779980605)</t>
  </si>
  <si>
    <t>POINT (4.682224018134013 51.80969294440729)</t>
  </si>
  <si>
    <t>POINT (4.676205941420484 51.81202775751081)</t>
  </si>
  <si>
    <t>POINT (4.687813861549935 51.80977825745634)</t>
  </si>
  <si>
    <t>POINT (4.71826809022188 51.814842751971426)</t>
  </si>
  <si>
    <t>POINT (4.719246823768587 51.805865513693476)</t>
  </si>
  <si>
    <t>POINT (4.656615916584798 51.78757397746967)</t>
  </si>
  <si>
    <t>POINT (4.6859477377711904 51.780343511424725)</t>
  </si>
  <si>
    <t>POINT (4.68852189851571 51.80857205277376)</t>
  </si>
  <si>
    <t>POINT (4.664937237485073 51.789429396994244)</t>
  </si>
  <si>
    <t>3311PA</t>
  </si>
  <si>
    <t>Berckepad</t>
  </si>
  <si>
    <t>POINT (4.6758726689864885 51.81129116563487)</t>
  </si>
  <si>
    <t>POINT (4.708586168573389 51.81009609201135)</t>
  </si>
  <si>
    <t>POINT (4.667062325219493 51.79501198553036)</t>
  </si>
  <si>
    <t>POINT (4.6649723081480365 51.79973038270882)</t>
  </si>
  <si>
    <t>POINT (4.72900165495506 51.79868263395145)</t>
  </si>
  <si>
    <t>POINT (4.7199676453437185 51.80013165039305)</t>
  </si>
  <si>
    <t>POINT (4.653778477574288 51.78527749699003)</t>
  </si>
  <si>
    <t>POINT (4.658950868312675 51.806643796402)</t>
  </si>
  <si>
    <t>POINT (4.710071229840511 51.809340249141236)</t>
  </si>
  <si>
    <t>POINT (4.6708840003731895 51.79067094767961)</t>
  </si>
  <si>
    <t>POINT (4.685930993339542 51.80358767961215)</t>
  </si>
  <si>
    <t>POINT (4.652285687444513 51.80539558019573)</t>
  </si>
  <si>
    <t>POINT (4.708973973307275 51.80831814146345)</t>
  </si>
  <si>
    <t>POINT (4.6996615382722355 51.79287461071211)</t>
  </si>
  <si>
    <t>POINT (4.666139057207975 51.81709505647001)</t>
  </si>
  <si>
    <t>POINT (4.660343840237693 51.77018489161463)</t>
  </si>
  <si>
    <t>POINT (4.653655093033709 51.78537227553686)</t>
  </si>
  <si>
    <t>POINT (4.7318272418363145 51.79741454052115)</t>
  </si>
  <si>
    <t>POINT (4.680357441370644 51.77828946680938)</t>
  </si>
  <si>
    <t>POINT (4.715052195006041 51.81498959768594)</t>
  </si>
  <si>
    <t>POINT (4.668444248631406 51.78175994045025)</t>
  </si>
  <si>
    <t>POINT (4.671823441523363 51.810316870357276)</t>
  </si>
  <si>
    <t>POINT (4.681787691059149 51.802246739720665)</t>
  </si>
  <si>
    <t>POINT (4.653540086693715 51.788434173683456)</t>
  </si>
  <si>
    <t>POINT (4.673540912133399 51.80848097296136)</t>
  </si>
  <si>
    <t>POINT (4.667983859458633 51.81169572436651)</t>
  </si>
  <si>
    <t>POINT (4.643757757766051 51.79915235865463)</t>
  </si>
  <si>
    <t>POINT (4.6585698046751665 51.81076644813056)</t>
  </si>
  <si>
    <t>POINT (4.678408003484784 51.784684236930474)</t>
  </si>
  <si>
    <t>POINT (4.6649758069729685 51.81394808704165)</t>
  </si>
  <si>
    <t>POINT (4.676530141738794 51.80530968073937)</t>
  </si>
  <si>
    <t>POINT (4.671676515500497 51.7734806600177)</t>
  </si>
  <si>
    <t>POINT (4.683290308724928 51.798440717637696)</t>
  </si>
  <si>
    <t>POINT (4.704553488191411 51.79789720826133)</t>
  </si>
  <si>
    <t>POINT (4.726946034565665 51.801166457242445)</t>
  </si>
  <si>
    <t>POINT (4.656812369467866 51.80113896892189)</t>
  </si>
  <si>
    <t>POINT (4.659296266499385 51.767608004052654)</t>
  </si>
  <si>
    <t>POINT (4.677609907082167 51.80407494202744)</t>
  </si>
  <si>
    <t>POINT (4.683646951974495 51.78168945353692)</t>
  </si>
  <si>
    <t>3312RP</t>
  </si>
  <si>
    <t>3312GH-3312RP</t>
  </si>
  <si>
    <t>POINT (4.691098201508942 51.8064058692648)</t>
  </si>
  <si>
    <t>3315MX</t>
  </si>
  <si>
    <t>POINT (4.710545160828153 51.80648955488151)</t>
  </si>
  <si>
    <t>POINT (4.667127460025729 51.811140509187275)</t>
  </si>
  <si>
    <t>POINT (4.667184382730372 51.81456177832424)</t>
  </si>
  <si>
    <t>POINT (4.686118738715319 51.808936421140594)</t>
  </si>
  <si>
    <t>POINT (4.684852382166237 51.77833424887539)</t>
  </si>
  <si>
    <t>POINT (4.659983118159684 51.80685353146974)</t>
  </si>
  <si>
    <t>POINT (4.666842598889213 51.79420543811213)</t>
  </si>
  <si>
    <t>POINT (4.7344569994719565 51.799408912085966)</t>
  </si>
  <si>
    <t>POINT (4.710214270698449 51.80850157982627)</t>
  </si>
  <si>
    <t>POINT (4.6887692062008925 51.808823841302214)</t>
  </si>
  <si>
    <t>POINT (4.729572940406792 51.80070581863517)</t>
  </si>
  <si>
    <t>POINT (4.681488015807931 51.779405255666994)</t>
  </si>
  <si>
    <t>POINT (4.6662217753312545 51.78689179664095)</t>
  </si>
  <si>
    <t>POINT (4.714521384829113 51.799960428464345)</t>
  </si>
  <si>
    <t>POINT (4.656435381839096 51.80441588706864)</t>
  </si>
  <si>
    <t>POINT (4.662772423761802 51.79318242317757)</t>
  </si>
  <si>
    <t>POINT (4.718296036236911 51.80100831437361)</t>
  </si>
  <si>
    <t>POINT (4.658194790152951 51.8060432141575)</t>
  </si>
  <si>
    <t>POINT (4.679007966673372 51.7807744598565)</t>
  </si>
  <si>
    <t>POINT (4.676420027811425 51.78371537867765)</t>
  </si>
  <si>
    <t>POINT (4.705878172477924 51.790600359524234)</t>
  </si>
  <si>
    <t>POINT (4.720367042411076 51.79972001172958)</t>
  </si>
  <si>
    <t>POINT (4.66935556809628 51.80825173361345)</t>
  </si>
  <si>
    <t>POINT (4.702945709900779 51.79555242573148)</t>
  </si>
  <si>
    <t>POINT (4.659832759801731 51.80242676514704)</t>
  </si>
  <si>
    <t>POINT (4.668724933573202 51.81424561429387)</t>
  </si>
  <si>
    <t>POINT (4.722055763068329 51.81235181380632)</t>
  </si>
  <si>
    <t>POINT (4.683571612568946 51.78510473243243)</t>
  </si>
  <si>
    <t>POINT (4.668286243212065 51.796167051543144)</t>
  </si>
  <si>
    <t>POINT (4.693396754886752 51.81830578465884)</t>
  </si>
  <si>
    <t>POINT (4.675505203778279 51.78333733094877)</t>
  </si>
  <si>
    <t>POINT (4.731262313868338 51.79515738247582)</t>
  </si>
  <si>
    <t>POINT (4.662679504156824 51.81310190433247)</t>
  </si>
  <si>
    <t>POINT (4.691684075135677 51.788773854521736)</t>
  </si>
  <si>
    <t>POINT (4.6667722185174165 51.81415173819938)</t>
  </si>
  <si>
    <t>POINT (4.665527154026583 51.78698240109416)</t>
  </si>
  <si>
    <t>POINT (4.7112725275634375 51.81515408911907)</t>
  </si>
  <si>
    <t>POINT (4.646262424117307 51.800417606474475)</t>
  </si>
  <si>
    <t>POINT (4.712054763211156 51.815143994259444)</t>
  </si>
  <si>
    <t>POINT (4.673960944035832 51.77498253930022)</t>
  </si>
  <si>
    <t>POINT (4.68556298108541 51.78531177809102)</t>
  </si>
  <si>
    <t>POINT (4.706209748855285 51.809128647779445)</t>
  </si>
  <si>
    <t>POINT (4.685909717863547 51.78868894237132)</t>
  </si>
  <si>
    <t>POINT (4.654680360903806 51.8070124565003)</t>
  </si>
  <si>
    <t>POINT (4.694303580381211 51.792371515075295)</t>
  </si>
  <si>
    <t>POINT (4.673442172040529 51.81797128623344)</t>
  </si>
  <si>
    <t>POINT (4.673258437456143 51.80969100015863)</t>
  </si>
  <si>
    <t>POINT (4.668071440524579 51.811677169150045)</t>
  </si>
  <si>
    <t>POINT (4.703308708595782 51.79386894257055)</t>
  </si>
  <si>
    <t>POINT (4.7285835890882595 51.799558738923636)</t>
  </si>
  <si>
    <t>POINT (4.668656406683088 51.81008290697142)</t>
  </si>
  <si>
    <t>POINT (4.693386162769103 51.79540676417157)</t>
  </si>
  <si>
    <t>POINT (4.6784301811387445 51.77562517064734)</t>
  </si>
  <si>
    <t>POINT (4.7220167809840214 51.797848016304485)</t>
  </si>
  <si>
    <t>POINT (4.7082158290041045 51.80476680877539)</t>
  </si>
  <si>
    <t>3328GC</t>
  </si>
  <si>
    <t>POINT (4.677680467725449 51.78019973553319)</t>
  </si>
  <si>
    <t>POINT (4.662556464029403 51.808941838149266)</t>
  </si>
  <si>
    <t>POINT (4.6866098334200395 51.804281210771485)</t>
  </si>
  <si>
    <t>POINT (4.6988636043220255 51.79846709510727)</t>
  </si>
  <si>
    <t>POINT (4.69482278692415 51.81817639214504)</t>
  </si>
  <si>
    <t>POINT (4.6623129572130395 51.800424880497765)</t>
  </si>
  <si>
    <t>POINT (4.668553346297262 51.798241390623026)</t>
  </si>
  <si>
    <t>POINT (4.65538241673647 51.7919595394849)</t>
  </si>
  <si>
    <t>POINT (4.681246816061299 51.78131963759068)</t>
  </si>
  <si>
    <t>3315AE</t>
  </si>
  <si>
    <t>POINT (4.722760647930236 51.80087366584707)</t>
  </si>
  <si>
    <t>POINT (4.650746349922371 51.80331022217125)</t>
  </si>
  <si>
    <t>POINT (4.6759064103032735 51.78552011745321)</t>
  </si>
  <si>
    <t>POINT (4.667681895849801 51.77745648711332)</t>
  </si>
  <si>
    <t>POINT (4.671788565841012 51.81174808633957)</t>
  </si>
  <si>
    <t>POINT (4.653672882727243 51.792069527166866)</t>
  </si>
  <si>
    <t>POINT (4.647864200879598 51.793999722222594)</t>
  </si>
  <si>
    <t>POINT (4.730153996298077 51.7981198959936)</t>
  </si>
  <si>
    <t>POINT (4.669259311282558 51.812635992770055)</t>
  </si>
  <si>
    <t>POINT (4.668410682063253 51.79621981359678)</t>
  </si>
  <si>
    <t>POINT (4.667452322503935 51.815380780120115)</t>
  </si>
  <si>
    <t>POINT (4.66423153839264 51.80278052862621)</t>
  </si>
  <si>
    <t>POINT (4.691495036950071 51.79186846218507)</t>
  </si>
  <si>
    <t>3314TG</t>
  </si>
  <si>
    <t>POINT (4.658106155585282 51.79826139161238)</t>
  </si>
  <si>
    <t>POINT (4.715851866681254 51.81367103872129)</t>
  </si>
  <si>
    <t>POINT (4.661234606179199 51.80204016927198)</t>
  </si>
  <si>
    <t>POINT (4.669847475397636 51.8111104899255)</t>
  </si>
  <si>
    <t>POINT (4.675209005616185 51.81110134502986)</t>
  </si>
  <si>
    <t>POINT (4.67444394065463 51.815044866592274)</t>
  </si>
  <si>
    <t>POINT (4.7092465634490654 51.79404688291323)</t>
  </si>
  <si>
    <t>POINT (4.664292489666254 51.801367801005675)</t>
  </si>
  <si>
    <t>POINT (4.665072905451801 51.79922347331502)</t>
  </si>
  <si>
    <t>POINT (4.663791478995114 51.79706401817686)</t>
  </si>
  <si>
    <t>POINT (4.675943847779543 51.816370509688724)</t>
  </si>
  <si>
    <t>POINT (4.675489004986805 51.80948866884087)</t>
  </si>
  <si>
    <t>POINT (4.653682648027874 51.785787501874836)</t>
  </si>
  <si>
    <t>3314TL</t>
  </si>
  <si>
    <t>POINT (4.657704225264162 51.79784146691476)</t>
  </si>
  <si>
    <t>POINT (4.655628624865746 51.810227200517424)</t>
  </si>
  <si>
    <t>POINT (4.653815435908757 51.78550927742695)</t>
  </si>
  <si>
    <t>POINT (4.715245265364136 51.81434856412506)</t>
  </si>
  <si>
    <t>POINT (4.663791356639463 51.8105200861848)</t>
  </si>
  <si>
    <t>POINT (4.686113989419123 51.8044780493402)</t>
  </si>
  <si>
    <t>POINT (4.715840941485361 51.79991273304774)</t>
  </si>
  <si>
    <t>POINT (4.663959490136148 51.81425235088103)</t>
  </si>
  <si>
    <t>POINT (4.6780792140381005 51.78133871429796)</t>
  </si>
  <si>
    <t>POINT (4.6833139350060415 51.80228777945916)</t>
  </si>
  <si>
    <t>POINT (4.670660561287856 51.81415314417229)</t>
  </si>
  <si>
    <t>POINT (4.670501908214334 51.78982111455543)</t>
  </si>
  <si>
    <t>POINT (4.685266353496209 51.792163607995654)</t>
  </si>
  <si>
    <t>POINT (4.666856833442178 51.79630692088279)</t>
  </si>
  <si>
    <t>POINT (4.700296449443618 51.79217151471507)</t>
  </si>
  <si>
    <t>POINT (4.671017727954794 51.81060266756918)</t>
  </si>
  <si>
    <t>POINT (4.660001459358388 51.796327199647195)</t>
  </si>
  <si>
    <t>POINT (4.715703705979927 51.81329174247309)</t>
  </si>
  <si>
    <t>48A</t>
  </si>
  <si>
    <t>POINT (4.636126348573457 51.775967920216104)</t>
  </si>
  <si>
    <t>POINT (4.691661185223188 51.78867160737749)</t>
  </si>
  <si>
    <t>POINT (4.657042538219157 51.77182165390483)</t>
  </si>
  <si>
    <t>POINT (4.676634010788749 51.783723668327426)</t>
  </si>
  <si>
    <t>POINT (4.685361017214982 51.79885906936629)</t>
  </si>
  <si>
    <t>POINT (4.673304707041932 51.78495799726151)</t>
  </si>
  <si>
    <t>POINT (4.67905108535091 51.812943692835965)</t>
  </si>
  <si>
    <t>POINT (4.674553511945566 51.81807580951959)</t>
  </si>
  <si>
    <t>POINT (4.7099820246345185 51.81035182887701)</t>
  </si>
  <si>
    <t>POINT (4.693826342740809 51.81810662711093)</t>
  </si>
  <si>
    <t>POINT (4.679084792722566 51.781853684561675)</t>
  </si>
  <si>
    <t>POINT (4.664775143756769 51.77978911422844)</t>
  </si>
  <si>
    <t>POINT (4.669544515890702 51.802623519691316)</t>
  </si>
  <si>
    <t>POINT (4.733519169227995 51.79979187425265)</t>
  </si>
  <si>
    <t>POINT (4.678893436960419 51.77587192273486)</t>
  </si>
  <si>
    <t>POINT (4.674922065552266 51.77685837331992)</t>
  </si>
  <si>
    <t>POINT (4.6753622179884395 51.80526289832403)</t>
  </si>
  <si>
    <t>POINT (4.708635009040055 51.80512012360568)</t>
  </si>
  <si>
    <t>POINT (4.662288485900124 51.79822841338719)</t>
  </si>
  <si>
    <t>POINT (4.663994749779949 51.795403378026414)</t>
  </si>
  <si>
    <t>POINT (4.707908686478875 51.797469666910814)</t>
  </si>
  <si>
    <t>POINT (4.682796882168833 51.814720661808614)</t>
  </si>
  <si>
    <t>POINT (4.68605529548378 51.78168742495538)</t>
  </si>
  <si>
    <t>POINT (4.6721668490322505 51.77837290726614)</t>
  </si>
  <si>
    <t>POINT (4.681124210259392 51.79864424827315)</t>
  </si>
  <si>
    <t>POINT (4.6815666625168255 51.787402989630834)</t>
  </si>
  <si>
    <t>POINT (4.666930977357983 51.793877012394866)</t>
  </si>
  <si>
    <t>POINT (4.659281524671979 51.815254996029)</t>
  </si>
  <si>
    <t>POINT (4.670143345044981 51.80895236383089)</t>
  </si>
  <si>
    <t>POINT (4.683506833676066 51.81282566147163)</t>
  </si>
  <si>
    <t>POINT (4.670823223825498 51.81159377626415)</t>
  </si>
  <si>
    <t>POINT (4.705650410060949 51.79754234906377)</t>
  </si>
  <si>
    <t>POINT (4.674471704928373 51.818148687219704)</t>
  </si>
  <si>
    <t>POINT (4.676761984158838 51.81833328621367)</t>
  </si>
  <si>
    <t>POINT (4.7273420482463 51.79797973935074)</t>
  </si>
  <si>
    <t>POINT (4.663500713523654 51.814380164062264)</t>
  </si>
  <si>
    <t>POINT (4.725933753197112 51.79708795705009)</t>
  </si>
  <si>
    <t>3313TE</t>
  </si>
  <si>
    <t>POINT (4.721685616344656 51.81270579100715)</t>
  </si>
  <si>
    <t>POINT (4.67543093031937 51.807396912559184)</t>
  </si>
  <si>
    <t>POINT (4.663967729186824 51.7952948437087)</t>
  </si>
  <si>
    <t>POINT (4.674629159961378 51.80729848334899)</t>
  </si>
  <si>
    <t>POINT (4.63336698873161 51.784449475822306)</t>
  </si>
  <si>
    <t>POINT (4.678266533678869 51.807018648569226)</t>
  </si>
  <si>
    <t>POINT (4.708041860902651 51.7944836405066)</t>
  </si>
  <si>
    <t>POINT (4.658679529259216 51.81488618518053)</t>
  </si>
  <si>
    <t>POINT (4.71492244077001 51.79967709470649)</t>
  </si>
  <si>
    <t>POINT (4.678956916786937 51.80009973826743)</t>
  </si>
  <si>
    <t>POINT (4.724078303921802 51.797461740516624)</t>
  </si>
  <si>
    <t>POINT (4.6653140357177065 51.80995175153961)</t>
  </si>
  <si>
    <t>POINT (4.699021748121854 51.7974280790052)</t>
  </si>
  <si>
    <t>POINT (4.667791643518245 51.77085055227164)</t>
  </si>
  <si>
    <t>POINT (4.679523649404762 51.788829754251665)</t>
  </si>
  <si>
    <t>POINT (4.675588862786491 51.77570453141504)</t>
  </si>
  <si>
    <t>POINT (4.711686946601583 51.79813158153517)</t>
  </si>
  <si>
    <t>POINT (4.665563478336371 51.79982128247031)</t>
  </si>
  <si>
    <t>POINT (4.660113624507463 51.81062012401671)</t>
  </si>
  <si>
    <t>POINT (4.7281071752014485 51.801279572691655)</t>
  </si>
  <si>
    <t>POINT (4.6821629935092774 51.809946417766)</t>
  </si>
  <si>
    <t>POINT (4.685059497009935 51.81310508885603)</t>
  </si>
  <si>
    <t>POINT (4.680762393923922 51.809951333626174)</t>
  </si>
  <si>
    <t>POINT (4.667907696744186 51.771352412222804)</t>
  </si>
  <si>
    <t>3312TK</t>
  </si>
  <si>
    <t>Havikstraat</t>
  </si>
  <si>
    <t>POINT (4.684713666310872 51.811118043631375)</t>
  </si>
  <si>
    <t>POINT (4.724810574095648 51.79791876990908)</t>
  </si>
  <si>
    <t>POINT (4.697114917486267 51.79614988999029)</t>
  </si>
  <si>
    <t>POINT (4.676955704448726 51.776312354374035)</t>
  </si>
  <si>
    <t>POINT (4.662790209972976 51.7932519257837)</t>
  </si>
  <si>
    <t>POINT (4.704337648678572 51.79648999947173)</t>
  </si>
  <si>
    <t>POINT (4.665511174545047 51.796041906834894)</t>
  </si>
  <si>
    <t>POINT (4.677554772916064 51.78068604593774)</t>
  </si>
  <si>
    <t>POINT (4.678752251726138 51.78637077123616)</t>
  </si>
  <si>
    <t>POINT (4.660481514848254 51.787245505611644)</t>
  </si>
  <si>
    <t>POINT (4.660955205613693 51.79152838521204)</t>
  </si>
  <si>
    <t>POINT (4.703123508657487 51.790239433592404)</t>
  </si>
  <si>
    <t>POINT (4.658856010171645 51.79252477576764)</t>
  </si>
  <si>
    <t>POINT (4.6960412120548 51.800076319031334)</t>
  </si>
  <si>
    <t>POINT (4.667912876950736 51.818736369608985)</t>
  </si>
  <si>
    <t>POINT (4.6802235661783 51.815023853984634)</t>
  </si>
  <si>
    <t>POINT (4.661402850583027 51.794647044547666)</t>
  </si>
  <si>
    <t>POINT (4.685830807662598 51.81064833561449)</t>
  </si>
  <si>
    <t>POINT (4.628429223563397 51.72391664065781)</t>
  </si>
  <si>
    <t>POINT (4.664381001693944 51.77816007012836)</t>
  </si>
  <si>
    <t>POINT (4.712634052195953 51.79530554977158)</t>
  </si>
  <si>
    <t>3314PS</t>
  </si>
  <si>
    <t>POINT (4.669446410125501 51.802082879307875)</t>
  </si>
  <si>
    <t>POINT (4.711507220633866 51.79566219828487)</t>
  </si>
  <si>
    <t>POINT (4.676611491330953 51.7776292362909)</t>
  </si>
  <si>
    <t>POINT (4.663157540888487 51.814994248201174)</t>
  </si>
  <si>
    <t>POINT (4.6363458856836 51.77874388955056)</t>
  </si>
  <si>
    <t>3319AS</t>
  </si>
  <si>
    <t>POINT (4.694271366157343 51.793475997102625)</t>
  </si>
  <si>
    <t>POINT (4.66225822868741 51.805791375700665)</t>
  </si>
  <si>
    <t>POINT (4.657664032008575 51.81198120562311)</t>
  </si>
  <si>
    <t>POINT (4.679506013735145 51.788723248711925)</t>
  </si>
  <si>
    <t>3315EE</t>
  </si>
  <si>
    <t>POINT (4.729143819930031 51.795365426347125)</t>
  </si>
  <si>
    <t>POINT (4.657143533237633 51.79698432226591)</t>
  </si>
  <si>
    <t>POINT (4.667640710588108 51.81805137347954)</t>
  </si>
  <si>
    <t>POINT (4.698012244304734 51.79756234962559)</t>
  </si>
  <si>
    <t>POINT (4.657584275154995 51.811360939803365)</t>
  </si>
  <si>
    <t>POINT (4.677415052012419 51.817217250167694)</t>
  </si>
  <si>
    <t>POINT (4.666343302782408 51.7876702372617)</t>
  </si>
  <si>
    <t>POINT (4.6777075295027055 51.790530716783515)</t>
  </si>
  <si>
    <t>POINT (4.714039018044618 51.811329612279366)</t>
  </si>
  <si>
    <t>POINT (4.656910098954129 51.7997853757764)</t>
  </si>
  <si>
    <t>3317BB</t>
  </si>
  <si>
    <t>POINT (4.653712684046011 51.791860195244475)</t>
  </si>
  <si>
    <t>POINT (4.668441800421096 51.79055687360356)</t>
  </si>
  <si>
    <t>POINT (4.659592767893865 51.79654656979378)</t>
  </si>
  <si>
    <t>POINT (4.670546865624423 51.77282303356176)</t>
  </si>
  <si>
    <t>POINT (4.667819574214358 51.78221433735419)</t>
  </si>
  <si>
    <t>3315TP</t>
  </si>
  <si>
    <t>POINT (4.714688753626793 51.80614758274854)</t>
  </si>
  <si>
    <t>POINT (4.726933858798806 51.80588710492065)</t>
  </si>
  <si>
    <t>POINT (4.683895325679183 51.78563771668894)</t>
  </si>
  <si>
    <t>POINT (4.712511843357472 51.8140411821564)</t>
  </si>
  <si>
    <t>POINT (4.672520434659555 51.812856768396884)</t>
  </si>
  <si>
    <t>POINT (4.673378061806373 51.81608661087233)</t>
  </si>
  <si>
    <t>POINT (4.665909020789826 51.80152540696609)</t>
  </si>
  <si>
    <t>POINT (4.683670442732712 51.81922415059024)</t>
  </si>
  <si>
    <t>POINT (4.6637664314332365 51.794848437294974)</t>
  </si>
  <si>
    <t>POINT (4.658318785421797 51.79345656122587)</t>
  </si>
  <si>
    <t>POINT (4.6703544893197435 51.81582398602876)</t>
  </si>
  <si>
    <t>POINT (4.668361232996038 51.77300105432567)</t>
  </si>
  <si>
    <t>POINT (4.66916110511686 51.810264835023425)</t>
  </si>
  <si>
    <t>POINT (4.681959060707234 51.77895960666804)</t>
  </si>
  <si>
    <t>POINT (4.704071195457125 51.79820753017411)</t>
  </si>
  <si>
    <t>POINT (4.710816915727243 51.80076383168614)</t>
  </si>
  <si>
    <t>POINT (4.661234750033914 51.77378312237104)</t>
  </si>
  <si>
    <t>POINT (4.728582194516862 51.79836257652471)</t>
  </si>
  <si>
    <t>POINT (4.667980218544377 51.81481568061056)</t>
  </si>
  <si>
    <t>POINT (4.7001853400602895 51.791996582742016)</t>
  </si>
  <si>
    <t>POINT (4.65835766802016 51.81073845232638)</t>
  </si>
  <si>
    <t>POINT (4.694639697055164 51.79525799240312)</t>
  </si>
  <si>
    <t>POINT (4.668621355983813 51.79818023464134)</t>
  </si>
  <si>
    <t>3314PG</t>
  </si>
  <si>
    <t>POINT (4.668183310492434 51.800793646436894)</t>
  </si>
  <si>
    <t>POINT (4.687060076684568 51.780129555826576)</t>
  </si>
  <si>
    <t>POINT (4.652481350191802 51.785463077473324)</t>
  </si>
  <si>
    <t>POINT (4.650631459114626 51.79522753077469)</t>
  </si>
  <si>
    <t>POINT (4.698338791209532 51.792774214029755)</t>
  </si>
  <si>
    <t>POINT (4.710267506464843 51.80975501204686)</t>
  </si>
  <si>
    <t>POINT (4.681773309294811 51.807055413997716)</t>
  </si>
  <si>
    <t>POINT (4.73123562562436 51.798621509932254)</t>
  </si>
  <si>
    <t>POINT (4.658428485424714 51.80116678886274)</t>
  </si>
  <si>
    <t>POINT (4.671621909403361 51.81855247414867)</t>
  </si>
  <si>
    <t>POINT (4.6915919307871 51.79098898210424)</t>
  </si>
  <si>
    <t>POINT (4.6886818839933335 51.80839509259514)</t>
  </si>
  <si>
    <t>POINT (4.666127521342245 51.80384339583294)</t>
  </si>
  <si>
    <t>POINT (4.636543601949536 51.767501610423274)</t>
  </si>
  <si>
    <t>POINT (4.661181610035193 51.79230895445495)</t>
  </si>
  <si>
    <t>POINT (4.6832767566206 51.80433344154626)</t>
  </si>
  <si>
    <t>POINT (4.660887370711733 51.793739402154095)</t>
  </si>
  <si>
    <t>POINT (4.70053892950808 51.79645665532917)</t>
  </si>
  <si>
    <t>POINT (4.659802829241259 51.798530294154645)</t>
  </si>
  <si>
    <t>POINT (4.691492411194645 51.80676946156077)</t>
  </si>
  <si>
    <t>POINT (4.717404084869538 51.80229301616752)</t>
  </si>
  <si>
    <t>POINT (4.7032516889824505 51.807369614174064)</t>
  </si>
  <si>
    <t>POINT (4.6776284017420355 51.781784820812696)</t>
  </si>
  <si>
    <t>POINT (4.652694581657118 51.77631439618645)</t>
  </si>
  <si>
    <t>POINT (4.684293735894201 51.80832092570258)</t>
  </si>
  <si>
    <t>POINT (4.66374099978184 51.794663481801365)</t>
  </si>
  <si>
    <t>POINT (4.672152550340064 51.8037694008113)</t>
  </si>
  <si>
    <t>POINT (4.654662771820795 51.78107570892506)</t>
  </si>
  <si>
    <t>POINT (4.684532130619817 51.792527946424514)</t>
  </si>
  <si>
    <t>POINT (4.705437294359648 51.79028706889861)</t>
  </si>
  <si>
    <t>POINT (4.691972513959423 51.807247618559266)</t>
  </si>
  <si>
    <t>POINT (4.656356830002095 51.7982092226095)</t>
  </si>
  <si>
    <t>POINT (4.6694243831079545 51.810777964405425)</t>
  </si>
  <si>
    <t>POINT (4.651641899049243 51.78493090680943)</t>
  </si>
  <si>
    <t>POINT (4.685555153563525 51.78471536757522)</t>
  </si>
  <si>
    <t>POINT (4.661198874719212 51.790698456172564)</t>
  </si>
  <si>
    <t>POINT (4.676868368862278 51.7847594712976)</t>
  </si>
  <si>
    <t>POINT (4.6678552975933405 51.79238948117193)</t>
  </si>
  <si>
    <t>POINT (4.654635113210846 51.80397022852271)</t>
  </si>
  <si>
    <t>POINT (4.668203163276723 51.79186619730058)</t>
  </si>
  <si>
    <t>POINT (4.671750832189134 51.78560200876939)</t>
  </si>
  <si>
    <t>POINT (4.663151529171033 51.81330161578791)</t>
  </si>
  <si>
    <t>POINT (4.711710428063064 51.80316840095713)</t>
  </si>
  <si>
    <t>POINT (4.729236111113977 51.80104454580805)</t>
  </si>
  <si>
    <t>POINT (4.680518165152223 51.78575515370033)</t>
  </si>
  <si>
    <t>POINT (4.676148269353945 51.77710681879511)</t>
  </si>
  <si>
    <t>POINT (4.675088792322416 51.78698024272302)</t>
  </si>
  <si>
    <t>POINT (4.698792889473147 51.817737235609414)</t>
  </si>
  <si>
    <t>POINT (4.685092781420557 51.81103947744328)</t>
  </si>
  <si>
    <t>POINT (4.654795831208646 51.7926669936041)</t>
  </si>
  <si>
    <t>POINT (4.668427958980894 51.778513693737054)</t>
  </si>
  <si>
    <t>POINT (4.712946943291876 51.80478693498483)</t>
  </si>
  <si>
    <t>POINT (4.672319228208483 51.80365343771543)</t>
  </si>
  <si>
    <t>POINT (4.662811099428762 51.81012677067515)</t>
  </si>
  <si>
    <t>POINT (4.671222419840843 51.77195983850251)</t>
  </si>
  <si>
    <t>3317PJ</t>
  </si>
  <si>
    <t>POINT (4.665396131205774 51.794695627072066)</t>
  </si>
  <si>
    <t>POINT (4.710263297144077 51.79457569622044)</t>
  </si>
  <si>
    <t>POINT (4.685512294617557 51.777200049657544)</t>
  </si>
  <si>
    <t>POINT (4.651820482081748 51.78775425033432)</t>
  </si>
  <si>
    <t>POINT (4.664933747711799 51.80993353747702)</t>
  </si>
  <si>
    <t>3328SC</t>
  </si>
  <si>
    <t>POINT (4.675458947602254 51.78335179175628)</t>
  </si>
  <si>
    <t>POINT (4.668366002225434 51.81800448379967)</t>
  </si>
  <si>
    <t>POINT (4.685671748658207 51.81112613008226)</t>
  </si>
  <si>
    <t>POINT (4.724855219163396 51.79838515515079)</t>
  </si>
  <si>
    <t>POINT (4.682841103379597 51.81296517162821)</t>
  </si>
  <si>
    <t>POINT (4.730647876028198 51.800215998198084)</t>
  </si>
  <si>
    <t>POINT (4.717752039873289 51.80004419043278)</t>
  </si>
  <si>
    <t>POINT (4.675751583495464 51.80957067377394)</t>
  </si>
  <si>
    <t>POINT (4.6792070732707 51.80756864526153)</t>
  </si>
  <si>
    <t>POINT (4.671480889928007 51.81776499791401)</t>
  </si>
  <si>
    <t>POINT (4.666818618433855 51.794208418931305)</t>
  </si>
  <si>
    <t>3317HR</t>
  </si>
  <si>
    <t>Robinia</t>
  </si>
  <si>
    <t>POINT (4.671171531863122 51.79659618058399)</t>
  </si>
  <si>
    <t>POINT (4.657449968618369 51.79270654463141)</t>
  </si>
  <si>
    <t>POINT (4.732813051836683 51.79922284047535)</t>
  </si>
  <si>
    <t>POINT (4.666847674734913 51.79865592496241)</t>
  </si>
  <si>
    <t>POINT (4.652470442934933 51.78150198560978)</t>
  </si>
  <si>
    <t>POINT (4.6844995134239324 51.807265701988094)</t>
  </si>
  <si>
    <t>POINT (4.697751686096976 51.7971651825443)</t>
  </si>
  <si>
    <t>POINT (4.698694420660241 51.80088317245857)</t>
  </si>
  <si>
    <t>POINT (4.671078603022529 51.813162798048346)</t>
  </si>
  <si>
    <t>POINT (4.73051669830308 51.795447409805355)</t>
  </si>
  <si>
    <t>3311PD</t>
  </si>
  <si>
    <t>POINT (4.672552401714954 51.80941099280919)</t>
  </si>
  <si>
    <t>POINT (4.686134787062478 51.8102460846205)</t>
  </si>
  <si>
    <t>POINT (4.6618390550717805 51.78887015843888)</t>
  </si>
  <si>
    <t>POINT (4.668313225417391 51.793006854417044)</t>
  </si>
  <si>
    <t>POINT (4.657509407712972 51.8112433247289)</t>
  </si>
  <si>
    <t>POINT (4.6649968536229816 51.81271573386823)</t>
  </si>
  <si>
    <t>POINT (4.644848721709784 51.7758667434984)</t>
  </si>
  <si>
    <t>POINT (4.667947751637554 51.80124872021024)</t>
  </si>
  <si>
    <t>POINT (4.710877998784025 51.793155554298224)</t>
  </si>
  <si>
    <t>POINT (4.664753178620518 51.814398065217446)</t>
  </si>
  <si>
    <t>POINT (4.683229141495325 51.798300657580796)</t>
  </si>
  <si>
    <t>POINT (4.668507659157092 51.770279358673335)</t>
  </si>
  <si>
    <t>POINT (4.712544131814152 51.81631331787513)</t>
  </si>
  <si>
    <t>POINT (4.719671698443572 51.80207040019373)</t>
  </si>
  <si>
    <t>POINT (4.669133007509571 51.773591549897894)</t>
  </si>
  <si>
    <t>POINT (4.704581091567856 51.79857439487867)</t>
  </si>
  <si>
    <t>POINT (4.667763107935808 51.81428719100263)</t>
  </si>
  <si>
    <t>POINT (4.659847366033956 51.800519679184646)</t>
  </si>
  <si>
    <t>POINT (4.685829113780379 51.786643462028)</t>
  </si>
  <si>
    <t>POINT (4.657340313053254 51.79073978036259)</t>
  </si>
  <si>
    <t>POINT (4.672040944890216 51.81399294585182)</t>
  </si>
  <si>
    <t>POINT (4.6735570487038265 51.78949540092439)</t>
  </si>
  <si>
    <t>POINT (4.730717413992639 51.79207264934882)</t>
  </si>
  <si>
    <t>POINT (4.678641335473405 51.78702590751965)</t>
  </si>
  <si>
    <t>POINT (4.668838332961553 51.799323702368106)</t>
  </si>
  <si>
    <t>POINT (4.6948020462120015 51.79606132450533)</t>
  </si>
  <si>
    <t>POINT (4.675143983069221 51.7806828781617)</t>
  </si>
  <si>
    <t>POINT (4.679599351705942 51.81613854243842)</t>
  </si>
  <si>
    <t>POINT (4.676059578568166 51.81698213468987)</t>
  </si>
  <si>
    <t>POINT (4.672209934924917 51.78074248541455)</t>
  </si>
  <si>
    <t>POINT (4.675826348473637 51.78486110188863)</t>
  </si>
  <si>
    <t>POINT (4.671925195386441 51.809799536125425)</t>
  </si>
  <si>
    <t>POINT (4.668725221787764 51.782008249076846)</t>
  </si>
  <si>
    <t>POINT (4.71458991467833 51.8053918531215)</t>
  </si>
  <si>
    <t>POINT (4.706772341112719 51.78771229420969)</t>
  </si>
  <si>
    <t>POINT (4.658632365926842 51.79981210099901)</t>
  </si>
  <si>
    <t>POINT (4.734266614787261 51.802774995658986)</t>
  </si>
  <si>
    <t>POINT (4.657825385607482 51.79631335884339)</t>
  </si>
  <si>
    <t>POINT (4.670398212818977 51.81827771964029)</t>
  </si>
  <si>
    <t>POINT (4.71980307619334 51.81625584805101)</t>
  </si>
  <si>
    <t>POINT (4.679601898467269 51.778999575892136)</t>
  </si>
  <si>
    <t>POINT (4.6354829823954535 51.76950056619068)</t>
  </si>
  <si>
    <t>POINT (4.706260711287997 51.80951131165162)</t>
  </si>
  <si>
    <t>POINT (4.680059602582926 51.80750567875876)</t>
  </si>
  <si>
    <t>POINT (4.673434385251186 51.817949198665374)</t>
  </si>
  <si>
    <t>POINT (4.703506110915102 51.78753061748106)</t>
  </si>
  <si>
    <t>POINT (4.661948930401072 51.76949546101001)</t>
  </si>
  <si>
    <t>POINT (4.682872495132456 51.81443682221658)</t>
  </si>
  <si>
    <t>POINT (4.67084514308777 51.794971055052294)</t>
  </si>
  <si>
    <t>POINT (4.712222032074679 51.80544395430007)</t>
  </si>
  <si>
    <t>POINT (4.668091629615379 51.77318135116762)</t>
  </si>
  <si>
    <t>POINT (4.6755408472337185 51.80789821252915)</t>
  </si>
  <si>
    <t>POINT (4.630517550176542 51.72771339301077)</t>
  </si>
  <si>
    <t>POINT (4.686639551755532 51.77830259129171)</t>
  </si>
  <si>
    <t>POINT (4.675404340925869 51.7805054663641)</t>
  </si>
  <si>
    <t>POINT (4.67642060580268 51.783755049312845)</t>
  </si>
  <si>
    <t>POINT (4.712515681120194 51.81419174594377)</t>
  </si>
  <si>
    <t>POINT (4.714925200749214 51.81383193386907)</t>
  </si>
  <si>
    <t>POINT (4.653446912571964 51.79041833484982)</t>
  </si>
  <si>
    <t>POINT (4.6559448310588465 51.80659204109907)</t>
  </si>
  <si>
    <t>POINT (4.672360704664105 51.81958408432686)</t>
  </si>
  <si>
    <t>POINT (4.658517027561524 51.81333482612609)</t>
  </si>
  <si>
    <t>POINT (4.667631835392032 51.81375452621858)</t>
  </si>
  <si>
    <t>POINT (4.6542840743690626 51.79487475017485)</t>
  </si>
  <si>
    <t>POINT (4.67989558082597 51.807338049204446)</t>
  </si>
  <si>
    <t>POINT (4.672622840833352 51.811457280252434)</t>
  </si>
  <si>
    <t>POINT (4.663706855696577 51.7878462748601)</t>
  </si>
  <si>
    <t>POINT (4.712179537082176 51.799676285548664)</t>
  </si>
  <si>
    <t>POINT (4.686521167562124 51.811280093129184)</t>
  </si>
  <si>
    <t>POINT (4.712669745542167 51.81628403583893)</t>
  </si>
  <si>
    <t>3312SL</t>
  </si>
  <si>
    <t>POINT (4.686384071586919 51.809430000662694)</t>
  </si>
  <si>
    <t>POINT (4.664016606627682 51.800561001667795)</t>
  </si>
  <si>
    <t>POINT (4.719530098630398 51.811803303892304)</t>
  </si>
  <si>
    <t>POINT (4.665543236682394 51.773003730118155)</t>
  </si>
  <si>
    <t>3314WN</t>
  </si>
  <si>
    <t>POINT (4.652031025799764 51.80362780438481)</t>
  </si>
  <si>
    <t>POINT (4.674188338365455 51.813149032574)</t>
  </si>
  <si>
    <t>POINT (4.655623452767127 51.791979559594424)</t>
  </si>
  <si>
    <t>POINT (4.678793123812513 51.808907634425694)</t>
  </si>
  <si>
    <t>POINT (4.650011865162343 51.79279041278117)</t>
  </si>
  <si>
    <t>POINT (4.684611927072845 51.807379623354336)</t>
  </si>
  <si>
    <t>POINT (4.715180010007743 51.807121197795965)</t>
  </si>
  <si>
    <t>POINT (4.675924832628733 51.78579308109985)</t>
  </si>
  <si>
    <t>POINT (4.668458600951487 51.80923122266798)</t>
  </si>
  <si>
    <t>POINT (4.717318636972996 51.79984059575579)</t>
  </si>
  <si>
    <t>POINT (4.702229701967059 51.790337372200476)</t>
  </si>
  <si>
    <t>POINT (4.726973338760884 51.79644490336674)</t>
  </si>
  <si>
    <t>POINT (4.711242471295959 51.80417592256436)</t>
  </si>
  <si>
    <t>POINT (4.677242689701565 51.789912188095606)</t>
  </si>
  <si>
    <t>POINT (4.666853698248578 51.81662649702195)</t>
  </si>
  <si>
    <t>POINT (4.69710691015718 51.79646860809401)</t>
  </si>
  <si>
    <t>POINT (4.637777927912233 51.77821023646778)</t>
  </si>
  <si>
    <t>POINT (4.686389791994822 51.81043155182279)</t>
  </si>
  <si>
    <t>POINT (4.704386496267732 51.787852128552714)</t>
  </si>
  <si>
    <t>POINT (4.683331927600168 51.77723151514745)</t>
  </si>
  <si>
    <t>POINT (4.673108170310138 51.81589100247664)</t>
  </si>
  <si>
    <t>POINT (4.656210821635801 51.79907728675338)</t>
  </si>
  <si>
    <t>3328BR</t>
  </si>
  <si>
    <t>POINT (4.668400258304409 51.77464384666759)</t>
  </si>
  <si>
    <t>POINT (4.675310159457809 51.81752156729137)</t>
  </si>
  <si>
    <t>POINT (4.663294033233442 51.80493127891055)</t>
  </si>
  <si>
    <t>POINT (4.711320947852346 51.805575296133185)</t>
  </si>
  <si>
    <t>POINT (4.688868065086205 51.818206476951026)</t>
  </si>
  <si>
    <t>POINT (4.666893434021375 51.81403799349644)</t>
  </si>
  <si>
    <t>POINT (4.668141669488339 51.778786957588885)</t>
  </si>
  <si>
    <t>POINT (4.674968152301079 51.78011844355648)</t>
  </si>
  <si>
    <t>POINT (4.730238371668688 51.79829991658774)</t>
  </si>
  <si>
    <t>POINT (4.671562682001809 51.80594324999389)</t>
  </si>
  <si>
    <t>POINT (4.659315638811678 51.80960842604736)</t>
  </si>
  <si>
    <t>POINT (4.665670183156322 51.81832258035678)</t>
  </si>
  <si>
    <t>POINT (4.685079714809038 51.81303884652667)</t>
  </si>
  <si>
    <t>POINT (4.680517436092849 51.77616831494681)</t>
  </si>
  <si>
    <t>POINT (4.693368244053393 51.796422800765484)</t>
  </si>
  <si>
    <t>POINT (4.666271179922773 51.78747167400056)</t>
  </si>
  <si>
    <t>POINT (4.666250653432953 51.78701019357916)</t>
  </si>
  <si>
    <t>POINT (4.68186221094451 51.80646852075003)</t>
  </si>
  <si>
    <t>POINT (4.673230791371256 51.78778826876948)</t>
  </si>
  <si>
    <t>POINT (4.720791483336964 51.79486835445954)</t>
  </si>
  <si>
    <t>POINT (4.735864651900942 51.79999838040666)</t>
  </si>
  <si>
    <t>POINT (4.677061522076282 51.77655299359352)</t>
  </si>
  <si>
    <t>POINT (4.708585313264787 51.79704311556017)</t>
  </si>
  <si>
    <t>POINT (4.668958356858062 51.77470944973712)</t>
  </si>
  <si>
    <t>POINT (4.705841898647213 51.809599549146334)</t>
  </si>
  <si>
    <t>POINT (4.6971179824008935 51.792895514452695)</t>
  </si>
  <si>
    <t>POINT (4.668286443893033 51.78958187012352)</t>
  </si>
  <si>
    <t>POINT (4.698082820706783 51.789936604237205)</t>
  </si>
  <si>
    <t>POINT (4.658380978543251 51.81128525308981)</t>
  </si>
  <si>
    <t>POINT (4.673229857037431 51.80531533556546)</t>
  </si>
  <si>
    <t>POINT (4.707947502263669 51.79039821330937)</t>
  </si>
  <si>
    <t>POINT (4.664759605183727 51.8015364295708)</t>
  </si>
  <si>
    <t>POINT (4.663322715891098 51.79298588426017)</t>
  </si>
  <si>
    <t>POINT (4.652450358392896 51.79075176287577)</t>
  </si>
  <si>
    <t>POINT (4.6695354725770155 51.812214989473716)</t>
  </si>
  <si>
    <t>POINT (4.734986537219487 51.81493393312332)</t>
  </si>
  <si>
    <t>POINT (4.66604057558431 51.77755623083167)</t>
  </si>
  <si>
    <t>POINT (4.676055031242641 51.77203638762226)</t>
  </si>
  <si>
    <t>POINT (4.6661109275777815 51.79990933079012)</t>
  </si>
  <si>
    <t>POINT (4.661712727908622 51.78806133737688)</t>
  </si>
  <si>
    <t>POINT (4.645350192082887 51.79977703246913)</t>
  </si>
  <si>
    <t>POINT (4.657943918443643 51.80437711104798)</t>
  </si>
  <si>
    <t>POINT (4.665937111721936 51.81634819600489)</t>
  </si>
  <si>
    <t>POINT (4.717657553980908 51.804654971126276)</t>
  </si>
  <si>
    <t>POINT (4.66325992175385 51.79519518901076)</t>
  </si>
  <si>
    <t>POINT (4.661377573843774 51.78979981944077)</t>
  </si>
  <si>
    <t>POINT (4.722586652201448 51.80536028715275)</t>
  </si>
  <si>
    <t>POINT (4.714875550606735 51.81499756550282)</t>
  </si>
  <si>
    <t>POINT (4.662673305825115 51.78761623881297)</t>
  </si>
  <si>
    <t>3319AK</t>
  </si>
  <si>
    <t>POINT (4.6930458947862395 51.78717780054318)</t>
  </si>
  <si>
    <t>POINT (4.673337539912266 51.78471484596396)</t>
  </si>
  <si>
    <t>POINT (4.668478319205689 51.8131849685678)</t>
  </si>
  <si>
    <t>POINT (4.658284456120176 51.80978015402465)</t>
  </si>
  <si>
    <t>POINT (4.688082802758372 51.80419722417627)</t>
  </si>
  <si>
    <t>POINT (4.668170312056583 51.77309638683723)</t>
  </si>
  <si>
    <t>3314GD</t>
  </si>
  <si>
    <t>POINT (4.662960078431437 51.80335792315795)</t>
  </si>
  <si>
    <t>POINT (4.688957202403289 51.81397240659051)</t>
  </si>
  <si>
    <t>POINT (4.696360125606716 51.79290892363128)</t>
  </si>
  <si>
    <t>POINT (4.6582804433909475 51.80317707206003)</t>
  </si>
  <si>
    <t>POINT (4.71699590919291 51.795189192336636)</t>
  </si>
  <si>
    <t>POINT (4.695673891410008 51.783403495818355)</t>
  </si>
  <si>
    <t>3317WL</t>
  </si>
  <si>
    <t>Steven Wiegmanstraat</t>
  </si>
  <si>
    <t>POINT (4.657912726947192 51.79216294486408)</t>
  </si>
  <si>
    <t>POINT (4.6670497233183434 51.801880222198754)</t>
  </si>
  <si>
    <t>POINT (4.669181636760624 51.81888535065936)</t>
  </si>
  <si>
    <t>POINT (4.680238655655187 51.801859937115175)</t>
  </si>
  <si>
    <t>POINT (4.651184604067896 51.788533476215434)</t>
  </si>
  <si>
    <t>POINT (4.712795760994721 51.81492589384708)</t>
  </si>
  <si>
    <t>POINT (4.662657577748053 51.79779757293744)</t>
  </si>
  <si>
    <t>POINT (4.681702471101238 51.80975823173758)</t>
  </si>
  <si>
    <t>POINT (4.678811489175427 51.78700478702859)</t>
  </si>
  <si>
    <t>POINT (4.671802164461133 51.7974419263825)</t>
  </si>
  <si>
    <t>POINT (4.665954428065365 51.81433217838042)</t>
  </si>
  <si>
    <t>POINT (4.669147242258212 51.79110635824854)</t>
  </si>
  <si>
    <t>POINT (4.682487333300599 51.803808249820264)</t>
  </si>
  <si>
    <t>POINT (4.664098688228538 51.810889455691374)</t>
  </si>
  <si>
    <t>POINT (4.66819310461696 51.77255511811669)</t>
  </si>
  <si>
    <t>POINT (4.685812876802572 51.78641717356859)</t>
  </si>
  <si>
    <t>POINT (4.7146280389437685 51.80357644577827)</t>
  </si>
  <si>
    <t>POINT (4.709079277212361 51.80425001070538)</t>
  </si>
  <si>
    <t>POINT (4.677570120313344 51.78101130508255)</t>
  </si>
  <si>
    <t>POINT (4.677624302555369 51.79081626953346)</t>
  </si>
  <si>
    <t>POINT (4.7173493097029455 51.79552227174577)</t>
  </si>
  <si>
    <t>POINT (4.723942099624233 51.7975123946741)</t>
  </si>
  <si>
    <t>POINT (4.711218156142832 51.792830246562374)</t>
  </si>
  <si>
    <t>POINT (4.683812688420836 51.80875555762282)</t>
  </si>
  <si>
    <t>POINT (4.71271003303002 51.811078712728104)</t>
  </si>
  <si>
    <t>POINT (4.67105886563143 51.80917763799569)</t>
  </si>
  <si>
    <t>POINT (4.709941984909059 51.810660906057834)</t>
  </si>
  <si>
    <t>POINT (4.6592700158157605 51.77058095319388)</t>
  </si>
  <si>
    <t>POINT (4.667649015040832 51.816813315694496)</t>
  </si>
  <si>
    <t>POINT (4.664580020960583 51.8133384563658)</t>
  </si>
  <si>
    <t>3319BR</t>
  </si>
  <si>
    <t>POINT (4.70320862266168 51.79685883433855)</t>
  </si>
  <si>
    <t>POINT (4.679837640752328 51.77747031167144)</t>
  </si>
  <si>
    <t>POINT (4.683709391395859 51.782461417664756)</t>
  </si>
  <si>
    <t>POINT (4.718567716154273 51.81323102656299)</t>
  </si>
  <si>
    <t>POINT (4.7357104973402215 51.80050624536739)</t>
  </si>
  <si>
    <t>POINT (4.662761302951874 51.81256716930682)</t>
  </si>
  <si>
    <t>POINT (4.661197031028803 51.794680593284646)</t>
  </si>
  <si>
    <t>POINT (4.722422757749384 51.80425913112936)</t>
  </si>
  <si>
    <t>POINT (4.67655569106897 51.815972971120814)</t>
  </si>
  <si>
    <t>POINT (4.672614370481453 51.77103760049237)</t>
  </si>
  <si>
    <t>POINT (4.670994816519713 51.80259442208722)</t>
  </si>
  <si>
    <t>POINT (4.718256689319979 51.813069885569575)</t>
  </si>
  <si>
    <t>POINT (4.664269697560818 51.802745348302736)</t>
  </si>
  <si>
    <t>POINT (4.657491477877494 51.77103985795977)</t>
  </si>
  <si>
    <t>POINT (4.662159889048227 51.78744942719673)</t>
  </si>
  <si>
    <t>POINT (4.675382813468423 51.80467003113172)</t>
  </si>
  <si>
    <t>POINT (4.681619015924609 51.81913214212952)</t>
  </si>
  <si>
    <t>POINT (4.684185784404835 51.81251137926947)</t>
  </si>
  <si>
    <t>POINT (4.675620286294526 51.81491496391841)</t>
  </si>
  <si>
    <t>POINT (4.727733525750059 51.79775977705855)</t>
  </si>
  <si>
    <t>POINT (4.668606431479847 51.7766943123097)</t>
  </si>
  <si>
    <t>3318TK</t>
  </si>
  <si>
    <t>POINT (4.683443654654769 51.785822952339956)</t>
  </si>
  <si>
    <t>POINT (4.6685486421139295 51.81037084657377)</t>
  </si>
  <si>
    <t>POINT (4.65965943608781 51.800069825217946)</t>
  </si>
  <si>
    <t>POINT (4.674192714960049 51.819109489913075)</t>
  </si>
  <si>
    <t>POINT (4.66474056791376 51.8175768059668)</t>
  </si>
  <si>
    <t>POINT (4.659851230826629 51.81267371581421)</t>
  </si>
  <si>
    <t>POINT (4.683057500946272 51.81072281852101)</t>
  </si>
  <si>
    <t>POINT (4.652392653904098 51.792796782896076)</t>
  </si>
  <si>
    <t>POINT (4.6832183762839446 51.818579074424726)</t>
  </si>
  <si>
    <t>POINT (4.665818597187205 51.77814708723654)</t>
  </si>
  <si>
    <t>POINT (4.710500471345232 51.79438599249704)</t>
  </si>
  <si>
    <t>POINT (4.677085675533892 51.77707805332188)</t>
  </si>
  <si>
    <t>POINT (4.6665768991521395 51.77835596328544)</t>
  </si>
  <si>
    <t>POINT (4.672609563331957 51.782028750599295)</t>
  </si>
  <si>
    <t>POINT (4.663541690439763 51.81439686603298)</t>
  </si>
  <si>
    <t>POINT (4.659233931044672 51.809447345274954)</t>
  </si>
  <si>
    <t>POINT (4.696397405309809 51.79509572772578)</t>
  </si>
  <si>
    <t>POINT (4.67165027568161 51.771175577546686)</t>
  </si>
  <si>
    <t>POINT (4.670558906788596 51.7848750164667)</t>
  </si>
  <si>
    <t>POINT (4.7273885400880795 51.79859717907527)</t>
  </si>
  <si>
    <t>POINT (4.658616393958886 51.795590116976705)</t>
  </si>
  <si>
    <t>POINT (4.67016653037079 51.80466755617639)</t>
  </si>
  <si>
    <t>POINT (4.7120344497468025 51.806124897782915)</t>
  </si>
  <si>
    <t>POINT (4.683865418316053 51.79811431808458)</t>
  </si>
  <si>
    <t>POINT (4.639680209636121 51.77697628513887)</t>
  </si>
  <si>
    <t>POINT (4.665908392809603 51.80835163664957)</t>
  </si>
  <si>
    <t>POINT (4.71482206369674 51.81090770730353)</t>
  </si>
  <si>
    <t>3317CK</t>
  </si>
  <si>
    <t>POINT (4.657585821061259 51.78885624029114)</t>
  </si>
  <si>
    <t>POINT (4.668585733106604 51.79973365774209)</t>
  </si>
  <si>
    <t>POINT (4.661976936583589 51.7949556532803)</t>
  </si>
  <si>
    <t>POINT (4.687047433207212 51.80227523231826)</t>
  </si>
  <si>
    <t>POINT (4.686557995336022 51.782221058325746)</t>
  </si>
  <si>
    <t>POINT (4.6520487314575325 51.803278120045825)</t>
  </si>
  <si>
    <t>POINT (4.67206800639694 51.817549334328156)</t>
  </si>
  <si>
    <t>POINT (4.6610422171486405 51.79993544430596)</t>
  </si>
  <si>
    <t>POINT (4.6573961177626195 51.79925884865193)</t>
  </si>
  <si>
    <t>POINT (4.675831083818952 51.78533477212487)</t>
  </si>
  <si>
    <t>POINT (4.681046406068475 51.779851026074255)</t>
  </si>
  <si>
    <t>POINT (4.657789148026026 51.8105948132153)</t>
  </si>
  <si>
    <t>POINT (4.727483228576184 51.80429189839983)</t>
  </si>
  <si>
    <t>POINT (4.664437241191515 51.81355504919186)</t>
  </si>
  <si>
    <t>POINT (4.685170944399331 51.782576762131924)</t>
  </si>
  <si>
    <t>POINT (4.701241439304418 51.78925064684504)</t>
  </si>
  <si>
    <t>POINT (4.679928578156802 51.77666251493451)</t>
  </si>
  <si>
    <t>POINT (4.664771359150806 51.79182560866194)</t>
  </si>
  <si>
    <t>POINT (4.672844982505299 51.776187416747774)</t>
  </si>
  <si>
    <t>POINT (4.6301027033560755 51.7234388599716)</t>
  </si>
  <si>
    <t>3314BL</t>
  </si>
  <si>
    <t>POINT (4.6578173574192 51.805041191122946)</t>
  </si>
  <si>
    <t>POINT (4.664364318046112 51.8146381223245)</t>
  </si>
  <si>
    <t>POINT (4.668975466772942 51.81868671593762)</t>
  </si>
  <si>
    <t>POINT (4.674168928137544 51.77138907398338)</t>
  </si>
  <si>
    <t>POINT (4.732721734452555 51.7984973254843)</t>
  </si>
  <si>
    <t>POINT (4.691636600413571 51.81149386670159)</t>
  </si>
  <si>
    <t>POINT (4.6716656606754405 51.81719694409654)</t>
  </si>
  <si>
    <t>POINT (4.662214118181575 51.805562448891756)</t>
  </si>
  <si>
    <t>POINT (4.66979861430226 51.78186451885329)</t>
  </si>
  <si>
    <t>POINT (4.6647062749516355 51.778444427774026)</t>
  </si>
  <si>
    <t>POINT (4.6746208554226625 51.80821028921425)</t>
  </si>
  <si>
    <t>POINT (4.680607090708628 51.78199517840268)</t>
  </si>
  <si>
    <t>POINT (4.714647846715788 51.81389117082909)</t>
  </si>
  <si>
    <t>POINT (4.675277796287107 51.80711387397426)</t>
  </si>
  <si>
    <t>POINT (4.6669993520059165 51.81656033544583)</t>
  </si>
  <si>
    <t>POINT (4.674585735109762 51.77609169681264)</t>
  </si>
  <si>
    <t>POINT (4.698263785490642 51.79281637989622)</t>
  </si>
  <si>
    <t>POINT (4.6785906726138835 51.78468050464515)</t>
  </si>
  <si>
    <t>POINT (4.663572401997635 51.79377659662607)</t>
  </si>
  <si>
    <t>POINT (4.727535823043773 51.79826874424007)</t>
  </si>
  <si>
    <t>POINT (4.682980069377439 51.81437679431775)</t>
  </si>
  <si>
    <t>POINT (4.700647906825653 51.81660268776186)</t>
  </si>
  <si>
    <t>POINT (4.691895842911271 51.81781573078841)</t>
  </si>
  <si>
    <t>POINT (4.710604866453864 51.80661550653063)</t>
  </si>
  <si>
    <t>POINT (4.672475861328164 51.78358409641174)</t>
  </si>
  <si>
    <t>POINT (4.664331271784661 51.78783704574922)</t>
  </si>
  <si>
    <t>POINT (4.708369317337484 51.80447312072504)</t>
  </si>
  <si>
    <t>POINT (4.665560164053152 51.801504439542164)</t>
  </si>
  <si>
    <t>3314KG</t>
  </si>
  <si>
    <t>POINT (4.665202096147359 51.80063520550919)</t>
  </si>
  <si>
    <t>POINT (4.6628854660181585 51.79139456709122)</t>
  </si>
  <si>
    <t>POINT (4.679610650643494 51.81523111504416)</t>
  </si>
  <si>
    <t>POINT (4.692680575481061 51.81782297497458)</t>
  </si>
  <si>
    <t>3312NC</t>
  </si>
  <si>
    <t>POINT (4.6835366600108435 51.80499657573185)</t>
  </si>
  <si>
    <t>POINT (4.659498918482998 51.80186133763843)</t>
  </si>
  <si>
    <t>POINT (4.666115999575425 51.81277447164167)</t>
  </si>
  <si>
    <t>POINT (4.71974660564802 51.80112936449369)</t>
  </si>
  <si>
    <t>POINT (4.67382101749001 51.81666184648453)</t>
  </si>
  <si>
    <t>POINT (4.660030499553779 51.80219790718894)</t>
  </si>
  <si>
    <t>POINT (4.675777467841357 51.774148938995445)</t>
  </si>
  <si>
    <t>POINT (4.725784375487963 51.79888347784524)</t>
  </si>
  <si>
    <t>POINT (4.6698640332285635 51.80107330711122)</t>
  </si>
  <si>
    <t>POINT (4.7304395934116314 51.80383353217204)</t>
  </si>
  <si>
    <t>POINT (4.6553766525119995 51.791892223036655)</t>
  </si>
  <si>
    <t>POINT (4.723285058580543 51.798450688775716)</t>
  </si>
  <si>
    <t>POINT (4.666561406985727 51.80132820385108)</t>
  </si>
  <si>
    <t>POINT (4.674726973429354 51.7838843240648)</t>
  </si>
  <si>
    <t>POINT (4.666915978845309 51.77907457236647)</t>
  </si>
  <si>
    <t>POINT (4.667459069745778 51.813717296324455)</t>
  </si>
  <si>
    <t>POINT (4.661314646045962 51.78901019464129)</t>
  </si>
  <si>
    <t>POINT (4.652391684249938 51.78541570256907)</t>
  </si>
  <si>
    <t>POINT (4.714942182564632 51.80808683383986)</t>
  </si>
  <si>
    <t>POINT (4.712489796970498 51.80396399414352)</t>
  </si>
  <si>
    <t>POINT (4.643729877829652 51.77437954405436)</t>
  </si>
  <si>
    <t>POINT (4.707055393912152 51.79035805165705)</t>
  </si>
  <si>
    <t>POINT (4.669312191643547 51.814071834658954)</t>
  </si>
  <si>
    <t>POINT (4.659673931025253 51.808758061930305)</t>
  </si>
  <si>
    <t>POINT (4.67515149373672 51.78248731603582)</t>
  </si>
  <si>
    <t>POINT (4.674639143148279 51.818243608525236)</t>
  </si>
  <si>
    <t>POINT (4.667436626192425 51.80407153046452)</t>
  </si>
  <si>
    <t>POINT (4.664761649102291 51.800386087327404)</t>
  </si>
  <si>
    <t>POINT (4.676489596734059 51.81695204781311)</t>
  </si>
  <si>
    <t>POINT (4.666255481136823 51.787397420705105)</t>
  </si>
  <si>
    <t>POINT (4.643858204127286 51.76632359581009)</t>
  </si>
  <si>
    <t>POINT (4.6622192089813606 51.816334941374244)</t>
  </si>
  <si>
    <t>POINT (4.658916131512772 51.793203922114465)</t>
  </si>
  <si>
    <t>POINT (4.683199889351205 51.78054508979545)</t>
  </si>
  <si>
    <t>POINT (4.631199807243967 51.72471368673104)</t>
  </si>
  <si>
    <t>3311GK</t>
  </si>
  <si>
    <t>Oudenhovenstraat</t>
  </si>
  <si>
    <t>3311GJ-3311GK</t>
  </si>
  <si>
    <t>POINT (4.667165873369008 51.80948519179935)</t>
  </si>
  <si>
    <t>POINT (4.729851344717389 51.80180004662405)</t>
  </si>
  <si>
    <t>POINT (4.665947858848268 51.7741563437642)</t>
  </si>
  <si>
    <t>POINT (4.723039794726899 51.7930837958182)</t>
  </si>
  <si>
    <t>POINT (4.660195541969321 51.80239903624469)</t>
  </si>
  <si>
    <t>POINT (4.674860068618954 51.81037101004868)</t>
  </si>
  <si>
    <t>POINT (4.636959215409359 51.77685258347485)</t>
  </si>
  <si>
    <t>POINT (4.680845593444802 51.81400883332035)</t>
  </si>
  <si>
    <t>POINT (4.71943330337371 51.81113143684736)</t>
  </si>
  <si>
    <t>POINT (4.684250645748919 51.805050185064)</t>
  </si>
  <si>
    <t>POINT (4.6672858824963015 51.8169195909736)</t>
  </si>
  <si>
    <t>3314KS</t>
  </si>
  <si>
    <t>POINT (4.6674878777142155 51.79970178706743)</t>
  </si>
  <si>
    <t>POINT (4.690730731649277 51.80805720738683)</t>
  </si>
  <si>
    <t>POINT (4.653779673400201 51.80084846636996)</t>
  </si>
  <si>
    <t>POINT (4.694331950242481 51.791358676732365)</t>
  </si>
  <si>
    <t>POINT (4.668976456203815 51.797250407472816)</t>
  </si>
  <si>
    <t>POINT (4.663702934987427 51.78804828983214)</t>
  </si>
  <si>
    <t>POINT (4.732787349715765 51.80127905471232)</t>
  </si>
  <si>
    <t>3311KB</t>
  </si>
  <si>
    <t>POINT (4.666362569722687 51.81190503743043)</t>
  </si>
  <si>
    <t>POINT (4.670781628421059 51.80394060529823)</t>
  </si>
  <si>
    <t>POINT (4.651720315786445 51.7907726891396)</t>
  </si>
  <si>
    <t>POINT (4.70159479294352 51.78957136996057)</t>
  </si>
  <si>
    <t>POINT (4.731710417568357 51.79798171833448)</t>
  </si>
  <si>
    <t>3317LB</t>
  </si>
  <si>
    <t>POINT (4.66099286574912 51.79042342104085)</t>
  </si>
  <si>
    <t>POINT (4.679058004163146 51.78167130391533)</t>
  </si>
  <si>
    <t>POINT (4.663219290718002 51.78848237278997)</t>
  </si>
  <si>
    <t>POINT (4.730169886756291 51.80135425051285)</t>
  </si>
  <si>
    <t>POINT (4.7088039038393665 51.794821816430485)</t>
  </si>
  <si>
    <t>POINT (4.627989720172718 51.723239454324116)</t>
  </si>
  <si>
    <t>POINT (4.659985945624496 51.78753769560733)</t>
  </si>
  <si>
    <t>POINT (4.6778412788349835 51.80834572817238)</t>
  </si>
  <si>
    <t>POINT (4.67237343105309 51.81900748496821)</t>
  </si>
  <si>
    <t>POINT (4.6889604150403725 51.807859120286196)</t>
  </si>
  <si>
    <t>POINT (4.669825074397691 51.81256486463286)</t>
  </si>
  <si>
    <t>POINT (4.725641087302422 51.7992123375289)</t>
  </si>
  <si>
    <t>3315RT</t>
  </si>
  <si>
    <t>3315RT-3315RV</t>
  </si>
  <si>
    <t>POINT (4.714223697252701 51.80358684635633)</t>
  </si>
  <si>
    <t>POINT (4.6612280388389475 51.81271181401901)</t>
  </si>
  <si>
    <t>POINT (4.70655451029564 51.80899562949876)</t>
  </si>
  <si>
    <t>POINT (4.685141667314864 51.77520219646449)</t>
  </si>
  <si>
    <t>POINT (4.67914847551467 51.77345388256769)</t>
  </si>
  <si>
    <t>POINT (4.661431418640116 51.78250438508473)</t>
  </si>
  <si>
    <t>POINT (4.640804055003403 51.778484588564886)</t>
  </si>
  <si>
    <t>POINT (4.654411369931164 51.808253553791424)</t>
  </si>
  <si>
    <t>POINT (4.727638484744582 51.80489369753245)</t>
  </si>
  <si>
    <t>POINT (4.685147244065478 51.776063985590405)</t>
  </si>
  <si>
    <t>POINT (4.651264475127381 51.79042203903387)</t>
  </si>
  <si>
    <t>POINT (4.694396916105384 51.790921716304574)</t>
  </si>
  <si>
    <t>POINT (4.688072101421799 51.80613136898528)</t>
  </si>
  <si>
    <t>POINT (4.670092232652202 51.813604860198005)</t>
  </si>
  <si>
    <t>POINT (4.677946703805528 51.77592973360638)</t>
  </si>
  <si>
    <t>POINT (4.684529873897659 51.80885240167472)</t>
  </si>
  <si>
    <t>POINT (4.67478219550956 51.80746180200625)</t>
  </si>
  <si>
    <t>POINT (4.692219330899035 51.80410178975515)</t>
  </si>
  <si>
    <t>3311KG</t>
  </si>
  <si>
    <t>POINT (4.668217218001519 51.81166396814733)</t>
  </si>
  <si>
    <t>POINT (4.651726915877952 51.79472262213902)</t>
  </si>
  <si>
    <t>POINT (4.717226208868582 51.80229650395967)</t>
  </si>
  <si>
    <t>POINT (4.673467745092871 51.81388007832002)</t>
  </si>
  <si>
    <t>POINT (4.6758980921610185 51.785701171310556)</t>
  </si>
  <si>
    <t>POINT (4.674092647632747 51.81477407915829)</t>
  </si>
  <si>
    <t>POINT (4.719752115786808 51.81343150972103)</t>
  </si>
  <si>
    <t>POINT (4.710672245748638 51.79398602594605)</t>
  </si>
  <si>
    <t>POINT (4.65930485845135 51.80958186052611)</t>
  </si>
  <si>
    <t>POINT (4.6663718065312985 51.800762585372375)</t>
  </si>
  <si>
    <t>POINT (4.652045173118864 51.793248248193414)</t>
  </si>
  <si>
    <t>POINT (4.665745529436312 51.790779323366685)</t>
  </si>
  <si>
    <t>POINT (4.674633219799513 51.80339686397717)</t>
  </si>
  <si>
    <t>3315HL</t>
  </si>
  <si>
    <t>POINT (4.733844980865944 51.80170006186728)</t>
  </si>
  <si>
    <t>POINT (4.7169175777563845 51.7954473035064)</t>
  </si>
  <si>
    <t>POINT (4.658618270127474 51.807314013902456)</t>
  </si>
  <si>
    <t>POINT (4.731963541152883 51.79999429536634)</t>
  </si>
  <si>
    <t>POINT (4.676260001916651 51.80450396210063)</t>
  </si>
  <si>
    <t>POINT (4.699550647861779 51.7985630059814)</t>
  </si>
  <si>
    <t>POINT (4.732758987597325 51.79607066321205)</t>
  </si>
  <si>
    <t>POINT (4.6948400007417606 51.789850337932094)</t>
  </si>
  <si>
    <t>POINT (4.672030366129825 51.78704833244024)</t>
  </si>
  <si>
    <t>POINT (4.6589748341075365 51.80769983761977)</t>
  </si>
  <si>
    <t>POINT (4.685078657855492 51.782565594112086)</t>
  </si>
  <si>
    <t>3319TB</t>
  </si>
  <si>
    <t>POINT (4.7038098287754435 51.78925202816817)</t>
  </si>
  <si>
    <t>POINT (4.668525801326779 51.812915536155835)</t>
  </si>
  <si>
    <t>POINT (4.669417182069385 51.81741967873828)</t>
  </si>
  <si>
    <t>POINT (4.721327560058635 51.79726673886093)</t>
  </si>
  <si>
    <t>POINT (4.6980791321064945 51.79966324113107)</t>
  </si>
  <si>
    <t>POINT (4.6729811707721245 51.772874827080855)</t>
  </si>
  <si>
    <t>3312AN</t>
  </si>
  <si>
    <t>POINT (4.68854288758942 51.816088180773384)</t>
  </si>
  <si>
    <t>POINT (4.711073191009545 51.79157364104054)</t>
  </si>
  <si>
    <t>POINT (4.672433744363148 51.81135645322347)</t>
  </si>
  <si>
    <t>POINT (4.710256180738077 51.8145138038593)</t>
  </si>
  <si>
    <t>POINT (4.631338903913264 51.72345065121402)</t>
  </si>
  <si>
    <t>POINT (4.680058195621067 51.79877881559615)</t>
  </si>
  <si>
    <t>POINT (4.673593789824425 51.80569593688781)</t>
  </si>
  <si>
    <t>POINT (4.6717705171823685 51.80592888605003)</t>
  </si>
  <si>
    <t>POINT (4.6563457591807484 51.80713394145185)</t>
  </si>
  <si>
    <t>POINT (4.6560166923167 51.787884606209495)</t>
  </si>
  <si>
    <t>POINT (4.689595774080221 51.80954070506748)</t>
  </si>
  <si>
    <t>POINT (4.677483122133138 51.81661993361879)</t>
  </si>
  <si>
    <t>POINT (4.667979169236704 51.794233678638506)</t>
  </si>
  <si>
    <t>POINT (4.65761265404196 51.78729016016243)</t>
  </si>
  <si>
    <t>POINT (4.708437105241281 51.818703202750235)</t>
  </si>
  <si>
    <t>POINT (4.670259671792886 51.781670584043766)</t>
  </si>
  <si>
    <t>POINT (4.697449815334755 51.79921775926174)</t>
  </si>
  <si>
    <t>POINT (4.670163157794856 51.78221491647175)</t>
  </si>
  <si>
    <t>POINT (4.66304022559988 51.814741652578796)</t>
  </si>
  <si>
    <t>POINT (4.659553814298977 51.79654123161148)</t>
  </si>
  <si>
    <t>POINT (4.721061625933023 51.8025460414595)</t>
  </si>
  <si>
    <t>POINT (4.662736893562299 51.7985583177031)</t>
  </si>
  <si>
    <t>POINT (4.685686152516691 51.8117242319709)</t>
  </si>
  <si>
    <t>POINT (4.673888736105697 51.813238213180355)</t>
  </si>
  <si>
    <t>POINT (4.662962142385837 51.7944374554043)</t>
  </si>
  <si>
    <t>POINT (4.659812989059856 51.808763661036956)</t>
  </si>
  <si>
    <t>POINT (4.676387167001166 51.81600054347582)</t>
  </si>
  <si>
    <t>POINT (4.664599231132464 51.78876400297726)</t>
  </si>
  <si>
    <t>POINT (4.67927219687282 51.80665778444103)</t>
  </si>
  <si>
    <t>POINT (4.665163770971024 51.80067095139992)</t>
  </si>
  <si>
    <t>POINT (4.686704559169756 51.78059350597393)</t>
  </si>
  <si>
    <t>POINT (4.6522779781832595 51.785328051339356)</t>
  </si>
  <si>
    <t>POINT (4.664281036712123 51.8129871620398)</t>
  </si>
  <si>
    <t>POINT (4.664341930458027 51.81770670056493)</t>
  </si>
  <si>
    <t>POINT (4.705348434479096 51.80870388525918)</t>
  </si>
  <si>
    <t>POINT (4.672462208823669 51.79670390593335)</t>
  </si>
  <si>
    <t>POINT (4.658187685952971 51.801079693576405)</t>
  </si>
  <si>
    <t>POINT (4.659191327827497 51.79917801125478)</t>
  </si>
  <si>
    <t>POINT (4.7176350556433375 51.803651745883776)</t>
  </si>
  <si>
    <t>POINT (4.7008056484521585 51.7974239224033)</t>
  </si>
  <si>
    <t>POINT (4.657259270723525 51.806006045666955)</t>
  </si>
  <si>
    <t>POINT (4.6683196861830325 51.8152500798384)</t>
  </si>
  <si>
    <t>POINT (4.720807191570668 51.8135184572322)</t>
  </si>
  <si>
    <t>POINT (4.675662424827892 51.813824651205)</t>
  </si>
  <si>
    <t>POINT (4.680605357511374 51.78543024326262)</t>
  </si>
  <si>
    <t>POINT (4.663242043354609 51.81616313585681)</t>
  </si>
  <si>
    <t>POINT (4.6683740659609745 51.80988582682115)</t>
  </si>
  <si>
    <t>POINT (4.702331620382844 51.79667681230405)</t>
  </si>
  <si>
    <t>POINT (4.70691226543065 51.79737841146255)</t>
  </si>
  <si>
    <t>POINT (4.679317372031668 51.80438967495627)</t>
  </si>
  <si>
    <t>3328ZE</t>
  </si>
  <si>
    <t>POINT (4.671952331119755 51.772816098918405)</t>
  </si>
  <si>
    <t>POINT (4.686723152491652 51.80443285202849)</t>
  </si>
  <si>
    <t>POINT (4.658358325721481 51.80646352557203)</t>
  </si>
  <si>
    <t>POINT (4.70317153856463 51.81603779100671)</t>
  </si>
  <si>
    <t>POINT (4.661861146496898 51.796886303410396)</t>
  </si>
  <si>
    <t>POINT (4.697610694565645 51.81742152629348)</t>
  </si>
  <si>
    <t>3312LW</t>
  </si>
  <si>
    <t>Weedeweg N.Z.</t>
  </si>
  <si>
    <t>POINT (4.687668282373031 51.80376564355308)</t>
  </si>
  <si>
    <t>POINT (4.662973816042151 51.7951965153131)</t>
  </si>
  <si>
    <t>POINT (4.670213623697559 51.81443693737705)</t>
  </si>
  <si>
    <t>POINT (4.659475957512885 51.81168407211809)</t>
  </si>
  <si>
    <t>3328XN</t>
  </si>
  <si>
    <t>POINT (4.6769125052137355 51.78207349257596)</t>
  </si>
  <si>
    <t>POINT (4.682714352534011 51.785281868806486)</t>
  </si>
  <si>
    <t>POINT (4.66179853319311 51.78841196019916)</t>
  </si>
  <si>
    <t>POINT (4.667409454048265 51.77484824085708)</t>
  </si>
  <si>
    <t>POINT (4.651244990018051 51.79059111136667)</t>
  </si>
  <si>
    <t>POINT (4.7251309200619955 51.80601014885081)</t>
  </si>
  <si>
    <t>POINT (4.712120551100684 51.81623426298549)</t>
  </si>
  <si>
    <t>POINT (4.682291509332303 51.778079508003565)</t>
  </si>
  <si>
    <t>POINT (4.677087610165842 51.818252075804985)</t>
  </si>
  <si>
    <t>3315BC</t>
  </si>
  <si>
    <t>POINT (4.726556496370752 51.79828340453806)</t>
  </si>
  <si>
    <t>POINT (4.667409765437434 51.77117072436982)</t>
  </si>
  <si>
    <t>POINT (4.66946171021473 51.80439291230922)</t>
  </si>
  <si>
    <t>POINT (4.725883088443543 51.79853640743332)</t>
  </si>
  <si>
    <t>POINT (4.6700755490579215 51.778152536145406)</t>
  </si>
  <si>
    <t>POINT (4.685980429117715 51.78809900607228)</t>
  </si>
  <si>
    <t>POINT (4.692591797121533 51.78481638294783)</t>
  </si>
  <si>
    <t>POINT (4.7210977505990925 51.80089039428459)</t>
  </si>
  <si>
    <t>POINT (4.7197370544818895 51.803867251552504)</t>
  </si>
  <si>
    <t>POINT (4.680043517953937 51.813511127407004)</t>
  </si>
  <si>
    <t>POINT (4.685608633400776 51.81173314371813)</t>
  </si>
  <si>
    <t>POINT (4.708954058162317 51.806845505940174)</t>
  </si>
  <si>
    <t>POINT (4.684410649639522 51.78034564647064)</t>
  </si>
  <si>
    <t>3318EK</t>
  </si>
  <si>
    <t>Maanplein</t>
  </si>
  <si>
    <t>POINT (4.674404569607548 51.78863202989229)</t>
  </si>
  <si>
    <t>POINT (4.676758061527576 51.8089412094179)</t>
  </si>
  <si>
    <t>POINT (4.684523896782666 51.781193743283616)</t>
  </si>
  <si>
    <t>POINT (4.714025429073306 51.8102224393443)</t>
  </si>
  <si>
    <t>POINT (4.655558797525497 51.81087446319873)</t>
  </si>
  <si>
    <t>POINT (4.668945996557624 51.81547522482898)</t>
  </si>
  <si>
    <t>POINT (4.630367518542689 51.78453374727044)</t>
  </si>
  <si>
    <t>POINT (4.680625494507165 51.781867523908204)</t>
  </si>
  <si>
    <t>POINT (4.6541824400346465 51.791848947214305)</t>
  </si>
  <si>
    <t>3311CZ</t>
  </si>
  <si>
    <t>Engelenburgerbrug</t>
  </si>
  <si>
    <t>POINT (4.660836132639156 51.815196494224885)</t>
  </si>
  <si>
    <t>POINT (4.655610959036721 51.79028837274069)</t>
  </si>
  <si>
    <t>POINT (4.696835208863784 51.79139577133011)</t>
  </si>
  <si>
    <t>POINT (4.666293704657745 51.796233853525)</t>
  </si>
  <si>
    <t>POINT (4.721168410659447 51.80344317497661)</t>
  </si>
  <si>
    <t>POINT (4.67246980839345 51.810888156182344)</t>
  </si>
  <si>
    <t>POINT (4.67190334618799 51.81169597756416)</t>
  </si>
  <si>
    <t>POINT (4.698076947103802 51.81736098487719)</t>
  </si>
  <si>
    <t>3315RR</t>
  </si>
  <si>
    <t>POINT (4.714423420863796 51.80313582669433)</t>
  </si>
  <si>
    <t>POINT (4.700084154419123 51.796019885084334)</t>
  </si>
  <si>
    <t>POINT (4.7167318962967055 51.81597572205214)</t>
  </si>
  <si>
    <t>POINT (4.657586493836177 51.78721570574683)</t>
  </si>
  <si>
    <t>POINT (4.659928953717735 51.77056621001548)</t>
  </si>
  <si>
    <t>POINT (4.668340263553604 51.770008113791775)</t>
  </si>
  <si>
    <t>POINT (4.67567734535825 51.77386491757933)</t>
  </si>
  <si>
    <t>POINT (4.684597019312142 51.792525620477115)</t>
  </si>
  <si>
    <t>POINT (4.654155808991933 51.79098921734317)</t>
  </si>
  <si>
    <t>POINT (4.679135163939366 51.7790101254301)</t>
  </si>
  <si>
    <t>3317VD</t>
  </si>
  <si>
    <t>Isaac Sweersstraat</t>
  </si>
  <si>
    <t>POINT (4.654292618358301 51.793090895524216)</t>
  </si>
  <si>
    <t>POINT (4.684046944101769 51.79809903775307)</t>
  </si>
  <si>
    <t>POINT (4.656552129976616 51.80686876583525)</t>
  </si>
  <si>
    <t>POINT (4.6872495373155285 51.80791221666014)</t>
  </si>
  <si>
    <t>POINT (4.701081332449696 51.79793315181901)</t>
  </si>
  <si>
    <t>POINT (4.684123870673912 51.7981322355287)</t>
  </si>
  <si>
    <t>POINT (4.661471232355788 51.79228072419996)</t>
  </si>
  <si>
    <t>POINT (4.6622141024829045 51.794312988813694)</t>
  </si>
  <si>
    <t>POINT (4.67626744880699 51.77369704547039)</t>
  </si>
  <si>
    <t>POINT (4.681193756934767 51.77400397087717)</t>
  </si>
  <si>
    <t>POINT (4.675457643465499 51.78331135266526)</t>
  </si>
  <si>
    <t>POINT (4.676430004816981 51.7838898019332)</t>
  </si>
  <si>
    <t>POINT (4.722246525917765 51.797201272996986)</t>
  </si>
  <si>
    <t>3317AM</t>
  </si>
  <si>
    <t>Douwe Aukesstraat</t>
  </si>
  <si>
    <t>POINT (4.650759264183078 51.791210243973666)</t>
  </si>
  <si>
    <t>POINT (4.676412951866536 51.81434860957467)</t>
  </si>
  <si>
    <t>POINT (4.707426369580189 51.78718454092589)</t>
  </si>
  <si>
    <t>POINT (4.6796401820017035 51.804211381058344)</t>
  </si>
  <si>
    <t>3329LB</t>
  </si>
  <si>
    <t>Zanddijk</t>
  </si>
  <si>
    <t>POINT (4.667145511517982 51.75356355245166)</t>
  </si>
  <si>
    <t>POINT (4.702302266441229 51.7898520749925)</t>
  </si>
  <si>
    <t>POINT (4.667562327246788 51.795826256400005)</t>
  </si>
  <si>
    <t>POINT (4.66285441033002 51.81038246046985)</t>
  </si>
  <si>
    <t>POINT (4.676635755367093 51.783737125990406)</t>
  </si>
  <si>
    <t>POINT (4.664572093475071 51.81319970324102)</t>
  </si>
  <si>
    <t>POINT (4.67032791370276 51.814214653564385)</t>
  </si>
  <si>
    <t>POINT (4.70453720291954 51.792862013985626)</t>
  </si>
  <si>
    <t>POINT (4.669344856976027 51.79886513446079)</t>
  </si>
  <si>
    <t>POINT (4.671570898094053 51.78220362157528)</t>
  </si>
  <si>
    <t>3315GK</t>
  </si>
  <si>
    <t>POINT (4.735107064800118 51.79831024119062)</t>
  </si>
  <si>
    <t>POINT (4.659778024262732 51.79627493846046)</t>
  </si>
  <si>
    <t>POINT (4.712386337720671 51.79848113011506)</t>
  </si>
  <si>
    <t>POINT (4.65322343053017 51.80419317100567)</t>
  </si>
  <si>
    <t>POINT (4.702849782151127 51.7994349511181)</t>
  </si>
  <si>
    <t>POINT (4.668476311616853 51.791962611941656)</t>
  </si>
  <si>
    <t>POINT (4.662429402401405 51.799198076681215)</t>
  </si>
  <si>
    <t>POINT (4.665610503868581 51.774837591005706)</t>
  </si>
  <si>
    <t>POINT (4.659634050108989 51.77126328132099)</t>
  </si>
  <si>
    <t>POINT (4.686484744262358 51.78018142762426)</t>
  </si>
  <si>
    <t>POINT (4.652248308668748 51.78773142158697)</t>
  </si>
  <si>
    <t>POINT (4.661241776440077 51.804923651327385)</t>
  </si>
  <si>
    <t>POINT (4.659893386368073 51.80440859959994)</t>
  </si>
  <si>
    <t>POINT (4.663746292825975 51.786355794925626)</t>
  </si>
  <si>
    <t>POINT (4.66526116325556 51.809940082553126)</t>
  </si>
  <si>
    <t>POINT (4.733231827734149 51.794871203705064)</t>
  </si>
  <si>
    <t>POINT (4.673005092892723 51.80613880496538)</t>
  </si>
  <si>
    <t>POINT (4.719221799247576 51.81524845695192)</t>
  </si>
  <si>
    <t>POINT (4.649921471836513 51.795006739785684)</t>
  </si>
  <si>
    <t>POINT (4.658224178638268 51.80975933031872)</t>
  </si>
  <si>
    <t>POINT (4.66419079012873 51.777665614985544)</t>
  </si>
  <si>
    <t>3328EK</t>
  </si>
  <si>
    <t>POINT (4.680927910503869 51.777556512901725)</t>
  </si>
  <si>
    <t>POINT (4.670416956769487 51.817001335164164)</t>
  </si>
  <si>
    <t>POINT (4.667282946233815 51.77131612050968)</t>
  </si>
  <si>
    <t>POINT (4.678018048646142 51.81728331276551)</t>
  </si>
  <si>
    <t>POINT (4.6816392481928055 51.8050078872512)</t>
  </si>
  <si>
    <t>POINT (4.709567738025189 51.80343277988869)</t>
  </si>
  <si>
    <t>POINT (4.663381661003138 51.809769881133015)</t>
  </si>
  <si>
    <t>POINT (4.7095702346079396 51.808202180977695)</t>
  </si>
  <si>
    <t>POINT (4.680450530923402 51.77478055912685)</t>
  </si>
  <si>
    <t>POINT (4.663485462674643 51.796974652894924)</t>
  </si>
  <si>
    <t>POINT (4.703686895090028 51.79207384436961)</t>
  </si>
  <si>
    <t>POINT (4.6604978346331025 51.799512778049525)</t>
  </si>
  <si>
    <t>POINT (4.659368953147589 51.79121351378289)</t>
  </si>
  <si>
    <t>POINT (4.674837368134575 51.81556347461567)</t>
  </si>
  <si>
    <t>POINT (4.663517993111192 51.81441947024927)</t>
  </si>
  <si>
    <t>POINT (4.70910760730902 51.78773121847742)</t>
  </si>
  <si>
    <t>3312AS</t>
  </si>
  <si>
    <t>Vlijweg</t>
  </si>
  <si>
    <t>3312AR-3312AS</t>
  </si>
  <si>
    <t>POINT (4.6866405621277085 51.81440071632552)</t>
  </si>
  <si>
    <t>POINT (4.6689974970398085 51.77486220994616)</t>
  </si>
  <si>
    <t>POINT (4.668233796799015 51.790107772970906)</t>
  </si>
  <si>
    <t>POINT (4.672820366650959 51.81852722724671)</t>
  </si>
  <si>
    <t>POINT (4.730932753422084 51.80050129135144)</t>
  </si>
  <si>
    <t>POINT (4.667353201506929 51.78969272165728)</t>
  </si>
  <si>
    <t>POINT (4.6710163411261245 51.80864499702359)</t>
  </si>
  <si>
    <t>POINT (4.6669302148101846 51.80900800161614)</t>
  </si>
  <si>
    <t>POINT (4.698525648847167 51.78990305222359)</t>
  </si>
  <si>
    <t>POINT (4.706077463124749 51.791484437692944)</t>
  </si>
  <si>
    <t>POINT (4.647934866594539 51.80072736323808)</t>
  </si>
  <si>
    <t>POINT (4.649351092149337 51.78190762518526)</t>
  </si>
  <si>
    <t>POINT (4.710081481361079 51.810331009819286)</t>
  </si>
  <si>
    <t>POINT (4.671165661574861 51.799964916777924)</t>
  </si>
  <si>
    <t>POINT (4.659266773674893 51.80322011190857)</t>
  </si>
  <si>
    <t>POINT (4.68491955415384 51.81165169250537)</t>
  </si>
  <si>
    <t>POINT (4.67046288227434 51.8000797078894)</t>
  </si>
  <si>
    <t>POINT (4.6583749642260095 51.78173818352455)</t>
  </si>
  <si>
    <t>POINT (4.683240893831599 51.798280539521855)</t>
  </si>
  <si>
    <t>POINT (4.684380953429346 51.78549415658872)</t>
  </si>
  <si>
    <t>POINT (4.688211348443396 51.80932450505461)</t>
  </si>
  <si>
    <t>POINT (4.667943912287189 51.81362163616746)</t>
  </si>
  <si>
    <t>POINT (4.657512272527391 51.8125447515771)</t>
  </si>
  <si>
    <t>POINT (4.629331005380859 51.72117085139516)</t>
  </si>
  <si>
    <t>POINT (4.731104032800081 51.80346417593089)</t>
  </si>
  <si>
    <t>POINT (4.6721217957561905 51.81545125719982)</t>
  </si>
  <si>
    <t>POINT (4.666736405228572 51.80924894895264)</t>
  </si>
  <si>
    <t>POINT (4.7192958113732635 51.8111483979635)</t>
  </si>
  <si>
    <t>POINT (4.679503341876193 51.81246527566193)</t>
  </si>
  <si>
    <t>POINT (4.672469323776643 51.792803926627414)</t>
  </si>
  <si>
    <t>POINT (4.66256355129347 51.80957546736951)</t>
  </si>
  <si>
    <t>POINT (4.671990645613505 51.79653919981287)</t>
  </si>
  <si>
    <t>POINT (4.691502589426463 51.81850018723842)</t>
  </si>
  <si>
    <t>POINT (4.6797215169121325 51.81615292374746)</t>
  </si>
  <si>
    <t>POINT (4.631435753068988 51.76961896671236)</t>
  </si>
  <si>
    <t>POINT (4.731867052493445 51.79207200276882)</t>
  </si>
  <si>
    <t>POINT (4.727626231512947 51.79937882859299)</t>
  </si>
  <si>
    <t>POINT (4.701483168286694 51.8168517295815)</t>
  </si>
  <si>
    <t>POINT (4.678947140446863 51.778121967018144)</t>
  </si>
  <si>
    <t>POINT (4.65868633761019 51.79552110460284)</t>
  </si>
  <si>
    <t>POINT (4.671722479376593 51.81518328009063)</t>
  </si>
  <si>
    <t>POINT (4.661276116138111 51.7906931544307)</t>
  </si>
  <si>
    <t>POINT (4.673469782411182 51.80296999431631)</t>
  </si>
  <si>
    <t>POINT (4.726742295605278 51.802287946882345)</t>
  </si>
  <si>
    <t>POINT (4.667825013116441 51.811812709141655)</t>
  </si>
  <si>
    <t>POINT (4.657612626539425 51.81253841829194)</t>
  </si>
  <si>
    <t>POINT (4.6783880557606325 51.812923330626454)</t>
  </si>
  <si>
    <t>POINT (4.66636755805292 51.80394016877186)</t>
  </si>
  <si>
    <t>POINT (4.728353648516354 51.79885167776692)</t>
  </si>
  <si>
    <t>POINT (4.656519172005578 51.78483079232001)</t>
  </si>
  <si>
    <t>POINT (4.688352655172492 51.81017425399566)</t>
  </si>
  <si>
    <t>POINT (4.694253709564793 51.81772147972584)</t>
  </si>
  <si>
    <t>POINT (4.65859336626457 51.79957790995841)</t>
  </si>
  <si>
    <t>POINT (4.6634362089225405 51.81473232022158)</t>
  </si>
  <si>
    <t>POINT (4.654165887119793 51.79107103264797)</t>
  </si>
  <si>
    <t>3312LG</t>
  </si>
  <si>
    <t>POINT (4.6818668209895185 51.804112113872335)</t>
  </si>
  <si>
    <t>POINT (4.713564502914947 51.8041857796394)</t>
  </si>
  <si>
    <t>POINT (4.68240260822866 51.7744969911944)</t>
  </si>
  <si>
    <t>POINT (4.668164986734695 51.813338679097264)</t>
  </si>
  <si>
    <t>POINT (4.6838942983631116 51.79806865793436)</t>
  </si>
  <si>
    <t>POINT (4.66192783579178 51.816346129691745)</t>
  </si>
  <si>
    <t>POINT (4.666456256008991 51.81542346653814)</t>
  </si>
  <si>
    <t>POINT (4.660813854382255 51.7947040190215)</t>
  </si>
  <si>
    <t>POINT (4.656175607825181 51.79878385590964)</t>
  </si>
  <si>
    <t>POINT (4.66903197916217 51.775116496116944)</t>
  </si>
  <si>
    <t>POINT (4.651066551803015 51.80132721141258)</t>
  </si>
  <si>
    <t>POINT (4.668829854641702 51.81007649931373)</t>
  </si>
  <si>
    <t>POINT (4.66632015271237 51.78758336299065)</t>
  </si>
  <si>
    <t>POINT (4.673529459289197 51.77149802866588)</t>
  </si>
  <si>
    <t>POINT (4.631035900997014 51.78370018159321)</t>
  </si>
  <si>
    <t>POINT (4.660013609244261 51.811202753124434)</t>
  </si>
  <si>
    <t>POINT (4.667107568139939 51.788786096760006)</t>
  </si>
  <si>
    <t>POINT (4.670890635372974 51.80027361741126)</t>
  </si>
  <si>
    <t>POINT (4.667991449671039 51.792566970826186)</t>
  </si>
  <si>
    <t>POINT (4.706880707501233 51.80747008884328)</t>
  </si>
  <si>
    <t>POINT (4.662547906808489 51.81712170095451)</t>
  </si>
  <si>
    <t>POINT (4.684711171863392 51.79251158061482)</t>
  </si>
  <si>
    <t>POINT (4.650141515460465 51.79459035410207)</t>
  </si>
  <si>
    <t>POINT (4.667975412849861 51.81481965111877)</t>
  </si>
  <si>
    <t>POINT (4.710756531100857 51.80433845941843)</t>
  </si>
  <si>
    <t>POINT (4.651611151334324 51.78495184647556)</t>
  </si>
  <si>
    <t>POINT (4.678871425818618 51.785641779619375)</t>
  </si>
  <si>
    <t>POINT (4.675441696594216 51.775810550113725)</t>
  </si>
  <si>
    <t>3311ZK</t>
  </si>
  <si>
    <t>Matena'shof</t>
  </si>
  <si>
    <t>POINT (4.677911729000395 51.81506799804784)</t>
  </si>
  <si>
    <t>POINT (4.657372721697534 51.7694649946532)</t>
  </si>
  <si>
    <t>POINT (4.684038161721123 51.777532162639034)</t>
  </si>
  <si>
    <t>POINT (4.6743843412778885 51.816362486082)</t>
  </si>
  <si>
    <t>POINT (4.681925535321801 51.817893216958275)</t>
  </si>
  <si>
    <t>POINT (4.66830382172249 51.81310274097764)</t>
  </si>
  <si>
    <t>POINT (4.673767369606056 51.817583793596945)</t>
  </si>
  <si>
    <t>POINT (4.732078703120593 51.79626583918426)</t>
  </si>
  <si>
    <t>POINT (4.680505758120648 51.78164195926863)</t>
  </si>
  <si>
    <t>POINT (4.659799325408981 51.77091869899513)</t>
  </si>
  <si>
    <t>POINT (4.721832376789954 51.80437643043195)</t>
  </si>
  <si>
    <t>POINT (4.731516590750468 51.79711910998075)</t>
  </si>
  <si>
    <t>POINT (4.674628598612877 51.8152882954981)</t>
  </si>
  <si>
    <t>POINT (4.652520891012347 51.78553318545086)</t>
  </si>
  <si>
    <t>POINT (4.658864924550557 51.80458455583623)</t>
  </si>
  <si>
    <t>POINT (4.6712423215454315 51.77195564541627)</t>
  </si>
  <si>
    <t>POINT (4.677710132007158 51.78189478859087)</t>
  </si>
  <si>
    <t>POINT (4.67025138408508 51.80606176095088)</t>
  </si>
  <si>
    <t>POINT (4.657895736586496 51.79115794668269)</t>
  </si>
  <si>
    <t>POINT (4.659125237921483 51.78213549712884)</t>
  </si>
  <si>
    <t>POINT (4.707398314751402 51.78833663601676)</t>
  </si>
  <si>
    <t>POINT (4.71500726219029 51.8097043083693)</t>
  </si>
  <si>
    <t>POINT (4.667228619912037 51.811080698986984)</t>
  </si>
  <si>
    <t>POINT (4.700712065755562 51.79599450047647)</t>
  </si>
  <si>
    <t>POINT (4.699324019425624 51.79708618788968)</t>
  </si>
  <si>
    <t>POINT (4.668198776508747 51.8029109637938)</t>
  </si>
  <si>
    <t>POINT (4.7344346161707485 51.79736230833083)</t>
  </si>
  <si>
    <t>POINT (4.676827336420528 51.78637616369431)</t>
  </si>
  <si>
    <t>POINT (4.728932748239107 51.79085384657995)</t>
  </si>
  <si>
    <t>POINT (4.676392646469877 51.77694242247435)</t>
  </si>
  <si>
    <t>POINT (4.675311696458474 51.811203800709215)</t>
  </si>
  <si>
    <t>POINT (4.666130934532196 51.80241029625221)</t>
  </si>
  <si>
    <t>POINT (4.731451606877684 51.79809796939016)</t>
  </si>
  <si>
    <t>POINT (4.664860654770286 51.786861625412065)</t>
  </si>
  <si>
    <t>3312CG</t>
  </si>
  <si>
    <t>POINT (4.678809993464141 51.80820028281765)</t>
  </si>
  <si>
    <t>POINT (4.682587292815026 51.78584235964102)</t>
  </si>
  <si>
    <t>POINT (4.698328619212638 51.79827193034802)</t>
  </si>
  <si>
    <t>POINT (4.726058048228314 51.797100864108145)</t>
  </si>
  <si>
    <t>POINT (4.66853616808013 51.79062379734006)</t>
  </si>
  <si>
    <t>POINT (4.727072194726986 51.80580525069996)</t>
  </si>
  <si>
    <t>POINT (4.7126803859213 51.805787457485806)</t>
  </si>
  <si>
    <t>Azijnplaats</t>
  </si>
  <si>
    <t>POINT (4.662729762439839 51.81109064643948)</t>
  </si>
  <si>
    <t>POINT (4.6891365870590604 51.807115871042)</t>
  </si>
  <si>
    <t>POINT (4.691503757521946 51.81893479543615)</t>
  </si>
  <si>
    <t>POINT (4.681050358381364 51.79841011608268)</t>
  </si>
  <si>
    <t>3328ZD</t>
  </si>
  <si>
    <t>POINT (4.6738202299873315 51.772015237581954)</t>
  </si>
  <si>
    <t>3314KA</t>
  </si>
  <si>
    <t>POINT (4.6627896625001535 51.80605641739263)</t>
  </si>
  <si>
    <t>POINT (4.68131365573763 51.80679981643302)</t>
  </si>
  <si>
    <t>POINT (4.668306368500937 51.7919653908603)</t>
  </si>
  <si>
    <t>POINT (4.672215036454956 51.79558830560189)</t>
  </si>
  <si>
    <t>POINT (4.665713349644828 51.81299126664198)</t>
  </si>
  <si>
    <t>POINT (4.665250027551831 51.79006252711448)</t>
  </si>
  <si>
    <t>POINT (4.684193545417252 51.80184518325959)</t>
  </si>
  <si>
    <t>POINT (4.642526614480353 51.799298563596786)</t>
  </si>
  <si>
    <t>POINT (4.715304757357241 51.809868140215414)</t>
  </si>
  <si>
    <t>POINT (4.6663132746709355 51.78885472794328)</t>
  </si>
  <si>
    <t>POINT (4.680518349042216 51.81232494896469)</t>
  </si>
  <si>
    <t>POINT (4.661443345977657 51.80484626518516)</t>
  </si>
  <si>
    <t>POINT (4.705390139380293 51.792697528703336)</t>
  </si>
  <si>
    <t>POINT (4.680571953558697 51.81343766413863)</t>
  </si>
  <si>
    <t>POINT (4.669992399685746 51.7775498829444)</t>
  </si>
  <si>
    <t>POINT (4.676357734908641 51.78379657364758)</t>
  </si>
  <si>
    <t>POINT (4.667629085745128 51.792397460103984)</t>
  </si>
  <si>
    <t>POINT (4.652448244032255 51.79070536787292)</t>
  </si>
  <si>
    <t>POINT (4.63250967932123 51.72201428136673)</t>
  </si>
  <si>
    <t>POINT (4.675248653981506 51.81765357027321)</t>
  </si>
  <si>
    <t>POINT (4.664689985727003 51.78687833602511)</t>
  </si>
  <si>
    <t>POINT (4.69150969937759 51.78770296952648)</t>
  </si>
  <si>
    <t>POINT (4.668752571185079 51.81844195646335)</t>
  </si>
  <si>
    <t>POINT (4.653285640291877 51.79232526099331)</t>
  </si>
  <si>
    <t>POINT (4.67658614749161 51.799346623592434)</t>
  </si>
  <si>
    <t>POINT (4.7250945700409215 51.803974754177105)</t>
  </si>
  <si>
    <t>POINT (4.657190530956582 51.7976167721625)</t>
  </si>
  <si>
    <t>POINT (4.677630914595295 51.78897020284618)</t>
  </si>
  <si>
    <t>3314SG</t>
  </si>
  <si>
    <t>POINT (4.662227856847894 51.80094421584196)</t>
  </si>
  <si>
    <t>POINT (4.666210998224197 51.814893039381765)</t>
  </si>
  <si>
    <t>POINT (4.679286491803431 51.804837439322185)</t>
  </si>
  <si>
    <t>POINT (4.720252377316131 51.81358950663768)</t>
  </si>
  <si>
    <t>POINT (4.672505424476304 51.81078655837919)</t>
  </si>
  <si>
    <t>POINT (4.662786868723489 51.79901758909537)</t>
  </si>
  <si>
    <t>POINT (4.661132957167578 51.80959832750543)</t>
  </si>
  <si>
    <t>POINT (4.674068117892693 51.8191118249965)</t>
  </si>
  <si>
    <t>POINT (4.668625327529688 51.808285151421174)</t>
  </si>
  <si>
    <t>POINT (4.657414295640289 51.80493043410794)</t>
  </si>
  <si>
    <t>POINT (4.681658656841495 51.777183915781045)</t>
  </si>
  <si>
    <t>POINT (4.681810925557245 51.815598460068436)</t>
  </si>
  <si>
    <t>POINT (4.679194574362183 51.78898018088343)</t>
  </si>
  <si>
    <t>POINT (4.711375620740041 51.81464853258086)</t>
  </si>
  <si>
    <t>POINT (4.713525631190815 51.81014314077028)</t>
  </si>
  <si>
    <t>POINT (4.671209050835767 51.80859589934279)</t>
  </si>
  <si>
    <t>POINT (4.675716782795049 51.77390370042197)</t>
  </si>
  <si>
    <t>POINT (4.676507580672028 51.78529692246746)</t>
  </si>
  <si>
    <t>POINT (4.6562028892353355 51.78458672863449)</t>
  </si>
  <si>
    <t>POINT (4.685150108724928 51.78117458983719)</t>
  </si>
  <si>
    <t>POINT (4.709173101811578 51.79645771172244)</t>
  </si>
  <si>
    <t>POINT (4.68354701411597 51.818470592611774)</t>
  </si>
  <si>
    <t>POINT (4.679344219150036 51.80474103347793)</t>
  </si>
  <si>
    <t>POINT (4.692643793437874 51.787534841917)</t>
  </si>
  <si>
    <t>POINT (4.701537048131672 51.8180979693269)</t>
  </si>
  <si>
    <t>POINT (4.697679838051192 51.79690354061266)</t>
  </si>
  <si>
    <t>POINT (4.662805422855328 51.79098301943452)</t>
  </si>
  <si>
    <t>POINT (4.6719717947427695 51.776330669555186)</t>
  </si>
  <si>
    <t>POINT (4.665951868462282 51.78887598495551)</t>
  </si>
  <si>
    <t>POINT (4.667495443742292 51.788734589808556)</t>
  </si>
  <si>
    <t>POINT (4.712131055139058 51.80448842295479)</t>
  </si>
  <si>
    <t>POINT (4.710927553457727 51.81408478167288)</t>
  </si>
  <si>
    <t>POINT (4.654592666410965 51.78744778671311)</t>
  </si>
  <si>
    <t>POINT (4.6615161356211585 51.79439397631597)</t>
  </si>
  <si>
    <t>POINT (4.65254494332759 51.787696569792026)</t>
  </si>
  <si>
    <t>POINT (4.707609166954942 51.79471281767988)</t>
  </si>
  <si>
    <t>POINT (4.66502278497279 51.80997150535081)</t>
  </si>
  <si>
    <t>POINT (4.666699185197823 51.77147678645597)</t>
  </si>
  <si>
    <t>POINT (4.691408879841087 51.81130051897917)</t>
  </si>
  <si>
    <t>POINT (4.716801799013143 51.800453716910894)</t>
  </si>
  <si>
    <t>POINT (4.659067778054199 51.80433621678547)</t>
  </si>
  <si>
    <t>POINT (4.659984667022097 51.804889143554725)</t>
  </si>
  <si>
    <t>POINT (4.678377644964672 51.77465518739333)</t>
  </si>
  <si>
    <t>POINT (4.669506521510094 51.81318919384997)</t>
  </si>
  <si>
    <t>POINT (4.729363783174794 51.79632387865863)</t>
  </si>
  <si>
    <t>POINT (4.656086045872144 51.80296112853737)</t>
  </si>
  <si>
    <t>POINT (4.707818839664909 51.794029347574764)</t>
  </si>
  <si>
    <t>POINT (4.667768665033171 51.814281571193156)</t>
  </si>
  <si>
    <t>POINT (4.711879751633353 51.803048864761614)</t>
  </si>
  <si>
    <t>POINT (4.698179047511526 51.795103391283625)</t>
  </si>
  <si>
    <t>POINT (4.734003960464062 51.80247747515708)</t>
  </si>
  <si>
    <t>POINT (4.674391593111004 51.81251927158699)</t>
  </si>
  <si>
    <t>POINT (4.665953395113611 51.80026648097994)</t>
  </si>
  <si>
    <t>POINT (4.654774611558355 51.79297936258428)</t>
  </si>
  <si>
    <t>POINT (4.666125323483733 51.78163246798851)</t>
  </si>
  <si>
    <t>POINT (4.726777857740651 51.80314752392131)</t>
  </si>
  <si>
    <t>POINT (4.681243574057707 51.77661159728946)</t>
  </si>
  <si>
    <t>POINT (4.7139097119943205 51.80063719023934)</t>
  </si>
  <si>
    <t>POINT (4.663514252343185 51.81142176716863)</t>
  </si>
  <si>
    <t>POINT (4.679969172782267 51.80543978829282)</t>
  </si>
  <si>
    <t>POINT (4.65507027191847 51.79440610704555)</t>
  </si>
  <si>
    <t>POINT (4.650693960627366 51.803187107669025)</t>
  </si>
  <si>
    <t>POINT (4.71932367267706 51.80084794126686)</t>
  </si>
  <si>
    <t>POINT (4.671535020415526 51.80428750989094)</t>
  </si>
  <si>
    <t>POINT (4.672276187908133 51.8099360377734)</t>
  </si>
  <si>
    <t>POINT (4.655094816890175 51.80019891373)</t>
  </si>
  <si>
    <t>POINT (4.689871689971412 51.80921109482652)</t>
  </si>
  <si>
    <t>POINT (4.660276265684684 51.79322242513694)</t>
  </si>
  <si>
    <t>POINT (4.675903870658222 51.7854734417191)</t>
  </si>
  <si>
    <t>POINT (4.652396441429649 51.78550092744451)</t>
  </si>
  <si>
    <t>POINT (4.6663902476222106 51.78804406032361)</t>
  </si>
  <si>
    <t>POINT (4.668179578024075 51.79348418912246)</t>
  </si>
  <si>
    <t>POINT (4.698273417072515 51.79545843165398)</t>
  </si>
  <si>
    <t>POINT (4.733248603168953 51.79778376081721)</t>
  </si>
  <si>
    <t>POINT (4.675795556460081 51.77418718781518)</t>
  </si>
  <si>
    <t>POINT (4.68063770352707 51.80702226273994)</t>
  </si>
  <si>
    <t>POINT (4.66980132114959 51.808260338235264)</t>
  </si>
  <si>
    <t>POINT (4.677232624888543 51.804115481878355)</t>
  </si>
  <si>
    <t>POINT (4.730514118626864 51.80333962823475)</t>
  </si>
  <si>
    <t>POINT (4.734549279433239 51.803633661368266)</t>
  </si>
  <si>
    <t>POINT (4.661332052675872 51.78694722299288)</t>
  </si>
  <si>
    <t>POINT (4.680347473128728 51.789864915012494)</t>
  </si>
  <si>
    <t>POINT (4.675214219346607 51.779768335301796)</t>
  </si>
  <si>
    <t>POINT (4.7278139927879055 51.801418435876926)</t>
  </si>
  <si>
    <t>POINT (4.676317386459249 51.80521609623657)</t>
  </si>
  <si>
    <t>POINT (4.6801004510816355 51.773624047423176)</t>
  </si>
  <si>
    <t>POINT (4.691606629859313 51.81834665753526)</t>
  </si>
  <si>
    <t>POINT (4.667153667016928 51.77944845210144)</t>
  </si>
  <si>
    <t>POINT (4.680623137733798 51.78195047539662)</t>
  </si>
  <si>
    <t>POINT (4.735812540981919 51.79884537943062)</t>
  </si>
  <si>
    <t>POINT (4.675968475059341 51.789440275559926)</t>
  </si>
  <si>
    <t>POINT (4.733307750591005 51.79968880100493)</t>
  </si>
  <si>
    <t>POINT (4.680940035732957 51.81421599719391)</t>
  </si>
  <si>
    <t>POINT (4.7112419698609465 51.81172618490745)</t>
  </si>
  <si>
    <t>POINT (4.709436917512155 51.804740772032986)</t>
  </si>
  <si>
    <t>POINT (4.69817779860374 51.78992553976326)</t>
  </si>
  <si>
    <t>POINT (4.654900794330927 51.79410008940998)</t>
  </si>
  <si>
    <t>POINT (4.6535418035643685 51.79022709122922)</t>
  </si>
  <si>
    <t>POINT (4.654723914381121 51.81213196802576)</t>
  </si>
  <si>
    <t>POINT (4.653428891789018 51.80424973655524)</t>
  </si>
  <si>
    <t>POINT (4.663926666875069 51.81427792812144)</t>
  </si>
  <si>
    <t>POINT (4.657098675018911 51.78382663981469)</t>
  </si>
  <si>
    <t>POINT (4.642910818763714 51.77061020624794)</t>
  </si>
  <si>
    <t>POINT (4.72762480611342 51.79626022847995)</t>
  </si>
  <si>
    <t>POINT (4.69127141941329 51.81882207556392)</t>
  </si>
  <si>
    <t>POINT (4.674918295573118 51.78132065864925)</t>
  </si>
  <si>
    <t>POINT (4.715778510855137 51.80066089671773)</t>
  </si>
  <si>
    <t>POINT (4.662763870327646 51.79089789149865)</t>
  </si>
  <si>
    <t>POINT (4.6396022046992496 51.76740358540209)</t>
  </si>
  <si>
    <t>POINT (4.668892078919646 51.77302886399772)</t>
  </si>
  <si>
    <t>POINT (4.6520570654520474 51.793463143915695)</t>
  </si>
  <si>
    <t>3312GP</t>
  </si>
  <si>
    <t>POINT (4.683912768073322 51.810736945017524)</t>
  </si>
  <si>
    <t>POINT (4.719277510567411 51.8154026773949)</t>
  </si>
  <si>
    <t>POINT (4.680899211605043 51.78924996012582)</t>
  </si>
  <si>
    <t>POINT (4.6971610413132865 51.79034774809377)</t>
  </si>
  <si>
    <t>POINT (4.643903106070522 51.80076862286276)</t>
  </si>
  <si>
    <t>POINT (4.672657753527459 51.80264211560506)</t>
  </si>
  <si>
    <t>POINT (4.73290368995875 51.80125558701115)</t>
  </si>
  <si>
    <t>POINT (4.674831476754522 51.78813659539306)</t>
  </si>
  <si>
    <t>3315RV</t>
  </si>
  <si>
    <t>POINT (4.713984164768285 51.80421981920084)</t>
  </si>
  <si>
    <t>POINT (4.658708833657946 51.81068985578465)</t>
  </si>
  <si>
    <t>POINT (4.724607595738134 51.8041490905223)</t>
  </si>
  <si>
    <t>POINT (4.71176114108018 51.81027891963491)</t>
  </si>
  <si>
    <t>POINT (4.6780797851456315 51.78781766318421)</t>
  </si>
  <si>
    <t>POINT (4.668114750540584 51.79199754657435)</t>
  </si>
  <si>
    <t>POINT (4.658965621035071 51.806626351024654)</t>
  </si>
  <si>
    <t>POINT (4.698172373376931 51.798495540776976)</t>
  </si>
  <si>
    <t>POINT (4.720445669712039 51.79948420993806)</t>
  </si>
  <si>
    <t>POINT (4.672416699864715 51.81427652659881)</t>
  </si>
  <si>
    <t>POINT (4.663317421577098 51.79998582705335)</t>
  </si>
  <si>
    <t>POINT (4.68039618681225 51.79861610766642)</t>
  </si>
  <si>
    <t>POINT (4.672352388327191 51.80557145589968)</t>
  </si>
  <si>
    <t>POINT (4.683956909802223 51.811535591790125)</t>
  </si>
  <si>
    <t>POINT (4.734228455042014 51.79743546124001)</t>
  </si>
  <si>
    <t>POINT (4.672411581084418 51.79284370934234)</t>
  </si>
  <si>
    <t>POINT (4.663672929810469 51.811628586430714)</t>
  </si>
  <si>
    <t>POINT (4.704664406425619 51.8154175472806)</t>
  </si>
  <si>
    <t>POINT (4.662961629802068 51.799818823663976)</t>
  </si>
  <si>
    <t>POINT (4.676493518225748 51.81712923815166)</t>
  </si>
  <si>
    <t>POINT (4.674130169490812 51.77492664278769)</t>
  </si>
  <si>
    <t>POINT (4.6785634160286484 51.775342804508156)</t>
  </si>
  <si>
    <t>POINT (4.681068829254444 51.80634663563181)</t>
  </si>
  <si>
    <t>POINT (4.666156844465625 51.80236217722818)</t>
  </si>
  <si>
    <t>POINT (4.685403747963292 51.77832284371439)</t>
  </si>
  <si>
    <t>POINT (4.711705464296699 51.81399042276217)</t>
  </si>
  <si>
    <t>POINT (4.719029390866778 51.81212998646883)</t>
  </si>
  <si>
    <t>POINT (4.659827312605815 51.77156905414471)</t>
  </si>
  <si>
    <t>POINT (4.656804810660411 51.79258697985735)</t>
  </si>
  <si>
    <t>POINT (4.672573638475171 51.808813069514045)</t>
  </si>
  <si>
    <t>POINT (4.677194556426458 51.81578080411979)</t>
  </si>
  <si>
    <t>POINT (4.703940013163506 51.79872125035936)</t>
  </si>
  <si>
    <t>POINT (4.673479437671673 51.80445784167803)</t>
  </si>
  <si>
    <t>POINT (4.721869843758106 51.80437930351867)</t>
  </si>
  <si>
    <t>POINT (4.645653267492038 51.79997284385341)</t>
  </si>
  <si>
    <t>POINT (4.691977669741886 51.80719159580499)</t>
  </si>
  <si>
    <t>POINT (4.723767858130005 51.798307965468034)</t>
  </si>
  <si>
    <t>POINT (4.733165564051703 51.79699192907355)</t>
  </si>
  <si>
    <t>POINT (4.683477419058083 51.79805087747223)</t>
  </si>
  <si>
    <t>POINT (4.6716370713130875 51.812296990909594)</t>
  </si>
  <si>
    <t>POINT (4.686028684686145 51.7887067499944)</t>
  </si>
  <si>
    <t>POINT (4.667700183385032 51.81316303195314)</t>
  </si>
  <si>
    <t>POINT (4.6768125200264254 51.7798202193641)</t>
  </si>
  <si>
    <t>POINT (4.661894861534798 51.81630881165376)</t>
  </si>
  <si>
    <t>POINT (4.710237296389967 51.814321751501915)</t>
  </si>
  <si>
    <t>POINT (4.680177475196879 51.801775596238905)</t>
  </si>
  <si>
    <t>POINT (4.66998977058291 51.770687666041574)</t>
  </si>
  <si>
    <t>POINT (4.662216371693485 51.79110152810522)</t>
  </si>
  <si>
    <t>POINT (4.712506877758091 51.79325755237545)</t>
  </si>
  <si>
    <t>POINT (4.70090272948489 51.790939471198286)</t>
  </si>
  <si>
    <t>POINT (4.666150898683949 51.7985562838206)</t>
  </si>
  <si>
    <t>POINT (4.677811898003327 51.814102685986995)</t>
  </si>
  <si>
    <t>POINT (4.726259678904146 51.805961582534486)</t>
  </si>
  <si>
    <t>POINT (4.696405492984521 51.79144758731056)</t>
  </si>
  <si>
    <t>POINT (4.72811203839388 51.805908209114335)</t>
  </si>
  <si>
    <t>POINT (4.626096633995566 51.79394389232238)</t>
  </si>
  <si>
    <t>POINT (4.683797051052991 51.78510383731638)</t>
  </si>
  <si>
    <t>POINT (4.68080519198535 51.80067905497583)</t>
  </si>
  <si>
    <t>3314GM</t>
  </si>
  <si>
    <t>POINT (4.662164403359701 51.79968944238743)</t>
  </si>
  <si>
    <t>POINT (4.655093861867469 51.794710378168965)</t>
  </si>
  <si>
    <t>POINT (4.712925156512867 51.79855398884786)</t>
  </si>
  <si>
    <t>POINT (4.716539672601982 51.79524651256516)</t>
  </si>
  <si>
    <t>POINT (4.712750333272658 51.80510584589161)</t>
  </si>
  <si>
    <t>POINT (4.687516280239005 51.80466521318293)</t>
  </si>
  <si>
    <t>POINT (4.659341953846731 51.79881082262093)</t>
  </si>
  <si>
    <t>POINT (4.7314143884294735 51.801939119122416)</t>
  </si>
  <si>
    <t>POINT (4.684197258918939 51.81925099246542)</t>
  </si>
  <si>
    <t>POINT (4.6715991938958865 51.78739468024655)</t>
  </si>
  <si>
    <t>POINT (4.658588714503741 51.81311121029719)</t>
  </si>
  <si>
    <t>POINT (4.680183069025395 51.816080272375075)</t>
  </si>
  <si>
    <t>POINT (4.685614720010966 51.81349100290505)</t>
  </si>
  <si>
    <t>POINT (4.6823972008943935 51.779566235935214)</t>
  </si>
  <si>
    <t>POINT (4.662716272297655 51.809322039562915)</t>
  </si>
  <si>
    <t>POINT (4.685641980338485 51.80996936268827)</t>
  </si>
  <si>
    <t>POINT (4.670470263510363 51.777152545742695)</t>
  </si>
  <si>
    <t>POINT (4.7234870002692935 51.79863626035771)</t>
  </si>
  <si>
    <t>POINT (4.679150118575658 51.799852025747356)</t>
  </si>
  <si>
    <t>POINT (4.665794912407253 51.81628362823649)</t>
  </si>
  <si>
    <t>POINT (4.7102975000179645 51.79221521915019)</t>
  </si>
  <si>
    <t>POINT (4.715750661716836 51.808816441664526)</t>
  </si>
  <si>
    <t>POINT (4.7025574714025 51.79443380430703)</t>
  </si>
  <si>
    <t>POINT (4.629046812255333 51.72275484435462)</t>
  </si>
  <si>
    <t>POINT (4.673961573296577 51.81572467033335)</t>
  </si>
  <si>
    <t>POINT (4.723957569923938 51.79694042661757)</t>
  </si>
  <si>
    <t>POINT (4.656956118908071 51.77077610417384)</t>
  </si>
  <si>
    <t>POINT (4.70467176687623 51.808404854056974)</t>
  </si>
  <si>
    <t>POINT (4.724524980641962 51.79441580905336)</t>
  </si>
  <si>
    <t>POINT (4.678405358121326 51.785575045748345)</t>
  </si>
  <si>
    <t>POINT (4.699489817636466 51.790089982972006)</t>
  </si>
  <si>
    <t>POINT (4.6648070922999905 51.79729094848522)</t>
  </si>
  <si>
    <t>POINT (4.680949532628317 51.77945463438393)</t>
  </si>
  <si>
    <t>POINT (4.731690316163605 51.799000783007536)</t>
  </si>
  <si>
    <t>POINT (4.668965885993815 51.81845693386931)</t>
  </si>
  <si>
    <t>POINT (4.730141145671347 51.80522776941777)</t>
  </si>
  <si>
    <t>POINT (4.656536870517456 51.783839869637006)</t>
  </si>
  <si>
    <t>POINT (4.652637811542076 51.782799890710194)</t>
  </si>
  <si>
    <t>POINT (4.669348870414085 51.78113201900667)</t>
  </si>
  <si>
    <t>POINT (4.7305370437654615 51.79176936065601)</t>
  </si>
  <si>
    <t>3319HT</t>
  </si>
  <si>
    <t>POINT (4.708198687353677 51.79612889813477)</t>
  </si>
  <si>
    <t>POINT (4.706699097268557 51.81083746899984)</t>
  </si>
  <si>
    <t>POINT (4.727292518579451 51.80410977687729)</t>
  </si>
  <si>
    <t>POINT (4.712630796811667 51.808223302306054)</t>
  </si>
  <si>
    <t>POINT (4.652334963743256 51.78556840714374)</t>
  </si>
  <si>
    <t>POINT (4.672164015700697 51.80209160702619)</t>
  </si>
  <si>
    <t>POINT (4.727953342513717 51.79256133199274)</t>
  </si>
  <si>
    <t>POINT (4.653806840444131 51.79516746034224)</t>
  </si>
  <si>
    <t>3311TW</t>
  </si>
  <si>
    <t>POINT (4.673427097187159 51.81526126389425)</t>
  </si>
  <si>
    <t>POINT (4.672775347892015 51.78503230194912)</t>
  </si>
  <si>
    <t>POINT (4.683187446589869 51.78175417462527)</t>
  </si>
  <si>
    <t>POINT (4.7175232802966205 51.80224398031204)</t>
  </si>
  <si>
    <t>POINT (4.665540589295183 51.814759607622044)</t>
  </si>
  <si>
    <t>POINT (4.661751992512457 51.816226742852564)</t>
  </si>
  <si>
    <t>POINT (4.670893509197971 51.79025921552199)</t>
  </si>
  <si>
    <t>POINT (4.697734181520347 51.79327237409305)</t>
  </si>
  <si>
    <t>POINT (4.7065049705720154 51.798368073701425)</t>
  </si>
  <si>
    <t>POINT (4.653728491910714 51.785830197305614)</t>
  </si>
  <si>
    <t>POINT (4.682236216568187 51.806819411899674)</t>
  </si>
  <si>
    <t>POINT (4.673194801952947 51.80990195472151)</t>
  </si>
  <si>
    <t>POINT (4.722941416259165 51.8040940617153)</t>
  </si>
  <si>
    <t>POINT (4.709517421688199 51.80490935174579)</t>
  </si>
  <si>
    <t>POINT (4.670626987398782 51.79709281592665)</t>
  </si>
  <si>
    <t>POINT (4.629646415764005 51.72362290521217)</t>
  </si>
  <si>
    <t>POINT (4.6612918867125375 51.802003427328636)</t>
  </si>
  <si>
    <t>POINT (4.662370509980929 51.81487429881287)</t>
  </si>
  <si>
    <t>POINT (4.6932552952356 51.796175330752746)</t>
  </si>
  <si>
    <t>POINT (4.722688549861649 51.79986501018809)</t>
  </si>
  <si>
    <t>POINT (4.675859768220862 51.78498986992211)</t>
  </si>
  <si>
    <t>POINT (4.6864332955483 51.7770077866777)</t>
  </si>
  <si>
    <t>POINT (4.713339136737308 51.7925359980014)</t>
  </si>
  <si>
    <t>POINT (4.665792349453083 51.80379969100068)</t>
  </si>
  <si>
    <t>POINT (4.671722106032742 51.79903159120004)</t>
  </si>
  <si>
    <t>POINT (4.658398675816573 51.79290987909372)</t>
  </si>
  <si>
    <t>POINT (4.660041311886807 51.80458189257355)</t>
  </si>
  <si>
    <t>POINT (4.703607932172747 51.790803015592864)</t>
  </si>
  <si>
    <t>POINT (4.665503955259203 51.81474514427659)</t>
  </si>
  <si>
    <t>POINT (4.66379497644123 51.78828574582771)</t>
  </si>
  <si>
    <t>POINT (4.695878223490098 51.79246710498238)</t>
  </si>
  <si>
    <t>POINT (4.670935962402214 51.793139677776566)</t>
  </si>
  <si>
    <t>POINT (4.68046472579656 51.77443109187233)</t>
  </si>
  <si>
    <t>POINT (4.7083057241171 51.80831785475046)</t>
  </si>
  <si>
    <t>POINT (4.667866407574546 51.77164222495566)</t>
  </si>
  <si>
    <t>POINT (4.65326875728126 51.79335406607497)</t>
  </si>
  <si>
    <t>3318EN</t>
  </si>
  <si>
    <t>Oberonlaan</t>
  </si>
  <si>
    <t>POINT (4.6725772011386395 51.78840790691173)</t>
  </si>
  <si>
    <t>POINT (4.655635371632531 51.79052413707037)</t>
  </si>
  <si>
    <t>POINT (4.693312326330943 51.79625155943509)</t>
  </si>
  <si>
    <t>POINT (4.708759703630621 51.80962088591607)</t>
  </si>
  <si>
    <t>POINT (4.674409565208694 51.81685301603441)</t>
  </si>
  <si>
    <t>POINT (4.671818750312617 51.818751083266704)</t>
  </si>
  <si>
    <t>POINT (4.715795315898776 51.80782363195001)</t>
  </si>
  <si>
    <t>POINT (4.694674196888189 51.79461222504353)</t>
  </si>
  <si>
    <t>POINT (4.719252268335111 51.81164731607793)</t>
  </si>
  <si>
    <t>POINT (4.666747840227492 51.79389675065135)</t>
  </si>
  <si>
    <t>POINT (4.68406661577401 51.802285721667126)</t>
  </si>
  <si>
    <t>POINT (4.651880263023475 51.788289121127846)</t>
  </si>
  <si>
    <t>POINT (4.721108230862382 51.79936205124361)</t>
  </si>
  <si>
    <t>POINT (4.674455305625606 51.77589098637803)</t>
  </si>
  <si>
    <t>POINT (4.729442851836534 51.80496440924523)</t>
  </si>
  <si>
    <t>POINT (4.659807826335553 51.80906661073837)</t>
  </si>
  <si>
    <t>3311SB</t>
  </si>
  <si>
    <t>De Vereniging</t>
  </si>
  <si>
    <t>POINT (4.679473554789598 51.8134731930086)</t>
  </si>
  <si>
    <t>POINT (4.705376265543031 51.79447670059193)</t>
  </si>
  <si>
    <t>POINT (4.712935563286015 51.80429918596638)</t>
  </si>
  <si>
    <t>POINT (4.652430270183191 51.785328169437605)</t>
  </si>
  <si>
    <t>POINT (4.667914926093139 51.79415712355301)</t>
  </si>
  <si>
    <t>POINT (4.660940365202775 51.78985530640441)</t>
  </si>
  <si>
    <t>POINT (4.655998226824747 51.80274739635721)</t>
  </si>
  <si>
    <t>POINT (4.703064430772466 51.81587269246497)</t>
  </si>
  <si>
    <t>POINT (4.670761389002191 51.78537332862902)</t>
  </si>
  <si>
    <t>POINT (4.66146510262011 51.78313399220823)</t>
  </si>
  <si>
    <t>POINT (4.678082227713868 51.784609819078916)</t>
  </si>
  <si>
    <t>POINT (4.7253494245929595 51.7922866112194)</t>
  </si>
  <si>
    <t>POINT (4.673963905044879 51.81077659172282)</t>
  </si>
  <si>
    <t>POINT (4.678004805128312 51.81400609117303)</t>
  </si>
  <si>
    <t>POINT (4.6437467878311125 51.77454576311485)</t>
  </si>
  <si>
    <t>POINT (4.67105189229084 51.81872066286299)</t>
  </si>
  <si>
    <t>POINT (4.717207307268604 51.803518078996575)</t>
  </si>
  <si>
    <t>POINT (4.654319021423503 51.8113578509441)</t>
  </si>
  <si>
    <t>POINT (4.690213638736534 51.81834272575646)</t>
  </si>
  <si>
    <t>POINT (4.663005291405245 51.78632655754669)</t>
  </si>
  <si>
    <t>POINT (4.67599427064854 51.77248478061206)</t>
  </si>
  <si>
    <t>POINT (4.660745027869304 51.81314081208216)</t>
  </si>
  <si>
    <t>POINT (4.663944305996199 51.78470457672257)</t>
  </si>
  <si>
    <t>POINT (4.6601458932455255 51.813419337338686)</t>
  </si>
  <si>
    <t>POINT (4.669463173245325 51.81082174281853)</t>
  </si>
  <si>
    <t>POINT (4.7214188797715995 51.80213492405598)</t>
  </si>
  <si>
    <t>POINT (4.671685902466151 51.80194423522852)</t>
  </si>
  <si>
    <t>POINT (4.6678439670095795 51.81080017878205)</t>
  </si>
  <si>
    <t>POINT (4.69107241078097 51.78772516616757)</t>
  </si>
  <si>
    <t>POINT (4.6652514404903584 51.78939816277666)</t>
  </si>
  <si>
    <t>POINT (4.628985347523509 51.7268608714696)</t>
  </si>
  <si>
    <t>POINT (4.674597128003617 51.80733158288769)</t>
  </si>
  <si>
    <t>POINT (4.66302833727825 51.79184105509403)</t>
  </si>
  <si>
    <t>POINT (4.655511376275547 51.7902081835951)</t>
  </si>
  <si>
    <t>POINT (4.670022620594435 51.799682522030125)</t>
  </si>
  <si>
    <t>POINT (4.67451406940469 51.812624257082916)</t>
  </si>
  <si>
    <t>POINT (4.708578523283419 51.818699912729606)</t>
  </si>
  <si>
    <t>POINT (4.673664334206029 51.81894095917352)</t>
  </si>
  <si>
    <t>POINT (4.658338473959039 51.793599900588674)</t>
  </si>
  <si>
    <t>POINT (4.6758431578354855 51.78476289442305)</t>
  </si>
  <si>
    <t>POINT (4.715971255403153 51.80140166653166)</t>
  </si>
  <si>
    <t>POINT (4.678266380506753 51.807215616461455)</t>
  </si>
  <si>
    <t>POINT (4.669926316908855 51.8146246000243)</t>
  </si>
  <si>
    <t>POINT (4.676355543082189 51.7894397183063)</t>
  </si>
  <si>
    <t>3312RJ</t>
  </si>
  <si>
    <t>Fuutstraat</t>
  </si>
  <si>
    <t>POINT (4.691006647233178 51.80768046692877)</t>
  </si>
  <si>
    <t>POINT (4.731460933595652 51.79586888323973)</t>
  </si>
  <si>
    <t>POINT (4.727888969831418 51.799698242542014)</t>
  </si>
  <si>
    <t>POINT (4.6596573956012675 51.81375495848971)</t>
  </si>
  <si>
    <t>POINT (4.681106343978996 51.80256546978755)</t>
  </si>
  <si>
    <t>POINT (4.657609710131895 51.787579767145694)</t>
  </si>
  <si>
    <t>POINT (4.682239967334656 51.78533922509615)</t>
  </si>
  <si>
    <t>POINT (4.665710881348445 51.81371006707392)</t>
  </si>
  <si>
    <t>POINT (4.655349823079353 51.791918949885066)</t>
  </si>
  <si>
    <t>POINT (4.661261634176829 51.81572660076127)</t>
  </si>
  <si>
    <t>POINT (4.684150128420716 51.788265505685615)</t>
  </si>
  <si>
    <t>POINT (4.682936012368854 51.809317043931905)</t>
  </si>
  <si>
    <t>POINT (4.719921841175838 51.7980898430503)</t>
  </si>
  <si>
    <t>POINT (4.6609409051068225 51.803727659745064)</t>
  </si>
  <si>
    <t>POINT (4.672798023137778 51.81780473498764)</t>
  </si>
  <si>
    <t>POINT (4.709295857218609 51.79562637673272)</t>
  </si>
  <si>
    <t>POINT (4.664069422612207 51.80122200509901)</t>
  </si>
  <si>
    <t>POINT (4.6972266175098785 51.79284490898748)</t>
  </si>
  <si>
    <t>POINT (4.680876997060666 51.79842138704216)</t>
  </si>
  <si>
    <t>POINT (4.654719397221052 51.808187037060115)</t>
  </si>
  <si>
    <t>POINT (4.679347107537342 51.78507545085777)</t>
  </si>
  <si>
    <t>POINT (4.681272261720838 51.789164179355296)</t>
  </si>
  <si>
    <t>POINT (4.698186562527956 51.791798399588394)</t>
  </si>
  <si>
    <t>POINT (4.678791091514012 51.787092806987836)</t>
  </si>
  <si>
    <t>POINT (4.686038312944043 51.78876430817305)</t>
  </si>
  <si>
    <t>POINT (4.665992119252829 51.81252002289774)</t>
  </si>
  <si>
    <t>POINT (4.680168267972859 51.785471294618425)</t>
  </si>
  <si>
    <t>POINT (4.720936717827184 51.800524522968715)</t>
  </si>
  <si>
    <t>POINT (4.670028209655619 51.80205347537105)</t>
  </si>
  <si>
    <t>POINT (4.652990021807657 51.79109438468409)</t>
  </si>
  <si>
    <t>POINT (4.701237379266561 51.78919069561543)</t>
  </si>
  <si>
    <t>POINT (4.662993629050837 51.790468103986214)</t>
  </si>
  <si>
    <t>POINT (4.72701775602345 51.8058156409108)</t>
  </si>
  <si>
    <t>POINT (4.696942966469229 51.81773733617568)</t>
  </si>
  <si>
    <t>POINT (4.65083247226704 51.8033822228692)</t>
  </si>
  <si>
    <t>POINT (4.656243363760494 51.79044226459891)</t>
  </si>
  <si>
    <t>POINT (4.7247811297376465 51.79709061448613)</t>
  </si>
  <si>
    <t>POINT (4.6845443870336805 51.789844420797714)</t>
  </si>
  <si>
    <t>POINT (4.65348371024776 51.79030275443175)</t>
  </si>
  <si>
    <t>POINT (4.716859989950173 51.795241071362064)</t>
  </si>
  <si>
    <t>POINT (4.680858532788757 51.81216475159551)</t>
  </si>
  <si>
    <t>POINT (4.628703361534479 51.724304151671426)</t>
  </si>
  <si>
    <t>POINT (4.721374500124185 51.80251202450622)</t>
  </si>
  <si>
    <t>POINT (4.627967242977906 51.72600369719597)</t>
  </si>
  <si>
    <t>POINT (4.68442838111914 51.80748306245087)</t>
  </si>
  <si>
    <t>POINT (4.705317778792448 51.78775671061825)</t>
  </si>
  <si>
    <t>POINT (4.722591479515553 51.80375473647082)</t>
  </si>
  <si>
    <t>POINT (4.669718067494237 51.80550040283746)</t>
  </si>
  <si>
    <t>POINT (4.65474473918149 51.79410404101565)</t>
  </si>
  <si>
    <t>POINT (4.671271611775118 51.81468785236604)</t>
  </si>
  <si>
    <t>POINT (4.697881578369909 51.80082864760768)</t>
  </si>
  <si>
    <t>POINT (4.674227002551581 51.8178706196557)</t>
  </si>
  <si>
    <t>POINT (4.67941976562993 51.797860942815724)</t>
  </si>
  <si>
    <t>POINT (4.677554163458835 51.780701763490384)</t>
  </si>
  <si>
    <t>POINT (4.675779327938299 51.81681602449313)</t>
  </si>
  <si>
    <t>POINT (4.6659517672785435 51.78030782212769)</t>
  </si>
  <si>
    <t>POINT (4.653736154821291 51.78532581637979)</t>
  </si>
  <si>
    <t>POINT (4.654865879523427 51.80052217484672)</t>
  </si>
  <si>
    <t>POINT (4.657204761731414 51.80689840959764)</t>
  </si>
  <si>
    <t>POINT (4.717539981451385 51.802382707538456)</t>
  </si>
  <si>
    <t>POINT (4.6981365405208635 51.79964157404487)</t>
  </si>
  <si>
    <t>POINT (4.673032311046175 51.777221297414016)</t>
  </si>
  <si>
    <t>POINT (4.662684770647296 51.79523826292368)</t>
  </si>
  <si>
    <t>POINT (4.704367768672763 51.784722486709356)</t>
  </si>
  <si>
    <t>POINT (4.671204476794354 51.81365798808499)</t>
  </si>
  <si>
    <t>POINT (4.661386584008714 51.802936248525484)</t>
  </si>
  <si>
    <t>POINT (4.679247199083268 51.813996298411105)</t>
  </si>
  <si>
    <t>POINT (4.666876876889533 51.78044123668342)</t>
  </si>
  <si>
    <t>POINT (4.66608228437041 51.775187115637465)</t>
  </si>
  <si>
    <t>POINT (4.625966991450561 51.79634936168933)</t>
  </si>
  <si>
    <t>POINT (4.667751381506992 51.8142786338041)</t>
  </si>
  <si>
    <t>POINT (4.682480659868261 51.81791731541245)</t>
  </si>
  <si>
    <t>POINT (4.66794948181367 51.794113650346944)</t>
  </si>
  <si>
    <t>POINT (4.677429385469223 51.77509082510989)</t>
  </si>
  <si>
    <t>POINT (4.681864601788237 51.79214944307278)</t>
  </si>
  <si>
    <t>POINT (4.696125391001153 51.818081607960686)</t>
  </si>
  <si>
    <t>POINT (4.710095859270747 51.79569073513953)</t>
  </si>
  <si>
    <t>POINT (4.671091415936444 51.81882378832217)</t>
  </si>
  <si>
    <t>POINT (4.72204791284517 51.80025510083642)</t>
  </si>
  <si>
    <t>POINT (4.675307394553657 51.80708242239207)</t>
  </si>
  <si>
    <t>POINT (4.683894719784997 51.78143751211575)</t>
  </si>
  <si>
    <t>POINT (4.668369089189377 51.79322986472932)</t>
  </si>
  <si>
    <t>3319AD</t>
  </si>
  <si>
    <t>Dordwijklaan</t>
  </si>
  <si>
    <t>POINT (4.689080732994444 51.795246995864815)</t>
  </si>
  <si>
    <t>POINT (4.677717171157224 51.815133715657446)</t>
  </si>
  <si>
    <t>POINT (4.711929128088104 51.8163745170338)</t>
  </si>
  <si>
    <t>3319SK</t>
  </si>
  <si>
    <t>POINT (4.69884308385995 51.79040720243613)</t>
  </si>
  <si>
    <t>POINT (4.653081198912346 51.79109505416753)</t>
  </si>
  <si>
    <t>POINT (4.6705391291578895 51.801400674734346)</t>
  </si>
  <si>
    <t>POINT (4.6752956987737155 51.81766212522529)</t>
  </si>
  <si>
    <t>POINT (4.661285928354257 51.79701588636859)</t>
  </si>
  <si>
    <t>POINT (4.6643889065756445 51.79223701178227)</t>
  </si>
  <si>
    <t>POINT (4.709800068255869 51.78760838903482)</t>
  </si>
  <si>
    <t>POINT (4.7284722579086385 51.80481800475085)</t>
  </si>
  <si>
    <t>POINT (4.678546861255826 51.78137587741191)</t>
  </si>
  <si>
    <t>POINT (4.693405896061574 51.78899550010705)</t>
  </si>
  <si>
    <t>POINT (4.662678495078333 51.81090595404968)</t>
  </si>
  <si>
    <t>POINT (4.667694674609234 51.81648052934276)</t>
  </si>
  <si>
    <t>POINT (4.710252555507472 51.804398266795744)</t>
  </si>
  <si>
    <t>POINT (4.697896908081096 51.798840013371574)</t>
  </si>
  <si>
    <t>POINT (4.667644017819694 51.7993774080714)</t>
  </si>
  <si>
    <t>3314WG</t>
  </si>
  <si>
    <t>POINT (4.653537832480342 51.80369044882543)</t>
  </si>
  <si>
    <t>POINT (4.664631472204868 51.789482201301894)</t>
  </si>
  <si>
    <t>POINT (4.669088204695348 51.81210510831109)</t>
  </si>
  <si>
    <t>POINT (4.664443677389892 51.810856749868506)</t>
  </si>
  <si>
    <t>POINT (4.685840371559912 51.7864506949877)</t>
  </si>
  <si>
    <t>POINT (4.720891908874228 51.80044671447288)</t>
  </si>
  <si>
    <t>POINT (4.728613045110926 51.791794521207514)</t>
  </si>
  <si>
    <t>POINT (4.664736143574472 51.79684478015127)</t>
  </si>
  <si>
    <t>POINT (4.681238668345015 51.80672437282)</t>
  </si>
  <si>
    <t>POINT (4.675680230168873 51.78325272145841)</t>
  </si>
  <si>
    <t>POINT (4.644996816789999 51.77081740364748)</t>
  </si>
  <si>
    <t>POINT (4.684477258216941 51.77667488129056)</t>
  </si>
  <si>
    <t>POINT (4.7222041673141355 51.800602426915525)</t>
  </si>
  <si>
    <t>POINT (4.662081685159962 51.77271348137683)</t>
  </si>
  <si>
    <t>POINT (4.706061622895719 51.808059806139504)</t>
  </si>
  <si>
    <t>POINT (4.677558140526349 51.81802441657514)</t>
  </si>
  <si>
    <t>POINT (4.6844571955095695 51.808888757065944)</t>
  </si>
  <si>
    <t>POINT (4.7294221003900025 51.7966580708338)</t>
  </si>
  <si>
    <t>POINT (4.702916892701005 51.81735271139709)</t>
  </si>
  <si>
    <t>POINT (4.664644151638834 51.78902718130477)</t>
  </si>
  <si>
    <t>POINT (4.717021893558919 51.795518505314895)</t>
  </si>
  <si>
    <t>POINT (4.6456768853623736 51.80032991679349)</t>
  </si>
  <si>
    <t>POINT (4.676969172126562 51.80718870711177)</t>
  </si>
  <si>
    <t>POINT (4.7213450397803465 51.8059028046804)</t>
  </si>
  <si>
    <t>POINT (4.676423036165508 51.77390311985331)</t>
  </si>
  <si>
    <t>POINT (4.6677025445675975 51.800106273417754)</t>
  </si>
  <si>
    <t>POINT (4.6675118978176515 51.79040624765991)</t>
  </si>
  <si>
    <t>POINT (4.668425320416973 51.81803278389546)</t>
  </si>
  <si>
    <t>POINT (4.68610820304831 51.80756322253604)</t>
  </si>
  <si>
    <t>POINT (4.658103030342571 51.80419524282968)</t>
  </si>
  <si>
    <t>POINT (4.651498933638301 51.79498666524158)</t>
  </si>
  <si>
    <t>POINT (4.722763831964493 51.797475849659314)</t>
  </si>
  <si>
    <t>POINT (4.688267239344252 51.81028212159022)</t>
  </si>
  <si>
    <t>POINT (4.670334188002704 51.80166112838636)</t>
  </si>
  <si>
    <t>POINT (4.665367610907784 51.774277753098765)</t>
  </si>
  <si>
    <t>POINT (4.731313343117952 51.79563276252918)</t>
  </si>
  <si>
    <t>POINT (4.673161737782823 51.80991947021519)</t>
  </si>
  <si>
    <t>POINT (4.654823890524541 51.800580375266904)</t>
  </si>
  <si>
    <t>POINT (4.671708839276313 51.80590944498617)</t>
  </si>
  <si>
    <t>POINT (4.6742550479395275 51.77592522969636)</t>
  </si>
  <si>
    <t>POINT (4.659758753905536 51.79730263195238)</t>
  </si>
  <si>
    <t>POINT (4.662856574969151 51.79351709776192)</t>
  </si>
  <si>
    <t>POINT (4.6348189290279285 51.769315813593245)</t>
  </si>
  <si>
    <t>POINT (4.680410695825888 51.776673888601806)</t>
  </si>
  <si>
    <t>POINT (4.670705549178222 51.814281714179685)</t>
  </si>
  <si>
    <t>POINT (4.67847978572329 51.78466954267433)</t>
  </si>
  <si>
    <t>POINT (4.675280846292026 51.803752090779085)</t>
  </si>
  <si>
    <t>POINT (4.671689550254752 51.77183027661348)</t>
  </si>
  <si>
    <t>POINT (4.684159055693624 51.80968244129455)</t>
  </si>
  <si>
    <t>POINT (4.676852227615949 51.80528433241868)</t>
  </si>
  <si>
    <t>POINT (4.678579036628066 51.78469423200253)</t>
  </si>
  <si>
    <t>POINT (4.666808864098566 51.803962150776435)</t>
  </si>
  <si>
    <t>POINT (4.632083128344371 51.76588070506647)</t>
  </si>
  <si>
    <t>POINT (4.658123090960442 51.80069708378952)</t>
  </si>
  <si>
    <t>POINT (4.633728696154302 51.77040481226603)</t>
  </si>
  <si>
    <t>POINT (4.68016248558627 51.811609473782156)</t>
  </si>
  <si>
    <t>POINT (4.6595172583165265 51.807684802799734)</t>
  </si>
  <si>
    <t>POINT (4.679461955228703 51.80833196381419)</t>
  </si>
  <si>
    <t>POINT (4.663017645714895 51.7917982478123)</t>
  </si>
  <si>
    <t>POINT (4.684624929036335 51.79258479833559)</t>
  </si>
  <si>
    <t>POINT (4.673981784465105 51.7749089226516)</t>
  </si>
  <si>
    <t>POINT (4.660003963217989 51.80937772935688)</t>
  </si>
  <si>
    <t>POINT (4.733958419852377 51.79171865553423)</t>
  </si>
  <si>
    <t>POINT (4.66941482733635 51.79876639931721)</t>
  </si>
  <si>
    <t>POINT (4.715764709539499 51.8014253204054)</t>
  </si>
  <si>
    <t>POINT (4.719737590347215 51.80210002409286)</t>
  </si>
  <si>
    <t>POINT (4.682771505217453 51.78829850230815)</t>
  </si>
  <si>
    <t>POINT (4.6782851048580945 51.805611403919166)</t>
  </si>
  <si>
    <t>POINT (4.675315133377167 51.77470675946631)</t>
  </si>
  <si>
    <t>POINT (4.681216630619773 51.8076059210608)</t>
  </si>
  <si>
    <t>POINT (4.704789958094994 51.79827807620149)</t>
  </si>
  <si>
    <t>POINT (4.6795829937860045 51.77707685914961)</t>
  </si>
  <si>
    <t>POINT (4.681250281567651 51.81808284479612)</t>
  </si>
  <si>
    <t>POINT (4.662882190171799 51.8033371638845)</t>
  </si>
  <si>
    <t>POINT (4.663103721797103 51.81083078162576)</t>
  </si>
  <si>
    <t>POINT (4.678216349355145 51.81770591739239)</t>
  </si>
  <si>
    <t>POINT (4.663588429031528 51.787073405479646)</t>
  </si>
  <si>
    <t>POINT (4.639206166338516 51.77471805993115)</t>
  </si>
  <si>
    <t>POINT (4.682588940661933 51.77548017160622)</t>
  </si>
  <si>
    <t>POINT (4.678338103297963 51.80708246907317)</t>
  </si>
  <si>
    <t>POINT (4.675624954490396 51.80780783808973)</t>
  </si>
  <si>
    <t>POINT (4.668484079994175 51.80885998442784)</t>
  </si>
  <si>
    <t>POINT (4.732145684547998 51.8001754087547)</t>
  </si>
  <si>
    <t>POINT (4.717880317592224 51.814774618418866)</t>
  </si>
  <si>
    <t>POINT (4.664566929177058 51.78900888103061)</t>
  </si>
  <si>
    <t>POINT (4.691795319779535 51.78744877321028)</t>
  </si>
  <si>
    <t>POINT (4.67573077952403 51.77398735337251)</t>
  </si>
  <si>
    <t>POINT (4.671667881965241 51.800092761609996)</t>
  </si>
  <si>
    <t>POINT (4.684449072098859 51.81204389181241)</t>
  </si>
  <si>
    <t>POINT (4.730379776088238 51.8038102583534)</t>
  </si>
  <si>
    <t>POINT (4.6886246639594065 51.806946282531584)</t>
  </si>
  <si>
    <t>POINT (4.662163135171917 51.81388247424553)</t>
  </si>
  <si>
    <t>POINT (4.680055635630942 51.8053240858314)</t>
  </si>
  <si>
    <t>POINT (4.68137181069575 51.810314646377336)</t>
  </si>
  <si>
    <t>POINT (4.684772339943461 51.809718032706854)</t>
  </si>
  <si>
    <t>POINT (4.66880773422917 51.78200585110965)</t>
  </si>
  <si>
    <t>POINT (4.718045696304786 51.81581379357768)</t>
  </si>
  <si>
    <t>POINT (4.678272907349657 51.7856523750992)</t>
  </si>
  <si>
    <t>POINT (4.717496170536705 51.81491549001401)</t>
  </si>
  <si>
    <t>POINT (4.686869422595999 51.80413957090723)</t>
  </si>
  <si>
    <t>POINT (4.675947103648424 51.81814690543366)</t>
  </si>
  <si>
    <t>POINT (4.691095034513561 51.80847927441385)</t>
  </si>
  <si>
    <t>POINT (4.68062554254124 51.781910732870365)</t>
  </si>
  <si>
    <t>POINT (4.65866675803821 51.81324892506992)</t>
  </si>
  <si>
    <t>POINT (4.654768433756101 51.79266526750994)</t>
  </si>
  <si>
    <t>POINT (4.670682689061467 51.80774663603835)</t>
  </si>
  <si>
    <t>POINT (4.693000198169633 51.79348611796019)</t>
  </si>
  <si>
    <t>POINT (4.669386164465946 51.80443328577196)</t>
  </si>
  <si>
    <t>POINT (4.672602945942612 51.78193689066387)</t>
  </si>
  <si>
    <t>POINT (4.7223134332598695 51.80088797720672)</t>
  </si>
  <si>
    <t>POINT (4.718414173328121 51.80532636019558)</t>
  </si>
  <si>
    <t>POINT (4.68553942947334 51.78517293272865)</t>
  </si>
  <si>
    <t>POINT (4.70720463197977 51.79668944457096)</t>
  </si>
  <si>
    <t>POINT (4.6884782004799135 51.80818795863883)</t>
  </si>
  <si>
    <t>POINT (4.663964821095967 51.79776272656082)</t>
  </si>
  <si>
    <t>POINT (4.6836355427393865 51.79806928180902)</t>
  </si>
  <si>
    <t>POINT (4.671656042139737 51.818553967635815)</t>
  </si>
  <si>
    <t>POINT (4.6728739246732305 51.78245004344994)</t>
  </si>
  <si>
    <t>POINT (4.69747393650626 51.79002551041916)</t>
  </si>
  <si>
    <t>POINT (4.660594551923749 51.80990788211715)</t>
  </si>
  <si>
    <t>POINT (4.669781935591172 51.81083211441881)</t>
  </si>
  <si>
    <t>POINT (4.632214639478295 51.769883749650894)</t>
  </si>
  <si>
    <t>POINT (4.652321531288209 51.78571684358805)</t>
  </si>
  <si>
    <t>POINT (4.733910376443886 51.80171650665824)</t>
  </si>
  <si>
    <t>POINT (4.67527605525329 51.77457076577449)</t>
  </si>
  <si>
    <t>POINT (4.666894626303353 51.81532126012465)</t>
  </si>
  <si>
    <t>POINT (4.698372665185815 51.79595450582727)</t>
  </si>
  <si>
    <t>POINT (4.711334331252181 51.81138655968076)</t>
  </si>
  <si>
    <t>POINT (4.676076952021908 51.81704474714299)</t>
  </si>
  <si>
    <t>POINT (4.675300400257975 51.774635839002976)</t>
  </si>
  <si>
    <t>POINT (4.698743665922066 51.80054251240468)</t>
  </si>
  <si>
    <t>POINT (4.685780450842769 51.80162071437589)</t>
  </si>
  <si>
    <t>POINT (4.734338849386136 51.80183436848419)</t>
  </si>
  <si>
    <t>POINT (4.677701336314047 51.79062405385859)</t>
  </si>
  <si>
    <t>POINT (4.682734403206869 51.78808853741152)</t>
  </si>
  <si>
    <t>POINT (4.697127023133661 51.79173309836953)</t>
  </si>
  <si>
    <t>POINT (4.681919819513265 51.807416884209466)</t>
  </si>
  <si>
    <t>POINT (4.660029635490647 51.79415499377628)</t>
  </si>
  <si>
    <t>POINT (4.671256904980102 51.77204102837182)</t>
  </si>
  <si>
    <t>POINT (4.667890058677378 51.77497863146176)</t>
  </si>
  <si>
    <t>POINT (4.67976794628894 51.81459716697943)</t>
  </si>
  <si>
    <t>POINT (4.698710201810798 51.81775453909414)</t>
  </si>
  <si>
    <t>POINT (4.660555441281065 51.800512057681836)</t>
  </si>
  <si>
    <t>POINT (4.708604365431194 51.80704184570706)</t>
  </si>
  <si>
    <t>POINT (4.666466236992165 51.77356377623839)</t>
  </si>
  <si>
    <t>POINT (4.6780247303891285 51.807109923594695)</t>
  </si>
  <si>
    <t>POINT (4.697895969034537 51.796620966437914)</t>
  </si>
  <si>
    <t>POINT (4.656480801602452 51.80239043233027)</t>
  </si>
  <si>
    <t>POINT (4.696517968142878 51.79336047319501)</t>
  </si>
  <si>
    <t>POINT (4.673765928785668 51.78904623886921)</t>
  </si>
  <si>
    <t>POINT (4.674065876275793 51.81780132683575)</t>
  </si>
  <si>
    <t>POINT (4.671033787019967 51.80009654223495)</t>
  </si>
  <si>
    <t>POINT (4.683609264852769 51.798061492837704)</t>
  </si>
  <si>
    <t>POINT (4.6552926289022425 51.80070888136134)</t>
  </si>
  <si>
    <t>POINT (4.65871127061541 51.796310143905814)</t>
  </si>
  <si>
    <t>POINT (4.7133110915318595 51.80402927933942)</t>
  </si>
  <si>
    <t>POINT (4.659792449405599 51.79176667176308)</t>
  </si>
  <si>
    <t>POINT (4.663225538457811 51.81704004126485)</t>
  </si>
  <si>
    <t>POINT (4.679523185707378 51.77977010689912)</t>
  </si>
  <si>
    <t>POINT (4.704289555924711 51.81619098769447)</t>
  </si>
  <si>
    <t>POINT (4.703791194724453 51.79720585685607)</t>
  </si>
  <si>
    <t>POINT (4.675083484988252 51.815745020300156)</t>
  </si>
  <si>
    <t>POINT (4.698451289011436 51.79323098673679)</t>
  </si>
  <si>
    <t>POINT (4.652357390593382 51.79507452583996)</t>
  </si>
  <si>
    <t>POINT (4.66858574388774 51.808052057229894)</t>
  </si>
  <si>
    <t>POINT (4.6844412333912935 51.80897973464872)</t>
  </si>
  <si>
    <t>POINT (4.733956624710386 51.792269074219604)</t>
  </si>
  <si>
    <t>POINT (4.667938770573861 51.81613732795995)</t>
  </si>
  <si>
    <t>POINT (4.711895534029121 51.80372709535678)</t>
  </si>
  <si>
    <t>POINT (4.668575528831288 51.81167453136836)</t>
  </si>
  <si>
    <t>POINT (4.733965887451796 51.79821420455346)</t>
  </si>
  <si>
    <t>POINT (4.657048143520676 51.80384047918499)</t>
  </si>
  <si>
    <t>POINT (4.6670791559028935 51.78837041955922)</t>
  </si>
  <si>
    <t>POINT (4.726675353097712 51.79843724921336)</t>
  </si>
  <si>
    <t>POINT (4.702574889688962 51.789625030452335)</t>
  </si>
  <si>
    <t>POINT (4.6983828471599915 51.7930995570349)</t>
  </si>
  <si>
    <t>POINT (4.660518559652097 51.80193725657301)</t>
  </si>
  <si>
    <t>POINT (4.6789972688082955 51.78059551112863)</t>
  </si>
  <si>
    <t>POINT (4.697997815829828 51.800814939588136)</t>
  </si>
  <si>
    <t>POINT (4.684105991559925 51.80113919145621)</t>
  </si>
  <si>
    <t>POINT (4.709148037923721 51.79466197397016)</t>
  </si>
  <si>
    <t>POINT (4.653227804382017 51.792080217456466)</t>
  </si>
  <si>
    <t>POINT (4.679619772891155 51.80798766066184)</t>
  </si>
  <si>
    <t>POINT (4.658657679427267 51.81198446634366)</t>
  </si>
  <si>
    <t>POINT (4.704275374712328 51.81616400216466)</t>
  </si>
  <si>
    <t>POINT (4.67176622516794 51.80594168672883)</t>
  </si>
  <si>
    <t>POINT (4.714044741652776 51.80849758465229)</t>
  </si>
  <si>
    <t>POINT (4.7034575699497765 51.79872791391141)</t>
  </si>
  <si>
    <t>POINT (4.667186716469269 51.774261546382284)</t>
  </si>
  <si>
    <t>POINT (4.667819067084912 51.77999350268671)</t>
  </si>
  <si>
    <t>POINT (4.684011126993963 51.77835120366598)</t>
  </si>
  <si>
    <t>POINT (4.717001882699475 51.801350479976335)</t>
  </si>
  <si>
    <t>POINT (4.6752804395413525 51.77865807482374)</t>
  </si>
  <si>
    <t>POINT (4.719649122059089 51.80526765835409)</t>
  </si>
  <si>
    <t>POINT (4.687744288965301 51.80953876230992)</t>
  </si>
  <si>
    <t>POINT (4.655132307474952 51.788016348052366)</t>
  </si>
  <si>
    <t>POINT (4.669578115740414 51.804485497636)</t>
  </si>
  <si>
    <t>POINT (4.72917102860548 51.791367617292735)</t>
  </si>
  <si>
    <t>POINT (4.71046585189424 51.80488145060761)</t>
  </si>
  <si>
    <t>POINT (4.678981687476476 51.78864745577456)</t>
  </si>
  <si>
    <t>POINT (4.715436600656518 51.80955955093752)</t>
  </si>
  <si>
    <t>POINT (4.698413691946543 51.80058429663852)</t>
  </si>
  <si>
    <t>POINT (4.697338272460496 51.79100529634136)</t>
  </si>
  <si>
    <t>POINT (4.643748062838457 51.77460118676201)</t>
  </si>
  <si>
    <t>POINT (4.667906345193288 51.81173683089497)</t>
  </si>
  <si>
    <t>POINT (4.663864666526531 51.80246208131879)</t>
  </si>
  <si>
    <t>POINT (4.661098227140845 51.81327129345102)</t>
  </si>
  <si>
    <t>POINT (4.731988411185682 51.801838111667465)</t>
  </si>
  <si>
    <t>POINT (4.657607303917826 51.79654779450417)</t>
  </si>
  <si>
    <t>POINT (4.686475089791512 51.77909343214595)</t>
  </si>
  <si>
    <t>POINT (4.7020561646780585 51.81590009548941)</t>
  </si>
  <si>
    <t>POINT (4.733163949051623 51.794884748730986)</t>
  </si>
  <si>
    <t>POINT (4.661783408113612 51.78835024008902)</t>
  </si>
  <si>
    <t>POINT (4.675465840212535 51.775711110724515)</t>
  </si>
  <si>
    <t>POINT (4.709286839695173 51.79604987930539)</t>
  </si>
  <si>
    <t>POINT (4.6867765867829805 51.77882203053316)</t>
  </si>
  <si>
    <t>POINT (4.663341912382604 51.814791980754386)</t>
  </si>
  <si>
    <t>POINT (4.6666361454626815 51.796328136289674)</t>
  </si>
  <si>
    <t>POINT (4.696948422663 51.797768992382)</t>
  </si>
  <si>
    <t>POINT (4.660654488549965 51.78939268518646)</t>
  </si>
  <si>
    <t>POINT (4.713632617570051 51.804178161776896)</t>
  </si>
  <si>
    <t>POINT (4.712410918642317 51.79400942326694)</t>
  </si>
  <si>
    <t>POINT (4.662298730515962 51.81590376031176)</t>
  </si>
  <si>
    <t>POINT (4.665097481770159 51.800778057188545)</t>
  </si>
  <si>
    <t>POINT (4.71088808546033 51.80564632022762)</t>
  </si>
  <si>
    <t>POINT (4.724606939129476 51.793059920520314)</t>
  </si>
  <si>
    <t>POINT (4.65447782755864 51.788654658259794)</t>
  </si>
  <si>
    <t>3318BT</t>
  </si>
  <si>
    <t>POINT (4.678035440901916 51.78849957407428)</t>
  </si>
  <si>
    <t>POINT (4.659652555330894 51.77020145889413)</t>
  </si>
  <si>
    <t>POINT (4.675687265950115 51.80796843008572)</t>
  </si>
  <si>
    <t>POINT (4.661746552248109 51.81262278768631)</t>
  </si>
  <si>
    <t>POINT (4.664688962002654 51.79962643674879)</t>
  </si>
  <si>
    <t>POINT (4.684630907040768 51.792504376424986)</t>
  </si>
  <si>
    <t>POINT (4.658372592805234 51.81313616914082)</t>
  </si>
  <si>
    <t>POINT (4.7086052205458415 51.78662887320002)</t>
  </si>
  <si>
    <t>POINT (4.69268203356137 51.8183053954967)</t>
  </si>
  <si>
    <t>POINT (4.655615943216194 51.79187146847914)</t>
  </si>
  <si>
    <t>POINT (4.669498060747726 51.804416541190754)</t>
  </si>
  <si>
    <t>POINT (4.678966608925872 51.77916400109533)</t>
  </si>
  <si>
    <t>POINT (4.723013000721116 51.8030857975183)</t>
  </si>
  <si>
    <t>POINT (4.730767163103919 51.79537981460555)</t>
  </si>
  <si>
    <t>POINT (4.730210222619226 51.800481266058796)</t>
  </si>
  <si>
    <t>POINT (4.667849513815122 51.815964054540736)</t>
  </si>
  <si>
    <t>POINT (4.6694509014600785 51.81323502850592)</t>
  </si>
  <si>
    <t>POINT (4.685350835703341 51.77442644700832)</t>
  </si>
  <si>
    <t>POINT (4.6517687842091755 51.783123243719004)</t>
  </si>
  <si>
    <t>POINT (4.6677679579991915 51.81680502026783)</t>
  </si>
  <si>
    <t>POINT (4.686010160299423 51.77593989915892)</t>
  </si>
  <si>
    <t>POINT (4.709734919809978 51.7943940236318)</t>
  </si>
  <si>
    <t>POINT (4.6650218022143894 51.77924751712247)</t>
  </si>
  <si>
    <t>POINT (4.695010635659343 51.790777709026855)</t>
  </si>
  <si>
    <t>POINT (4.67128205585603 51.80221408402583)</t>
  </si>
  <si>
    <t>POINT (4.697223948004535 51.79191438576329)</t>
  </si>
  <si>
    <t>POINT (4.66172857817175 51.8044424952909)</t>
  </si>
  <si>
    <t>POINT (4.670603048529861 51.771960037627046)</t>
  </si>
  <si>
    <t>POINT (4.680534829556211 51.80692207572577)</t>
  </si>
  <si>
    <t>POINT (4.651493423361112 51.79488722454637)</t>
  </si>
  <si>
    <t>POINT (4.680948575318428 51.778973184818206)</t>
  </si>
  <si>
    <t>POINT (4.720103084193787 51.80301141195117)</t>
  </si>
  <si>
    <t>POINT (4.653142503377988 51.79187509168176)</t>
  </si>
  <si>
    <t>POINT (4.657110082377962 51.78808375680724)</t>
  </si>
  <si>
    <t>POINT (4.721146333911426 51.79934905423908)</t>
  </si>
  <si>
    <t>3312VM</t>
  </si>
  <si>
    <t>POINT (4.67978202380346 51.807940136044614)</t>
  </si>
  <si>
    <t>POINT (4.679573106581801 51.78135423509517)</t>
  </si>
  <si>
    <t>POINT (4.690273360165995 51.818888080362306)</t>
  </si>
  <si>
    <t>POINT (4.675205188550226 51.810551484752246)</t>
  </si>
  <si>
    <t>POINT (4.669003819931472 51.77218378192771)</t>
  </si>
  <si>
    <t>POINT (4.734448168808285 51.80117509403106)</t>
  </si>
  <si>
    <t>POINT (4.714162066429112 51.81538710627963)</t>
  </si>
  <si>
    <t>POINT (4.666798938499563 51.80273645528915)</t>
  </si>
  <si>
    <t>POINT (4.665727734480819 51.81369456634106)</t>
  </si>
  <si>
    <t>POINT (4.671918252720387 51.77179205843232)</t>
  </si>
  <si>
    <t>POINT (4.696081090875798 51.81799970320832)</t>
  </si>
  <si>
    <t>POINT (4.673427708839821 51.81844686951491)</t>
  </si>
  <si>
    <t>POINT (4.684388296903056 51.81260663166901)</t>
  </si>
  <si>
    <t>POINT (4.682341910843916 51.81329572574641)</t>
  </si>
  <si>
    <t>POINT (4.653666812687424 51.80279392238426)</t>
  </si>
  <si>
    <t>POINT (4.656059276473804 51.78837467558006)</t>
  </si>
  <si>
    <t>POINT (4.679359046893754 51.785199432079686)</t>
  </si>
  <si>
    <t>POINT (4.6569701721326675 51.80242633268335)</t>
  </si>
  <si>
    <t>POINT (4.665171631851302 51.81293390393519)</t>
  </si>
  <si>
    <t>POINT (4.676729686245777 51.807620430589346)</t>
  </si>
  <si>
    <t>POINT (4.660336117995279 51.79383958284158)</t>
  </si>
  <si>
    <t>POINT (4.682020415437766 51.80837138445476)</t>
  </si>
  <si>
    <t>POINT (4.648296201365623 51.788151382770714)</t>
  </si>
  <si>
    <t>POINT (4.658714044894127 51.81063657623305)</t>
  </si>
  <si>
    <t>POINT (4.711601162716665 51.79868063606053)</t>
  </si>
  <si>
    <t>POINT (4.684094979091919 51.78505765979988)</t>
  </si>
  <si>
    <t>POINT (4.726403691731606 51.79758109715324)</t>
  </si>
  <si>
    <t>POINT (4.676438287203884 51.81696565153461)</t>
  </si>
  <si>
    <t>POINT (4.658377395690462 51.810818825851776)</t>
  </si>
  <si>
    <t>POINT (4.68350276751789 51.810775439478384)</t>
  </si>
  <si>
    <t>POINT (4.667485747535401 51.77686063526526)</t>
  </si>
  <si>
    <t>POINT (4.682278098243183 51.787030407091365)</t>
  </si>
  <si>
    <t>POINT (4.670090782209736 51.77284281637671)</t>
  </si>
  <si>
    <t>POINT (4.65286222716505 51.804990024261)</t>
  </si>
  <si>
    <t>POINT (4.652478958785956 51.78542035709273)</t>
  </si>
  <si>
    <t>POINT (4.688790351912123 51.806762111280776)</t>
  </si>
  <si>
    <t>POINT (4.673199133722155 51.77167837211947)</t>
  </si>
  <si>
    <t>POINT (4.729265321233478 51.79660522840735)</t>
  </si>
  <si>
    <t>POINT (4.678631034515646 51.784642717283994)</t>
  </si>
  <si>
    <t>POINT (4.66750894231223 51.79029621682067)</t>
  </si>
  <si>
    <t>POINT (4.66831970404021 51.78971952017071)</t>
  </si>
  <si>
    <t>POINT (4.65613132234517 51.790300740296054)</t>
  </si>
  <si>
    <t>POINT (4.659756020156102 51.80880025139548)</t>
  </si>
  <si>
    <t>POINT (4.68951789106317 51.8066626022145)</t>
  </si>
  <si>
    <t>POINT (4.661108066600667 51.7883378462169)</t>
  </si>
  <si>
    <t>POINT (4.653676440807678 51.785696820834865)</t>
  </si>
  <si>
    <t>3317RV</t>
  </si>
  <si>
    <t>Slotemaker de BruÃ¯nestraat</t>
  </si>
  <si>
    <t>POINT (4.663178189982813 51.78890567594179)</t>
  </si>
  <si>
    <t>POINT (4.680388657627106 51.789847913864214)</t>
  </si>
  <si>
    <t>POINT (4.716575779422358 51.80300711610188)</t>
  </si>
  <si>
    <t>POINT (4.6973567588216705 51.79135093870615)</t>
  </si>
  <si>
    <t>POINT (4.721676428366828 51.80054830728879)</t>
  </si>
  <si>
    <t>POINT (4.711821781066634 51.814278342165)</t>
  </si>
  <si>
    <t>POINT (4.681702353320719 51.808961322604496)</t>
  </si>
  <si>
    <t>POINT (4.683868797194235 51.81130048653623)</t>
  </si>
  <si>
    <t>POINT (4.710095980001115 51.79951853792974)</t>
  </si>
  <si>
    <t>POINT (4.658684602494535 51.81256373852871)</t>
  </si>
  <si>
    <t>POINT (4.666308662564228 51.81354962543717)</t>
  </si>
  <si>
    <t>POINT (4.728660579445224 51.799899759678425)</t>
  </si>
  <si>
    <t>POINT (4.672323849877915 51.817269340961445)</t>
  </si>
  <si>
    <t>POINT (4.706359931159402 51.80837392435937)</t>
  </si>
  <si>
    <t>POINT (4.722105058738517 51.80392151513645)</t>
  </si>
  <si>
    <t>POINT (4.687126914486365 51.81010004527578)</t>
  </si>
  <si>
    <t>POINT (4.668936296714615 51.81562889873961)</t>
  </si>
  <si>
    <t>POINT (4.703825756250749 51.79939507612269)</t>
  </si>
  <si>
    <t>POINT (4.704970751666504 51.79302571176422)</t>
  </si>
  <si>
    <t>POINT (4.673275086987846 51.81277623011345)</t>
  </si>
  <si>
    <t>POINT (4.717484953182325 51.800809254203976)</t>
  </si>
  <si>
    <t>3316AW</t>
  </si>
  <si>
    <t>POINT (4.648786130448369 51.80492496535892)</t>
  </si>
  <si>
    <t>POINT (4.733005044870478 51.80273998713331)</t>
  </si>
  <si>
    <t>POINT (4.6668546445955235 51.81551534088552)</t>
  </si>
  <si>
    <t>POINT (4.663071734568864 51.79200729937337)</t>
  </si>
  <si>
    <t>3312LV</t>
  </si>
  <si>
    <t>POINT (4.685441707941332 51.80069572278115)</t>
  </si>
  <si>
    <t>POINT (4.669712298668488 51.80819041931533)</t>
  </si>
  <si>
    <t>POINT (4.668980872388393 51.80098253874771)</t>
  </si>
  <si>
    <t>POINT (4.710816660485211 51.79671086302493)</t>
  </si>
  <si>
    <t>POINT (4.670126390514691 51.780950960340775)</t>
  </si>
  <si>
    <t>POINT (4.661989502223456 51.787136384865434)</t>
  </si>
  <si>
    <t>POINT (4.663685854252972 51.79872243746428)</t>
  </si>
  <si>
    <t>POINT (4.672038447385056 51.778375522152174)</t>
  </si>
  <si>
    <t>POINT (4.672333148737353 51.80827411772343)</t>
  </si>
  <si>
    <t>POINT (4.67014264505959 51.81585408028866)</t>
  </si>
  <si>
    <t>3317EV</t>
  </si>
  <si>
    <t>Van der Duyn van Maasdamplantsoen</t>
  </si>
  <si>
    <t>POINT (4.664970110985438 51.793529975430346)</t>
  </si>
  <si>
    <t>POINT (4.692200637881959 51.818452386571)</t>
  </si>
  <si>
    <t>POINT (4.727353440432722 51.792653284057984)</t>
  </si>
  <si>
    <t>POINT (4.703075462262668 51.79855397609167)</t>
  </si>
  <si>
    <t>POINT (4.685980968884172 51.802583566096565)</t>
  </si>
  <si>
    <t>POINT (4.670699774928392 51.8085585169975)</t>
  </si>
  <si>
    <t>POINT (4.70396792771637 51.808037364925625)</t>
  </si>
  <si>
    <t>POINT (4.663476642478059 51.81466815670869)</t>
  </si>
  <si>
    <t>POINT (4.632179323759334 51.78116003952536)</t>
  </si>
  <si>
    <t>POINT (4.69812041464507 51.796136510247926)</t>
  </si>
  <si>
    <t>POINT (4.669971444424855 51.80136996122612)</t>
  </si>
  <si>
    <t>POINT (4.719485031354843 51.80016078764203)</t>
  </si>
  <si>
    <t>POINT (4.666139141184907 51.81691753067533)</t>
  </si>
  <si>
    <t>POINT (4.664628304889542 51.80187779356018)</t>
  </si>
  <si>
    <t>POINT (4.698156580309117 51.79259313682148)</t>
  </si>
  <si>
    <t>POINT (4.677649711933851 51.78178068908057)</t>
  </si>
  <si>
    <t>POINT (4.728865929272605 51.79662371584552)</t>
  </si>
  <si>
    <t>POINT (4.648119650418849 51.782791221266514)</t>
  </si>
  <si>
    <t>POINT (4.660433345319399 51.79166287833416)</t>
  </si>
  <si>
    <t>POINT (4.684236680957194 51.77688664261826)</t>
  </si>
  <si>
    <t>3314XL</t>
  </si>
  <si>
    <t>POINT (4.6567785950540195 51.79893728226364)</t>
  </si>
  <si>
    <t>POINT (4.6555664247857225 51.79115215277578)</t>
  </si>
  <si>
    <t>POINT (4.667461788970229 51.787210879039144)</t>
  </si>
  <si>
    <t>POINT (4.670466189409353 51.8177323787545)</t>
  </si>
  <si>
    <t>POINT (4.652262199059753 51.78543458564958)</t>
  </si>
  <si>
    <t>POINT (4.675209490249348 51.81304224484799)</t>
  </si>
  <si>
    <t>POINT (4.67945401162957 51.80534408982197)</t>
  </si>
  <si>
    <t>POINT (4.711420712309345 51.79598014124995)</t>
  </si>
  <si>
    <t>POINT (4.653107793178245 51.8021324713231)</t>
  </si>
  <si>
    <t>POINT (4.656373399864527 51.79886865608634)</t>
  </si>
  <si>
    <t>3314XG</t>
  </si>
  <si>
    <t>POINT (4.656933817452093 51.80020530467267)</t>
  </si>
  <si>
    <t>POINT (4.6591759239810795 51.80704246610955)</t>
  </si>
  <si>
    <t>POINT (4.67377183424279 51.816680360791196)</t>
  </si>
  <si>
    <t>POINT (4.7148500776489435 51.80830262683662)</t>
  </si>
  <si>
    <t>POINT (4.671001891705705 51.79718411113383)</t>
  </si>
  <si>
    <t>POINT (4.6727549695840525 51.79620153144151)</t>
  </si>
  <si>
    <t>POINT (4.6535759747366825 51.787501773998756)</t>
  </si>
  <si>
    <t>POINT (4.704178432934392 51.7907868241342)</t>
  </si>
  <si>
    <t>POINT (4.666222756156995 51.8128147946109)</t>
  </si>
  <si>
    <t>POINT (4.658835070885315 51.796338049449105)</t>
  </si>
  <si>
    <t>POINT (4.655600231041651 51.790430606118036)</t>
  </si>
  <si>
    <t>POINT (4.666989117523587 51.79622053368709)</t>
  </si>
  <si>
    <t>POINT (4.673583265895774 51.80407582502832)</t>
  </si>
  <si>
    <t>POINT (4.675861946507806 51.785030044639264)</t>
  </si>
  <si>
    <t>POINT (4.669129686574433 51.81397123143424)</t>
  </si>
  <si>
    <t>POINT (4.7035496167014275 51.79489703216657)</t>
  </si>
  <si>
    <t>POINT (4.673850895156106 51.80739086836158)</t>
  </si>
  <si>
    <t>POINT (4.670111330716589 51.79892486830846)</t>
  </si>
  <si>
    <t>POINT (4.674395193001315 51.77627865465296)</t>
  </si>
  <si>
    <t>POINT (4.708224504628236 51.80788467128739)</t>
  </si>
  <si>
    <t>POINT (4.653529282198526 51.80299415769026)</t>
  </si>
  <si>
    <t>POINT (4.672607988386424 51.818880339469544)</t>
  </si>
  <si>
    <t>POINT (4.675841313963494 51.818105545615026)</t>
  </si>
  <si>
    <t>POINT (4.7114745481719895 51.80548681561762)</t>
  </si>
  <si>
    <t>POINT (4.693200560920566 51.79616842728731)</t>
  </si>
  <si>
    <t>POINT (4.708511901879681 51.79655459768263)</t>
  </si>
  <si>
    <t>POINT (4.675618149407258 51.77576780085071)</t>
  </si>
  <si>
    <t>POINT (4.669122650652841 51.79101125111256)</t>
  </si>
  <si>
    <t>POINT (4.656274402611288 51.80268900969737)</t>
  </si>
  <si>
    <t>POINT (4.675455469583698 51.783270926273964)</t>
  </si>
  <si>
    <t>POINT (4.654121259259832 51.79205745356041)</t>
  </si>
  <si>
    <t>POINT (4.676192129935922 51.776511843513376)</t>
  </si>
  <si>
    <t>3319LE</t>
  </si>
  <si>
    <t>POINT (4.723765179566734 51.79452980559547)</t>
  </si>
  <si>
    <t>POINT (4.6769670840230635 51.81474759169573)</t>
  </si>
  <si>
    <t>POINT (4.718316864871347 51.81326785270039)</t>
  </si>
  <si>
    <t>POINT (4.681115063474632 51.7860250291973)</t>
  </si>
  <si>
    <t>POINT (4.73014303852738 51.7931427233286)</t>
  </si>
  <si>
    <t>POINT (4.670619443964332 51.79988812648781)</t>
  </si>
  <si>
    <t>POINT (4.6802601247583215 51.80691754468065)</t>
  </si>
  <si>
    <t>POINT (4.714754208000209 51.80478319372725)</t>
  </si>
  <si>
    <t>POINT (4.633853881463472 51.7785620315909)</t>
  </si>
  <si>
    <t>POINT (4.670010778662878 51.80961337213352)</t>
  </si>
  <si>
    <t>POINT (4.65040840156711 51.793862731433705)</t>
  </si>
  <si>
    <t>POINT (4.636035598108443 51.775909505452695)</t>
  </si>
  <si>
    <t>POINT (4.663274455016275 51.785954028017656)</t>
  </si>
  <si>
    <t>POINT (4.683727332812492 51.78874080074714)</t>
  </si>
  <si>
    <t>POINT (4.675956852233336 51.78519151783592)</t>
  </si>
  <si>
    <t>POINT (4.7029293016689175 51.815566353659655)</t>
  </si>
  <si>
    <t>POINT (4.675834508564113 51.80785042060104)</t>
  </si>
  <si>
    <t>3315AB</t>
  </si>
  <si>
    <t>POINT (4.720825541916601 51.799672199325485)</t>
  </si>
  <si>
    <t>POINT (4.724718803799723 51.80618229234653)</t>
  </si>
  <si>
    <t>POINT (4.668145369086008 51.81172084871818)</t>
  </si>
  <si>
    <t>POINT (4.725494263100239 51.792517744455)</t>
  </si>
  <si>
    <t>POINT (4.685424235876099 51.803095063829524)</t>
  </si>
  <si>
    <t>POINT (4.655436047808351 51.79748646336277)</t>
  </si>
  <si>
    <t>POINT (4.72004222535849 51.79816140315193)</t>
  </si>
  <si>
    <t>POINT (4.683665881257472 51.81915584540893)</t>
  </si>
  <si>
    <t>POINT (4.65902222224711 51.80340501100701)</t>
  </si>
  <si>
    <t>POINT (4.71657421927473 51.81262884654361)</t>
  </si>
  <si>
    <t>POINT (4.7116683747450985 51.81644634572102)</t>
  </si>
  <si>
    <t>POINT (4.72401910012363 51.805314918287564)</t>
  </si>
  <si>
    <t>POINT (4.676006904979671 51.80467021999327)</t>
  </si>
  <si>
    <t>POINT (4.662703841778465 51.80538204149062)</t>
  </si>
  <si>
    <t>POINT (4.663050860083129 51.81694345887861)</t>
  </si>
  <si>
    <t>POINT (4.681267811311373 51.78913735728827)</t>
  </si>
  <si>
    <t>POINT (4.667631623322432 51.77189272946035)</t>
  </si>
  <si>
    <t>POINT (4.6661546670686445 51.815099055316296)</t>
  </si>
  <si>
    <t>POINT (4.697290096287815 51.790046712330586)</t>
  </si>
  <si>
    <t>POINT (4.664300719885327 51.81773782619359)</t>
  </si>
  <si>
    <t>POINT (4.673336253926956 51.78554638287723)</t>
  </si>
  <si>
    <t>POINT (4.654872642709192 51.79337329349476)</t>
  </si>
  <si>
    <t>POINT (4.670741133913163 51.777470216810066)</t>
  </si>
  <si>
    <t>POINT (4.679176810885476 51.78198429753043)</t>
  </si>
  <si>
    <t>POINT (4.681163346111486 51.79881047775085)</t>
  </si>
  <si>
    <t>POINT (4.652246722227037 51.78852192427922)</t>
  </si>
  <si>
    <t>POINT (4.68374579820132 51.81218145639876)</t>
  </si>
  <si>
    <t>POINT (4.701193581806667 51.79554076458074)</t>
  </si>
  <si>
    <t>POINT (4.725105597624374 51.79696913970968)</t>
  </si>
  <si>
    <t>POINT (4.705423678474502 51.794471178439835)</t>
  </si>
  <si>
    <t>POINT (4.663522451541346 51.814356747774745)</t>
  </si>
  <si>
    <t>POINT (4.668901288190411 51.81024572600264)</t>
  </si>
  <si>
    <t>POINT (4.708360592940972 51.78793846435669)</t>
  </si>
  <si>
    <t>POINT (4.661404503056904 51.79122344647967)</t>
  </si>
  <si>
    <t>POINT (4.6802373582942085 51.780293870642545)</t>
  </si>
  <si>
    <t>POINT (4.632152831655898 51.78077468346322)</t>
  </si>
  <si>
    <t>POINT (4.660843777799534 51.802131511528096)</t>
  </si>
  <si>
    <t>POINT (4.66753327756851 51.79911256020872)</t>
  </si>
  <si>
    <t>POINT (4.683225958678822 51.77516822375326)</t>
  </si>
  <si>
    <t>POINT (4.665904241555517 51.80833648317845)</t>
  </si>
  <si>
    <t>POINT (4.729961838216562 51.795381750853466)</t>
  </si>
  <si>
    <t>POINT (4.66392079280891 51.8134101697716)</t>
  </si>
  <si>
    <t>3312GH</t>
  </si>
  <si>
    <t>Halmaheiraplein</t>
  </si>
  <si>
    <t>POINT (4.69210262130238 51.80551977945834)</t>
  </si>
  <si>
    <t>POINT (4.714230249768897 51.804710096406474)</t>
  </si>
  <si>
    <t>POINT (4.708627600721237 51.79407218507167)</t>
  </si>
  <si>
    <t>POINT (4.673796807130019 51.81223102197856)</t>
  </si>
  <si>
    <t>POINT (4.7322173674816135 51.800156042916)</t>
  </si>
  <si>
    <t>POINT (4.6693634276954485 51.781374785246996)</t>
  </si>
  <si>
    <t>POINT (4.711921252765742 51.80035272361122)</t>
  </si>
  <si>
    <t>POINT (4.718902997459588 51.80237331034025)</t>
  </si>
  <si>
    <t>POINT (4.669582852653098 51.808103884734834)</t>
  </si>
  <si>
    <t>POINT (4.67130177507138 51.79895423232929)</t>
  </si>
  <si>
    <t>POINT (4.684158234673496 51.804460936333335)</t>
  </si>
  <si>
    <t>POINT (4.670816593914595 51.79069411342443)</t>
  </si>
  <si>
    <t>POINT (4.666896573241681 51.79625398775381)</t>
  </si>
  <si>
    <t>POINT (4.673035966599256 51.816924170134364)</t>
  </si>
  <si>
    <t>POINT (4.67419056590719 51.808379188395854)</t>
  </si>
  <si>
    <t>POINT (4.7167342248992465 51.803124900951374)</t>
  </si>
  <si>
    <t>POINT (4.6682169178700725 51.804187576291156)</t>
  </si>
  <si>
    <t>POINT (4.676769095314644 51.7838019691427)</t>
  </si>
  <si>
    <t>POINT (4.654765017820421 51.78967857625696)</t>
  </si>
  <si>
    <t>POINT (4.691297394824806 51.81850928969553)</t>
  </si>
  <si>
    <t>POINT (4.707581213555731 51.794791081840074)</t>
  </si>
  <si>
    <t>POINT (4.668256392193816 51.80373327829507)</t>
  </si>
  <si>
    <t>POINT (4.698172882708461 51.79264186129064)</t>
  </si>
  <si>
    <t>POINT (4.665135912974339 51.81733540323695)</t>
  </si>
  <si>
    <t>POINT (4.71545640025432 51.803211802488406)</t>
  </si>
  <si>
    <t>POINT (4.673639199711325 51.81088056724014)</t>
  </si>
  <si>
    <t>POINT (4.729501735972007 51.80011062324402)</t>
  </si>
  <si>
    <t>POINT (4.727196399361143 51.79928034089006)</t>
  </si>
  <si>
    <t>POINT (4.677767979487526 51.8073705892115)</t>
  </si>
  <si>
    <t>POINT (4.678788886396565 51.80707482744121)</t>
  </si>
  <si>
    <t>POINT (4.69852110382109 51.791319344046634)</t>
  </si>
  <si>
    <t>POINT (4.6698298650185235 51.7717131007514)</t>
  </si>
  <si>
    <t>POINT (4.680000612955815 51.779100838335474)</t>
  </si>
  <si>
    <t>POINT (4.659649022804951 51.803625391946866)</t>
  </si>
  <si>
    <t>POINT (4.690544856165892 51.80886590162461)</t>
  </si>
  <si>
    <t>POINT (4.73440944732179 51.801855021656415)</t>
  </si>
  <si>
    <t>POINT (4.66938616590611 51.790562314281274)</t>
  </si>
  <si>
    <t>POINT (4.694952059932169 51.796045976195764)</t>
  </si>
  <si>
    <t>POINT (4.654038329664769 51.808334719594946)</t>
  </si>
  <si>
    <t>POINT (4.6692482690777855 51.77959989797867)</t>
  </si>
  <si>
    <t>POINT (4.683514771793201 51.786815532760265)</t>
  </si>
  <si>
    <t>POINT (4.668885434363111 51.81410983412661)</t>
  </si>
  <si>
    <t>POINT (4.627988256064163 51.72604870540896)</t>
  </si>
  <si>
    <t>POINT (4.652302602073273 51.78438482154046)</t>
  </si>
  <si>
    <t>POINT (4.685132081214374 51.78770969245692)</t>
  </si>
  <si>
    <t>POINT (4.715617466022602 51.80326934395813)</t>
  </si>
  <si>
    <t>POINT (4.704870053072403 51.808598948590195)</t>
  </si>
  <si>
    <t>POINT (4.6506049245882375 51.793198567118445)</t>
  </si>
  <si>
    <t>POINT (4.6832820928968335 51.797935118053104)</t>
  </si>
  <si>
    <t>POINT (4.719507430776581 51.81262305532072)</t>
  </si>
  <si>
    <t>POINT (4.712654082394862 51.79915038298129)</t>
  </si>
  <si>
    <t>POINT (4.7140443817019015 51.80444503367903)</t>
  </si>
  <si>
    <t>POINT (4.679532722961717 51.77396086371918)</t>
  </si>
  <si>
    <t>POINT (4.6680409060537 51.812636855931515)</t>
  </si>
  <si>
    <t>POINT (4.672859224945598 51.81852248404722)</t>
  </si>
  <si>
    <t>POINT (4.6842114439217735 51.80491502126045)</t>
  </si>
  <si>
    <t>POINT (4.685846103033566 51.77967626610549)</t>
  </si>
  <si>
    <t>POINT (4.715633349126659 51.808204219084345)</t>
  </si>
  <si>
    <t>POINT (4.6788723680513735 51.81496943270273)</t>
  </si>
  <si>
    <t>POINT (4.6981231293088594 51.791595476239216)</t>
  </si>
  <si>
    <t>POINT (4.705088951228788 51.79626767578478)</t>
  </si>
  <si>
    <t>POINT (4.674337444580898 51.81247332516044)</t>
  </si>
  <si>
    <t>POINT (4.657033513311079 51.791098084713596)</t>
  </si>
  <si>
    <t>POINT (4.653025949960685 51.80044825854652)</t>
  </si>
  <si>
    <t>3316AA</t>
  </si>
  <si>
    <t>POINT (4.649386606618063 51.80478429426229)</t>
  </si>
  <si>
    <t>POINT (4.686951164569668 51.775603420241836)</t>
  </si>
  <si>
    <t>3318RH</t>
  </si>
  <si>
    <t>POINT (4.686124745996547 51.78928078434703)</t>
  </si>
  <si>
    <t>POINT (4.669600280955898 51.81596875049047)</t>
  </si>
  <si>
    <t>POINT (4.722364071661474 51.803826939340816)</t>
  </si>
  <si>
    <t>POINT (4.664385094498455 51.795753403523655)</t>
  </si>
  <si>
    <t>POINT (4.660680155916344 51.81057356590288)</t>
  </si>
  <si>
    <t>POINT (4.6565543152989015 51.803493497637994)</t>
  </si>
  <si>
    <t>POINT (4.664256273322469 51.814624602975655)</t>
  </si>
  <si>
    <t>POINT (4.693327358236982 51.81887467051598)</t>
  </si>
  <si>
    <t>POINT (4.678411203838634 51.80708119381306)</t>
  </si>
  <si>
    <t>POINT (4.652638676420517 51.80117658014379)</t>
  </si>
  <si>
    <t>POINT (4.680160445157908 51.79880476192374)</t>
  </si>
  <si>
    <t>POINT (4.666436507109781 51.815447713547904)</t>
  </si>
  <si>
    <t>POINT (4.651250933001197 51.78896864061254)</t>
  </si>
  <si>
    <t>POINT (4.704764104055041 51.79459901860973)</t>
  </si>
  <si>
    <t>POINT (4.652282068271235 51.78471923505994)</t>
  </si>
  <si>
    <t>POINT (4.7002125920964355 51.81708541041242)</t>
  </si>
  <si>
    <t>POINT (4.660316783815164 51.79072404987073)</t>
  </si>
  <si>
    <t>POINT (4.707459713210057 51.79471564620349)</t>
  </si>
  <si>
    <t>POINT (4.665859957519971 51.8144301675711)</t>
  </si>
  <si>
    <t>POINT (4.6743618185015645 51.797059109616775)</t>
  </si>
  <si>
    <t>POINT (4.659610325232303 51.77112439313344)</t>
  </si>
  <si>
    <t>POINT (4.669530080181692 51.81080821058259)</t>
  </si>
  <si>
    <t>POINT (4.685275496010059 51.79983477296825)</t>
  </si>
  <si>
    <t>POINT (4.651611612103153 51.80141004506027)</t>
  </si>
  <si>
    <t>POINT (4.642780861613695 51.76880543057568)</t>
  </si>
  <si>
    <t>POINT (4.6648655621852075 51.777500847668016)</t>
  </si>
  <si>
    <t>POINT (4.669918366752114 51.78043645113226)</t>
  </si>
  <si>
    <t>POINT (4.672091394434191 51.811252157275945)</t>
  </si>
  <si>
    <t>3317WT</t>
  </si>
  <si>
    <t>Van der Zaanstraat</t>
  </si>
  <si>
    <t>POINT (4.654383991715442 51.78947563150757)</t>
  </si>
  <si>
    <t>POINT (4.704719313278431 51.79708617314899)</t>
  </si>
  <si>
    <t>POINT (4.725886634935123 51.79713961888532)</t>
  </si>
  <si>
    <t>POINT (4.685858631702415 51.7918307128445)</t>
  </si>
  <si>
    <t>POINT (4.70816608769894 51.80874422333254)</t>
  </si>
  <si>
    <t>POINT (4.685075971585135 51.80996409883266)</t>
  </si>
  <si>
    <t>POINT (4.676764514882912 51.776274055101474)</t>
  </si>
  <si>
    <t>POINT (4.6823784410007665 51.80022944650547)</t>
  </si>
  <si>
    <t>POINT (4.702054729141279 51.797696352945216)</t>
  </si>
  <si>
    <t>POINT (4.67581938331039 51.7855198324065)</t>
  </si>
  <si>
    <t>POINT (4.653355571839345 51.792077187572986)</t>
  </si>
  <si>
    <t>POINT (4.666094723038819 51.8150893567541)</t>
  </si>
  <si>
    <t>POINT (4.667972568673908 51.77516653422267)</t>
  </si>
  <si>
    <t>POINT (4.681642358534842 51.785778558966314)</t>
  </si>
  <si>
    <t>POINT (4.657963357174548 51.81333261833378)</t>
  </si>
  <si>
    <t>POINT (4.685603849348744 51.77625741312717)</t>
  </si>
  <si>
    <t>POINT (4.686009189368804 51.8048556753555)</t>
  </si>
  <si>
    <t>POINT (4.683249908711016 51.79796766172469)</t>
  </si>
  <si>
    <t>3312PL</t>
  </si>
  <si>
    <t>POINT (4.677777405496714 51.805489424317464)</t>
  </si>
  <si>
    <t>POINT (4.663139916727673 51.81138795273357)</t>
  </si>
  <si>
    <t>POINT (4.709607918562486 51.788021809735326)</t>
  </si>
  <si>
    <t>POINT (4.683542907255658 51.81281218804245)</t>
  </si>
  <si>
    <t>POINT (4.682596181348663 51.78589592271895)</t>
  </si>
  <si>
    <t>POINT (4.720946708257227 51.800558781498175)</t>
  </si>
  <si>
    <t>POINT (4.670146484857281 51.79956060146885)</t>
  </si>
  <si>
    <t>POINT (4.672038270330102 51.7996805964288)</t>
  </si>
  <si>
    <t>POINT (4.750977476526189 51.790104183517876)</t>
  </si>
  <si>
    <t>POINT (4.717514186575271 51.81222646273923)</t>
  </si>
  <si>
    <t>POINT (4.690512971173149 51.81856762833463)</t>
  </si>
  <si>
    <t>POINT (4.661085621905113 51.7713478728842)</t>
  </si>
  <si>
    <t>POINT (4.729366112536026 51.803858718410176)</t>
  </si>
  <si>
    <t>POINT (4.6578069584803465 51.78371644910025)</t>
  </si>
  <si>
    <t>POINT (4.67284244833511 51.773722813378804)</t>
  </si>
  <si>
    <t>POINT (4.689916652060686 51.81356972955051)</t>
  </si>
  <si>
    <t>POINT (4.656525563424714 51.811809269987094)</t>
  </si>
  <si>
    <t>POINT (4.683518188071154 51.78234762443898)</t>
  </si>
  <si>
    <t>POINT (4.67979555241874 51.807235847253864)</t>
  </si>
  <si>
    <t>POINT (4.666230345266374 51.8131554851718)</t>
  </si>
  <si>
    <t>POINT (4.650424761826644 51.794134652819)</t>
  </si>
  <si>
    <t>POINT (4.671221419146228 51.77698828062882)</t>
  </si>
  <si>
    <t>POINT (4.663225690924825 51.79918127625056)</t>
  </si>
  <si>
    <t>POINT (4.681929242319568 51.78114209924364)</t>
  </si>
  <si>
    <t>POINT (4.665709971712121 51.80268280731621)</t>
  </si>
  <si>
    <t>POINT (4.708120507028192 51.79041676975933)</t>
  </si>
  <si>
    <t>POINT (4.681171041964599 51.802629049505825)</t>
  </si>
  <si>
    <t>POINT (4.684832478920693 51.777609388883995)</t>
  </si>
  <si>
    <t>POINT (4.700455367816141 51.799904613745106)</t>
  </si>
  <si>
    <t>POINT (4.6751085578625835 51.78706221379069)</t>
  </si>
  <si>
    <t>POINT (4.700844441914125 51.799945730401745)</t>
  </si>
  <si>
    <t>POINT (4.728480242444786 51.80337204755527)</t>
  </si>
  <si>
    <t>POINT (4.655542976937196 51.81263843065111)</t>
  </si>
  <si>
    <t>POINT (4.709063983868873 51.80369633819056)</t>
  </si>
  <si>
    <t>POINT (4.66831195528615 51.79010938453374)</t>
  </si>
  <si>
    <t>POINT (4.670673160257584 51.80896861576597)</t>
  </si>
  <si>
    <t>POINT (4.663642609534432 51.81346637797178)</t>
  </si>
  <si>
    <t>POINT (4.705044172008574 51.79230769249655)</t>
  </si>
  <si>
    <t>POINT (4.643451583087688 51.77046346209959)</t>
  </si>
  <si>
    <t>POINT (4.703302580027952 51.79725442486407)</t>
  </si>
  <si>
    <t>POINT (4.719850988472694 51.81151040974551)</t>
  </si>
  <si>
    <t>3319LH</t>
  </si>
  <si>
    <t>POINT (4.705889838944556 51.80022699854824)</t>
  </si>
  <si>
    <t>POINT (4.673465410800911 51.78916582116443)</t>
  </si>
  <si>
    <t>POINT (4.6707391508719835 51.815586688025185)</t>
  </si>
  <si>
    <t>POINT (4.677750853505555 51.78197228378944)</t>
  </si>
  <si>
    <t>POINT (4.721713450744586 51.80017038291462)</t>
  </si>
  <si>
    <t>POINT (4.6915595795358245 51.81893126119729)</t>
  </si>
  <si>
    <t>POINT (4.668809764995304 51.77391015292948)</t>
  </si>
  <si>
    <t>POINT (4.667228839467198 51.774303215995374)</t>
  </si>
  <si>
    <t>POINT (4.724479298195854 51.79722236441681)</t>
  </si>
  <si>
    <t>POINT (4.661938955327633 51.793275133543595)</t>
  </si>
  <si>
    <t>POINT (4.6870673967798 51.80735945965244)</t>
  </si>
  <si>
    <t>POINT (4.662616944895785 51.80899608081579)</t>
  </si>
  <si>
    <t>POINT (4.686772881646084 51.8105044989084)</t>
  </si>
  <si>
    <t>POINT (4.693233525989395 51.79295435302839)</t>
  </si>
  <si>
    <t>POINT (4.7348124089638315 51.79931256208264)</t>
  </si>
  <si>
    <t>POINT (4.69201582222661 51.81892508376086)</t>
  </si>
  <si>
    <t>POINT (4.703171156192133 51.79197717647422)</t>
  </si>
  <si>
    <t>POINT (4.691559811144529 51.818349526066704)</t>
  </si>
  <si>
    <t>POINT (4.6878313659137 51.8097659933794)</t>
  </si>
  <si>
    <t>POINT (4.671222625833369 51.81464835391749)</t>
  </si>
  <si>
    <t>POINT (4.672276611846704 51.80405517891624)</t>
  </si>
  <si>
    <t>POINT (4.704949026690814 51.80791731296777)</t>
  </si>
  <si>
    <t>POINT (4.686736015456944 51.80447658678649)</t>
  </si>
  <si>
    <t>POINT (4.671677660547657 51.77401989995856)</t>
  </si>
  <si>
    <t>POINT (4.658243486181517 51.81328652096208)</t>
  </si>
  <si>
    <t>POINT (4.6574588372973915 51.80751630860513)</t>
  </si>
  <si>
    <t>POINT (4.671062834019906 51.80831332886386)</t>
  </si>
  <si>
    <t>POINT (4.696314436285149 51.79023126072567)</t>
  </si>
  <si>
    <t>POINT (4.69333926029606 51.79525925231069)</t>
  </si>
  <si>
    <t>POINT (4.631718418898234 51.76930370976728)</t>
  </si>
  <si>
    <t>POINT (4.670166211132134 51.80535969182134)</t>
  </si>
  <si>
    <t>POINT (4.67809086273745 51.77758076084959)</t>
  </si>
  <si>
    <t>POINT (4.6669858382951475 51.778085874372636)</t>
  </si>
  <si>
    <t>POINT (4.7150983398810675 51.814983920474624)</t>
  </si>
  <si>
    <t>POINT (4.658002088759744 51.80265822282608)</t>
  </si>
  <si>
    <t>POINT (4.684121046902004 51.78508310123739)</t>
  </si>
  <si>
    <t>POINT (4.652467400417714 51.78961814112748)</t>
  </si>
  <si>
    <t>POINT (4.727457796105401 51.79889039155481)</t>
  </si>
  <si>
    <t>POINT (4.719732553619504 51.80227870769578)</t>
  </si>
  <si>
    <t>POINT (4.697349227469739 51.7928747802929)</t>
  </si>
  <si>
    <t>POINT (4.6520474951240995 51.79269393791141)</t>
  </si>
  <si>
    <t>POINT (4.66101059913787 51.806980918471105)</t>
  </si>
  <si>
    <t>POINT (4.685305129638219 51.81036847652737)</t>
  </si>
  <si>
    <t>POINT (4.664020144224281 51.81692355731169)</t>
  </si>
  <si>
    <t>POINT (4.674014308753983 51.77162270330193)</t>
  </si>
  <si>
    <t>POINT (4.67117188500847 51.785597550405846)</t>
  </si>
  <si>
    <t>POINT (4.669384087755861 51.80892868378067)</t>
  </si>
  <si>
    <t>POINT (4.682816781587333 51.777889415634434)</t>
  </si>
  <si>
    <t>POINT (4.67450691067877 51.78242853430315)</t>
  </si>
  <si>
    <t>3312JB</t>
  </si>
  <si>
    <t>POINT (4.682329457957617 51.80340906729239)</t>
  </si>
  <si>
    <t>POINT (4.679239362824418 51.80760205322356)</t>
  </si>
  <si>
    <t>POINT (4.712286123722769 51.79804766902024)</t>
  </si>
  <si>
    <t>POINT (4.66387713919273 51.81066603388257)</t>
  </si>
  <si>
    <t>POINT (4.686629686852807 51.80427441702195)</t>
  </si>
  <si>
    <t>POINT (4.697733144030785 51.792134797474006)</t>
  </si>
  <si>
    <t>3312HS</t>
  </si>
  <si>
    <t>POINT (4.6893587763454825 51.80770493443861)</t>
  </si>
  <si>
    <t>POINT (4.685922386781653 51.804549523838574)</t>
  </si>
  <si>
    <t>POINT (4.66423317934698 51.81477961427879)</t>
  </si>
  <si>
    <t>POINT (4.721058065639421 51.811996973293304)</t>
  </si>
  <si>
    <t>POINT (4.68200816999575 51.77557751635451)</t>
  </si>
  <si>
    <t>POINT (4.706431851287634 51.789429860397036)</t>
  </si>
  <si>
    <t>POINT (4.671449138131005 51.80391592421609)</t>
  </si>
  <si>
    <t>POINT (4.68455740737777 51.78108634934044)</t>
  </si>
  <si>
    <t>3312AV</t>
  </si>
  <si>
    <t>Wantijpark</t>
  </si>
  <si>
    <t>3312AV-3312AW</t>
  </si>
  <si>
    <t>POINT (4.695296871866575 51.816025444667844)</t>
  </si>
  <si>
    <t>POINT (4.643258980079477 51.76742139355324)</t>
  </si>
  <si>
    <t>POINT (4.701522479654537 51.81777899410367)</t>
  </si>
  <si>
    <t>POINT (4.662846475590349 51.803886224332395)</t>
  </si>
  <si>
    <t>POINT (4.6751697401498005 51.80354547694795)</t>
  </si>
  <si>
    <t>POINT (4.696980626563348 51.79564554571622)</t>
  </si>
  <si>
    <t>POINT (4.667210060701604 51.814849106069616)</t>
  </si>
  <si>
    <t>POINT (4.666918598910182 51.8165884418168)</t>
  </si>
  <si>
    <t>POINT (4.704874054379237 51.798403759377855)</t>
  </si>
  <si>
    <t>POINT (4.7212515461718985 51.81127338970434)</t>
  </si>
  <si>
    <t>POINT (4.629869929760351 51.721131476961894)</t>
  </si>
  <si>
    <t>POINT (4.6564349146612765 51.803205484308684)</t>
  </si>
  <si>
    <t>POINT (4.684017091285228 51.780337166423024)</t>
  </si>
  <si>
    <t>POINT (4.707186833393778 51.794560232874225)</t>
  </si>
  <si>
    <t>POINT (4.665414725187443 51.795188744573906)</t>
  </si>
  <si>
    <t>POINT (4.653032998176515 51.80285635776992)</t>
  </si>
  <si>
    <t>POINT (4.662146238016781 51.77290084591997)</t>
  </si>
  <si>
    <t>POINT (4.625940772479588 51.794300425878006)</t>
  </si>
  <si>
    <t>POINT (4.692480125765247 51.79355641397842)</t>
  </si>
  <si>
    <t>POINT (4.71585708347056 51.813616768209926)</t>
  </si>
  <si>
    <t>POINT (4.706960409090847 51.81647187047107)</t>
  </si>
  <si>
    <t>POINT (4.685134798299299 51.80282204522544)</t>
  </si>
  <si>
    <t>POINT (4.6804114013437434 51.78087398954229)</t>
  </si>
  <si>
    <t>POINT (4.6718399310481 51.81780484048428)</t>
  </si>
  <si>
    <t>POINT (4.664519189195307 51.81681761676078)</t>
  </si>
  <si>
    <t>POINT (4.658253122171285 51.80073129372341)</t>
  </si>
  <si>
    <t>POINT (4.674005449631978 51.77699850115606)</t>
  </si>
  <si>
    <t>POINT (4.697765330912269 51.81788707593606)</t>
  </si>
  <si>
    <t>POINT (4.681638227197059 51.777137447136504)</t>
  </si>
  <si>
    <t>POINT (4.6680223538736 51.79179775466911)</t>
  </si>
  <si>
    <t>POINT (4.686445181585244 51.80871973071353)</t>
  </si>
  <si>
    <t>POINT (4.677305772303754 51.77966293715432)</t>
  </si>
  <si>
    <t>POINT (4.687620936021057 51.80693732748413)</t>
  </si>
  <si>
    <t>POINT (4.653016381478377 51.8030131695329)</t>
  </si>
  <si>
    <t>POINT (4.691550833015423 51.81922359217915)</t>
  </si>
  <si>
    <t>POINT (4.671747076760538 51.7974811676669)</t>
  </si>
  <si>
    <t>POINT (4.679082628083589 51.806805286307764)</t>
  </si>
  <si>
    <t>POINT (4.68480789331086 51.78982795852585)</t>
  </si>
  <si>
    <t>POINT (4.664606949000382 51.81778932054753)</t>
  </si>
  <si>
    <t>POINT (4.666885971030211 51.798616349165826)</t>
  </si>
  <si>
    <t>POINT (4.667913162927014 51.81621338597479)</t>
  </si>
  <si>
    <t>POINT (4.65508519660926 51.79995291384635)</t>
  </si>
  <si>
    <t>POINT (4.660742870317671 51.80328885526459)</t>
  </si>
  <si>
    <t>POINT (4.676714950173161 51.783802935570364)</t>
  </si>
  <si>
    <t>POINT (4.677692602407167 51.781899033089424)</t>
  </si>
  <si>
    <t>POINT (4.667082899818923 51.78112618307984)</t>
  </si>
  <si>
    <t>POINT (4.672346305551784 51.79288866855984)</t>
  </si>
  <si>
    <t>POINT (4.667136982223249 51.77501576293677)</t>
  </si>
  <si>
    <t>POINT (4.681479526410647 51.80293225069409)</t>
  </si>
  <si>
    <t>POINT (4.663139614442993 51.7907159338107)</t>
  </si>
  <si>
    <t>POINT (4.670533244144127 51.80422253763237)</t>
  </si>
  <si>
    <t>POINT (4.669779684615882 51.814719199384626)</t>
  </si>
  <si>
    <t>POINT (4.662980622229348 51.814366861336936)</t>
  </si>
  <si>
    <t>POINT (4.661110361501102 51.808566574106784)</t>
  </si>
  <si>
    <t>POINT (4.676076651437898 51.78528350641623)</t>
  </si>
  <si>
    <t>POINT (4.650731105229232 51.79474817719182)</t>
  </si>
  <si>
    <t>POINT (4.666179849335347 51.816902275318164)</t>
  </si>
  <si>
    <t>POINT (4.735014761077306 51.8004398013627)</t>
  </si>
  <si>
    <t>POINT (4.683456029068763 51.79905478459791)</t>
  </si>
  <si>
    <t>POINT (4.689020091976098 51.81426128071934)</t>
  </si>
  <si>
    <t>POINT (4.690518532357784 51.80567716064861)</t>
  </si>
  <si>
    <t>POINT (4.658386264281624 51.81084522677433)</t>
  </si>
  <si>
    <t>POINT (4.721668225250388 51.81256160459089)</t>
  </si>
  <si>
    <t>POINT (4.672415722141356 51.80563735122698)</t>
  </si>
  <si>
    <t>POINT (4.661495180989231 51.80486250475623)</t>
  </si>
  <si>
    <t>POINT (4.652237638533485 51.78538442752324)</t>
  </si>
  <si>
    <t>POINT (4.668260564713593 51.80418639655251)</t>
  </si>
  <si>
    <t>POINT (4.656561492059024 51.81057386365116)</t>
  </si>
  <si>
    <t>POINT (4.673577544514894 51.80491840715442)</t>
  </si>
  <si>
    <t>POINT (4.679974859542568 51.788677806927474)</t>
  </si>
  <si>
    <t>POINT (4.7260612425934605 51.79711337632661)</t>
  </si>
  <si>
    <t>POINT (4.677530077182186 51.78176709350197)</t>
  </si>
  <si>
    <t>POINT (4.693525542264824 51.76969168301324)</t>
  </si>
  <si>
    <t>POINT (4.658802611914552 51.78417813921966)</t>
  </si>
  <si>
    <t>POINT (4.669890280541418 51.813885241126854)</t>
  </si>
  <si>
    <t>POINT (4.683126674728134 51.80442913336783)</t>
  </si>
  <si>
    <t>POINT (4.675647141932364 51.81490046623457)</t>
  </si>
  <si>
    <t>POINT (4.683367847762919 51.81068996609229)</t>
  </si>
  <si>
    <t>POINT (4.660684817374413 51.80708942677204)</t>
  </si>
  <si>
    <t>POINT (4.733089278821988 51.803182041385234)</t>
  </si>
  <si>
    <t>POINT (4.6338913040334075 51.7836070580642)</t>
  </si>
  <si>
    <t>POINT (4.706728118419634 51.80731082406409)</t>
  </si>
  <si>
    <t>POINT (4.7182993470916506 51.8141875957987)</t>
  </si>
  <si>
    <t>POINT (4.65814535922716 51.80157516622336)</t>
  </si>
  <si>
    <t>POINT (4.712260327873351 51.80600954256022)</t>
  </si>
  <si>
    <t>POINT (4.65481589588903 51.781957658625785)</t>
  </si>
  <si>
    <t>POINT (4.708258804713182 51.803796058244316)</t>
  </si>
  <si>
    <t>POINT (4.727595403658673 51.80553729341885)</t>
  </si>
  <si>
    <t>POINT (4.660924256195628 51.81364961119852)</t>
  </si>
  <si>
    <t>POINT (4.655573526628058 51.80591932277618)</t>
  </si>
  <si>
    <t>POINT (4.6793750130241 51.803088606100324)</t>
  </si>
  <si>
    <t>POINT (4.684758419891006 51.77682904084605)</t>
  </si>
  <si>
    <t>POINT (4.664049232734095 51.81091152376568)</t>
  </si>
  <si>
    <t>POINT (4.66073027294905 51.80101788254888)</t>
  </si>
  <si>
    <t>POINT (4.666797968502378 51.796251180092995)</t>
  </si>
  <si>
    <t>POINT (4.662877467684228 51.794488213189425)</t>
  </si>
  <si>
    <t>POINT (4.66477015773096 51.79488579515863)</t>
  </si>
  <si>
    <t>POINT (4.704213273112929 51.81604720188841)</t>
  </si>
  <si>
    <t>POINT (4.720236689716816 51.81354024066914)</t>
  </si>
  <si>
    <t>POINT (4.713598995826844 51.8101554988326)</t>
  </si>
  <si>
    <t>POINT (4.663675906782025 51.81762218375451)</t>
  </si>
  <si>
    <t>POINT (4.66890939142381 51.81919980728272)</t>
  </si>
  <si>
    <t>POINT (4.693937058130753 51.79119577006229)</t>
  </si>
  <si>
    <t>POINT (4.696328885440807 51.79892587287623)</t>
  </si>
  <si>
    <t>POINT (4.664805791095716 51.772079715814584)</t>
  </si>
  <si>
    <t>POINT (4.661250513236298 51.79124293398031)</t>
  </si>
  <si>
    <t>POINT (4.655872108504135 51.78489311459262)</t>
  </si>
  <si>
    <t>POINT (4.669206356513686 51.772252329577874)</t>
  </si>
  <si>
    <t>POINT (4.686047068681741 51.808348493708884)</t>
  </si>
  <si>
    <t>POINT (4.651035584578157 51.793767442312365)</t>
  </si>
  <si>
    <t>POINT (4.680563900401397 51.78179461406268)</t>
  </si>
  <si>
    <t>POINT (4.692194698901905 51.79090823185528)</t>
  </si>
  <si>
    <t>POINT (4.735789778472472 51.80132087606859)</t>
  </si>
  <si>
    <t>POINT (4.6818975401183724 51.80805884698849)</t>
  </si>
  <si>
    <t>POINT (4.672200196313964 51.817809606639855)</t>
  </si>
  <si>
    <t>POINT (4.667697440475383 51.81404459753635)</t>
  </si>
  <si>
    <t>POINT (4.678827669363543 51.80011537134312)</t>
  </si>
  <si>
    <t>POINT (4.661049895160533 51.7943870375049)</t>
  </si>
  <si>
    <t>POINT (4.659148709522182 51.79845474079321)</t>
  </si>
  <si>
    <t>POINT (4.71973759895515 51.813386466010385)</t>
  </si>
  <si>
    <t>POINT (4.720036490113873 51.80426991987881)</t>
  </si>
  <si>
    <t>POINT (4.652009988311493 51.79429177878207)</t>
  </si>
  <si>
    <t>POINT (4.684063130144583 51.79818971367318)</t>
  </si>
  <si>
    <t>POINT (4.662282037346943 51.79121497584253)</t>
  </si>
  <si>
    <t>POINT (4.686122099556958 51.80752091500813)</t>
  </si>
  <si>
    <t>POINT (4.692543562810733 51.795633694986094)</t>
  </si>
  <si>
    <t>POINT (4.707571970487026 51.79510534386133)</t>
  </si>
  <si>
    <t>POINT (4.732033925902713 51.79890454626741)</t>
  </si>
  <si>
    <t>POINT (4.658338889857264 51.771877555731386)</t>
  </si>
  <si>
    <t>POINT (4.666168810763173 51.81750354977209)</t>
  </si>
  <si>
    <t>POINT (4.688070621620829 51.81914089081277)</t>
  </si>
  <si>
    <t>POINT (4.639829206616716 51.77870760256997)</t>
  </si>
  <si>
    <t>POINT (4.655533591396337 51.806999011440695)</t>
  </si>
  <si>
    <t>POINT (4.655602583809637 51.79151809292992)</t>
  </si>
  <si>
    <t>POINT (4.666524767748854 51.78883430173098)</t>
  </si>
  <si>
    <t>POINT (4.680359387637343 51.78715424904707)</t>
  </si>
  <si>
    <t>POINT (4.720212492297129 51.81412795076234)</t>
  </si>
  <si>
    <t>POINT (4.674116713968038 51.81655055710235)</t>
  </si>
  <si>
    <t>POINT (4.6625328810948075 51.78900280530395)</t>
  </si>
  <si>
    <t>POINT (4.724021858688009 51.80244255984142)</t>
  </si>
  <si>
    <t>POINT (4.6759615834766715 51.77465024142427)</t>
  </si>
  <si>
    <t>POINT (4.674536036566856 51.8181628664951)</t>
  </si>
  <si>
    <t>POINT (4.681675409557172 51.77530395737966)</t>
  </si>
  <si>
    <t>POINT (4.692606213737317 51.79605278532759)</t>
  </si>
  <si>
    <t>POINT (4.668209721856667 51.81464019878084)</t>
  </si>
  <si>
    <t>POINT (4.6816761969687875 51.8176518289596)</t>
  </si>
  <si>
    <t>POINT (4.67186058008255 51.779323950747724)</t>
  </si>
  <si>
    <t>POINT (4.685041310974821 51.80993171202053)</t>
  </si>
  <si>
    <t>POINT (4.67774172612129 51.79060423536739)</t>
  </si>
  <si>
    <t>POINT (4.661757833785699 51.813649382866004)</t>
  </si>
  <si>
    <t>POINT (4.678640555141338 51.7855675588754)</t>
  </si>
  <si>
    <t>POINT (4.670513001328544 51.817781985458794)</t>
  </si>
  <si>
    <t>POINT (4.685232378659839 51.792184896652124)</t>
  </si>
  <si>
    <t>POINT (4.683060733732371 51.78137494495463)</t>
  </si>
  <si>
    <t>POINT (4.675328890022876 51.81635567111785)</t>
  </si>
  <si>
    <t>POINT (4.679123536870203 51.79986818877545)</t>
  </si>
  <si>
    <t>POINT (4.712107926080986 51.814879854347836)</t>
  </si>
  <si>
    <t>POINT (4.715575492409708 51.80923226951944)</t>
  </si>
  <si>
    <t>POINT (4.703717224172673 51.8156935681522)</t>
  </si>
  <si>
    <t>POINT (4.727316122477156 51.79572471095257)</t>
  </si>
  <si>
    <t>POINT (4.668337978308146 51.807506131139)</t>
  </si>
  <si>
    <t>POINT (4.714298136965163 51.80357795204475)</t>
  </si>
  <si>
    <t>POINT (4.659838055046927 51.81130610465446)</t>
  </si>
  <si>
    <t>POINT (4.673521230845075 51.808725839644005)</t>
  </si>
  <si>
    <t>POINT (4.669156621142812 51.81281733123746)</t>
  </si>
  <si>
    <t>POINT (4.684574157545184 51.808754780253125)</t>
  </si>
  <si>
    <t>POINT (4.709197538603144 51.79681003762448)</t>
  </si>
  <si>
    <t>POINT (4.714208156379204 51.81689679617534)</t>
  </si>
  <si>
    <t>POINT (4.66441690009231 51.810086524525424)</t>
  </si>
  <si>
    <t>POINT (4.708092535991888 51.787735728457434)</t>
  </si>
  <si>
    <t>POINT (4.663281591009226 51.79070241910548)</t>
  </si>
  <si>
    <t>POINT (4.708738878565097 51.796985262795594)</t>
  </si>
  <si>
    <t>POINT (4.673317826888615 51.787933938977254)</t>
  </si>
  <si>
    <t>POINT (4.668581096988331 51.808235361915116)</t>
  </si>
  <si>
    <t>POINT (4.662615038856684 51.81289910817787)</t>
  </si>
  <si>
    <t>POINT (4.671769553513783 51.78685358388029)</t>
  </si>
  <si>
    <t>POINT (4.691137165705129 51.81786440148559)</t>
  </si>
  <si>
    <t>POINT (4.663293590111593 51.817077844951434)</t>
  </si>
  <si>
    <t>POINT (4.70086112671975 51.79714583201926)</t>
  </si>
  <si>
    <t>POINT (4.694715864926727 51.79463541908086)</t>
  </si>
  <si>
    <t>POINT (4.6533914637435325 51.803897226404835)</t>
  </si>
  <si>
    <t>POINT (4.6965935810860655 51.790559391063184)</t>
  </si>
  <si>
    <t>POINT (4.6645541046969665 51.81079796082721)</t>
  </si>
  <si>
    <t>POINT (4.66837144390092 51.771460989907915)</t>
  </si>
  <si>
    <t>POINT (4.685035708526848 51.78919624911767)</t>
  </si>
  <si>
    <t>POINT (4.651394675503216 51.792409550184175)</t>
  </si>
  <si>
    <t>POINT (4.666686905737514 51.779552749174094)</t>
  </si>
  <si>
    <t>POINT (4.631421920578238 51.76944654519233)</t>
  </si>
  <si>
    <t>POINT (4.704782750109523 51.789436719205085)</t>
  </si>
  <si>
    <t>POINT (4.6473803526162145 51.80435748028218)</t>
  </si>
  <si>
    <t>POINT (4.653429654113818 51.79179756272684)</t>
  </si>
  <si>
    <t>POINT (4.660976505673083 51.794701933861134)</t>
  </si>
  <si>
    <t>POINT (4.658298824902419 51.79242667308866)</t>
  </si>
  <si>
    <t>POINT (4.682588422032679 51.79948096206395)</t>
  </si>
  <si>
    <t>POINT (4.728033095907907 51.79734389301617)</t>
  </si>
  <si>
    <t>POINT (4.685662689766908 51.77591369563098)</t>
  </si>
  <si>
    <t>POINT (4.668986831236717 51.77830696119726)</t>
  </si>
  <si>
    <t>POINT (4.69209661378836 51.807716501266896)</t>
  </si>
  <si>
    <t>POINT (4.657905762228147 51.8125253011956)</t>
  </si>
  <si>
    <t>POINT (4.642662125120054 51.74350553423243)</t>
  </si>
  <si>
    <t>POINT (4.697666263587365 51.80048942661954)</t>
  </si>
  <si>
    <t>POINT (4.679652075113319 51.779890955545206)</t>
  </si>
  <si>
    <t>POINT (4.732064765327608 51.80130572757812)</t>
  </si>
  <si>
    <t>POINT (4.654114086086039 51.790940552410675)</t>
  </si>
  <si>
    <t>POINT (4.670435897634906 51.77752171784059)</t>
  </si>
  <si>
    <t>POINT (4.697284547911914 51.817456211255724)</t>
  </si>
  <si>
    <t>3328GN</t>
  </si>
  <si>
    <t>POINT (4.678978893224655 51.78065370089279)</t>
  </si>
  <si>
    <t>POINT (4.655973385072921 51.786849870157894)</t>
  </si>
  <si>
    <t>POINT (4.66375924266123 51.79657654213033)</t>
  </si>
  <si>
    <t>POINT (4.67149593859371 51.80536594035476)</t>
  </si>
  <si>
    <t>POINT (4.675643275274325 51.80781842998221)</t>
  </si>
  <si>
    <t>POINT (4.664122154316407 51.787118916578144)</t>
  </si>
  <si>
    <t>POINT (4.6852698970321525 51.8029450275441)</t>
  </si>
  <si>
    <t>POINT (4.731334380968097 51.79992659228406)</t>
  </si>
  <si>
    <t>POINT (4.665497370826244 51.772194984390396)</t>
  </si>
  <si>
    <t>POINT (4.716696437554873 51.815894729635176)</t>
  </si>
  <si>
    <t>POINT (4.656617548496424 51.790133343463644)</t>
  </si>
  <si>
    <t>POINT (4.686847147677888 51.77736506049952)</t>
  </si>
  <si>
    <t>POINT (4.685868146541857 51.786656405405644)</t>
  </si>
  <si>
    <t>POINT (4.716597502439499 51.812750200354756)</t>
  </si>
  <si>
    <t>POINT (4.718561397483079 51.805757854090366)</t>
  </si>
  <si>
    <t>POINT (4.721749513836345 51.8018658999025)</t>
  </si>
  <si>
    <t>POINT (4.663907855532692 51.79172041447419)</t>
  </si>
  <si>
    <t>POINT (4.712521274646936 51.814572887388536)</t>
  </si>
  <si>
    <t>POINT (4.667674192374469 51.81417913232758)</t>
  </si>
  <si>
    <t>POINT (4.638267757590346 51.778802586031745)</t>
  </si>
  <si>
    <t>POINT (4.671727580318245 51.773068128883416)</t>
  </si>
  <si>
    <t>POINT (4.679200282510206 51.80535989830007)</t>
  </si>
  <si>
    <t>POINT (4.681331371894035 51.774273040152444)</t>
  </si>
  <si>
    <t>POINT (4.67747475667212 51.77508322556743)</t>
  </si>
  <si>
    <t>POINT (4.685888756753388 51.78754966270549)</t>
  </si>
  <si>
    <t>POINT (4.722120831602787 51.798810202730714)</t>
  </si>
  <si>
    <t>POINT (4.6715565857731605 51.80919346533572)</t>
  </si>
  <si>
    <t>POINT (4.673248658825968 51.80442358407342)</t>
  </si>
  <si>
    <t>POINT (4.672192097448064 51.80600475839181)</t>
  </si>
  <si>
    <t>POINT (4.692246851427076 51.81780765261155)</t>
  </si>
  <si>
    <t>POINT (4.671202896173088 51.76063718365099)</t>
  </si>
  <si>
    <t>POINT (4.660525383215381 51.78989502840436)</t>
  </si>
  <si>
    <t>POINT (4.655812606315467 51.76941579664085)</t>
  </si>
  <si>
    <t>POINT (4.672608388752875 51.811492589648125)</t>
  </si>
  <si>
    <t>POINT (4.667920067964641 51.81665413394667)</t>
  </si>
  <si>
    <t>POINT (4.66184901668885 51.80101565361524)</t>
  </si>
  <si>
    <t>POINT (4.734067449787216 51.79166273298956)</t>
  </si>
  <si>
    <t>POINT (4.670385056488515 51.78999514090339)</t>
  </si>
  <si>
    <t>POINT (4.67860465011965 51.781341098693915)</t>
  </si>
  <si>
    <t>POINT (4.69675151242339 51.79213748264679)</t>
  </si>
  <si>
    <t>POINT (4.7017275104613 51.816851296319896)</t>
  </si>
  <si>
    <t>POINT (4.709934056415479 51.795888270834055)</t>
  </si>
  <si>
    <t>POINT (4.709678612763675 51.787024278056165)</t>
  </si>
  <si>
    <t>POINT (4.667243988459243 51.80810395790086)</t>
  </si>
  <si>
    <t>POINT (4.66761397358131 51.78253156415019)</t>
  </si>
  <si>
    <t>POINT (4.704390460550406 51.78791005665732)</t>
  </si>
  <si>
    <t>POINT (4.6729442888682335 51.79341608194297)</t>
  </si>
  <si>
    <t>POINT (4.66840244609644 51.791956100999265)</t>
  </si>
  <si>
    <t>POINT (4.67946220319542 51.78896313529475)</t>
  </si>
  <si>
    <t>POINT (4.70728187844782 51.794731784068354)</t>
  </si>
  <si>
    <t>POINT (4.715974558483735 51.81508125750717)</t>
  </si>
  <si>
    <t>POINT (4.661667691293473 51.80351542966998)</t>
  </si>
  <si>
    <t>POINT (4.671436803233399 51.805320654213496)</t>
  </si>
  <si>
    <t>POINT (4.729219552661319 51.79902728515585)</t>
  </si>
  <si>
    <t>POINT (4.721886575938578 51.799950756379495)</t>
  </si>
  <si>
    <t>POINT (4.652357881176455 51.784700528097034)</t>
  </si>
  <si>
    <t>POINT (4.661593578912116 51.79628969587221)</t>
  </si>
  <si>
    <t>POINT (4.708629039863443 51.79583250600879)</t>
  </si>
  <si>
    <t>POINT (4.684545596427792 51.80308372010787)</t>
  </si>
  <si>
    <t>POINT (4.709946860144957 51.787019472054126)</t>
  </si>
  <si>
    <t>POINT (4.719411938901425 51.80083114950077)</t>
  </si>
  <si>
    <t>POINT (4.664817901653801 51.81209292139069)</t>
  </si>
  <si>
    <t>POINT (4.6558766815080554 51.801369767984646)</t>
  </si>
  <si>
    <t>POINT (4.665636943575864 51.796042105144664)</t>
  </si>
  <si>
    <t>POINT (4.649622781673363 51.79522273968366)</t>
  </si>
  <si>
    <t>POINT (4.663696845213068 51.80352485816999)</t>
  </si>
  <si>
    <t>POINT (4.6813935027584765 51.80384769727566)</t>
  </si>
  <si>
    <t>POINT (4.670334552249082 51.811357428077535)</t>
  </si>
  <si>
    <t>POINT (4.661553504404978 51.78978297536208)</t>
  </si>
  <si>
    <t>POINT (4.700277250324206 51.81333230045061)</t>
  </si>
  <si>
    <t>POINT (4.662157621730052 51.79086895082458)</t>
  </si>
  <si>
    <t>POINT (4.732215443374367 51.80014378066125)</t>
  </si>
  <si>
    <t>POINT (4.651634224974401 51.78479088634086)</t>
  </si>
  <si>
    <t>POINT (4.7135775738789905 51.810861406717756)</t>
  </si>
  <si>
    <t>POINT (4.685678224960628 51.77709658456444)</t>
  </si>
  <si>
    <t>POINT (4.673719575710818 51.807527767522394)</t>
  </si>
  <si>
    <t>POINT (4.668524998695986 51.77739025886926)</t>
  </si>
  <si>
    <t>POINT (4.674365248488543 51.78496244242056)</t>
  </si>
  <si>
    <t>POINT (4.632722268677382 51.768999233524156)</t>
  </si>
  <si>
    <t>POINT (4.727620215231829 51.79201470245242)</t>
  </si>
  <si>
    <t>POINT (4.681500414372356 51.78796991238439)</t>
  </si>
  <si>
    <t>POINT (4.679298448586694 51.80017972225337)</t>
  </si>
  <si>
    <t>POINT (4.662822073736173 51.79329330876437)</t>
  </si>
  <si>
    <t>3319LG</t>
  </si>
  <si>
    <t>Ploegstraat</t>
  </si>
  <si>
    <t>POINT (4.715645115935603 51.79595786330353)</t>
  </si>
  <si>
    <t>POINT (4.678565766295696 51.80808838235194)</t>
  </si>
  <si>
    <t>POINT (4.6607453374420835 51.793325536769146)</t>
  </si>
  <si>
    <t>POINT (4.695862608673937 51.79746141595269)</t>
  </si>
  <si>
    <t>POINT (4.659406943753783 51.81111095697978)</t>
  </si>
  <si>
    <t>POINT (4.680267819712859 51.801864067851305)</t>
  </si>
  <si>
    <t>POINT (4.714035718086439 51.80868921571138)</t>
  </si>
  <si>
    <t>POINT (4.722994598046459 51.802993514821836)</t>
  </si>
  <si>
    <t>POINT (4.65831399424574 51.812702649453094)</t>
  </si>
  <si>
    <t>POINT (4.697558374939542 51.79168248485006)</t>
  </si>
  <si>
    <t>POINT (4.671731967153411 51.8034665880206)</t>
  </si>
  <si>
    <t>POINT (4.693338462987619 51.79684531697427)</t>
  </si>
  <si>
    <t>POINT (4.659804950334613 51.811231365277514)</t>
  </si>
  <si>
    <t>POINT (4.663867812127688 51.81064451141684)</t>
  </si>
  <si>
    <t>POINT (4.733100283973575 51.80024098513704)</t>
  </si>
  <si>
    <t>POINT (4.667189165132754 51.817638442023735)</t>
  </si>
  <si>
    <t>3311XG</t>
  </si>
  <si>
    <t>Hof</t>
  </si>
  <si>
    <t>3315AV</t>
  </si>
  <si>
    <t>POINT (4.723042592979698 51.79942629250314)</t>
  </si>
  <si>
    <t>POINT (4.665873599841169 51.80232048154364)</t>
  </si>
  <si>
    <t>POINT (4.660985919327279 51.78985095024616)</t>
  </si>
  <si>
    <t>POINT (4.635037094226919 51.778396313529775)</t>
  </si>
  <si>
    <t>POINT (4.674254145445193 51.778492066742295)</t>
  </si>
  <si>
    <t>POINT (4.720256878669807 51.80575901777823)</t>
  </si>
  <si>
    <t>POINT (4.670926521979941 51.81381257796806)</t>
  </si>
  <si>
    <t>POINT (4.6704199341787955 51.78054589865055)</t>
  </si>
  <si>
    <t>POINT (4.694084888925758 51.8186911580887)</t>
  </si>
  <si>
    <t>POINT (4.663199473846961 51.816489324023934)</t>
  </si>
  <si>
    <t>POINT (4.668633149780686 51.81260223702981)</t>
  </si>
  <si>
    <t>POINT (4.660391490767196 51.80546405507932)</t>
  </si>
  <si>
    <t>POINT (4.672888247404767 51.804251720197335)</t>
  </si>
  <si>
    <t>POINT (4.666336719681762 51.81439885023936)</t>
  </si>
  <si>
    <t>POINT (4.672885154105568 51.78471601107012)</t>
  </si>
  <si>
    <t>POINT (4.699110992989458 51.800000421529504)</t>
  </si>
  <si>
    <t>POINT (4.651620781290592 51.803111025628176)</t>
  </si>
  <si>
    <t>POINT (4.68668331021919 51.77948659204542)</t>
  </si>
  <si>
    <t>POINT (4.684485419578784 51.78793418712397)</t>
  </si>
  <si>
    <t>POINT (4.721041968905728 51.81194789386341)</t>
  </si>
  <si>
    <t>POINT (4.664362318597503 51.79867902989969)</t>
  </si>
  <si>
    <t>POINT (4.651174678411527 51.78837426871092)</t>
  </si>
  <si>
    <t>POINT (4.676313935192922 51.77281818640709)</t>
  </si>
  <si>
    <t>POINT (4.659693729048508 51.80481409120705)</t>
  </si>
  <si>
    <t>POINT (4.679726375361241 51.80716540843436)</t>
  </si>
  <si>
    <t>POINT (4.650994942400636 51.79504530103185)</t>
  </si>
  <si>
    <t>POINT (4.674202523295417 51.79698779618495)</t>
  </si>
  <si>
    <t>POINT (4.652461512972009 51.78966280512916)</t>
  </si>
  <si>
    <t>POINT (4.682444990570422 51.811903281535486)</t>
  </si>
  <si>
    <t>POINT (4.68428613086494 51.77691585563516)</t>
  </si>
  <si>
    <t>POINT (4.663477715864549 51.80822499508935)</t>
  </si>
  <si>
    <t>POINT (4.6585549089563365 51.79627518661644)</t>
  </si>
  <si>
    <t>POINT (4.728732346633282 51.80051123722527)</t>
  </si>
  <si>
    <t>POINT (4.673519450865819 51.80566840187538)</t>
  </si>
  <si>
    <t>POINT (4.67073381501569 51.812640905466964)</t>
  </si>
  <si>
    <t>POINT (4.671836143428203 51.802819372811115)</t>
  </si>
  <si>
    <t>POINT (4.6674365683388155 51.81679444009655)</t>
  </si>
  <si>
    <t>POINT (4.675954639305327 51.785150776623574)</t>
  </si>
  <si>
    <t>POINT (4.6779316874243175 51.817214692756956)</t>
  </si>
  <si>
    <t>POINT (4.68278915334992 51.788404692801194)</t>
  </si>
  <si>
    <t>POINT (4.667675803539557 51.777898604553954)</t>
  </si>
  <si>
    <t>POINT (4.675535631570966 51.78850739244132)</t>
  </si>
  <si>
    <t>POINT (4.654290140301987 51.80247292106194)</t>
  </si>
  <si>
    <t>POINT (4.666234866876854 51.812738519181124)</t>
  </si>
  <si>
    <t>POINT (4.660077272156558 51.79637515684222)</t>
  </si>
  <si>
    <t>POINT (4.663266424699499 51.795222653659536)</t>
  </si>
  <si>
    <t>POINT (4.661602598350282 51.802668804675754)</t>
  </si>
  <si>
    <t>POINT (4.644904271380649 51.77309711712946)</t>
  </si>
  <si>
    <t>POINT (4.6590631425815 51.805039067858026)</t>
  </si>
  <si>
    <t>POINT (4.659371100960602 51.79617176823909)</t>
  </si>
  <si>
    <t>POINT (4.658184987942869 51.811861226212315)</t>
  </si>
  <si>
    <t>POINT (4.6698608452847985 51.8157944171678)</t>
  </si>
  <si>
    <t>POINT (4.665548281147958 51.78707240014881)</t>
  </si>
  <si>
    <t>POINT (4.670396357810116 51.817651018285005)</t>
  </si>
  <si>
    <t>POINT (4.684948823956824 51.80323447418645)</t>
  </si>
  <si>
    <t>POINT (4.675493403671418 51.783297106824556)</t>
  </si>
  <si>
    <t>POINT (4.6872736161425665 51.78995044332167)</t>
  </si>
  <si>
    <t>POINT (4.681269549998689 51.812722652453374)</t>
  </si>
  <si>
    <t>POINT (4.674849574671424 51.8053931342912)</t>
  </si>
  <si>
    <t>POINT (4.662741762941992 51.804919645761366)</t>
  </si>
  <si>
    <t>POINT (4.678447553215187 51.80841254601209)</t>
  </si>
  <si>
    <t>POINT (4.677633046715277 51.790475048759426)</t>
  </si>
  <si>
    <t>POINT (4.684186076682848 51.776856191209)</t>
  </si>
  <si>
    <t>POINT (4.6868792445802905 51.78219939044679)</t>
  </si>
  <si>
    <t>POINT (4.662360598697958 51.80009644927066)</t>
  </si>
  <si>
    <t>POINT (4.715967266557736 51.80138815174974)</t>
  </si>
  <si>
    <t>POINT (4.705401802428571 51.79481559582815)</t>
  </si>
  <si>
    <t>POINT (4.711017350521945 51.81043369922457)</t>
  </si>
  <si>
    <t>POINT (4.679594475025616 51.77648782671189)</t>
  </si>
  <si>
    <t>POINT (4.664819024951475 51.777156419062095)</t>
  </si>
  <si>
    <t>POINT (4.678886436584339 51.777980828353925)</t>
  </si>
  <si>
    <t>POINT (4.681820925188564 51.7873863976187)</t>
  </si>
  <si>
    <t>POINT (4.682094955370258 51.8132873389089)</t>
  </si>
  <si>
    <t>POINT (4.678068223938504 51.78869524038411)</t>
  </si>
  <si>
    <t>POINT (4.661457990540311 51.783000402891524)</t>
  </si>
  <si>
    <t>POINT (4.662147729182096 51.79029849343028)</t>
  </si>
  <si>
    <t>POINT (4.655102606708327 51.794856634054106)</t>
  </si>
  <si>
    <t>POINT (4.65543898927371 51.79195790587385)</t>
  </si>
  <si>
    <t>POINT (4.688256783786498 51.819874934363376)</t>
  </si>
  <si>
    <t>POINT (4.686707480143525 51.80672804201133)</t>
  </si>
  <si>
    <t>POINT (4.684754516389255 51.77714408038641)</t>
  </si>
  <si>
    <t>POINT (4.677406820469546 51.81644771675867)</t>
  </si>
  <si>
    <t>POINT (4.682153246881522 51.7741590272302)</t>
  </si>
  <si>
    <t>POINT (4.705902944232701 51.79859832952337)</t>
  </si>
  <si>
    <t>POINT (4.662499087754592 51.80323505980706)</t>
  </si>
  <si>
    <t>POINT (4.731418649470884 51.798052473447875)</t>
  </si>
  <si>
    <t>POINT (4.662997787956472 51.8006404067725)</t>
  </si>
  <si>
    <t>POINT (4.655600599116519 51.791271331480544)</t>
  </si>
  <si>
    <t>POINT (4.662530513679553 51.80296394821974)</t>
  </si>
  <si>
    <t>POINT (4.715285839246219 51.81379903343341)</t>
  </si>
  <si>
    <t>POINT (4.664397645625989 51.814228318031084)</t>
  </si>
  <si>
    <t>POINT (4.670587134939921 51.79053478055238)</t>
  </si>
  <si>
    <t>POINT (4.687397302129579 51.80742783585135)</t>
  </si>
  <si>
    <t>POINT (4.670952855614637 51.77281173401912)</t>
  </si>
  <si>
    <t>POINT (4.694746243457301 51.794618762600905)</t>
  </si>
  <si>
    <t>POINT (4.704086653047906 51.79887543281595)</t>
  </si>
  <si>
    <t>POINT (4.66394567488166 51.81533497000214)</t>
  </si>
  <si>
    <t>POINT (4.682740419692954 51.785307310549)</t>
  </si>
  <si>
    <t>POINT (4.713497448596248 51.80419326872064)</t>
  </si>
  <si>
    <t>POINT (4.682163632870313 51.80251881237697)</t>
  </si>
  <si>
    <t>POINT (4.73221512955168 51.79518965362004)</t>
  </si>
  <si>
    <t>POINT (4.667251029251479 51.788758114579316)</t>
  </si>
  <si>
    <t>POINT (4.655153472358118 51.78725325741373)</t>
  </si>
  <si>
    <t>POINT (4.676085022671443 51.785728039313014)</t>
  </si>
  <si>
    <t>POINT (4.680037318009777 51.80547232452297)</t>
  </si>
  <si>
    <t>POINT (4.6671666025537455 51.81105404456492)</t>
  </si>
  <si>
    <t>POINT (4.670234460105387 51.797609604643874)</t>
  </si>
  <si>
    <t>POINT (4.676696161126166 51.78376285800472)</t>
  </si>
  <si>
    <t>POINT (4.675928743106511 51.784642164845316)</t>
  </si>
  <si>
    <t>POINT (4.664199549411281 51.8114787998575)</t>
  </si>
  <si>
    <t>POINT (4.684654304698575 51.81234511729979)</t>
  </si>
  <si>
    <t>POINT (4.656416145884365 51.80058881130097)</t>
  </si>
  <si>
    <t>POINT (4.659522739429615 51.80381030626296)</t>
  </si>
  <si>
    <t>POINT (4.6602140744980485 51.80529041807588)</t>
  </si>
  <si>
    <t>POINT (4.675646547442379 51.78332087620952)</t>
  </si>
  <si>
    <t>POINT (4.6682175356619116 51.791905736783335)</t>
  </si>
  <si>
    <t>POINT (4.671940118776246 51.77674396608077)</t>
  </si>
  <si>
    <t>POINT (4.6858962323582265 51.81580980027596)</t>
  </si>
  <si>
    <t>POINT (4.6729143392717205 51.80945791514706)</t>
  </si>
  <si>
    <t>POINT (4.656836989152583 51.79783799501124)</t>
  </si>
  <si>
    <t>POINT (4.683091326578501 51.80439471036948)</t>
  </si>
  <si>
    <t>POINT (4.666000939290011 51.81050905772669)</t>
  </si>
  <si>
    <t>POINT (4.672141352812901 51.81750621316256)</t>
  </si>
  <si>
    <t>POINT (4.66329637974212 51.805171686885835)</t>
  </si>
  <si>
    <t>POINT (4.67314918417019 51.817587674409936)</t>
  </si>
  <si>
    <t>3329KH</t>
  </si>
  <si>
    <t>Noorder Elsweg</t>
  </si>
  <si>
    <t>POINT (4.688913461472381 51.7562522841783)</t>
  </si>
  <si>
    <t>POINT (4.669916302991564 51.81577810012659)</t>
  </si>
  <si>
    <t>POINT (4.6713529775519005 51.815434552272606)</t>
  </si>
  <si>
    <t>POINT (4.681923508599996 51.8121797230786)</t>
  </si>
  <si>
    <t>POINT (4.673514027749755 51.80805590570517)</t>
  </si>
  <si>
    <t>POINT (4.668778719078893 51.809267726452696)</t>
  </si>
  <si>
    <t>POINT (4.6733334867272385 51.81375069673687)</t>
  </si>
  <si>
    <t>POINT (4.662977702991812 51.78538162894722)</t>
  </si>
  <si>
    <t>POINT (4.675758112171533 51.784774917881016)</t>
  </si>
  <si>
    <t>POINT (4.662871848287177 51.79676194186256)</t>
  </si>
  <si>
    <t>POINT (4.722657853456162 51.80047145305562)</t>
  </si>
  <si>
    <t>POINT (4.650526122511197 51.80228082877074)</t>
  </si>
  <si>
    <t>POINT (4.721102970109522 51.81213389137511)</t>
  </si>
  <si>
    <t>POINT (4.673398905512589 51.808664341145175)</t>
  </si>
  <si>
    <t>POINT (4.676637780090574 51.7850644994491)</t>
  </si>
  <si>
    <t>POINT (4.658908510232196 51.809120960231)</t>
  </si>
  <si>
    <t>POINT (4.6972871632959725 51.79706750459377)</t>
  </si>
  <si>
    <t>POINT (4.676701819810584 51.81483855132541)</t>
  </si>
  <si>
    <t>POINT (4.667395102261757 51.78834018808063)</t>
  </si>
  <si>
    <t>POINT (4.693348036809162 51.818731702459516)</t>
  </si>
  <si>
    <t>POINT (4.687122130749088 51.81091527051833)</t>
  </si>
  <si>
    <t>POINT (4.726660148466076 51.80249177827775)</t>
  </si>
  <si>
    <t>POINT (4.697528599708568 51.798472234942054)</t>
  </si>
  <si>
    <t>POINT (4.699506522633852 51.78976810657538)</t>
  </si>
  <si>
    <t>POINT (4.664633499820377 51.787390838744834)</t>
  </si>
  <si>
    <t>POINT (4.668168067954828 51.793526050848975)</t>
  </si>
  <si>
    <t>POINT (4.668329940156296 51.793166865762686)</t>
  </si>
  <si>
    <t>POINT (4.6926958213449925 51.81012674506267)</t>
  </si>
  <si>
    <t>POINT (4.655654059452013 51.7946991401613)</t>
  </si>
  <si>
    <t>POINT (4.720178018812078 51.81336642658608)</t>
  </si>
  <si>
    <t>POINT (4.735683939428198 51.80151875747283)</t>
  </si>
  <si>
    <t>POINT (4.685861663524983 51.79179047065479)</t>
  </si>
  <si>
    <t>POINT (4.717455766757711 51.81190867765002)</t>
  </si>
  <si>
    <t>POINT (4.66715955975692 51.77197198901484)</t>
  </si>
  <si>
    <t>POINT (4.660469609621308 51.81268796480808)</t>
  </si>
  <si>
    <t>POINT (4.6737945273316 51.77492579713976)</t>
  </si>
  <si>
    <t>POINT (4.719478646560282 51.805674404232306)</t>
  </si>
  <si>
    <t>POINT (4.6764050367785615 51.78526321374769)</t>
  </si>
  <si>
    <t>POINT (4.661005511271263 51.80487034256174)</t>
  </si>
  <si>
    <t>POINT (4.659160528715017 51.79642649589595)</t>
  </si>
  <si>
    <t>POINT (4.692751731132189 51.81781818261596)</t>
  </si>
  <si>
    <t>POINT (4.6681799631076695 51.813485349198466)</t>
  </si>
  <si>
    <t>POINT (4.662211876694832 51.79614982492376)</t>
  </si>
  <si>
    <t>POINT (4.720523895860539 51.811336124638316)</t>
  </si>
  <si>
    <t>POINT (4.728646180408139 51.79667592008378)</t>
  </si>
  <si>
    <t>POINT (4.675614420036699 51.80742145889532)</t>
  </si>
  <si>
    <t>POINT (4.685993638019387 51.78804740007559)</t>
  </si>
  <si>
    <t>POINT (4.727052317548884 51.79872205465709)</t>
  </si>
  <si>
    <t>POINT (4.676600239066032 51.774189531242186)</t>
  </si>
  <si>
    <t>POINT (4.693370678865323 51.7954219623365)</t>
  </si>
  <si>
    <t>POINT (4.669137442531323 51.81677214045668)</t>
  </si>
  <si>
    <t>POINT (4.655646352196992 51.80019856965758)</t>
  </si>
  <si>
    <t>POINT (4.714010967998444 51.803202278176435)</t>
  </si>
  <si>
    <t>POINT (4.688549183978953 51.8177537801284)</t>
  </si>
  <si>
    <t>POINT (4.673348303847808 51.77204795231833)</t>
  </si>
  <si>
    <t>POINT (4.663257815759306 51.79065296934707)</t>
  </si>
  <si>
    <t>POINT (4.704752794814451 51.815633492118664)</t>
  </si>
  <si>
    <t>POINT (4.676593737093762 51.786531304964825)</t>
  </si>
  <si>
    <t>POINT (4.719751966864989 51.802148428832744)</t>
  </si>
  <si>
    <t>POINT (4.633944577832824 51.77005635693215)</t>
  </si>
  <si>
    <t>POINT (4.666699149665462 51.81462578385605)</t>
  </si>
  <si>
    <t>POINT (4.715382248042127 51.804762593755434)</t>
  </si>
  <si>
    <t>POINT (4.67853179396602 51.81739268005625)</t>
  </si>
  <si>
    <t>POINT (4.66204916115804 51.81389151376329)</t>
  </si>
  <si>
    <t>POINT (4.6517741108009965 51.783105865961915)</t>
  </si>
  <si>
    <t>POINT (4.718337260035482 51.80400522030401)</t>
  </si>
  <si>
    <t>POINT (4.663163405435663 51.81334953580785)</t>
  </si>
  <si>
    <t>POINT (4.665105343351873 51.80926499958091)</t>
  </si>
  <si>
    <t>POINT (4.666765365028914 51.79629115036912)</t>
  </si>
  <si>
    <t>POINT (4.705048607972459 51.792253984034616)</t>
  </si>
  <si>
    <t>POINT (4.663527843355493 51.79351536181624)</t>
  </si>
  <si>
    <t>POINT (4.7158650107529585 51.80854976470246)</t>
  </si>
  <si>
    <t>POINT (4.670121059764424 51.81916859238815)</t>
  </si>
  <si>
    <t>POINT (4.667479047224462 51.802581825877766)</t>
  </si>
  <si>
    <t>POINT (4.711816438072483 51.80345531769898)</t>
  </si>
  <si>
    <t>POINT (4.6832146103204915 51.79815978969508)</t>
  </si>
  <si>
    <t>3317XK</t>
  </si>
  <si>
    <t>Kortenaerstraat</t>
  </si>
  <si>
    <t>POINT (4.651180761278545 51.78954109615984)</t>
  </si>
  <si>
    <t>POINT (4.663653672969299 51.79410510454905)</t>
  </si>
  <si>
    <t>POINT (4.657889505923072 51.800459903463)</t>
  </si>
  <si>
    <t>POINT (4.666169309125232 51.81276537906229)</t>
  </si>
  <si>
    <t>POINT (4.662583209556121 51.80420963884537)</t>
  </si>
  <si>
    <t>POINT (4.65750028645775 51.80495406085693)</t>
  </si>
  <si>
    <t>POINT (4.679001328300889 51.77282738899112)</t>
  </si>
  <si>
    <t>POINT (4.682876119159311 51.778940613919886)</t>
  </si>
  <si>
    <t>POINT (4.66601332057353 51.812496477013035)</t>
  </si>
  <si>
    <t>POINT (4.72970496782925 51.80443358025474)</t>
  </si>
  <si>
    <t>POINT (4.637610439557659 51.7784354936176)</t>
  </si>
  <si>
    <t>POINT (4.689935644428979 51.809213515282984)</t>
  </si>
  <si>
    <t>POINT (4.723027953908585 51.80044502766117)</t>
  </si>
  <si>
    <t>POINT (4.679317677833603 51.785323594978706)</t>
  </si>
  <si>
    <t>POINT (4.685593277561121 51.800838785115964)</t>
  </si>
  <si>
    <t>POINT (4.6325405080837285 51.76981443146935)</t>
  </si>
  <si>
    <t>POINT (4.685762821262589 51.774765637446144)</t>
  </si>
  <si>
    <t>POINT (4.6736323275944205 51.795024345826235)</t>
  </si>
  <si>
    <t>POINT (4.72059129173019 51.8113140179287)</t>
  </si>
  <si>
    <t>POINT (4.679325886930732 51.816991706187366)</t>
  </si>
  <si>
    <t>POINT (4.6810897555762185 51.79850591186154)</t>
  </si>
  <si>
    <t>POINT (4.695631007120097 51.794316442903316)</t>
  </si>
  <si>
    <t>POINT (4.683676851752967 51.781594451572396)</t>
  </si>
  <si>
    <t>POINT (4.730246131305669 51.80519525210256)</t>
  </si>
  <si>
    <t>3314BJ</t>
  </si>
  <si>
    <t>POINT (4.661344869863301 51.80601255882948)</t>
  </si>
  <si>
    <t>POINT (4.679677126444353 51.77543415696105)</t>
  </si>
  <si>
    <t>POINT (4.645110794400163 51.77298205590392)</t>
  </si>
  <si>
    <t>POINT (4.6835662476036175 51.78791810665082)</t>
  </si>
  <si>
    <t>POINT (4.680797824899854 51.809283670799566)</t>
  </si>
  <si>
    <t>POINT (4.718542227660645 51.798738636560316)</t>
  </si>
  <si>
    <t>POINT (4.655618372080936 51.80023873648402)</t>
  </si>
  <si>
    <t>POINT (4.667952567143003 51.79236822603841)</t>
  </si>
  <si>
    <t>POINT (4.667932543984536 51.81483777921372)</t>
  </si>
  <si>
    <t>POINT (4.71958449340886 51.80495553756676)</t>
  </si>
  <si>
    <t>POINT (4.671200484235303 51.799128462205445)</t>
  </si>
  <si>
    <t>POINT (4.664343304922824 51.817655356731706)</t>
  </si>
  <si>
    <t>POINT (4.698399631371398 51.81728419255191)</t>
  </si>
  <si>
    <t>POINT (4.659547427125763 51.79761202487892)</t>
  </si>
  <si>
    <t>POINT (4.678981812700663 51.81514526433386)</t>
  </si>
  <si>
    <t>POINT (4.6716871074997055 51.800099072060895)</t>
  </si>
  <si>
    <t>POINT (4.667567093746569 51.79053619433895)</t>
  </si>
  <si>
    <t>POINT (4.653311887847063 51.79371456741706)</t>
  </si>
  <si>
    <t>POINT (4.715263475380018 51.809118727532855)</t>
  </si>
  <si>
    <t>POINT (4.677961448922201 51.78787256982407)</t>
  </si>
  <si>
    <t>POINT (4.652540754344309 51.800298184269494)</t>
  </si>
  <si>
    <t>POINT (4.632895148992523 51.76938530693549)</t>
  </si>
  <si>
    <t>POINT (4.674516329065989 51.79711214672914)</t>
  </si>
  <si>
    <t>POINT (4.683237076390024 51.79800032150165)</t>
  </si>
  <si>
    <t>POINT (4.67692937057867 51.80883364529358)</t>
  </si>
  <si>
    <t>POINT (4.6512593980144175 51.790847002584655)</t>
  </si>
  <si>
    <t>POINT (4.6832629692635095 51.798275215844335)</t>
  </si>
  <si>
    <t>POINT (4.673938856285244 51.81730163000457)</t>
  </si>
  <si>
    <t>POINT (4.670164663260582 51.81707117302431)</t>
  </si>
  <si>
    <t>POINT (4.670754498628003 51.8174480747246)</t>
  </si>
  <si>
    <t>POINT (4.667229429526014 51.782542022340735)</t>
  </si>
  <si>
    <t>POINT (4.670779223788395 51.81407623346828)</t>
  </si>
  <si>
    <t>POINT (4.717628348002828 51.798758799761565)</t>
  </si>
  <si>
    <t>POINT (4.661673065550373 51.80043534321869)</t>
  </si>
  <si>
    <t>POINT (4.714782065359753 51.81386100105032)</t>
  </si>
  <si>
    <t>POINT (4.6915142665402305 51.807630120802585)</t>
  </si>
  <si>
    <t>3311MG</t>
  </si>
  <si>
    <t>Molen de Goudvink</t>
  </si>
  <si>
    <t>POINT (4.677530555331369 51.817637440619734)</t>
  </si>
  <si>
    <t>POINT (4.6556436676527495 51.810049030592936)</t>
  </si>
  <si>
    <t>POINT (4.705157814015334 51.79682922938193)</t>
  </si>
  <si>
    <t>POINT (4.672903667233101 51.77911904612513)</t>
  </si>
  <si>
    <t>POINT (4.675489784061721 51.77467327581888)</t>
  </si>
  <si>
    <t>POINT (4.650763061606475 51.80329990915687)</t>
  </si>
  <si>
    <t>POINT (4.680971945833224 51.806248201876755)</t>
  </si>
  <si>
    <t>POINT (4.7140397424435605 51.81385207131153)</t>
  </si>
  <si>
    <t>POINT (4.662949183724507 51.797192007133326)</t>
  </si>
  <si>
    <t>POINT (4.673878372667477 51.775009668425334)</t>
  </si>
  <si>
    <t>POINT (4.713064502778868 51.816262717862095)</t>
  </si>
  <si>
    <t>POINT (4.6641719030186515 51.801193540262915)</t>
  </si>
  <si>
    <t>POINT (4.66024921838803 51.81118361084476)</t>
  </si>
  <si>
    <t>POINT (4.668423394712415 51.79183127745684)</t>
  </si>
  <si>
    <t>POINT (4.6797112718965685 51.80344057229263)</t>
  </si>
  <si>
    <t>POINT (4.660960993965353 51.79394295767125)</t>
  </si>
  <si>
    <t>POINT (4.665777513138966 51.77198380114995)</t>
  </si>
  <si>
    <t>POINT (4.6737753499147425 51.817015398795654)</t>
  </si>
  <si>
    <t>POINT (4.664600751614637 51.7872175055498)</t>
  </si>
  <si>
    <t>POINT (4.659939052726346 51.806904763560276)</t>
  </si>
  <si>
    <t>POINT (4.675955227267976 51.77271069982199)</t>
  </si>
  <si>
    <t>POINT (4.705795017806723 51.796022280352894)</t>
  </si>
  <si>
    <t>POINT (4.684683914893515 51.77569955088524)</t>
  </si>
  <si>
    <t>POINT (4.671780994212282 51.78234139667948)</t>
  </si>
  <si>
    <t>POINT (4.686082040204225 51.7890255740183)</t>
  </si>
  <si>
    <t>POINT (4.736250296742618 51.813623667257104)</t>
  </si>
  <si>
    <t>BU05050606</t>
  </si>
  <si>
    <t>Spaarbekken</t>
  </si>
  <si>
    <t>POINT (4.6621248216587095 51.81570833276001)</t>
  </si>
  <si>
    <t>POINT (4.666957888915826 51.81657476848298)</t>
  </si>
  <si>
    <t>POINT (4.6851487357429855 51.786094461716495)</t>
  </si>
  <si>
    <t>3311BS</t>
  </si>
  <si>
    <t>Vismarkt</t>
  </si>
  <si>
    <t>POINT (4.665449589505816 51.81624587390649)</t>
  </si>
  <si>
    <t>POINT (4.677945846144584 51.80746784323993)</t>
  </si>
  <si>
    <t>POINT (4.682119825401194 51.80159468400097)</t>
  </si>
  <si>
    <t>POINT (4.725357366028497 51.80539041928565)</t>
  </si>
  <si>
    <t>POINT (4.685817759590885 51.786446173309436)</t>
  </si>
  <si>
    <t>POINT (4.683636989820397 51.81847373873957)</t>
  </si>
  <si>
    <t>POINT (4.663613231779163 51.804225037916794)</t>
  </si>
  <si>
    <t>POINT (4.672908662463317 51.81935211523965)</t>
  </si>
  <si>
    <t>POINT (4.661791621481827 51.81013352451801)</t>
  </si>
  <si>
    <t>POINT (4.661581679383213 51.78946681009468)</t>
  </si>
  <si>
    <t>POINT (4.68052917844118 51.7898389088297)</t>
  </si>
  <si>
    <t>POINT (4.729001266937395 51.80042889106395)</t>
  </si>
  <si>
    <t>POINT (4.667075088253553 51.81651852646323)</t>
  </si>
  <si>
    <t>POINT (4.656823212356205 51.798896472670876)</t>
  </si>
  <si>
    <t>POINT (4.695454939596289 51.797198593309815)</t>
  </si>
  <si>
    <t>POINT (4.668481902749538 51.80920035444251)</t>
  </si>
  <si>
    <t>POINT (4.722245402961165 51.79950968620704)</t>
  </si>
  <si>
    <t>POINT (4.6675957124071505 51.81646463284771)</t>
  </si>
  <si>
    <t>POINT (4.683081711432972 51.78671937984445)</t>
  </si>
  <si>
    <t>POINT (4.669737540578348 51.81361014386922)</t>
  </si>
  <si>
    <t>POINT (4.734974912847257 51.80265196147513)</t>
  </si>
  <si>
    <t>POINT (4.714517498749194 51.80322556942417)</t>
  </si>
  <si>
    <t>POINT (4.725933896448102 51.80585603619506)</t>
  </si>
  <si>
    <t>POINT (4.688347615499295 51.81986423044999)</t>
  </si>
  <si>
    <t>POINT (4.664324757511525 51.787801266511615)</t>
  </si>
  <si>
    <t>POINT (4.661532299708867 51.7903587416018)</t>
  </si>
  <si>
    <t>POINT (4.6592784811745664 51.809333060811426)</t>
  </si>
  <si>
    <t>POINT (4.679597476564179 51.78130928580682)</t>
  </si>
  <si>
    <t>POINT (4.6332798723037225 51.77866477001142)</t>
  </si>
  <si>
    <t>POINT (4.655933670777981 51.79966303421562)</t>
  </si>
  <si>
    <t>POINT (4.683575011325771 51.804622058980605)</t>
  </si>
  <si>
    <t>POINT (4.676155903021413 51.8183240698106)</t>
  </si>
  <si>
    <t>POINT (4.683736463136854 51.80693910194096)</t>
  </si>
  <si>
    <t>POINT (4.675606002098887 51.81490480100945)</t>
  </si>
  <si>
    <t>POINT (4.681071853768585 51.77685953266941)</t>
  </si>
  <si>
    <t>POINT (4.733178754252973 51.80251794746563)</t>
  </si>
  <si>
    <t>POINT (4.709957331396081 51.79350669759062)</t>
  </si>
  <si>
    <t>POINT (4.731274713837156 51.80144447570406)</t>
  </si>
  <si>
    <t>POINT (4.71590375588241 51.80549429693394)</t>
  </si>
  <si>
    <t>POINT (4.701766509849813 51.81678832493746)</t>
  </si>
  <si>
    <t>POINT (4.689222656832479 51.81037785662668)</t>
  </si>
  <si>
    <t>POINT (4.673994141511142 51.7759691083217)</t>
  </si>
  <si>
    <t>POINT (4.709153262229578 51.786982852047544)</t>
  </si>
  <si>
    <t>POINT (4.6673580900455 51.809317599609166)</t>
  </si>
  <si>
    <t>POINT (4.674696745234008 51.781796972771055)</t>
  </si>
  <si>
    <t>POINT (4.676643422330616 51.81305779424442)</t>
  </si>
  <si>
    <t>POINT (4.678949472072314 51.77448025206028)</t>
  </si>
  <si>
    <t>POINT (4.661771956494092 51.79191724727573)</t>
  </si>
  <si>
    <t>POINT (4.672509415393953 51.80601449370819)</t>
  </si>
  <si>
    <t>POINT (4.67765558098069 51.80748901854061)</t>
  </si>
  <si>
    <t>POINT (4.665737046702901 51.81483992488609)</t>
  </si>
  <si>
    <t>POINT (4.7161212192502004 51.80676780254185)</t>
  </si>
  <si>
    <t>POINT (4.630409241024729 51.72814185465626)</t>
  </si>
  <si>
    <t>POINT (4.66074683338989 51.79658199085846)</t>
  </si>
  <si>
    <t>POINT (4.671180643671551 51.80977480685358)</t>
  </si>
  <si>
    <t>POINT (4.675774271605664 51.77466702884787)</t>
  </si>
  <si>
    <t>POINT (4.716550449343225 51.8126737887225)</t>
  </si>
  <si>
    <t>POINT (4.67878065131288 51.81486527573374)</t>
  </si>
  <si>
    <t>POINT (4.671729144167048 51.8090034452534)</t>
  </si>
  <si>
    <t>POINT (4.664317394354722 51.79017134483931)</t>
  </si>
  <si>
    <t>POINT (4.680396593808372 51.7907772304186)</t>
  </si>
  <si>
    <t>POINT (4.675303773802392 51.77580728608061)</t>
  </si>
  <si>
    <t>POINT (4.673039091329279 51.78856955905318)</t>
  </si>
  <si>
    <t>POINT (4.665494604738324 51.80943885340862)</t>
  </si>
  <si>
    <t>POINT (4.673051636688773 51.819168528900924)</t>
  </si>
  <si>
    <t>POINT (4.669046834302738 51.77053475029143)</t>
  </si>
  <si>
    <t>POINT (4.683673920598223 51.79809134544354)</t>
  </si>
  <si>
    <t>POINT (4.68530317040447 51.792102192871035)</t>
  </si>
  <si>
    <t>POINT (4.732352079887592 51.79560173840033)</t>
  </si>
  <si>
    <t>POINT (4.679041570249392 51.781771042187614)</t>
  </si>
  <si>
    <t>POINT (4.6683368091686805 51.817869708628685)</t>
  </si>
  <si>
    <t>POINT (4.6742222931747515 51.78200788611231)</t>
  </si>
  <si>
    <t>POINT (4.676939559411796 51.78993092829758)</t>
  </si>
  <si>
    <t>POINT (4.657524743755835 51.79332892036382)</t>
  </si>
  <si>
    <t>POINT (4.700090718781469 51.797332394774166)</t>
  </si>
  <si>
    <t>POINT (4.698842082188203 51.79111408388084)</t>
  </si>
  <si>
    <t>POINT (4.672069044695599 51.81914137748991)</t>
  </si>
  <si>
    <t>POINT (4.699975456748699 51.817513957981305)</t>
  </si>
  <si>
    <t>POINT (4.706441619739327 51.80790088519166)</t>
  </si>
  <si>
    <t>POINT (4.723458142448531 51.80295470922556)</t>
  </si>
  <si>
    <t>POINT (4.658585225354295 51.81252668142378)</t>
  </si>
  <si>
    <t>POINT (4.668311532049753 51.80110923399487)</t>
  </si>
  <si>
    <t>POINT (4.701905890137098 51.81643597503848)</t>
  </si>
  <si>
    <t>POINT (4.661522177139995 51.80909193954248)</t>
  </si>
  <si>
    <t>POINT (4.683240816372017 51.819261520042915)</t>
  </si>
  <si>
    <t>POINT (4.675951942317186 51.78506810918401)</t>
  </si>
  <si>
    <t>POINT (4.660577039422746 51.802495609921785)</t>
  </si>
  <si>
    <t>POINT (4.688669867482841 51.80699076688021)</t>
  </si>
  <si>
    <t>POINT (4.692007900527977 51.787666022278636)</t>
  </si>
  <si>
    <t>POINT (4.6820975459115415 51.817901675145166)</t>
  </si>
  <si>
    <t>POINT (4.720154506273377 51.80310977040205)</t>
  </si>
  <si>
    <t>POINT (4.677001088824961 51.80452420711668)</t>
  </si>
  <si>
    <t>POINT (4.6592614151361955 51.81322928062201)</t>
  </si>
  <si>
    <t>POINT (4.7210189800646924 51.80557144840777)</t>
  </si>
  <si>
    <t>POINT (4.682956867804303 51.785969782494575)</t>
  </si>
  <si>
    <t>POINT (4.65421012265952 51.80446571003596)</t>
  </si>
  <si>
    <t>POINT (4.642759874890326 51.76848263739821)</t>
  </si>
  <si>
    <t>POINT (4.6981004539113345 51.79941301404061)</t>
  </si>
  <si>
    <t>POINT (4.662839354519526 51.79336089364738)</t>
  </si>
  <si>
    <t>POINT (4.720287021130778 51.803352201333674)</t>
  </si>
  <si>
    <t>POINT (4.647962112564196 51.793407578479616)</t>
  </si>
  <si>
    <t>POINT (4.676542362667954 51.789402854989405)</t>
  </si>
  <si>
    <t>POINT (4.65298592527108 51.791256137888695)</t>
  </si>
  <si>
    <t>POINT (4.652816852325016 51.80219738279311)</t>
  </si>
  <si>
    <t>POINT (4.67603418137563 51.78944927608928)</t>
  </si>
  <si>
    <t>POINT (4.715949377071257 51.81389034395808)</t>
  </si>
  <si>
    <t>POINT (4.6671451061185545 51.80814233508614)</t>
  </si>
  <si>
    <t>POINT (4.674706448201271 51.784334290618816)</t>
  </si>
  <si>
    <t>POINT (4.675968270680575 51.78579205010848)</t>
  </si>
  <si>
    <t>POINT (4.682188888281596 51.813379893247415)</t>
  </si>
  <si>
    <t>POINT (4.65373803258621 51.803412475513134)</t>
  </si>
  <si>
    <t>POINT (4.66584511157836 51.81722597685292)</t>
  </si>
  <si>
    <t>POINT (4.676652264047226 51.78384470387593)</t>
  </si>
  <si>
    <t>POINT (4.628673721596005 51.72195808964604)</t>
  </si>
  <si>
    <t>POINT (4.684952563884877 51.77547297256552)</t>
  </si>
  <si>
    <t>POINT (4.678628461962333 51.789462520744806)</t>
  </si>
  <si>
    <t>POINT (4.693442194529503 51.79562143943205)</t>
  </si>
  <si>
    <t>POINT (4.665091092013598 51.8092349346252)</t>
  </si>
  <si>
    <t>POINT (4.667395783857992 51.79929780964452)</t>
  </si>
  <si>
    <t>POINT (4.669325612991829 51.80619678269054)</t>
  </si>
  <si>
    <t>POINT (4.674101815957349 51.81258077336161)</t>
  </si>
  <si>
    <t>POINT (4.66429688188986 51.81260674185898)</t>
  </si>
  <si>
    <t>POINT (4.680616973383138 51.81294968885999)</t>
  </si>
  <si>
    <t>POINT (4.662554102280337 51.81091318589657)</t>
  </si>
  <si>
    <t>POINT (4.659740703894391 51.78998041172048)</t>
  </si>
  <si>
    <t>POINT (4.658680047841321 51.811971481729955)</t>
  </si>
  <si>
    <t>POINT (4.726055931815056 51.797088987169175)</t>
  </si>
  <si>
    <t>POINT (4.682249924574707 51.77798464300698)</t>
  </si>
  <si>
    <t>3313XB</t>
  </si>
  <si>
    <t>POINT (4.690951563365719 51.81840718590891)</t>
  </si>
  <si>
    <t>POINT (4.669353590513679 51.81158386067927)</t>
  </si>
  <si>
    <t>POINT (4.662517835414909 51.81613237423858)</t>
  </si>
  <si>
    <t>POINT (4.720294510704805 51.80414679505838)</t>
  </si>
  <si>
    <t>POINT (4.649590370598282 51.79321906884588)</t>
  </si>
  <si>
    <t>POINT (4.6703367391628525 51.804433074691374)</t>
  </si>
  <si>
    <t>POINT (4.657286502749796 51.81089326726117)</t>
  </si>
  <si>
    <t>POINT (4.675348004369142 51.81579546051411)</t>
  </si>
  <si>
    <t>POINT (4.633546456894101 51.780405822689445)</t>
  </si>
  <si>
    <t>POINT (4.678010258483927 51.7877281828904)</t>
  </si>
  <si>
    <t>POINT (4.652637847944737 51.79463312086601)</t>
  </si>
  <si>
    <t>POINT (4.68541879869071 51.803935481133124)</t>
  </si>
  <si>
    <t>POINT (4.669675029087663 51.796228299050725)</t>
  </si>
  <si>
    <t>POINT (4.678314752187906 51.80703949697445)</t>
  </si>
  <si>
    <t>POINT (4.671681387063625 51.80412685791897)</t>
  </si>
  <si>
    <t>POINT (4.721795384549061 51.80524051448583)</t>
  </si>
  <si>
    <t>POINT (4.701311140536252 51.790140303849114)</t>
  </si>
  <si>
    <t>POINT (4.669352049577284 51.77797138326014)</t>
  </si>
  <si>
    <t>POINT (4.690532620230956 51.81898359595432)</t>
  </si>
  <si>
    <t>POINT (4.717369371659204 51.79861400649664)</t>
  </si>
  <si>
    <t>POINT (4.668274544337494 51.81250055399492)</t>
  </si>
  <si>
    <t>3312LS</t>
  </si>
  <si>
    <t>POINT (4.689027640811023 51.80426368519671)</t>
  </si>
  <si>
    <t>POINT (4.70006577765408 51.79325600434762)</t>
  </si>
  <si>
    <t>POINT (4.687172998024012 51.805669087629965)</t>
  </si>
  <si>
    <t>3312ST</t>
  </si>
  <si>
    <t>POINT (4.687461173511436 51.80970323887841)</t>
  </si>
  <si>
    <t>POINT (4.686301780056669 51.806335646045184)</t>
  </si>
  <si>
    <t>POINT (4.636497435900419 51.76792904458591)</t>
  </si>
  <si>
    <t>POINT (4.665121125926895 51.81457159103197)</t>
  </si>
  <si>
    <t>POINT (4.711102423159553 51.81609423769526)</t>
  </si>
  <si>
    <t>POINT (4.654971721112251 51.806544858419834)</t>
  </si>
  <si>
    <t>POINT (4.6681334455503825 51.81664007987846)</t>
  </si>
  <si>
    <t>POINT (4.671463384579038 51.79935948456997)</t>
  </si>
  <si>
    <t>POINT (4.656774234878218 51.802711169385546)</t>
  </si>
  <si>
    <t>POINT (4.662991324349722 51.81348487721061)</t>
  </si>
  <si>
    <t>POINT (4.668489618968954 51.78347352907835)</t>
  </si>
  <si>
    <t>POINT (4.6685527444462025 51.77080187059715)</t>
  </si>
  <si>
    <t>POINT (4.655588042907263 51.7701451797921)</t>
  </si>
  <si>
    <t>POINT (4.6519972445257265 51.80335023738257)</t>
  </si>
  <si>
    <t>POINT (4.6720114525899765 51.80450492970337)</t>
  </si>
  <si>
    <t>POINT (4.674490707112768 51.81814211504936)</t>
  </si>
  <si>
    <t>POINT (4.686746457641151 51.77977729504715)</t>
  </si>
  <si>
    <t>POINT (4.674490170122611 51.81801004132231)</t>
  </si>
  <si>
    <t>POINT (4.670664766702103 51.77748310751699)</t>
  </si>
  <si>
    <t>POINT (4.654810224496131 51.79466787101361)</t>
  </si>
  <si>
    <t>POINT (4.717520278703552 51.80231430833524)</t>
  </si>
  <si>
    <t>POINT (4.681016714831822 51.807686515026276)</t>
  </si>
  <si>
    <t>POINT (4.660527184871327 51.812730990624075)</t>
  </si>
  <si>
    <t>POINT (4.683777445596209 51.798112694062496)</t>
  </si>
  <si>
    <t>POINT (4.6833150920271684 51.79796368430584)</t>
  </si>
  <si>
    <t>POINT (4.6611610847111775 51.81641013408634)</t>
  </si>
  <si>
    <t>POINT (4.674612849268385 51.77688352410323)</t>
  </si>
  <si>
    <t>POINT (4.687713711214462 51.80464317255992)</t>
  </si>
  <si>
    <t>POINT (4.657594266498703 51.787342728640844)</t>
  </si>
  <si>
    <t>POINT (4.629017443237408 51.72369210529362)</t>
  </si>
  <si>
    <t>POINT (4.715774053006123 51.80111713509299)</t>
  </si>
  <si>
    <t>POINT (4.683430889284996 51.7979873000963)</t>
  </si>
  <si>
    <t>POINT (4.681187334606352 51.81169774651765)</t>
  </si>
  <si>
    <t>POINT (4.6812557072075025 51.81366877002196)</t>
  </si>
  <si>
    <t>POINT (4.666358813500896 51.78885032466669)</t>
  </si>
  <si>
    <t>POINT (4.672653190120948 51.783651037002215)</t>
  </si>
  <si>
    <t>POINT (4.684693962221905 51.78728419667032)</t>
  </si>
  <si>
    <t>POINT (4.715210330036443 51.81379585955242)</t>
  </si>
  <si>
    <t>POINT (4.71822173471406 51.803883808262086)</t>
  </si>
  <si>
    <t>POINT (4.662281286341196 51.79495375001795)</t>
  </si>
  <si>
    <t>POINT (4.664603520906852 51.81686224346367)</t>
  </si>
  <si>
    <t>POINT (4.668540631549638 51.79063386506103)</t>
  </si>
  <si>
    <t>POINT (4.676586294090771 51.80303907608938)</t>
  </si>
  <si>
    <t>POINT (4.684804131717783 51.81136155773402)</t>
  </si>
  <si>
    <t>POINT (4.6689596733136005 51.79920382600243)</t>
  </si>
  <si>
    <t>POINT (4.7047043238465065 51.797625558525105)</t>
  </si>
  <si>
    <t>POINT (4.664377792128614 51.79959963044219)</t>
  </si>
  <si>
    <t>POINT (4.720134915082469 51.813949858492684)</t>
  </si>
  <si>
    <t>POINT (4.665718094769389 51.797115216299254)</t>
  </si>
  <si>
    <t>POINT (4.6777118826223925 51.78193829550255)</t>
  </si>
  <si>
    <t>POINT (4.684581112560706 51.78036895068867)</t>
  </si>
  <si>
    <t>POINT (4.666393049369435 51.81678333448128)</t>
  </si>
  <si>
    <t>POINT (4.665881468704388 51.796043195315825)</t>
  </si>
  <si>
    <t>POINT (4.713415662984261 51.80369711108636)</t>
  </si>
  <si>
    <t>POINT (4.73576224289618 51.802573801630174)</t>
  </si>
  <si>
    <t>POINT (4.669628544258174 51.80553793146444)</t>
  </si>
  <si>
    <t>POINT (4.662169153754675 51.804247656035145)</t>
  </si>
  <si>
    <t>POINT (4.726115770973496 51.79246200408454)</t>
  </si>
  <si>
    <t>POINT (4.7043708310395065 51.7979111474354)</t>
  </si>
  <si>
    <t>POINT (4.672979441744929 51.8182866339918)</t>
  </si>
  <si>
    <t>POINT (4.674747406274834 51.78255258322611)</t>
  </si>
  <si>
    <t>POINT (4.666989099576311 51.81654845242289)</t>
  </si>
  <si>
    <t>POINT (4.67835115653364 51.81322164837382)</t>
  </si>
  <si>
    <t>POINT (4.703864937185581 51.81530787167001)</t>
  </si>
  <si>
    <t>POINT (4.655588437132006 51.791565429138174)</t>
  </si>
  <si>
    <t>POINT (4.724855036560694 51.79801256575947)</t>
  </si>
  <si>
    <t>POINT (4.652517440321506 51.78533032441563)</t>
  </si>
  <si>
    <t>POINT (4.6636480860845655 51.787618318328406)</t>
  </si>
  <si>
    <t>POINT (4.693423251378309 51.79678144151477)</t>
  </si>
  <si>
    <t>POINT (4.663481709362822 51.81478706323082)</t>
  </si>
  <si>
    <t>POINT (4.683635839383056 51.81085112195898)</t>
  </si>
  <si>
    <t>POINT (4.7133702747134265 51.81608093490181)</t>
  </si>
  <si>
    <t>POINT (4.664260566188441 51.79960580251689)</t>
  </si>
  <si>
    <t>POINT (4.727408012462318 51.80517551693344)</t>
  </si>
  <si>
    <t>POINT (4.661605042641415 51.8020347753455)</t>
  </si>
  <si>
    <t>POINT (4.683580434531495 51.81079692968159)</t>
  </si>
  <si>
    <t>POINT (4.675941542633224 51.78570026624652)</t>
  </si>
  <si>
    <t>POINT (4.667057571873898 51.81110818848641)</t>
  </si>
  <si>
    <t>POINT (4.630419036501042 51.72533350357804)</t>
  </si>
  <si>
    <t>POINT (4.643159755873439 51.76578731119724)</t>
  </si>
  <si>
    <t>POINT (4.730778592476842 51.804203208100425)</t>
  </si>
  <si>
    <t>POINT (4.650412642560891 51.79393322956828)</t>
  </si>
  <si>
    <t>POINT (4.7042892105033 51.8080260038323)</t>
  </si>
  <si>
    <t>POINT (4.669400057660845 51.77959672813879)</t>
  </si>
  <si>
    <t>POINT (4.686191546189814 51.77499956989029)</t>
  </si>
  <si>
    <t>POINT (4.676434352278961 51.777038881349426)</t>
  </si>
  <si>
    <t>POINT (4.68361485933012 51.78510197163579)</t>
  </si>
  <si>
    <t>POINT (4.681856156024938 51.77441201673752)</t>
  </si>
  <si>
    <t>POINT (4.663948509526337 51.79170264276992)</t>
  </si>
  <si>
    <t>POINT (4.676498259943879 51.78364445545805)</t>
  </si>
  <si>
    <t>POINT (4.735951453444579 51.8007240653032)</t>
  </si>
  <si>
    <t>POINT (4.660291755828486 51.7894112649009)</t>
  </si>
  <si>
    <t>POINT (4.697717975231829 51.790410060307735)</t>
  </si>
  <si>
    <t>POINT (4.680922782101738 51.77819441021081)</t>
  </si>
  <si>
    <t>POINT (4.729309061082943 51.79661592747502)</t>
  </si>
  <si>
    <t>POINT (4.657897388900244 51.80707397803844)</t>
  </si>
  <si>
    <t>POINT (4.658305649541695 51.7712442820463)</t>
  </si>
  <si>
    <t>POINT (4.703269886846692 51.79874895010463)</t>
  </si>
  <si>
    <t>POINT (4.675146357271529 51.80766086437532)</t>
  </si>
  <si>
    <t>POINT (4.64638749004318 51.7912198774519)</t>
  </si>
  <si>
    <t>POINT (4.679711249540497 51.81616488868341)</t>
  </si>
  <si>
    <t>POINT (4.651711908510762 51.79061711370284)</t>
  </si>
  <si>
    <t>POINT (4.65538125121525 51.79399536678895)</t>
  </si>
  <si>
    <t>POINT (4.6744217002694715 51.81683218209699)</t>
  </si>
  <si>
    <t>POINT (4.69336010049802 51.788756642703014)</t>
  </si>
  <si>
    <t>POINT (4.655143404738585 51.81067360903424)</t>
  </si>
  <si>
    <t>POINT (4.6684214205601595 51.792008855073384)</t>
  </si>
  <si>
    <t>POINT (4.670751750207607 51.813691512321476)</t>
  </si>
  <si>
    <t>POINT (4.6733085742934195 51.81373222627917)</t>
  </si>
  <si>
    <t>POINT (4.657878639184045 51.76931105500758)</t>
  </si>
  <si>
    <t>POINT (4.676475115751261 51.8086225014677)</t>
  </si>
  <si>
    <t>POINT (4.732072245015754 51.80015301251718)</t>
  </si>
  <si>
    <t>POINT (4.701841444262137 51.81615322041977)</t>
  </si>
  <si>
    <t>POINT (4.684681738371235 51.779760353481784)</t>
  </si>
  <si>
    <t>POINT (4.656037400421888 51.79722885701082)</t>
  </si>
  <si>
    <t>POINT (4.674448116183402 51.780729285072276)</t>
  </si>
  <si>
    <t>POINT (4.645423460966472 51.76333527538969)</t>
  </si>
  <si>
    <t>POINT (4.66634877433003 51.81578453765098)</t>
  </si>
  <si>
    <t>POINT (4.695081011350654 51.79603243600879)</t>
  </si>
  <si>
    <t>POINT (4.668270310494478 51.79190042429881)</t>
  </si>
  <si>
    <t>POINT (4.6704457282500265 51.8174129133261)</t>
  </si>
  <si>
    <t>POINT (4.718614330131404 51.815321509059736)</t>
  </si>
  <si>
    <t>3313EM</t>
  </si>
  <si>
    <t>POINT (4.668098012003618 51.791930945581456)</t>
  </si>
  <si>
    <t>POINT (4.68081097317182 51.789255307428725)</t>
  </si>
  <si>
    <t>POINT (4.660552307684367 51.7986872878324)</t>
  </si>
  <si>
    <t>POINT (4.668219818342891 51.81526748134666)</t>
  </si>
  <si>
    <t>POINT (4.710217276717248 51.809309676463634)</t>
  </si>
  <si>
    <t>POINT (4.698021845537023 51.79127709569205)</t>
  </si>
  <si>
    <t>POINT (4.671580180939189 51.80862136302807)</t>
  </si>
  <si>
    <t>POINT (4.657095526257346 51.79174004873047)</t>
  </si>
  <si>
    <t>POINT (4.7093472015749205 51.80968294991488)</t>
  </si>
  <si>
    <t>POINT (4.670212286596706 51.79878471342851)</t>
  </si>
  <si>
    <t>POINT (4.68306186127927 51.81229328141325)</t>
  </si>
  <si>
    <t>POINT (4.666051831272106 51.81372534912811)</t>
  </si>
  <si>
    <t>POINT (4.730727107902157 51.79609913142948)</t>
  </si>
  <si>
    <t>POINT (4.666567971963148 51.77345454127566)</t>
  </si>
  <si>
    <t>POINT (4.675391191203346 51.78085036403193)</t>
  </si>
  <si>
    <t>POINT (4.727999899742474 51.79733683019568)</t>
  </si>
  <si>
    <t>POINT (4.674429098161412 51.81435730503328)</t>
  </si>
  <si>
    <t>POINT (4.679256051877374 51.81704261021181)</t>
  </si>
  <si>
    <t>POINT (4.676368193710634 51.8047561118116)</t>
  </si>
  <si>
    <t>3314TW</t>
  </si>
  <si>
    <t>POINT (4.660403274698994 51.79748079145104)</t>
  </si>
  <si>
    <t>POINT (4.672523877912824 51.81790896138331)</t>
  </si>
  <si>
    <t>POINT (4.679995381939092 51.81343553029263)</t>
  </si>
  <si>
    <t>POINT (4.670469049261094 51.816982390590866)</t>
  </si>
  <si>
    <t>POINT (4.6673175264440365 51.81551746208318)</t>
  </si>
  <si>
    <t>POINT (4.684744470678223 51.7875031040598)</t>
  </si>
  <si>
    <t>POINT (4.661805100482919 51.804627578122485)</t>
  </si>
  <si>
    <t>POINT (4.681238934818556 51.8179479466406)</t>
  </si>
  <si>
    <t>POINT (4.674161238951567 51.8054636224243)</t>
  </si>
  <si>
    <t>POINT (4.632355081442767 51.76576086506489)</t>
  </si>
  <si>
    <t>POINT (4.672192390437172 51.81121416632752)</t>
  </si>
  <si>
    <t>POINT (4.712505606116304 51.79963448515332)</t>
  </si>
  <si>
    <t>POINT (4.71202686480008 51.80417845214477)</t>
  </si>
  <si>
    <t>POINT (4.651036599475863 51.79342456529354)</t>
  </si>
  <si>
    <t>POINT (4.695910228793944 51.79760535346183)</t>
  </si>
  <si>
    <t>POINT (4.686532542982809 51.78104158967955)</t>
  </si>
  <si>
    <t>POINT (4.712225312531751 51.810557478807404)</t>
  </si>
  <si>
    <t>POINT (4.70415401674399 51.79793190762179)</t>
  </si>
  <si>
    <t>POINT (4.676872473609015 51.80845325976558)</t>
  </si>
  <si>
    <t>3311AV</t>
  </si>
  <si>
    <t>POINT (4.666572546394046 51.818733621500485)</t>
  </si>
  <si>
    <t>POINT (4.675926129845446 51.7850286001456)</t>
  </si>
  <si>
    <t>POINT (4.668430101922782 51.79185791610989)</t>
  </si>
  <si>
    <t>POINT (4.732225835542288 51.797580206786286)</t>
  </si>
  <si>
    <t>POINT (4.6701234290317135 51.80194447626622)</t>
  </si>
  <si>
    <t>POINT (4.666311188507362 51.79618935006015)</t>
  </si>
  <si>
    <t>POINT (4.667558086544283 51.80035349329949)</t>
  </si>
  <si>
    <t>POINT (4.65724834894561 51.801308044936455)</t>
  </si>
  <si>
    <t>POINT (4.708053758935967 51.80435163778247)</t>
  </si>
  <si>
    <t>POINT (4.703975945388304 51.79386357187947)</t>
  </si>
  <si>
    <t>POINT (4.663189370725018 51.78994218761325)</t>
  </si>
  <si>
    <t>POINT (4.702283032970059 51.790899385669896)</t>
  </si>
  <si>
    <t>POINT (4.654818325863818 51.812174507496245)</t>
  </si>
  <si>
    <t>POINT (4.663541029261974 51.81473800928088)</t>
  </si>
  <si>
    <t>3312KN</t>
  </si>
  <si>
    <t>POINT (4.680174275251021 51.800500002527684)</t>
  </si>
  <si>
    <t>POINT (4.721146541755283 51.79812547567942)</t>
  </si>
  <si>
    <t>POINT (4.669208812847497 51.811872158678014)</t>
  </si>
  <si>
    <t>POINT (4.662558085847311 51.812727908641236)</t>
  </si>
  <si>
    <t>POINT (4.669240813525913 51.80825978652686)</t>
  </si>
  <si>
    <t>POINT (4.665864099889462 51.78889810581594)</t>
  </si>
  <si>
    <t>POINT (4.726544657039678 51.79860474482818)</t>
  </si>
  <si>
    <t>POINT (4.677116466234579 51.80379173486515)</t>
  </si>
  <si>
    <t>POINT (4.684593114943454 51.81023501252002)</t>
  </si>
  <si>
    <t>POINT (4.6658803134804625 51.78864733079337)</t>
  </si>
  <si>
    <t>POINT (4.665547768942636 51.816132114751206)</t>
  </si>
  <si>
    <t>POINT (4.71170807912807 51.81094986810897)</t>
  </si>
  <si>
    <t>POINT (4.674292504091016 51.816044484447374)</t>
  </si>
  <si>
    <t>POINT (4.693274351737256 51.784313406948655)</t>
  </si>
  <si>
    <t>POINT (4.658347780952313 51.77209591121534)</t>
  </si>
  <si>
    <t>POINT (4.712062355883108 51.815166716272685)</t>
  </si>
  <si>
    <t>POINT (4.663387354133912 51.81478353302733)</t>
  </si>
  <si>
    <t>POINT (4.715764657729195 51.81512049667423)</t>
  </si>
  <si>
    <t>POINT (4.67525259564556 51.813448731339484)</t>
  </si>
  <si>
    <t>POINT (4.663418064924969 51.79912400966639)</t>
  </si>
  <si>
    <t>POINT (4.6876324846605995 51.808365965000185)</t>
  </si>
  <si>
    <t>POINT (4.674119237957563 51.81474979154888)</t>
  </si>
  <si>
    <t>POINT (4.673072745721094 51.80490387542799)</t>
  </si>
  <si>
    <t>POINT (4.663602027267825 51.80350916348252)</t>
  </si>
  <si>
    <t>POINT (4.676665397706246 51.78551953981077)</t>
  </si>
  <si>
    <t>POINT (4.658747613156521 51.79187127996949)</t>
  </si>
  <si>
    <t>POINT (4.732615158855989 51.79307436838937)</t>
  </si>
  <si>
    <t>POINT (4.67494564637187 51.816447439192636)</t>
  </si>
  <si>
    <t>POINT (4.681369915904295 51.81245135800574)</t>
  </si>
  <si>
    <t>POINT (4.7131999512770335 51.791203959687905)</t>
  </si>
  <si>
    <t>POINT (4.679037684568091 51.81558517416956)</t>
  </si>
  <si>
    <t>POINT (4.665699098766012 51.79603614138249)</t>
  </si>
  <si>
    <t>POINT (4.670391532077357 51.79060201648214)</t>
  </si>
  <si>
    <t>POINT (4.666549975273444 51.812430309309725)</t>
  </si>
  <si>
    <t>POINT (4.681241652774664 51.77809063176195)</t>
  </si>
  <si>
    <t>POINT (4.696732077049549 51.79991625363625)</t>
  </si>
  <si>
    <t>POINT (4.694544702524769 51.81790399518054)</t>
  </si>
  <si>
    <t>POINT (4.665511000704865 51.78981625144331)</t>
  </si>
  <si>
    <t>POINT (4.659733890313125 51.793306361464005)</t>
  </si>
  <si>
    <t>POINT (4.662156738217678 51.80623008878041)</t>
  </si>
  <si>
    <t>POINT (4.671197861577597 51.78242068747468)</t>
  </si>
  <si>
    <t>POINT (4.721522135820717 51.794835612981885)</t>
  </si>
  <si>
    <t>POINT (4.67686534617147 51.81773448483261)</t>
  </si>
  <si>
    <t>POINT (4.732075862845477 51.80016644376561)</t>
  </si>
  <si>
    <t>POINT (4.668573982196504 51.80936416179399)</t>
  </si>
  <si>
    <t>POINT (4.652351616786167 51.78547761754706)</t>
  </si>
  <si>
    <t>POINT (4.667632197903581 51.77209117693998)</t>
  </si>
  <si>
    <t>POINT (4.684015704888827 51.810739296698124)</t>
  </si>
  <si>
    <t>POINT (4.675915621257636 51.81700404856252)</t>
  </si>
  <si>
    <t>POINT (4.681989387790706 51.7777625749701)</t>
  </si>
  <si>
    <t>POINT (4.680981101059947 51.780440417439216)</t>
  </si>
  <si>
    <t>POINT (4.691885235661496 51.818138585248704)</t>
  </si>
  <si>
    <t>POINT (4.68026717356546 51.8111821000655)</t>
  </si>
  <si>
    <t>POINT (4.664778110460784 51.77984186928455)</t>
  </si>
  <si>
    <t>POINT (4.686455460298033 51.80339105772072)</t>
  </si>
  <si>
    <t>POINT (4.704406409673104 51.796759843845294)</t>
  </si>
  <si>
    <t>3312XC</t>
  </si>
  <si>
    <t>POINT (4.682783043854714 51.81010875548537)</t>
  </si>
  <si>
    <t>POINT (4.677588480446321 51.79060281411833)</t>
  </si>
  <si>
    <t>POINT (4.670465813919532 51.778914521585314)</t>
  </si>
  <si>
    <t>POINT (4.684869322975094 51.80016521098167)</t>
  </si>
  <si>
    <t>POINT (4.674477583600128 51.80814010741601)</t>
  </si>
  <si>
    <t>POINT (4.674228288039174 51.77976097109883)</t>
  </si>
  <si>
    <t>POINT (4.659080530095541 51.8003423039277)</t>
  </si>
  <si>
    <t>POINT (4.670534687063193 51.78111202552752)</t>
  </si>
  <si>
    <t>POINT (4.674969440891082 51.780166262302025)</t>
  </si>
  <si>
    <t>POINT (4.661006292945581 51.8125522591785)</t>
  </si>
  <si>
    <t>POINT (4.6717318583338185 51.792854577041304)</t>
  </si>
  <si>
    <t>POINT (4.702121180949889 51.79699021395067)</t>
  </si>
  <si>
    <t>POINT (4.734429354024078 51.7995550663305)</t>
  </si>
  <si>
    <t>POINT (4.683352646876719 51.7801445083915)</t>
  </si>
  <si>
    <t>POINT (4.66106337832515 51.80123248224823)</t>
  </si>
  <si>
    <t>POINT (4.628859112256474 51.721053505928325)</t>
  </si>
  <si>
    <t>POINT (4.685463951614307 51.78471058833827)</t>
  </si>
  <si>
    <t>POINT (4.72735649987474 51.798039334439174)</t>
  </si>
  <si>
    <t>POINT (4.711329773090849 51.80521767963243)</t>
  </si>
  <si>
    <t>POINT (4.667976975749369 51.814802591203794)</t>
  </si>
  <si>
    <t>POINT (4.663635909228415 51.81112876722329)</t>
  </si>
  <si>
    <t>POINT (4.667104506210598 51.79622171837542)</t>
  </si>
  <si>
    <t>3319GW</t>
  </si>
  <si>
    <t>Vissersdijk Beneden</t>
  </si>
  <si>
    <t>POINT (4.708712440263763 51.80067517872207)</t>
  </si>
  <si>
    <t>POINT (4.6622068495350115 51.79496088549909)</t>
  </si>
  <si>
    <t>POINT (4.675502215852034 51.80471226513431)</t>
  </si>
  <si>
    <t>POINT (4.657033467656459 51.80648768415729)</t>
  </si>
  <si>
    <t>POINT (4.669685553891279 51.782196795987886)</t>
  </si>
  <si>
    <t>POINT (4.722780335485591 51.80332814440035)</t>
  </si>
  <si>
    <t>POINT (4.666280720533471 51.81704278572839)</t>
  </si>
  <si>
    <t>POINT (4.667500970665304 51.80045123654104)</t>
  </si>
  <si>
    <t>POINT (4.719246155165367 51.80053738266618)</t>
  </si>
  <si>
    <t>POINT (4.67115144874256 51.774106494661204)</t>
  </si>
  <si>
    <t>POINT (4.6676145842967465 51.80821975814737)</t>
  </si>
  <si>
    <t>POINT (4.680227790909913 51.80788763210413)</t>
  </si>
  <si>
    <t>POINT (4.683691296136686 51.7815473026087)</t>
  </si>
  <si>
    <t>POINT (4.712225492057544 51.803320873197464)</t>
  </si>
  <si>
    <t>POINT (4.667590272925338 51.81099058557236)</t>
  </si>
  <si>
    <t>POINT (4.6622654447418626 51.814874809384726)</t>
  </si>
  <si>
    <t>POINT (4.698425022583068 51.790455939134176)</t>
  </si>
  <si>
    <t>POINT (4.6507776804145005 51.80334850394352)</t>
  </si>
  <si>
    <t>POINT (4.689502364651799 51.818127059458476)</t>
  </si>
  <si>
    <t>POINT (4.716199193402808 51.800734349563925)</t>
  </si>
  <si>
    <t>POINT (4.670906194769822 51.77290980356932)</t>
  </si>
  <si>
    <t>POINT (4.690559455980981 51.819137281411884)</t>
  </si>
  <si>
    <t>POINT (4.673043090874939 51.78551859410923)</t>
  </si>
  <si>
    <t>POINT (4.698258159804017 51.79259437158628)</t>
  </si>
  <si>
    <t>POINT (4.664204629996382 51.801388607789484)</t>
  </si>
  <si>
    <t>POINT (4.6618564901735695 51.79496720520677)</t>
  </si>
  <si>
    <t>POINT (4.668638129467544 51.80822886179618)</t>
  </si>
  <si>
    <t>POINT (4.670610039340243 51.817866253521316)</t>
  </si>
  <si>
    <t>POINT (4.653184376814545 51.791878859284125)</t>
  </si>
  <si>
    <t>POINT (4.675357545009636 51.81377588141757)</t>
  </si>
  <si>
    <t>POINT (4.673786205485949 51.816989289785845)</t>
  </si>
  <si>
    <t>POINT (4.659887159629418 51.79981685695362)</t>
  </si>
  <si>
    <t>POINT (4.704383186971095 51.816363359391765)</t>
  </si>
  <si>
    <t>POINT (4.693298271459544 51.795508544467005)</t>
  </si>
  <si>
    <t>POINT (4.702414176272935 51.796206243169834)</t>
  </si>
  <si>
    <t>POINT (4.675032554522058 51.81528300831381)</t>
  </si>
  <si>
    <t>POINT (4.684338412889129 51.81175624800613)</t>
  </si>
  <si>
    <t>POINT (4.703852128485472 51.79580568799043)</t>
  </si>
  <si>
    <t>POINT (4.72172994397316 51.800769138258715)</t>
  </si>
  <si>
    <t>POINT (4.680970444761575 51.78889760085405)</t>
  </si>
  <si>
    <t>POINT (4.690517807200325 51.80591931098991)</t>
  </si>
  <si>
    <t>POINT (4.6687617667708645 51.799377669059304)</t>
  </si>
  <si>
    <t>POINT (4.67266302678229 51.81729491186492)</t>
  </si>
  <si>
    <t>POINT (4.653595856331554 51.79148914780925)</t>
  </si>
  <si>
    <t>POINT (4.682620552491466 51.81456154665471)</t>
  </si>
  <si>
    <t>POINT (4.663267783836741 51.815187007378235)</t>
  </si>
  <si>
    <t>POINT (4.673859993521447 51.81749276210229)</t>
  </si>
  <si>
    <t>POINT (4.68439401264681 51.803003631035516)</t>
  </si>
  <si>
    <t>POINT (4.655427447859443 51.79022094540107)</t>
  </si>
  <si>
    <t>POINT (4.667705161784478 51.77358746417226)</t>
  </si>
  <si>
    <t>POINT (4.678480954332853 51.78461636361305)</t>
  </si>
  <si>
    <t>POINT (4.7234972297595785 51.79938836228832)</t>
  </si>
  <si>
    <t>POINT (4.734371092302573 51.789084393836234)</t>
  </si>
  <si>
    <t>POINT (4.673389877344302 51.80843498508238)</t>
  </si>
  <si>
    <t>POINT (4.668178718731094 51.79357356745728)</t>
  </si>
  <si>
    <t>POINT (4.684155694652235 51.79812369822244)</t>
  </si>
  <si>
    <t>POINT (4.68354005105777 51.81874755432683)</t>
  </si>
  <si>
    <t>POINT (4.671828308199507 51.78062663113765)</t>
  </si>
  <si>
    <t>POINT (4.668994934778175 51.8132336141198)</t>
  </si>
  <si>
    <t>POINT (4.676325461117768 51.77367608488161)</t>
  </si>
  <si>
    <t>POINT (4.675932771279535 51.78515156986366)</t>
  </si>
  <si>
    <t>POINT (4.6822377419545065 51.7853258185689)</t>
  </si>
  <si>
    <t>POINT (4.681625726615646 51.80783573208222)</t>
  </si>
  <si>
    <t>POINT (4.675407596231187 51.81659002462384)</t>
  </si>
  <si>
    <t>POINT (4.657536744885549 51.79351898928638)</t>
  </si>
  <si>
    <t>POINT (4.6734467686502175 51.78908809933089)</t>
  </si>
  <si>
    <t>POINT (4.700422525990984 51.795886982361566)</t>
  </si>
  <si>
    <t>POINT (4.6750073427969605 51.77871500527098)</t>
  </si>
  <si>
    <t>POINT (4.673037716525811 51.81329091536945)</t>
  </si>
  <si>
    <t>POINT (4.680677287611737 51.801448299996615)</t>
  </si>
  <si>
    <t>POINT (4.675078042720629 51.77977027712656)</t>
  </si>
  <si>
    <t>POINT (4.653642414300549 51.78551028092902)</t>
  </si>
  <si>
    <t>POINT (4.667354127272404 51.81102270995047)</t>
  </si>
  <si>
    <t>POINT (4.678506344012812 51.78634569950753)</t>
  </si>
  <si>
    <t>POINT (4.704837994120397 51.7902432433897)</t>
  </si>
  <si>
    <t>POINT (4.727038285005388 51.79291157967613)</t>
  </si>
  <si>
    <t>POINT (4.662913980813728 51.81686745987717)</t>
  </si>
  <si>
    <t>3318RK</t>
  </si>
  <si>
    <t>POINT (4.683881866935333 51.78938997356897)</t>
  </si>
  <si>
    <t>POINT (4.681735028452365 51.80779413351101)</t>
  </si>
  <si>
    <t>POINT (4.681973048996137 51.78169118554968)</t>
  </si>
  <si>
    <t>POINT (4.681387414660663 51.813491946218576)</t>
  </si>
  <si>
    <t>POINT (4.6783637417851995 51.80710999446489)</t>
  </si>
  <si>
    <t>POINT (4.718464043681276 51.81462407865897)</t>
  </si>
  <si>
    <t>POINT (4.731429963662713 51.80002835658824)</t>
  </si>
  <si>
    <t>POINT (4.669753323254407 51.81110376608181)</t>
  </si>
  <si>
    <t>POINT (4.682345283765493 51.8029048707311)</t>
  </si>
  <si>
    <t>POINT (4.685422612299107 51.80460163638995)</t>
  </si>
  <si>
    <t>POINT (4.6721657373170355 51.8195550048341)</t>
  </si>
  <si>
    <t>POINT (4.654987383209343 51.76948544235473)</t>
  </si>
  <si>
    <t>POINT (4.668157490344889 51.81664017326811)</t>
  </si>
  <si>
    <t>POINT (4.679265122362537 51.7728325681191)</t>
  </si>
  <si>
    <t>POINT (4.684600203676585 51.80871736357691)</t>
  </si>
  <si>
    <t>POINT (4.704950006397738 51.80867771360204)</t>
  </si>
  <si>
    <t>POINT (4.699351777938272 51.79110675449237)</t>
  </si>
  <si>
    <t>POINT (4.7282601733198515 51.80417720054921)</t>
  </si>
  <si>
    <t>POINT (4.65945452383922 51.80994384639791)</t>
  </si>
  <si>
    <t>POINT (4.660042704791789 51.80677313736249)</t>
  </si>
  <si>
    <t>POINT (4.663412031177145 51.797610060330065)</t>
  </si>
  <si>
    <t>POINT (4.666043639879387 51.77965331662644)</t>
  </si>
  <si>
    <t>POINT (4.711375679852323 51.804626436974274)</t>
  </si>
  <si>
    <t>346A</t>
  </si>
  <si>
    <t>POINT (4.629476809847189 51.72369842921213)</t>
  </si>
  <si>
    <t>POINT (4.661865937317016 51.81632895629222)</t>
  </si>
  <si>
    <t>POINT (4.691866336603543 51.79136027730184)</t>
  </si>
  <si>
    <t>POINT (4.716963955540107 51.79555922553097)</t>
  </si>
  <si>
    <t>POINT (4.655516617389031 51.79016386598434)</t>
  </si>
  <si>
    <t>POINT (4.711053740417262 51.80627701961065)</t>
  </si>
  <si>
    <t>POINT (4.693191592951368 51.7879377028884)</t>
  </si>
  <si>
    <t>POINT (4.7208705179333155 51.80044911880538)</t>
  </si>
  <si>
    <t>POINT (4.670202057638062 51.81525080002486)</t>
  </si>
  <si>
    <t>POINT (4.713971045202374 51.80417499843759)</t>
  </si>
  <si>
    <t>POINT (4.7215861197078945 51.795195306347075)</t>
  </si>
  <si>
    <t>POINT (4.675504629166976 51.783310361359014)</t>
  </si>
  <si>
    <t>POINT (4.70067265619674 51.79255179834538)</t>
  </si>
  <si>
    <t>POINT (4.660018363533685 51.805435837877795)</t>
  </si>
  <si>
    <t>POINT (4.664376494713418 51.799620880709966)</t>
  </si>
  <si>
    <t>POINT (4.6522675451631885 51.785529908552)</t>
  </si>
  <si>
    <t>POINT (4.677843042488841 51.81561283536628)</t>
  </si>
  <si>
    <t>POINT (4.656631137597337 51.801608210209224)</t>
  </si>
  <si>
    <t>POINT (4.679797179331062 51.7773762525441)</t>
  </si>
  <si>
    <t>POINT (4.642999667451145 51.76593194898769)</t>
  </si>
  <si>
    <t>POINT (4.696587893981534 51.80039457288056)</t>
  </si>
  <si>
    <t>POINT (4.674178250487842 51.81262234299375)</t>
  </si>
  <si>
    <t>POINT (4.6774096961504235 51.780396819530296)</t>
  </si>
  <si>
    <t>POINT (4.67712530924255 51.815784223319824)</t>
  </si>
  <si>
    <t>POINT (4.668453681395314 51.81334681159016)</t>
  </si>
  <si>
    <t>POINT (4.662615804498852 51.79524502795863)</t>
  </si>
  <si>
    <t>POINT (4.720875186882959 51.805008257603994)</t>
  </si>
  <si>
    <t>POINT (4.722733059434841 51.7994712719299)</t>
  </si>
  <si>
    <t>POINT (4.695011189509687 51.797548125276876)</t>
  </si>
  <si>
    <t>POINT (4.66155438586659 51.81307790104381)</t>
  </si>
  <si>
    <t>3312HP</t>
  </si>
  <si>
    <t>POINT (4.6900169386065125 51.80898449977113)</t>
  </si>
  <si>
    <t>POINT (4.735310116666166 51.799974060609316)</t>
  </si>
  <si>
    <t>POINT (4.6746387579100555 51.818322113190014)</t>
  </si>
  <si>
    <t>POINT (4.675829596477396 51.81373892401705)</t>
  </si>
  <si>
    <t>POINT (4.69165814227521 51.81057123662867)</t>
  </si>
  <si>
    <t>3315SG</t>
  </si>
  <si>
    <t>POINT (4.728665669468427 51.80302145286479)</t>
  </si>
  <si>
    <t>POINT (4.672136523527898 51.802483166349255)</t>
  </si>
  <si>
    <t>POINT (4.666866323587956 51.79866286187778)</t>
  </si>
  <si>
    <t>3313LK</t>
  </si>
  <si>
    <t>Kors Monster-pad</t>
  </si>
  <si>
    <t>POINT (4.736968695485271 51.80558776561064)</t>
  </si>
  <si>
    <t>POINT (4.655237637294494 51.78723808832345)</t>
  </si>
  <si>
    <t>POINT (4.671457063048153 51.80531675086686)</t>
  </si>
  <si>
    <t>POINT (4.677590656043233 51.790356680934956)</t>
  </si>
  <si>
    <t>POINT (4.6703016531083055 51.78113797208133)</t>
  </si>
  <si>
    <t>POINT (4.691747599490054 51.788948989089604)</t>
  </si>
  <si>
    <t>POINT (4.669061808406646 51.790775851169464)</t>
  </si>
  <si>
    <t>POINT (4.677210996509122 51.80460698675126)</t>
  </si>
  <si>
    <t>POINT (4.669146661837337 51.81172627868599)</t>
  </si>
  <si>
    <t>POINT (4.668200158089567 51.79185284864234)</t>
  </si>
  <si>
    <t>POINT (4.72217735955833 51.794252531685366)</t>
  </si>
  <si>
    <t>POINT (4.656678118881825 51.76633797513367)</t>
  </si>
  <si>
    <t>POINT (4.670528223409298 51.81696592516948)</t>
  </si>
  <si>
    <t>POINT (4.727191618921227 51.80286648515961)</t>
  </si>
  <si>
    <t>POINT (4.681556144002928 51.80261402697373)</t>
  </si>
  <si>
    <t>POINT (4.659413756589074 51.7812983348015)</t>
  </si>
  <si>
    <t>POINT (4.701812209672652 51.79486842342104)</t>
  </si>
  <si>
    <t>POINT (4.710167739511756 51.8141780892946)</t>
  </si>
  <si>
    <t>POINT (4.661822793070686 51.797159115985174)</t>
  </si>
  <si>
    <t>3312HD</t>
  </si>
  <si>
    <t>POINT (4.688235826235922 51.80794283247808)</t>
  </si>
  <si>
    <t>POINT (4.705913921782985 51.809584372006306)</t>
  </si>
  <si>
    <t>POINT (4.714295098292372 51.814714844967874)</t>
  </si>
  <si>
    <t>POINT (4.667526593465301 51.79590529951876)</t>
  </si>
  <si>
    <t>POINT (4.679003864774708 51.815137370532476)</t>
  </si>
  <si>
    <t>POINT (4.686384064131717 51.80341927820725)</t>
  </si>
  <si>
    <t>POINT (4.676045093038692 51.7851027950577)</t>
  </si>
  <si>
    <t>POINT (4.6739086521512805 51.81039545969316)</t>
  </si>
  <si>
    <t>POINT (4.632075861096584 51.76648926895271)</t>
  </si>
  <si>
    <t>POINT (4.683961308841036 51.80427386153127)</t>
  </si>
  <si>
    <t>POINT (4.668255963542933 51.796247764240135)</t>
  </si>
  <si>
    <t>POINT (4.71539896761712 51.80318084935348)</t>
  </si>
  <si>
    <t>POINT (4.66451982720598 51.817761206851216)</t>
  </si>
  <si>
    <t>POINT (4.659254192234544 51.81355805984409)</t>
  </si>
  <si>
    <t>POINT (4.683679977574118 51.798042267620204)</t>
  </si>
  <si>
    <t>POINT (4.672940559674111 51.8046957559181)</t>
  </si>
  <si>
    <t>POINT (4.7285597390660525 51.80321125562914)</t>
  </si>
  <si>
    <t>POINT (4.712075218427617 51.801415331362584)</t>
  </si>
  <si>
    <t>POINT (4.675266192783609 51.813116655498355)</t>
  </si>
  <si>
    <t>POINT (4.660768475027978 51.79074281170455)</t>
  </si>
  <si>
    <t>POINT (4.673979571602809 51.818993544408535)</t>
  </si>
  <si>
    <t>POINT (4.69709922419585 51.79138326640584)</t>
  </si>
  <si>
    <t>POINT (4.666513685994714 51.79632761781437)</t>
  </si>
  <si>
    <t>POINT (4.714676522133234 51.814382797884605)</t>
  </si>
  <si>
    <t>3316GV</t>
  </si>
  <si>
    <t>Snelliusstraat</t>
  </si>
  <si>
    <t>POINT (4.6806230041181145 51.77986174356587)</t>
  </si>
  <si>
    <t>POINT (4.673280921227039 51.79348762254676)</t>
  </si>
  <si>
    <t>POINT (4.676069900416759 51.7851591877407)</t>
  </si>
  <si>
    <t>POINT (4.706691938904557 51.80727250237607)</t>
  </si>
  <si>
    <t>POINT (4.678946839328176 51.81409798158289)</t>
  </si>
  <si>
    <t>POINT (4.677774197732183 51.78201668534279)</t>
  </si>
  <si>
    <t>POINT (4.715326140825931 51.808975142227276)</t>
  </si>
  <si>
    <t>POINT (4.73170251296926 51.79184884823068)</t>
  </si>
  <si>
    <t>POINT (4.6934046088924966 51.7953978396391)</t>
  </si>
  <si>
    <t>POINT (4.694035110993854 51.817944194984484)</t>
  </si>
  <si>
    <t>POINT (4.697730463651301 51.791661447136995)</t>
  </si>
  <si>
    <t>POINT (4.717326008297609 51.80131411116835)</t>
  </si>
  <si>
    <t>POINT (4.667952514083236 51.794312588786646)</t>
  </si>
  <si>
    <t>POINT (4.675319023255975 51.779380497577336)</t>
  </si>
  <si>
    <t>POINT (4.671692491743556 51.80263283563049)</t>
  </si>
  <si>
    <t>POINT (4.667770109878956 51.7819772623971)</t>
  </si>
  <si>
    <t>POINT (4.6834931703007285 51.80905917575661)</t>
  </si>
  <si>
    <t>POINT (4.6835738381948735 51.78511814792329)</t>
  </si>
  <si>
    <t>POINT (4.666221485576916 51.81757711309048)</t>
  </si>
  <si>
    <t>POINT (4.675953809723047 51.78470323325308)</t>
  </si>
  <si>
    <t>POINT (4.672189943926509 51.80430158790351)</t>
  </si>
  <si>
    <t>POINT (4.677748779685887 51.80361504910284)</t>
  </si>
  <si>
    <t>POINT (4.678557256068367 51.78705831622672)</t>
  </si>
  <si>
    <t>POINT (4.665514026693662 51.79605391530065)</t>
  </si>
  <si>
    <t>POINT (4.68815899002611 51.80534622317787)</t>
  </si>
  <si>
    <t>POINT (4.6358946872614135 51.7759735735093)</t>
  </si>
  <si>
    <t>POINT (4.650637377091098 51.80287517710137)</t>
  </si>
  <si>
    <t>POINT (4.657200684933878 51.76720855220552)</t>
  </si>
  <si>
    <t>POINT (4.659712727276641 51.78970548039675)</t>
  </si>
  <si>
    <t>POINT (4.6514598909991385 51.80333565125046)</t>
  </si>
  <si>
    <t>POINT (4.71743559232574 51.81205236272947)</t>
  </si>
  <si>
    <t>POINT (4.6683807502265395 51.81803281653386)</t>
  </si>
  <si>
    <t>POINT (4.661512639412608 51.81614441886972)</t>
  </si>
  <si>
    <t>POINT (4.672484729333997 51.77314025070822)</t>
  </si>
  <si>
    <t>POINT (4.6764181585643545 51.78942410682401)</t>
  </si>
  <si>
    <t>POINT (4.724233085802447 51.79906266617911)</t>
  </si>
  <si>
    <t>POINT (4.656862072957861 51.78164691299329)</t>
  </si>
  <si>
    <t>3311AN</t>
  </si>
  <si>
    <t>Lange IJzerenbrugstraat</t>
  </si>
  <si>
    <t>POINT (4.6630773292711805 51.816294244220586)</t>
  </si>
  <si>
    <t>POINT (4.663030424297551 51.791758902243)</t>
  </si>
  <si>
    <t>POINT (4.680219007076811 51.80394941646351)</t>
  </si>
  <si>
    <t>POINT (4.702676668576695 51.79716226333759)</t>
  </si>
  <si>
    <t>POINT (4.678966234094188 51.817182819561445)</t>
  </si>
  <si>
    <t>POINT (4.685984712696612 51.80993853965112)</t>
  </si>
  <si>
    <t>POINT (4.68499583145347 51.782555570284934)</t>
  </si>
  <si>
    <t>POINT (4.682598201266835 51.777761487902076)</t>
  </si>
  <si>
    <t>POINT (4.671244100757632 51.805267910504206)</t>
  </si>
  <si>
    <t>POINT (4.643372157567281 51.76930551397598)</t>
  </si>
  <si>
    <t>POINT (4.6714349351468485 51.780663080496126)</t>
  </si>
  <si>
    <t>POINT (4.676885358111771 51.773551855535224)</t>
  </si>
  <si>
    <t>POINT (4.665781824844848 51.78801195184784)</t>
  </si>
  <si>
    <t>POINT (4.671501049931172 51.805936456174436)</t>
  </si>
  <si>
    <t>POINT (4.672058359606421 51.81956712348887)</t>
  </si>
  <si>
    <t>POINT (4.7114240117711805 51.80640346559442)</t>
  </si>
  <si>
    <t>POINT (4.687375715737017 51.8039332365322)</t>
  </si>
  <si>
    <t>POINT (4.652181825206847 51.80309169226703)</t>
  </si>
  <si>
    <t>POINT (4.669707437727754 51.77466073164916)</t>
  </si>
  <si>
    <t>POINT (4.658920311547763 51.80624460773609)</t>
  </si>
  <si>
    <t>POINT (4.669799523605027 51.804065084493224)</t>
  </si>
  <si>
    <t>POINT (4.652296319304908 51.785655058982215)</t>
  </si>
  <si>
    <t>POINT (4.677339553820504 51.815159270054316)</t>
  </si>
  <si>
    <t>POINT (4.682775736395186 51.798768691342275)</t>
  </si>
  <si>
    <t>POINT (4.663365340688009 51.79030411607722)</t>
  </si>
  <si>
    <t>POINT (4.68228658981847 51.813214747163194)</t>
  </si>
  <si>
    <t>POINT (4.677663901906193 51.80596958726031)</t>
  </si>
  <si>
    <t>POINT (4.705844654467124 51.816759973846175)</t>
  </si>
  <si>
    <t>POINT (4.72050076692008 51.801005950433385)</t>
  </si>
  <si>
    <t>POINT (4.644836836550746 51.773914764264525)</t>
  </si>
  <si>
    <t>POINT (4.690146363784813 51.818267190064034)</t>
  </si>
  <si>
    <t>POINT (4.6853413656465825 51.80059799096558)</t>
  </si>
  <si>
    <t>POINT (4.6685572132593505 51.80805530719163)</t>
  </si>
  <si>
    <t>POINT (4.660414568499688 51.798645850704006)</t>
  </si>
  <si>
    <t>POINT (4.675471137230184 51.775723457400076)</t>
  </si>
  <si>
    <t>POINT (4.656686479454081 51.80132347821543)</t>
  </si>
  <si>
    <t>POINT (4.652076388615111 51.8032393992204)</t>
  </si>
  <si>
    <t>POINT (4.650677700995672 51.8013684651956)</t>
  </si>
  <si>
    <t>POINT (4.710590346511784 51.79575060299156)</t>
  </si>
  <si>
    <t>POINT (4.686396420262409 51.77700853713028)</t>
  </si>
  <si>
    <t>POINT (4.713350270923343 51.804540455085295)</t>
  </si>
  <si>
    <t>POINT (4.708903333237467 51.81123462081295)</t>
  </si>
  <si>
    <t>POINT (4.685127701868616 51.81315339749539)</t>
  </si>
  <si>
    <t>POINT (4.654782366037601 51.80063853362832)</t>
  </si>
  <si>
    <t>POINT (4.677610718188184 51.781749091614444)</t>
  </si>
  <si>
    <t>POINT (4.729249803674557 51.79956331265041)</t>
  </si>
  <si>
    <t>POINT (4.671698381599147 51.77625279562298)</t>
  </si>
  <si>
    <t>POINT (4.658159062880201 51.792813083044024)</t>
  </si>
  <si>
    <t>POINT (4.683268881717861 51.79834782591398)</t>
  </si>
  <si>
    <t>POINT (4.649990926616611 51.79366098185371)</t>
  </si>
  <si>
    <t>POINT (4.664121532779053 51.81477634667723)</t>
  </si>
  <si>
    <t>POINT (4.66356275402144 51.79354035900678)</t>
  </si>
  <si>
    <t>3311EJ</t>
  </si>
  <si>
    <t>Tolbrug</t>
  </si>
  <si>
    <t>POINT (4.666740706605879 51.81506002124063)</t>
  </si>
  <si>
    <t>POINT (4.712465292789252 51.81389571205001)</t>
  </si>
  <si>
    <t>POINT (4.7146862592799375 51.80378305996596)</t>
  </si>
  <si>
    <t>POINT (4.667947454567891 51.814819479770584)</t>
  </si>
  <si>
    <t>POINT (4.671644517646172 51.81195573634453)</t>
  </si>
  <si>
    <t>POINT (4.661045586376266 51.80911948089285)</t>
  </si>
  <si>
    <t>POINT (4.712714153993859 51.79540571250257)</t>
  </si>
  <si>
    <t>POINT (4.734420202110316 51.799603419224084)</t>
  </si>
  <si>
    <t>POINT (4.680726154134095 51.7984453505287)</t>
  </si>
  <si>
    <t>POINT (4.658504794145647 51.812797882995056)</t>
  </si>
  <si>
    <t>POINT (4.679691277957073 51.81614092136023)</t>
  </si>
  <si>
    <t>POINT (4.664104637948518 51.80306312409915)</t>
  </si>
  <si>
    <t>POINT (4.674265807041321 51.79700490870398)</t>
  </si>
  <si>
    <t>POINT (4.709899033542717 51.80676557194726)</t>
  </si>
  <si>
    <t>POINT (4.662917076642798 51.79143358446819)</t>
  </si>
  <si>
    <t>POINT (4.651062552041031 51.792058947239916)</t>
  </si>
  <si>
    <t>POINT (4.656120222257138 51.8074747899539)</t>
  </si>
  <si>
    <t>POINT (4.676186059496218 51.80756598330892)</t>
  </si>
  <si>
    <t>POINT (4.72931974857232 51.80174042983711)</t>
  </si>
  <si>
    <t>POINT (4.710902079362067 51.804466676561056)</t>
  </si>
  <si>
    <t>POINT (4.677471006803532 51.803386656812656)</t>
  </si>
  <si>
    <t>POINT (4.725330644940654 51.7984708841585)</t>
  </si>
  <si>
    <t>POINT (4.6533848413873296 51.80356285932189)</t>
  </si>
  <si>
    <t>POINT (4.66101329946887 51.80343228994604)</t>
  </si>
  <si>
    <t>POINT (4.6510352166732964 51.79332631898634)</t>
  </si>
  <si>
    <t>POINT (4.667871794629644 51.774937243261)</t>
  </si>
  <si>
    <t>POINT (4.6789073559159595 51.78931530729326)</t>
  </si>
  <si>
    <t>POINT (4.682342430321963 51.80871817844009)</t>
  </si>
  <si>
    <t>POINT (4.683929316846172 51.80318649877381)</t>
  </si>
  <si>
    <t>POINT (4.721838925145205 51.79451973306155)</t>
  </si>
  <si>
    <t>POINT (4.66688295337393 51.773432853911196)</t>
  </si>
  <si>
    <t>POINT (4.6596552125169115 51.78955181230316)</t>
  </si>
  <si>
    <t>POINT (4.692679999327587 51.78801030589415)</t>
  </si>
  <si>
    <t>POINT (4.653712589939751 51.79301958548128)</t>
  </si>
  <si>
    <t>POINT (4.656803380911867 51.77154977473548)</t>
  </si>
  <si>
    <t>POINT (4.6923021781159875 51.78950516928899)</t>
  </si>
  <si>
    <t>POINT (4.7002880459167296 51.817226722116885)</t>
  </si>
  <si>
    <t>POINT (4.731649494553127 51.80489849384582)</t>
  </si>
  <si>
    <t>POINT (4.659700689409908 51.8151755285528)</t>
  </si>
  <si>
    <t>POINT (4.658495232717935 51.80204001486965)</t>
  </si>
  <si>
    <t>POINT (4.716199314096532 51.801428840294214)</t>
  </si>
  <si>
    <t>POINT (4.709110109801719 51.787788445821626)</t>
  </si>
  <si>
    <t>POINT (4.653060773016813 51.791066701787074)</t>
  </si>
  <si>
    <t>POINT (4.6342166949941985 51.77518512426078)</t>
  </si>
  <si>
    <t>POINT (4.671514863858784 51.819135770207126)</t>
  </si>
  <si>
    <t>POINT (4.679655320570291 51.777703214879935)</t>
  </si>
  <si>
    <t>POINT (4.675647025973598 51.80800068014552)</t>
  </si>
  <si>
    <t>POINT (4.671544206092283 51.8176210529738)</t>
  </si>
  <si>
    <t>POINT (4.678191435636881 51.815525782108026)</t>
  </si>
  <si>
    <t>POINT (4.663460616894184 51.7990489199282)</t>
  </si>
  <si>
    <t>POINT (4.7302123891830625 51.79839470913279)</t>
  </si>
  <si>
    <t>POINT (4.6764132180719145 51.806804472626325)</t>
  </si>
  <si>
    <t>POINT (4.663861148376701 51.7997860539261)</t>
  </si>
  <si>
    <t>POINT (4.6719329038717685 51.77614592110874)</t>
  </si>
  <si>
    <t>POINT (4.66829577338454 51.81252521414696)</t>
  </si>
  <si>
    <t>POINT (4.705420251771387 51.815065217401475)</t>
  </si>
  <si>
    <t>POINT (4.700630787836089 51.79826858888433)</t>
  </si>
  <si>
    <t>POINT (4.706204148799635 51.81026465462277)</t>
  </si>
  <si>
    <t>POINT (4.709652996687166 51.809433959658435)</t>
  </si>
  <si>
    <t>POINT (4.679876942735051 51.77665737661343)</t>
  </si>
  <si>
    <t>POINT (4.693854576475714 51.818220095839386)</t>
  </si>
  <si>
    <t>POINT (4.656195548859758 51.806075126443254)</t>
  </si>
  <si>
    <t>POINT (4.666574395311936 51.8168742180332)</t>
  </si>
  <si>
    <t>POINT (4.729861229776671 51.805521505290166)</t>
  </si>
  <si>
    <t>POINT (4.67920976977763 51.81603709283066)</t>
  </si>
  <si>
    <t>POINT (4.659948507802367 51.79087991469146)</t>
  </si>
  <si>
    <t>POINT (4.673246093327649 51.8161703015977)</t>
  </si>
  <si>
    <t>POINT (4.713881503500593 51.80386003477041)</t>
  </si>
  <si>
    <t>POINT (4.656084990817862 51.80073670671493)</t>
  </si>
  <si>
    <t>POINT (4.712170824541604 51.8076986056775)</t>
  </si>
  <si>
    <t>POINT (4.6935146877070455 51.79339887893211)</t>
  </si>
  <si>
    <t>POINT (4.66895422264835 51.81220436827631)</t>
  </si>
  <si>
    <t>POINT (4.653673560175703 51.792999548310995)</t>
  </si>
  <si>
    <t>POINT (4.7270933378535505 51.80584270843672)</t>
  </si>
  <si>
    <t>POINT (4.665070632045637 51.78843315519129)</t>
  </si>
  <si>
    <t>POINT (4.667458518816232 51.81333666743786)</t>
  </si>
  <si>
    <t>POINT (4.659169102528991 51.78382348159707)</t>
  </si>
  <si>
    <t>POINT (4.6658516538001304 51.81358776060691)</t>
  </si>
  <si>
    <t>POINT (4.656302137038005 51.784838114290075)</t>
  </si>
  <si>
    <t>POINT (4.667753484826481 51.789771635117596)</t>
  </si>
  <si>
    <t>POINT (4.70824039965935 51.818710280580156)</t>
  </si>
  <si>
    <t>POINT (4.668464392219879 51.790554495183585)</t>
  </si>
  <si>
    <t>POINT (4.685309335903947 51.80180276713926)</t>
  </si>
  <si>
    <t>POINT (4.736682130421475 51.80066823629934)</t>
  </si>
  <si>
    <t>POINT (4.668241369978371 51.772262058199516)</t>
  </si>
  <si>
    <t>POINT (4.69882799788421 51.81772993601837)</t>
  </si>
  <si>
    <t>POINT (4.656205882005972 51.807544141042634)</t>
  </si>
  <si>
    <t>POINT (4.666297548402859 51.79945369024244)</t>
  </si>
  <si>
    <t>POINT (4.663564418763119 51.813444385937636)</t>
  </si>
  <si>
    <t>POINT (4.7051124311762065 51.79164422231959)</t>
  </si>
  <si>
    <t>POINT (4.657093189494473 51.79855047905501)</t>
  </si>
  <si>
    <t>POINT (4.671261845857473 51.773566533414055)</t>
  </si>
  <si>
    <t>POINT (4.64773865123065 51.80070867968264)</t>
  </si>
  <si>
    <t>POINT (4.6859921086986756 51.77626146983383)</t>
  </si>
  <si>
    <t>POINT (4.680319320476573 51.81639778170097)</t>
  </si>
  <si>
    <t>POINT (4.733986491256507 51.79176609211261)</t>
  </si>
  <si>
    <t>POINT (4.652273171329105 51.78524233176563)</t>
  </si>
  <si>
    <t>POINT (4.660003048820229 51.809429929985825)</t>
  </si>
  <si>
    <t>POINT (4.67238426130243 51.799242259199026)</t>
  </si>
  <si>
    <t>POINT (4.6510537571451716 51.79370824882717)</t>
  </si>
  <si>
    <t>POINT (4.6461904428738325 51.80409885423438)</t>
  </si>
  <si>
    <t>POINT (4.658496238330833 51.7962439460254)</t>
  </si>
  <si>
    <t>POINT (4.660353161759935 51.78781478333538)</t>
  </si>
  <si>
    <t>POINT (4.669921489157307 51.799805291545795)</t>
  </si>
  <si>
    <t>POINT (4.66599723933812 51.771880236221335)</t>
  </si>
  <si>
    <t>POINT (4.719447513446415 51.80097534110549)</t>
  </si>
  <si>
    <t>POINT (4.636473608843678 51.7791768857143)</t>
  </si>
  <si>
    <t>POINT (4.665430786211104 51.81605248376506)</t>
  </si>
  <si>
    <t>POINT (4.733019950844904 51.79293711347319)</t>
  </si>
  <si>
    <t>POINT (4.660389712868625 51.770394379555036)</t>
  </si>
  <si>
    <t>POINT (4.6594985765041885 51.78194182394665)</t>
  </si>
  <si>
    <t>POINT (4.671237417484246 51.81477534623178)</t>
  </si>
  <si>
    <t>POINT (4.68559824019316 51.789735493350314)</t>
  </si>
  <si>
    <t>POINT (4.681245813913366 51.8012164164345)</t>
  </si>
  <si>
    <t>POINT (4.679115631832626 51.79986104001049)</t>
  </si>
  <si>
    <t>POINT (4.658329652002174 51.793561850522686)</t>
  </si>
  <si>
    <t>POINT (4.666107217806436 51.79597192742552)</t>
  </si>
  <si>
    <t>POINT (4.685155221194652 51.7952697282794)</t>
  </si>
  <si>
    <t>POINT (4.721682708115591 51.797904179499454)</t>
  </si>
  <si>
    <t>POINT (4.669505658754877 51.81369524198105)</t>
  </si>
  <si>
    <t>POINT (4.665472811814597 51.787655950014766)</t>
  </si>
  <si>
    <t>POINT (4.7120201357318585 51.799130035683895)</t>
  </si>
  <si>
    <t>3319TC</t>
  </si>
  <si>
    <t>POINT (4.703964403170397 51.78987560975346)</t>
  </si>
  <si>
    <t>POINT (4.668484265148662 51.783376553070035)</t>
  </si>
  <si>
    <t>POINT (4.686704420541583 51.808551914094046)</t>
  </si>
  <si>
    <t>POINT (4.686774872901016 51.811181905441416)</t>
  </si>
  <si>
    <t>POINT (4.662557244782293 51.76784983499542)</t>
  </si>
  <si>
    <t>POINT (4.6985235789146085 51.79655234725286)</t>
  </si>
  <si>
    <t>POINT (4.682458158247313 51.80704921011505)</t>
  </si>
  <si>
    <t>POINT (4.64149558634854 51.770247284053205)</t>
  </si>
  <si>
    <t>POINT (4.661808268351537 51.79435198102811)</t>
  </si>
  <si>
    <t>POINT (4.6628050413522235 51.79991978877563)</t>
  </si>
  <si>
    <t>POINT (4.660415986357189 51.809950155708066)</t>
  </si>
  <si>
    <t>POINT (4.722930832276581 51.80247675632719)</t>
  </si>
  <si>
    <t>POINT (4.678996792028151 51.78096201353628)</t>
  </si>
  <si>
    <t>POINT (4.675815758825052 51.78465856721326)</t>
  </si>
  <si>
    <t>POINT (4.669511603977679 51.81912928095745)</t>
  </si>
  <si>
    <t>POINT (4.677745770226514 51.78212139356351)</t>
  </si>
  <si>
    <t>POINT (4.6726687903630655 51.78352800477554)</t>
  </si>
  <si>
    <t>POINT (4.654579049258812 51.787197428881605)</t>
  </si>
  <si>
    <t>POINT (4.678725846563152 51.78627742595705)</t>
  </si>
  <si>
    <t>POINT (4.7033450618176795 51.79861373139742)</t>
  </si>
  <si>
    <t>POINT (4.666530990422906 51.8039683904227)</t>
  </si>
  <si>
    <t>POINT (4.662351150990715 51.80463714583139)</t>
  </si>
  <si>
    <t>POINT (4.675502109578431 51.77470393020433)</t>
  </si>
  <si>
    <t>POINT (4.673093061448081 51.817267785798826)</t>
  </si>
  <si>
    <t>POINT (4.7290631617393215 51.80402424418925)</t>
  </si>
  <si>
    <t>POINT (4.653365800892752 51.78117556528551)</t>
  </si>
  <si>
    <t>POINT (4.6760652988414195 51.81570657873077)</t>
  </si>
  <si>
    <t>POINT (4.679822722009735 51.78633290809031)</t>
  </si>
  <si>
    <t>POINT (4.650129720593446 51.794331000620346)</t>
  </si>
  <si>
    <t>POINT (4.661283509102819 51.805485495937425)</t>
  </si>
  <si>
    <t>POINT (4.674044743398492 51.77955632399003)</t>
  </si>
  <si>
    <t>POINT (4.662501108830945 51.79829030174532)</t>
  </si>
  <si>
    <t>POINT (4.67550045437876 51.80687720448841)</t>
  </si>
  <si>
    <t>POINT (4.652302955316598 51.785385555850866)</t>
  </si>
  <si>
    <t>POINT (4.7222695037006535 51.80080442150145)</t>
  </si>
  <si>
    <t>POINT (4.682513812051166 51.79877979251187)</t>
  </si>
  <si>
    <t>POINT (4.710519510643634 51.803509552610755)</t>
  </si>
  <si>
    <t>POINT (4.716126510980528 51.80119257075566)</t>
  </si>
  <si>
    <t>POINT (4.657866513523854 51.800749394377796)</t>
  </si>
  <si>
    <t>POINT (4.679132460458119 51.80799121997702)</t>
  </si>
  <si>
    <t>POINT (4.701232382042994 51.79703779320236)</t>
  </si>
  <si>
    <t>POINT (4.71663086195747 51.795335688910725)</t>
  </si>
  <si>
    <t>POINT (4.681281537243473 51.78707901157385)</t>
  </si>
  <si>
    <t>POINT (4.680499940299752 51.774894420163015)</t>
  </si>
  <si>
    <t>POINT (4.678184613615051 51.78565521221958)</t>
  </si>
  <si>
    <t>POINT (4.666637643752049 51.81248172356585)</t>
  </si>
  <si>
    <t>POINT (4.659333999422401 51.811696764616904)</t>
  </si>
  <si>
    <t>POINT (4.674302467305683 51.81275022444336)</t>
  </si>
  <si>
    <t>POINT (4.677184205236196 51.78991579815042)</t>
  </si>
  <si>
    <t>POINT (4.633760187998882 51.7745143106842)</t>
  </si>
  <si>
    <t>POINT (4.676529097321112 51.77743968661267)</t>
  </si>
  <si>
    <t>POINT (4.672721709679739 51.77175746857522)</t>
  </si>
  <si>
    <t>POINT (4.661481146024773 51.77106317627079)</t>
  </si>
  <si>
    <t>POINT (4.663482158444609 51.81125205168484)</t>
  </si>
  <si>
    <t>POINT (4.677554732485606 51.788642167049204)</t>
  </si>
  <si>
    <t>POINT (4.722172056495868 51.80389708622001)</t>
  </si>
  <si>
    <t>POINT (4.662484127793149 51.80004276782599)</t>
  </si>
  <si>
    <t>POINT (4.689206362849117 51.81851746536736)</t>
  </si>
  <si>
    <t>POINT (4.70729753124778 51.79678341110924)</t>
  </si>
  <si>
    <t>POINT (4.702085868702983 51.80430657139336)</t>
  </si>
  <si>
    <t>POINT (4.661364208941367 51.80900436553254)</t>
  </si>
  <si>
    <t>POINT (4.701738967076122 51.816823696186034)</t>
  </si>
  <si>
    <t>POINT (4.670774465621121 51.81610866901581)</t>
  </si>
  <si>
    <t>POINT (4.670207756885752 51.800390191415666)</t>
  </si>
  <si>
    <t>POINT (4.7099479403478535 51.80686511587263)</t>
  </si>
  <si>
    <t>POINT (4.659928037952262 51.79595111570072)</t>
  </si>
  <si>
    <t>POINT (4.678387683171237 51.7743149265996)</t>
  </si>
  <si>
    <t>POINT (4.655153941503038 51.807371966465965)</t>
  </si>
  <si>
    <t>POINT (4.667354619378769 51.80276986996532)</t>
  </si>
  <si>
    <t>POINT (4.693102941846719 51.81811439585873)</t>
  </si>
  <si>
    <t>POINT (4.651462196492457 51.79412212543895)</t>
  </si>
  <si>
    <t>POINT (4.714316621631499 51.814712793126084)</t>
  </si>
  <si>
    <t>POINT (4.668917402956283 51.79729910623297)</t>
  </si>
  <si>
    <t>POINT (4.708041788670253 51.79454043046122)</t>
  </si>
  <si>
    <t>POINT (4.68672058453737 51.809242906365455)</t>
  </si>
  <si>
    <t>POINT (4.712184424522505 51.816212805969734)</t>
  </si>
  <si>
    <t>POINT (4.664011674189724 51.79738398003202)</t>
  </si>
  <si>
    <t>POINT (4.667770621531677 51.81427347540199)</t>
  </si>
  <si>
    <t>POINT (4.669721784663575 51.77150764963002)</t>
  </si>
  <si>
    <t>POINT (4.681412456005208 51.80819978504426)</t>
  </si>
  <si>
    <t>POINT (4.634200401228025 51.770182044586264)</t>
  </si>
  <si>
    <t>POINT (4.662337951159743 51.791438295135094)</t>
  </si>
  <si>
    <t>POINT (4.671957698193197 51.78683692458793)</t>
  </si>
  <si>
    <t>POINT (4.656986215586297 51.79980576848793)</t>
  </si>
  <si>
    <t>POINT (4.673261640369875 51.805592811758096)</t>
  </si>
  <si>
    <t>POINT (4.631750074931011 51.769637027890326)</t>
  </si>
  <si>
    <t>POINT (4.705433110292962 51.815129821572796)</t>
  </si>
  <si>
    <t>POINT (4.693240615360648 51.80371200944398)</t>
  </si>
  <si>
    <t>POINT (4.673997922865293 51.81090782637446)</t>
  </si>
  <si>
    <t>POINT (4.716464130065208 51.800995609394434)</t>
  </si>
  <si>
    <t>POINT (4.6918246973257185 51.81161435082423)</t>
  </si>
  <si>
    <t>POINT (4.6673089234874885 51.79418431867181)</t>
  </si>
  <si>
    <t>POINT (4.669297803266423 51.77827975056475)</t>
  </si>
  <si>
    <t>POINT (4.677847080268451 51.81508985424993)</t>
  </si>
  <si>
    <t>POINT (4.688017741306273 51.80617535023012)</t>
  </si>
  <si>
    <t>POINT (4.6530985754271335 51.78117891781302)</t>
  </si>
  <si>
    <t>POINT (4.654502503871763 51.79204919266116)</t>
  </si>
  <si>
    <t>POINT (4.697689278673331 51.817743610790366)</t>
  </si>
  <si>
    <t>POINT (4.673021949182965 51.78281806145499)</t>
  </si>
  <si>
    <t>POINT (4.656865998202261 51.801064669586964)</t>
  </si>
  <si>
    <t>POINT (4.7174320961759655 51.799892334963886)</t>
  </si>
  <si>
    <t>POINT (4.651903699879814 51.80381426813562)</t>
  </si>
  <si>
    <t>POINT (4.678830733984109 51.785642378834275)</t>
  </si>
  <si>
    <t>POINT (4.703189557691598 51.798078763519584)</t>
  </si>
  <si>
    <t>POINT (4.671042815959658 51.80964582319576)</t>
  </si>
  <si>
    <t>POINT (4.680921722743306 51.78924709343647)</t>
  </si>
  <si>
    <t>POINT (4.735940041050935 51.80079853571762)</t>
  </si>
  <si>
    <t>POINT (4.734131296256481 51.80253688871797)</t>
  </si>
  <si>
    <t>POINT (4.669748862342132 51.808300187920295)</t>
  </si>
  <si>
    <t>POINT (4.689904222948997 51.809232159822244)</t>
  </si>
  <si>
    <t>POINT (4.654013374309284 51.7948264612788)</t>
  </si>
  <si>
    <t>3312TN</t>
  </si>
  <si>
    <t>Valkstraat</t>
  </si>
  <si>
    <t>POINT (4.687103433740956 51.81049812096303)</t>
  </si>
  <si>
    <t>POINT (4.6855557102194245 51.78499645626748)</t>
  </si>
  <si>
    <t>POINT (4.65527260240031 51.79200320468883)</t>
  </si>
  <si>
    <t>POINT (4.680188045017247 51.80478309135218)</t>
  </si>
  <si>
    <t>POINT (4.708153318597308 51.79722920716891)</t>
  </si>
  <si>
    <t>POINT (4.703474309006949 51.79022407659546)</t>
  </si>
  <si>
    <t>POINT (4.674453911436196 51.81476278181232)</t>
  </si>
  <si>
    <t>POINT (4.675819731137681 51.78477339497301)</t>
  </si>
  <si>
    <t>POINT (4.717013691472081 51.79560905511373)</t>
  </si>
  <si>
    <t>POINT (4.678560714070772 51.817604861287734)</t>
  </si>
  <si>
    <t>POINT (4.655837125650735 51.81283560638499)</t>
  </si>
  <si>
    <t>POINT (4.683363762996764 51.77468745407927)</t>
  </si>
  <si>
    <t>POINT (4.654717773221665 51.79846599255457)</t>
  </si>
  <si>
    <t>POINT (4.710333750576431 51.81134571007058)</t>
  </si>
  <si>
    <t>POINT (4.699755608629492 51.79882569632636)</t>
  </si>
  <si>
    <t>POINT (4.671178035958854 51.808983868196606)</t>
  </si>
  <si>
    <t>POINT (4.678317438085588 51.81440412857118)</t>
  </si>
  <si>
    <t>POINT (4.659315823273057 51.77184633793003)</t>
  </si>
  <si>
    <t>POINT (4.663575552070006 51.814651760057686)</t>
  </si>
  <si>
    <t>POINT (4.724261018259625 51.80331899151832)</t>
  </si>
  <si>
    <t>POINT (4.704661428186975 51.80872767525641)</t>
  </si>
  <si>
    <t>POINT (4.661641995611758 51.80609389242758)</t>
  </si>
  <si>
    <t>POINT (4.677534854919608 51.80772838495503)</t>
  </si>
  <si>
    <t>POINT (4.671971485372925 51.81490391093739)</t>
  </si>
  <si>
    <t>POINT (4.702483289691839 51.788508264443635)</t>
  </si>
  <si>
    <t>POINT (4.637247308711724 51.77821151896256)</t>
  </si>
  <si>
    <t>POINT (4.682777163487118 51.80596670533996)</t>
  </si>
  <si>
    <t>POINT (4.713610707887654 51.818506316169646)</t>
  </si>
  <si>
    <t>POINT (4.685731105823035 51.81127041139311)</t>
  </si>
  <si>
    <t>POINT (4.713959731754531 51.809225536616516)</t>
  </si>
  <si>
    <t>POINT (4.661406559416486 51.76932494221331)</t>
  </si>
  <si>
    <t>POINT (4.665117784092625 51.813884745600895)</t>
  </si>
  <si>
    <t>POINT (4.688934636960407 51.80450567300998)</t>
  </si>
  <si>
    <t>POINT (4.710282838857994 51.79587973102618)</t>
  </si>
  <si>
    <t>POINT (4.672859348009733 51.77343135841139)</t>
  </si>
  <si>
    <t>POINT (4.657736951610623 51.77212324142654)</t>
  </si>
  <si>
    <t>POINT (4.66799677418956 51.81491152943395)</t>
  </si>
  <si>
    <t>POINT (4.652900813953655 51.80207981472733)</t>
  </si>
  <si>
    <t>POINT (4.666761470805527 51.77632706786882)</t>
  </si>
  <si>
    <t>POINT (4.727051857664805 51.79214949942371)</t>
  </si>
  <si>
    <t>POINT (4.670795201216217 51.774216570162494)</t>
  </si>
  <si>
    <t>POINT (4.712709098508322 51.806348523107594)</t>
  </si>
  <si>
    <t>POINT (4.69310039759228 51.78745341942574)</t>
  </si>
  <si>
    <t>POINT (4.6822636301361 51.804420266212134)</t>
  </si>
  <si>
    <t>POINT (4.663035701391351 51.81630984338773)</t>
  </si>
  <si>
    <t>POINT (4.677914530017214 51.81722298447688)</t>
  </si>
  <si>
    <t>POINT (4.654816231575436 51.79307291622838)</t>
  </si>
  <si>
    <t>POINT (4.703360213053369 51.793772309005064)</t>
  </si>
  <si>
    <t>POINT (4.67810750343768 51.784703876798595)</t>
  </si>
  <si>
    <t>POINT (4.698577331293111 51.79712217578911)</t>
  </si>
  <si>
    <t>POINT (4.674221941340889 51.78030485706997)</t>
  </si>
  <si>
    <t>POINT (4.677412027777653 51.804185177831705)</t>
  </si>
  <si>
    <t>POINT (4.677604499153713 51.8180019825266)</t>
  </si>
  <si>
    <t>POINT (4.665462258077651 51.78734803091317)</t>
  </si>
  <si>
    <t>POINT (4.654061116735149 51.804033851952745)</t>
  </si>
  <si>
    <t>POINT (4.664557289961789 51.78867319240548)</t>
  </si>
  <si>
    <t>POINT (4.72958302504848 51.80039500305098)</t>
  </si>
  <si>
    <t>POINT (4.713131290352042 51.792078890080504)</t>
  </si>
  <si>
    <t>POINT (4.6850462684566665 51.77746720930043)</t>
  </si>
  <si>
    <t>POINT (4.671698147341685 51.79906504481025)</t>
  </si>
  <si>
    <t>POINT (4.672727114456646 51.787150285366316)</t>
  </si>
  <si>
    <t>POINT (4.670528862476532 51.77724200891732)</t>
  </si>
  <si>
    <t>POINT (4.663330295606228 51.812647758400466)</t>
  </si>
  <si>
    <t>POINT (4.646930680319105 51.77730201019099)</t>
  </si>
  <si>
    <t>POINT (4.669604185610438 51.81734885002759)</t>
  </si>
  <si>
    <t>POINT (4.662803005999598 51.796852922892604)</t>
  </si>
  <si>
    <t>POINT (4.673878780220041 51.811857393747744)</t>
  </si>
  <si>
    <t>POINT (4.675835931839843 51.799267138738685)</t>
  </si>
  <si>
    <t>POINT (4.66723336028819 51.800911199911)</t>
  </si>
  <si>
    <t>POINT (4.675140638990163 51.78063673681978)</t>
  </si>
  <si>
    <t>POINT (4.710317970619683 51.809847679448325)</t>
  </si>
  <si>
    <t>POINT (4.659648659621106 51.799299894411035)</t>
  </si>
  <si>
    <t>POINT (4.717180170711602 51.80354699332711)</t>
  </si>
  <si>
    <t>POINT (4.665753645933226 51.816231393054714)</t>
  </si>
  <si>
    <t>POINT (4.721181322081128 51.794801948788376)</t>
  </si>
  <si>
    <t>POINT (4.660253827670515 51.790474286078634)</t>
  </si>
  <si>
    <t>POINT (4.661319123551136 51.81324335690486)</t>
  </si>
  <si>
    <t>POINT (4.7020039252492865 51.82177971084795)</t>
  </si>
  <si>
    <t>POINT (4.668589901019884 51.77302561959573)</t>
  </si>
  <si>
    <t>POINT (4.653809218931608 51.78574285531861)</t>
  </si>
  <si>
    <t>POINT (4.6524301484736 51.792442026565475)</t>
  </si>
  <si>
    <t>POINT (4.725811510581095 51.799356334617904)</t>
  </si>
  <si>
    <t>POINT (4.668189692857185 51.793523495765044)</t>
  </si>
  <si>
    <t>POINT (4.67151550185277 51.805897443558386)</t>
  </si>
  <si>
    <t>POINT (4.694741549834194 51.79132378314857)</t>
  </si>
  <si>
    <t>POINT (4.713245111990068 51.80403665759594)</t>
  </si>
  <si>
    <t>POINT (4.652452677137444 51.79080251868428)</t>
  </si>
  <si>
    <t>POINT (4.707479060888841 51.7946630397894)</t>
  </si>
  <si>
    <t>POINT (4.668473719300765 51.80380962928393)</t>
  </si>
  <si>
    <t>POINT (4.678202048355544 51.80783686647958)</t>
  </si>
  <si>
    <t>POINT (4.697320309647121 51.79094866093108)</t>
  </si>
  <si>
    <t>POINT (4.655636165451821 51.791925014485386)</t>
  </si>
  <si>
    <t>POINT (4.6597098657534355 51.78990091311552)</t>
  </si>
  <si>
    <t>POINT (4.6908384790300035 51.806730805510576)</t>
  </si>
  <si>
    <t>POINT (4.709900429461619 51.79655604199508)</t>
  </si>
  <si>
    <t>POINT (4.658421188267685 51.78841987160851)</t>
  </si>
  <si>
    <t>POINT (4.689215495884412 51.81038237128534)</t>
  </si>
  <si>
    <t>POINT (4.671797808264586 51.81677699909834)</t>
  </si>
  <si>
    <t>POINT (4.709172486972791 51.819158620052484)</t>
  </si>
  <si>
    <t>POINT (4.725176466177004 51.805778858517556)</t>
  </si>
  <si>
    <t>POINT (4.649996339574604 51.79376084450648)</t>
  </si>
  <si>
    <t>POINT (4.667053261269036 51.79623893178914)</t>
  </si>
  <si>
    <t>POINT (4.674318869720551 51.79708994951993)</t>
  </si>
  <si>
    <t>POINT (4.664894317498742 51.77787712161665)</t>
  </si>
  <si>
    <t>POINT (4.6652101289564545 51.79922866834814)</t>
  </si>
  <si>
    <t>POINT (4.6301252267188495 51.72799086024773)</t>
  </si>
  <si>
    <t>POINT (4.672584833264388 51.77196894806946)</t>
  </si>
  <si>
    <t>POINT (4.659625728226464 51.76977326720839)</t>
  </si>
  <si>
    <t>POINT (4.6769197872089086 51.78627875571485)</t>
  </si>
  <si>
    <t>POINT (4.728486745159146 51.81544466083342)</t>
  </si>
  <si>
    <t>POINT (4.668452981821275 51.79197851383584)</t>
  </si>
  <si>
    <t>POINT (4.662124580067241 51.80520011885742)</t>
  </si>
  <si>
    <t>POINT (4.681118115089784 51.80660309140134)</t>
  </si>
  <si>
    <t>POINT (4.67574424846664 51.77396660823671)</t>
  </si>
  <si>
    <t>POINT (4.660473463606416 51.809968453096694)</t>
  </si>
  <si>
    <t>POINT (4.676055050673832 51.81682050902116)</t>
  </si>
  <si>
    <t>POINT (4.655509043233501 51.79025551258456)</t>
  </si>
  <si>
    <t>POINT (4.651463145159246 51.794139506565834)</t>
  </si>
  <si>
    <t>POINT (4.673556451648693 51.80521593901843)</t>
  </si>
  <si>
    <t>POINT (4.6694834183393965 51.80570460191711)</t>
  </si>
  <si>
    <t>POINT (4.662868190135948 51.81235814113589)</t>
  </si>
  <si>
    <t>POINT (4.685076574133736 51.789809621031715)</t>
  </si>
  <si>
    <t>POINT (4.721637402050946 51.80186857184146)</t>
  </si>
  <si>
    <t>POINT (4.683054760853413 51.80979887498616)</t>
  </si>
  <si>
    <t>POINT (4.653990999583185 51.79206132262872)</t>
  </si>
  <si>
    <t>POINT (4.675297104984175 51.81383431866358)</t>
  </si>
  <si>
    <t>POINT (4.659306956842778 51.812768173957245)</t>
  </si>
  <si>
    <t>POINT (4.729038065630703 51.803574078337256)</t>
  </si>
  <si>
    <t>POINT (4.721552092114562 51.81086445805713)</t>
  </si>
  <si>
    <t>POINT (4.68273033644606 51.80404497857502)</t>
  </si>
  <si>
    <t>POINT (4.683562579232884 51.811994948781575)</t>
  </si>
  <si>
    <t>POINT (4.655977529830503 51.81074892142461)</t>
  </si>
  <si>
    <t>POINT (4.637780175888013 51.7784195536113)</t>
  </si>
  <si>
    <t>POINT (4.656858420778548 51.78976716012667)</t>
  </si>
  <si>
    <t>POINT (4.733523308481422 51.79988339265397)</t>
  </si>
  <si>
    <t>POINT (4.6712018806444435 51.8154285878783)</t>
  </si>
  <si>
    <t>POINT (4.72124649959153 51.805343187962855)</t>
  </si>
  <si>
    <t>POINT (4.682940015829956 51.80272332014992)</t>
  </si>
  <si>
    <t>POINT (4.721101015295156 51.79929795717699)</t>
  </si>
  <si>
    <t>POINT (4.731937139106393 51.8023584201979)</t>
  </si>
  <si>
    <t>POINT (4.666153002155124 51.817471803527965)</t>
  </si>
  <si>
    <t>POINT (4.720716008718813 51.795289790148296)</t>
  </si>
  <si>
    <t>POINT (4.7094174112419624 51.8039895766196)</t>
  </si>
  <si>
    <t>3311RX</t>
  </si>
  <si>
    <t>Molen het Fortuin</t>
  </si>
  <si>
    <t>POINT (4.6759154475657425 51.81782669015518)</t>
  </si>
  <si>
    <t>POINT (4.664157524824608 51.81088102729718)</t>
  </si>
  <si>
    <t>POINT (4.716245866544783 51.815391604481725)</t>
  </si>
  <si>
    <t>POINT (4.659542218758048 51.79593275045122)</t>
  </si>
  <si>
    <t>POINT (4.661299824332085 51.815730854928745)</t>
  </si>
  <si>
    <t>POINT (4.677770000924426 51.80427345425179)</t>
  </si>
  <si>
    <t>POINT (4.730263114001104 51.80522783210614)</t>
  </si>
  <si>
    <t>POINT (4.7129056058049095 51.79552213748371)</t>
  </si>
  <si>
    <t>POINT (4.711007929167345 51.81017620118122)</t>
  </si>
  <si>
    <t>POINT (4.6998619900849405 51.81753244831556)</t>
  </si>
  <si>
    <t>POINT (4.677302497237256 51.775112070493456)</t>
  </si>
  <si>
    <t>POINT (4.678873481599333 51.81618156985403)</t>
  </si>
  <si>
    <t>POINT (4.658293472718881 51.80975253386115)</t>
  </si>
  <si>
    <t>POINT (4.664018184846914 51.79540914941185)</t>
  </si>
  <si>
    <t>3316EN</t>
  </si>
  <si>
    <t>POINT (4.640388963960523 51.762192426871756)</t>
  </si>
  <si>
    <t>POINT (4.671425702679715 51.807690748761196)</t>
  </si>
  <si>
    <t>POINT (4.6586560971353554 51.769921269393514)</t>
  </si>
  <si>
    <t>POINT (4.660877056463998 51.783118783947266)</t>
  </si>
  <si>
    <t>POINT (4.62911840511368 51.79692029994629)</t>
  </si>
  <si>
    <t>POINT (4.684159218943955 51.81262564580944)</t>
  </si>
  <si>
    <t>POINT (4.67118027296965 51.818867224385656)</t>
  </si>
  <si>
    <t>POINT (4.657174158936425 51.79795295560439)</t>
  </si>
  <si>
    <t>POINT (4.682008780837046 51.817648776204585)</t>
  </si>
  <si>
    <t>POINT (4.689621755922088 51.80797097154045)</t>
  </si>
  <si>
    <t>POINT (4.673417494983288 51.81112842091637)</t>
  </si>
  <si>
    <t>POINT (4.671799910919382 51.779589619517004)</t>
  </si>
  <si>
    <t>POINT (4.652293528745116 51.78771546228384)</t>
  </si>
  <si>
    <t>POINT (4.674006316600095 51.81710330054753)</t>
  </si>
  <si>
    <t>POINT (4.709355322317307 51.79922162658591)</t>
  </si>
  <si>
    <t>POINT (4.673822273455814 51.77765229548554)</t>
  </si>
  <si>
    <t>POINT (4.681615937357259 51.7856191473605)</t>
  </si>
  <si>
    <t>POINT (4.666854104656418 51.79628262566284)</t>
  </si>
  <si>
    <t>POINT (4.685381570458825 51.78858886781153)</t>
  </si>
  <si>
    <t>POINT (4.631466640268977 51.78352951987208)</t>
  </si>
  <si>
    <t>POINT (4.712930369447433 51.80938735459868)</t>
  </si>
  <si>
    <t>POINT (4.712496216378389 51.803055206623995)</t>
  </si>
  <si>
    <t>POINT (4.717954835576141 51.800024601530154)</t>
  </si>
  <si>
    <t>POINT (4.657955826656876 51.77218296642541)</t>
  </si>
  <si>
    <t>POINT (4.653597389435785 51.79151609656443)</t>
  </si>
  <si>
    <t>POINT (4.6719607097805405 51.80920159209622)</t>
  </si>
  <si>
    <t>POINT (4.671188063701267 51.80524028792308)</t>
  </si>
  <si>
    <t>POINT (4.714065381545526 51.8140007376389)</t>
  </si>
  <si>
    <t>POINT (4.677699225239451 51.78010260022546)</t>
  </si>
  <si>
    <t>POINT (4.663407264217225 51.79065255219825)</t>
  </si>
  <si>
    <t>POINT (4.681727088872185 51.77373674598289)</t>
  </si>
  <si>
    <t>POINT (4.712484822158409 51.81051603242223)</t>
  </si>
  <si>
    <t>POINT (4.717740603488949 51.79880845543938)</t>
  </si>
  <si>
    <t>POINT (4.709105228599452 51.79559849788352)</t>
  </si>
  <si>
    <t>POINT (4.681469155820485 51.789138038410655)</t>
  </si>
  <si>
    <t>POINT (4.719150657985279 51.81147983668792)</t>
  </si>
  <si>
    <t>POINT (4.661076581204728 51.79126042819492)</t>
  </si>
  <si>
    <t>POINT (4.672345186128905 51.818792007400035)</t>
  </si>
  <si>
    <t>POINT (4.658027210049908 51.79151015051501)</t>
  </si>
  <si>
    <t>POINT (4.677217600270404 51.7900226690855)</t>
  </si>
  <si>
    <t>POINT (4.70711441432242 51.794551372742134)</t>
  </si>
  <si>
    <t>POINT (4.67509631110976 51.80553102614914)</t>
  </si>
  <si>
    <t>POINT (4.663711768375918 51.79454372486933)</t>
  </si>
  <si>
    <t>POINT (4.719178906418506 51.803861962945355)</t>
  </si>
  <si>
    <t>POINT (4.663651225827644 51.81453703672926)</t>
  </si>
  <si>
    <t>POINT (4.726567022466248 51.80012632448628)</t>
  </si>
  <si>
    <t>POINT (4.660298712523633 51.7905645861071)</t>
  </si>
  <si>
    <t>POINT (4.717371122248615 51.80128121858578)</t>
  </si>
  <si>
    <t>POINT (4.712303226047452 51.807118305204455)</t>
  </si>
  <si>
    <t>POINT (4.661547584014486 51.80941891629667)</t>
  </si>
  <si>
    <t>POINT (4.662196120003741 51.805771935944136)</t>
  </si>
  <si>
    <t>POINT (4.732992737745032 51.80203119159614)</t>
  </si>
  <si>
    <t>POINT (4.675935988687838 51.78519294637608)</t>
  </si>
  <si>
    <t>POINT (4.66501980929283 51.8180155269838)</t>
  </si>
  <si>
    <t>POINT (4.658093722236806 51.80051386443127)</t>
  </si>
  <si>
    <t>POINT (4.73444764225503 51.79945843236296)</t>
  </si>
  <si>
    <t>POINT (4.668313980435743 51.793105923475586)</t>
  </si>
  <si>
    <t>POINT (4.667770494573259 51.81426234664343)</t>
  </si>
  <si>
    <t>POINT (4.672884590620409 51.81118559116807)</t>
  </si>
  <si>
    <t>POINT (4.694128186827869 51.793297076691374)</t>
  </si>
  <si>
    <t>POINT (4.661049872401198 51.770492634940354)</t>
  </si>
  <si>
    <t>POINT (4.678597677941669 51.78634224230716)</t>
  </si>
  <si>
    <t>POINT (4.630086000682989 51.72223866643162)</t>
  </si>
  <si>
    <t>POINT (4.658976847164013 51.80091476180989)</t>
  </si>
  <si>
    <t>POINT (4.674806590267914 51.81505980550388)</t>
  </si>
  <si>
    <t>POINT (4.713493650095127 51.7933440491259)</t>
  </si>
  <si>
    <t>POINT (4.659403243517764 51.798054686934954)</t>
  </si>
  <si>
    <t>POINT (4.699068358946907 51.81769988531349)</t>
  </si>
  <si>
    <t>POINT (4.669117780595896 51.80219528553321)</t>
  </si>
  <si>
    <t>POINT (4.675810074707917 51.8032604018606)</t>
  </si>
  <si>
    <t>POINT (4.661424328509556 51.787198929496064)</t>
  </si>
  <si>
    <t>POINT (4.670152103977317 51.77054140550937)</t>
  </si>
  <si>
    <t>POINT (4.680368591988515 51.77662452958084)</t>
  </si>
  <si>
    <t>POINT (4.73354008899324 51.80226374890262)</t>
  </si>
  <si>
    <t>POINT (4.673167937571399 51.77911381481453)</t>
  </si>
  <si>
    <t>POINT (4.712615543856193 51.81456104295332)</t>
  </si>
  <si>
    <t>POINT (4.697197471746057 51.79005740341632)</t>
  </si>
  <si>
    <t>POINT (4.663537274650087 51.79230396775939)</t>
  </si>
  <si>
    <t>POINT (4.6699292779854895 51.79410736248197)</t>
  </si>
  <si>
    <t>POINT (4.660479780553145 51.796794852303734)</t>
  </si>
  <si>
    <t>POINT (4.700014026215037 51.799043522371825)</t>
  </si>
  <si>
    <t>POINT (4.640076889998676 51.782695297675915)</t>
  </si>
  <si>
    <t>POINT (4.6855662029346945 51.807681285061946)</t>
  </si>
  <si>
    <t>POINT (4.667327656422677 51.7949552502981)</t>
  </si>
  <si>
    <t>POINT (4.674230763297069 51.81909637289053)</t>
  </si>
  <si>
    <t>POINT (4.673623686790001 51.77611853950331)</t>
  </si>
  <si>
    <t>POINT (4.659695505546708 51.79323536435692)</t>
  </si>
  <si>
    <t>POINT (4.715600377385106 51.8032164018885)</t>
  </si>
  <si>
    <t>POINT (4.716196894953702 51.80251719002752)</t>
  </si>
  <si>
    <t>POINT (4.654601206120055 51.78760471109339)</t>
  </si>
  <si>
    <t>POINT (4.682653716709597 51.77585943457113)</t>
  </si>
  <si>
    <t>POINT (4.662809356255656 51.786344502680535)</t>
  </si>
  <si>
    <t>POINT (4.659790984936316 51.79175321557863)</t>
  </si>
  <si>
    <t>3311ZT</t>
  </si>
  <si>
    <t>Vredehof</t>
  </si>
  <si>
    <t>POINT (4.677535809604466 51.81483187628756)</t>
  </si>
  <si>
    <t>POINT (4.653142660433212 51.7915376204768)</t>
  </si>
  <si>
    <t>POINT (4.666852204755772 51.81243777383732)</t>
  </si>
  <si>
    <t>POINT (4.666820414392805 51.79252378612827)</t>
  </si>
  <si>
    <t>POINT (4.65752471307087 51.784207679800055)</t>
  </si>
  <si>
    <t>POINT (4.7117642321954225 51.799169308363936)</t>
  </si>
  <si>
    <t>POINT (4.6320742754938635 51.722465797332084)</t>
  </si>
  <si>
    <t>POINT (4.675173606143458 51.80340898032704)</t>
  </si>
  <si>
    <t>POINT (4.658361580438825 51.7962079727264)</t>
  </si>
  <si>
    <t>POINT (4.673957975883081 51.81569446452052)</t>
  </si>
  <si>
    <t>POINT (4.659619764519462 51.80522587199379)</t>
  </si>
  <si>
    <t>POINT (4.664205821007055 51.776569965064866)</t>
  </si>
  <si>
    <t>POINT (4.6759205035116045 51.78537908034174)</t>
  </si>
  <si>
    <t>POINT (4.677869719323133 51.803567807706514)</t>
  </si>
  <si>
    <t>POINT (4.684338029387832 51.78505563775722)</t>
  </si>
  <si>
    <t>POINT (4.719763348493305 51.80510015759455)</t>
  </si>
  <si>
    <t>POINT (4.666161280634834 51.81279223284805)</t>
  </si>
  <si>
    <t>POINT (4.676648563359167 51.77425385060069)</t>
  </si>
  <si>
    <t>POINT (4.677107368893435 51.812990715563664)</t>
  </si>
  <si>
    <t>POINT (4.7225965028204095 51.79797405954374)</t>
  </si>
  <si>
    <t>POINT (4.71919104069498 51.804095997448755)</t>
  </si>
  <si>
    <t>POINT (4.682388524478229 51.818608942806215)</t>
  </si>
  <si>
    <t>3312RR</t>
  </si>
  <si>
    <t>POINT (4.689887331054721 51.807267667963536)</t>
  </si>
  <si>
    <t>POINT (4.73065251475673 51.801639240237265)</t>
  </si>
  <si>
    <t>POINT (4.693182096853573 51.79617943705442)</t>
  </si>
  <si>
    <t>POINT (4.667145979031639 51.80106109840162)</t>
  </si>
  <si>
    <t>POINT (4.665106740014828 51.80314000950025)</t>
  </si>
  <si>
    <t>POINT (4.6795143628465405 51.80264500148402)</t>
  </si>
  <si>
    <t>POINT (4.658137028970286 51.80724817592679)</t>
  </si>
  <si>
    <t>POINT (4.664451664652302 51.77800046149904)</t>
  </si>
  <si>
    <t>POINT (4.674022730013349 51.81706598945727)</t>
  </si>
  <si>
    <t>POINT (4.676595446918664 51.77798560419178)</t>
  </si>
  <si>
    <t>POINT (4.713563181316718 51.81486364162295)</t>
  </si>
  <si>
    <t>POINT (4.679931342180099 51.780017367055855)</t>
  </si>
  <si>
    <t>POINT (4.658882479381722 51.80362149929812)</t>
  </si>
  <si>
    <t>POINT (4.701745166442118 51.79532814364556)</t>
  </si>
  <si>
    <t>POINT (4.678311753461146 51.78138091962168)</t>
  </si>
  <si>
    <t>POINT (4.724401647373531 51.798207342132706)</t>
  </si>
  <si>
    <t>POINT (4.687728755541609 51.80883414721211)</t>
  </si>
  <si>
    <t>POINT (4.655433678625386 51.79198504561602)</t>
  </si>
  <si>
    <t>POINT (4.670607346663822 51.804139683091144)</t>
  </si>
  <si>
    <t>POINT (4.683984886359041 51.77935263905122)</t>
  </si>
  <si>
    <t>POINT (4.699669382499434 51.79001066774607)</t>
  </si>
  <si>
    <t>POINT (4.72361029573844 51.804433464210724)</t>
  </si>
  <si>
    <t>POINT (4.655135148091766 51.78806995649028)</t>
  </si>
  <si>
    <t>POINT (4.720089656142166 51.81253639923122)</t>
  </si>
  <si>
    <t>POINT (4.650602075345046 51.79314757424139)</t>
  </si>
  <si>
    <t>POINT (4.728210586690614 51.80464451995049)</t>
  </si>
  <si>
    <t>POINT (4.693130227290836 51.81823093327886)</t>
  </si>
  <si>
    <t>POINT (4.713764136264826 51.81929993113032)</t>
  </si>
  <si>
    <t>POINT (4.716983342837676 51.80056975483852)</t>
  </si>
  <si>
    <t>POINT (4.680374625119075 51.773705043437076)</t>
  </si>
  <si>
    <t>POINT (4.713193702377398 51.81624674106852)</t>
  </si>
  <si>
    <t>POINT (4.669016341921815 51.78154270897975)</t>
  </si>
  <si>
    <t>POINT (4.684408910593957 51.78566072274556)</t>
  </si>
  <si>
    <t>POINT (4.709278251185124 51.79424463682119)</t>
  </si>
  <si>
    <t>POINT (4.731874276525028 51.80072781801974)</t>
  </si>
  <si>
    <t>POINT (4.672091852601374 51.81750894972571)</t>
  </si>
  <si>
    <t>POINT (4.705729559941355 51.8078351349261)</t>
  </si>
  <si>
    <t>POINT (4.733259685603155 51.79675936028252)</t>
  </si>
  <si>
    <t>POINT (4.671265302328006 51.817748995484564)</t>
  </si>
  <si>
    <t>POINT (4.6710090686491075 51.81869014568884)</t>
  </si>
  <si>
    <t>POINT (4.682448726236149 51.81127557149145)</t>
  </si>
  <si>
    <t>POINT (4.727944658877072 51.79736314417707)</t>
  </si>
  <si>
    <t>POINT (4.685495159183713 51.785035554419345)</t>
  </si>
  <si>
    <t>POINT (4.7147250607101565 51.80495845810869)</t>
  </si>
  <si>
    <t>POINT (4.7277661373335755 51.79788220591321)</t>
  </si>
  <si>
    <t>POINT (4.6600497421390905 51.80193874753944)</t>
  </si>
  <si>
    <t>POINT (4.713791738203549 51.80522341213662)</t>
  </si>
  <si>
    <t>POINT (4.675770470026837 51.8040568464127)</t>
  </si>
  <si>
    <t>POINT (4.673730314953321 51.81219904952117)</t>
  </si>
  <si>
    <t>POINT (4.6838658949688785 51.78547375727545)</t>
  </si>
  <si>
    <t>POINT (4.67480218759234 51.78770129268068)</t>
  </si>
  <si>
    <t>POINT (4.669223721980656 51.81277815566081)</t>
  </si>
  <si>
    <t>POINT (4.660415464755828 51.77086912594354)</t>
  </si>
  <si>
    <t>POINT (4.703524920110467 51.79773831304345)</t>
  </si>
  <si>
    <t>POINT (4.687616011414778 51.80584346721258)</t>
  </si>
  <si>
    <t>POINT (4.715927478796273 51.80410419472515)</t>
  </si>
  <si>
    <t>POINT (4.681512697130593 51.802964836396946)</t>
  </si>
  <si>
    <t>POINT (4.709132761458018 51.79042045865618)</t>
  </si>
  <si>
    <t>POINT (4.698721795641113 51.79130169073819)</t>
  </si>
  <si>
    <t>POINT (4.687770951872351 51.80887718477023)</t>
  </si>
  <si>
    <t>POINT (4.686677147697057 51.782568436902615)</t>
  </si>
  <si>
    <t>POINT (4.672596247060591 51.803715601015234)</t>
  </si>
  <si>
    <t>POINT (4.674966853002792 51.78014200405086)</t>
  </si>
  <si>
    <t>POINT (4.672984486832651 51.7891128181011)</t>
  </si>
  <si>
    <t>POINT (4.700770145820682 51.7905593015979)</t>
  </si>
  <si>
    <t>POINT (4.690556565228295 51.80582449495314)</t>
  </si>
  <si>
    <t>POINT (4.666555335657065 51.81688071666285)</t>
  </si>
  <si>
    <t>POINT (4.657341490489361 51.805810378880224)</t>
  </si>
  <si>
    <t>POINT (4.63041117655957 51.78402361238775)</t>
  </si>
  <si>
    <t>POINT (4.66121035842685 51.788827411099575)</t>
  </si>
  <si>
    <t>POINT (4.6689341817774554 51.80791687946397)</t>
  </si>
  <si>
    <t>3317ZC</t>
  </si>
  <si>
    <t>Fregatstraat</t>
  </si>
  <si>
    <t>POINT (4.653215091526834 51.794539997248975)</t>
  </si>
  <si>
    <t>POINT (4.676290840794152 51.78944334416836)</t>
  </si>
  <si>
    <t>POINT (4.73000319863844 51.801898657687175)</t>
  </si>
  <si>
    <t>POINT (4.673521506145562 51.80497875789872)</t>
  </si>
  <si>
    <t>POINT (4.663618255036342 51.79231152339583)</t>
  </si>
  <si>
    <t>POINT (4.661084878753576 51.792304679398256)</t>
  </si>
  <si>
    <t>POINT (4.7116312033923275 51.80500660919026)</t>
  </si>
  <si>
    <t>POINT (4.66666815834158 51.77263991597404)</t>
  </si>
  <si>
    <t>POINT (4.660058542207272 51.792411184594)</t>
  </si>
  <si>
    <t>POINT (4.722956829303114 51.80269226239276)</t>
  </si>
  <si>
    <t>POINT (4.712314131496255 51.805519629144705)</t>
  </si>
  <si>
    <t>POINT (4.667861183242322 51.80335569526888)</t>
  </si>
  <si>
    <t>3328LH</t>
  </si>
  <si>
    <t>Vinkenbaan</t>
  </si>
  <si>
    <t>POINT (4.660326230470865 51.77262990471157)</t>
  </si>
  <si>
    <t>POINT (4.695717460409513 51.796974704981885)</t>
  </si>
  <si>
    <t>POINT (4.728382671493555 51.803661428269535)</t>
  </si>
  <si>
    <t>POINT (4.668945007975543 51.80103326709022)</t>
  </si>
  <si>
    <t>POINT (4.710285647419753 51.7914517525195)</t>
  </si>
  <si>
    <t>POINT (4.708503581139721 51.78924749356708)</t>
  </si>
  <si>
    <t>POINT (4.711882130533995 51.803681050257985)</t>
  </si>
  <si>
    <t>POINT (4.731707682979942 51.79538166640883)</t>
  </si>
  <si>
    <t>POINT (4.694280068814205 51.79327181681245)</t>
  </si>
  <si>
    <t>POINT (4.729617485470225 51.802900887056055)</t>
  </si>
  <si>
    <t>POINT (4.68607267702498 51.788839029776604)</t>
  </si>
  <si>
    <t>POINT (4.733505841216932 51.79997524909976)</t>
  </si>
  <si>
    <t>POINT (4.658412718797909 51.807600887896)</t>
  </si>
  <si>
    <t>POINT (4.653208789253688 51.79500570774326)</t>
  </si>
  <si>
    <t>POINT (4.670689577894922 51.790737777833435)</t>
  </si>
  <si>
    <t>POINT (4.683220460461577 51.80196191850743)</t>
  </si>
  <si>
    <t>POINT (4.654099265437175 51.791851681391364)</t>
  </si>
  <si>
    <t>POINT (4.655718263009845 51.79051100011035)</t>
  </si>
  <si>
    <t>POINT (4.714926892514288 51.81600493735208)</t>
  </si>
  <si>
    <t>POINT (4.700256396471547 51.79728435872945)</t>
  </si>
  <si>
    <t>POINT (4.6853124150937155 51.808675495910215)</t>
  </si>
  <si>
    <t>POINT (4.712258460942077 51.79950587425321)</t>
  </si>
  <si>
    <t>POINT (4.67508840065413 51.80731372953385)</t>
  </si>
  <si>
    <t>POINT (4.707984812322627 51.788312797601705)</t>
  </si>
  <si>
    <t>POINT (4.665034056351103 51.77518634679033)</t>
  </si>
  <si>
    <t>POINT (4.676690082074209 51.80420930256044)</t>
  </si>
  <si>
    <t>POINT (4.655588863176609 51.78362171899127)</t>
  </si>
  <si>
    <t>POINT (4.65560371531938 51.80062479966363)</t>
  </si>
  <si>
    <t>POINT (4.707924016802408 51.78918261166594)</t>
  </si>
  <si>
    <t>POINT (4.664512272760074 51.81015986631987)</t>
  </si>
  <si>
    <t>POINT (4.690616227973074 51.78741651034882)</t>
  </si>
  <si>
    <t>POINT (4.685012909896944 51.782217077403274)</t>
  </si>
  <si>
    <t>POINT (4.733060046091491 51.802057714796234)</t>
  </si>
  <si>
    <t>POINT (4.661914734760845 51.799428179897006)</t>
  </si>
  <si>
    <t>POINT (4.6777275646395635 51.790780283137735)</t>
  </si>
  <si>
    <t>POINT (4.660247088476886 51.80571144616762)</t>
  </si>
  <si>
    <t>POINT (4.652472992964756 51.78570216998163)</t>
  </si>
  <si>
    <t>POINT (4.690417460126636 51.80679635042604)</t>
  </si>
  <si>
    <t>POINT (4.679382400485652 51.80430380292266)</t>
  </si>
  <si>
    <t>POINT (4.660078892213253 51.78752885160729)</t>
  </si>
  <si>
    <t>POINT (4.686447074371155 51.80866511789498)</t>
  </si>
  <si>
    <t>POINT (4.676208581386899 51.80827941608356)</t>
  </si>
  <si>
    <t>POINT (4.680349685659545 51.77364881258873)</t>
  </si>
  <si>
    <t>POINT (4.716308715776379 51.80136074765893)</t>
  </si>
  <si>
    <t>POINT (4.67496145140336 51.77947792166867)</t>
  </si>
  <si>
    <t>POINT (4.721509479619764 51.810869897157126)</t>
  </si>
  <si>
    <t>POINT (4.6919295694386065 51.81921647025531)</t>
  </si>
  <si>
    <t>POINT (4.692912557124591 51.788920941578404)</t>
  </si>
  <si>
    <t>POINT (4.654928582577488 51.80069188636198)</t>
  </si>
  <si>
    <t>POINT (4.667925485529178 51.816577287031215)</t>
  </si>
  <si>
    <t>POINT (4.681803150741203 51.77419151063169)</t>
  </si>
  <si>
    <t>POINT (4.676152709785276 51.776417528722725)</t>
  </si>
  <si>
    <t>POINT (4.667903718403978 51.81657715362177)</t>
  </si>
  <si>
    <t>POINT (4.714477415502151 51.80315907530427)</t>
  </si>
  <si>
    <t>POINT (4.656869830037084 51.78996043449592)</t>
  </si>
  <si>
    <t>POINT (4.664245896875741 51.790471342666294)</t>
  </si>
  <si>
    <t>POINT (4.68497619437888 51.80197952256995)</t>
  </si>
  <si>
    <t>POINT (4.67873776338288 51.77500186446825)</t>
  </si>
  <si>
    <t>POINT (4.686799437878455 51.815550666910156)</t>
  </si>
  <si>
    <t>POINT (4.683106372087622 51.79791659864593)</t>
  </si>
  <si>
    <t>POINT (4.706169148830736 51.79849529194774)</t>
  </si>
  <si>
    <t>3319GJ</t>
  </si>
  <si>
    <t>Noorderlicht</t>
  </si>
  <si>
    <t>POINT (4.707192752909113 51.80221993552498)</t>
  </si>
  <si>
    <t>POINT (4.654036904619278 51.80194955392646)</t>
  </si>
  <si>
    <t>POINT (4.675409213460016 51.78328538706208)</t>
  </si>
  <si>
    <t>POINT (4.712441941866263 51.809251515196124)</t>
  </si>
  <si>
    <t>POINT (4.6644804460863485 51.816797117704965)</t>
  </si>
  <si>
    <t>POINT (4.722323338565739 51.81687603147732)</t>
  </si>
  <si>
    <t>POINT (4.676062862182654 51.81542342095166)</t>
  </si>
  <si>
    <t>POINT (4.684852998195049 51.809043781252385)</t>
  </si>
  <si>
    <t>POINT (4.693543832473515 51.79564476376845)</t>
  </si>
  <si>
    <t>POINT (4.663467682861057 51.80111119464693)</t>
  </si>
  <si>
    <t>POINT (4.673941026397912 51.80545217177723)</t>
  </si>
  <si>
    <t>POINT (4.7165107042536745 51.81263741827222)</t>
  </si>
  <si>
    <t>POINT (4.661237174736818 51.773835964103995)</t>
  </si>
  <si>
    <t>POINT (4.68096690610006 51.80061497740505)</t>
  </si>
  <si>
    <t>POINT (4.686577861235031 51.78968634631679)</t>
  </si>
  <si>
    <t>POINT (4.6716840673223325 51.77588158236932)</t>
  </si>
  <si>
    <t>POINT (4.684477359656738 51.80889381259863)</t>
  </si>
  <si>
    <t>POINT (4.717914794043402 51.799550671292906)</t>
  </si>
  <si>
    <t>POINT (4.7187410435791195 51.81287895835988)</t>
  </si>
  <si>
    <t>POINT (4.66342741854366 51.78888221631498)</t>
  </si>
  <si>
    <t>POINT (4.6847922773083095 51.8057908321715)</t>
  </si>
  <si>
    <t>POINT (4.714674370151505 51.81037091326973)</t>
  </si>
  <si>
    <t>POINT (4.662776403703586 51.79989930649922)</t>
  </si>
  <si>
    <t>POINT (4.707683273648528 51.78996451695151)</t>
  </si>
  <si>
    <t>POINT (4.710557146643231 51.787460858858026)</t>
  </si>
  <si>
    <t>POINT (4.675034973603486 51.80562952935361)</t>
  </si>
  <si>
    <t>3317AD</t>
  </si>
  <si>
    <t>POINT (4.651650122777764 51.79335044549922)</t>
  </si>
  <si>
    <t>POINT (4.671723037141318 51.81535282780497)</t>
  </si>
  <si>
    <t>POINT (4.665824031992761 51.81630554184818)</t>
  </si>
  <si>
    <t>POINT (4.666574652602186 51.78928375568583)</t>
  </si>
  <si>
    <t>POINT (4.669743865159711 51.81261126209006)</t>
  </si>
  <si>
    <t>POINT (4.668392356640828 51.803781050222725)</t>
  </si>
  <si>
    <t>POINT (4.656588141338988 51.81186365465681)</t>
  </si>
  <si>
    <t>POINT (4.669537914134266 51.80451252342782)</t>
  </si>
  <si>
    <t>POINT (4.667040571210336 51.78798368642646)</t>
  </si>
  <si>
    <t>POINT (4.665620549813929 51.79964134727204)</t>
  </si>
  <si>
    <t>POINT (4.668490887809976 51.79056183049415)</t>
  </si>
  <si>
    <t>POINT (4.6586711831278365 51.81254431157028)</t>
  </si>
  <si>
    <t>POINT (4.68044553455855 51.80419128213221)</t>
  </si>
  <si>
    <t>POINT (4.696529949283493 51.793891109154636)</t>
  </si>
  <si>
    <t>POINT (4.658678452276065 51.8119984288928)</t>
  </si>
  <si>
    <t>POINT (4.672596089365723 51.80630398068255)</t>
  </si>
  <si>
    <t>POINT (4.680896516939057 51.8135844973064)</t>
  </si>
  <si>
    <t>POINT (4.686660563303877 51.782581847861685)</t>
  </si>
  <si>
    <t>POINT (4.668328507010782 51.8179091989403)</t>
  </si>
  <si>
    <t>POINT (4.686363886488161 51.808792799465095)</t>
  </si>
  <si>
    <t>POINT (4.679171993163175 51.77991944709704)</t>
  </si>
  <si>
    <t>POINT (4.687877388747553 51.81473538811271)</t>
  </si>
  <si>
    <t>POINT (4.6720281488057696 51.81826526357508)</t>
  </si>
  <si>
    <t>POINT (4.651606399178788 51.808817491348336)</t>
  </si>
  <si>
    <t>POINT (4.676579984312448 51.78373827126887)</t>
  </si>
  <si>
    <t>POINT (4.6694706057930455 51.80820311640494)</t>
  </si>
  <si>
    <t>POINT (4.686800013174843 51.80712610020128)</t>
  </si>
  <si>
    <t>POINT (4.712805216004238 51.79819455328252)</t>
  </si>
  <si>
    <t>POINT (4.668604370400695 51.808214425983124)</t>
  </si>
  <si>
    <t>POINT (4.674471266996937 51.78647619937951)</t>
  </si>
  <si>
    <t>POINT (4.727325083827512 51.80105874840124)</t>
  </si>
  <si>
    <t>POINT (4.680805268990691 51.77437314384796)</t>
  </si>
  <si>
    <t>POINT (4.703525001898043 51.804145682004666)</t>
  </si>
  <si>
    <t>POINT (4.704262605705831 51.81676946577225)</t>
  </si>
  <si>
    <t>POINT (4.679035419832212 51.8136372717163)</t>
  </si>
  <si>
    <t>POINT (4.691306895031547 51.793218407621175)</t>
  </si>
  <si>
    <t>POINT (4.68605910958464 51.788757942641716)</t>
  </si>
  <si>
    <t>POINT (4.71995099990761 51.80003868502522)</t>
  </si>
  <si>
    <t>POINT (4.721084365634986 51.81122685051187)</t>
  </si>
  <si>
    <t>POINT (4.67735971528691 51.80667218103136)</t>
  </si>
  <si>
    <t>3311HA</t>
  </si>
  <si>
    <t>Nieuwe Lampetsteeg</t>
  </si>
  <si>
    <t>POINT (4.667978679074604 51.81367859475834)</t>
  </si>
  <si>
    <t>POINT (4.686209679806695 51.81146550267894)</t>
  </si>
  <si>
    <t>POINT (4.67244527476526 51.805607014675516)</t>
  </si>
  <si>
    <t>POINT (4.725848630049035 51.79189686506439)</t>
  </si>
  <si>
    <t>POINT (4.685500543837713 51.784941861548106)</t>
  </si>
  <si>
    <t>POINT (4.68129574745879 51.80126447370673)</t>
  </si>
  <si>
    <t>POINT (4.670505850104485 51.81775832855372)</t>
  </si>
  <si>
    <t>POINT (4.673279389620212 51.7718870573096)</t>
  </si>
  <si>
    <t>POINT (4.720938743053032 51.800607265971045)</t>
  </si>
  <si>
    <t>POINT (4.689387906154886 51.808292507876445)</t>
  </si>
  <si>
    <t>POINT (4.668017504330853 51.79438867202793)</t>
  </si>
  <si>
    <t>POINT (4.7115353503192035 51.80634675017882)</t>
  </si>
  <si>
    <t>POINT (4.671267155891487 51.81857653955778)</t>
  </si>
  <si>
    <t>POINT (4.657789477849769 51.80237596858873)</t>
  </si>
  <si>
    <t>POINT (4.72891843131602 51.797060130456124)</t>
  </si>
  <si>
    <t>POINT (4.733024872893307 51.800235531077696)</t>
  </si>
  <si>
    <t>POINT (4.708398675220759 51.80417085836137)</t>
  </si>
  <si>
    <t>POINT (4.675284276293575 51.81485610869403)</t>
  </si>
  <si>
    <t>POINT (4.673110216701659 51.81723038946074)</t>
  </si>
  <si>
    <t>3312AR</t>
  </si>
  <si>
    <t>Vlotlaan</t>
  </si>
  <si>
    <t>POINT (4.688509812726065 51.81490309013471)</t>
  </si>
  <si>
    <t>POINT (4.65797728231602 51.80242683444783)</t>
  </si>
  <si>
    <t>POINT (4.717457240503553 51.802250758342836)</t>
  </si>
  <si>
    <t>POINT (4.652256281884935 51.80392499768563)</t>
  </si>
  <si>
    <t>POINT (4.685182030828367 51.78803175047905)</t>
  </si>
  <si>
    <t>POINT (4.694806906219009 51.79087717097392)</t>
  </si>
  <si>
    <t>POINT (4.660993084170342 51.80908134957035)</t>
  </si>
  <si>
    <t>POINT (4.6556535093780305 51.810440774118426)</t>
  </si>
  <si>
    <t>POINT (4.720868492614507 51.799711849484446)</t>
  </si>
  <si>
    <t>POINT (4.662545336816447 51.81340741016912)</t>
  </si>
  <si>
    <t>POINT (4.712097360626057 51.793139494504636)</t>
  </si>
  <si>
    <t>POINT (4.671803788153729 51.79285804488395)</t>
  </si>
  <si>
    <t>POINT (4.719681322812172 51.81207253786428)</t>
  </si>
  <si>
    <t>POINT (4.657462814051474 51.81257475388363)</t>
  </si>
  <si>
    <t>POINT (4.680847080500137 51.78541501605842)</t>
  </si>
  <si>
    <t>POINT (4.689113087965855 51.808290972173936)</t>
  </si>
  <si>
    <t>POINT (4.652988666010165 51.79114829948385)</t>
  </si>
  <si>
    <t>POINT (4.661399471107581 51.79592918090932)</t>
  </si>
  <si>
    <t>POINT (4.653631381649659 51.80015886091627)</t>
  </si>
  <si>
    <t>POINT (4.667961343617239 51.813688016510234)</t>
  </si>
  <si>
    <t>POINT (4.659737404071999 51.78995133975441)</t>
  </si>
  <si>
    <t>POINT (4.670463975689377 51.81104741716395)</t>
  </si>
  <si>
    <t>POINT (4.679283542861762 51.77602500061548)</t>
  </si>
  <si>
    <t>POINT (4.687362453334243 51.808624954241814)</t>
  </si>
  <si>
    <t>POINT (4.663412338068998 51.80456335561436)</t>
  </si>
  <si>
    <t>POINT (4.683561109335135 51.80123379375879)</t>
  </si>
  <si>
    <t>POINT (4.665387792015642 51.812432505860016)</t>
  </si>
  <si>
    <t>POINT (4.667689313762682 51.8157650699686)</t>
  </si>
  <si>
    <t>POINT (4.720606763414251 51.81135334120704)</t>
  </si>
  <si>
    <t>POINT (4.693488158010933 51.790973657862246)</t>
  </si>
  <si>
    <t>POINT (4.66081127724999 51.81355730827997)</t>
  </si>
  <si>
    <t>POINT (4.672816766102498 51.805167006924584)</t>
  </si>
  <si>
    <t>POINT (4.662260430948775 51.791133440620285)</t>
  </si>
  <si>
    <t>POINT (4.668412700920534 51.80378819501552)</t>
  </si>
  <si>
    <t>POINT (4.729032543970783 51.8048495258757)</t>
  </si>
  <si>
    <t>POINT (4.685623752641863 51.81174284298971)</t>
  </si>
  <si>
    <t>POINT (4.665529152534643 51.796101567537065)</t>
  </si>
  <si>
    <t>POINT (4.658515499554507 51.76965586655703)</t>
  </si>
  <si>
    <t>POINT (4.668469939693288 51.77702415276463)</t>
  </si>
  <si>
    <t>POINT (4.709531734958432 51.80484165099242)</t>
  </si>
  <si>
    <t>POINT (4.673356729700924 51.81860883604709)</t>
  </si>
  <si>
    <t>POINT (4.734882833706944 51.80076334199993)</t>
  </si>
  <si>
    <t>POINT (4.672984214686073 51.8134678194134)</t>
  </si>
  <si>
    <t>POINT (4.679795381256206 51.789899663196714)</t>
  </si>
  <si>
    <t>POINT (4.66658219841856 51.811151912526356)</t>
  </si>
  <si>
    <t>POINT (4.664322014054601 51.78653686217349)</t>
  </si>
  <si>
    <t>POINT (4.659755579257426 51.81554510585148)</t>
  </si>
  <si>
    <t>POINT (4.646397097065772 51.791172405778376)</t>
  </si>
  <si>
    <t>POINT (4.672272205206741 51.8181032376822)</t>
  </si>
  <si>
    <t>POINT (4.661041653114877 51.77043796854592)</t>
  </si>
  <si>
    <t>POINT (4.676331661393671 51.77368903923961)</t>
  </si>
  <si>
    <t>POINT (4.655304408859815 51.79756186644472)</t>
  </si>
  <si>
    <t>POINT (4.6876416574670055 51.8102318955711)</t>
  </si>
  <si>
    <t>POINT (4.667484695149903 51.78915306480162)</t>
  </si>
  <si>
    <t>POINT (4.685530164986664 51.77440555163199)</t>
  </si>
  <si>
    <t>POINT (4.662611523176251 51.79802119695934)</t>
  </si>
  <si>
    <t>POINT (4.704303952571292 51.816219071090465)</t>
  </si>
  <si>
    <t>POINT (4.675814375568455 51.78542747012424)</t>
  </si>
  <si>
    <t>POINT (4.672004873360047 51.81801459857889)</t>
  </si>
  <si>
    <t>POINT (4.6642100926585695 51.794939441259594)</t>
  </si>
  <si>
    <t>POINT (4.6462530444894075 51.78006008508906)</t>
  </si>
  <si>
    <t>POINT (4.657196098291106 51.78721074209673)</t>
  </si>
  <si>
    <t>POINT (4.6574698229413 51.812597772549175)</t>
  </si>
  <si>
    <t>POINT (4.673568708486181 51.78201297213305)</t>
  </si>
  <si>
    <t>POINT (4.690153400627942 51.80744735017522)</t>
  </si>
  <si>
    <t>POINT (4.673237272787167 51.811051415213065)</t>
  </si>
  <si>
    <t>POINT (4.664525068512029 51.8125353120281)</t>
  </si>
  <si>
    <t>POINT (4.685159665878574 51.78564348363113)</t>
  </si>
  <si>
    <t>POINT (4.663581367737527 51.793618001362574)</t>
  </si>
  <si>
    <t>POINT (4.6591150808324615 51.80894361889778)</t>
  </si>
  <si>
    <t>POINT (4.677248845909359 51.808618349320184)</t>
  </si>
  <si>
    <t>POINT (4.672978221742748 51.816660082208315)</t>
  </si>
  <si>
    <t>POINT (4.711363079860309 51.806434664825716)</t>
  </si>
  <si>
    <t>POINT (4.6787648617646935 51.77769819036244)</t>
  </si>
  <si>
    <t>POINT (4.66922163714806 51.81077817128664)</t>
  </si>
  <si>
    <t>POINT (4.73338234271169 51.80045276547144)</t>
  </si>
  <si>
    <t>POINT (4.6779139695644805 51.80335858506761)</t>
  </si>
  <si>
    <t>POINT (4.651225747991127 51.7906768598374)</t>
  </si>
  <si>
    <t>POINT (4.667497838221499 51.77292746288345)</t>
  </si>
  <si>
    <t>POINT (4.686002593993949 51.788003651734876)</t>
  </si>
  <si>
    <t>POINT (4.675260685220358 51.81767144081585)</t>
  </si>
  <si>
    <t>POINT (4.667982632709752 51.81479889557281)</t>
  </si>
  <si>
    <t>POINT (4.663730261388254 51.80033563363501)</t>
  </si>
  <si>
    <t>POINT (4.663334114246272 51.79832518771876)</t>
  </si>
  <si>
    <t>POINT (4.685185204569075 51.785934941956405)</t>
  </si>
  <si>
    <t>POINT (4.6298715200366924 51.770566771044244)</t>
  </si>
  <si>
    <t>POINT (4.69901159285832 51.80044055276284)</t>
  </si>
  <si>
    <t>POINT (4.66717926878821 51.8081251066697)</t>
  </si>
  <si>
    <t>POINT (4.714135633401293 51.80463780633674)</t>
  </si>
  <si>
    <t>POINT (4.656298102711306 51.799306844642935)</t>
  </si>
  <si>
    <t>POINT (4.72501471526504 51.80545451666326)</t>
  </si>
  <si>
    <t>POINT (4.656932095993834 51.80397727504289)</t>
  </si>
  <si>
    <t>POINT (4.707807848420081 51.81120325934193)</t>
  </si>
  <si>
    <t>POINT (4.666170330834047 51.815138899479734)</t>
  </si>
  <si>
    <t>POINT (4.670678242842996 51.78580404480541)</t>
  </si>
  <si>
    <t>POINT (4.67027099040406 51.801765963813935)</t>
  </si>
  <si>
    <t>POINT (4.653641982766102 51.792419606029036)</t>
  </si>
  <si>
    <t>POINT (4.680578043460329 51.77963831923281)</t>
  </si>
  <si>
    <t>POINT (4.664786866061958 51.777968720018535)</t>
  </si>
  <si>
    <t>POINT (4.678292071115741 51.78560693620118)</t>
  </si>
  <si>
    <t>POINT (4.705372540337044 51.79048697809473)</t>
  </si>
  <si>
    <t>POINT (4.661928092189736 51.794987620767884)</t>
  </si>
  <si>
    <t>POINT (4.674691407277142 51.81531324287639)</t>
  </si>
  <si>
    <t>POINT (4.703148732311188 51.81604211644626)</t>
  </si>
  <si>
    <t>POINT (4.711258237527791 51.79535895184757)</t>
  </si>
  <si>
    <t>POINT (4.7103951799429895 51.79221933323253)</t>
  </si>
  <si>
    <t>POINT (4.674730010335507 51.771697794606716)</t>
  </si>
  <si>
    <t>POINT (4.677358789068497 51.808528102995965)</t>
  </si>
  <si>
    <t>POINT (4.685966968089025 51.803255547466335)</t>
  </si>
  <si>
    <t>POINT (4.652040063859301 51.78772407627387)</t>
  </si>
  <si>
    <t>POINT (4.6617615916496025 51.79435645642302)</t>
  </si>
  <si>
    <t>POINT (4.670901124348639 51.81069571675884)</t>
  </si>
  <si>
    <t>POINT (4.703739942403253 51.80781036817023)</t>
  </si>
  <si>
    <t>POINT (4.683294477181261 51.79845601441231)</t>
  </si>
  <si>
    <t>POINT (4.683604646446254 51.77664451740373)</t>
  </si>
  <si>
    <t>POINT (4.685388466349416 51.80448891198077)</t>
  </si>
  <si>
    <t>POINT (4.660150029793695 51.81272219170519)</t>
  </si>
  <si>
    <t>POINT (4.656005482699994 51.78997140964087)</t>
  </si>
  <si>
    <t>POINT (4.711700624659628 51.81003425996359)</t>
  </si>
  <si>
    <t>POINT (4.649865318625803 51.794335082951676)</t>
  </si>
  <si>
    <t>POINT (4.726141318045126 51.80551351538045)</t>
  </si>
  <si>
    <t>POINT (4.669806538471153 51.79911791580447)</t>
  </si>
  <si>
    <t>POINT (4.718090903784937 51.80001145415214)</t>
  </si>
  <si>
    <t>POINT (4.6621146658133785 51.80958236636847)</t>
  </si>
  <si>
    <t>POINT (4.675043050419163 51.81569823161771)</t>
  </si>
  <si>
    <t>POINT (4.735448423725732 51.802146240403424)</t>
  </si>
  <si>
    <t>POINT (4.666920122748932 51.814734842622514)</t>
  </si>
  <si>
    <t>POINT (4.709746820485976 51.79661603532016)</t>
  </si>
  <si>
    <t>POINT (4.7126175490026805 51.804232612888015)</t>
  </si>
  <si>
    <t>POINT (4.654720874040906 51.803843564867044)</t>
  </si>
  <si>
    <t>POINT (4.72696662700547 51.80353012699287)</t>
  </si>
  <si>
    <t>POINT (4.659003711455123 51.81478533071629)</t>
  </si>
  <si>
    <t>POINT (4.6796539573105225 51.773255541187034)</t>
  </si>
  <si>
    <t>POINT (4.666893777140483 51.799844162533276)</t>
  </si>
  <si>
    <t>POINT (4.674090464287584 51.802810228122496)</t>
  </si>
  <si>
    <t>POINT (4.666168536334967 51.81211185242353)</t>
  </si>
  <si>
    <t>POINT (4.71990288393444 51.800343288338084)</t>
  </si>
  <si>
    <t>POINT (4.660577191693887 51.78832072545446)</t>
  </si>
  <si>
    <t>POINT (4.675805493359494 51.807048967163524)</t>
  </si>
  <si>
    <t>POINT (4.653766292527804 51.7857863799581)</t>
  </si>
  <si>
    <t>POINT (4.722370679046297 51.80514315655172)</t>
  </si>
  <si>
    <t>POINT (4.6687890456648296 51.81312822906705)</t>
  </si>
  <si>
    <t>POINT (4.668290930524928 51.81457597782893)</t>
  </si>
  <si>
    <t>POINT (4.67277606985704 51.816381371575524)</t>
  </si>
  <si>
    <t>POINT (4.662129705129586 51.80409322026768)</t>
  </si>
  <si>
    <t>POINT (4.668178105738488 51.77583787622806)</t>
  </si>
  <si>
    <t>POINT (4.721139118159299 51.799284969162514)</t>
  </si>
  <si>
    <t>POINT (4.625585057073128 51.79646548918558)</t>
  </si>
  <si>
    <t>POINT (4.661762473639878 51.81480845697301)</t>
  </si>
  <si>
    <t>POINT (4.70989890701501 51.8098824834698)</t>
  </si>
  <si>
    <t>POINT (4.642278753482256 51.77960495347732)</t>
  </si>
  <si>
    <t>POINT (4.658736301271321 51.80970601670238)</t>
  </si>
  <si>
    <t>POINT (4.672558139048303 51.78348962307574)</t>
  </si>
  <si>
    <t>POINT (4.681329004388755 51.78866038110045)</t>
  </si>
  <si>
    <t>POINT (4.677151889389659 51.80822366326849)</t>
  </si>
  <si>
    <t>POINT (4.650232449811315 51.795236278848634)</t>
  </si>
  <si>
    <t>POINT (4.701609663003967 51.79774543788804)</t>
  </si>
  <si>
    <t>POINT (4.663338396417306 51.817109114276484)</t>
  </si>
  <si>
    <t>POINT (4.678656430252386 51.78990958946252)</t>
  </si>
  <si>
    <t>POINT (4.673621585683386 51.80877740675502)</t>
  </si>
  <si>
    <t>POINT (4.71822673933826 51.801015865263516)</t>
  </si>
  <si>
    <t>POINT (4.713031112537652 51.798871474761874)</t>
  </si>
  <si>
    <t>POINT (4.715362195124225 51.80320249920258)</t>
  </si>
  <si>
    <t>POINT (4.657200579624227 51.803654624592184)</t>
  </si>
  <si>
    <t>POINT (4.663771274386381 51.80045866308448)</t>
  </si>
  <si>
    <t>POINT (4.685111009307721 51.78573029283312)</t>
  </si>
  <si>
    <t>POINT (4.673444762221275 51.81684865338884)</t>
  </si>
  <si>
    <t>POINT (4.674085425231344 51.78058678486499)</t>
  </si>
  <si>
    <t>POINT (4.666860441009538 51.7963188530537)</t>
  </si>
  <si>
    <t>POINT (4.7338186374944815 51.79761087615187)</t>
  </si>
  <si>
    <t>POINT (4.664524087629133 51.77782140310073)</t>
  </si>
  <si>
    <t>POINT (4.684390018737611 51.809464312570555)</t>
  </si>
  <si>
    <t>POINT (4.7266614983635895 51.80033562659864)</t>
  </si>
  <si>
    <t>POINT (4.65248330164527 51.78990557395596)</t>
  </si>
  <si>
    <t>POINT (4.665820294155354 51.80981772449965)</t>
  </si>
  <si>
    <t>3312PT</t>
  </si>
  <si>
    <t>POINT (4.679908447399433 51.804961925886126)</t>
  </si>
  <si>
    <t>POINT (4.658996347280974 51.789138072788376)</t>
  </si>
  <si>
    <t>POINT (4.669046322896185 51.77240827475472)</t>
  </si>
  <si>
    <t>POINT (4.675376857993618 51.804316146651274)</t>
  </si>
  <si>
    <t>POINT (4.661267190440953 51.786953724943515)</t>
  </si>
  <si>
    <t>POINT (4.688033848290808 51.81539613276269)</t>
  </si>
  <si>
    <t>POINT (4.718589548781788 51.815486516028436)</t>
  </si>
  <si>
    <t>POINT (4.659268634574011 51.81276059249531)</t>
  </si>
  <si>
    <t>POINT (4.677176479612418 51.77753262258975)</t>
  </si>
  <si>
    <t>POINT (4.65689220034299 51.79258361382089)</t>
  </si>
  <si>
    <t>POINT (4.652885894123127 51.79337023193418)</t>
  </si>
  <si>
    <t>POINT (4.714396218440661 51.80707878337252)</t>
  </si>
  <si>
    <t>POINT (4.673340281175406 51.77676852333019)</t>
  </si>
  <si>
    <t>POINT (4.683428242708932 51.78506973329782)</t>
  </si>
  <si>
    <t>POINT (4.681199046978734 51.80196170089899)</t>
  </si>
  <si>
    <t>POINT (4.679942008903647 51.78882895147946)</t>
  </si>
  <si>
    <t>POINT (4.706123052343707 51.79782866798417)</t>
  </si>
  <si>
    <t>POINT (4.661650086026464 51.771374835957154)</t>
  </si>
  <si>
    <t>POINT (4.683136726606493 51.802357888579195)</t>
  </si>
  <si>
    <t>POINT (4.6755390850071965 51.78325568540133)</t>
  </si>
  <si>
    <t>POINT (4.678153121786028 51.78133690492778)</t>
  </si>
  <si>
    <t>POINT (4.716395753619949 51.8066123586359)</t>
  </si>
  <si>
    <t>POINT (4.676698759588104 51.80692732433046)</t>
  </si>
  <si>
    <t>POINT (4.680514497218374 51.81426285515027)</t>
  </si>
  <si>
    <t>POINT (4.676847441321712 51.814844933922295)</t>
  </si>
  <si>
    <t>POINT (4.678327421710661 51.817028663345134)</t>
  </si>
  <si>
    <t>POINT (4.703309551607921 51.81634351710408)</t>
  </si>
  <si>
    <t>POINT (4.726775172135957 51.793984278373095)</t>
  </si>
  <si>
    <t>POINT (4.660336778903669 51.80553272235534)</t>
  </si>
  <si>
    <t>POINT (4.671701666174219 51.79902691827678)</t>
  </si>
  <si>
    <t>POINT (4.674142689565632 51.81591420038116)</t>
  </si>
  <si>
    <t>POINT (4.711724517111334 51.79306708403712)</t>
  </si>
  <si>
    <t>POINT (4.664012171679375 51.79935205794858)</t>
  </si>
  <si>
    <t>POINT (4.638662841366322 51.778185820050105)</t>
  </si>
  <si>
    <t>POINT (4.657344482987072 51.79310087016814)</t>
  </si>
  <si>
    <t>POINT (4.678490224656901 51.80831313733398)</t>
  </si>
  <si>
    <t>POINT (4.719179482782648 51.8115642872181)</t>
  </si>
  <si>
    <t>POINT (4.6621183168975735 51.79495573614926)</t>
  </si>
  <si>
    <t>POINT (4.702567301254915 51.789514749086926)</t>
  </si>
  <si>
    <t>POINT (4.686441068894606 51.809583373066836)</t>
  </si>
  <si>
    <t>3315TG</t>
  </si>
  <si>
    <t>POINT (4.7317632522896504 51.79852593411117)</t>
  </si>
  <si>
    <t>POINT (4.659796115538036 51.809038385575185)</t>
  </si>
  <si>
    <t>POINT (4.669289297470297 51.77394268909899)</t>
  </si>
  <si>
    <t>POINT (4.665922437392949 51.81246384684545)</t>
  </si>
  <si>
    <t>POINT (4.731655674917716 51.79763071166783)</t>
  </si>
  <si>
    <t>POINT (4.691471957150591 51.8066939254012)</t>
  </si>
  <si>
    <t>POINT (4.682766970115444 51.80133123885315)</t>
  </si>
  <si>
    <t>POINT (4.68443805609492 51.81263340127452)</t>
  </si>
  <si>
    <t>POINT (4.667513637332349 51.7903326408732)</t>
  </si>
  <si>
    <t>POINT (4.684030842813584 51.812512563304765)</t>
  </si>
  <si>
    <t>3312RE</t>
  </si>
  <si>
    <t>POINT (4.690248729023689 51.80637759118582)</t>
  </si>
  <si>
    <t>POINT (4.659867135400361 51.79176355732898)</t>
  </si>
  <si>
    <t>3311CH</t>
  </si>
  <si>
    <t>Korte Geldersekade</t>
  </si>
  <si>
    <t>POINT (4.659190054421709 51.814156739736845)</t>
  </si>
  <si>
    <t>POINT (4.699855049222808 51.81751967075527)</t>
  </si>
  <si>
    <t>POINT (4.681792533023498 51.78770707823494)</t>
  </si>
  <si>
    <t>POINT (4.657097455169334 51.800731029379904)</t>
  </si>
  <si>
    <t>POINT (4.66082168479899 51.80196840973034)</t>
  </si>
  <si>
    <t>POINT (4.653903389574357 51.801316373461034)</t>
  </si>
  <si>
    <t>POINT (4.666916323792179 51.81465764253596)</t>
  </si>
  <si>
    <t>POINT (4.6659091504945325 51.77369435522963)</t>
  </si>
  <si>
    <t>POINT (4.704229214784794 51.815935961322936)</t>
  </si>
  <si>
    <t>POINT (4.679378172524487 51.78682301369674)</t>
  </si>
  <si>
    <t>POINT (4.680931343862792 51.798745657276356)</t>
  </si>
  <si>
    <t>POINT (4.665795983332353 51.80252385884713)</t>
  </si>
  <si>
    <t>POINT (4.672565070267691 51.808877007726366)</t>
  </si>
  <si>
    <t>POINT (4.671829115726924 51.772266667245034)</t>
  </si>
  <si>
    <t>POINT (4.654942968348915 51.78855598123874)</t>
  </si>
  <si>
    <t>POINT (4.6911421612181705 51.78962345951366)</t>
  </si>
  <si>
    <t>POINT (4.66173316380573 51.813427785206166)</t>
  </si>
  <si>
    <t>3312PV</t>
  </si>
  <si>
    <t>POINT (4.679905598721079 51.804891176830274)</t>
  </si>
  <si>
    <t>POINT (4.671094903350511 51.8141753277455)</t>
  </si>
  <si>
    <t>POINT (4.667467165003951 51.787928722924946)</t>
  </si>
  <si>
    <t>POINT (4.7119499603997195 51.78068978190085)</t>
  </si>
  <si>
    <t>POINT (4.701657658654473 51.816190663348536)</t>
  </si>
  <si>
    <t>POINT (4.659932697717252 51.791760826733395)</t>
  </si>
  <si>
    <t>POINT (4.666541382153036 51.8010507348198)</t>
  </si>
  <si>
    <t>POINT (4.677461808962609 51.77753478997601)</t>
  </si>
  <si>
    <t>POINT (4.6775402117775 51.78085081063507)</t>
  </si>
  <si>
    <t>POINT (4.669398515160343 51.805745160849284)</t>
  </si>
  <si>
    <t>POINT (4.646451760306242 51.78074461846836)</t>
  </si>
  <si>
    <t>POINT (4.662725426746352 51.80039496993068)</t>
  </si>
  <si>
    <t>POINT (4.669396994339578 51.81604607727566)</t>
  </si>
  <si>
    <t>POINT (4.675185371148626 51.81584765088129)</t>
  </si>
  <si>
    <t>POINT (4.669720610642001 51.779480595746456)</t>
  </si>
  <si>
    <t>POINT (4.677393268689753 51.77509687166467)</t>
  </si>
  <si>
    <t>POINT (4.666315456224175 51.7962334388693)</t>
  </si>
  <si>
    <t>3314AH</t>
  </si>
  <si>
    <t>POINT (4.658110298299831 51.80664595627648)</t>
  </si>
  <si>
    <t>POINT (4.699243716319532 51.80058806969426)</t>
  </si>
  <si>
    <t>POINT (4.667476707303006 51.78726785108927)</t>
  </si>
  <si>
    <t>POINT (4.65988915260152 51.804546145295916)</t>
  </si>
  <si>
    <t>POINT (4.685707668889513 51.81355781397243)</t>
  </si>
  <si>
    <t>POINT (4.6592006954997895 51.81280444031984)</t>
  </si>
  <si>
    <t>POINT (4.67908794934353 51.799874364952764)</t>
  </si>
  <si>
    <t>POINT (4.734177833277371 51.79659522705672)</t>
  </si>
  <si>
    <t>POINT (4.6570436913794655 51.79793818427174)</t>
  </si>
  <si>
    <t>POINT (4.6818374239250184 51.81405411533716)</t>
  </si>
  <si>
    <t>POINT (4.688527228879192 51.807414802911126)</t>
  </si>
  <si>
    <t>POINT (4.666838256620777 51.81798580420835)</t>
  </si>
  <si>
    <t>POINT (4.683396764330976 51.77837124893831)</t>
  </si>
  <si>
    <t>POINT (4.6686574804016505 51.813208465476734)</t>
  </si>
  <si>
    <t>POINT (4.685546725329986 51.81178910553217)</t>
  </si>
  <si>
    <t>POINT (4.659787099554056 51.77093473096242)</t>
  </si>
  <si>
    <t>POINT (4.664252842362433 51.81348923981123)</t>
  </si>
  <si>
    <t>POINT (4.67306950797448 51.81486453977462)</t>
  </si>
  <si>
    <t>POINT (4.677660635022487 51.81652816305497)</t>
  </si>
  <si>
    <t>POINT (4.699908741929738 51.792850045974774)</t>
  </si>
  <si>
    <t>POINT (4.660175056835085 51.80866469221981)</t>
  </si>
  <si>
    <t>POINT (4.721446970597077 51.81094904702813)</t>
  </si>
  <si>
    <t>POINT (4.65894659281223 51.77218566226213)</t>
  </si>
  <si>
    <t>POINT (4.678914875082141 51.80777934717507)</t>
  </si>
  <si>
    <t>POINT (4.6868121641562 51.78259599351464)</t>
  </si>
  <si>
    <t>POINT (4.727614805224102 51.79604696157696)</t>
  </si>
  <si>
    <t>POINT (4.682282197873167 51.775511128168)</t>
  </si>
  <si>
    <t>POINT (4.668590797871979 51.792305495037446)</t>
  </si>
  <si>
    <t>POINT (4.667714480416381 51.79977702795471)</t>
  </si>
  <si>
    <t>POINT (4.674024028645533 51.81784838888549)</t>
  </si>
  <si>
    <t>POINT (4.707140009301812 51.801652526544785)</t>
  </si>
  <si>
    <t>POINT (4.677237870979044 51.78995312939523)</t>
  </si>
  <si>
    <t>POINT (4.669795276797996 51.77107610142625)</t>
  </si>
  <si>
    <t>POINT (4.682648094134172 51.80475143495174)</t>
  </si>
  <si>
    <t>POINT (4.667927330511373 51.81484094722868)</t>
  </si>
  <si>
    <t>POINT (4.678897562775999 51.804267726972775)</t>
  </si>
  <si>
    <t>POINT (4.666193690340688 51.8150648145111)</t>
  </si>
  <si>
    <t>POINT (4.71425686251022 51.80799184178185)</t>
  </si>
  <si>
    <t>POINT (4.733901249657984 51.79525011015012)</t>
  </si>
  <si>
    <t>POINT (4.673744136417233 51.776390308834046)</t>
  </si>
  <si>
    <t>POINT (4.682282176315055 51.77385832105971)</t>
  </si>
  <si>
    <t>POINT (4.6761439385260966 51.80502238196761)</t>
  </si>
  <si>
    <t>POINT (4.664504315537531 51.78562282715319)</t>
  </si>
  <si>
    <t>POINT (4.686086894314439 51.78905458255469)</t>
  </si>
  <si>
    <t>POINT (4.686487554983042 51.78023373165536)</t>
  </si>
  <si>
    <t>POINT (4.682168714350527 51.78206065568195)</t>
  </si>
  <si>
    <t>POINT (4.679014965782085 51.78091207417957)</t>
  </si>
  <si>
    <t>POINT (4.6839110796970305 51.7981211355603)</t>
  </si>
  <si>
    <t>POINT (4.668980057939881 51.81302136336014)</t>
  </si>
  <si>
    <t>POINT (4.697157935992432 51.79864258401382)</t>
  </si>
  <si>
    <t>POINT (4.67639307919759 51.814326808542305)</t>
  </si>
  <si>
    <t>POINT (4.665894802664222 51.77310794181809)</t>
  </si>
  <si>
    <t>POINT (4.6567914071360805 51.80565955941499)</t>
  </si>
  <si>
    <t>POINT (4.716969053151209 51.7956785970213)</t>
  </si>
  <si>
    <t>POINT (4.68659923113335 51.8085931283544)</t>
  </si>
  <si>
    <t>POINT (4.6788297709648266 51.80525681817092)</t>
  </si>
  <si>
    <t>POINT (4.655213784947045 51.79866614752409)</t>
  </si>
  <si>
    <t>POINT (4.678785051976644 51.785644188338615)</t>
  </si>
  <si>
    <t>POINT (4.6680094554198535 51.77525138018974)</t>
  </si>
  <si>
    <t>POINT (4.680462118587604 51.78122584317092)</t>
  </si>
  <si>
    <t>POINT (4.655606754817677 51.787413855175004)</t>
  </si>
  <si>
    <t>POINT (4.658076936580229 51.78037309332512)</t>
  </si>
  <si>
    <t>POINT (4.673119328001647 51.81286922304918)</t>
  </si>
  <si>
    <t>POINT (4.7057900984087535 51.80726038359057)</t>
  </si>
  <si>
    <t>POINT (4.663294746971455 51.792956507387814)</t>
  </si>
  <si>
    <t>POINT (4.663856773397826 51.79077127002117)</t>
  </si>
  <si>
    <t>POINT (4.672251669540327 51.77527714615839)</t>
  </si>
  <si>
    <t>POINT (4.663544734386344 51.793471771933326)</t>
  </si>
  <si>
    <t>POINT (4.666234120341638 51.81515027554358)</t>
  </si>
  <si>
    <t>POINT (4.711961038333034 51.79436977895142)</t>
  </si>
  <si>
    <t>POINT (4.663289245979044 51.79063637240329)</t>
  </si>
  <si>
    <t>POINT (4.629294741470545 51.72903928483965)</t>
  </si>
  <si>
    <t>POINT (4.684111424733684 51.811161681332386)</t>
  </si>
  <si>
    <t>POINT (4.721744513718172 51.812889160531306)</t>
  </si>
  <si>
    <t>POINT (4.680832537214956 51.80160368719316)</t>
  </si>
  <si>
    <t>POINT (4.702985377001126 51.81558305790965)</t>
  </si>
  <si>
    <t>POINT (4.671427709424835 51.816745376472724)</t>
  </si>
  <si>
    <t>3314RN</t>
  </si>
  <si>
    <t>POINT (4.662037540834136 51.802539215985604)</t>
  </si>
  <si>
    <t>POINT (4.671496010867508 51.79273429891963)</t>
  </si>
  <si>
    <t>POINT (4.671878939513248 51.8148265117152)</t>
  </si>
  <si>
    <t>POINT (4.693427938643141 51.81087582195595)</t>
  </si>
  <si>
    <t>POINT (4.683188451405262 51.79825676440187)</t>
  </si>
  <si>
    <t>POINT (4.663031842655884 51.814631534474934)</t>
  </si>
  <si>
    <t>POINT (4.690527582502784 51.81893886548666)</t>
  </si>
  <si>
    <t>POINT (4.674840833821651 51.804088688992124)</t>
  </si>
  <si>
    <t>POINT (4.685488424710654 51.803758344309465)</t>
  </si>
  <si>
    <t>POINT (4.66065081307629 51.77135717092579)</t>
  </si>
  <si>
    <t>POINT (4.674480802563109 51.80768692688536)</t>
  </si>
  <si>
    <t>POINT (4.715775482274689 51.81329720476266)</t>
  </si>
  <si>
    <t>POINT (4.669350306513391 51.80965973316641)</t>
  </si>
  <si>
    <t>POINT (4.684222043037972 51.80595395940094)</t>
  </si>
  <si>
    <t>POINT (4.682644747919283 51.77624368368317)</t>
  </si>
  <si>
    <t>POINT (4.676528418142595 51.803481418035815)</t>
  </si>
  <si>
    <t>POINT (4.6523137156268275 51.785577370611016)</t>
  </si>
  <si>
    <t>POINT (4.659852784147652 51.8087291754192)</t>
  </si>
  <si>
    <t>POINT (4.690422408460442 51.81043512523932)</t>
  </si>
  <si>
    <t>POINT (4.667943009215134 51.814829043441634)</t>
  </si>
  <si>
    <t>POINT (4.669565223404508 51.796605134557474)</t>
  </si>
  <si>
    <t>POINT (4.671195397260595 51.81405710168019)</t>
  </si>
  <si>
    <t>POINT (4.660013283172893 51.79201849314772)</t>
  </si>
  <si>
    <t>POINT (4.660626187710149 51.80934039750633)</t>
  </si>
  <si>
    <t>POINT (4.697856714828365 51.797578837982016)</t>
  </si>
  <si>
    <t>POINT (4.71551403742116 51.803907539165756)</t>
  </si>
  <si>
    <t>POINT (4.674274984750508 51.78385813530157)</t>
  </si>
  <si>
    <t>POINT (4.712160021466685 51.80332820882535)</t>
  </si>
  <si>
    <t>POINT (4.652127143397229 51.80194284537174)</t>
  </si>
  <si>
    <t>POINT (4.682667700421179 51.78646059946606)</t>
  </si>
  <si>
    <t>POINT (4.630569481302923 51.73115475505484)</t>
  </si>
  <si>
    <t>POINT (4.71399946957995 51.81379283887784)</t>
  </si>
  <si>
    <t>POINT (4.66941451716976 51.813254976555065)</t>
  </si>
  <si>
    <t>POINT (4.730138021302159 51.80035002311849)</t>
  </si>
  <si>
    <t>POINT (4.666798344822449 51.79354450608604)</t>
  </si>
  <si>
    <t>POINT (4.673258559240576 51.8052663151589)</t>
  </si>
  <si>
    <t>POINT (4.653661194464199 51.78546232670992)</t>
  </si>
  <si>
    <t>POINT (4.684236142331257 51.78904464830738)</t>
  </si>
  <si>
    <t>POINT (4.707704569903728 51.80984167242841)</t>
  </si>
  <si>
    <t>POINT (4.682155389557017 51.8027409808839)</t>
  </si>
  <si>
    <t>POINT (4.722368197498635 51.805169856731496)</t>
  </si>
  <si>
    <t>POINT (4.726653990786697 51.79690437620918)</t>
  </si>
  <si>
    <t>POINT (4.669113672860113 51.79106167668992)</t>
  </si>
  <si>
    <t>POINT (4.6307670719546 51.722503083711764)</t>
  </si>
  <si>
    <t>POINT (4.6836387155996135 51.78511400676462)</t>
  </si>
  <si>
    <t>POINT (4.662855219400415 51.80965421126224)</t>
  </si>
  <si>
    <t>POINT (4.733418017338314 51.79756559787533)</t>
  </si>
  <si>
    <t>POINT (4.687730365064813 51.80956232848901)</t>
  </si>
  <si>
    <t>POINT (4.721185966045953 51.800016955928555)</t>
  </si>
  <si>
    <t>POINT (4.676860304095961 51.81462593997949)</t>
  </si>
  <si>
    <t>POINT (4.680595946700619 51.77440960851043)</t>
  </si>
  <si>
    <t>POINT (4.680397403701028 51.81239250748244)</t>
  </si>
  <si>
    <t>POINT (4.664872349129175 51.81700099364066)</t>
  </si>
  <si>
    <t>POINT (4.656589804131223 51.79043237786668)</t>
  </si>
  <si>
    <t>POINT (4.671078652404084 51.77715127322744)</t>
  </si>
  <si>
    <t>POINT (4.675192732142262 51.81722359975795)</t>
  </si>
  <si>
    <t>POINT (4.630789235543603 51.72784598773898)</t>
  </si>
  <si>
    <t>POINT (4.683310755510371 51.80343435569909)</t>
  </si>
  <si>
    <t>POINT (4.6729617650782185 51.80502576959138)</t>
  </si>
  <si>
    <t>POINT (4.656473267622957 51.791948209066234)</t>
  </si>
  <si>
    <t>POINT (4.732419063365533 51.79996812861975)</t>
  </si>
  <si>
    <t>POINT (4.6650547379775436 51.80240717415507)</t>
  </si>
  <si>
    <t>POINT (4.677959524931634 51.78784651794383)</t>
  </si>
  <si>
    <t>POINT (4.664029508997584 51.7997120361705)</t>
  </si>
  <si>
    <t>POINT (4.66626361664168 51.81585415318251)</t>
  </si>
  <si>
    <t>POINT (4.653194564629226 51.80166493656618)</t>
  </si>
  <si>
    <t>POINT (4.632961819683743 51.779901391780236)</t>
  </si>
  <si>
    <t>POINT (4.673466165721152 51.803353339619306)</t>
  </si>
  <si>
    <t>POINT (4.696997262757016 51.81787216162244)</t>
  </si>
  <si>
    <t>POINT (4.640325823506625 51.78159650034837)</t>
  </si>
  <si>
    <t>POINT (4.667969054232615 51.816577212479615)</t>
  </si>
  <si>
    <t>POINT (4.660808434252121 51.805865051658344)</t>
  </si>
  <si>
    <t>POINT (4.675411416283154 51.783325813629894)</t>
  </si>
  <si>
    <t>POINT (4.683998387293195 51.779293430541486)</t>
  </si>
  <si>
    <t>POINT (4.669355147523905 51.814098254465996)</t>
  </si>
  <si>
    <t>POINT (4.685094704235106 51.774765432975805)</t>
  </si>
  <si>
    <t>POINT (4.6799579526411 51.7757062129939)</t>
  </si>
  <si>
    <t>POINT (4.678144064590523 51.816642724025165)</t>
  </si>
  <si>
    <t>POINT (4.6953810792439725 51.81065438468019)</t>
  </si>
  <si>
    <t>POINT (4.731101187051185 51.801033704535136)</t>
  </si>
  <si>
    <t>POINT (4.6631740095546315 51.80056377809973)</t>
  </si>
  <si>
    <t>POINT (4.684259914524073 51.811551699184385)</t>
  </si>
  <si>
    <t>POINT (4.666202815653139 51.78681755025627)</t>
  </si>
  <si>
    <t>POINT (4.662879659740068 51.79118382703963)</t>
  </si>
  <si>
    <t>POINT (4.660158910558544 51.79640166709393)</t>
  </si>
  <si>
    <t>POINT (4.65948398673 51.80274087873575)</t>
  </si>
  <si>
    <t>POINT (4.7209290538990825 51.80064977219256)</t>
  </si>
  <si>
    <t>POINT (4.66466411706978 51.795726601116435)</t>
  </si>
  <si>
    <t>POINT (4.681263186050973 51.80984948554283)</t>
  </si>
  <si>
    <t>POINT (4.674082482530482 51.77753671004429)</t>
  </si>
  <si>
    <t>POINT (4.7112858590323246 51.81148675555165)</t>
  </si>
  <si>
    <t>POINT (4.655615206286683 51.7901927143998)</t>
  </si>
  <si>
    <t>POINT (4.664099086777623 51.79169351264284)</t>
  </si>
  <si>
    <t>POINT (4.7228097440780985 51.79757129944036)</t>
  </si>
  <si>
    <t>POINT (4.675325613221083 51.8176515023044)</t>
  </si>
  <si>
    <t>POINT (4.657791718696008 51.79179814990299)</t>
  </si>
  <si>
    <t>3315LC</t>
  </si>
  <si>
    <t>POINT (4.701585148478037 51.804777115278256)</t>
  </si>
  <si>
    <t>POINT (4.683531146642103 51.79799226993721)</t>
  </si>
  <si>
    <t>POINT (4.681308000870361 51.79064477765234)</t>
  </si>
  <si>
    <t>W</t>
  </si>
  <si>
    <t>POINT (4.651157402868379 51.802823780134496)</t>
  </si>
  <si>
    <t>POINT (4.712460656929169 51.804894088846225)</t>
  </si>
  <si>
    <t>POINT (4.665503396049943 51.78978603857232)</t>
  </si>
  <si>
    <t>POINT (4.665347799484114 51.80989978892955)</t>
  </si>
  <si>
    <t>POINT (4.6760282596622735 51.80684477343089)</t>
  </si>
  <si>
    <t>POINT (4.731917844618964 51.79503275970473)</t>
  </si>
  <si>
    <t>POINT (4.696424622474782 51.79057977137609)</t>
  </si>
  <si>
    <t>POINT (4.66914675515556 51.77211168674607)</t>
  </si>
  <si>
    <t>POINT (4.668524189805657 51.81350061718273)</t>
  </si>
  <si>
    <t>POINT (4.684479957098662 51.80404882731847)</t>
  </si>
  <si>
    <t>POINT (4.669779946170657 51.808213025972094)</t>
  </si>
  <si>
    <t>POINT (4.663509976640678 51.81476256362617)</t>
  </si>
  <si>
    <t>POINT (4.712316477095847 51.81088909978381)</t>
  </si>
  <si>
    <t>POINT (4.696512086302151 51.793333742206656)</t>
  </si>
  <si>
    <t>POINT (4.6661824998774994 51.79601354934718)</t>
  </si>
  <si>
    <t>POINT (4.6857953310499205 51.8072313788114)</t>
  </si>
  <si>
    <t>POINT (4.6765398736652575 51.78938971641778)</t>
  </si>
  <si>
    <t>POINT (4.7262151106493695 51.79638832020057)</t>
  </si>
  <si>
    <t>POINT (4.671106710171932 51.779504455081536)</t>
  </si>
  <si>
    <t>POINT (4.665063666908286 51.78896067735635)</t>
  </si>
  <si>
    <t>POINT (4.685960971446173 51.78798287276954)</t>
  </si>
  <si>
    <t>POINT (4.707300930077803 51.79467959843433)</t>
  </si>
  <si>
    <t>POINT (4.63624358617706 51.77598721471281)</t>
  </si>
  <si>
    <t>POINT (4.680843996677787 51.80398233078869)</t>
  </si>
  <si>
    <t>POINT (4.660955960288122 51.80906526377406)</t>
  </si>
  <si>
    <t>POINT (4.6570374067011935 51.80572683376172)</t>
  </si>
  <si>
    <t>POINT (4.710615197449594 51.803849165314205)</t>
  </si>
  <si>
    <t>POINT (4.6295447009409765 51.72516394344086)</t>
  </si>
  <si>
    <t>POINT (4.6677686939961145 51.81519580950326)</t>
  </si>
  <si>
    <t>POINT (4.6776084564438145 51.79059161818676)</t>
  </si>
  <si>
    <t>POINT (4.671985072624089 51.7793212852424)</t>
  </si>
  <si>
    <t>POINT (4.675852145094404 51.78465063512524)</t>
  </si>
  <si>
    <t>POINT (4.713320227083383 51.81440619030002)</t>
  </si>
  <si>
    <t>POINT (4.678170057017585 51.781370472233064)</t>
  </si>
  <si>
    <t>POINT (4.667346717893513 51.80327487787261)</t>
  </si>
  <si>
    <t>POINT (4.6915061109715355 51.806738621781435)</t>
  </si>
  <si>
    <t>POINT (4.722605681136232 51.79987483282711)</t>
  </si>
  <si>
    <t>POINT (4.631485750756523 51.769310929738154)</t>
  </si>
  <si>
    <t>POINT (4.682209930796868 51.798712133867724)</t>
  </si>
  <si>
    <t>POINT (4.7338545479471374 51.80028401845818)</t>
  </si>
  <si>
    <t>POINT (4.678812755828656 51.78702196308437)</t>
  </si>
  <si>
    <t>POINT (4.68873501478587 51.804527909379296)</t>
  </si>
  <si>
    <t>POINT (4.656611781988909 51.78715353163237)</t>
  </si>
  <si>
    <t>POINT (4.658188359069766 51.80071426225311)</t>
  </si>
  <si>
    <t>POINT (4.669839867608851 51.81082122374062)</t>
  </si>
  <si>
    <t>POINT (4.65669435175224 51.77142185120356)</t>
  </si>
  <si>
    <t>POINT (4.683837369546566 51.798107597190246)</t>
  </si>
  <si>
    <t>POINT (4.660465995371411 51.78746935418037)</t>
  </si>
  <si>
    <t>POINT (4.6986448459432175 51.79898141936215)</t>
  </si>
  <si>
    <t>POINT (4.684499140162752 51.812533705259604)</t>
  </si>
  <si>
    <t>POINT (4.70500934715395 51.80789341227772)</t>
  </si>
  <si>
    <t>POINT (4.670111481229484 51.80536387867181)</t>
  </si>
  <si>
    <t>POINT (4.686657188345451 51.7764793212898)</t>
  </si>
  <si>
    <t>POINT (4.67259066394275 51.808689444055126)</t>
  </si>
  <si>
    <t>POINT (4.704026363844334 51.79452292350663)</t>
  </si>
  <si>
    <t>POINT (4.665738545149073 51.7766762028142)</t>
  </si>
  <si>
    <t>POINT (4.680866511900218 51.77741404975356)</t>
  </si>
  <si>
    <t>POINT (4.6724479750241334 51.81152264161687)</t>
  </si>
  <si>
    <t>POINT (4.674365186655009 51.78837990033465)</t>
  </si>
  <si>
    <t>POINT (4.662443990414345 51.816212384869026)</t>
  </si>
  <si>
    <t>POINT (4.7002379329008805 51.80416103610103)</t>
  </si>
  <si>
    <t>POINT (4.730003453740762 51.79876293621609)</t>
  </si>
  <si>
    <t>POINT (4.70345200557735 51.78797821672762)</t>
  </si>
  <si>
    <t>POINT (4.678016214405665 51.78783336864526)</t>
  </si>
  <si>
    <t>POINT (4.69136068749646 51.81785169566978)</t>
  </si>
  <si>
    <t>POINT (4.6730505390273995 51.818354373776984)</t>
  </si>
  <si>
    <t>POINT (4.670897829259088 51.78178896305851)</t>
  </si>
  <si>
    <t>POINT (4.689031052946294 51.807930793729334)</t>
  </si>
  <si>
    <t>POINT (4.664751410811397 51.78944618519342)</t>
  </si>
  <si>
    <t>POINT (4.6868831544516025 51.80980671090291)</t>
  </si>
  <si>
    <t>POINT (4.687085356958035 51.78155823492306)</t>
  </si>
  <si>
    <t>POINT (4.632283723073667 51.766218922140396)</t>
  </si>
  <si>
    <t>POINT (4.715474988878716 51.80328278439453)</t>
  </si>
  <si>
    <t>POINT (4.683281866314324 51.81168869336645)</t>
  </si>
  <si>
    <t>POINT (4.6848221385658135 51.80055022811752)</t>
  </si>
  <si>
    <t>POINT (4.686695023545214 51.781241408041076)</t>
  </si>
  <si>
    <t>POINT (4.685118934163824 51.77656581705992)</t>
  </si>
  <si>
    <t>POINT (4.6635279593958145 51.80379512231303)</t>
  </si>
  <si>
    <t>POINT (4.671846827707796 51.81855471719593)</t>
  </si>
  <si>
    <t>POINT (4.655111497067213 51.80660492112356)</t>
  </si>
  <si>
    <t>POINT (4.707940127339432 51.78799605680086)</t>
  </si>
  <si>
    <t>POINT (4.660123321341063 51.81336039352941)</t>
  </si>
  <si>
    <t>POINT (4.6760739988494695 51.8069933368254)</t>
  </si>
  <si>
    <t>POINT (4.687899554723463 51.80793774587136)</t>
  </si>
  <si>
    <t>POINT (4.702312817066345 51.79547866617316)</t>
  </si>
  <si>
    <t>POINT (4.675932313069343 51.78593086926866)</t>
  </si>
  <si>
    <t>POINT (4.667523319522018 51.7784864117467)</t>
  </si>
  <si>
    <t>POINT (4.673096750866484 51.782816710138796)</t>
  </si>
  <si>
    <t>POINT (4.695131241913897 51.79333487193498)</t>
  </si>
  <si>
    <t>POINT (4.64687043640666 51.780745679805584)</t>
  </si>
  <si>
    <t>POINT (4.7150276918269345 51.81493762887094)</t>
  </si>
  <si>
    <t>POINT (4.728523431654015 51.796705073326365)</t>
  </si>
  <si>
    <t>POINT (4.661945743344092 51.80417774556795)</t>
  </si>
  <si>
    <t>POINT (4.667783812807648 51.8139439505219)</t>
  </si>
  <si>
    <t>POINT (4.734067167503062 51.791725283401945)</t>
  </si>
  <si>
    <t>POINT (4.657006251841847 51.77177547760299)</t>
  </si>
  <si>
    <t>POINT (4.6804027427511805 51.77381925261358)</t>
  </si>
  <si>
    <t>POINT (4.6828588798100625 51.77486231854375)</t>
  </si>
  <si>
    <t>POINT (4.717208562669188 51.81431876486384)</t>
  </si>
  <si>
    <t>POINT (4.730503041639372 51.79171535529295)</t>
  </si>
  <si>
    <t>POINT (4.660485122102457 51.78916856334403)</t>
  </si>
  <si>
    <t>POINT (4.698479663810736 51.81726786245753)</t>
  </si>
  <si>
    <t>POINT (4.683736511672606 51.80241499564803)</t>
  </si>
  <si>
    <t>POINT (4.689370427352972 51.80958962981152)</t>
  </si>
  <si>
    <t>POINT (4.660956838529217 51.783353721567956)</t>
  </si>
  <si>
    <t>POINT (4.731832668986113 51.80063890372614)</t>
  </si>
  <si>
    <t>POINT (4.674231439756741 51.78218019223306)</t>
  </si>
  <si>
    <t>POINT (4.675885247549613 51.80761588105701)</t>
  </si>
  <si>
    <t>POINT (4.716685670445578 51.80305845806796)</t>
  </si>
  <si>
    <t>POINT (4.710912493890306 51.79206515871071)</t>
  </si>
  <si>
    <t>POINT (4.658362401008701 51.80975311480387)</t>
  </si>
  <si>
    <t>POINT (4.7052171519552735 51.81538862624366)</t>
  </si>
  <si>
    <t>POINT (4.683280276351197 51.802588293655134)</t>
  </si>
  <si>
    <t>POINT (4.699912158374625 51.817507654808935)</t>
  </si>
  <si>
    <t>POINT (4.667866234680376 51.80359620956312)</t>
  </si>
  <si>
    <t>POINT (4.67566900191964 51.8148707743729)</t>
  </si>
  <si>
    <t>POINT (4.685128604662469 51.78558681279826)</t>
  </si>
  <si>
    <t>POINT (4.711158730531077 51.80534291293079)</t>
  </si>
  <si>
    <t>POINT (4.638350169119212 51.77710135526377)</t>
  </si>
  <si>
    <t>POINT (4.717210968843229 51.81526543461407)</t>
  </si>
  <si>
    <t>POINT (4.667638973198268 51.7953362583628)</t>
  </si>
  <si>
    <t>POINT (4.659561360320902 51.769324581976754)</t>
  </si>
  <si>
    <t>POINT (4.661177442586107 51.80521723740142)</t>
  </si>
  <si>
    <t>POINT (4.696833075330762 51.79384634995259)</t>
  </si>
  <si>
    <t>POINT (4.733198418457163 51.80125389536363)</t>
  </si>
  <si>
    <t>POINT (4.734735411361404 51.80307681700867)</t>
  </si>
  <si>
    <t>POINT (4.673531141002021 51.780314345737)</t>
  </si>
  <si>
    <t>POINT (4.667679632916206 51.81556108456669)</t>
  </si>
  <si>
    <t>POINT (4.6594166117237465 51.790700536313004)</t>
  </si>
  <si>
    <t>POINT (4.658324828526447 51.8043044402071)</t>
  </si>
  <si>
    <t>POINT (4.660719757880987 51.78724942624116)</t>
  </si>
  <si>
    <t>POINT (4.685504464549708 51.77606427163046)</t>
  </si>
  <si>
    <t>POINT (4.692252265878788 51.785463211181906)</t>
  </si>
  <si>
    <t>POINT (4.699754664988649 51.79452542241668)</t>
  </si>
  <si>
    <t>POINT (4.668377744574798 51.79620806132411)</t>
  </si>
  <si>
    <t>POINT (4.677692427401607 51.77998839359326)</t>
  </si>
  <si>
    <t>POINT (4.705538272987883 51.7948345099796)</t>
  </si>
  <si>
    <t>POINT (4.670810095274979 51.818181511987376)</t>
  </si>
  <si>
    <t>POINT (4.69439025209032 51.79121691006459)</t>
  </si>
  <si>
    <t>POINT (4.6712198929094555 51.818621886702886)</t>
  </si>
  <si>
    <t>POINT (4.656504063695863 51.78458061415474)</t>
  </si>
  <si>
    <t>POINT (4.684675604235873 51.7770982777367)</t>
  </si>
  <si>
    <t>POINT (4.663797044943231 51.799477472334246)</t>
  </si>
  <si>
    <t>POINT (4.72079333248031 51.81347495444808)</t>
  </si>
  <si>
    <t>POINT (4.723240878826611 51.80350229054478)</t>
  </si>
  <si>
    <t>POINT (4.674054785664311 51.811795111308335)</t>
  </si>
  <si>
    <t>POINT (4.651952333952127 51.78973665717258)</t>
  </si>
  <si>
    <t>POINT (4.680621359427652 51.775645376005535)</t>
  </si>
  <si>
    <t>POINT (4.6675446482194065 51.78793517578358)</t>
  </si>
  <si>
    <t>POINT (4.679634333478685 51.77765544814534)</t>
  </si>
  <si>
    <t>POINT (4.664357665846588 51.79219198365129)</t>
  </si>
  <si>
    <t>POINT (4.719829577990323 51.81151279581765)</t>
  </si>
  <si>
    <t>POINT (4.651721908349849 51.78459433150039)</t>
  </si>
  <si>
    <t>POINT (4.675992540973063 51.78583839916997)</t>
  </si>
  <si>
    <t>POINT (4.6360143882270375 51.77603116707003)</t>
  </si>
  <si>
    <t>POINT (4.682866062229662 51.81770204052186)</t>
  </si>
  <si>
    <t>POINT (4.711679572013154 51.80305822919541)</t>
  </si>
  <si>
    <t>POINT (4.692919362872547 51.795172490393156)</t>
  </si>
  <si>
    <t>POINT (4.682452842713224 51.775502985193796)</t>
  </si>
  <si>
    <t>POINT (4.691213815060841 51.81815291538831)</t>
  </si>
  <si>
    <t>POINT (4.676407518804475 51.8085909193101)</t>
  </si>
  <si>
    <t>POINT (4.680601536358872 51.79882746396786)</t>
  </si>
  <si>
    <t>3316BD</t>
  </si>
  <si>
    <t>Kreekweg</t>
  </si>
  <si>
    <t>POINT (4.676659916114811 51.78366983912052)</t>
  </si>
  <si>
    <t>POINT (4.633028810621036 51.76899017610575)</t>
  </si>
  <si>
    <t>POINT (4.644651127360361 51.773109617953445)</t>
  </si>
  <si>
    <t>POINT (4.685187866139064 51.7858169723337)</t>
  </si>
  <si>
    <t>POINT (4.727232874570254 51.797881373795704)</t>
  </si>
  <si>
    <t>POINT (4.666937668248701 51.794513812782945)</t>
  </si>
  <si>
    <t>POINT (4.66406175412236 51.78702969987128)</t>
  </si>
  <si>
    <t>POINT (4.674087633104516 51.81657727449482)</t>
  </si>
  <si>
    <t>POINT (4.681652857745376 51.787397377801355)</t>
  </si>
  <si>
    <t>POINT (4.66354349756712 51.80014415526791)</t>
  </si>
  <si>
    <t>POINT (4.682855631235086 51.80246909928569)</t>
  </si>
  <si>
    <t>POINT (4.668299912131229 51.77156022735073)</t>
  </si>
  <si>
    <t>3311XM</t>
  </si>
  <si>
    <t>Lindenstraat</t>
  </si>
  <si>
    <t>POINT (4.669430452144102 51.81290810216331)</t>
  </si>
  <si>
    <t>POINT (4.656049981596846 51.78495211076472)</t>
  </si>
  <si>
    <t>POINT (4.705735770414673 51.80812940548742)</t>
  </si>
  <si>
    <t>POINT (4.730924319512057 51.80404901422634)</t>
  </si>
  <si>
    <t>POINT (4.654696881381657 51.81209458611571)</t>
  </si>
  <si>
    <t>POINT (4.6521823923312935 51.80186485495269)</t>
  </si>
  <si>
    <t>POINT (4.630515162277469 51.72458365860216)</t>
  </si>
  <si>
    <t>POINT (4.68210799066247 51.811655453126065)</t>
  </si>
  <si>
    <t>POINT (4.683940600006983 51.80058759890245)</t>
  </si>
  <si>
    <t>POINT (4.662627760157546 51.80906480317662)</t>
  </si>
  <si>
    <t>POINT (4.663682429768693 51.79413151092716)</t>
  </si>
  <si>
    <t>POINT (4.660514879560786 51.78940519564146)</t>
  </si>
  <si>
    <t>POINT (4.699471916921511 51.79003197299169)</t>
  </si>
  <si>
    <t>POINT (4.66063270704853 51.80528131674728)</t>
  </si>
  <si>
    <t>POINT (4.678571807175745 51.785613210656784)</t>
  </si>
  <si>
    <t>POINT (4.685278125410038 51.781645311925736)</t>
  </si>
  <si>
    <t>POINT (4.686012957035995 51.80833119343792)</t>
  </si>
  <si>
    <t>POINT (4.659024245913638 51.81026008679733)</t>
  </si>
  <si>
    <t>POINT (4.66825862042078 51.79186083834002)</t>
  </si>
  <si>
    <t>POINT (4.714146853030185 51.80359461223601)</t>
  </si>
  <si>
    <t>POINT (4.695980914509807 51.76310182232136)</t>
  </si>
  <si>
    <t>POINT (4.6603339685281595 51.79100062198767)</t>
  </si>
  <si>
    <t>POINT (4.68321685855698 51.79794236702675)</t>
  </si>
  <si>
    <t>POINT (4.670313902470081 51.800261205157796)</t>
  </si>
  <si>
    <t>POINT (4.65527970236976 51.791867573404595)</t>
  </si>
  <si>
    <t>POINT (4.6605602680355425 51.80726627205853)</t>
  </si>
  <si>
    <t>POINT (4.661745005629486 51.79950240189699)</t>
  </si>
  <si>
    <t>POINT (4.66220141451458 51.77431245236686)</t>
  </si>
  <si>
    <t>3314HX</t>
  </si>
  <si>
    <t>POINT (4.667210980466572 51.79806555746255)</t>
  </si>
  <si>
    <t>POINT (4.653821951608325 51.80187189649786)</t>
  </si>
  <si>
    <t>POINT (4.676811591022887 51.81836063338031)</t>
  </si>
  <si>
    <t>POINT (4.668662681595825 51.80143298226563)</t>
  </si>
  <si>
    <t>POINT (4.68464183464662 51.80165634666603)</t>
  </si>
  <si>
    <t>POINT (4.682753337533203 51.79875664685899)</t>
  </si>
  <si>
    <t>POINT (4.68792652307219 51.80707485983945)</t>
  </si>
  <si>
    <t>POINT (4.631008823333348 51.72403993069939)</t>
  </si>
  <si>
    <t>POINT (4.65974100866833 51.801031114829875)</t>
  </si>
  <si>
    <t>POINT (4.707976449478267 51.80710000077906)</t>
  </si>
  <si>
    <t>POINT (4.653424959248466 51.808468241876525)</t>
  </si>
  <si>
    <t>POINT (4.679972573852975 51.810077550114606)</t>
  </si>
  <si>
    <t>POINT (4.659973333454593 51.77206704523558)</t>
  </si>
  <si>
    <t>POINT (4.695761569405911 51.797140518270325)</t>
  </si>
  <si>
    <t>POINT (4.724504349825009 51.804014756502845)</t>
  </si>
  <si>
    <t>POINT (4.719183599313757 51.80045007933756)</t>
  </si>
  <si>
    <t>POINT (4.712966192603381 51.80979714593899)</t>
  </si>
  <si>
    <t>POINT (4.685528645767275 51.77919047892116)</t>
  </si>
  <si>
    <t>POINT (4.667401401352473 51.789873159979095)</t>
  </si>
  <si>
    <t>POINT (4.655604458434223 51.78737313096799)</t>
  </si>
  <si>
    <t>POINT (4.704249434972774 51.793726846657655)</t>
  </si>
  <si>
    <t>POINT (4.708215031682068 51.81028756063492)</t>
  </si>
  <si>
    <t>POINT (4.678960514872996 51.80416269675385)</t>
  </si>
  <si>
    <t>POINT (4.684069203664224 51.79813954830099)</t>
  </si>
  <si>
    <t>POINT (4.655751744567817 51.8113370824055)</t>
  </si>
  <si>
    <t>POINT (4.700235825798758 51.799991390476535)</t>
  </si>
  <si>
    <t>POINT (4.675109318486369 51.81653529888595)</t>
  </si>
  <si>
    <t>POINT (4.689886189980308 51.806835117651694)</t>
  </si>
  <si>
    <t>POINT (4.692594181461036 51.78723261830621)</t>
  </si>
  <si>
    <t>POINT (4.661853910356722 51.8007465353863)</t>
  </si>
  <si>
    <t>POINT (4.675593536652454 51.77646405170015)</t>
  </si>
  <si>
    <t>POINT (4.677805044644759 51.78215907314656)</t>
  </si>
  <si>
    <t>POINT (4.727140276035893 51.80380481697322)</t>
  </si>
  <si>
    <t>POINT (4.684633534790582 51.8022859266364)</t>
  </si>
  <si>
    <t>POINT (4.672892340363398 51.78889714852747)</t>
  </si>
  <si>
    <t>3317NN</t>
  </si>
  <si>
    <t>POINT (4.65894919443811 51.79411360448913)</t>
  </si>
  <si>
    <t>POINT (4.672011225916887 51.77903071393563)</t>
  </si>
  <si>
    <t>POINT (4.673504457938925 51.8110955659057)</t>
  </si>
  <si>
    <t>POINT (4.671344262055729 51.8171761977983)</t>
  </si>
  <si>
    <t>POINT (4.683308949096202 51.80436475345469)</t>
  </si>
  <si>
    <t>POINT (4.699958361054683 51.79687002454751)</t>
  </si>
  <si>
    <t>POINT (4.6825783123972515 51.78746520501887)</t>
  </si>
  <si>
    <t>POINT (4.635977686255772 51.77591093227909)</t>
  </si>
  <si>
    <t>POINT (4.732372252542538 51.799536583518005)</t>
  </si>
  <si>
    <t>POINT (4.667696654612333 51.812828928163825)</t>
  </si>
  <si>
    <t>POINT (4.657841548359355 51.79817101050873)</t>
  </si>
  <si>
    <t>POINT (4.6790972970294895 51.789276094738106)</t>
  </si>
  <si>
    <t>POINT (4.651161524836738 51.78816327492814)</t>
  </si>
  <si>
    <t>POINT (4.7337080719873095 51.80275878982655)</t>
  </si>
  <si>
    <t>POINT (4.675506952817205 51.78838578117316)</t>
  </si>
  <si>
    <t>POINT (4.672181901528569 51.8024321264891)</t>
  </si>
  <si>
    <t>POINT (4.667670008436728 51.80871388225163)</t>
  </si>
  <si>
    <t>POINT (4.67390722595661 51.805741042243106)</t>
  </si>
  <si>
    <t>POINT (4.709702577992908 51.794983834632674)</t>
  </si>
  <si>
    <t>POINT (4.668389935145607 51.79322796999977)</t>
  </si>
  <si>
    <t>3317AA</t>
  </si>
  <si>
    <t>Admiraal de Ruyterweg</t>
  </si>
  <si>
    <t>3316LN-3317AC</t>
  </si>
  <si>
    <t>POINT (4.649469339884061 51.7951933795666)</t>
  </si>
  <si>
    <t>POINT (4.683280770390829 51.79831897167294)</t>
  </si>
  <si>
    <t>POINT (4.670785838129613 51.81816735058191)</t>
  </si>
  <si>
    <t>POINT (4.681141529911174 51.81309288046993)</t>
  </si>
  <si>
    <t>POINT (4.692640983458616 51.81814190968552)</t>
  </si>
  <si>
    <t>POINT (4.674429578932253 51.79713420830543)</t>
  </si>
  <si>
    <t>POINT (4.670526490418045 51.77217991022526)</t>
  </si>
  <si>
    <t>POINT (4.670147065151748 51.81918684546448)</t>
  </si>
  <si>
    <t>POINT (4.679314465163758 51.787867403130406)</t>
  </si>
  <si>
    <t>POINT (4.6669455257228005 51.773455080789375)</t>
  </si>
  <si>
    <t>POINT (4.66630261469016 51.787586113621096)</t>
  </si>
  <si>
    <t>POINT (4.676881657963501 51.817016847687576)</t>
  </si>
  <si>
    <t>POINT (4.679975229521719 51.80477438420803)</t>
  </si>
  <si>
    <t>POINT (4.673968369925512 51.77499492595925)</t>
  </si>
  <si>
    <t>POINT (4.6626691525039705 51.801833981953905)</t>
  </si>
  <si>
    <t>POINT (4.685506796466565 51.78827316119407)</t>
  </si>
  <si>
    <t>POINT (4.677149557741292 51.80374907710088)</t>
  </si>
  <si>
    <t>POINT (4.679999617287763 51.7878223764916)</t>
  </si>
  <si>
    <t>POINT (4.693397874683999 51.79557554185159)</t>
  </si>
  <si>
    <t>POINT (4.662621115185442 51.80905420044027)</t>
  </si>
  <si>
    <t>POINT (4.656802287220369 51.80082869717398)</t>
  </si>
  <si>
    <t>POINT (4.699714449142257 51.81734684050759)</t>
  </si>
  <si>
    <t>POINT (4.712134921808103 51.81538111722116)</t>
  </si>
  <si>
    <t>POINT (4.657806167157116 51.782147104157694)</t>
  </si>
  <si>
    <t>POINT (4.683504257112937 51.81282628421664)</t>
  </si>
  <si>
    <t>POINT (4.681716888500168 51.77530431475327)</t>
  </si>
  <si>
    <t>POINT (4.665542499206368 51.79981771076538)</t>
  </si>
  <si>
    <t>POINT (4.671792912529445 51.79997479247637)</t>
  </si>
  <si>
    <t>POINT (4.663087731806759 51.80385245081194)</t>
  </si>
  <si>
    <t>POINT (4.697142292409141 51.794125451706435)</t>
  </si>
  <si>
    <t>POINT (4.680241748047159 51.77391472210461)</t>
  </si>
  <si>
    <t>POINT (4.66466520292506 51.81053983381398)</t>
  </si>
  <si>
    <t>POINT (4.658549243995661 51.80741034854875)</t>
  </si>
  <si>
    <t>POINT (4.677596233724168 51.7906489819952)</t>
  </si>
  <si>
    <t>POINT (4.687250905411841 51.81083754968205)</t>
  </si>
  <si>
    <t>POINT (4.732048068839403 51.80177943438741)</t>
  </si>
  <si>
    <t>POINT (4.66701907288099 51.792789003915196)</t>
  </si>
  <si>
    <t>POINT (4.696001360969171 51.815020125526196)</t>
  </si>
  <si>
    <t>POINT (4.72761710879517 51.805929904210984)</t>
  </si>
  <si>
    <t>POINT (4.711194938395666 51.80772696489651)</t>
  </si>
  <si>
    <t>POINT (4.667662790673834 51.81183769186003)</t>
  </si>
  <si>
    <t>POINT (4.664011702079315 51.78877338906814)</t>
  </si>
  <si>
    <t>POINT (4.712570761570813 51.809386564165315)</t>
  </si>
  <si>
    <t>POINT (4.661755171233423 51.793292747660075)</t>
  </si>
  <si>
    <t>POINT (4.633754842050492 51.770362616268635)</t>
  </si>
  <si>
    <t>POINT (4.669426712158761 51.81248808341407)</t>
  </si>
  <si>
    <t>POINT (4.665256283241379 51.790080111560975)</t>
  </si>
  <si>
    <t>POINT (4.713430472881777 51.80351423217269)</t>
  </si>
  <si>
    <t>POINT (4.693359759868648 51.79695550921669)</t>
  </si>
  <si>
    <t>POINT (4.716427562286398 51.79941956409059)</t>
  </si>
  <si>
    <t>POINT (4.666530526023853 51.78088605485057)</t>
  </si>
  <si>
    <t>POINT (4.628321401356868 51.72102145854397)</t>
  </si>
  <si>
    <t>POINT (4.66442097669283 51.80240342465899)</t>
  </si>
  <si>
    <t>POINT (4.67422456610573 51.78205664566733)</t>
  </si>
  <si>
    <t>POINT (4.70074642137268 51.79019612824737)</t>
  </si>
  <si>
    <t>POINT (4.668313598299479 51.79199197878995)</t>
  </si>
  <si>
    <t>POINT (4.721630402527291 51.81109998200012)</t>
  </si>
  <si>
    <t>POINT (4.659426970026446 51.81378813614856)</t>
  </si>
  <si>
    <t>POINT (4.690482401911586 51.80849989901006)</t>
  </si>
  <si>
    <t>POINT (4.659425881514436 51.77157936364968)</t>
  </si>
  <si>
    <t>POINT (4.634236364100454 51.768718322611136)</t>
  </si>
  <si>
    <t>POINT (4.686598157070357 51.779597848888784)</t>
  </si>
  <si>
    <t>POINT (4.666236486268085 51.79959414088085)</t>
  </si>
  <si>
    <t>POINT (4.719403913735313 51.80093938107209)</t>
  </si>
  <si>
    <t>POINT (4.6925644656926675 51.79562998957366)</t>
  </si>
  <si>
    <t>POINT (4.664881664314821 51.802764065427176)</t>
  </si>
  <si>
    <t>POINT (4.714799827504597 51.81095184895031)</t>
  </si>
  <si>
    <t>POINT (4.660469575765032 51.80330804361962)</t>
  </si>
  <si>
    <t>POINT (4.6708517734561 51.818208318915524)</t>
  </si>
  <si>
    <t>POINT (4.711763708080235 51.803151179800615)</t>
  </si>
  <si>
    <t>POINT (4.68921867634213 51.810351154603154)</t>
  </si>
  <si>
    <t>POINT (4.720982529634182 51.82097736304223)</t>
  </si>
  <si>
    <t>POINT (4.639364357560349 51.779712717394816)</t>
  </si>
  <si>
    <t>POINT (4.672055382879327 51.80759446313592)</t>
  </si>
  <si>
    <t>POINT (4.6640734414006975 51.801724578652966)</t>
  </si>
  <si>
    <t>POINT (4.6604910916873825 51.811043024806956)</t>
  </si>
  <si>
    <t>POINT (4.678631898013406 51.78466709984671)</t>
  </si>
  <si>
    <t>POINT (4.674111558894633 51.77650077635252)</t>
  </si>
  <si>
    <t>POINT (4.719738037444106 51.811196881936915)</t>
  </si>
  <si>
    <t>POINT (4.733019903762638 51.8031519471904)</t>
  </si>
  <si>
    <t>POINT (4.690937574223524 51.78868034837017)</t>
  </si>
  <si>
    <t>POINT (4.699790579918991 51.817547355716734)</t>
  </si>
  <si>
    <t>3313AH</t>
  </si>
  <si>
    <t>POINT (4.710710710907796 51.81479638498833)</t>
  </si>
  <si>
    <t>POINT (4.705578940852335 51.7926966752633)</t>
  </si>
  <si>
    <t>POINT (4.689665150701757 51.808014402054475)</t>
  </si>
  <si>
    <t>POINT (4.67937036127013 51.80469670622425)</t>
  </si>
  <si>
    <t>POINT (4.718614418895353 51.815581514752985)</t>
  </si>
  <si>
    <t>3329KW</t>
  </si>
  <si>
    <t>Dordrechtseweg</t>
  </si>
  <si>
    <t>POINT (4.664739318488727 51.76223024185911)</t>
  </si>
  <si>
    <t>POINT (4.7034819903283545 51.798767633301146)</t>
  </si>
  <si>
    <t>POINT (4.685838706541329 51.78670046272846)</t>
  </si>
  <si>
    <t>POINT (4.674776075361982 51.81431285961038)</t>
  </si>
  <si>
    <t>POINT (4.6927947857216505 51.790596606396385)</t>
  </si>
  <si>
    <t>POINT (4.728992290448176 51.801264523549)</t>
  </si>
  <si>
    <t>POINT (4.680009303433395 51.779267559238335)</t>
  </si>
  <si>
    <t>POINT (4.663065978735558 51.79122896799382)</t>
  </si>
  <si>
    <t>POINT (4.686868605739808 51.782569274550276)</t>
  </si>
  <si>
    <t>POINT (4.693460655773524 51.79566055045195)</t>
  </si>
  <si>
    <t>POINT (4.675630058286178 51.783388676829745)</t>
  </si>
  <si>
    <t>POINT (4.675695804522826 51.77390722257295)</t>
  </si>
  <si>
    <t>POINT (4.665439538328897 51.80181877815382)</t>
  </si>
  <si>
    <t>POINT (4.656523149512952 51.78489662348387)</t>
  </si>
  <si>
    <t>POINT (4.707706431617859 51.8118244706951)</t>
  </si>
  <si>
    <t>POINT (4.707877140927538 51.78954849363581)</t>
  </si>
  <si>
    <t>POINT (4.663566345088293 51.812684683543004)</t>
  </si>
  <si>
    <t>POINT (4.71250346786536 51.7933110872058)</t>
  </si>
  <si>
    <t>POINT (4.664426061758234 51.812637685589046)</t>
  </si>
  <si>
    <t>POINT (4.660265135530636 51.78813531457415)</t>
  </si>
  <si>
    <t>POINT (4.652956721820311 51.80259889353309)</t>
  </si>
  <si>
    <t>POINT (4.65244612967573 51.790658972869764)</t>
  </si>
  <si>
    <t>POINT (4.653566902202615 51.78734307541712)</t>
  </si>
  <si>
    <t>POINT (4.680585951532261 51.78544502962147)</t>
  </si>
  <si>
    <t>POINT (4.678577363597178 51.787058932072625)</t>
  </si>
  <si>
    <t>POINT (4.659608764704686 51.80311640021588)</t>
  </si>
  <si>
    <t>POINT (4.68015469546685 51.787812623741274)</t>
  </si>
  <si>
    <t>POINT (4.694771037551433 51.817994183552116)</t>
  </si>
  <si>
    <t>POINT (4.658171690327561 51.79871748999428)</t>
  </si>
  <si>
    <t>POINT (4.65210689212811 51.782441833746276)</t>
  </si>
  <si>
    <t>POINT (4.720383188866161 51.80421826437224)</t>
  </si>
  <si>
    <t>POINT (4.65536921834877 51.79197341661647)</t>
  </si>
  <si>
    <t>POINT (4.69299602868574 51.79517092160772)</t>
  </si>
  <si>
    <t>POINT (4.663763284719814 51.7931013022248)</t>
  </si>
  <si>
    <t>POINT (4.668483726833117 51.80939431436582)</t>
  </si>
  <si>
    <t>POINT (4.654943930471459 51.812238499785074)</t>
  </si>
  <si>
    <t>POINT (4.673440180842124 51.81842038385737)</t>
  </si>
  <si>
    <t>3319LC</t>
  </si>
  <si>
    <t>POINT (4.716087990853994 51.794688727387076)</t>
  </si>
  <si>
    <t>POINT (4.666580966298361 51.775302449796555)</t>
  </si>
  <si>
    <t>POINT (4.703121722262361 51.79686596805062)</t>
  </si>
  <si>
    <t>POINT (4.666840923157104 51.796234769814134)</t>
  </si>
  <si>
    <t>POINT (4.653798722738318 51.81129004357812)</t>
  </si>
  <si>
    <t>POINT (4.710048678134994 51.795641178010484)</t>
  </si>
  <si>
    <t>POINT (4.676768842762717 51.78648742210269)</t>
  </si>
  <si>
    <t>POINT (4.6687879712246945 51.81510772642642)</t>
  </si>
  <si>
    <t>POINT (4.668742310990882 51.81508806732143)</t>
  </si>
  <si>
    <t>POINT (4.682755087655079 51.81142660484009)</t>
  </si>
  <si>
    <t>POINT (4.680975353682346 51.78892660095742)</t>
  </si>
  <si>
    <t>POINT (4.684181987488948 51.81261258685214)</t>
  </si>
  <si>
    <t>POINT (4.6598694393330895 51.79068114261278)</t>
  </si>
  <si>
    <t>POINT (4.662465518273487 51.804834039429046)</t>
  </si>
  <si>
    <t>POINT (4.6744251433408905 51.7860508435508)</t>
  </si>
  <si>
    <t>POINT (4.67272267826054 51.81640094745402)</t>
  </si>
  <si>
    <t>POINT (4.701562828834526 51.79652526746956)</t>
  </si>
  <si>
    <t>POINT (4.693982524580099 51.81849664138599)</t>
  </si>
  <si>
    <t>POINT (4.665443065001047 51.796073002217135)</t>
  </si>
  <si>
    <t>POINT (4.695095765312133 51.79079178419345)</t>
  </si>
  <si>
    <t>POINT (4.642061271380687 51.79930807646974)</t>
  </si>
  <si>
    <t>POINT (4.685995111299376 51.80832252060116)</t>
  </si>
  <si>
    <t>POINT (4.71323663224187 51.80353589618708)</t>
  </si>
  <si>
    <t>POINT (4.671090528936869 51.80359655246371)</t>
  </si>
  <si>
    <t>POINT (4.666202019696964 51.788851823993305)</t>
  </si>
  <si>
    <t>POINT (4.683320958520574 51.805874931395905)</t>
  </si>
  <si>
    <t>POINT (4.6715717564004775 51.817099788282256)</t>
  </si>
  <si>
    <t>POINT (4.7242026113509 51.79903115956244)</t>
  </si>
  <si>
    <t>POINT (4.689881687221181 51.807873605214766)</t>
  </si>
  <si>
    <t>POINT (4.671052933706089 51.77710184007934)</t>
  </si>
  <si>
    <t>POINT (4.732777313687328 51.79533806524322)</t>
  </si>
  <si>
    <t>POINT (4.691230631030652 51.792214171519205)</t>
  </si>
  <si>
    <t>POINT (4.666281931637774 51.81619437917174)</t>
  </si>
  <si>
    <t>POINT (4.708425438097392 51.80843356602684)</t>
  </si>
  <si>
    <t>POINT (4.669655395598463 51.789335457845546)</t>
  </si>
  <si>
    <t>POINT (4.677580714669948 51.790556520323356)</t>
  </si>
  <si>
    <t>POINT (4.698612594928769 51.79321018103293)</t>
  </si>
  <si>
    <t>POINT (4.65578694406628 51.78114800044584)</t>
  </si>
  <si>
    <t>POINT (4.66335516425334 51.81480484439341)</t>
  </si>
  <si>
    <t>POINT (4.663615863742791 51.787698002211066)</t>
  </si>
  <si>
    <t>POINT (4.65571016950828 51.78356340168591)</t>
  </si>
  <si>
    <t>POINT (4.654068430749668 51.81145801965133)</t>
  </si>
  <si>
    <t>POINT (4.720344042588054 51.79532849397478)</t>
  </si>
  <si>
    <t>POINT (4.658895281878142 51.78316869769315)</t>
  </si>
  <si>
    <t>POINT (4.723396175192822 51.805490162092326)</t>
  </si>
  <si>
    <t>POINT (4.684901064624501 51.7898214152836)</t>
  </si>
  <si>
    <t>POINT (4.7174131115564695 51.81191396221682)</t>
  </si>
  <si>
    <t>POINT (4.651658922066625 51.78310871222144)</t>
  </si>
  <si>
    <t>POINT (4.689505904645442 51.808693079197866)</t>
  </si>
  <si>
    <t>POINT (4.67590057378729 51.776413294277084)</t>
  </si>
  <si>
    <t>POINT (4.678470803935277 51.78557354456673)</t>
  </si>
  <si>
    <t>POINT (4.653308747098137 51.794028793043566)</t>
  </si>
  <si>
    <t>POINT (4.653011861102022 51.79120154996297)</t>
  </si>
  <si>
    <t>POINT (4.670682951625728 51.79981009702604)</t>
  </si>
  <si>
    <t>POINT (4.659465214626382 51.809969683264356)</t>
  </si>
  <si>
    <t>POINT (4.670430990209381 51.799076024849796)</t>
  </si>
  <si>
    <t>POINT (4.7336740514348845 51.80181874869638)</t>
  </si>
  <si>
    <t>POINT (4.635900817775551 51.77101092656363)</t>
  </si>
  <si>
    <t>POINT (4.730189603362818 51.79197986210139)</t>
  </si>
  <si>
    <t>POINT (4.667808007266315 51.79091733665856)</t>
  </si>
  <si>
    <t>POINT (4.706866503753566 51.80658066937604)</t>
  </si>
  <si>
    <t>POINT (4.676503443955667 51.78379471500843)</t>
  </si>
  <si>
    <t>POINT (4.677903860504386 51.808054594802734)</t>
  </si>
  <si>
    <t>POINT (4.706862762934025 51.80230479011584)</t>
  </si>
  <si>
    <t>POINT (4.654508564178149 51.811990031567326)</t>
  </si>
  <si>
    <t>POINT (4.7155464291439575 51.803185127201154)</t>
  </si>
  <si>
    <t>POINT (4.731493076937861 51.804892433438624)</t>
  </si>
  <si>
    <t>POINT (4.668497426136525 51.79270809310772)</t>
  </si>
  <si>
    <t>POINT (4.7064043181583095 51.79840635667431)</t>
  </si>
  <si>
    <t>POINT (4.675997756341773 51.77464430351548)</t>
  </si>
  <si>
    <t>POINT (4.728243737204283 51.80495672865456)</t>
  </si>
  <si>
    <t>POINT (4.715809204627902 51.80868275597562)</t>
  </si>
  <si>
    <t>POINT (4.660092561419386 51.80189975027932)</t>
  </si>
  <si>
    <t>POINT (4.721116473238062 51.79925942970239)</t>
  </si>
  <si>
    <t>POINT (4.67455601799515 51.81443563905828)</t>
  </si>
  <si>
    <t>POINT (4.686420942781583 51.80952918605929)</t>
  </si>
  <si>
    <t>POINT (4.685144187304789 51.78593315941212)</t>
  </si>
  <si>
    <t>POINT (4.679520200269346 51.77971559937864)</t>
  </si>
  <si>
    <t>POINT (4.676035765353162 51.80749420581851)</t>
  </si>
  <si>
    <t>POINT (4.724887362335773 51.798340537191194)</t>
  </si>
  <si>
    <t>POINT (4.71106064888254 51.79803715256481)</t>
  </si>
  <si>
    <t>POINT (4.684634824287491 51.80740279840633)</t>
  </si>
  <si>
    <t>POINT (4.668271862269185 51.79628894898576)</t>
  </si>
  <si>
    <t>POINT (4.7111924810076315 51.800466314370574)</t>
  </si>
  <si>
    <t>POINT (4.654239883547475 51.7994730955671)</t>
  </si>
  <si>
    <t>POINT (4.6802766134852885 51.81648997285468)</t>
  </si>
  <si>
    <t>POINT (4.675750045499134 51.81377331780911)</t>
  </si>
  <si>
    <t>POINT (4.68169514393981 51.77525488091249)</t>
  </si>
  <si>
    <t>POINT (4.6772305135259025 51.80891604214145)</t>
  </si>
  <si>
    <t>POINT (4.733948498782693 51.79225064719401)</t>
  </si>
  <si>
    <t>POINT (4.733679172651283 51.79490254993757)</t>
  </si>
  <si>
    <t>POINT (4.713447609409219 51.805178686694994)</t>
  </si>
  <si>
    <t>POINT (4.65797643652233 51.771392437104225)</t>
  </si>
  <si>
    <t>POINT (4.679422517744106 51.81419859415718)</t>
  </si>
  <si>
    <t>POINT (4.721399419733162 51.79741611555786)</t>
  </si>
  <si>
    <t>POINT (4.66611592958063 51.78046637662343)</t>
  </si>
  <si>
    <t>POINT (4.672131665881635 51.815061235995636)</t>
  </si>
  <si>
    <t>POINT (4.6774087187735685 51.805761538083665)</t>
  </si>
  <si>
    <t>POINT (4.653769724268632 51.80336986943093)</t>
  </si>
  <si>
    <t>POINT (4.729289597342557 51.80016775221998)</t>
  </si>
  <si>
    <t>POINT (4.732667135073748 51.80181723494464)</t>
  </si>
  <si>
    <t>POINT (4.661469408105495 51.793780801613615)</t>
  </si>
  <si>
    <t>POINT (4.726310685773432 51.8059657439257)</t>
  </si>
  <si>
    <t>POINT (4.685671076282986 51.790213605682986)</t>
  </si>
  <si>
    <t>POINT (4.678093951745922 51.81303330098772)</t>
  </si>
  <si>
    <t>POINT (4.671817014752748 51.81455224942375)</t>
  </si>
  <si>
    <t>POINT (4.655330402599801 51.80203879735576)</t>
  </si>
  <si>
    <t>POINT (4.67226971719528 51.81844849521889)</t>
  </si>
  <si>
    <t>POINT (4.6614444562322195 51.79038069691259)</t>
  </si>
  <si>
    <t>POINT (4.692554961142779 51.81899471111566)</t>
  </si>
  <si>
    <t>POINT (4.656691734983806 51.80012630609286)</t>
  </si>
  <si>
    <t>POINT (4.70505096114662 51.81619303380409)</t>
  </si>
  <si>
    <t>POINT (4.7318992684264 51.8007659166182)</t>
  </si>
  <si>
    <t>POINT (4.673466463489898 51.807791340305364)</t>
  </si>
  <si>
    <t>POINT (4.705652030728237 51.798693850917154)</t>
  </si>
  <si>
    <t>POINT (4.653068237995413 51.791423879024194)</t>
  </si>
  <si>
    <t>POINT (4.672816503684924 51.81829691408933)</t>
  </si>
  <si>
    <t>POINT (4.735361847634696 51.79932280671405)</t>
  </si>
  <si>
    <t>POINT (4.70375656794188 51.81521253626477)</t>
  </si>
  <si>
    <t>POINT (4.663636729241374 51.81708839240635)</t>
  </si>
  <si>
    <t>POINT (4.712815862625241 51.8013250210062)</t>
  </si>
  <si>
    <t>POINT (4.719988862432111 51.80475096394119)</t>
  </si>
  <si>
    <t>POINT (4.66410626431028 51.81330325982187)</t>
  </si>
  <si>
    <t>POINT (4.685992312499343 51.78115310203307)</t>
  </si>
  <si>
    <t>POINT (4.68846738768013 51.79020137780126)</t>
  </si>
  <si>
    <t>POINT (4.704234577161073 51.79860594199434)</t>
  </si>
  <si>
    <t>POINT (4.719371281679777 51.81564864562886)</t>
  </si>
  <si>
    <t>POINT (4.6615969655162885 51.80896799860281)</t>
  </si>
  <si>
    <t>POINT (4.666829128920161 51.8026862770261)</t>
  </si>
  <si>
    <t>POINT (4.690942770706488 51.78132473920391)</t>
  </si>
  <si>
    <t>POINT (4.68341529405089 51.78969089414756)</t>
  </si>
  <si>
    <t>POINT (4.6623239680729 51.80157816201859)</t>
  </si>
  <si>
    <t>POINT (4.721509133023242 51.79477076697763)</t>
  </si>
  <si>
    <t>POINT (4.662706363189133 51.79299312665162)</t>
  </si>
  <si>
    <t>POINT (4.682649096435283 51.7862152042992)</t>
  </si>
  <si>
    <t>POINT (4.659678112070115 51.7711310069023)</t>
  </si>
  <si>
    <t>POINT (4.673244029093829 51.787844753420764)</t>
  </si>
  <si>
    <t>POINT (4.65331337815584 51.80184584930932)</t>
  </si>
  <si>
    <t>POINT (4.731814142360184 51.80064377096053)</t>
  </si>
  <si>
    <t>POINT (4.666554254664305 51.7962500518773)</t>
  </si>
  <si>
    <t>POINT (4.65536760911662 51.79013544902096)</t>
  </si>
  <si>
    <t>POINT (4.654598659431004 51.78755803477142)</t>
  </si>
  <si>
    <t>POINT (4.6639536674164335 51.80050334674857)</t>
  </si>
  <si>
    <t>POINT (4.660420460528438 51.809963163081754)</t>
  </si>
  <si>
    <t>POINT (4.6524877222040155 51.789318171184924)</t>
  </si>
  <si>
    <t>3318EM</t>
  </si>
  <si>
    <t>POINT (4.671991508388317 51.78839148365163)</t>
  </si>
  <si>
    <t>POINT (4.727960174950756 51.800773944813585)</t>
  </si>
  <si>
    <t>POINT (4.656306354030807 51.799735234602885)</t>
  </si>
  <si>
    <t>POINT (4.662687616209333 51.79284356471475)</t>
  </si>
  <si>
    <t>POINT (4.663116871331714 51.801370277580496)</t>
  </si>
  <si>
    <t>POINT (4.680319238125452 51.7731097740611)</t>
  </si>
  <si>
    <t>POINT (4.666955075111309 51.812651454896624)</t>
  </si>
  <si>
    <t>POINT (4.67475171552854 51.81828156794613)</t>
  </si>
  <si>
    <t>POINT (4.666984820724806 51.81685893989241)</t>
  </si>
  <si>
    <t>POINT (4.66497014756332 51.80254693998751)</t>
  </si>
  <si>
    <t>POINT (4.675973293124723 51.7858844214567)</t>
  </si>
  <si>
    <t>POINT (4.6653434779860605 51.78894716365163)</t>
  </si>
  <si>
    <t>POINT (4.725624633342651 51.805915352791395)</t>
  </si>
  <si>
    <t>POINT (4.654210923008632 51.81086929663391)</t>
  </si>
  <si>
    <t>POINT (4.652491963716779 51.78565238344026)</t>
  </si>
  <si>
    <t>POINT (4.669557844920619 51.79859963511463)</t>
  </si>
  <si>
    <t>POINT (4.654982768870263 51.812264234047774)</t>
  </si>
  <si>
    <t>POINT (4.659472717839726 51.79110870200891)</t>
  </si>
  <si>
    <t>POINT (4.665931260800807 51.80036776432205)</t>
  </si>
  <si>
    <t>POINT (4.668986790741533 51.778582671699326)</t>
  </si>
  <si>
    <t>POINT (4.680512695935758 51.80543842482044)</t>
  </si>
  <si>
    <t>POINT (4.6740265253222635 51.817107531174514)</t>
  </si>
  <si>
    <t>POINT (4.685471933080258 51.78465959829563)</t>
  </si>
  <si>
    <t>POINT (4.668644174044616 51.81561653981074)</t>
  </si>
  <si>
    <t>POINT (4.665651688921952 51.80279051993035)</t>
  </si>
  <si>
    <t>POINT (4.671486261768502 51.81186432721252)</t>
  </si>
  <si>
    <t>POINT (4.680679321805774 51.80147485581207)</t>
  </si>
  <si>
    <t>POINT (4.669596579209892 51.80608238724193)</t>
  </si>
  <si>
    <t>POINT (4.712977359733147 51.80079635570087)</t>
  </si>
  <si>
    <t>POINT (4.692792164008416 51.785832364798615)</t>
  </si>
  <si>
    <t>POINT (4.661291221424772 51.7922983069841)</t>
  </si>
  <si>
    <t>POINT (4.69085677913809 51.81082929455825)</t>
  </si>
  <si>
    <t>POINT (4.675262207931521 51.7960311743079)</t>
  </si>
  <si>
    <t>POINT (4.658579646146474 51.806541996073115)</t>
  </si>
  <si>
    <t>POINT (4.656339686616957 51.80069864437122)</t>
  </si>
  <si>
    <t>POINT (4.660516382065393 51.79223466088261)</t>
  </si>
  <si>
    <t>POINT (4.663653003021702 51.79401492577745)</t>
  </si>
  <si>
    <t>POINT (4.664313548408318 51.790242206056156)</t>
  </si>
  <si>
    <t>POINT (4.716058799471695 51.80144427913346)</t>
  </si>
  <si>
    <t>POINT (4.652350641171176 51.792110105774725)</t>
  </si>
  <si>
    <t>POINT (4.677169752237521 51.808683281343654)</t>
  </si>
  <si>
    <t>POINT (4.733726045261 51.800823933377956)</t>
  </si>
  <si>
    <t>POINT (4.67252543347804 51.77570682115936)</t>
  </si>
  <si>
    <t>POINT (4.692602471975522 51.79368430121396)</t>
  </si>
  <si>
    <t>3317HE</t>
  </si>
  <si>
    <t>POINT (4.671501708328822 51.7926903969373)</t>
  </si>
  <si>
    <t>POINT (4.681555805450236 51.80878180961648)</t>
  </si>
  <si>
    <t>POINT (4.6934025365712815 51.79563342052425)</t>
  </si>
  <si>
    <t>POINT (4.63109984163928 51.77994831573947)</t>
  </si>
  <si>
    <t>3317KK</t>
  </si>
  <si>
    <t>POINT (4.66719774814901 51.78755019124842)</t>
  </si>
  <si>
    <t>POINT (4.6681355940998275 51.77488003875891)</t>
  </si>
  <si>
    <t>POINT (4.69282534061682 51.786001782157825)</t>
  </si>
  <si>
    <t>POINT (4.729799554630717 51.79453611571066)</t>
  </si>
  <si>
    <t>POINT (4.661568058214088 51.81068044308003)</t>
  </si>
  <si>
    <t>POINT (4.73490511684808 51.80340175581563)</t>
  </si>
  <si>
    <t>POINT (4.671341507162157 51.80870317836145)</t>
  </si>
  <si>
    <t>POINT (4.688188463276236 51.80788795319753)</t>
  </si>
  <si>
    <t>POINT (4.702893702484608 51.816255835807596)</t>
  </si>
  <si>
    <t>POINT (4.676137207271404 51.80864923609788)</t>
  </si>
  <si>
    <t>POINT (4.671613143228289 51.77184447102555)</t>
  </si>
  <si>
    <t>POINT (4.676261631230852 51.77673683868306)</t>
  </si>
  <si>
    <t>POINT (4.661656230755303 51.79330222112712)</t>
  </si>
  <si>
    <t>POINT (4.6700692886148465 51.781556755758814)</t>
  </si>
  <si>
    <t>POINT (4.675063585792204 51.78566356897394)</t>
  </si>
  <si>
    <t>POINT (4.692586330547752 51.819092765195705)</t>
  </si>
  <si>
    <t>POINT (4.674439885337719 51.78058245849655)</t>
  </si>
  <si>
    <t>POINT (4.680363634361798 51.78544546996828)</t>
  </si>
  <si>
    <t>POINT (4.6791870468247065 51.77514974514894)</t>
  </si>
  <si>
    <t>POINT (4.662951927101403 51.812469865928655)</t>
  </si>
  <si>
    <t>POINT (4.677654686594245 51.79034607506314)</t>
  </si>
  <si>
    <t>POINT (4.66857294193579 51.80810834685034)</t>
  </si>
  <si>
    <t>POINT (4.667916285100339 51.7983491442745)</t>
  </si>
  <si>
    <t>POINT (4.701677741815081 51.790409086658826)</t>
  </si>
  <si>
    <t>POINT (4.6630501408993 51.79524425801964)</t>
  </si>
  <si>
    <t>POINT (4.671171354219353 51.81471168090076)</t>
  </si>
  <si>
    <t>POINT (4.663854605577252 51.81511934561181)</t>
  </si>
  <si>
    <t>POINT (4.683464798797342 51.811893401767065)</t>
  </si>
  <si>
    <t>POINT (4.661569569157738 51.806074064948284)</t>
  </si>
  <si>
    <t>POINT (4.684792118084965 51.811307050475044)</t>
  </si>
  <si>
    <t>POINT (4.664799946337932 51.800285110451874)</t>
  </si>
  <si>
    <t>POINT (4.671612419023653 51.8119269026984)</t>
  </si>
  <si>
    <t>POINT (4.730225395789036 51.79203732922091)</t>
  </si>
  <si>
    <t>POINT (4.716332968411943 51.815380983478725)</t>
  </si>
  <si>
    <t>POINT (4.670598096370081 51.79887936635586)</t>
  </si>
  <si>
    <t>POINT (4.672854297168226 51.79290910204843)</t>
  </si>
  <si>
    <t>POINT (4.672877816530439 51.78883218865804)</t>
  </si>
  <si>
    <t>POINT (4.669612231016174 51.815929596994856)</t>
  </si>
  <si>
    <t>POINT (4.716672165349232 51.812905725910724)</t>
  </si>
  <si>
    <t>POINT (4.672440863786731 51.775509560885716)</t>
  </si>
  <si>
    <t>POINT (4.666655217754926 51.77863216424506)</t>
  </si>
  <si>
    <t>POINT (4.688437135630494 51.81534127693543)</t>
  </si>
  <si>
    <t>POINT (4.659275144476645 51.77063936681415)</t>
  </si>
  <si>
    <t>POINT (4.682764575163609 51.812025037260945)</t>
  </si>
  <si>
    <t>POINT (4.662938822489667 51.81729729889347)</t>
  </si>
  <si>
    <t>POINT (4.68116717921149 51.781296758425285)</t>
  </si>
  <si>
    <t>POINT (4.692141982238038 51.78487176742919)</t>
  </si>
  <si>
    <t>3328XC</t>
  </si>
  <si>
    <t>POINT (4.682095802920022 51.78196617766568)</t>
  </si>
  <si>
    <t>POINT (4.666998328764396 51.79625648209167)</t>
  </si>
  <si>
    <t>POINT (4.674285996847915 51.7828043128589)</t>
  </si>
  <si>
    <t>POINT (4.680427368790105 51.78059193047505)</t>
  </si>
  <si>
    <t>POINT (4.710520473511798 51.79538824465122)</t>
  </si>
  <si>
    <t>POINT (4.664666090586921 51.79574005137341)</t>
  </si>
  <si>
    <t>POINT (4.65889437006694 51.800061680903596)</t>
  </si>
  <si>
    <t>POINT (4.666867675938398 51.78028228672609)</t>
  </si>
  <si>
    <t>POINT (4.704012722672991 51.79869315273616)</t>
  </si>
  <si>
    <t>POINT (4.664281893060567 51.81475160902237)</t>
  </si>
  <si>
    <t>POINT (4.653197569518412 51.79479009731287)</t>
  </si>
  <si>
    <t>POINT (4.6787617660425544 51.78560696933707)</t>
  </si>
  <si>
    <t>POINT (4.6743074731470955 51.7787231669438)</t>
  </si>
  <si>
    <t>POINT (4.713074402781537 51.81623399311566)</t>
  </si>
  <si>
    <t>POINT (4.692601063817859 51.79150692059092)</t>
  </si>
  <si>
    <t>POINT (4.7179302718986795 51.80311027319853)</t>
  </si>
  <si>
    <t>POINT (4.66793047675002 51.810501430989916)</t>
  </si>
  <si>
    <t>POINT (4.668252464934911 51.79183414912581)</t>
  </si>
  <si>
    <t>POINT (4.714042039905105 51.807956875257624)</t>
  </si>
  <si>
    <t>POINT (4.705060710828523 51.79891825009598)</t>
  </si>
  <si>
    <t>POINT (4.692060207413287 51.81848000396964)</t>
  </si>
  <si>
    <t>POINT (4.668004169948221 51.80107380458804)</t>
  </si>
  <si>
    <t>POINT (4.681206526526546 51.80921906593218)</t>
  </si>
  <si>
    <t>POINT (4.659962462591617 51.80737006435019)</t>
  </si>
  <si>
    <t>POINT (4.681349872151812 51.802804820358645)</t>
  </si>
  <si>
    <t>POINT (4.714925662552538 51.81384375657253)</t>
  </si>
  <si>
    <t>POINT (4.656585008716835 51.80981615569413)</t>
  </si>
  <si>
    <t>POINT (4.683240871289112 51.7979828882555)</t>
  </si>
  <si>
    <t>POINT (4.669475795093788 51.80446085404292)</t>
  </si>
  <si>
    <t>3316LN</t>
  </si>
  <si>
    <t>Saffier</t>
  </si>
  <si>
    <t>POINT (4.661753081917889 51.816282515348156)</t>
  </si>
  <si>
    <t>POINT (4.696600739252099 51.793350947078864)</t>
  </si>
  <si>
    <t>POINT (4.672822655443574 51.819287925039504)</t>
  </si>
  <si>
    <t>POINT (4.667265002922017 51.81803990091761)</t>
  </si>
  <si>
    <t>POINT (4.718927300718401 51.80551288566937)</t>
  </si>
  <si>
    <t>POINT (4.652305806768237 51.78543650379578)</t>
  </si>
  <si>
    <t>POINT (4.664630428193621 51.7777874337404)</t>
  </si>
  <si>
    <t>POINT (4.680892552563797 51.78542567180721)</t>
  </si>
  <si>
    <t>POINT (4.659741408773723 51.79242664760048)</t>
  </si>
  <si>
    <t>POINT (4.672873828214404 51.77263174771112)</t>
  </si>
  <si>
    <t>POINT (4.658598184375405 51.81080409817706)</t>
  </si>
  <si>
    <t>POINT (4.686048464436664 51.788997112912554)</t>
  </si>
  <si>
    <t>POINT (4.654617727751252 51.7997503389092)</t>
  </si>
  <si>
    <t>POINT (4.683612633552614 51.78508856513355)</t>
  </si>
  <si>
    <t>POINT (4.66268794037299 51.787924282317135)</t>
  </si>
  <si>
    <t>POINT (4.713573690089144 51.80025585952462)</t>
  </si>
  <si>
    <t>POINT (4.713026762470962 51.80481212138331)</t>
  </si>
  <si>
    <t>POINT (4.658482838309075 51.802961405052095)</t>
  </si>
  <si>
    <t>POINT (4.705398417902305 51.79040707540407)</t>
  </si>
  <si>
    <t>POINT (4.714712275635484 51.81386911339396)</t>
  </si>
  <si>
    <t>POINT (4.652955327744117 51.80343077101841)</t>
  </si>
  <si>
    <t>POINT (4.682928488032235 51.7767566921353)</t>
  </si>
  <si>
    <t>POINT (4.664769685278054 51.77969195755542)</t>
  </si>
  <si>
    <t>POINT (4.721566504680517 51.81110817676113)</t>
  </si>
  <si>
    <t>POINT (4.6524828565247915 51.80375698864933)</t>
  </si>
  <si>
    <t>POINT (4.659659899555803 51.783176993277465)</t>
  </si>
  <si>
    <t>POINT (4.710542076413406 51.804364377631224)</t>
  </si>
  <si>
    <t>POINT (4.6703358210657075 51.79920874566926)</t>
  </si>
  <si>
    <t>POINT (4.682567920649742 51.80467391160811)</t>
  </si>
  <si>
    <t>POINT (4.657290281145109 51.78720879335431)</t>
  </si>
  <si>
    <t>POINT (4.6566494515415044 51.79685000267831)</t>
  </si>
  <si>
    <t>POINT (4.672645342743743 51.771770989748774)</t>
  </si>
  <si>
    <t>POINT (4.663769306330681 51.79485989763673)</t>
  </si>
  <si>
    <t>POINT (4.685935265124233 51.787699009146)</t>
  </si>
  <si>
    <t>POINT (4.677265522984453 51.773220604353455)</t>
  </si>
  <si>
    <t>POINT (4.708566421822668 51.79551602159161)</t>
  </si>
  <si>
    <t>POINT (4.707087378458416 51.79020648140516)</t>
  </si>
  <si>
    <t>POINT (4.679347100178854 51.80030556068041)</t>
  </si>
  <si>
    <t>POINT (4.697922756812123 51.79494479981578)</t>
  </si>
  <si>
    <t>POINT (4.713986194279387 51.807772665197746)</t>
  </si>
  <si>
    <t>POINT (4.660891601062591 51.81265736416237)</t>
  </si>
  <si>
    <t>POINT (4.666215142912005 51.787233380604484)</t>
  </si>
  <si>
    <t>POINT (4.730631101019903 51.80322469800073)</t>
  </si>
  <si>
    <t>POINT (4.707563592583762 51.7948426196332)</t>
  </si>
  <si>
    <t>POINT (4.643978386686706 51.77071475631421)</t>
  </si>
  <si>
    <t>POINT (4.659249325124616 51.80889442971274)</t>
  </si>
  <si>
    <t>POINT (4.6771852077973906 51.80819626964418)</t>
  </si>
  <si>
    <t>POINT (4.731615353102758 51.80394369217964)</t>
  </si>
  <si>
    <t>POINT (4.668642434850195 51.80917799395862)</t>
  </si>
  <si>
    <t>POINT (4.637283768260948 51.77444330327216)</t>
  </si>
  <si>
    <t>POINT (4.651855791533617 51.79520873940059)</t>
  </si>
  <si>
    <t>POINT (4.667380222949294 51.772133819201876)</t>
  </si>
  <si>
    <t>POINT (4.727707513892812 51.80346215962362)</t>
  </si>
  <si>
    <t>POINT (4.677245547867469 51.81691172490057)</t>
  </si>
  <si>
    <t>POINT (4.682800636262827 51.81094583181098)</t>
  </si>
  <si>
    <t>POINT (4.668007549879632 51.79434839557859)</t>
  </si>
  <si>
    <t>POINT (4.683930702064492 51.78621711512018)</t>
  </si>
  <si>
    <t>POINT (4.677348283061309 51.77251870950663)</t>
  </si>
  <si>
    <t>POINT (4.665107039662222 51.81036606069884)</t>
  </si>
  <si>
    <t>POINT (4.667666751355173 51.77592966105539)</t>
  </si>
  <si>
    <t>POINT (4.686172445312351 51.7755390024653)</t>
  </si>
  <si>
    <t>POINT (4.6798266355773945 51.80726760285481)</t>
  </si>
  <si>
    <t>POINT (4.650204425063735 51.79453999905591)</t>
  </si>
  <si>
    <t>POINT (4.734362243822205 51.797387613164446)</t>
  </si>
  <si>
    <t>POINT (4.655622095622766 51.790145072251754)</t>
  </si>
  <si>
    <t>POINT (4.674426458078327 51.80432566695326)</t>
  </si>
  <si>
    <t>POINT (4.6714717548927425 51.818502938832815)</t>
  </si>
  <si>
    <t>POINT (4.693353297738443 51.796232449133235)</t>
  </si>
  <si>
    <t>POINT (4.675499921162585 51.77578735302493)</t>
  </si>
  <si>
    <t>POINT (4.7255152891307874 51.80571095486008)</t>
  </si>
  <si>
    <t>POINT (4.72304672487304 51.80601668076488)</t>
  </si>
  <si>
    <t>POINT (4.662795395322007 51.80394940509515)</t>
  </si>
  <si>
    <t>POINT (4.723512148637941 51.798730163186505)</t>
  </si>
  <si>
    <t>POINT (4.700549866979118 51.81364894801983)</t>
  </si>
  <si>
    <t>POINT (4.664237737207775 51.790436011719734)</t>
  </si>
  <si>
    <t>POINT (4.655391289915953 51.79013209115244)</t>
  </si>
  <si>
    <t>POINT (4.665683082202872 51.781257570874445)</t>
  </si>
  <si>
    <t>POINT (4.679117457603026 51.80677478218866)</t>
  </si>
  <si>
    <t>POINT (4.683886929531317 51.811360558594814)</t>
  </si>
  <si>
    <t>POINT (4.7272051498709695 51.79740722863298)</t>
  </si>
  <si>
    <t>POINT (4.669801202425642 51.78246470166763)</t>
  </si>
  <si>
    <t>POINT (4.701681696461166 51.790462664277484)</t>
  </si>
  <si>
    <t>POINT (4.69650203165802 51.8190265274851)</t>
  </si>
  <si>
    <t>POINT (4.663689346967643 51.800336612794034)</t>
  </si>
  <si>
    <t>POINT (4.682737786992006 51.810627516409426)</t>
  </si>
  <si>
    <t>POINT (4.652413446103049 51.792735034839865)</t>
  </si>
  <si>
    <t>POINT (4.656776191026971 51.80417126943095)</t>
  </si>
  <si>
    <t>POINT (4.709861529687439 51.79218019084814)</t>
  </si>
  <si>
    <t>POINT (4.710800226683063 51.81096137569183)</t>
  </si>
  <si>
    <t>POINT (4.660981426205805 51.81112412702609)</t>
  </si>
  <si>
    <t>POINT (4.681867681862902 51.7789613493139)</t>
  </si>
  <si>
    <t>POINT (4.701857407073291 51.798975033431155)</t>
  </si>
  <si>
    <t>POINT (4.658934895619367 51.78134637356239)</t>
  </si>
  <si>
    <t>POINT (4.720199161693312 51.80469106373846)</t>
  </si>
  <si>
    <t>POINT (4.67124763821732 51.799833939502555)</t>
  </si>
  <si>
    <t>POINT (4.6744791542202675 51.81505305340366)</t>
  </si>
  <si>
    <t>POINT (4.702817240296238 51.81610886605135)</t>
  </si>
  <si>
    <t>POINT (4.6628275291837005 51.79521125251583)</t>
  </si>
  <si>
    <t>POINT (4.671966648545378 51.80454614836385)</t>
  </si>
  <si>
    <t>POINT (4.6890683649373335 51.818408484109)</t>
  </si>
  <si>
    <t>POINT (4.6920125398700705 51.80731591784929)</t>
  </si>
  <si>
    <t>POINT (4.683942239488598 51.8076657569513)</t>
  </si>
  <si>
    <t>POINT (4.669724356029943 51.808295660596634)</t>
  </si>
  <si>
    <t>POINT (4.6600938460679675 51.77019293287556)</t>
  </si>
  <si>
    <t>POINT (4.636293312077669 51.77662150007818)</t>
  </si>
  <si>
    <t>POINT (4.657244435387613 51.781084774660485)</t>
  </si>
  <si>
    <t>POINT (4.673731406771083 51.80883099086634)</t>
  </si>
  <si>
    <t>POINT (4.669203886709678 51.81231535119098)</t>
  </si>
  <si>
    <t>POINT (4.705448347848434 51.79025293124801)</t>
  </si>
  <si>
    <t>POINT (4.671865183302305 51.804658526558356)</t>
  </si>
  <si>
    <t>POINT (4.667169447932953 51.81650113706747)</t>
  </si>
  <si>
    <t>POINT (4.682176380069025 51.78203193792782)</t>
  </si>
  <si>
    <t>POINT (4.675933730095807 51.7847340146486)</t>
  </si>
  <si>
    <t>POINT (4.688499214071239 51.81940193879353)</t>
  </si>
  <si>
    <t>POINT (4.685420852490594 51.78769693059346)</t>
  </si>
  <si>
    <t>POINT (4.701652883100084 51.79007143471708)</t>
  </si>
  <si>
    <t>POINT (4.684533263955509 51.808813519022955)</t>
  </si>
  <si>
    <t>POINT (4.659760402226955 51.7913854238227)</t>
  </si>
  <si>
    <t>POINT (4.684076431381759 51.80169891890323)</t>
  </si>
  <si>
    <t>POINT (4.659443539187255 51.78381695094133)</t>
  </si>
  <si>
    <t>POINT (4.728843177543747 51.8034961861131)</t>
  </si>
  <si>
    <t>POINT (4.685956117389313 51.78795387321259)</t>
  </si>
  <si>
    <t>POINT (4.6819927095771225 51.807275184434836)</t>
  </si>
  <si>
    <t>POINT (4.692743910431091 51.79231404170723)</t>
  </si>
  <si>
    <t>POINT (4.732020812144274 51.79348965193802)</t>
  </si>
  <si>
    <t>POINT (4.685683600630173 51.813458677973614)</t>
  </si>
  <si>
    <t>POINT (4.683285463848272 51.804583747421475)</t>
  </si>
  <si>
    <t>POINT (4.702813153677137 51.79944882270202)</t>
  </si>
  <si>
    <t>POINT (4.709501609202624 51.80637931821093)</t>
  </si>
  <si>
    <t>POINT (4.7130037858531635 51.80603670160228)</t>
  </si>
  <si>
    <t>POINT (4.7007291436411265 51.79275667508386)</t>
  </si>
  <si>
    <t>POINT (4.705517643128218 51.79323651100102)</t>
  </si>
  <si>
    <t>POINT (4.663567078231571 51.80427760678362)</t>
  </si>
  <si>
    <t>POINT (4.651771594215219 51.78473101089449)</t>
  </si>
  <si>
    <t>POINT (4.712023972402167 51.79397125137913)</t>
  </si>
  <si>
    <t>POINT (4.668270914761515 51.798640403163205)</t>
  </si>
  <si>
    <t>POINT (4.672226841520746 51.80426061760847)</t>
  </si>
  <si>
    <t>POINT (4.68712923455659 51.78168365537469)</t>
  </si>
  <si>
    <t>POINT (4.668528988891461 51.80916838245333)</t>
  </si>
  <si>
    <t>POINT (4.736829497432551 51.79353503211555)</t>
  </si>
  <si>
    <t>POINT (4.730185611623731 51.80519419416729)</t>
  </si>
  <si>
    <t>POINT (4.696367412098241 51.79964761107723)</t>
  </si>
  <si>
    <t>POINT (4.667402757214998 51.774201497533156)</t>
  </si>
  <si>
    <t>POINT (4.670952353165929 51.80888944009902)</t>
  </si>
  <si>
    <t>POINT (4.664733034639088 51.81305147310217)</t>
  </si>
  <si>
    <t>POINT (4.714785855407677 51.813874281006235)</t>
  </si>
  <si>
    <t>POINT (4.670930563717173 51.80448828718067)</t>
  </si>
  <si>
    <t>POINT (4.677802253804104 51.782109825155715)</t>
  </si>
  <si>
    <t>POINT (4.680147202780801 51.77440043219609)</t>
  </si>
  <si>
    <t>POINT (4.69148466014334 51.80674084963239)</t>
  </si>
  <si>
    <t>POINT (4.67741035408101 51.81809591756944)</t>
  </si>
  <si>
    <t>POINT (4.666557938802021 51.78881745394065)</t>
  </si>
  <si>
    <t>POINT (4.679009282341592 51.781177269450936)</t>
  </si>
  <si>
    <t>POINT (4.652691587017595 51.80158300296286)</t>
  </si>
  <si>
    <t>POINT (4.664351343002959 51.812634375956904)</t>
  </si>
  <si>
    <t>POINT (4.654049597056114 51.792344491651015)</t>
  </si>
  <si>
    <t>POINT (4.6568764565239755 51.80965997573673)</t>
  </si>
  <si>
    <t>POINT (4.660115981193972 51.797147499137026)</t>
  </si>
  <si>
    <t>POINT (4.664436669660979 51.790636472131695)</t>
  </si>
  <si>
    <t>POINT (4.673506681970688 51.81010032642305)</t>
  </si>
  <si>
    <t>POINT (4.658459669417028 51.81078066747559)</t>
  </si>
  <si>
    <t>POINT (4.685449303588282 51.78475876998117)</t>
  </si>
  <si>
    <t>POINT (4.673692665244398 51.81672592844104)</t>
  </si>
  <si>
    <t>POINT (4.708171788138459 51.80836953755125)</t>
  </si>
  <si>
    <t>POINT (4.668902423359713 51.80235524236286)</t>
  </si>
  <si>
    <t>POINT (4.675741655419675 51.81483154785667)</t>
  </si>
  <si>
    <t>POINT (4.661655690890929 51.79438034069126)</t>
  </si>
  <si>
    <t>POINT (4.698975455370056 51.80068909308576)</t>
  </si>
  <si>
    <t>POINT (4.697254302167169 51.792869664815505)</t>
  </si>
  <si>
    <t>POINT (4.672179858588291 51.81278894163684)</t>
  </si>
  <si>
    <t>POINT (4.657426647429059 51.810652936434245)</t>
  </si>
  <si>
    <t>POINT (4.677410465182039 51.804741369777766)</t>
  </si>
  <si>
    <t>POINT (4.673594342393622 51.78329151946449)</t>
  </si>
  <si>
    <t>POINT (4.704703612251904 51.81544787825567)</t>
  </si>
  <si>
    <t>POINT (4.682376067890984 51.80696235391256)</t>
  </si>
  <si>
    <t>POINT (4.707882704043781 51.80194967921236)</t>
  </si>
  <si>
    <t>POINT (4.684625919314146 51.777068308427985)</t>
  </si>
  <si>
    <t>POINT (4.682228820188705 51.774146295087014)</t>
  </si>
  <si>
    <t>POINT (4.672106822302379 51.81911428212711)</t>
  </si>
  <si>
    <t>POINT (4.712298455678115 51.803077331929295)</t>
  </si>
  <si>
    <t>POINT (4.676747861061076 51.77447564630581)</t>
  </si>
  <si>
    <t>POINT (4.715604360291506 51.80323421321953)</t>
  </si>
  <si>
    <t>POINT (4.708295320190334 51.79547401314516)</t>
  </si>
  <si>
    <t>POINT (4.667050503534464 51.79621462740763)</t>
  </si>
  <si>
    <t>3312GT</t>
  </si>
  <si>
    <t>POINT (4.656720797230209 51.80727139478585)</t>
  </si>
  <si>
    <t>POINT (4.663031048127416 51.816381930832456)</t>
  </si>
  <si>
    <t>POINT (4.665428229556552 51.79524348792496)</t>
  </si>
  <si>
    <t>POINT (4.664519408937242 51.810423943826486)</t>
  </si>
  <si>
    <t>POINT (4.6722237274071166 51.819569470325895)</t>
  </si>
  <si>
    <t>POINT (4.678104075424716 51.81554760910436)</t>
  </si>
  <si>
    <t>POINT (4.680443809912808 51.781654610645965)</t>
  </si>
  <si>
    <t>POINT (4.668572330789596 51.792307314486195)</t>
  </si>
  <si>
    <t>POINT (4.677500438159125 51.80862804191995)</t>
  </si>
  <si>
    <t>POINT (4.68550163923639 51.784801527664555)</t>
  </si>
  <si>
    <t>POINT (4.658031709807069 51.80637327237273)</t>
  </si>
  <si>
    <t>POINT (4.711355526270364 51.794376620335434)</t>
  </si>
  <si>
    <t>POINT (4.660360847184636 51.801673558117876)</t>
  </si>
  <si>
    <t>POINT (4.6647273575946455 51.815628312358214)</t>
  </si>
  <si>
    <t>POINT (4.707727278239549 51.794882380788096)</t>
  </si>
  <si>
    <t>POINT (4.670654308496334 51.81257565662811)</t>
  </si>
  <si>
    <t>POINT (4.664778276496527 51.795742908506156)</t>
  </si>
  <si>
    <t>POINT (4.660484029200259 51.80425919076184)</t>
  </si>
  <si>
    <t>POINT (4.703898517551102 51.7954027715978)</t>
  </si>
  <si>
    <t>POINT (4.637949644630246 51.778774963393275)</t>
  </si>
  <si>
    <t>POINT (4.665295833010794 51.81596209053823)</t>
  </si>
  <si>
    <t>POINT (4.658110846668519 51.81252088570484)</t>
  </si>
  <si>
    <t>POINT (4.728636689062248 51.79666373213799)</t>
  </si>
  <si>
    <t>POINT (4.680531393367872 51.80746240007433)</t>
  </si>
  <si>
    <t>POINT (4.709752165885296 51.7931626315276)</t>
  </si>
  <si>
    <t>POINT (4.673624806906417 51.77635654937875)</t>
  </si>
  <si>
    <t>POINT (4.667823912708459 51.81394570643731)</t>
  </si>
  <si>
    <t>POINT (4.6817812291908965 51.78831140086169)</t>
  </si>
  <si>
    <t>POINT (4.679865346876144 51.773186722352165)</t>
  </si>
  <si>
    <t>POINT (4.73349708503121 51.80002123112761)</t>
  </si>
  <si>
    <t>POINT (4.687825808590059 51.79327672666238)</t>
  </si>
  <si>
    <t>POINT (4.66750082927171 51.813362526677246)</t>
  </si>
  <si>
    <t>POINT (4.685672988055111 51.77814757478581)</t>
  </si>
  <si>
    <t>POINT (4.6675709249530675 51.810523783680445)</t>
  </si>
  <si>
    <t>POINT (4.664156278725385 51.81473579710243)</t>
  </si>
  <si>
    <t>POINT (4.728810197261746 51.80353857124989)</t>
  </si>
  <si>
    <t>POINT (4.670621360584846 51.798809369703115)</t>
  </si>
  <si>
    <t>POINT (4.696368166559393 51.792298657968075)</t>
  </si>
  <si>
    <t>POINT (4.684764128673349 51.812259357717544)</t>
  </si>
  <si>
    <t>POINT (4.663648557958815 51.79391428784105)</t>
  </si>
  <si>
    <t>POINT (4.6747398161520595 51.78910403144395)</t>
  </si>
  <si>
    <t>POINT (4.714609330071282 51.80886915865294)</t>
  </si>
  <si>
    <t>POINT (4.674238314905515 51.81030968866035)</t>
  </si>
  <si>
    <t>POINT (4.652509384037585 51.78518690389322)</t>
  </si>
  <si>
    <t>POINT (4.720506714620799 51.81311002394915)</t>
  </si>
  <si>
    <t>POINT (4.679344238081402 51.78926036272538)</t>
  </si>
  <si>
    <t>POINT (4.672181875993038 51.79951197199962)</t>
  </si>
  <si>
    <t>POINT (4.662155561297615 51.79049570009685)</t>
  </si>
  <si>
    <t>POINT (4.677811035848395 51.808134338487726)</t>
  </si>
  <si>
    <t>POINT (4.731340331943266 51.795344854340655)</t>
  </si>
  <si>
    <t>POINT (4.732990435641767 51.799424267309895)</t>
  </si>
  <si>
    <t>POINT (4.674052918390831 51.818965100545654)</t>
  </si>
  <si>
    <t>POINT (4.676606192445381 51.785214050827065)</t>
  </si>
  <si>
    <t>POINT (4.711410601562572 51.81648282070438)</t>
  </si>
  <si>
    <t>POINT (4.709942312314112 51.7914395868012)</t>
  </si>
  <si>
    <t>POINT (4.682507399350954 51.8112848316097)</t>
  </si>
  <si>
    <t>POINT (4.655847664064896 51.78451635294688)</t>
  </si>
  <si>
    <t>POINT (4.653402328298599 51.80245965973672)</t>
  </si>
  <si>
    <t>POINT (4.6547996066507995 51.80710906527494)</t>
  </si>
  <si>
    <t>POINT (4.663425033745591 51.81483219641818)</t>
  </si>
  <si>
    <t>POINT (4.665969735503012 51.78114662437108)</t>
  </si>
  <si>
    <t>POINT (4.68245219597603 51.80456200874008)</t>
  </si>
  <si>
    <t>POINT (4.667868339909667 51.79115339032557)</t>
  </si>
  <si>
    <t>POINT (4.733364387842148 51.80330140668683)</t>
  </si>
  <si>
    <t>POINT (4.698442700543277 51.79025217977551)</t>
  </si>
  <si>
    <t>POINT (4.685310728264198 51.77511596399778)</t>
  </si>
  <si>
    <t>POINT (4.731935424627813 51.79995375239425)</t>
  </si>
  <si>
    <t>POINT (4.672292733082599 51.780549004823186)</t>
  </si>
  <si>
    <t>POINT (4.669061684057482 51.771821612280064)</t>
  </si>
  <si>
    <t>POINT (4.67121679804129 51.80518938057934)</t>
  </si>
  <si>
    <t>POINT (4.681911530570851 51.78081311425659)</t>
  </si>
  <si>
    <t>POINT (4.675353977756325 51.814463798591106)</t>
  </si>
  <si>
    <t>POINT (4.667979994281652 51.80363617849263)</t>
  </si>
  <si>
    <t>POINT (4.668283924287502 51.792022133804366)</t>
  </si>
  <si>
    <t>POINT (4.661734666253075 51.81346960085178)</t>
  </si>
  <si>
    <t>POINT (4.684768931653356 51.78039256533922)</t>
  </si>
  <si>
    <t>POINT (4.729920408663742 51.79788377735834)</t>
  </si>
  <si>
    <t>POINT (4.659751256290601 51.78988151148519)</t>
  </si>
  <si>
    <t>POINT (4.668127459499194 51.77019647117304)</t>
  </si>
  <si>
    <t>POINT (4.705591869453613 51.79200889262213)</t>
  </si>
  <si>
    <t>POINT (4.6706943932299305 51.78273345827785)</t>
  </si>
  <si>
    <t>POINT (4.686040613565937 51.79177415621528)</t>
  </si>
  <si>
    <t>POINT (4.680149474438427 51.78029527347802)</t>
  </si>
  <si>
    <t>POINT (4.719076788685843 51.81117541146989)</t>
  </si>
  <si>
    <t>POINT (4.7282119224967865 51.80384266912667)</t>
  </si>
  <si>
    <t>POINT (4.659027976395658 51.80095103392679)</t>
  </si>
  <si>
    <t>POINT (4.668481516561106 51.8094238106649)</t>
  </si>
  <si>
    <t>POINT (4.68590851128245 51.80450195376324)</t>
  </si>
  <si>
    <t>POINT (4.680219879332966 51.80836541322667)</t>
  </si>
  <si>
    <t>POINT (4.724792687696311 51.797926462083964)</t>
  </si>
  <si>
    <t>POINT (4.6734541626471096 51.8152921967215)</t>
  </si>
  <si>
    <t>POINT (4.68748467544516 51.79020253163003)</t>
  </si>
  <si>
    <t>POINT (4.673272895738644 51.805581590457685)</t>
  </si>
  <si>
    <t>POINT (4.728234747019627 51.79966792479853)</t>
  </si>
  <si>
    <t>POINT (4.662426504903267 51.79171417524904)</t>
  </si>
  <si>
    <t>POINT (4.652415736423288 51.78545703954489)</t>
  </si>
  <si>
    <t>POINT (4.6837161554389395 51.78214931679799)</t>
  </si>
  <si>
    <t>POINT (4.714706765010292 51.804895091158336)</t>
  </si>
  <si>
    <t>POINT (4.705664749467912 51.7918152057571)</t>
  </si>
  <si>
    <t>POINT (4.707944858842327 51.80993545785432)</t>
  </si>
  <si>
    <t>POINT (4.661627611612038 51.78965341210862)</t>
  </si>
  <si>
    <t>POINT (4.6564090984902835 51.79130834361345)</t>
  </si>
  <si>
    <t>POINT (4.702638963540903 51.79651741225155)</t>
  </si>
  <si>
    <t>POINT (4.670588375475071 51.80295483166104)</t>
  </si>
  <si>
    <t>POINT (4.674037921799436 51.7843638188028)</t>
  </si>
  <si>
    <t>POINT (4.716951115841383 51.79516090083052)</t>
  </si>
  <si>
    <t>POINT (4.670043330736535 51.80609250724198)</t>
  </si>
  <si>
    <t>POINT (4.687078234396726 51.803998858955026)</t>
  </si>
  <si>
    <t>POINT (4.634860323617763 51.77655846515675)</t>
  </si>
  <si>
    <t>POINT (4.691603289802679 51.81783468010209)</t>
  </si>
  <si>
    <t>POINT (4.653633373391995 51.7853728228535)</t>
  </si>
  <si>
    <t>POINT (4.662765189207368 51.80370508576485)</t>
  </si>
  <si>
    <t>POINT (4.680315845643629 51.79847899568701)</t>
  </si>
  <si>
    <t>POINT (4.658934015054619 51.80508905260033)</t>
  </si>
  <si>
    <t>POINT (4.693102537192455 51.79514047793619)</t>
  </si>
  <si>
    <t>POINT (4.673264619480441 51.81533017147511)</t>
  </si>
  <si>
    <t>POINT (4.666925641623787 51.79421027154573)</t>
  </si>
  <si>
    <t>POINT (4.729662687605513 51.797515282081086)</t>
  </si>
  <si>
    <t>POINT (4.661025620169537 51.782563931600635)</t>
  </si>
  <si>
    <t>POINT (4.6620086022200935 51.809944143722426)</t>
  </si>
  <si>
    <t>POINT (4.673153200054614 51.819503237582005)</t>
  </si>
  <si>
    <t>3314LZ</t>
  </si>
  <si>
    <t>Mauritsplaats</t>
  </si>
  <si>
    <t>POINT (4.666977191331271 51.803725667043246)</t>
  </si>
  <si>
    <t>POINT (4.693319146476292 51.79550475785767)</t>
  </si>
  <si>
    <t>POINT (4.6604132801736196 51.79677617532888)</t>
  </si>
  <si>
    <t>POINT (4.700112989563539 51.79659079838967)</t>
  </si>
  <si>
    <t>POINT (4.679508742294744 51.8071571388581)</t>
  </si>
  <si>
    <t>POINT (4.665558596655399 51.81337734963057)</t>
  </si>
  <si>
    <t>POINT (4.670766038120548 51.796476052141934)</t>
  </si>
  <si>
    <t>POINT (4.652436459253079 51.79047934477369)</t>
  </si>
  <si>
    <t>POINT (4.685717379609017 51.77731930702306)</t>
  </si>
  <si>
    <t>POINT (4.713006338368669 51.80299813955864)</t>
  </si>
  <si>
    <t>POINT (4.675962179201853 51.784857251430054)</t>
  </si>
  <si>
    <t>POINT (4.697776945814908 51.797258678299784)</t>
  </si>
  <si>
    <t>POINT (4.673397902061036 51.788682654448344)</t>
  </si>
  <si>
    <t>POINT (4.666398193419394 51.81613599276227)</t>
  </si>
  <si>
    <t>POINT (4.650936753006469 51.80305425933044)</t>
  </si>
  <si>
    <t>POINT (4.668643568412591 51.775659606254045)</t>
  </si>
  <si>
    <t>POINT (4.734382931067558 51.79995583608249)</t>
  </si>
  <si>
    <t>POINT (4.7183796624207215 51.805610995626175)</t>
  </si>
  <si>
    <t>POINT (4.672647096393569 51.78352883441516)</t>
  </si>
  <si>
    <t>POINT (4.663204643423779 51.8053747596381)</t>
  </si>
  <si>
    <t>POINT (4.650793222362292 51.8033379049335)</t>
  </si>
  <si>
    <t>POINT (4.6282227139384595 51.722515207761724)</t>
  </si>
  <si>
    <t>POINT (4.680888102879016 51.78539884072755)</t>
  </si>
  <si>
    <t>POINT (4.690718356453349 51.807923373642645)</t>
  </si>
  <si>
    <t>POINT (4.663350467561073 51.813345979716395)</t>
  </si>
  <si>
    <t>POINT (4.669772004964943 51.80548041820856)</t>
  </si>
  <si>
    <t>POINT (4.662173378802352 51.79293966799792)</t>
  </si>
  <si>
    <t>POINT (4.700575656410908 51.7965076292772)</t>
  </si>
  <si>
    <t>POINT (4.680459423208713 51.78079186151466)</t>
  </si>
  <si>
    <t>POINT (4.668387942160412 51.770424952329385)</t>
  </si>
  <si>
    <t>POINT (4.725523519789964 51.793911509844975)</t>
  </si>
  <si>
    <t>POINT (4.678827076892286 51.81725004186521)</t>
  </si>
  <si>
    <t>POINT (4.64807373463909 51.79121942173347)</t>
  </si>
  <si>
    <t>POINT (4.666966707045808 51.79352854219076)</t>
  </si>
  <si>
    <t>POINT (4.733554259075426 51.8033837936991)</t>
  </si>
  <si>
    <t>POINT (4.6639142848331625 51.80233346239712)</t>
  </si>
  <si>
    <t>POINT (4.66227300290553 51.791173733772006)</t>
  </si>
  <si>
    <t>POINT (4.669732939157119 51.80552349581102)</t>
  </si>
  <si>
    <t>POINT (4.667526248564316 51.80749286794989)</t>
  </si>
  <si>
    <t>POINT (4.675907596067467 51.81813309311462)</t>
  </si>
  <si>
    <t>POINT (4.658601619668161 51.81359947485312)</t>
  </si>
  <si>
    <t>POINT (4.6726681378159824 51.81884911951328)</t>
  </si>
  <si>
    <t>POINT (4.661994065330999 51.798753789960415)</t>
  </si>
  <si>
    <t>POINT (4.680901729250758 51.808844489606486)</t>
  </si>
  <si>
    <t>POINT (4.6654129434692955 51.81263780020016)</t>
  </si>
  <si>
    <t>POINT (4.719551647156935 51.805188974497796)</t>
  </si>
  <si>
    <t>POINT (4.661867366747588 51.81258498202836)</t>
  </si>
  <si>
    <t>POINT (4.657502065054118 51.80762188893531)</t>
  </si>
  <si>
    <t>POINT (4.670019775564768 51.79715266474461)</t>
  </si>
  <si>
    <t>POINT (4.7206456220936035 51.802338782833665)</t>
  </si>
  <si>
    <t>POINT (4.661497002595332 51.78980202347194)</t>
  </si>
  <si>
    <t>POINT (4.652838847293683 51.78850175854483)</t>
  </si>
  <si>
    <t>POINT (4.680582981682376 51.81138959991924)</t>
  </si>
  <si>
    <t>POINT (4.664926122324064 51.79571507294366)</t>
  </si>
  <si>
    <t>POINT (4.727821801545131 51.79796482776887)</t>
  </si>
  <si>
    <t>POINT (4.705291018745671 51.794980819800834)</t>
  </si>
  <si>
    <t>POINT (4.711875567731169 51.81570557107942)</t>
  </si>
  <si>
    <t>POINT (4.668128530699382 51.77745430039286)</t>
  </si>
  <si>
    <t>POINT (4.70379643719339 51.79681008955911)</t>
  </si>
  <si>
    <t>POINT (4.72799291419087 51.8036314643706)</t>
  </si>
  <si>
    <t>POINT (4.682652740518792 51.79871484770166)</t>
  </si>
  <si>
    <t>POINT (4.670886837071489 51.81823518433246)</t>
  </si>
  <si>
    <t>POINT (4.697449659188995 51.79411531324992)</t>
  </si>
  <si>
    <t>POINT (4.675008256706858 51.785317941166376)</t>
  </si>
  <si>
    <t>POINT (4.707816318304639 51.80839009550836)</t>
  </si>
  <si>
    <t>POINT (4.7029080976691375 51.79606423671828)</t>
  </si>
  <si>
    <t>POINT (4.652146438117871 51.787733650696445)</t>
  </si>
  <si>
    <t>POINT (4.666709693272447 51.817917042677166)</t>
  </si>
  <si>
    <t>POINT (4.663244809766476 51.79920045924564)</t>
  </si>
  <si>
    <t>POINT (4.68591590024309 51.787583451660055)</t>
  </si>
  <si>
    <t>POINT (4.654176260979578 51.79109718270988)</t>
  </si>
  <si>
    <t>POINT (4.671035166019722 51.77394057208575)</t>
  </si>
  <si>
    <t>POINT (4.685579298851497 51.80493386883177)</t>
  </si>
  <si>
    <t>POINT (4.663140797836286 51.81033346879846)</t>
  </si>
  <si>
    <t>POINT (4.656494713066295 51.81182749571513)</t>
  </si>
  <si>
    <t>POINT (4.733212320658074 51.79407897078125)</t>
  </si>
  <si>
    <t>POINT (4.66066413214796 51.79474579723435)</t>
  </si>
  <si>
    <t>POINT (4.681915854088788 51.780893463261656)</t>
  </si>
  <si>
    <t>POINT (4.667430503935043 51.81555649174404)</t>
  </si>
  <si>
    <t>POINT (4.667637890933906 51.79511239725116)</t>
  </si>
  <si>
    <t>POINT (4.672970352064763 51.80348207870926)</t>
  </si>
  <si>
    <t>POINT (4.656903829018382 51.80969074359097)</t>
  </si>
  <si>
    <t>POINT (4.6514561153370035 51.79401148121762)</t>
  </si>
  <si>
    <t>POINT (4.660451215945229 51.7899021284556)</t>
  </si>
  <si>
    <t>POINT (4.67462120548003 51.781328490065135)</t>
  </si>
  <si>
    <t>POINT (4.7227589526976335 51.79898311034753)</t>
  </si>
  <si>
    <t>POINT (4.685929673851264 51.80904582504637)</t>
  </si>
  <si>
    <t>POINT (4.690125174301061 51.808713262700884)</t>
  </si>
  <si>
    <t>POINT (4.7159839831231265 51.799947339773496)</t>
  </si>
  <si>
    <t>POINT (4.670541860590306 51.77891284695078)</t>
  </si>
  <si>
    <t>POINT (4.65660914894251 51.80985398657987)</t>
  </si>
  <si>
    <t>POINT (4.700209315568062 51.79856231627404)</t>
  </si>
  <si>
    <t>POINT (4.669342529226946 51.78153519567677)</t>
  </si>
  <si>
    <t>POINT (4.665305335088344 51.81615664595239)</t>
  </si>
  <si>
    <t>POINT (4.6634084717513185 51.81482406738298)</t>
  </si>
  <si>
    <t>POINT (4.6522475315825025 51.7855609560351)</t>
  </si>
  <si>
    <t>POINT (4.6724387892194885 51.8108561922846)</t>
  </si>
  <si>
    <t>POINT (4.653565846083098 51.80365203549963)</t>
  </si>
  <si>
    <t>POINT (4.685036478711373 51.80986023220301)</t>
  </si>
  <si>
    <t>POINT (4.664848924439376 51.815687810674476)</t>
  </si>
  <si>
    <t>POINT (4.671942914097419 51.776255797242285)</t>
  </si>
  <si>
    <t>POINT (4.665910553292263 51.788893618449755)</t>
  </si>
  <si>
    <t>POINT (4.6634791124338895 51.8030497394881)</t>
  </si>
  <si>
    <t>POINT (4.659956243943453 51.80324767701716)</t>
  </si>
  <si>
    <t>POINT (4.689518389164206 51.813707765358785)</t>
  </si>
  <si>
    <t>POINT (4.680079818923723 51.800144119776995)</t>
  </si>
  <si>
    <t>POINT (4.661338566151841 51.78697388785464)</t>
  </si>
  <si>
    <t>POINT (4.667538342111663 51.790509465340755)</t>
  </si>
  <si>
    <t>POINT (4.629500733540539 51.72202344012003)</t>
  </si>
  <si>
    <t>POINT (4.660712426373793 51.79471382686263)</t>
  </si>
  <si>
    <t>POINT (4.6600903810867 51.80167707780005)</t>
  </si>
  <si>
    <t>POINT (4.681095767503158 51.80803487029346)</t>
  </si>
  <si>
    <t>POINT (4.6847311940061935 51.803025182566806)</t>
  </si>
  <si>
    <t>POINT (4.720770140507275 51.795284695466115)</t>
  </si>
  <si>
    <t>POINT (4.699302243104413 51.797947534050294)</t>
  </si>
  <si>
    <t>POINT (4.666899129222208 51.81249880735547)</t>
  </si>
  <si>
    <t>POINT (4.66601834186291 51.789323743417945)</t>
  </si>
  <si>
    <t>POINT (4.710855450776547 51.799517686933676)</t>
  </si>
  <si>
    <t>POINT (4.670987006803685 51.81446554275312)</t>
  </si>
  <si>
    <t>POINT (4.667220544511802 51.81457677756687)</t>
  </si>
  <si>
    <t>POINT (4.668800419747446 51.77489511511922)</t>
  </si>
  <si>
    <t>POINT (4.71725580902995 51.80129354883095)</t>
  </si>
  <si>
    <t>POINT (4.687401171331912 51.80954797043669)</t>
  </si>
  <si>
    <t>POINT (4.669875498401906 51.79299702866328)</t>
  </si>
  <si>
    <t>POINT (4.659668387001415 51.770990974116465)</t>
  </si>
  <si>
    <t>POINT (4.66503558235173 51.79011938206973)</t>
  </si>
  <si>
    <t>POINT (4.723104051442381 51.80604558908903)</t>
  </si>
  <si>
    <t>POINT (4.721925352207323 51.805746062462596)</t>
  </si>
  <si>
    <t>POINT (4.676811220406668 51.7741417040457)</t>
  </si>
  <si>
    <t>POINT (4.684138914718029 51.806821739918576)</t>
  </si>
  <si>
    <t>POINT (4.726798004792392 51.7925117604986)</t>
  </si>
  <si>
    <t>POINT (4.674173070999534 51.797007635002586)</t>
  </si>
  <si>
    <t>POINT (4.725744514775407 51.79809905678823)</t>
  </si>
  <si>
    <t>POINT (4.716183839274703 51.800252038644246)</t>
  </si>
  <si>
    <t>POINT (4.716663490992634 51.80301238135774)</t>
  </si>
  <si>
    <t>POINT (4.679545604601759 51.81556842695961)</t>
  </si>
  <si>
    <t>POINT (4.679920646217544 51.78986434688291)</t>
  </si>
  <si>
    <t>POINT (4.657319376559039 51.79137803717998)</t>
  </si>
  <si>
    <t>POINT (4.653199772249462 51.80805003674783)</t>
  </si>
  <si>
    <t>POINT (4.667398303366273 51.81375011880439)</t>
  </si>
  <si>
    <t>POINT (4.703459326544021 51.790003775817276)</t>
  </si>
  <si>
    <t>POINT (4.672161541735263 51.81687164627396)</t>
  </si>
  <si>
    <t>POINT (4.688764796971292 51.808479405413784)</t>
  </si>
  <si>
    <t>POINT (4.669849156588857 51.79989390925303)</t>
  </si>
  <si>
    <t>POINT (4.673877633110102 51.81738714461687)</t>
  </si>
  <si>
    <t>POINT (4.654793361758422 51.7919798452764)</t>
  </si>
  <si>
    <t>POINT (4.704089918380167 51.815667702499475)</t>
  </si>
  <si>
    <t>POINT (4.6561632882688935 51.807509655739956)</t>
  </si>
  <si>
    <t>POINT (4.6565824655075305 51.76933378228648)</t>
  </si>
  <si>
    <t>POINT (4.6645171806105745 51.7856783307875)</t>
  </si>
  <si>
    <t>POINT (4.703938506294997 51.7895163884745)</t>
  </si>
  <si>
    <t>POINT (4.673154667988499 51.78198383682276)</t>
  </si>
  <si>
    <t>POINT (4.708243580908128 51.786636461426376)</t>
  </si>
  <si>
    <t>POINT (4.704580692794336 51.79176589223544)</t>
  </si>
  <si>
    <t>POINT (4.674470326146752 51.81801573647973)</t>
  </si>
  <si>
    <t>POINT (4.676972999619564 51.81607236817883)</t>
  </si>
  <si>
    <t>POINT (4.662714719798262 51.79992611642792)</t>
  </si>
  <si>
    <t>POINT (4.673489666591359 51.8058993915797)</t>
  </si>
  <si>
    <t>POINT (4.665221952804144 51.797817102642206)</t>
  </si>
  <si>
    <t>POINT (4.707518666177825 51.810229453689814)</t>
  </si>
  <si>
    <t>POINT (4.669161934519961 51.79116317585284)</t>
  </si>
  <si>
    <t>POINT (4.658608232155632 51.811983350368756)</t>
  </si>
  <si>
    <t>POINT (4.721428229517334 51.81335743617555)</t>
  </si>
  <si>
    <t>POINT (4.669008138103349 51.781396196732466)</t>
  </si>
  <si>
    <t>POINT (4.663566139152095 51.78699469768771)</t>
  </si>
  <si>
    <t>POINT (4.656173935143878 51.80602291129781)</t>
  </si>
  <si>
    <t>POINT (4.6783981080322 51.80709240448358)</t>
  </si>
  <si>
    <t>POINT (4.682127694521399 51.781983214189225)</t>
  </si>
  <si>
    <t>POINT (4.659843047774806 51.80485249975586)</t>
  </si>
  <si>
    <t>POINT (4.658906299969209 51.77160371558765)</t>
  </si>
  <si>
    <t>POINT (4.708903736792644 51.78747285603311)</t>
  </si>
  <si>
    <t>POINT (4.66689818645046 51.81587541580057)</t>
  </si>
  <si>
    <t>POINT (4.7169346070061335 51.79532659327224)</t>
  </si>
  <si>
    <t>POINT (4.678993402565384 51.780903737302395)</t>
  </si>
  <si>
    <t>POINT (4.691958109142494 51.81781180308819)</t>
  </si>
  <si>
    <t>POINT (4.710536094601685 51.81530307464596)</t>
  </si>
  <si>
    <t>POINT (4.6629095897158725 51.795257484671865)</t>
  </si>
  <si>
    <t>POINT (4.663720254451789 51.80032409336854)</t>
  </si>
  <si>
    <t>POINT (4.660364356658158 51.791205330296336)</t>
  </si>
  <si>
    <t>POINT (4.684790073519134 51.80998059891225)</t>
  </si>
  <si>
    <t>POINT (4.659582545242043 51.81290786830667)</t>
  </si>
  <si>
    <t>POINT (4.654349555565966 51.79144117574994)</t>
  </si>
  <si>
    <t>POINT (4.6733552961249325 51.813770056169815)</t>
  </si>
  <si>
    <t>POINT (4.680091137743364 51.77314844370921)</t>
  </si>
  <si>
    <t>POINT (4.659824068216239 51.808804070945314)</t>
  </si>
  <si>
    <t>POINT (4.685776200440654 51.777671494442835)</t>
  </si>
  <si>
    <t>POINT (4.725167443582331 51.80412083524875)</t>
  </si>
  <si>
    <t>3316BN</t>
  </si>
  <si>
    <t>Boogaerdtstraat</t>
  </si>
  <si>
    <t>POINT (4.627099377683624 51.79622954915783)</t>
  </si>
  <si>
    <t>POINT (4.70647320848374 51.79685122365878)</t>
  </si>
  <si>
    <t>POINT (4.7278926760368 51.801129731446686)</t>
  </si>
  <si>
    <t>POINT (4.668529269640125 51.79285022870363)</t>
  </si>
  <si>
    <t>POINT (4.657529085380491 51.787773062296154)</t>
  </si>
  <si>
    <t>POINT (4.659457590795466 51.77275791947946)</t>
  </si>
  <si>
    <t>POINT (4.663059487812772 51.8139686191682)</t>
  </si>
  <si>
    <t>POINT (4.659732270945496 51.79009798565407)</t>
  </si>
  <si>
    <t>POINT (4.662106834635954 51.794943188867144)</t>
  </si>
  <si>
    <t>POINT (4.679391938381751 51.789284425632715)</t>
  </si>
  <si>
    <t>POINT (4.671315298332975 51.805873148349235)</t>
  </si>
  <si>
    <t>POINT (4.7072484024183785 51.789106060217286)</t>
  </si>
  <si>
    <t>POINT (4.68046253059299 51.773954065981684)</t>
  </si>
  <si>
    <t>POINT (4.672997050060938 51.81846142689647)</t>
  </si>
  <si>
    <t>POINT (4.69329313513493 51.79624575610036)</t>
  </si>
  <si>
    <t>POINT (4.657725384813376 51.80235860845927)</t>
  </si>
  <si>
    <t>POINT (4.698353649260017 51.792888115843816)</t>
  </si>
  <si>
    <t>POINT (4.707584590678686 51.78833287942284)</t>
  </si>
  <si>
    <t>POINT (4.706816058717888 51.797259571799145)</t>
  </si>
  <si>
    <t>POINT (4.659909947832413 51.79136654891991)</t>
  </si>
  <si>
    <t>POINT (4.697294338631477 51.79212657290072)</t>
  </si>
  <si>
    <t>POINT (4.667386321160434 51.7989214669774)</t>
  </si>
  <si>
    <t>POINT (4.703343114258917 51.816403577046096)</t>
  </si>
  <si>
    <t>POINT (4.661582624136963 51.79087520233483)</t>
  </si>
  <si>
    <t>POINT (4.67703634913986 51.81605668879346)</t>
  </si>
  <si>
    <t>POINT (4.675138828912732 51.78101503341554)</t>
  </si>
  <si>
    <t>POINT (4.679242672788092 51.81703197681503)</t>
  </si>
  <si>
    <t>POINT (4.6651166660351295 51.77482116739783)</t>
  </si>
  <si>
    <t>POINT (4.657315678221371 51.81382164816726)</t>
  </si>
  <si>
    <t>POINT (4.676261289164327 51.77667392464788)</t>
  </si>
  <si>
    <t>POINT (4.67365051840234 51.818928641602795)</t>
  </si>
  <si>
    <t>POINT (4.663233152969701 51.79839937768867)</t>
  </si>
  <si>
    <t>POINT (4.682462385852783 51.80751629581467)</t>
  </si>
  <si>
    <t>POINT (4.6810848363122215 51.79878679650495)</t>
  </si>
  <si>
    <t>POINT (4.678939427942949 51.808851817021825)</t>
  </si>
  <si>
    <t>3316ET</t>
  </si>
  <si>
    <t>Cornelis Lelystraat</t>
  </si>
  <si>
    <t>POINT (4.6471685770198965 51.779634675743694)</t>
  </si>
  <si>
    <t>POINT (4.681616974765964 51.80619233457758)</t>
  </si>
  <si>
    <t>POINT (4.670380861950232 51.81136796704531)</t>
  </si>
  <si>
    <t>POINT (4.679031073464484 51.81681570034918)</t>
  </si>
  <si>
    <t>POINT (4.678902907039823 51.7892884761517)</t>
  </si>
  <si>
    <t>POINT (4.70448918533572 51.799141907569854)</t>
  </si>
  <si>
    <t>POINT (4.683670960719711 51.808809368087985)</t>
  </si>
  <si>
    <t>POINT (4.712698539978743 51.80952051038802)</t>
  </si>
  <si>
    <t>POINT (4.71811263564149 51.81359696690085)</t>
  </si>
  <si>
    <t>POINT (4.681059057022034 51.80833643501792)</t>
  </si>
  <si>
    <t>POINT (4.6701277444462574 51.77119198583516)</t>
  </si>
  <si>
    <t>POINT (4.651897226077602 51.7831021793954)</t>
  </si>
  <si>
    <t>POINT (4.690219434353366 51.81839188316012)</t>
  </si>
  <si>
    <t>POINT (4.710395607991252 51.804380647290984)</t>
  </si>
  <si>
    <t>POINT (4.676525183258268 51.81849235411078)</t>
  </si>
  <si>
    <t>POINT (4.659838015041069 51.80704596983881)</t>
  </si>
  <si>
    <t>POINT (4.667589536921649 51.788739337805474)</t>
  </si>
  <si>
    <t>3319LA</t>
  </si>
  <si>
    <t>Egstraat</t>
  </si>
  <si>
    <t>POINT (4.715098695263062 51.796825078887395)</t>
  </si>
  <si>
    <t>POINT (4.660587991596964 51.80247815878168)</t>
  </si>
  <si>
    <t>POINT (4.6733644021635135 51.777322221823404)</t>
  </si>
  <si>
    <t>POINT (4.712467934790296 51.80387274150063)</t>
  </si>
  <si>
    <t>POINT (4.721124414061667 51.803408309969505)</t>
  </si>
  <si>
    <t>POINT (4.660348139320989 51.790673475937155)</t>
  </si>
  <si>
    <t>POINT (4.727242670001402 51.77136698221737)</t>
  </si>
  <si>
    <t>POINT (4.714361205404491 51.81485251643055)</t>
  </si>
  <si>
    <t>POINT (4.66356759991804 51.814714398068226)</t>
  </si>
  <si>
    <t>POINT (4.652082570542431 51.79352942469231)</t>
  </si>
  <si>
    <t>POINT (4.711794098817686 51.81432946303984)</t>
  </si>
  <si>
    <t>POINT (4.683318617898475 51.81347927595193)</t>
  </si>
  <si>
    <t>POINT (4.674596456887073 51.78845131840545)</t>
  </si>
  <si>
    <t>POINT (4.6320719251078595 51.76642577400383)</t>
  </si>
  <si>
    <t>POINT (4.658508888010327 51.811994580615895)</t>
  </si>
  <si>
    <t>POINT (4.686308567048692 51.81146260573696)</t>
  </si>
  <si>
    <t>POINT (4.693386954868079 51.796789703193866)</t>
  </si>
  <si>
    <t>POINT (4.663020985819641 51.80026653938579)</t>
  </si>
  <si>
    <t>POINT (4.689236461305871 51.81035073005456)</t>
  </si>
  <si>
    <t>POINT (4.680169282156421 51.79877835249933)</t>
  </si>
  <si>
    <t>POINT (4.71191642734001 51.80690010969714)</t>
  </si>
  <si>
    <t>POINT (4.674106103309789 51.7809472857374)</t>
  </si>
  <si>
    <t>POINT (4.7055608298069345 51.80954285237389)</t>
  </si>
  <si>
    <t>POINT (4.7211763233119415 51.799438805338546)</t>
  </si>
  <si>
    <t>POINT (4.661677733037055 51.79501162764778)</t>
  </si>
  <si>
    <t>3328WJ</t>
  </si>
  <si>
    <t>POINT (4.676207276624726 51.77524773646237)</t>
  </si>
  <si>
    <t>POINT (4.6620156461625 51.799754104560954)</t>
  </si>
  <si>
    <t>POINT (4.665848437635655 51.778215746792554)</t>
  </si>
  <si>
    <t>POINT (4.663037197952658 51.814656574026266)</t>
  </si>
  <si>
    <t>POINT (4.6828727676219435 51.81087609923392)</t>
  </si>
  <si>
    <t>POINT (4.670665994023663 51.79983078430169)</t>
  </si>
  <si>
    <t>POINT (4.6684996368187885 51.81055770872062)</t>
  </si>
  <si>
    <t>POINT (4.665218901387216 51.777792504815785)</t>
  </si>
  <si>
    <t>POINT (4.709723382792412 51.79478867610637)</t>
  </si>
  <si>
    <t>POINT (4.712537378754841 51.80463881192711)</t>
  </si>
  <si>
    <t>POINT (4.7140875211003985 51.814073951238385)</t>
  </si>
  <si>
    <t>POINT (4.679109377698969 51.77784499788534)</t>
  </si>
  <si>
    <t>POINT (4.693399571770622 51.79293459824557)</t>
  </si>
  <si>
    <t>POINT (4.689536825306716 51.81841569221394)</t>
  </si>
  <si>
    <t>POINT (4.674080553502568 51.780491573847215)</t>
  </si>
  <si>
    <t>POINT (4.677198436379764 51.81819844580249)</t>
  </si>
  <si>
    <t>POINT (4.712057443376269 51.80884841012263)</t>
  </si>
  <si>
    <t>POINT (4.671085998667834 51.80587413117557)</t>
  </si>
  <si>
    <t>POINT (4.692858162354786 51.81873220302563)</t>
  </si>
  <si>
    <t>POINT (4.677657776807365 51.790756930907186)</t>
  </si>
  <si>
    <t>POINT (4.651620694256935 51.78223993722108)</t>
  </si>
  <si>
    <t>POINT (4.643921789754549 51.77032087053374)</t>
  </si>
  <si>
    <t>POINT (4.711219733078498 51.80908794378522)</t>
  </si>
  <si>
    <t>POINT (4.68369938391592 51.80740955335286)</t>
  </si>
  <si>
    <t>POINT (4.70785882839554 51.806983312372594)</t>
  </si>
  <si>
    <t>POINT (4.696409440918308 51.79582246975425)</t>
  </si>
  <si>
    <t>POINT (4.664610985551862 51.81737373605103)</t>
  </si>
  <si>
    <t>POINT (4.650551440742783 51.80254156123306)</t>
  </si>
  <si>
    <t>POINT (4.701037337670446 51.796382403599104)</t>
  </si>
  <si>
    <t>POINT (4.671382612898361 51.798646404542744)</t>
  </si>
  <si>
    <t>POINT (4.683952693797827 51.80870244677038)</t>
  </si>
  <si>
    <t>POINT (4.718850666450972 51.802192709015145)</t>
  </si>
  <si>
    <t>POINT (4.696794820744268 51.817908246819506)</t>
  </si>
  <si>
    <t>POINT (4.717854231589331 51.81469522584434)</t>
  </si>
  <si>
    <t>POINT (4.676974392852968 51.80395451388746)</t>
  </si>
  <si>
    <t>POINT (4.674517529331483 51.78667353070682)</t>
  </si>
  <si>
    <t>POINT (4.712655908117156 51.806376972035956)</t>
  </si>
  <si>
    <t>POINT (4.682580346758207 51.77569187584334)</t>
  </si>
  <si>
    <t>POINT (4.674138255708719 51.78385481433828)</t>
  </si>
  <si>
    <t>POINT (4.686583360594171 51.7825680205719)</t>
  </si>
  <si>
    <t>POINT (4.67228361735022 51.78039261767467)</t>
  </si>
  <si>
    <t>POINT (4.659974359505312 51.81372514811558)</t>
  </si>
  <si>
    <t>POINT (4.653120545267256 51.78190939796349)</t>
  </si>
  <si>
    <t>POINT (4.665064953547777 51.80996610198811)</t>
  </si>
  <si>
    <t>POINT (4.681423679881358 51.78912738288275)</t>
  </si>
  <si>
    <t>POINT (4.662103472604457 51.813059236805806)</t>
  </si>
  <si>
    <t>POINT (4.70875479732006 51.81187151549522)</t>
  </si>
  <si>
    <t>POINT (4.651947891063471 51.79388511790082)</t>
  </si>
  <si>
    <t>POINT (4.6723273275091275 51.81881606015877)</t>
  </si>
  <si>
    <t>POINT (4.665178350322603 51.7728383300293)</t>
  </si>
  <si>
    <t>POINT (4.711616534531319 51.795221053179034)</t>
  </si>
  <si>
    <t>POINT (4.678365917086686 51.784685097214826)</t>
  </si>
  <si>
    <t>POINT (4.679932846047586 51.788775485429206)</t>
  </si>
  <si>
    <t>POINT (4.666893844581098 51.796229683546805)</t>
  </si>
  <si>
    <t>POINT (4.6585333821854835 51.7698306196908)</t>
  </si>
  <si>
    <t>POINT (4.643317148874259 51.76893436142765)</t>
  </si>
  <si>
    <t>POINT (4.693885104864249 51.79051123586054)</t>
  </si>
  <si>
    <t>POINT (4.712538962551657 51.815915433119855)</t>
  </si>
  <si>
    <t>POINT (4.670510754396839 51.77665860278283)</t>
  </si>
  <si>
    <t>POINT (4.6535094276082365 51.79041928315188)</t>
  </si>
  <si>
    <t>POINT (4.7181989047021435 51.81289553618846)</t>
  </si>
  <si>
    <t>POINT (4.733948801254408 51.79534092650267)</t>
  </si>
  <si>
    <t>POINT (4.721609117393908 51.81110273764094)</t>
  </si>
  <si>
    <t>POINT (4.661466194612136 51.80376256808164)</t>
  </si>
  <si>
    <t>POINT (4.667964379581936 51.80113608600198)</t>
  </si>
  <si>
    <t>POINT (4.684969406339319 51.775861924614794)</t>
  </si>
  <si>
    <t>POINT (4.678797333500624 51.80522002944366)</t>
  </si>
  <si>
    <t>POINT (4.665414011673439 51.789779475198955)</t>
  </si>
  <si>
    <t>POINT (4.6778441870732275 51.782149898698925)</t>
  </si>
  <si>
    <t>POINT (4.667883278938508 51.81392155821646)</t>
  </si>
  <si>
    <t>POINT (4.718742543598538 51.80376907906695)</t>
  </si>
  <si>
    <t>POINT (4.66174364243302 51.78808394640233)</t>
  </si>
  <si>
    <t>POINT (4.717157169832539 51.80226801122039)</t>
  </si>
  <si>
    <t>POINT (4.6746098281215795 51.787598309356696)</t>
  </si>
  <si>
    <t>POINT (4.721337207485868 51.79829051984482)</t>
  </si>
  <si>
    <t>POINT (4.667716109657551 51.77576391531685)</t>
  </si>
  <si>
    <t>POINT (4.670589787045665 51.80137142035185)</t>
  </si>
  <si>
    <t>POINT (4.715006079256197 51.814995266057316)</t>
  </si>
  <si>
    <t>POINT (4.675292508203652 51.80530581881526)</t>
  </si>
  <si>
    <t>POINT (4.661047519687106 51.815897274495)</t>
  </si>
  <si>
    <t>POINT (4.658363009767042 51.8132570973193)</t>
  </si>
  <si>
    <t>POINT (4.668355902662759 51.79190601842401)</t>
  </si>
  <si>
    <t>POINT (4.6686686255094685 51.81804419724576)</t>
  </si>
  <si>
    <t>POINT (4.67134750636158 51.81437349608269)</t>
  </si>
  <si>
    <t>POINT (4.659833445648382 51.78415432481574)</t>
  </si>
  <si>
    <t>POINT (4.668074446501936 51.8041404474278)</t>
  </si>
  <si>
    <t>POINT (4.659906068161168 51.78816989769464)</t>
  </si>
  <si>
    <t>POINT (4.734884561848686 51.799785792504416)</t>
  </si>
  <si>
    <t>POINT (4.685374152936613 51.7845969553827)</t>
  </si>
  <si>
    <t>POINT (4.660762848669615 51.797277114256225)</t>
  </si>
  <si>
    <t>3311JM</t>
  </si>
  <si>
    <t>Korte Kalkhaven</t>
  </si>
  <si>
    <t>POINT (4.657865716368544 51.81335310798947)</t>
  </si>
  <si>
    <t>POINT (4.6619996690207675 51.815661896964606)</t>
  </si>
  <si>
    <t>POINT (4.6979163457545035 51.79103457266118)</t>
  </si>
  <si>
    <t>POINT (4.66382653138397 51.80252829961087)</t>
  </si>
  <si>
    <t>POINT (4.691391222948066 51.81850343710009)</t>
  </si>
  <si>
    <t>POINT (4.67864767746988 51.78970642811502)</t>
  </si>
  <si>
    <t>POINT (4.664140102060063 51.81661514891236)</t>
  </si>
  <si>
    <t>POINT (4.659824016468819 51.79624921930201)</t>
  </si>
  <si>
    <t>POINT (4.661173921851559 51.81639921135997)</t>
  </si>
  <si>
    <t>POINT (4.710816025455452 51.79486899315523)</t>
  </si>
  <si>
    <t>POINT (4.66753238348031 51.790405051995855)</t>
  </si>
  <si>
    <t>POINT (4.661712264986788 51.79601557340029)</t>
  </si>
  <si>
    <t>POINT (4.711204229730608 51.816463978505034)</t>
  </si>
  <si>
    <t>POINT (4.711322609038462 51.80444479427321)</t>
  </si>
  <si>
    <t>POINT (4.657889334442591 51.793251241906624)</t>
  </si>
  <si>
    <t>POINT (4.671875024369079 51.792476522663435)</t>
  </si>
  <si>
    <t>POINT (4.703125640414325 51.77926776804512)</t>
  </si>
  <si>
    <t>POINT (4.67234460756779 51.80794554348137)</t>
  </si>
  <si>
    <t>POINT (4.667399506540865 51.79313701708084)</t>
  </si>
  <si>
    <t>POINT (4.679431939265904 51.815275097565426)</t>
  </si>
  <si>
    <t>POINT (4.692168979968182 51.789384372324996)</t>
  </si>
  <si>
    <t>POINT (4.666361668764859 51.78775174283878)</t>
  </si>
  <si>
    <t>POINT (4.7062374427672395 51.806825340987714)</t>
  </si>
  <si>
    <t>POINT (4.654527935083439 51.78283080428237)</t>
  </si>
  <si>
    <t>POINT (4.652453444295163 51.790819494179495)</t>
  </si>
  <si>
    <t>POINT (4.685247871905245 51.7921943555651)</t>
  </si>
  <si>
    <t>POINT (4.6853528407531835 51.78221773659988)</t>
  </si>
  <si>
    <t>POINT (4.656362804144335 51.80452916001139)</t>
  </si>
  <si>
    <t>POINT (4.679270211460603 51.80763396036362)</t>
  </si>
  <si>
    <t>POINT (4.6607255279711195 51.80719058584646)</t>
  </si>
  <si>
    <t>POINT (4.68786293222123 51.810507539467)</t>
  </si>
  <si>
    <t>POINT (4.664890516653861 51.79322024716289)</t>
  </si>
  <si>
    <t>POINT (4.664515857971257 51.78722589038321)</t>
  </si>
  <si>
    <t>POINT (4.66934010816967 51.77623141900226)</t>
  </si>
  <si>
    <t>POINT (4.672498970132406 51.814015016871714)</t>
  </si>
  <si>
    <t>POINT (4.675972192699732 51.784641250780055)</t>
  </si>
  <si>
    <t>POINT (4.683321328941914 51.79960218706576)</t>
  </si>
  <si>
    <t>POINT (4.701465915282184 51.81622970441564)</t>
  </si>
  <si>
    <t>POINT (4.674131254657823 51.812605536262225)</t>
  </si>
  <si>
    <t>POINT (4.697007595089738 51.78978057677357)</t>
  </si>
  <si>
    <t>POINT (4.689763757077492 51.81836746856551)</t>
  </si>
  <si>
    <t>POINT (4.680335666908625 51.79852595512626)</t>
  </si>
  <si>
    <t>POINT (4.689690480247466 51.806645030706605)</t>
  </si>
  <si>
    <t>POINT (4.7269577947847194 51.80218934982277)</t>
  </si>
  <si>
    <t>POINT (4.712719305483505 51.80360897658759)</t>
  </si>
  <si>
    <t>POINT (4.670361962808233 51.811376408819854)</t>
  </si>
  <si>
    <t>POINT (4.67898057064486 51.78068255576228)</t>
  </si>
  <si>
    <t>POINT (4.713951164918943 51.81371208649633)</t>
  </si>
  <si>
    <t>POINT (4.676379645133284 51.804633045279495)</t>
  </si>
  <si>
    <t>POINT (4.670390209362637 51.81133003799651)</t>
  </si>
  <si>
    <t>POINT (4.677631804047644 51.79073007739832)</t>
  </si>
  <si>
    <t>POINT (4.653491141456907 51.808453887286475)</t>
  </si>
  <si>
    <t>POINT (4.686707427111878 51.807187892927836)</t>
  </si>
  <si>
    <t>POINT (4.7041259354335265 51.79886048865971)</t>
  </si>
  <si>
    <t>POINT (4.660806755522992 51.78984081632294)</t>
  </si>
  <si>
    <t>POINT (4.675077838850202 51.78079887133101)</t>
  </si>
  <si>
    <t>POINT (4.661932096742195 51.798007695606856)</t>
  </si>
  <si>
    <t>POINT (4.668740634756569 51.79940371472475)</t>
  </si>
  <si>
    <t>POINT (4.683455887014067 51.77789638911137)</t>
  </si>
  <si>
    <t>POINT (4.666920570691003 51.773973810270924)</t>
  </si>
  <si>
    <t>POINT (4.702813690743223 51.79927966820164)</t>
  </si>
  <si>
    <t>POINT (4.677560333977223 51.78124657907268)</t>
  </si>
  <si>
    <t>POINT (4.671267573390128 51.79983937346205)</t>
  </si>
  <si>
    <t>POINT (4.734345289935556 51.7971567265201)</t>
  </si>
  <si>
    <t>POINT (4.663193523025562 51.79521631619157)</t>
  </si>
  <si>
    <t>POINT (4.651106928889938 51.791815128201485)</t>
  </si>
  <si>
    <t>POINT (4.666656186062021 51.81264086511349)</t>
  </si>
  <si>
    <t>POINT (4.663066480035674 51.79399528911128)</t>
  </si>
  <si>
    <t>POINT (4.685642303984436 51.781200878390415)</t>
  </si>
  <si>
    <t>POINT (4.693389735356917 51.796424213239774)</t>
  </si>
  <si>
    <t>POINT (4.668130136665702 51.8041296068011)</t>
  </si>
  <si>
    <t>POINT (4.680449282151635 51.780630659991985)</t>
  </si>
  <si>
    <t>POINT (4.668141175455673 51.799323458738996)</t>
  </si>
  <si>
    <t>POINT (4.663513661118624 51.81322575587669)</t>
  </si>
  <si>
    <t>POINT (4.685172852946466 51.78712188744669)</t>
  </si>
  <si>
    <t>POINT (4.699223393683764 51.80011547039742)</t>
  </si>
  <si>
    <t>POINT (4.720660939446383 51.81129162734571)</t>
  </si>
  <si>
    <t>POINT (4.683651114290904 51.798086840188965)</t>
  </si>
  <si>
    <t>POINT (4.7011975217825945 51.80439501600436)</t>
  </si>
  <si>
    <t>POINT (4.709149046904972 51.80972441130726)</t>
  </si>
  <si>
    <t>POINT (4.660100777016291 51.81058501550396)</t>
  </si>
  <si>
    <t>POINT (4.673388719106722 51.80514280257948)</t>
  </si>
  <si>
    <t>POINT (4.661739584284679 51.81665262163823)</t>
  </si>
  <si>
    <t>POINT (4.703234630100785 51.7964276469061)</t>
  </si>
  <si>
    <t>POINT (4.661140552835716 51.788026813265546)</t>
  </si>
  <si>
    <t>POINT (4.69747526442889 51.80557950049601)</t>
  </si>
  <si>
    <t>POINT (4.651244558381996 51.788860951756256)</t>
  </si>
  <si>
    <t>POINT (4.721139693215251 51.80302464454248)</t>
  </si>
  <si>
    <t>POINT (4.662055913745396 51.77018248372703)</t>
  </si>
  <si>
    <t>POINT (4.66379201145424 51.794777386552816)</t>
  </si>
  <si>
    <t>POINT (4.672485961870048 51.81946336535216)</t>
  </si>
  <si>
    <t>3319RE</t>
  </si>
  <si>
    <t>POINT (4.695422438811805 51.795450761285664)</t>
  </si>
  <si>
    <t>POINT (4.669138018324138 51.79115585648467)</t>
  </si>
  <si>
    <t>POINT (4.669642548820685 51.80555537425388)</t>
  </si>
  <si>
    <t>POINT (4.680400998768093 51.80354335281254)</t>
  </si>
  <si>
    <t>POINT (4.682262384834889 51.8075570625825)</t>
  </si>
  <si>
    <t>POINT (4.6625498589520085 51.79207782920765)</t>
  </si>
  <si>
    <t>POINT (4.666334473343943 51.77322704002342)</t>
  </si>
  <si>
    <t>POINT (4.681937305582632 51.80947601489511)</t>
  </si>
  <si>
    <t>POINT (4.6592530052851675 51.78911341870644)</t>
  </si>
  <si>
    <t>POINT (4.668585255736198 51.81313321946663)</t>
  </si>
  <si>
    <t>POINT (4.678254092698696 51.80702971037256)</t>
  </si>
  <si>
    <t>POINT (4.6572226559919665 51.796908257811005)</t>
  </si>
  <si>
    <t>POINT (4.680720902435445 51.80285114684375)</t>
  </si>
  <si>
    <t>POINT (4.704067723516898 51.81548718020985)</t>
  </si>
  <si>
    <t>POINT (4.658067132939916 51.80457530445076)</t>
  </si>
  <si>
    <t>POINT (4.702529302128568 51.81742640493361)</t>
  </si>
  <si>
    <t>POINT (4.664415495878592 51.77833069976156)</t>
  </si>
  <si>
    <t>POINT (4.719731637404639 51.811251091954844)</t>
  </si>
  <si>
    <t>POINT (4.706990404146903 51.79317355445663)</t>
  </si>
  <si>
    <t>POINT (4.66488345007356 51.798564505477266)</t>
  </si>
  <si>
    <t>POINT (4.659474145421886 51.79783569460048)</t>
  </si>
  <si>
    <t>POINT (4.6793798065831345 51.809145059952066)</t>
  </si>
  <si>
    <t>POINT (4.691082296937906 51.792937725014426)</t>
  </si>
  <si>
    <t>POINT (4.667488865028536 51.770562394795604)</t>
  </si>
  <si>
    <t>POINT (4.730603330057804 51.79985608649293)</t>
  </si>
  <si>
    <t>POINT (4.66846792609144 51.7926026637207)</t>
  </si>
  <si>
    <t>POINT (4.697017424205441 51.81791184821456)</t>
  </si>
  <si>
    <t>POINT (4.666608609313948 51.78212561034137)</t>
  </si>
  <si>
    <t>POINT (4.667138622701887 51.80401902385523)</t>
  </si>
  <si>
    <t>POINT (4.698466003399507 51.79330875322428)</t>
  </si>
  <si>
    <t>POINT (4.666334324998739 51.81353461018905)</t>
  </si>
  <si>
    <t>POINT (4.702719810148318 51.79821031460618)</t>
  </si>
  <si>
    <t>POINT (4.668642070581326 51.802051412601045)</t>
  </si>
  <si>
    <t>POINT (4.662661946037043 51.79711320048906)</t>
  </si>
  <si>
    <t>POINT (4.690557810573744 51.80591470360323)</t>
  </si>
  <si>
    <t>POINT (4.716968033057089 51.79515503799698)</t>
  </si>
  <si>
    <t>POINT (4.707571983350905 51.796622755917355)</t>
  </si>
  <si>
    <t>POINT (4.673499418139922 51.81390481001887)</t>
  </si>
  <si>
    <t>POINT (4.672305276668885 51.80525423697572)</t>
  </si>
  <si>
    <t>POINT (4.666528184943497 51.7892882072739)</t>
  </si>
  <si>
    <t>POINT (4.675867943547133 51.78561308800956)</t>
  </si>
  <si>
    <t>POINT (4.709379005917048 51.805508724471565)</t>
  </si>
  <si>
    <t>POINT (4.664640452166717 51.816881778523395)</t>
  </si>
  <si>
    <t>POINT (4.663335562393158 51.81083028839031)</t>
  </si>
  <si>
    <t>POINT (4.688947501199781 51.8065084425547)</t>
  </si>
  <si>
    <t>POINT (4.661667323608025 51.79894384934106)</t>
  </si>
  <si>
    <t>POINT (4.695500208763344 51.79432975705944)</t>
  </si>
  <si>
    <t>POINT (4.686242972429156 51.77683463266107)</t>
  </si>
  <si>
    <t>POINT (4.667351832214943 51.810997518581345)</t>
  </si>
  <si>
    <t>POINT (4.6666133293857985 51.81242060406237)</t>
  </si>
  <si>
    <t>POINT (4.678409230405373 51.775628747384225)</t>
  </si>
  <si>
    <t>POINT (4.656851470475845 51.792148333775195)</t>
  </si>
  <si>
    <t>POINT (4.655589640427919 51.790291754374344)</t>
  </si>
  <si>
    <t>POINT (4.653134740851385 51.802093593003086)</t>
  </si>
  <si>
    <t>POINT (4.722510341391681 51.80048198812635)</t>
  </si>
  <si>
    <t>POINT (4.660870818921707 51.78983467820192)</t>
  </si>
  <si>
    <t>POINT (4.66815023175729 51.79193954425358)</t>
  </si>
  <si>
    <t>POINT (4.663035295984536 51.80337796477838)</t>
  </si>
  <si>
    <t>POINT (4.666541586555098 51.80906841947304)</t>
  </si>
  <si>
    <t>POINT (4.713249508371106 51.76740294471074)</t>
  </si>
  <si>
    <t>POINT (4.67771080886573 51.79081068043305)</t>
  </si>
  <si>
    <t>POINT (4.706403163568229 51.79217046467221)</t>
  </si>
  <si>
    <t>POINT (4.665891274174791 51.77283550797718)</t>
  </si>
  <si>
    <t>POINT (4.664080303464129 51.78702533784308)</t>
  </si>
  <si>
    <t>POINT (4.632199980882569 51.7814177808115)</t>
  </si>
  <si>
    <t>POINT (4.680020997179661 51.81347500107936)</t>
  </si>
  <si>
    <t>POINT (4.675859464390072 51.77497543585143)</t>
  </si>
  <si>
    <t>POINT (4.638444356907173 51.77713807335411)</t>
  </si>
  <si>
    <t>POINT (4.665097730887167 51.800890174675466)</t>
  </si>
  <si>
    <t>POINT (4.723246599247559 51.799130102707494)</t>
  </si>
  <si>
    <t>POINT (4.643514613059598 51.77094152352933)</t>
  </si>
  <si>
    <t>POINT (4.669809252921533 51.81105833766674)</t>
  </si>
  <si>
    <t>POINT (4.660326064430716 51.80376598251012)</t>
  </si>
  <si>
    <t>POINT (4.678344240649025 51.788512334753726)</t>
  </si>
  <si>
    <t>POINT (4.630294541539472 51.727944852596906)</t>
  </si>
  <si>
    <t>POINT (4.7104950927934945 51.796049043402924)</t>
  </si>
  <si>
    <t>POINT (4.6819775008226205 51.781656695717544)</t>
  </si>
  <si>
    <t>POINT (4.722584728589632 51.80518385621497)</t>
  </si>
  <si>
    <t>POINT (4.667738933367565 51.81646810867065)</t>
  </si>
  <si>
    <t>POINT (4.6723459075478955 51.77226202519743)</t>
  </si>
  <si>
    <t>POINT (4.726723888203452 51.800104574206344)</t>
  </si>
  <si>
    <t>POINT (4.685893101687711 51.78757131546498)</t>
  </si>
  <si>
    <t>POINT (4.668606949706621 51.79956855758615)</t>
  </si>
  <si>
    <t>POINT (4.732991978941558 51.79552565092436)</t>
  </si>
  <si>
    <t>POINT (4.653266536208099 51.79290165939364)</t>
  </si>
  <si>
    <t>POINT (4.6799927853238374 51.804728342161226)</t>
  </si>
  <si>
    <t>POINT (4.717971735924832 51.815730469692404)</t>
  </si>
  <si>
    <t>POINT (4.690089656049355 51.806816227931684)</t>
  </si>
  <si>
    <t>POINT (4.698601222098956 51.7985627139658)</t>
  </si>
  <si>
    <t>POINT (4.65303711458095 51.7910926929051)</t>
  </si>
  <si>
    <t>POINT (4.664897126295576 51.795745141395365)</t>
  </si>
  <si>
    <t>POINT (4.629113466508992 51.72650843159388)</t>
  </si>
  <si>
    <t>POINT (4.673958613658769 51.774968628581405)</t>
  </si>
  <si>
    <t>POINT (4.648070219330574 51.80463221713931)</t>
  </si>
  <si>
    <t>POINT (4.660604518885266 51.80048494609648)</t>
  </si>
  <si>
    <t>POINT (4.690390632346661 51.8104081773163)</t>
  </si>
  <si>
    <t>POINT (4.661363212861573 51.800678683329394)</t>
  </si>
  <si>
    <t>POINT (4.655987992092173 51.789674232708286)</t>
  </si>
  <si>
    <t>POINT (4.681365660155208 51.80821942246679)</t>
  </si>
  <si>
    <t>POINT (4.664017177128961 51.798921440444886)</t>
  </si>
  <si>
    <t>POINT (4.722788293367774 51.797526684160566)</t>
  </si>
  <si>
    <t>POINT (4.698769399788073 51.79965159010472)</t>
  </si>
  <si>
    <t>POINT (4.708963950099579 51.788329590638604)</t>
  </si>
  <si>
    <t>POINT (4.705414117926144 51.790427067562426)</t>
  </si>
  <si>
    <t>POINT (4.714746187416101 51.81452017492104)</t>
  </si>
  <si>
    <t>POINT (4.731916719288575 51.79873656820274)</t>
  </si>
  <si>
    <t>POINT (4.6725922745093245 51.80412458883235)</t>
  </si>
  <si>
    <t>POINT (4.683172177611071 51.78180119273722)</t>
  </si>
  <si>
    <t>POINT (4.66344611004215 51.81298638420556)</t>
  </si>
  <si>
    <t>POINT (4.6837343380989775 51.798054602444395)</t>
  </si>
  <si>
    <t>POINT (4.709703547992731 51.794578541492236)</t>
  </si>
  <si>
    <t>POINT (4.680625848807355 51.779916996266024)</t>
  </si>
  <si>
    <t>POINT (4.7275860248556825 51.79599970825705)</t>
  </si>
  <si>
    <t>POINT (4.685166749409288 51.813034603228395)</t>
  </si>
  <si>
    <t>POINT (4.653976065280619 51.8111792336089)</t>
  </si>
  <si>
    <t>POINT (4.636587236149482 51.76791821268815)</t>
  </si>
  <si>
    <t>POINT (4.675547967251249 51.78324200455496)</t>
  </si>
  <si>
    <t>POINT (4.669524938836863 51.790290805755674)</t>
  </si>
  <si>
    <t>POINT (4.650006322120643 51.79354383882208)</t>
  </si>
  <si>
    <t>POINT (4.7214874020450335 51.79523645358819)</t>
  </si>
  <si>
    <t>POINT (4.653662590410717 51.79097487147886)</t>
  </si>
  <si>
    <t>POINT (4.683763393940113 51.78251689616494)</t>
  </si>
  <si>
    <t>POINT (4.724206682650248 51.805572127543776)</t>
  </si>
  <si>
    <t>POINT (4.691284343415287 51.818383272311856)</t>
  </si>
  <si>
    <t>POINT (4.724630718175711 51.79716609676482)</t>
  </si>
  <si>
    <t>POINT (4.669942545906806 51.789141161371866)</t>
  </si>
  <si>
    <t>POINT (4.651496210223873 51.794092415328855)</t>
  </si>
  <si>
    <t>POINT (4.7194184403662645 51.80562179266389)</t>
  </si>
  <si>
    <t>POINT (4.665034663884399 51.81800538927943)</t>
  </si>
  <si>
    <t>POINT (4.7229335910676005 51.79790899408261)</t>
  </si>
  <si>
    <t>POINT (4.6740838156726054 51.780542829299975)</t>
  </si>
  <si>
    <t>POINT (4.677545834208283 51.78096141467387)</t>
  </si>
  <si>
    <t>POINT (4.684310106437913 51.77729399213718)</t>
  </si>
  <si>
    <t>POINT (4.676792942506794 51.789967091904835)</t>
  </si>
  <si>
    <t>POINT (4.682807884207079 51.77559433092339)</t>
  </si>
  <si>
    <t>POINT (4.642928535750223 51.77083969340148)</t>
  </si>
  <si>
    <t>POINT (4.666441033109876 51.815632692327064)</t>
  </si>
  <si>
    <t>POINT (4.66951994747939 51.81314656177395)</t>
  </si>
  <si>
    <t>POINT (4.675412412812754 51.81631161190778)</t>
  </si>
  <si>
    <t>POINT (4.679392520012915 51.77543293409785)</t>
  </si>
  <si>
    <t>POINT (4.663556981764498 51.81443535996102)</t>
  </si>
  <si>
    <t>POINT (4.698020147563104 51.79897209771193)</t>
  </si>
  <si>
    <t>POINT (4.670100757954148 51.814357174404286)</t>
  </si>
  <si>
    <t>POINT (4.678987390889537 51.77821554876031)</t>
  </si>
  <si>
    <t>POINT (4.713428509108024 51.80453169998562)</t>
  </si>
  <si>
    <t>POINT (4.711143831237729 51.79218843226207)</t>
  </si>
  <si>
    <t>POINT (4.6631849961002265 51.79519122105329)</t>
  </si>
  <si>
    <t>POINT (4.691701307849672 51.786112092903245)</t>
  </si>
  <si>
    <t>POINT (4.667433192171943 51.8017403471694)</t>
  </si>
  <si>
    <t>POINT (4.662188520187861 51.79053823160752)</t>
  </si>
  <si>
    <t>POINT (4.703009190118712 51.78829821141551)</t>
  </si>
  <si>
    <t>POINT (4.675428603990582 51.80759389427527)</t>
  </si>
  <si>
    <t>POINT (4.654971483841044 51.76749401500892)</t>
  </si>
  <si>
    <t>POINT (4.721553480403265 51.81093544019499)</t>
  </si>
  <si>
    <t>POINT (4.715819527798178 51.81351028969915)</t>
  </si>
  <si>
    <t>POINT (4.66927655105244 51.790439675854365)</t>
  </si>
  <si>
    <t>POINT (4.670154163740051 51.771674059488895)</t>
  </si>
  <si>
    <t>POINT (4.683602430584961 51.80883539287719)</t>
  </si>
  <si>
    <t>POINT (4.702004090831066 51.79855428588309)</t>
  </si>
  <si>
    <t>POINT (4.685596739074743 51.81354400940701)</t>
  </si>
  <si>
    <t>POINT (4.687512044092225 51.81068060091756)</t>
  </si>
  <si>
    <t>POINT (4.68234000743539 51.80500590565546)</t>
  </si>
  <si>
    <t>POINT (4.6782175838401505 51.817130380736366)</t>
  </si>
  <si>
    <t>POINT (4.658553034662034 51.810809921156526)</t>
  </si>
  <si>
    <t>POINT (4.680867227219144 51.789309838968286)</t>
  </si>
  <si>
    <t>POINT (4.71699656816489 51.801322737615905)</t>
  </si>
  <si>
    <t>POINT (4.673996201928894 51.818816065398664)</t>
  </si>
  <si>
    <t>POINT (4.661444328374322 51.78719721953843)</t>
  </si>
  <si>
    <t>POINT (4.668552875403711 51.81537655846277)</t>
  </si>
  <si>
    <t>POINT (4.679221375219755 51.815763547906855)</t>
  </si>
  <si>
    <t>POINT (4.7249350736841755 51.79860607042748)</t>
  </si>
  <si>
    <t>POINT (4.646784004498194 51.78024333845954)</t>
  </si>
  <si>
    <t>POINT (4.666026966188724 51.810506512087755)</t>
  </si>
  <si>
    <t>POINT (4.670328005174081 51.795404324289706)</t>
  </si>
  <si>
    <t>POINT (4.680262199825926 51.79088438377223)</t>
  </si>
  <si>
    <t>POINT (4.653921956796969 51.81115181258718)</t>
  </si>
  <si>
    <t>POINT (4.670704768766223 51.771943059211644)</t>
  </si>
  <si>
    <t>POINT (4.713151343185336 51.81442678416848)</t>
  </si>
  <si>
    <t>POINT (4.676444823768038 51.783701632396756)</t>
  </si>
  <si>
    <t>POINT (4.6681320940276265 51.772415796452805)</t>
  </si>
  <si>
    <t>POINT (4.672431844184751 51.793390893686066)</t>
  </si>
  <si>
    <t>POINT (4.663570690848129 51.80016794527416)</t>
  </si>
  <si>
    <t>POINT (4.736435654406206 51.80076945681627)</t>
  </si>
  <si>
    <t>POINT (4.693494927685532 51.79335190412447)</t>
  </si>
  <si>
    <t>POINT (4.729479628840295 51.798405470941304)</t>
  </si>
  <si>
    <t>POINT (4.672976636445289 51.77974493371752)</t>
  </si>
  <si>
    <t>POINT (4.668495687238798 51.81293332009481)</t>
  </si>
  <si>
    <t>POINT (4.67615203012281 51.803806658261664)</t>
  </si>
  <si>
    <t>POINT (4.677196452558008 51.77757928701491)</t>
  </si>
  <si>
    <t>POINT (4.6712092436724095 51.815441648396224)</t>
  </si>
  <si>
    <t>POINT (4.6791077403627614 51.78189758008353)</t>
  </si>
  <si>
    <t>POINT (4.697626881735259 51.79621791525245)</t>
  </si>
  <si>
    <t>POINT (4.6745849619361435 51.81826625458211)</t>
  </si>
  <si>
    <t>3315DW</t>
  </si>
  <si>
    <t>POINT (4.728563875122387 51.805519156224804)</t>
  </si>
  <si>
    <t>POINT (4.663448045387056 51.81477101757202)</t>
  </si>
  <si>
    <t>POINT (4.6591096655563184 51.80893055169927)</t>
  </si>
  <si>
    <t>POINT (4.632688327685342 51.76939077194815)</t>
  </si>
  <si>
    <t>POINT (4.659246649657148 51.80543506174119)</t>
  </si>
  <si>
    <t>POINT (4.686989295204677 51.78188760048531)</t>
  </si>
  <si>
    <t>POINT (4.6600227205662845 51.80217411084656)</t>
  </si>
  <si>
    <t>POINT (4.681911236306361 51.78166088153037)</t>
  </si>
  <si>
    <t>POINT (4.67362267683302 51.815742556063284)</t>
  </si>
  <si>
    <t>POINT (4.689970122516561 51.80796283983068)</t>
  </si>
  <si>
    <t>POINT (4.649869217373634 51.792496690998604)</t>
  </si>
  <si>
    <t>POINT (4.681421823666592 51.80400214025693)</t>
  </si>
  <si>
    <t>POINT (4.690095841173535 51.80809412012221)</t>
  </si>
  <si>
    <t>POINT (4.653380292323745 51.791854044645746)</t>
  </si>
  <si>
    <t>POINT (4.719808923048569 51.79536308665669)</t>
  </si>
  <si>
    <t>POINT (4.656037117100143 51.80145040774596)</t>
  </si>
  <si>
    <t>POINT (4.68769199603515 51.7840584633201)</t>
  </si>
  <si>
    <t>POINT (4.678999825816042 51.7810143281137)</t>
  </si>
  <si>
    <t>POINT (4.673595172953318 51.8194214502454)</t>
  </si>
  <si>
    <t>POINT (4.656079118380578 51.78966086817866)</t>
  </si>
  <si>
    <t>3312VH</t>
  </si>
  <si>
    <t>POINT (4.680324744632737 51.807772657827435)</t>
  </si>
  <si>
    <t>POINT (4.654801796128439 51.812183294146294)</t>
  </si>
  <si>
    <t>POINT (4.67902941302938 51.79988323404257)</t>
  </si>
  <si>
    <t>POINT (4.696267018398495 51.81756024632081)</t>
  </si>
  <si>
    <t>POINT (4.681952255473163 51.78173832310046)</t>
  </si>
  <si>
    <t>POINT (4.725810008035944 51.796201131778524)</t>
  </si>
  <si>
    <t>POINT (4.651354904830563 51.80176993404961)</t>
  </si>
  <si>
    <t>POINT (4.666862322390953 51.78719128941685)</t>
  </si>
  <si>
    <t>POINT (4.659349948817503 51.79649528419991)</t>
  </si>
  <si>
    <t>POINT (4.676370459523572 51.80722287018022)</t>
  </si>
  <si>
    <t>POINT (4.652474048484193 51.785332955991514)</t>
  </si>
  <si>
    <t>POINT (4.647291210637599 51.7741613387482)</t>
  </si>
  <si>
    <t>POINT (4.712007645808124 51.81147286143275)</t>
  </si>
  <si>
    <t>POINT (4.6900573207970355 51.81899525436165)</t>
  </si>
  <si>
    <t>POINT (4.686016814107881 51.78876642684333)</t>
  </si>
  <si>
    <t>POINT (4.6623404861389215 51.80512743995406)</t>
  </si>
  <si>
    <t>POINT (4.6704049613838485 51.8176581269383)</t>
  </si>
  <si>
    <t>POINT (4.686112447341685 51.780610336701216)</t>
  </si>
  <si>
    <t>POINT (4.680119405592568 51.81437767853988)</t>
  </si>
  <si>
    <t>POINT (4.653299022534419 51.79386471523434)</t>
  </si>
  <si>
    <t>POINT (4.67725359999852 51.814321914202075)</t>
  </si>
  <si>
    <t>POINT (4.685518145693097 51.78517437843595)</t>
  </si>
  <si>
    <t>POINT (4.708544143850864 51.7960496214553)</t>
  </si>
  <si>
    <t>POINT (4.657946901594432 51.770540005136326)</t>
  </si>
  <si>
    <t>POINT (4.668345565854693 51.782589128316545)</t>
  </si>
  <si>
    <t>POINT (4.662975477922961 51.81385022320012)</t>
  </si>
  <si>
    <t>POINT (4.68160542565439 51.77355667143195)</t>
  </si>
  <si>
    <t>POINT (4.66686507058345 51.81241400584882)</t>
  </si>
  <si>
    <t>POINT (4.678260052623628 51.773830104253264)</t>
  </si>
  <si>
    <t>POINT (4.677197844958016 51.78008731472139)</t>
  </si>
  <si>
    <t>POINT (4.678548962946356 51.78627965636357)</t>
  </si>
  <si>
    <t>POINT (4.703764683796925 51.815789771351405)</t>
  </si>
  <si>
    <t>POINT (4.720654659842639 51.805535447371476)</t>
  </si>
  <si>
    <t>POINT (4.65766594685313 51.77210498409931)</t>
  </si>
  <si>
    <t>POINT (4.686321836812827 51.805998645833675)</t>
  </si>
  <si>
    <t>POINT (4.684067812399348 51.80937859002435)</t>
  </si>
  <si>
    <t>POINT (4.66159026958512 51.810712265537155)</t>
  </si>
  <si>
    <t>POINT (4.670098359278189 51.81244378556466)</t>
  </si>
  <si>
    <t>POINT (4.671451052247992 51.77899363418388)</t>
  </si>
  <si>
    <t>POINT (4.6939858662741285 51.81091984670565)</t>
  </si>
  <si>
    <t>POINT (4.681540000450527 51.78678724764807)</t>
  </si>
  <si>
    <t>POINT (4.676819951603687 51.818322491154795)</t>
  </si>
  <si>
    <t>POINT (4.685410631102067 51.79898368852943)</t>
  </si>
  <si>
    <t>POINT (4.675954274217851 51.80470412088154)</t>
  </si>
  <si>
    <t>POINT (4.6790528796114215 51.80880852015595)</t>
  </si>
  <si>
    <t>POINT (4.668554897006143 51.80814695957842)</t>
  </si>
  <si>
    <t>POINT (4.684081780284543 51.79812325528752)</t>
  </si>
  <si>
    <t>POINT (4.722539717751999 51.80554717378535)</t>
  </si>
  <si>
    <t>POINT (4.682839863384919 51.80415169346408)</t>
  </si>
  <si>
    <t>POINT (4.713316458060944 51.814094640438455)</t>
  </si>
  <si>
    <t>POINT (4.6760254583405105 51.79470670000679)</t>
  </si>
  <si>
    <t>POINT (4.683453394479421 51.77891488369628)</t>
  </si>
  <si>
    <t>POINT (4.673500087650342 51.81801142228311)</t>
  </si>
  <si>
    <t>POINT (4.676106026384932 51.81834970890536)</t>
  </si>
  <si>
    <t>POINT (4.673879655594229 51.808653547815624)</t>
  </si>
  <si>
    <t>POINT (4.724152352115511 51.80457912422792)</t>
  </si>
  <si>
    <t>POINT (4.6746204123249075 51.81817154053267)</t>
  </si>
  <si>
    <t>POINT (4.699269845583839 51.798273327068685)</t>
  </si>
  <si>
    <t>3313AL</t>
  </si>
  <si>
    <t>Gouwestraat</t>
  </si>
  <si>
    <t>3313AK-3313AL</t>
  </si>
  <si>
    <t>POINT (4.71371416039514 51.81582519565283)</t>
  </si>
  <si>
    <t>POINT (4.6761851122349345 51.807373170478286)</t>
  </si>
  <si>
    <t>POINT (4.676876765315862 51.78647335217879)</t>
  </si>
  <si>
    <t>POINT (4.664022869816888 51.785529406621045)</t>
  </si>
  <si>
    <t>POINT (4.6713796460681305 51.80590798554172)</t>
  </si>
  <si>
    <t>POINT (4.6634298059394546 51.8111446915729)</t>
  </si>
  <si>
    <t>POINT (4.693292021368356 51.79535131357015)</t>
  </si>
  <si>
    <t>POINT (4.669415565513148 51.80560040353283)</t>
  </si>
  <si>
    <t>POINT (4.657070898389877 51.800769308787714)</t>
  </si>
  <si>
    <t>POINT (4.690699404949792 51.81855903612894)</t>
  </si>
  <si>
    <t>POINT (4.704091016053785 51.81640497541249)</t>
  </si>
  <si>
    <t>POINT (4.653748513017932 51.785138856414875)</t>
  </si>
  <si>
    <t>POINT (4.7275688631302515 51.80017890870937)</t>
  </si>
  <si>
    <t>POINT (4.686154786005335 51.78932972749235)</t>
  </si>
  <si>
    <t>POINT (4.733800665987212 51.79508359272232)</t>
  </si>
  <si>
    <t>POINT (4.655236373827951 51.78856313368998)</t>
  </si>
  <si>
    <t>POINT (4.662896932405718 51.805300807277256)</t>
  </si>
  <si>
    <t>POINT (4.681210814526337 51.79873799103369)</t>
  </si>
  <si>
    <t>POINT (4.683757831562163 51.81917103009758)</t>
  </si>
  <si>
    <t>POINT (4.721185032598947 51.79832864887941)</t>
  </si>
  <si>
    <t>POINT (4.731795170444054 51.80202813983658)</t>
  </si>
  <si>
    <t>POINT (4.6626987257070045 51.81486575484558)</t>
  </si>
  <si>
    <t>POINT (4.673153592411448 51.78195930908932)</t>
  </si>
  <si>
    <t>POINT (4.667518813193662 51.798769768622385)</t>
  </si>
  <si>
    <t>POINT (4.726504023416618 51.799600224034435)</t>
  </si>
  <si>
    <t>POINT (4.664038051557778 51.81053997059562)</t>
  </si>
  <si>
    <t>POINT (4.685562946549966 51.81347148460361)</t>
  </si>
  <si>
    <t>POINT (4.717519931613609 51.8049983429986)</t>
  </si>
  <si>
    <t>POINT (4.6844340871368555 51.779201678540176)</t>
  </si>
  <si>
    <t>POINT (4.659811343294814 51.79242341384676)</t>
  </si>
  <si>
    <t>POINT (4.664228811505423 51.81554212385278)</t>
  </si>
  <si>
    <t>POINT (4.679896934562896 51.80500262013)</t>
  </si>
  <si>
    <t>POINT (4.6921753560092085 51.818328337292876)</t>
  </si>
  <si>
    <t>POINT (4.662329605577036 51.7914083021955)</t>
  </si>
  <si>
    <t>POINT (4.677829731170365 51.80545000172456)</t>
  </si>
  <si>
    <t>POINT (4.66707667999013 51.77110218100996)</t>
  </si>
  <si>
    <t>POINT (4.6642964824362565 51.812979859504914)</t>
  </si>
  <si>
    <t>POINT (4.674406370882831 51.817949335303894)</t>
  </si>
  <si>
    <t>POINT (4.727410187557261 51.79741760419328)</t>
  </si>
  <si>
    <t>POINT (4.719802936494619 51.81142086134572)</t>
  </si>
  <si>
    <t>POINT (4.65605993580305 51.80077262223882)</t>
  </si>
  <si>
    <t>POINT (4.653636987451225 51.781177261617835)</t>
  </si>
  <si>
    <t>POINT (4.662631752727127 51.804885546541996)</t>
  </si>
  <si>
    <t>POINT (4.727771623723583 51.80397211277785)</t>
  </si>
  <si>
    <t>POINT (4.664766786248462 51.78003870629707)</t>
  </si>
  <si>
    <t>POINT (4.709272607571359 51.79730067693973)</t>
  </si>
  <si>
    <t>POINT (4.656220489313245 51.79982613273848)</t>
  </si>
  <si>
    <t>POINT (4.671414914733948 51.818641763726575)</t>
  </si>
  <si>
    <t>POINT (4.654786090046126 51.80415875615141)</t>
  </si>
  <si>
    <t>POINT (4.684076048761553 51.77725722768641)</t>
  </si>
  <si>
    <t>POINT (4.692610618089961 51.817961786178465)</t>
  </si>
  <si>
    <t>POINT (4.7199070801271485 51.79536975726579)</t>
  </si>
  <si>
    <t>POINT (4.703118616184539 51.79727246228294)</t>
  </si>
  <si>
    <t>POINT (4.705051540304644 51.80716512733317)</t>
  </si>
  <si>
    <t>POINT (4.712148888906806 51.80606630302469)</t>
  </si>
  <si>
    <t>POINT (4.685991815042459 51.80479439463942)</t>
  </si>
  <si>
    <t>POINT (4.722120280597946 51.80050519766695)</t>
  </si>
  <si>
    <t>POINT (4.663070368587908 51.799275795641314)</t>
  </si>
  <si>
    <t>POINT (4.67158927376072 51.78482451624327)</t>
  </si>
  <si>
    <t>POINT (4.656066719824867 51.79846800655389)</t>
  </si>
  <si>
    <t>POINT (4.653078469567381 51.80182832594212)</t>
  </si>
  <si>
    <t>POINT (4.6666318850807516 51.81257980861838)</t>
  </si>
  <si>
    <t>POINT (4.669114361332806 51.81677710479757)</t>
  </si>
  <si>
    <t>POINT (4.683449353277634 51.79804525300148)</t>
  </si>
  <si>
    <t>POINT (4.713791027658891 51.80500300642543)</t>
  </si>
  <si>
    <t>3315LB</t>
  </si>
  <si>
    <t>Loswalweg</t>
  </si>
  <si>
    <t>POINT (4.71848163350237 51.80740844232285)</t>
  </si>
  <si>
    <t>POINT (4.666951170506611 51.81582791225037)</t>
  </si>
  <si>
    <t>POINT (4.6935226878117575 51.81050648981719)</t>
  </si>
  <si>
    <t>POINT (4.731015889017013 51.79150830402058)</t>
  </si>
  <si>
    <t>POINT (4.6978653053801 51.79087734847397)</t>
  </si>
  <si>
    <t>POINT (4.66596344334408 51.78935598995394)</t>
  </si>
  <si>
    <t>POINT (4.670124431411885 51.815184717415804)</t>
  </si>
  <si>
    <t>POINT (4.73329755227437 51.797245272527476)</t>
  </si>
  <si>
    <t>POINT (4.68744366199754 51.80710903263936)</t>
  </si>
  <si>
    <t>POINT (4.671444575629858 51.81321861223392)</t>
  </si>
  <si>
    <t>POINT (4.717270282311795 51.79976868911973)</t>
  </si>
  <si>
    <t>POINT (4.655578992069172 51.79015110452485)</t>
  </si>
  <si>
    <t>POINT (4.653515038605616 51.790133090664845)</t>
  </si>
  <si>
    <t>POINT (4.67036520873013 51.79084927853365)</t>
  </si>
  <si>
    <t>POINT (4.642523697985881 51.798804363609385)</t>
  </si>
  <si>
    <t>POINT (4.680609563617759 51.80730141628368)</t>
  </si>
  <si>
    <t>POINT (4.672746259747081 51.78723088678829)</t>
  </si>
  <si>
    <t>POINT (4.678858723900563 51.78557014390999)</t>
  </si>
  <si>
    <t>3316LE</t>
  </si>
  <si>
    <t>Opaal</t>
  </si>
  <si>
    <t>POINT (4.632303089873136 51.76850712528668)</t>
  </si>
  <si>
    <t>POINT (4.683698959386114 51.782523547880196)</t>
  </si>
  <si>
    <t>POINT (4.708967408334063 51.80756015373421)</t>
  </si>
  <si>
    <t>POINT (4.7160395751738555 51.80137995425842)</t>
  </si>
  <si>
    <t>POINT (4.709344242209022 51.81192563568097)</t>
  </si>
  <si>
    <t>POINT (4.68266720472096 51.77435858188688)</t>
  </si>
  <si>
    <t>POINT (4.678038207619183 51.807672839862995)</t>
  </si>
  <si>
    <t>POINT (4.675368305542811 51.8144739438192)</t>
  </si>
  <si>
    <t>POINT (4.670355112176422 51.81552944004718)</t>
  </si>
  <si>
    <t>POINT (4.692959102281676 51.81892098652598)</t>
  </si>
  <si>
    <t>POINT (4.6645208813282215 51.81254049967687)</t>
  </si>
  <si>
    <t>POINT (4.73277284591489 51.80173706169028)</t>
  </si>
  <si>
    <t>POINT (4.718196336836034 51.812789078125526)</t>
  </si>
  <si>
    <t>POINT (4.654859235871675 51.79514556718756)</t>
  </si>
  <si>
    <t>POINT (4.6796888973931905 51.77665211660025)</t>
  </si>
  <si>
    <t>POINT (4.658061580198176 51.81154370717513)</t>
  </si>
  <si>
    <t>POINT (4.680190489450373 51.7897673585614)</t>
  </si>
  <si>
    <t>POINT (4.6633019449052835 51.79298761675558)</t>
  </si>
  <si>
    <t>POINT (4.684478137285934 51.808926724765875)</t>
  </si>
  <si>
    <t>POINT (4.663624198139174 51.7939879078632)</t>
  </si>
  <si>
    <t>POINT (4.663094274921494 51.81335668672726)</t>
  </si>
  <si>
    <t>POINT (4.638919464529901 51.77704940237889)</t>
  </si>
  <si>
    <t>POINT (4.663724806512694 51.786263132649296)</t>
  </si>
  <si>
    <t>POINT (4.685880129897623 51.79175973188734)</t>
  </si>
  <si>
    <t>POINT (4.7204127103163955 51.812891524492855)</t>
  </si>
  <si>
    <t>POINT (4.705337370806691 51.81491169523575)</t>
  </si>
  <si>
    <t>POINT (4.667055300960935 51.79625100713787)</t>
  </si>
  <si>
    <t>POINT (4.681965185151345 51.787695873727074)</t>
  </si>
  <si>
    <t>POINT (4.719288603394164 51.81279499411887)</t>
  </si>
  <si>
    <t>POINT (4.631217889561372 51.72140591662656)</t>
  </si>
  <si>
    <t>POINT (4.632288812909354 51.76628707169704)</t>
  </si>
  <si>
    <t>POINT (4.677470825521491 51.8148538560957)</t>
  </si>
  <si>
    <t>POINT (4.65230195817548 51.7843647367063)</t>
  </si>
  <si>
    <t>POINT (4.670433670291913 51.77705886648425)</t>
  </si>
  <si>
    <t>POINT (4.735874735261294 51.800222747776544)</t>
  </si>
  <si>
    <t>POINT (4.7301283685177555 51.79605369491672)</t>
  </si>
  <si>
    <t>POINT (4.671036269808749 51.802492977128466)</t>
  </si>
  <si>
    <t>POINT (4.719374552610597 51.792846901772734)</t>
  </si>
  <si>
    <t>POINT (4.727827767802506 51.79693093349397)</t>
  </si>
  <si>
    <t>POINT (4.6677316531637505 51.80005648378715)</t>
  </si>
  <si>
    <t>POINT (4.711905275644206 51.803137531895054)</t>
  </si>
  <si>
    <t>POINT (4.683193779796637 51.797955325052456)</t>
  </si>
  <si>
    <t>POINT (4.657581017164842 51.78713312833683)</t>
  </si>
  <si>
    <t>POINT (4.681056348705062 51.78132436071059)</t>
  </si>
  <si>
    <t>POINT (4.667821431967965 51.782765958819404)</t>
  </si>
  <si>
    <t>POINT (4.666888346508693 51.81583682095803)</t>
  </si>
  <si>
    <t>POINT (4.642842146209413 51.769720891632595)</t>
  </si>
  <si>
    <t>POINT (4.680951886842636 51.80733916214577)</t>
  </si>
  <si>
    <t>POINT (4.645778773672013 51.781327222498966)</t>
  </si>
  <si>
    <t>POINT (4.660953683206968 51.79391444519359)</t>
  </si>
  <si>
    <t>POINT (4.72605733021191 51.79747524615214)</t>
  </si>
  <si>
    <t>POINT (4.656219044509733 51.7848723738544)</t>
  </si>
  <si>
    <t>POINT (4.725707416585134 51.79285389959337)</t>
  </si>
  <si>
    <t>POINT (4.677631972987501 51.77565823164221)</t>
  </si>
  <si>
    <t>POINT (4.67775587811973 51.78202324415755)</t>
  </si>
  <si>
    <t>POINT (4.678598934918427 51.773321314939764)</t>
  </si>
  <si>
    <t>POINT (4.693369229963381 51.795370080130525)</t>
  </si>
  <si>
    <t>POINT (4.669942550461752 51.81703982956227)</t>
  </si>
  <si>
    <t>POINT (4.675337898481475 51.80397905952314)</t>
  </si>
  <si>
    <t>POINT (4.724266365666147 51.79920315798628)</t>
  </si>
  <si>
    <t>POINT (4.6668380442679025 51.81687186363677)</t>
  </si>
  <si>
    <t>POINT (4.685130505283026 51.77950791430433)</t>
  </si>
  <si>
    <t>POINT (4.673790718940342 51.77325080840661)</t>
  </si>
  <si>
    <t>POINT (4.680253918967969 51.80770183187494)</t>
  </si>
  <si>
    <t>POINT (4.729544030025118 51.79462287123445)</t>
  </si>
  <si>
    <t>POINT (4.6589235505111875 51.80421703048198)</t>
  </si>
  <si>
    <t>POINT (4.714852437321056 51.813840101170065)</t>
  </si>
  <si>
    <t>POINT (4.667575540431179 51.79065819585167)</t>
  </si>
  <si>
    <t>POINT (4.679589692365133 51.81040713060443)</t>
  </si>
  <si>
    <t>POINT (4.676490851506295 51.77210197746089)</t>
  </si>
  <si>
    <t>POINT (4.719524706901368 51.803695537858076)</t>
  </si>
  <si>
    <t>POINT (4.714488795327192 51.81074344449359)</t>
  </si>
  <si>
    <t>POINT (4.667466296792346 51.79022002763123)</t>
  </si>
  <si>
    <t>POINT (4.682945306619148 51.80707218857618)</t>
  </si>
  <si>
    <t>POINT (4.731018762234768 51.7997643803896)</t>
  </si>
  <si>
    <t>POINT (4.652930672448009 51.802040262540196)</t>
  </si>
  <si>
    <t>POINT (4.678283852389372 51.808751311004805)</t>
  </si>
  <si>
    <t>POINT (4.655340195899901 51.80425316122907)</t>
  </si>
  <si>
    <t>POINT (4.656242558361158 51.79881150880618)</t>
  </si>
  <si>
    <t>POINT (4.671421039818967 51.780375150323884)</t>
  </si>
  <si>
    <t>POINT (4.634824538298794 51.77562023324758)</t>
  </si>
  <si>
    <t>POINT (4.717318664690625 51.81465939747897)</t>
  </si>
  <si>
    <t>POINT (4.692731729062522 51.82093455928746)</t>
  </si>
  <si>
    <t>POINT (4.71441011847769 51.81088098706753)</t>
  </si>
  <si>
    <t>3317VA</t>
  </si>
  <si>
    <t>Bloys van Treslongstraat</t>
  </si>
  <si>
    <t>POINT (4.656104652275971 51.79297594649705)</t>
  </si>
  <si>
    <t>POINT (4.717524189057618 51.81322354835528)</t>
  </si>
  <si>
    <t>POINT (4.72344185910996 51.80521264459161)</t>
  </si>
  <si>
    <t>POINT (4.655027667206716 51.80029061091952)</t>
  </si>
  <si>
    <t>POINT (4.711944360295867 51.795497490060136)</t>
  </si>
  <si>
    <t>POINT (4.732145487509271 51.800162023572355)</t>
  </si>
  <si>
    <t>POINT (4.692491061329881 51.81128658011035)</t>
  </si>
  <si>
    <t>POINT (4.71802974237386 51.799601708315876)</t>
  </si>
  <si>
    <t>POINT (4.682046419104129 51.80839892919692)</t>
  </si>
  <si>
    <t>POINT (4.707071626622959 51.79025814683538)</t>
  </si>
  <si>
    <t>POINT (4.6702479812208315 51.80608883204684)</t>
  </si>
  <si>
    <t>POINT (4.657460258720466 51.81078928812395)</t>
  </si>
  <si>
    <t>POINT (4.664018140929494 51.795320565517684)</t>
  </si>
  <si>
    <t>POINT (4.697175339363078 51.79332586994922)</t>
  </si>
  <si>
    <t>POINT (4.653660603908306 51.78578659998484)</t>
  </si>
  <si>
    <t>POINT (4.674366233500319 51.80310354159493)</t>
  </si>
  <si>
    <t>POINT (4.707804362123389 51.78948993346249)</t>
  </si>
  <si>
    <t>POINT (4.679016364298779 51.781299450669216)</t>
  </si>
  <si>
    <t>POINT (4.685355202645875 51.782271799749395)</t>
  </si>
  <si>
    <t>POINT (4.651722522102276 51.78991718411939)</t>
  </si>
  <si>
    <t>POINT (4.673383553190971 51.812710805210365)</t>
  </si>
  <si>
    <t>POINT (4.707619941972719 51.79468558152449)</t>
  </si>
  <si>
    <t>POINT (4.675997605997225 51.785931750542694)</t>
  </si>
  <si>
    <t>POINT (4.6420798053369055 51.76260616718234)</t>
  </si>
  <si>
    <t>POINT (4.655135088411006 51.769665932391085)</t>
  </si>
  <si>
    <t>POINT (4.689352076466898 51.80733676383639)</t>
  </si>
  <si>
    <t>POINT (4.71409796164082 51.807363756747)</t>
  </si>
  <si>
    <t>POINT (4.652064055501929 51.79358659372602)</t>
  </si>
  <si>
    <t>POINT (4.630536523830237 51.76894447673119)</t>
  </si>
  <si>
    <t>POINT (4.704188991568344 51.79819658464476)</t>
  </si>
  <si>
    <t>POINT (4.632349810459095 51.76569661546137)</t>
  </si>
  <si>
    <t>POINT (4.663855613680717 51.792240295524046)</t>
  </si>
  <si>
    <t>POINT (4.701335187192123 51.79059127131723)</t>
  </si>
  <si>
    <t>POINT (4.66127916583448 51.815716839636)</t>
  </si>
  <si>
    <t>POINT (4.655540987913866 51.78805699193994)</t>
  </si>
  <si>
    <t>POINT (4.669788051723213 51.810263635922354)</t>
  </si>
  <si>
    <t>POINT (4.69754281000449 51.80055033631721)</t>
  </si>
  <si>
    <t>POINT (4.681757914639561 51.78795317817676)</t>
  </si>
  <si>
    <t>POINT (4.690638163297647 51.81789118434808)</t>
  </si>
  <si>
    <t>POINT (4.6679348248764425 51.79423829662714)</t>
  </si>
  <si>
    <t>POINT (4.663883422391742 51.80239823341673)</t>
  </si>
  <si>
    <t>POINT (4.660019587692033 51.7708804246793)</t>
  </si>
  <si>
    <t>POINT (4.665510230460722 51.813091167281364)</t>
  </si>
  <si>
    <t>POINT (4.656496474277844 51.78445502148065)</t>
  </si>
  <si>
    <t>POINT (4.6947062021478025 51.794048626354254)</t>
  </si>
  <si>
    <t>POINT (4.672671494131436 51.81296246921583)</t>
  </si>
  <si>
    <t>POINT (4.701428028643742 51.799837467656)</t>
  </si>
  <si>
    <t>POINT (4.658606761264845 51.79984899341472)</t>
  </si>
  <si>
    <t>POINT (4.6716276493681015 51.80187650978036)</t>
  </si>
  <si>
    <t>POINT (4.674309168450575 51.81244932442216)</t>
  </si>
  <si>
    <t>POINT (4.67250462115417 51.80422194171719)</t>
  </si>
  <si>
    <t>POINT (4.6586391446100945 51.810771265131486)</t>
  </si>
  <si>
    <t>POINT (4.704996064610447 51.79510642051337)</t>
  </si>
  <si>
    <t>POINT (4.731715713253133 51.80445058262787)</t>
  </si>
  <si>
    <t>POINT (4.667387770123587 51.78916223183621)</t>
  </si>
  <si>
    <t>POINT (4.682559671733254 51.817689298105954)</t>
  </si>
  <si>
    <t>POINT (4.663623215664586 51.78721698994148)</t>
  </si>
  <si>
    <t>POINT (4.6804823924501555 51.781199017205175)</t>
  </si>
  <si>
    <t>POINT (4.722977856081482 51.80605770161084)</t>
  </si>
  <si>
    <t>POINT (4.6299535814395885 51.7264144199561)</t>
  </si>
  <si>
    <t>POINT (4.656701634394603 51.80570105866212)</t>
  </si>
  <si>
    <t>POINT (4.668456561980126 51.778582066375165)</t>
  </si>
  <si>
    <t>POINT (4.677556287919626 51.780738072722585)</t>
  </si>
  <si>
    <t>POINT (4.677383083316511 51.81687205390139)</t>
  </si>
  <si>
    <t>POINT (4.72199482835689 51.79963340578206)</t>
  </si>
  <si>
    <t>POINT (4.672831315146616 51.77878019861017)</t>
  </si>
  <si>
    <t>POINT (4.656675814631221 51.791298058810305)</t>
  </si>
  <si>
    <t>POINT (4.721142733347379 51.79931700724809)</t>
  </si>
  <si>
    <t>POINT (4.673185612672596 51.79677987866411)</t>
  </si>
  <si>
    <t>POINT (4.655696753665436 51.80241672863603)</t>
  </si>
  <si>
    <t>POINT (4.6747998906267805 51.804097716733544)</t>
  </si>
  <si>
    <t>POINT (4.687389404637162 51.80666883966883)</t>
  </si>
  <si>
    <t>POINT (4.681400695292889 51.788839022238676)</t>
  </si>
  <si>
    <t>3314SK</t>
  </si>
  <si>
    <t>POINT (4.663212662545579 51.80106494751641)</t>
  </si>
  <si>
    <t>POINT (4.665755664256114 51.7960307095026)</t>
  </si>
  <si>
    <t>POINT (4.7035352283024 51.79371919926318)</t>
  </si>
  <si>
    <t>POINT (4.699604850004346 51.800919728970804)</t>
  </si>
  <si>
    <t>3319SB</t>
  </si>
  <si>
    <t>Beukenlaan</t>
  </si>
  <si>
    <t>POINT (4.69844681222913 51.79081550618977)</t>
  </si>
  <si>
    <t>POINT (4.6672114388542925 51.811109564087985)</t>
  </si>
  <si>
    <t>POINT (4.7174710362297505 51.8022141184623)</t>
  </si>
  <si>
    <t>POINT (4.662932147212501 51.78705582727411)</t>
  </si>
  <si>
    <t>POINT (4.665765577770614 51.816261560487995)</t>
  </si>
  <si>
    <t>POINT (4.65918319856685 51.79545485001973)</t>
  </si>
  <si>
    <t>POINT (4.663551604970912 51.80957338495665)</t>
  </si>
  <si>
    <t>POINT (4.712054186008617 51.815683201347326)</t>
  </si>
  <si>
    <t>POINT (4.6680459519885575 51.791922329887754)</t>
  </si>
  <si>
    <t>3318AA</t>
  </si>
  <si>
    <t>POINT (4.679811195924877 51.79023700524449)</t>
  </si>
  <si>
    <t>POINT (4.671842666304043 51.797125834378086)</t>
  </si>
  <si>
    <t>POINT (4.681892956653621 51.78087217517173)</t>
  </si>
  <si>
    <t>POINT (4.657236697066695 51.79691940127761)</t>
  </si>
  <si>
    <t>POINT (4.6792710821983405 51.8074270283888)</t>
  </si>
  <si>
    <t>POINT (4.706549948589318 51.79359770080698)</t>
  </si>
  <si>
    <t>POINT (4.733295454836563 51.7966599565142)</t>
  </si>
  <si>
    <t>POINT (4.6728742047319445 51.80607188750802)</t>
  </si>
  <si>
    <t>POINT (4.676195351079837 51.78429838139295)</t>
  </si>
  <si>
    <t>POINT (4.680490917204223 51.814219315880855)</t>
  </si>
  <si>
    <t>POINT (4.721140644555692 51.79480695824557)</t>
  </si>
  <si>
    <t>POINT (4.671288022793659 51.81378501335785)</t>
  </si>
  <si>
    <t>POINT (4.656427293759617 51.79151480176354)</t>
  </si>
  <si>
    <t>POINT (4.682965705048726 51.78602387556674)</t>
  </si>
  <si>
    <t>POINT (4.6836758390109505 51.78114537023051)</t>
  </si>
  <si>
    <t>POINT (4.691307054265391 51.819041052646156)</t>
  </si>
  <si>
    <t>POINT (4.669725156000891 51.817410065410066)</t>
  </si>
  <si>
    <t>POINT (4.667277564431605 51.77847936651393)</t>
  </si>
  <si>
    <t>POINT (4.677607818710083 51.80730371583728)</t>
  </si>
  <si>
    <t>POINT (4.70307804499751 51.78915699529367)</t>
  </si>
  <si>
    <t>POINT (4.710796566240312 51.804477465984164)</t>
  </si>
  <si>
    <t>POINT (4.668921719481156 51.8152549076797)</t>
  </si>
  <si>
    <t>POINT (4.6639355411824726 51.791709574005566)</t>
  </si>
  <si>
    <t>POINT (4.6790277830812865 51.78112127368329)</t>
  </si>
  <si>
    <t>POINT (4.6934112840929085 51.79692235807414)</t>
  </si>
  <si>
    <t>POINT (4.658734930155514 51.811999714323235)</t>
  </si>
  <si>
    <t>POINT (4.6729532204971616 51.78552672102609)</t>
  </si>
  <si>
    <t>POINT (4.668163442551027 51.79199284730904)</t>
  </si>
  <si>
    <t>POINT (4.667403390827519 51.77396278805617)</t>
  </si>
  <si>
    <t>POINT (4.657762387006275 51.791519838934164)</t>
  </si>
  <si>
    <t>POINT (4.66338485452363 51.810886160476684)</t>
  </si>
  <si>
    <t>POINT (4.663233917324683 51.78997892971097)</t>
  </si>
  <si>
    <t>POINT (4.66038607173358 51.78897666998781)</t>
  </si>
  <si>
    <t>POINT (4.665091692683309 51.77801678115549)</t>
  </si>
  <si>
    <t>POINT (4.715095493978858 51.814970529086075)</t>
  </si>
  <si>
    <t>POINT (4.67635174787168 51.81020250229853)</t>
  </si>
  <si>
    <t>POINT (4.656408681123333 51.80005543827866)</t>
  </si>
  <si>
    <t>POINT (4.659725657240885 51.790039814668724)</t>
  </si>
  <si>
    <t>POINT (4.6781753417705945 51.77364230343304)</t>
  </si>
  <si>
    <t>POINT (4.686968669953774 51.80756083690265)</t>
  </si>
  <si>
    <t>POINT (4.6808359457809665 51.80296341591236)</t>
  </si>
  <si>
    <t>POINT (4.682329622639038 51.786482145824024)</t>
  </si>
  <si>
    <t>POINT (4.667378359969056 51.78987466353056)</t>
  </si>
  <si>
    <t>POINT (4.69818041091003 51.79255991083081)</t>
  </si>
  <si>
    <t>POINT (4.722108675596554 51.794250722129924)</t>
  </si>
  <si>
    <t>POINT (4.688334403807536 51.81983886670143)</t>
  </si>
  <si>
    <t>POINT (4.6533061663413084 51.7939851636829)</t>
  </si>
  <si>
    <t>POINT (4.6859895454438645 51.78792650472949)</t>
  </si>
  <si>
    <t>POINT (4.701752786486263 51.802633859179934)</t>
  </si>
  <si>
    <t>BU05051000</t>
  </si>
  <si>
    <t>Vissersdijk-West</t>
  </si>
  <si>
    <t>3318AP</t>
  </si>
  <si>
    <t>POINT (4.683430067420262 51.793214979222604)</t>
  </si>
  <si>
    <t>POINT (4.670996680138584 51.81945708208727)</t>
  </si>
  <si>
    <t>POINT (4.703793019746755 51.79497369438742)</t>
  </si>
  <si>
    <t>POINT (4.67060730944634 51.78993903399856)</t>
  </si>
  <si>
    <t>POINT (4.7038355943454215 51.79881559845526)</t>
  </si>
  <si>
    <t>POINT (4.658446469722509 51.81079613593226)</t>
  </si>
  <si>
    <t>POINT (4.683538471415209 51.80458685594751)</t>
  </si>
  <si>
    <t>POINT (4.711394194503777 51.79244381346014)</t>
  </si>
  <si>
    <t>POINT (4.653310146166884 51.7936852982727)</t>
  </si>
  <si>
    <t>POINT (4.66541998042688 51.80996261437884)</t>
  </si>
  <si>
    <t>POINT (4.6633289599978855 51.81483001285984)</t>
  </si>
  <si>
    <t>POINT (4.732908405103337 51.794099657985115)</t>
  </si>
  <si>
    <t>POINT (4.671545780063508 51.78004910005041)</t>
  </si>
  <si>
    <t>POINT (4.681491194683055 51.77946237101627)</t>
  </si>
  <si>
    <t>POINT (4.675469321142312 51.80691038162322)</t>
  </si>
  <si>
    <t>POINT (4.6629825071275395 51.78726837057702)</t>
  </si>
  <si>
    <t>POINT (4.683944877369393 51.80157685527685)</t>
  </si>
  <si>
    <t>POINT (4.688198427109989 51.810304857527186)</t>
  </si>
  <si>
    <t>POINT (4.713247368829969 51.80548451706214)</t>
  </si>
  <si>
    <t>POINT (4.717455824298867 51.80232171563069)</t>
  </si>
  <si>
    <t>POINT (4.690141502030987 51.818224240372516)</t>
  </si>
  <si>
    <t>POINT (4.672882101045336 51.78257712161001)</t>
  </si>
  <si>
    <t>POINT (4.7106100836787075 51.80435623955977)</t>
  </si>
  <si>
    <t>POINT (4.670969644040509 51.81830056992093)</t>
  </si>
  <si>
    <t>POINT (4.672052122481557 51.818026715589774)</t>
  </si>
  <si>
    <t>POINT (4.666076623466628 51.81046811199147)</t>
  </si>
  <si>
    <t>POINT (4.658167013517166 51.81181680931344)</t>
  </si>
  <si>
    <t>POINT (4.6756894686009165 51.783346961106375)</t>
  </si>
  <si>
    <t>POINT (4.674645009614201 51.78672523510621)</t>
  </si>
  <si>
    <t>POINT (4.677899161515693 51.80594369301588)</t>
  </si>
  <si>
    <t>POINT (4.668510045060763 51.80010638657051)</t>
  </si>
  <si>
    <t>POINT (4.673427827334295 51.81383566520885)</t>
  </si>
  <si>
    <t>POINT (4.664863572645038 51.79832380967902)</t>
  </si>
  <si>
    <t>POINT (4.657956219370075 51.79616353048002)</t>
  </si>
  <si>
    <t>POINT (4.719364783995427 51.81430449348616)</t>
  </si>
  <si>
    <t>POINT (4.675408484064086 51.78327190857276)</t>
  </si>
  <si>
    <t>POINT (4.6646751898657195 51.80940352806673)</t>
  </si>
  <si>
    <t>POINT (4.668406957842389 51.77141080783109)</t>
  </si>
  <si>
    <t>POINT (4.666330561382016 51.80094569227523)</t>
  </si>
  <si>
    <t>POINT (4.656416111439385 51.81178292573214)</t>
  </si>
  <si>
    <t>POINT (4.696926124979503 51.80065827721974)</t>
  </si>
  <si>
    <t>POINT (4.675291252680972 51.77578167315723)</t>
  </si>
  <si>
    <t>POINT (4.677548967520793 51.781763863994925)</t>
  </si>
  <si>
    <t>POINT (4.68745306645755 51.81073486436659)</t>
  </si>
  <si>
    <t>3311AG</t>
  </si>
  <si>
    <t>Groothoofd</t>
  </si>
  <si>
    <t>POINT (4.669573338620456 51.819506094905535)</t>
  </si>
  <si>
    <t>POINT (4.662910563781491 51.814019142342026)</t>
  </si>
  <si>
    <t>POINT (4.679780125206215 51.78987335118795)</t>
  </si>
  <si>
    <t>POINT (4.669127451468363 51.77732786381106)</t>
  </si>
  <si>
    <t>POINT (4.685169566791456 51.8087930311222)</t>
  </si>
  <si>
    <t>POINT (4.676095156746526 51.81486828777059)</t>
  </si>
  <si>
    <t>POINT (4.66563812942288 51.77178809515588)</t>
  </si>
  <si>
    <t>POINT (4.6598668860647665 51.80915482326531)</t>
  </si>
  <si>
    <t>POINT (4.675817328383358 51.784687709107104)</t>
  </si>
  <si>
    <t>POINT (4.657182163420467 51.80684422000076)</t>
  </si>
  <si>
    <t>POINT (4.678077716646734 51.78776575894726)</t>
  </si>
  <si>
    <t>POINT (4.680564240302842 51.7868489328407)</t>
  </si>
  <si>
    <t>POINT (4.656726218386986 51.800326357558994)</t>
  </si>
  <si>
    <t>POINT (4.669977136067331 51.80541262117195)</t>
  </si>
  <si>
    <t>POINT (4.683449198754522 51.78549816123404)</t>
  </si>
  <si>
    <t>POINT (4.684609450422291 51.79257533043973)</t>
  </si>
  <si>
    <t>POINT (4.6613258705391 51.804809412965575)</t>
  </si>
  <si>
    <t>POINT (4.704906436804673 51.80739806957404)</t>
  </si>
  <si>
    <t>POINT (4.67641987595606 51.78374157981781)</t>
  </si>
  <si>
    <t>3314PM</t>
  </si>
  <si>
    <t>POINT (4.6678837323475975 51.8001603187752)</t>
  </si>
  <si>
    <t>POINT (4.6857465437220975 51.80832533158024)</t>
  </si>
  <si>
    <t>POINT (4.701674332889079 51.796683894845884)</t>
  </si>
  <si>
    <t>POINT (4.686154110982956 51.77748432602988)</t>
  </si>
  <si>
    <t>POINT (4.653545500921013 51.792072020484966)</t>
  </si>
  <si>
    <t>POINT (4.660407246171864 51.77081445950832)</t>
  </si>
  <si>
    <t>POINT (4.652632377460114 51.794470552775884)</t>
  </si>
  <si>
    <t>POINT (4.6580594670125315 51.80458759829101)</t>
  </si>
  <si>
    <t>POINT (4.718531366657715 51.81533085198114)</t>
  </si>
  <si>
    <t>POINT (4.679351382375796 51.77306775698794)</t>
  </si>
  <si>
    <t>POINT (4.710930422303642 51.80984642858782)</t>
  </si>
  <si>
    <t>POINT (4.662918189312729 51.7915213750154)</t>
  </si>
  <si>
    <t>POINT (4.652394206733073 51.78546104847879)</t>
  </si>
  <si>
    <t>POINT (4.711611891311397 51.79502679948691)</t>
  </si>
  <si>
    <t>POINT (4.66766394855812 51.78873217183012)</t>
  </si>
  <si>
    <t>POINT (4.663274322982735 51.80522245375193)</t>
  </si>
  <si>
    <t>POINT (4.667212640794233 51.80812106877789)</t>
  </si>
  <si>
    <t>POINT (4.718688174246825 51.81557016878655)</t>
  </si>
  <si>
    <t>POINT (4.66400393618852 51.795263498596)</t>
  </si>
  <si>
    <t>POINT (4.684858596651509 51.77886233614933)</t>
  </si>
  <si>
    <t>POINT (4.687741374924193 51.81444619440403)</t>
  </si>
  <si>
    <t>POINT (4.68184920382051 51.81243635232723)</t>
  </si>
  <si>
    <t>POINT (4.729509551427101 51.79667945968561)</t>
  </si>
  <si>
    <t>POINT (4.710479212988665 51.79154265700795)</t>
  </si>
  <si>
    <t>POINT (4.6606607806982625 51.79473247320036)</t>
  </si>
  <si>
    <t>POINT (4.6582204037193415 51.81195433530382)</t>
  </si>
  <si>
    <t>POINT (4.716502734163221 51.79972069116412)</t>
  </si>
  <si>
    <t>POINT (4.697310759367029 51.79693512339687)</t>
  </si>
  <si>
    <t>POINT (4.675907341039582 51.772953428206385)</t>
  </si>
  <si>
    <t>POINT (4.655347283651612 51.81034094190348)</t>
  </si>
  <si>
    <t>POINT (4.667292062587388 51.80288489192532)</t>
  </si>
  <si>
    <t>POINT (4.709668894853246 51.79664538274417)</t>
  </si>
  <si>
    <t>POINT (4.6801422936230646 51.8032650148291)</t>
  </si>
  <si>
    <t>POINT (4.659962256708839 51.77188044251209)</t>
  </si>
  <si>
    <t>POINT (4.719462374890906 51.804091213834035)</t>
  </si>
  <si>
    <t>POINT (4.686027371057621 51.80262884069285)</t>
  </si>
  <si>
    <t>POINT (4.663528537730076 51.814407643251215)</t>
  </si>
  <si>
    <t>POINT (4.6741409690733455 51.77767137490673)</t>
  </si>
  <si>
    <t>POINT (4.718492843935105 51.81415585404523)</t>
  </si>
  <si>
    <t>POINT (4.6806545755384015 51.77439917527507)</t>
  </si>
  <si>
    <t>POINT (4.668323424406699 51.77245014675586)</t>
  </si>
  <si>
    <t>POINT (4.725724150074463 51.80589619275369)</t>
  </si>
  <si>
    <t>POINT (4.653735005978237 51.785647021014306)</t>
  </si>
  <si>
    <t>POINT (4.688332055893504 51.819864946778296)</t>
  </si>
  <si>
    <t>POINT (4.675971865625138 51.789454138705835)</t>
  </si>
  <si>
    <t>POINT (4.708278519331131 51.79632059389214)</t>
  </si>
  <si>
    <t>POINT (4.660734652067156 51.80584481976482)</t>
  </si>
  <si>
    <t>POINT (4.6832202340356295 51.81355458608366)</t>
  </si>
  <si>
    <t>POINT (4.666326447257277 51.789307551883105)</t>
  </si>
  <si>
    <t>POINT (4.68446669978068 51.7878221118738)</t>
  </si>
  <si>
    <t>POINT (4.673480172841473 51.81367584140736)</t>
  </si>
  <si>
    <t>POINT (4.672118168905766 51.804382300332406)</t>
  </si>
  <si>
    <t>POINT (4.630641755472606 51.722019378443925)</t>
  </si>
  <si>
    <t>POINT (4.6761436993962135 51.77607614589675)</t>
  </si>
  <si>
    <t>POINT (4.672707722858762 51.8151246091231)</t>
  </si>
  <si>
    <t>POINT (4.726176570210116 51.79926752568107)</t>
  </si>
  <si>
    <t>POINT (4.6913906158377445 51.78023229555614)</t>
  </si>
  <si>
    <t>POINT (4.719721690344521 51.81333943688219)</t>
  </si>
  <si>
    <t>POINT (4.661080201655427 51.80285482990901)</t>
  </si>
  <si>
    <t>POINT (4.675223564385689 51.80461328120983)</t>
  </si>
  <si>
    <t>POINT (4.7312444012167285 51.79326895676249)</t>
  </si>
  <si>
    <t>POINT (4.7309119498383305 51.796349420614916)</t>
  </si>
  <si>
    <t>POINT (4.630484102424124 51.7309533672702)</t>
  </si>
  <si>
    <t>POINT (4.689927490871185 51.80828263686816)</t>
  </si>
  <si>
    <t>POINT (4.728503863668412 51.79373364963582)</t>
  </si>
  <si>
    <t>POINT (4.644901619243209 51.770187067959945)</t>
  </si>
  <si>
    <t>3328CN</t>
  </si>
  <si>
    <t>POINT (4.674951957884162 51.77786111934662)</t>
  </si>
  <si>
    <t>POINT (4.719754650170287 51.802252200033756)</t>
  </si>
  <si>
    <t>POINT (4.668286341803439 51.81416619198313)</t>
  </si>
  <si>
    <t>POINT (4.732802913039604 51.794947426782116)</t>
  </si>
  <si>
    <t>POINT (4.688616372256604 51.80778381498298)</t>
  </si>
  <si>
    <t>POINT (4.659274916313366 51.81174818195291)</t>
  </si>
  <si>
    <t>POINT (4.717450997040555 51.80501817400786)</t>
  </si>
  <si>
    <t>POINT (4.68834905132411 51.819855816632334)</t>
  </si>
  <si>
    <t>POINT (4.665031170404307 51.79010162019863)</t>
  </si>
  <si>
    <t>POINT (4.663730215852509 51.79900988185085)</t>
  </si>
  <si>
    <t>POINT (4.68445730981769 51.787768006635005)</t>
  </si>
  <si>
    <t>POINT (4.668959565396188 51.818768963828305)</t>
  </si>
  <si>
    <t>POINT (4.702224316090595 51.78851831200526)</t>
  </si>
  <si>
    <t>POINT (4.672407452270869 51.81648699105903)</t>
  </si>
  <si>
    <t>POINT (4.656191737944516 51.790451821502494)</t>
  </si>
  <si>
    <t>POINT (4.6629974411446025 51.78732762644919)</t>
  </si>
  <si>
    <t>POINT (4.704089339095364 51.789244262949325)</t>
  </si>
  <si>
    <t>POINT (4.711345630430779 51.7960075376449)</t>
  </si>
  <si>
    <t>POINT (4.660320547063924 51.79644224589005)</t>
  </si>
  <si>
    <t>POINT (4.679989015816041 51.807433541734085)</t>
  </si>
  <si>
    <t>POINT (4.662316751120862 51.8161494962434)</t>
  </si>
  <si>
    <t>POINT (4.708001192665776 51.79756202162504)</t>
  </si>
  <si>
    <t>POINT (4.732525415804553 51.8014065984409)</t>
  </si>
  <si>
    <t>POINT (4.676848569265718 51.773447849072156)</t>
  </si>
  <si>
    <t>POINT (4.683592222604949 51.80415551524866)</t>
  </si>
  <si>
    <t>POINT (4.693191446814472 51.818902648566834)</t>
  </si>
  <si>
    <t>POINT (4.6591336483876065 51.805403996836624)</t>
  </si>
  <si>
    <t>POINT (4.6609551347032205 51.79400616591097)</t>
  </si>
  <si>
    <t>POINT (4.657344298359669 51.79078014648307)</t>
  </si>
  <si>
    <t>POINT (4.699135254858662 51.79813447192362)</t>
  </si>
  <si>
    <t>POINT (4.724504339380052 51.79719438937125)</t>
  </si>
  <si>
    <t>POINT (4.6765597368769924 51.80518260727195)</t>
  </si>
  <si>
    <t>POINT (4.71950719222805 51.811122320331236)</t>
  </si>
  <si>
    <t>POINT (4.6779584464617425 51.80708159516707)</t>
  </si>
  <si>
    <t>POINT (4.696425450757681 51.79588362406047)</t>
  </si>
  <si>
    <t>POINT (4.698465760424456 51.79319174625428)</t>
  </si>
  <si>
    <t>POINT (4.666818982086418 51.810638836319875)</t>
  </si>
  <si>
    <t>POINT (4.664612309373356 51.81358867528971)</t>
  </si>
  <si>
    <t>POINT (4.662461803765503 51.80112886870492)</t>
  </si>
  <si>
    <t>POINT (4.658796181740119 51.783400377705874)</t>
  </si>
  <si>
    <t>POINT (4.688364963910214 51.809113449317)</t>
  </si>
  <si>
    <t>POINT (4.686813124304056 51.7819113484932)</t>
  </si>
  <si>
    <t>POINT (4.708523480337167 51.79610301142465)</t>
  </si>
  <si>
    <t>POINT (4.668800112924202 51.795482941702524)</t>
  </si>
  <si>
    <t>POINT (4.6329271278021125 51.76899317156997)</t>
  </si>
  <si>
    <t>POINT (4.66185077383294 51.77017891398792)</t>
  </si>
  <si>
    <t>POINT (4.695966477243441 51.79338718437683)</t>
  </si>
  <si>
    <t>POINT (4.7086969202091264 51.80517321803274)</t>
  </si>
  <si>
    <t>POINT (4.657391693508679 51.79081886807391)</t>
  </si>
  <si>
    <t>POINT (4.687751672462691 51.80441026873149)</t>
  </si>
  <si>
    <t>POINT (4.665378321392156 51.799285370202135)</t>
  </si>
  <si>
    <t>POINT (4.68171152581522 51.78912254358113)</t>
  </si>
  <si>
    <t>POINT (4.73158136541086 51.79709298243033)</t>
  </si>
  <si>
    <t>POINT (4.657904273367013 51.784196359461376)</t>
  </si>
  <si>
    <t>POINT (4.677551918275586 51.78180200292809)</t>
  </si>
  <si>
    <t>POINT (4.710384141444269 51.792780216066156)</t>
  </si>
  <si>
    <t>POINT (4.706479901044965 51.80005606140338)</t>
  </si>
  <si>
    <t>POINT (4.673625886145484 51.80996804592488)</t>
  </si>
  <si>
    <t>POINT (4.666905452075533 51.78019895965308)</t>
  </si>
  <si>
    <t>POINT (4.6529595080438 51.79416256204441)</t>
  </si>
  <si>
    <t>POINT (4.666106948180614 51.81254430585172)</t>
  </si>
  <si>
    <t>POINT (4.657495047020535 51.81060742060012)</t>
  </si>
  <si>
    <t>POINT (4.689076563859581 51.816258914151994)</t>
  </si>
  <si>
    <t>POINT (4.669688197812335 51.808313506755944)</t>
  </si>
  <si>
    <t>POINT (4.666306510506563 51.81616468775455)</t>
  </si>
  <si>
    <t>POINT (4.663963483991025 51.81514514899683)</t>
  </si>
  <si>
    <t>POINT (4.680054147155412 51.776220713225555)</t>
  </si>
  <si>
    <t>POINT (4.6558255047062325 51.806393950630294)</t>
  </si>
  <si>
    <t>POINT (4.6672644477229515 51.80404072160719)</t>
  </si>
  <si>
    <t>POINT (4.673862372530412 51.774970461229664)</t>
  </si>
  <si>
    <t>POINT (4.685429768197013 51.79213785329684)</t>
  </si>
  <si>
    <t>POINT (4.685130926853071 51.785852064981086)</t>
  </si>
  <si>
    <t>POINT (4.652072183346969 51.802019111744094)</t>
  </si>
  <si>
    <t>POINT (4.661031908821569 51.80703438023974)</t>
  </si>
  <si>
    <t>POINT (4.670728895608016 51.79972427494948)</t>
  </si>
  <si>
    <t>POINT (4.710009588537522 51.8035662235358)</t>
  </si>
  <si>
    <t>POINT (4.704408280457733 51.80814138292835)</t>
  </si>
  <si>
    <t>POINT (4.656027577402265 51.78460675946903)</t>
  </si>
  <si>
    <t>POINT (4.667932904771707 51.77711261739575)</t>
  </si>
  <si>
    <t>POINT (4.673986922038984 51.7749221583102)</t>
  </si>
  <si>
    <t>POINT (4.674961746495714 51.807447449423975)</t>
  </si>
  <si>
    <t>POINT (4.683187058479678 51.79793454783738)</t>
  </si>
  <si>
    <t>POINT (4.670865600624604 51.793100425994474)</t>
  </si>
  <si>
    <t>POINT (4.698430911126434 51.793350416438294)</t>
  </si>
  <si>
    <t>POINT (4.6819992509964665 51.78178388172171)</t>
  </si>
  <si>
    <t>POINT (4.676676052761091 51.81441501110239)</t>
  </si>
  <si>
    <t>POINT (4.662690468517105 51.813497114434085)</t>
  </si>
  <si>
    <t>POINT (4.65364984727969 51.78955850326916)</t>
  </si>
  <si>
    <t>POINT (4.640796756114524 51.77830908199089)</t>
  </si>
  <si>
    <t>POINT (4.663578929537258 51.78725904458416)</t>
  </si>
  <si>
    <t>POINT (4.685186016033055 51.79215644869197)</t>
  </si>
  <si>
    <t>POINT (4.671585628994747 51.776076693012875)</t>
  </si>
  <si>
    <t>POINT (4.665857850628913 51.81220887248622)</t>
  </si>
  <si>
    <t>POINT (4.669374282681399 51.81673646611104)</t>
  </si>
  <si>
    <t>POINT (4.673160057935919 51.80539123372272)</t>
  </si>
  <si>
    <t>POINT (4.676183050260832 51.808670888946715)</t>
  </si>
  <si>
    <t>POINT (4.66790250553152 51.81171571992108)</t>
  </si>
  <si>
    <t>POINT (4.715221494118124 51.80921030611701)</t>
  </si>
  <si>
    <t>POINT (4.688045614457764 51.819416900236945)</t>
  </si>
  <si>
    <t>POINT (4.662338456769038 51.80039706521941)</t>
  </si>
  <si>
    <t>POINT (4.679084712658016 51.774145349448865)</t>
  </si>
  <si>
    <t>POINT (4.719427904659103 51.80100521563572)</t>
  </si>
  <si>
    <t>POINT (4.661613739348427 51.79404329256199)</t>
  </si>
  <si>
    <t>POINT (4.628373229962025 51.72156705493049)</t>
  </si>
  <si>
    <t>POINT (4.686046997605474 51.807494210383396)</t>
  </si>
  <si>
    <t>POINT (4.669715009998423 51.80445500922477)</t>
  </si>
  <si>
    <t>POINT (4.663922127803949 51.81116738527491)</t>
  </si>
  <si>
    <t>POINT (4.729266805722042 51.80563489129651)</t>
  </si>
  <si>
    <t>POINT (4.733141514731455 51.799435266754536)</t>
  </si>
  <si>
    <t>POINT (4.720495292202137 51.813372499065224)</t>
  </si>
  <si>
    <t>POINT (4.660579681834248 51.81315390064256)</t>
  </si>
  <si>
    <t>POINT (4.657780326380683 51.81205348747153)</t>
  </si>
  <si>
    <t>POINT (4.679131284998958 51.80404548134924)</t>
  </si>
  <si>
    <t>POINT (4.690422651653918 51.813351748807506)</t>
  </si>
  <si>
    <t>POINT (4.658025796227897 51.80265899038021)</t>
  </si>
  <si>
    <t>POINT (4.685944596911101 51.78029104360851)</t>
  </si>
  <si>
    <t>POINT (4.6730907504154615 51.811604450706724)</t>
  </si>
  <si>
    <t>POINT (4.655360489450401 51.80430173687931)</t>
  </si>
  <si>
    <t>POINT (4.659138264887429 51.788087004985236)</t>
  </si>
  <si>
    <t>POINT (4.684085938912265 51.787890400496096)</t>
  </si>
  <si>
    <t>POINT (4.668050400439921 51.81518818789365)</t>
  </si>
  <si>
    <t>POINT (4.735181213073431 51.80244539868718)</t>
  </si>
  <si>
    <t>POINT (4.692991434888549 51.795157636130654)</t>
  </si>
  <si>
    <t>POINT (4.666177380941387 51.79598825965211)</t>
  </si>
  <si>
    <t>POINT (4.700635189745265 51.81687775580949)</t>
  </si>
  <si>
    <t>POINT (4.6858024276871255 51.811635579685294)</t>
  </si>
  <si>
    <t>POINT (4.658539207215606 51.80676085330307)</t>
  </si>
  <si>
    <t>POINT (4.66008634951366 51.78815253450184)</t>
  </si>
  <si>
    <t>POINT (4.671709085955639 51.816824898168825)</t>
  </si>
  <si>
    <t>POINT (4.669298460086289 51.776141438743906)</t>
  </si>
  <si>
    <t>POINT (4.694931951274049 51.79730615915418)</t>
  </si>
  <si>
    <t>POINT (4.705555631385294 51.80702537979057)</t>
  </si>
  <si>
    <t>POINT (4.717006303541976 51.80043050798933)</t>
  </si>
  <si>
    <t>POINT (4.653401796097887 51.78179063702918)</t>
  </si>
  <si>
    <t>POINT (4.69700049100257 51.792878805470934)</t>
  </si>
  <si>
    <t>POINT (4.712818961993159 51.808117104355624)</t>
  </si>
  <si>
    <t>POINT (4.717115539392256 51.80055483368299)</t>
  </si>
  <si>
    <t>POINT (4.700053500135892 51.79861833802716)</t>
  </si>
  <si>
    <t>POINT (4.656335353457144 51.80436834306199)</t>
  </si>
  <si>
    <t>POINT (4.68292671681693 51.77418190350797)</t>
  </si>
  <si>
    <t>POINT (4.662053375255633 51.79496195943714)</t>
  </si>
  <si>
    <t>POINT (4.684307127783174 51.80856785271503)</t>
  </si>
  <si>
    <t>POINT (4.718421228534072 51.81449235793352)</t>
  </si>
  <si>
    <t>POINT (4.631721240240105 51.723515921379416)</t>
  </si>
  <si>
    <t>POINT (4.67250227657205 51.78367772189889)</t>
  </si>
  <si>
    <t>POINT (4.659337706477148 51.80303569046068)</t>
  </si>
  <si>
    <t>POINT (4.667867933808226 51.783009846979326)</t>
  </si>
  <si>
    <t>POINT (4.678891437328183 51.81507753762271)</t>
  </si>
  <si>
    <t>POINT (4.684219117821973 51.782623726337384)</t>
  </si>
  <si>
    <t>POINT (4.672161257232553 51.817330300352694)</t>
  </si>
  <si>
    <t>POINT (4.688541578239425 51.80686115058894)</t>
  </si>
  <si>
    <t>POINT (4.651254439335127 51.79075912477337)</t>
  </si>
  <si>
    <t>POINT (4.681513778101666 51.808613468755965)</t>
  </si>
  <si>
    <t>POINT (4.681536716389826 51.799636806134444)</t>
  </si>
  <si>
    <t>POINT (4.71671479223769 51.803043271869804)</t>
  </si>
  <si>
    <t>POINT (4.681559542980266 51.77504016993996)</t>
  </si>
  <si>
    <t>POINT (4.675851494613794 51.80700624421335)</t>
  </si>
  <si>
    <t>POINT (4.642832922300035 51.769449975293014)</t>
  </si>
  <si>
    <t>POINT (4.659574000868507 51.7985106371672)</t>
  </si>
  <si>
    <t>POINT (4.679208329322469 51.813570801124506)</t>
  </si>
  <si>
    <t>POINT (4.705273237800812 51.79303479616114)</t>
  </si>
  <si>
    <t>POINT (4.679664063394885 51.80710195921141)</t>
  </si>
  <si>
    <t>POINT (4.665163151032612 51.8037325045209)</t>
  </si>
  <si>
    <t>POINT (4.718454704269037 51.812380273425596)</t>
  </si>
  <si>
    <t>POINT (4.657872936855609 51.80634721616175)</t>
  </si>
  <si>
    <t>POINT (4.6603114546088245 51.787506715533574)</t>
  </si>
  <si>
    <t>POINT (4.675186221842207 51.81513356929634)</t>
  </si>
  <si>
    <t>POINT (4.652452508518085 51.785724756165614)</t>
  </si>
  <si>
    <t>POINT (4.676537977809519 51.81692456581454)</t>
  </si>
  <si>
    <t>3317GN</t>
  </si>
  <si>
    <t>Frank van der Goesstraat</t>
  </si>
  <si>
    <t>POINT (4.665168654526201 51.793764840803696)</t>
  </si>
  <si>
    <t>POINT (4.655967213932314 51.78966396392582)</t>
  </si>
  <si>
    <t>POINT (4.677944249277103 51.787597519643924)</t>
  </si>
  <si>
    <t>POINT (4.674650306868934 51.81820258012632)</t>
  </si>
  <si>
    <t>POINT (4.698391529235822 51.79926542149024)</t>
  </si>
  <si>
    <t>POINT (4.662750179682107 51.8099995552754)</t>
  </si>
  <si>
    <t>POINT (4.663090033021589 51.78891397669412)</t>
  </si>
  <si>
    <t>POINT (4.679372716395103 51.80022159914917)</t>
  </si>
  <si>
    <t>POINT (4.652294463208525 51.78523423149724)</t>
  </si>
  <si>
    <t>POINT (4.670212162317091 51.80352290137739)</t>
  </si>
  <si>
    <t>POINT (4.668492702777329 51.78352376787858)</t>
  </si>
  <si>
    <t>POINT (4.674374997468209 51.776253642177046)</t>
  </si>
  <si>
    <t>POINT (4.6363257910291145 51.77596269839855)</t>
  </si>
  <si>
    <t>POINT (4.66832023296769 51.81543315550861)</t>
  </si>
  <si>
    <t>POINT (4.6655565882451 51.789381164053076)</t>
  </si>
  <si>
    <t>POINT (4.675934890735052 51.80494116068133)</t>
  </si>
  <si>
    <t>POINT (4.682904298767817 51.810891542245756)</t>
  </si>
  <si>
    <t>POINT (4.6767289953367115 51.78654755784477)</t>
  </si>
  <si>
    <t>POINT (4.672609544648571 51.782074772654305)</t>
  </si>
  <si>
    <t>POINT (4.731664814346566 51.8016980410134)</t>
  </si>
  <si>
    <t>POINT (4.676769056761267 51.78382835074245)</t>
  </si>
  <si>
    <t>POINT (4.67920185863589 51.80497783517102)</t>
  </si>
  <si>
    <t>POINT (4.716173198161742 51.801361914264994)</t>
  </si>
  <si>
    <t>POINT (4.687511133153867 51.80407273030166)</t>
  </si>
  <si>
    <t>POINT (4.664744793558452 51.79172578733129)</t>
  </si>
  <si>
    <t>POINT (4.680415795136796 51.78028996625884)</t>
  </si>
  <si>
    <t>POINT (4.659228902924214 51.80021381432859)</t>
  </si>
  <si>
    <t>POINT (4.661501976646549 51.78742568265477)</t>
  </si>
  <si>
    <t>POINT (4.693027856571464 51.78708412161458)</t>
  </si>
  <si>
    <t>POINT (4.673242914092425 51.80853207657433)</t>
  </si>
  <si>
    <t>POINT (4.65895533171609 51.788776885535825)</t>
  </si>
  <si>
    <t>POINT (4.6828666302472834 51.80101007847989)</t>
  </si>
  <si>
    <t>POINT (4.710881205517554 51.807261324940924)</t>
  </si>
  <si>
    <t>POINT (4.720458998527704 51.81137166553783)</t>
  </si>
  <si>
    <t>POINT (4.6416588481036385 51.77608109776398)</t>
  </si>
  <si>
    <t>POINT (4.672175785228227 51.819199537330874)</t>
  </si>
  <si>
    <t>POINT (4.69191742175549 51.818786309351594)</t>
  </si>
  <si>
    <t>POINT (4.663742938989607 51.78799221331917)</t>
  </si>
  <si>
    <t>POINT (4.658963738719619 51.81476400421566)</t>
  </si>
  <si>
    <t>POINT (4.671908297979623 51.80597157732766)</t>
  </si>
  <si>
    <t>POINT (4.6977489685402585 51.79218440008863)</t>
  </si>
  <si>
    <t>POINT (4.68900577421379 51.808181130432494)</t>
  </si>
  <si>
    <t>POINT (4.680861237607207 51.811522797275245)</t>
  </si>
  <si>
    <t>POINT (4.681862782626965 51.780859346629136)</t>
  </si>
  <si>
    <t>POINT (4.664414602902302 51.78816330992025)</t>
  </si>
  <si>
    <t>POINT (4.663580498602246 51.79373453450482)</t>
  </si>
  <si>
    <t>POINT (4.712724842876204 51.81627722450943)</t>
  </si>
  <si>
    <t>POINT (4.669701852856863 51.81359360224726)</t>
  </si>
  <si>
    <t>POINT (4.660539790558076 51.7961239838187)</t>
  </si>
  <si>
    <t>POINT (4.705419850335077 51.791386704193904)</t>
  </si>
  <si>
    <t>POINT (4.681034106966783 51.77433399184364)</t>
  </si>
  <si>
    <t>POINT (4.678926459964699 51.81511639126914)</t>
  </si>
  <si>
    <t>POINT (4.713682754133922 51.767556173998855)</t>
  </si>
  <si>
    <t>POINT (4.692580763323358 51.805395268494124)</t>
  </si>
  <si>
    <t>POINT (4.675066173511078 51.77912199355994)</t>
  </si>
  <si>
    <t>POINT (4.660615657780684 51.8093144448891)</t>
  </si>
  <si>
    <t>POINT (4.728693238112225 51.80325236389369)</t>
  </si>
  <si>
    <t>POINT (4.670555627565469 51.777816847730534)</t>
  </si>
  <si>
    <t>POINT (4.680657269117431 51.80278903844291)</t>
  </si>
  <si>
    <t>POINT (4.66717565335671 51.795002209281904)</t>
  </si>
  <si>
    <t>POINT (4.660218229483745 51.79999144681886)</t>
  </si>
  <si>
    <t>POINT (4.7023743373360745 51.79545780304985)</t>
  </si>
  <si>
    <t>POINT (4.659255153871083 51.81278536258586)</t>
  </si>
  <si>
    <t>POINT (4.65345686795963 51.80164542679073)</t>
  </si>
  <si>
    <t>POINT (4.66856437523738 51.80926818475577)</t>
  </si>
  <si>
    <t>POINT (4.663818298442334 51.79492890934513)</t>
  </si>
  <si>
    <t>POINT (4.662057990202966 51.79497516539688)</t>
  </si>
  <si>
    <t>POINT (4.685008027232423 51.80412066214761)</t>
  </si>
  <si>
    <t>POINT (4.710492096514285 51.81164587319187)</t>
  </si>
  <si>
    <t>POINT (4.677632839095636 51.7818675886475)</t>
  </si>
  <si>
    <t>POINT (4.684267753751516 51.78921307001349)</t>
  </si>
  <si>
    <t>POINT (4.69770819773404 51.817411303792184)</t>
  </si>
  <si>
    <t>POINT (4.708565234464727 51.79599674630638)</t>
  </si>
  <si>
    <t>POINT (4.6856889540334725 51.789729438152335)</t>
  </si>
  <si>
    <t>POINT (4.733395826187744 51.79145832044648)</t>
  </si>
  <si>
    <t>POINT (4.6302272522892975 51.72768535194188)</t>
  </si>
  <si>
    <t>POINT (4.71582463204467 51.81512691610299)</t>
  </si>
  <si>
    <t>POINT (4.664410501569196 51.8154779941994)</t>
  </si>
  <si>
    <t>POINT (4.6684499159106325 51.81331374615522)</t>
  </si>
  <si>
    <t>POINT (4.703083935582575 51.797779310595814)</t>
  </si>
  <si>
    <t>POINT (4.634011932371608 51.770486254040236)</t>
  </si>
  <si>
    <t>POINT (4.708966560424577 51.8099658883929)</t>
  </si>
  <si>
    <t>POINT (4.670079035088565 51.812428773243084)</t>
  </si>
  <si>
    <t>POINT (4.682183388185123 51.78213157481137)</t>
  </si>
  <si>
    <t>POINT (4.735342139796687 51.79950075312493)</t>
  </si>
  <si>
    <t>POINT (4.676483524895433 51.78387516003711)</t>
  </si>
  <si>
    <t>POINT (4.703897221454164 51.787947193241905)</t>
  </si>
  <si>
    <t>POINT (4.684069857038467 51.78538912004402)</t>
  </si>
  <si>
    <t>POINT (4.68541511673112 51.804574580603926)</t>
  </si>
  <si>
    <t>POINT (4.676474426925138 51.783740606996915)</t>
  </si>
  <si>
    <t>POINT (4.700431733342712 51.784827318581975)</t>
  </si>
  <si>
    <t>POINT (4.683691206064184 51.78680412369703)</t>
  </si>
  <si>
    <t>POINT (4.654212883549116 51.79889357802128)</t>
  </si>
  <si>
    <t>POINT (4.718909506772015 51.80231953238963)</t>
  </si>
  <si>
    <t>POINT (4.6666133632584215 51.78881210455914)</t>
  </si>
  <si>
    <t>POINT (4.676092845868583 51.8183265102003)</t>
  </si>
  <si>
    <t>POINT (4.682847826554677 51.80361864100179)</t>
  </si>
  <si>
    <t>POINT (4.683236658700172 51.79821285632163)</t>
  </si>
  <si>
    <t>POINT (4.686367475413412 51.808727958687605)</t>
  </si>
  <si>
    <t>POINT (4.67729216284872 51.78008498226112)</t>
  </si>
  <si>
    <t>POINT (4.667650735331515 51.79516415204065)</t>
  </si>
  <si>
    <t>POINT (4.665960182684581 51.809158833085576)</t>
  </si>
  <si>
    <t>POINT (4.6444206398736565 51.7630618627049)</t>
  </si>
  <si>
    <t>POINT (4.685506019269893 51.785222566178774)</t>
  </si>
  <si>
    <t>POINT (4.671401565843778 51.77138292162937)</t>
  </si>
  <si>
    <t>POINT (4.673437480723704 51.81097526760825)</t>
  </si>
  <si>
    <t>POINT (4.671152056725683 51.81546736663351)</t>
  </si>
  <si>
    <t>POINT (4.663518470146761 51.81146797702805)</t>
  </si>
  <si>
    <t>POINT (4.69660197115013 51.79332350292182)</t>
  </si>
  <si>
    <t>POINT (4.677319909291267 51.80345233090098)</t>
  </si>
  <si>
    <t>POINT (4.67406462612696 51.78799730334943)</t>
  </si>
  <si>
    <t>POINT (4.687970237854729 51.79245223789452)</t>
  </si>
  <si>
    <t>POINT (4.690976700249845 51.81093101166902)</t>
  </si>
  <si>
    <t>POINT (4.672962285487044 51.77848533065186)</t>
  </si>
  <si>
    <t>POINT (4.6680342763656855 51.778728771398804)</t>
  </si>
  <si>
    <t>POINT (4.678378906025479 51.78134602681913)</t>
  </si>
  <si>
    <t>POINT (4.665888633185655 51.813561552204895)</t>
  </si>
  <si>
    <t>POINT (4.6981965296759665 51.792711770250456)</t>
  </si>
  <si>
    <t>POINT (4.711734369453805 51.798273713535075)</t>
  </si>
  <si>
    <t>POINT (4.681643565613619 51.80098886057925)</t>
  </si>
  <si>
    <t>POINT (4.679740611793726 51.8133770874567)</t>
  </si>
  <si>
    <t>POINT (4.656814423959856 51.78383331960287)</t>
  </si>
  <si>
    <t>POINT (4.68596444519225 51.7878731416577)</t>
  </si>
  <si>
    <t>POINT (4.676281149996332 51.808220036126485)</t>
  </si>
  <si>
    <t>POINT (4.678362058591285 51.805699688176944)</t>
  </si>
  <si>
    <t>POINT (4.67887311293904 51.77843365270623)</t>
  </si>
  <si>
    <t>POINT (4.651704879862644 51.79204666155164)</t>
  </si>
  <si>
    <t>POINT (4.663675247681277 51.79953003325594)</t>
  </si>
  <si>
    <t>POINT (4.683950403551327 51.790424452033555)</t>
  </si>
  <si>
    <t>POINT (4.660121835012034 51.79632568955014)</t>
  </si>
  <si>
    <t>POINT (4.6702656612143265 51.797631278279724)</t>
  </si>
  <si>
    <t>POINT (4.660468372200017 51.789409365935725)</t>
  </si>
  <si>
    <t>POINT (4.67867449691903 51.78560824898067)</t>
  </si>
  <si>
    <t>POINT (4.658308127685648 51.81359205235913)</t>
  </si>
  <si>
    <t>POINT (4.716602199941698 51.802991258321455)</t>
  </si>
  <si>
    <t>POINT (4.710253836602868 51.79201260542366)</t>
  </si>
  <si>
    <t>POINT (4.6926905232796505 51.795215917525006)</t>
  </si>
  <si>
    <t>POINT (4.656267145228311 51.78788029741669)</t>
  </si>
  <si>
    <t>POINT (4.721472206825296 51.805887733176235)</t>
  </si>
  <si>
    <t>POINT (4.674614695581852 51.77754576041062)</t>
  </si>
  <si>
    <t>POINT (4.65144211741195 51.79375698594787)</t>
  </si>
  <si>
    <t>POINT (4.6715890604564265 51.81225467609526)</t>
  </si>
  <si>
    <t>POINT (4.709478639659295 51.8048135873859)</t>
  </si>
  <si>
    <t>POINT (4.682844832821084 51.775678875845024)</t>
  </si>
  <si>
    <t>POINT (4.685481080889503 51.81056916705336)</t>
  </si>
  <si>
    <t>POINT (4.670567306118806 51.78638564627462)</t>
  </si>
  <si>
    <t>POINT (4.717802014427931 51.803207068381184)</t>
  </si>
  <si>
    <t>POINT (4.704976003869733 51.792970758630695)</t>
  </si>
  <si>
    <t>POINT (4.676776318476342 51.80478851581835)</t>
  </si>
  <si>
    <t>POINT (4.674595135550191 51.804974784285434)</t>
  </si>
  <si>
    <t>POINT (4.6619128833290295 51.77384356946499)</t>
  </si>
  <si>
    <t>POINT (4.6984198946255225 51.79702253807777)</t>
  </si>
  <si>
    <t>POINT (4.6968445542618165 51.79740506825269)</t>
  </si>
  <si>
    <t>POINT (4.645415528123022 51.779701093832195)</t>
  </si>
  <si>
    <t>POINT (4.708088849756022 51.80455460690536)</t>
  </si>
  <si>
    <t>POINT (4.685848992546864 51.7771620098609)</t>
  </si>
  <si>
    <t>POINT (4.698461678339457 51.791233629744646)</t>
  </si>
  <si>
    <t>POINT (4.682101463587169 51.81331907204354)</t>
  </si>
  <si>
    <t>POINT (4.659934544847597 51.813200501614446)</t>
  </si>
  <si>
    <t>POINT (4.707907736348342 51.80731062056868)</t>
  </si>
  <si>
    <t>POINT (4.657804468320969 51.800836837251126)</t>
  </si>
  <si>
    <t>POINT (4.665472881605711 51.79998074191729)</t>
  </si>
  <si>
    <t>POINT (4.649437922070956 51.79455460595516)</t>
  </si>
  <si>
    <t>POINT (4.655391745475385 51.81112083522166)</t>
  </si>
  <si>
    <t>POINT (4.6605768493174 51.797779455442225)</t>
  </si>
  <si>
    <t>POINT (4.6706041890403025 51.80299526945855)</t>
  </si>
  <si>
    <t>POINT (4.658448456308194 51.80755099789936)</t>
  </si>
  <si>
    <t>POINT (4.658771140209616 51.813394578489905)</t>
  </si>
  <si>
    <t>POINT (4.665966149397481 51.7989213206626)</t>
  </si>
  <si>
    <t>POINT (4.66937302699519 51.77427099309241)</t>
  </si>
  <si>
    <t>POINT (4.734129582192937 51.80068281138478)</t>
  </si>
  <si>
    <t>POINT (4.651569623775216 51.787746097714674)</t>
  </si>
  <si>
    <t>POINT (4.6805260140854745 51.781680139456675)</t>
  </si>
  <si>
    <t>POINT (4.680487685545902 51.80855253459755)</t>
  </si>
  <si>
    <t>POINT (4.650385972142806 51.79266224690563)</t>
  </si>
  <si>
    <t>POINT (4.727536115383393 51.79387328899913)</t>
  </si>
  <si>
    <t>POINT (4.685960733203512 51.787544987414684)</t>
  </si>
  <si>
    <t>POINT (4.669352221296649 51.80564838413171)</t>
  </si>
  <si>
    <t>POINT (4.6564321680353675 51.811773776362344)</t>
  </si>
  <si>
    <t>POINT (4.666586447229005 51.81252195712503)</t>
  </si>
  <si>
    <t>POINT (4.720346158660458 51.79534420917812)</t>
  </si>
  <si>
    <t>POINT (4.668116231611005 51.77584888559027)</t>
  </si>
  <si>
    <t>3314DA</t>
  </si>
  <si>
    <t>POINT (4.6512427551164555 51.80881278426185)</t>
  </si>
  <si>
    <t>POINT (4.6701483000758435 51.79952849597703)</t>
  </si>
  <si>
    <t>3316GP</t>
  </si>
  <si>
    <t>Maxwellstraat</t>
  </si>
  <si>
    <t>POINT (4.676899720322789 51.79004283001997)</t>
  </si>
  <si>
    <t>POINT (4.6564393236213295 51.80440259037102)</t>
  </si>
  <si>
    <t>POINT (4.626141762337315 51.79384064387405)</t>
  </si>
  <si>
    <t>POINT (4.685113357907521 51.78833449198893)</t>
  </si>
  <si>
    <t>POINT (4.731557401385869 51.79752089661944)</t>
  </si>
  <si>
    <t>POINT (4.651616164571485 51.78199595488015)</t>
  </si>
  <si>
    <t>POINT (4.730613841234675 51.79886016802483)</t>
  </si>
  <si>
    <t>POINT (4.729494640889183 51.79191165427263)</t>
  </si>
  <si>
    <t>POINT (4.652358932653673 51.78560773912449)</t>
  </si>
  <si>
    <t>POINT (4.65950671683888 51.7675941641404)</t>
  </si>
  <si>
    <t>POINT (4.665362312086976 51.81391706312387)</t>
  </si>
  <si>
    <t>POINT (4.684656977309848 51.80422004290447)</t>
  </si>
  <si>
    <t>POINT (4.672299077453914 51.77837021668874)</t>
  </si>
  <si>
    <t>POINT (4.655511223614143 51.81121818169463)</t>
  </si>
  <si>
    <t>POINT (4.67281142435379 51.78330749077588)</t>
  </si>
  <si>
    <t>POINT (4.679126279444573 51.81534805743302)</t>
  </si>
  <si>
    <t>3312XK</t>
  </si>
  <si>
    <t>POINT (4.6823478105006915 51.809113316687395)</t>
  </si>
  <si>
    <t>POINT (4.666259016914957 51.810999726637995)</t>
  </si>
  <si>
    <t>POINT (4.65786356536117 51.797910385161934)</t>
  </si>
  <si>
    <t>POINT (4.710866352276088 51.80934694685142)</t>
  </si>
  <si>
    <t>POINT (4.727238484829056 51.79392303917875)</t>
  </si>
  <si>
    <t>POINT (4.724544643413777 51.7971793992341)</t>
  </si>
  <si>
    <t>POINT (4.679826018414417 51.80798447272104)</t>
  </si>
  <si>
    <t>POINT (4.672095781426318 51.80946145998444)</t>
  </si>
  <si>
    <t>POINT (4.723984353571786 51.796990159403656)</t>
  </si>
  <si>
    <t>3316AC</t>
  </si>
  <si>
    <t>Celsiusstraat</t>
  </si>
  <si>
    <t>POINT (4.644083629745652 51.79834138510148)</t>
  </si>
  <si>
    <t>POINT (4.657848771854991 51.813082757863235)</t>
  </si>
  <si>
    <t>POINT (4.701781057920389 51.81681589717827)</t>
  </si>
  <si>
    <t>3318BB</t>
  </si>
  <si>
    <t>POINT (4.682260222001026 51.788656920133825)</t>
  </si>
  <si>
    <t>POINT (4.674606979908246 51.78386745146073)</t>
  </si>
  <si>
    <t>POINT (4.6727821953595905 51.81472552508766)</t>
  </si>
  <si>
    <t>POINT (4.66656428537427 51.79629820301044)</t>
  </si>
  <si>
    <t>POINT (4.678082824707962 51.787893546138534)</t>
  </si>
  <si>
    <t>POINT (4.675546973102919 51.77573755344724)</t>
  </si>
  <si>
    <t>POINT (4.669763464388348 51.78949688171332)</t>
  </si>
  <si>
    <t>POINT (4.657996055755616 51.811369261072834)</t>
  </si>
  <si>
    <t>POINT (4.657456130064761 51.79866884408962)</t>
  </si>
  <si>
    <t>POINT (4.66103615334471 51.77322863697346)</t>
  </si>
  <si>
    <t>POINT (4.67203797542882 51.77280242802214)</t>
  </si>
  <si>
    <t>POINT (4.667162678700436 51.80897060614573)</t>
  </si>
  <si>
    <t>POINT (4.683468820392519 51.776665500116046)</t>
  </si>
  <si>
    <t>POINT (4.647849086222751 51.79376418558426)</t>
  </si>
  <si>
    <t>POINT (4.656901656208944 51.7904200276158)</t>
  </si>
  <si>
    <t>POINT (4.668966302254069 51.78200337050577)</t>
  </si>
  <si>
    <t>POINT (4.6694155650766715 51.79879838559086)</t>
  </si>
  <si>
    <t>POINT (4.6841959466746985 51.81926352378085)</t>
  </si>
  <si>
    <t>POINT (4.7260297842305246 51.79930204196424)</t>
  </si>
  <si>
    <t>POINT (4.691064002520809 51.80647027690113)</t>
  </si>
  <si>
    <t>POINT (4.6621165564510605 51.81091116629869)</t>
  </si>
  <si>
    <t>POINT (4.661880604470782 51.799814195192546)</t>
  </si>
  <si>
    <t>POINT (4.629955953981859 51.72203780737096)</t>
  </si>
  <si>
    <t>POINT (4.668983409785514 51.77494982657334)</t>
  </si>
  <si>
    <t>POINT (4.690456423198715 51.80568419853298)</t>
  </si>
  <si>
    <t>POINT (4.6760886096854835 51.77462939383327)</t>
  </si>
  <si>
    <t>POINT (4.704047635874422 51.79560986693521)</t>
  </si>
  <si>
    <t>POINT (4.6698943014818175 51.80146734947492)</t>
  </si>
  <si>
    <t>POINT (4.674160648865415 51.809682355586006)</t>
  </si>
  <si>
    <t>POINT (4.6851784352439605 51.78575894782809)</t>
  </si>
  <si>
    <t>POINT (4.682142126446634 51.790644310688585)</t>
  </si>
  <si>
    <t>POINT (4.6611321974228925 51.80728165944008)</t>
  </si>
  <si>
    <t>POINT (4.632184447489806 51.7812721531146)</t>
  </si>
  <si>
    <t>POINT (4.678039879191431 51.80796669869527)</t>
  </si>
  <si>
    <t>POINT (4.703098240372001 51.789829627537394)</t>
  </si>
  <si>
    <t>POINT (4.688158633576591 51.80820145294295)</t>
  </si>
  <si>
    <t>POINT (4.691850620515846 51.8116363378827)</t>
  </si>
  <si>
    <t>POINT (4.727032322808259 51.80583977645488)</t>
  </si>
  <si>
    <t>POINT (4.712023517559471 51.815031159900784)</t>
  </si>
  <si>
    <t>POINT (4.629552715201448 51.72795576262756)</t>
  </si>
  <si>
    <t>POINT (4.656039730146588 51.784794106135344)</t>
  </si>
  <si>
    <t>POINT (4.7291340762278296 51.804450532490094)</t>
  </si>
  <si>
    <t>POINT (4.670991426465606 51.81309006002072)</t>
  </si>
  <si>
    <t>POINT (4.721242587169725 51.812715448373986)</t>
  </si>
  <si>
    <t>POINT (4.665018550200798 51.77958113119512)</t>
  </si>
  <si>
    <t>POINT (4.664388439918666 51.80944846732791)</t>
  </si>
  <si>
    <t>POINT (4.682251011567631 51.79875511288809)</t>
  </si>
  <si>
    <t>POINT (4.668624934373444 51.81311313903782)</t>
  </si>
  <si>
    <t>POINT (4.691111144721896 51.80848959907782)</t>
  </si>
  <si>
    <t>POINT (4.715370334988191 51.80323810490072)</t>
  </si>
  <si>
    <t>POINT (4.68627901639901 51.81144279799802)</t>
  </si>
  <si>
    <t>POINT (4.6858900449134815 51.78687561764348)</t>
  </si>
  <si>
    <t>POINT (4.682120409586905 51.80305130245862)</t>
  </si>
  <si>
    <t>POINT (4.687289281975496 51.8086474658932)</t>
  </si>
  <si>
    <t>POINT (4.67240789526226 51.805593259013044)</t>
  </si>
  <si>
    <t>POINT (4.67004239069942 51.8145483034442)</t>
  </si>
  <si>
    <t>POINT (4.667104113483602 51.78877279025113)</t>
  </si>
  <si>
    <t>POINT (4.6703343936169635 51.81782371664431)</t>
  </si>
  <si>
    <t>POINT (4.682625179907544 51.8039425414662)</t>
  </si>
  <si>
    <t>POINT (4.718721410535235 51.80252150545782)</t>
  </si>
  <si>
    <t>POINT (4.654183699795403 51.791483276356004)</t>
  </si>
  <si>
    <t>POINT (4.68483743783196 51.7821957752986)</t>
  </si>
  <si>
    <t>POINT (4.698945492605493 51.791103400837045)</t>
  </si>
  <si>
    <t>POINT (4.6775813105989075 51.78123138923282)</t>
  </si>
  <si>
    <t>POINT (4.668418109988183 51.77915300044055)</t>
  </si>
  <si>
    <t>POINT (4.644696028679732 51.779326151611166)</t>
  </si>
  <si>
    <t>POINT (4.659406387720189 51.79872233308959)</t>
  </si>
  <si>
    <t>POINT (4.671019297386268 51.81873830647038)</t>
  </si>
  <si>
    <t>POINT (4.668453772675233 51.79618027565351)</t>
  </si>
  <si>
    <t>POINT (4.6881369015130545 51.806082694907744)</t>
  </si>
  <si>
    <t>POINT (4.673553143252758 51.81676539428493)</t>
  </si>
  <si>
    <t>POINT (4.667592097774578 51.77576520392607)</t>
  </si>
  <si>
    <t>POINT (4.653762912684644 51.78537107109613)</t>
  </si>
  <si>
    <t>POINT (4.665407883859832 51.801940443106204)</t>
  </si>
  <si>
    <t>POINT (4.6973545074520215 51.79105643849628)</t>
  </si>
  <si>
    <t>POINT (4.709412585763709 51.80564096171517)</t>
  </si>
  <si>
    <t>POINT (4.652972860553161 51.80063335427794)</t>
  </si>
  <si>
    <t>POINT (4.658353490028915 51.79621971564345)</t>
  </si>
  <si>
    <t>POINT (4.667774996440521 51.78912435582648)</t>
  </si>
  <si>
    <t>POINT (4.6806515585619675 51.8014238936108)</t>
  </si>
  <si>
    <t>POINT (4.694872746259862 51.7970851199578)</t>
  </si>
  <si>
    <t>POINT (4.683863644703114 51.780541476333454)</t>
  </si>
  <si>
    <t>POINT (4.657488025019641 51.79964104454316)</t>
  </si>
  <si>
    <t>POINT (4.697375758500593 51.79528130267898)</t>
  </si>
  <si>
    <t>POINT (4.735012780822117 51.7988021236991)</t>
  </si>
  <si>
    <t>POINT (4.718737675336744 51.80247864137937)</t>
  </si>
  <si>
    <t>POINT (4.711354249716181 51.81068367262168)</t>
  </si>
  <si>
    <t>POINT (4.687123236877249 51.80731556857205)</t>
  </si>
  <si>
    <t>POINT (4.6625346360055975 51.80887083655441)</t>
  </si>
  <si>
    <t>POINT (4.71520166356832 51.80925560317698)</t>
  </si>
  <si>
    <t>POINT (4.723018508727582 51.79855033841004)</t>
  </si>
  <si>
    <t>POINT (4.68592354873338 51.791828359370875)</t>
  </si>
  <si>
    <t>POINT (4.668072736269977 51.792028902289964)</t>
  </si>
  <si>
    <t>POINT (4.669316737258998 51.80827350035121)</t>
  </si>
  <si>
    <t>POINT (4.6773255886357985 51.808555362552724)</t>
  </si>
  <si>
    <t>POINT (4.704899319522708 51.798956969640344)</t>
  </si>
  <si>
    <t>POINT (4.726314566162432 51.79761164193842)</t>
  </si>
  <si>
    <t>POINT (4.696688682990147 51.7917657637329)</t>
  </si>
  <si>
    <t>POINT (4.667316573720776 51.78210946322171)</t>
  </si>
  <si>
    <t>POINT (4.66058992060914 51.78726216806213)</t>
  </si>
  <si>
    <t>POINT (4.659957399984072 51.81363923705233)</t>
  </si>
  <si>
    <t>POINT (4.684512428807222 51.777892979927834)</t>
  </si>
  <si>
    <t>POINT (4.681777416085001 51.81867322553557)</t>
  </si>
  <si>
    <t>POINT (4.710960347669403 51.80746336944625)</t>
  </si>
  <si>
    <t>POINT (4.669739348259331 51.77155666469349)</t>
  </si>
  <si>
    <t>POINT (4.659826505215178 51.80905750412916)</t>
  </si>
  <si>
    <t>POINT (4.678529129842804 51.78561380676124)</t>
  </si>
  <si>
    <t>POINT (4.675541031840767 51.81389504245737)</t>
  </si>
  <si>
    <t>POINT (4.675861340620126 51.77646804924961)</t>
  </si>
  <si>
    <t>POINT (4.641168081229964 51.776376439119275)</t>
  </si>
  <si>
    <t>POINT (4.676539232532353 51.785717515637444)</t>
  </si>
  <si>
    <t>POINT (4.674446753502826 51.80584870625527)</t>
  </si>
  <si>
    <t>POINT (4.6358763896376685 51.77980147335371)</t>
  </si>
  <si>
    <t>POINT (4.6743831969755165 51.81800418721364)</t>
  </si>
  <si>
    <t>POINT (4.669854275831971 51.77093103384776)</t>
  </si>
  <si>
    <t>POINT (4.66316552262263 51.80981510912653)</t>
  </si>
  <si>
    <t>POINT (4.651053014527367 51.793486384791464)</t>
  </si>
  <si>
    <t>POINT (4.698184477792518 51.7968405015188)</t>
  </si>
  <si>
    <t>3316AV</t>
  </si>
  <si>
    <t>POINT (4.635932915632822 51.79822069474904)</t>
  </si>
  <si>
    <t>BU05051906</t>
  </si>
  <si>
    <t>Krabbegors</t>
  </si>
  <si>
    <t>POINT (4.673467447930899 51.81648665589495)</t>
  </si>
  <si>
    <t>POINT (4.718411189940748 51.79638692585541)</t>
  </si>
  <si>
    <t>POINT (4.711941589464471 51.805957642003854)</t>
  </si>
  <si>
    <t>POINT (4.680688685369911 51.81275352051139)</t>
  </si>
  <si>
    <t>POINT (4.668041990151889 51.77138798619668)</t>
  </si>
  <si>
    <t>POINT (4.677575688474701 51.78112075823537)</t>
  </si>
  <si>
    <t>POINT (4.731662442746739 51.7979351048668)</t>
  </si>
  <si>
    <t>POINT (4.73522381853382 51.80078395155173)</t>
  </si>
  <si>
    <t>POINT (4.675883852465279 51.785839537883206)</t>
  </si>
  <si>
    <t>POINT (4.685115678066788 51.808833355466426)</t>
  </si>
  <si>
    <t>POINT (4.658878949162802 51.80662489624525)</t>
  </si>
  <si>
    <t>POINT (4.716643208474263 51.81270365769233)</t>
  </si>
  <si>
    <t>POINT (4.661336792822429 51.799625008782215)</t>
  </si>
  <si>
    <t>POINT (4.672303127065834 51.812650718762484)</t>
  </si>
  <si>
    <t>POINT (4.666566716739735 51.79631025380784)</t>
  </si>
  <si>
    <t>POINT (4.669222291385712 51.816823733205595)</t>
  </si>
  <si>
    <t>POINT (4.653669415398426 51.78527936782799)</t>
  </si>
  <si>
    <t>POINT (4.718481951131833 51.80412808382469)</t>
  </si>
  <si>
    <t>POINT (4.679484846953152 51.816463025878484)</t>
  </si>
  <si>
    <t>POINT (4.717608794883156 51.802637353122925)</t>
  </si>
  <si>
    <t>POINT (4.707201736029598 51.810470445919265)</t>
  </si>
  <si>
    <t>POINT (4.669897670838623 51.77955313894348)</t>
  </si>
  <si>
    <t>POINT (4.674263360077232 51.787629039901944)</t>
  </si>
  <si>
    <t>POINT (4.6814600870771645 51.80929782181006)</t>
  </si>
  <si>
    <t>POINT (4.721457307580493 51.81123500718511)</t>
  </si>
  <si>
    <t>POINT (4.672500012365442 51.79342872891997)</t>
  </si>
  <si>
    <t>POINT (4.664745245379402 51.81370487243109)</t>
  </si>
  <si>
    <t>POINT (4.6704933671388575 51.80426568244159)</t>
  </si>
  <si>
    <t>POINT (4.660524434060952 51.79236020206437)</t>
  </si>
  <si>
    <t>POINT (4.673130205260932 51.81861915227898)</t>
  </si>
  <si>
    <t>POINT (4.653661634609572 51.78514106370299)</t>
  </si>
  <si>
    <t>POINT (4.664591129297781 51.81258206446032)</t>
  </si>
  <si>
    <t>POINT (4.712683839733561 51.79945130544223)</t>
  </si>
  <si>
    <t>POINT (4.704001931343374 51.78886281402122)</t>
  </si>
  <si>
    <t>POINT (4.6576890656823915 51.80652993686511)</t>
  </si>
  <si>
    <t>POINT (4.673575442525928 51.795064781513624)</t>
  </si>
  <si>
    <t>POINT (4.715910950694165 51.81548053738736)</t>
  </si>
  <si>
    <t>POINT (4.702882028213404 51.796885361017544)</t>
  </si>
  <si>
    <t>POINT (4.677386845720148 51.78113922894715)</t>
  </si>
  <si>
    <t>POINT (4.6579024746203865 51.7698462573879)</t>
  </si>
  <si>
    <t>POINT (4.72551596253227 51.7995836899115)</t>
  </si>
  <si>
    <t>POINT (4.681839943120472 51.77657689348016)</t>
  </si>
  <si>
    <t>POINT (4.665736244561579 51.81367570648136)</t>
  </si>
  <si>
    <t>POINT (4.6677912191645285 51.79885071950734)</t>
  </si>
  <si>
    <t>POINT (4.708012132341092 51.80859036354298)</t>
  </si>
  <si>
    <t>POINT (4.679513624547793 51.816485904776876)</t>
  </si>
  <si>
    <t>POINT (4.718198751735947 51.801227406328245)</t>
  </si>
  <si>
    <t>POINT (4.674569566556893 51.804388899654796)</t>
  </si>
  <si>
    <t>POINT (4.66323736138208 51.811384679817714)</t>
  </si>
  <si>
    <t>POINT (4.65364047885763 51.80246526571447)</t>
  </si>
  <si>
    <t>POINT (4.684354650662213 51.78857088150214)</t>
  </si>
  <si>
    <t>POINT (4.659558352473103 51.80880440107728)</t>
  </si>
  <si>
    <t>3312GR</t>
  </si>
  <si>
    <t>POINT (4.6848647007028 51.810635663117054)</t>
  </si>
  <si>
    <t>POINT (4.734169391027557 51.79878048904083)</t>
  </si>
  <si>
    <t>POINT (4.651055516696213 51.79373722149597)</t>
  </si>
  <si>
    <t>POINT (4.679524267698097 51.781310893563344)</t>
  </si>
  <si>
    <t>POINT (4.666105811070566 51.81057621844225)</t>
  </si>
  <si>
    <t>POINT (4.704833448815084 51.79018247151949)</t>
  </si>
  <si>
    <t>POINT (4.674645104496308 51.780989707176516)</t>
  </si>
  <si>
    <t>POINT (4.662398494652125 51.80443847362768)</t>
  </si>
  <si>
    <t>POINT (4.710827194675337 51.8071229480079)</t>
  </si>
  <si>
    <t>POINT (4.7202740636606775 51.80033117870568)</t>
  </si>
  <si>
    <t>POINT (4.671123009695796 51.81946719215788)</t>
  </si>
  <si>
    <t>POINT (4.658313401605873 51.77140485092836)</t>
  </si>
  <si>
    <t>POINT (4.669152432481709 51.81632638505742)</t>
  </si>
  <si>
    <t>POINT (4.681000182035594 51.781325056261934)</t>
  </si>
  <si>
    <t>POINT (4.681728748127746 51.81912318391204)</t>
  </si>
  <si>
    <t>POINT (4.665580914088224 51.79562438838047)</t>
  </si>
  <si>
    <t>POINT (4.6555248292426485 51.80798581643225)</t>
  </si>
  <si>
    <t>POINT (4.661831765849 51.78884122366214)</t>
  </si>
  <si>
    <t>POINT (4.710730963600177 51.80448574386821)</t>
  </si>
  <si>
    <t>POINT (4.66200679084502 51.80258419411585)</t>
  </si>
  <si>
    <t>POINT (4.705576555486394 51.791663989363876)</t>
  </si>
  <si>
    <t>POINT (4.658499607338544 51.800003374011695)</t>
  </si>
  <si>
    <t>POINT (4.681221210492344 51.778044046120286)</t>
  </si>
  <si>
    <t>POINT (4.7197441605674895 51.794528894806376)</t>
  </si>
  <si>
    <t>POINT (4.652481353970158 51.80299665206972)</t>
  </si>
  <si>
    <t>POINT (4.711731650153871 51.80184828793868)</t>
  </si>
  <si>
    <t>POINT (4.660552757775075 51.78726582098528)</t>
  </si>
  <si>
    <t>POINT (4.6703699255265505 51.77099736850348)</t>
  </si>
  <si>
    <t>POINT (4.665063449480363 51.779776408792216)</t>
  </si>
  <si>
    <t>POINT (4.68662751108929 51.77470200618241)</t>
  </si>
  <si>
    <t>POINT (4.7183670690392 51.81432569663733)</t>
  </si>
  <si>
    <t>POINT (4.721456911813146 51.81091217811245)</t>
  </si>
  <si>
    <t>POINT (4.726262390288522 51.79822610843158)</t>
  </si>
  <si>
    <t>POINT (4.680591086650441 51.78022964755166)</t>
  </si>
  <si>
    <t>POINT (4.636299467446521 51.775701119257526)</t>
  </si>
  <si>
    <t>POINT (4.698451626872522 51.793458554927426)</t>
  </si>
  <si>
    <t>POINT (4.694909830174568 51.79604984382879)</t>
  </si>
  <si>
    <t>POINT (4.668211066115305 51.792373504944514)</t>
  </si>
  <si>
    <t>POINT (4.685117616827618 51.776542447542994)</t>
  </si>
  <si>
    <t>POINT (4.661887097299252 51.812447469274545)</t>
  </si>
  <si>
    <t>POINT (4.638801584505448 51.77851566627026)</t>
  </si>
  <si>
    <t>POINT (4.71193534429461 51.80386388902979)</t>
  </si>
  <si>
    <t>POINT (4.6712096071776665 51.805202109618705)</t>
  </si>
  <si>
    <t>POINT (4.657451671956948 51.79616845610153)</t>
  </si>
  <si>
    <t>POINT (4.699663181923774 51.789981930568864)</t>
  </si>
  <si>
    <t>POINT (4.734072625354557 51.79995557432765)</t>
  </si>
  <si>
    <t>POINT (4.73408353388532 51.79883982154666)</t>
  </si>
  <si>
    <t>POINT (4.660806744174568 51.787227241464244)</t>
  </si>
  <si>
    <t>POINT (4.6811434853986835 51.80920094300485)</t>
  </si>
  <si>
    <t>POINT (4.660468524862295 51.80407863774786)</t>
  </si>
  <si>
    <t>POINT (4.667888872442888 51.79496828351558)</t>
  </si>
  <si>
    <t>POINT (4.657390360226066 51.79080541267099)</t>
  </si>
  <si>
    <t>POINT (4.6799947651526175 51.77898852520319)</t>
  </si>
  <si>
    <t>POINT (4.6701824351301 51.777426407369454)</t>
  </si>
  <si>
    <t>POINT (4.681699487699157 51.77727682592096)</t>
  </si>
  <si>
    <t>POINT (4.66075972165679 51.783738386432226)</t>
  </si>
  <si>
    <t>POINT (4.721081300593984 51.79930371483929)</t>
  </si>
  <si>
    <t>POINT (4.663259107125711 51.78993568769786)</t>
  </si>
  <si>
    <t>3318AS</t>
  </si>
  <si>
    <t>POINT (4.662857632450965 51.81727653734185)</t>
  </si>
  <si>
    <t>POINT (4.65903947185845 51.80440558664773)</t>
  </si>
  <si>
    <t>POINT (4.656791496880522 51.803147498299786)</t>
  </si>
  <si>
    <t>POINT (4.668184047186489 51.81165159424082)</t>
  </si>
  <si>
    <t>POINT (4.709200047921857 51.808005815993425)</t>
  </si>
  <si>
    <t>POINT (4.65808085534025 51.80123622409516)</t>
  </si>
  <si>
    <t>POINT (4.695350391747095 51.81845857409687)</t>
  </si>
  <si>
    <t>POINT (4.652370012586904 51.78541775106847)</t>
  </si>
  <si>
    <t>POINT (4.684720845779528 51.77529577490421)</t>
  </si>
  <si>
    <t>POINT (4.683647496884732 51.80396848678782)</t>
  </si>
  <si>
    <t>3319LB</t>
  </si>
  <si>
    <t>POINT (4.718838831825549 51.79365780074173)</t>
  </si>
  <si>
    <t>POINT (4.68381993045526 51.78647920838299)</t>
  </si>
  <si>
    <t>POINT (4.667900851167791 51.79238436726707)</t>
  </si>
  <si>
    <t>POINT (4.636354072683781 51.767705709110295)</t>
  </si>
  <si>
    <t>POINT (4.678359080193391 51.775516211308855)</t>
  </si>
  <si>
    <t>POINT (4.672986798535307 51.779390346159694)</t>
  </si>
  <si>
    <t>POINT (4.66790243950119 51.802418059562704)</t>
  </si>
  <si>
    <t>POINT (4.716647420004468 51.81573272607769)</t>
  </si>
  <si>
    <t>POINT (4.655408282589808 51.79938095589875)</t>
  </si>
  <si>
    <t>POINT (4.651382969555523 51.792195877987794)</t>
  </si>
  <si>
    <t>POINT (4.65646233368189 51.80131557462557)</t>
  </si>
  <si>
    <t>POINT (4.6635958966079984 51.80107466438789)</t>
  </si>
  <si>
    <t>POINT (4.66645059880841 51.78860396895896)</t>
  </si>
  <si>
    <t>POINT (4.667884360987734 51.79121767686489)</t>
  </si>
  <si>
    <t>POINT (4.641908157364514 51.79959084166833)</t>
  </si>
  <si>
    <t>POINT (4.637487448954241 51.77820556658584)</t>
  </si>
  <si>
    <t>POINT (4.6523588772882905 51.79523598134907)</t>
  </si>
  <si>
    <t>POINT (4.7147178359399415 51.81443650802937)</t>
  </si>
  <si>
    <t>POINT (4.680275587472811 51.80834431985313)</t>
  </si>
  <si>
    <t>POINT (4.674208195224881 51.810637115863855)</t>
  </si>
  <si>
    <t>POINT (4.6821346754008735 51.78619526865586)</t>
  </si>
  <si>
    <t>POINT (4.665730188662917 51.81342702444075)</t>
  </si>
  <si>
    <t>POINT (4.682470816436096 51.80681450205423)</t>
  </si>
  <si>
    <t>POINT (4.659867222811754 51.790667582889085)</t>
  </si>
  <si>
    <t>POINT (4.666218921370953 51.7984546442231)</t>
  </si>
  <si>
    <t>POINT (4.721711998139473 51.79405299647262)</t>
  </si>
  <si>
    <t>POINT (4.672535578964097 51.785179397668884)</t>
  </si>
  <si>
    <t>POINT (4.659113443035815 51.78911318179212)</t>
  </si>
  <si>
    <t>POINT (4.684196062633695 51.78262081065586)</t>
  </si>
  <si>
    <t>POINT (4.668397737897381 51.796252480103426)</t>
  </si>
  <si>
    <t>POINT (4.6623389789571785 51.80292190252479)</t>
  </si>
  <si>
    <t>POINT (4.685335440194479 51.80300874482223)</t>
  </si>
  <si>
    <t>POINT (4.732354128398165 51.800134856020996)</t>
  </si>
  <si>
    <t>POINT (4.683059327527778 51.78109449815662)</t>
  </si>
  <si>
    <t>POINT (4.667349401957584 51.774346247957155)</t>
  </si>
  <si>
    <t>POINT (4.664287580158953 51.817697098469644)</t>
  </si>
  <si>
    <t>POINT (4.67468440111133 51.78098910095568)</t>
  </si>
  <si>
    <t>POINT (4.664984413963289 51.79842300677042)</t>
  </si>
  <si>
    <t>POINT (4.681851164670198 51.79067909165047)</t>
  </si>
  <si>
    <t>POINT (4.669687301005679 51.78224368278293)</t>
  </si>
  <si>
    <t>POINT (4.6738056201185945 51.774951868954936)</t>
  </si>
  <si>
    <t>POINT (4.669540112560837 51.8189465628402)</t>
  </si>
  <si>
    <t>POINT (4.685273056217854 51.788025949163234)</t>
  </si>
  <si>
    <t>POINT (4.658768296873185 51.801021241708845)</t>
  </si>
  <si>
    <t>POINT (4.7027897852736285 51.81605925042184)</t>
  </si>
  <si>
    <t>POINT (4.709409143222007 51.80473841837197)</t>
  </si>
  <si>
    <t>POINT (4.683733251157032 51.778356728348705)</t>
  </si>
  <si>
    <t>POINT (4.7272673230828115 51.79793563425837)</t>
  </si>
  <si>
    <t>POINT (4.6571957443957634 51.78835324115955)</t>
  </si>
  <si>
    <t>POINT (4.677824026764303 51.807023767464095)</t>
  </si>
  <si>
    <t>POINT (4.6793447124557295 51.787547857826894)</t>
  </si>
  <si>
    <t>POINT (4.6578853263566184 51.81315838213743)</t>
  </si>
  <si>
    <t>POINT (4.6851431328282525 51.807478891596695)</t>
  </si>
  <si>
    <t>POINT (4.675847145384846 51.78511301944989)</t>
  </si>
  <si>
    <t>POINT (4.677512003214433 51.81636164819916)</t>
  </si>
  <si>
    <t>POINT (4.653165237751423 51.80852534961783)</t>
  </si>
  <si>
    <t>POINT (4.682719053814412 51.81793410826428)</t>
  </si>
  <si>
    <t>POINT (4.673314378137655 51.77563312752763)</t>
  </si>
  <si>
    <t>POINT (4.685788581925189 51.78627291264402)</t>
  </si>
  <si>
    <t>POINT (4.654620380697936 51.78755745132697)</t>
  </si>
  <si>
    <t>POINT (4.664377286439432 51.799610377804555)</t>
  </si>
  <si>
    <t>POINT (4.667979786111636 51.818774370279705)</t>
  </si>
  <si>
    <t>POINT (4.666854460641585 51.81182006771931)</t>
  </si>
  <si>
    <t>POINT (4.680460502735269 51.799812043558745)</t>
  </si>
  <si>
    <t>POINT (4.674958530364279 51.811374437995305)</t>
  </si>
  <si>
    <t>POINT (4.714657900081935 51.814325505460104)</t>
  </si>
  <si>
    <t>POINT (4.681745660591329 51.79069275825581)</t>
  </si>
  <si>
    <t>POINT (4.679724391622431 51.77673391218775)</t>
  </si>
  <si>
    <t>POINT (4.733823604264657 51.79640930239337)</t>
  </si>
  <si>
    <t>POINT (4.663765758923869 51.79897222265382)</t>
  </si>
  <si>
    <t>POINT (4.730103519817535 51.79804309300293)</t>
  </si>
  <si>
    <t>POINT (4.666282680298809 51.78751206800716)</t>
  </si>
  <si>
    <t>POINT (4.7180796531847005 51.80573598018476)</t>
  </si>
  <si>
    <t>POINT (4.658653874711605 51.81078313176319)</t>
  </si>
  <si>
    <t>POINT (4.661229129849578 51.7903874274457)</t>
  </si>
  <si>
    <t>POINT (4.663246306476803 51.81490787529721)</t>
  </si>
  <si>
    <t>POINT (4.685460175715493 51.80811089360886)</t>
  </si>
  <si>
    <t>POINT (4.672605107930246 51.79306442816806)</t>
  </si>
  <si>
    <t>POINT (4.706049059435478 51.79456084151289)</t>
  </si>
  <si>
    <t>POINT (4.667488957427717 51.81053600896068)</t>
  </si>
  <si>
    <t>POINT (4.660997196536341 51.79397137933317)</t>
  </si>
  <si>
    <t>POINT (4.681968468903557 51.78172182744786)</t>
  </si>
  <si>
    <t>POINT (4.649872233307638 51.79255694332361)</t>
  </si>
  <si>
    <t>POINT (4.671416137652638 51.81671968818724)</t>
  </si>
  <si>
    <t>POINT (4.667767902826825 51.81078775753354)</t>
  </si>
  <si>
    <t>POINT (4.674703208821416 51.8125385480544)</t>
  </si>
  <si>
    <t>POINT (4.7188196189053295 51.80208552232554)</t>
  </si>
  <si>
    <t>POINT (4.713344057091072 51.814178977510714)</t>
  </si>
  <si>
    <t>POINT (4.663947691147231 51.78542377522277)</t>
  </si>
  <si>
    <t>POINT (4.655488985470862 51.79188896870565)</t>
  </si>
  <si>
    <t>POINT (4.713849869505717 51.81440813376432)</t>
  </si>
  <si>
    <t>POINT (4.6712858224956895 51.77258562445042)</t>
  </si>
  <si>
    <t>POINT (4.722158353775803 51.79424674312329)</t>
  </si>
  <si>
    <t>POINT (4.726060695525413 51.798735149559185)</t>
  </si>
  <si>
    <t>POINT (4.6779600297902055 51.787885397099615)</t>
  </si>
  <si>
    <t>POINT (4.718093069357709 51.7989576102277)</t>
  </si>
  <si>
    <t>POINT (4.67443962327585 51.78214871161261)</t>
  </si>
  <si>
    <t>POINT (4.664038567216927 51.80229274564756)</t>
  </si>
  <si>
    <t>POINT (4.728858856257346 51.79850980815053)</t>
  </si>
  <si>
    <t>POINT (4.671695010671151 51.809002455116634)</t>
  </si>
  <si>
    <t>POINT (4.66250982593779 51.7919233447576)</t>
  </si>
  <si>
    <t>POINT (4.698432645868841 51.789913885879756)</t>
  </si>
  <si>
    <t>POINT (4.679047723270632 51.81714344657482)</t>
  </si>
  <si>
    <t>POINT (4.721762734349034 51.80537299268272)</t>
  </si>
  <si>
    <t>POINT (4.711487172435903 51.80804173158419)</t>
  </si>
  <si>
    <t>POINT (4.679352606667918 51.81411792168847)</t>
  </si>
  <si>
    <t>POINT (4.680474740996703 51.781059277729526)</t>
  </si>
  <si>
    <t>POINT (4.669386115882231 51.80284499376959)</t>
  </si>
  <si>
    <t>POINT (4.652427485631662 51.78771342504318)</t>
  </si>
  <si>
    <t>POINT (4.684417737430225 51.81262512687742)</t>
  </si>
  <si>
    <t>POINT (4.666227857266515 51.803930312784004)</t>
  </si>
  <si>
    <t>POINT (4.67089562886647 51.81631462895011)</t>
  </si>
  <si>
    <t>POINT (4.702745863064174 51.78954116606536)</t>
  </si>
  <si>
    <t>POINT (4.681041479588967 51.80202455432924)</t>
  </si>
  <si>
    <t>POINT (4.683436973969095 51.80400447336173)</t>
  </si>
  <si>
    <t>POINT (4.664324542057568 51.787719728631416)</t>
  </si>
  <si>
    <t>POINT (4.652205035192855 51.78470429853997)</t>
  </si>
  <si>
    <t>POINT (4.723404454638894 51.80544286576525)</t>
  </si>
  <si>
    <t>POINT (4.716754842052737 51.79534978157301)</t>
  </si>
  <si>
    <t>POINT (4.728840672312595 51.800943470606796)</t>
  </si>
  <si>
    <t>POINT (4.671799894384547 51.799937702781214)</t>
  </si>
  <si>
    <t>POINT (4.677645936381688 51.790814872308154)</t>
  </si>
  <si>
    <t>3317WV</t>
  </si>
  <si>
    <t>Cornelis Trompplaats</t>
  </si>
  <si>
    <t>POINT (4.655852187986457 51.791571855696276)</t>
  </si>
  <si>
    <t>POINT (4.662719622358973 51.80907924889443)</t>
  </si>
  <si>
    <t>POINT (4.668586594752956 51.817954922880865)</t>
  </si>
  <si>
    <t>POINT (4.678004298595525 51.78767673152625)</t>
  </si>
  <si>
    <t>POINT (4.712005507308591 51.794937614811175)</t>
  </si>
  <si>
    <t>POINT (4.703634363303562 51.7954536367471)</t>
  </si>
  <si>
    <t>POINT (4.684661864235833 51.792523312209134)</t>
  </si>
  <si>
    <t>POINT (4.6982443384477035 51.79911527351199)</t>
  </si>
  <si>
    <t>POINT (4.65727590935838 51.80356459504461)</t>
  </si>
  <si>
    <t>POINT (4.711882995627622 51.81638021105377)</t>
  </si>
  <si>
    <t>POINT (4.66826014255029 51.79012903990232)</t>
  </si>
  <si>
    <t>POINT (4.66180372669654 51.79064280047498)</t>
  </si>
  <si>
    <t>POINT (4.657215635688908 51.800560431130656)</t>
  </si>
  <si>
    <t>POINT (4.724029808039302 51.80336910001653)</t>
  </si>
  <si>
    <t>POINT (4.675806120582751 51.7741098860656)</t>
  </si>
  <si>
    <t>POINT (4.652386303789306 51.78531980417895)</t>
  </si>
  <si>
    <t>POINT (4.675865245739835 51.81809263013909)</t>
  </si>
  <si>
    <t>POINT (4.663279603812561 51.816646464001145)</t>
  </si>
  <si>
    <t>POINT (4.667756712252866 51.81426811377937)</t>
  </si>
  <si>
    <t>POINT (4.663744392973192 51.801904894838714)</t>
  </si>
  <si>
    <t>POINT (4.683268250328355 51.79844494480398)</t>
  </si>
  <si>
    <t>POINT (4.660561832863819 51.80706838676912)</t>
  </si>
  <si>
    <t>POINT (4.670916428830106 51.772732374895696)</t>
  </si>
  <si>
    <t>POINT (4.669630283362598 51.80249363638596)</t>
  </si>
  <si>
    <t>POINT (4.7158931304272755 51.81542964966849)</t>
  </si>
  <si>
    <t>POINT (4.702973808710153 51.815556932382854)</t>
  </si>
  <si>
    <t>POINT (4.71611435386593 51.80795401249463)</t>
  </si>
  <si>
    <t>POINT (4.654593209641488 51.79183890197986)</t>
  </si>
  <si>
    <t>POINT (4.674126575562699 51.814762671953794)</t>
  </si>
  <si>
    <t>POINT (4.668852285648611 51.79500685136841)</t>
  </si>
  <si>
    <t>POINT (4.668172711833146 51.799285009628164)</t>
  </si>
  <si>
    <t>POINT (4.669673439931299 51.80010918353596)</t>
  </si>
  <si>
    <t>POINT (4.675872407879664 51.785192929372016)</t>
  </si>
  <si>
    <t>POINT (4.657116560403674 51.79793332541932)</t>
  </si>
  <si>
    <t>POINT (4.658478778927428 51.79528415872649)</t>
  </si>
  <si>
    <t>POINT (4.672123584711007 51.81658285175951)</t>
  </si>
  <si>
    <t>POINT (4.696342163988278 51.81755246408024)</t>
  </si>
  <si>
    <t>POINT (4.6915467239897914 51.81783856949387)</t>
  </si>
  <si>
    <t>POINT (4.686390246136657 51.805979081602935)</t>
  </si>
  <si>
    <t>POINT (4.710012597321184 51.809352225245895)</t>
  </si>
  <si>
    <t>POINT (4.715989190235062 51.80143864955863)</t>
  </si>
  <si>
    <t>POINT (4.685843981081184 51.80350309748652)</t>
  </si>
  <si>
    <t>POINT (4.717006839688581 51.795373576137436)</t>
  </si>
  <si>
    <t>POINT (4.675552576162979 51.78332284992902)</t>
  </si>
  <si>
    <t>POINT (4.676205049431926 51.776544407021284)</t>
  </si>
  <si>
    <t>POINT (4.67545175155683 51.7833789299244)</t>
  </si>
  <si>
    <t>POINT (4.669863003927354 51.80452064159022)</t>
  </si>
  <si>
    <t>POINT (4.6610688751001055 51.7869599491533)</t>
  </si>
  <si>
    <t>POINT (4.698395775331502 51.79130730949195)</t>
  </si>
  <si>
    <t>POINT (4.655572178546544 51.811272368036775)</t>
  </si>
  <si>
    <t>POINT (4.653535876571283 51.803352587355626)</t>
  </si>
  <si>
    <t>POINT (4.661945840205838 51.80500385177966)</t>
  </si>
  <si>
    <t>POINT (4.700057244159998 51.79701939312763)</t>
  </si>
  <si>
    <t>POINT (4.667285276409196 51.808111806650956)</t>
  </si>
  <si>
    <t>POINT (4.682726645877312 51.80910660292633)</t>
  </si>
  <si>
    <t>POINT (4.656798200158173 51.81050288839375)</t>
  </si>
  <si>
    <t>POINT (4.672718368635476 51.783649780108114)</t>
  </si>
  <si>
    <t>POINT (4.679034191954216 51.78123186440266)</t>
  </si>
  <si>
    <t>POINT (4.668785069873924 51.79883760043724)</t>
  </si>
  <si>
    <t>POINT (4.68036114742021 51.77542151740707)</t>
  </si>
  <si>
    <t>POINT (4.705577232124313 51.7915779537656)</t>
  </si>
  <si>
    <t>POINT (4.66618101757276 51.80180602476248)</t>
  </si>
  <si>
    <t>POINT (4.731616370330446 51.801187728109596)</t>
  </si>
  <si>
    <t>POINT (4.658429036237435 51.782624600227805)</t>
  </si>
  <si>
    <t>POINT (4.690139420301275 51.8081406706191)</t>
  </si>
  <si>
    <t>POINT (4.659812442484922 51.81126493951469)</t>
  </si>
  <si>
    <t>POINT (4.698577936373669 51.79818118817451)</t>
  </si>
  <si>
    <t>POINT (4.679976644775992 51.77334074989176)</t>
  </si>
  <si>
    <t>POINT (4.665865121238736 51.771701294198735)</t>
  </si>
  <si>
    <t>POINT (4.719275033992472 51.81533392722958)</t>
  </si>
  <si>
    <t>POINT (4.67310541060071 51.81772239089127)</t>
  </si>
  <si>
    <t>POINT (4.630061985008984 51.72174990705105)</t>
  </si>
  <si>
    <t>POINT (4.664233457386585 51.817739326449654)</t>
  </si>
  <si>
    <t>POINT (4.683057192831606 51.799875377057774)</t>
  </si>
  <si>
    <t>POINT (4.667086636612583 51.801162881675936)</t>
  </si>
  <si>
    <t>POINT (4.669011718118597 51.77068022441138)</t>
  </si>
  <si>
    <t>POINT (4.659838776565237 51.80439456232185)</t>
  </si>
  <si>
    <t>POINT (4.7144218825309565 51.80316799723711)</t>
  </si>
  <si>
    <t>POINT (4.697278663155545 51.79207673739325)</t>
  </si>
  <si>
    <t>POINT (4.701668996781036 51.78901193509055)</t>
  </si>
  <si>
    <t>POINT (4.682705287153018 51.809453653021066)</t>
  </si>
  <si>
    <t>POINT (4.663637211880048 51.813129511885066)</t>
  </si>
  <si>
    <t>POINT (4.727342379799145 51.80014610306458)</t>
  </si>
  <si>
    <t>POINT (4.6986051114450715 51.798940386613985)</t>
  </si>
  <si>
    <t>POINT (4.671132247064515 51.79709377047677)</t>
  </si>
  <si>
    <t>POINT (4.6719809902488745 51.81167296340368)</t>
  </si>
  <si>
    <t>POINT (4.700938811408126 51.79712323051198)</t>
  </si>
  <si>
    <t>POINT (4.71193435271959 51.800161403596775)</t>
  </si>
  <si>
    <t>POINT (4.677613160741093 51.781829690094625)</t>
  </si>
  <si>
    <t>POINT (4.696505767319654 51.79113058084675)</t>
  </si>
  <si>
    <t>POINT (4.6852340528058365 51.79029990753235)</t>
  </si>
  <si>
    <t>POINT (4.675641397281237 51.78322655349353)</t>
  </si>
  <si>
    <t>POINT (4.729377880893334 51.7958889971937)</t>
  </si>
  <si>
    <t>POINT (4.63697590312483 51.77613723136343)</t>
  </si>
  <si>
    <t>POINT (4.66857817038481 51.80812602365131)</t>
  </si>
  <si>
    <t>POINT (4.674189287882927 51.81915834945251)</t>
  </si>
  <si>
    <t>POINT (4.710634959825739 51.791207442193354)</t>
  </si>
  <si>
    <t>POINT (4.668392432718923 51.796326127922875)</t>
  </si>
  <si>
    <t>POINT (4.674843015834088 51.78080347684685)</t>
  </si>
  <si>
    <t>POINT (4.668263050306005 51.77915601412259)</t>
  </si>
  <si>
    <t>POINT (4.674813114092315 51.77668751041979)</t>
  </si>
  <si>
    <t>POINT (4.664769833296261 51.81302026623189)</t>
  </si>
  <si>
    <t>POINT (4.731620128712349 51.79789400608008)</t>
  </si>
  <si>
    <t>POINT (4.690513090390133 51.808884337542416)</t>
  </si>
  <si>
    <t>POINT (4.682113594161054 51.80765002832673)</t>
  </si>
  <si>
    <t>POINT (4.662627759799461 51.81293954590118)</t>
  </si>
  <si>
    <t>POINT (4.647921350896471 51.8007408420363)</t>
  </si>
  <si>
    <t>POINT (4.651155439254427 51.79431006979036)</t>
  </si>
  <si>
    <t>POINT (4.717519704626638 51.806360049332945)</t>
  </si>
  <si>
    <t>POINT (4.6753133030441125 51.815066898263964)</t>
  </si>
  <si>
    <t>POINT (4.7274232797838 51.800712842424254)</t>
  </si>
  <si>
    <t>POINT (4.701167155906208 51.799182691506324)</t>
  </si>
  <si>
    <t>POINT (4.731581784245856 51.798276977577586)</t>
  </si>
  <si>
    <t>POINT (4.663996758648719 51.795234681526935)</t>
  </si>
  <si>
    <t>POINT (4.666633307636959 51.79631611895223)</t>
  </si>
  <si>
    <t>POINT (4.6810870206835595 51.79860837535175)</t>
  </si>
  <si>
    <t>POINT (4.665893666369072 51.77665068513876)</t>
  </si>
  <si>
    <t>POINT (4.680563599945178 51.808011918715295)</t>
  </si>
  <si>
    <t>POINT (4.671836537837489 51.80596249275181)</t>
  </si>
  <si>
    <t>POINT (4.710979235993032 51.814381857410844)</t>
  </si>
  <si>
    <t>POINT (4.668174069470256 51.7920054606656)</t>
  </si>
  <si>
    <t>POINT (4.656498879058463 51.79130487592078)</t>
  </si>
  <si>
    <t>POINT (4.669431209668813 51.81583913360211)</t>
  </si>
  <si>
    <t>POINT (4.678531243156601 51.7846422942168)</t>
  </si>
  <si>
    <t>POINT (4.7168670890845705 51.79556910794669)</t>
  </si>
  <si>
    <t>POINT (4.672977641196537 51.796968507840404)</t>
  </si>
  <si>
    <t>POINT (4.663314345640108 51.79286161774527)</t>
  </si>
  <si>
    <t>POINT (4.669069993590621 51.798014155937175)</t>
  </si>
  <si>
    <t>POINT (4.664201838566281 51.79964814592444)</t>
  </si>
  <si>
    <t>POINT (4.673410788793885 51.77947147048216)</t>
  </si>
  <si>
    <t>POINT (4.710611118941771 51.79157835675505)</t>
  </si>
  <si>
    <t>POINT (4.658867114604439 51.78010296582485)</t>
  </si>
  <si>
    <t>POINT (4.656192587488392 51.806019881458106)</t>
  </si>
  <si>
    <t>POINT (4.662063894428072 51.80454761436499)</t>
  </si>
  <si>
    <t>POINT (4.654119773065482 51.792305901213375)</t>
  </si>
  <si>
    <t>POINT (4.6683913214918675 51.79901845919576)</t>
  </si>
  <si>
    <t>POINT (4.727354825672998 51.796561259227154)</t>
  </si>
  <si>
    <t>POINT (4.674404224345776 51.816357024883786)</t>
  </si>
  <si>
    <t>POINT (4.685503899307131 51.80221962106182)</t>
  </si>
  <si>
    <t>POINT (4.670078214939211 51.815872823483964)</t>
  </si>
  <si>
    <t>POINT (4.683899359715968 51.789497025851766)</t>
  </si>
  <si>
    <t>POINT (4.669038945496277 51.79869398734078)</t>
  </si>
  <si>
    <t>POINT (4.659876756960056 51.80209631683604)</t>
  </si>
  <si>
    <t>POINT (4.678662494382435 51.78702510049923)</t>
  </si>
  <si>
    <t>POINT (4.653156272600109 51.8031454955276)</t>
  </si>
  <si>
    <t>POINT (4.68588055701869 51.78672980932866)</t>
  </si>
  <si>
    <t>POINT (4.666986233295782 51.80198562038037)</t>
  </si>
  <si>
    <t>POINT (4.671044128717565 51.79340264621422)</t>
  </si>
  <si>
    <t>POINT (4.717137518612862 51.80598435346172)</t>
  </si>
  <si>
    <t>POINT (4.6565125768768025 51.80124357344937)</t>
  </si>
  <si>
    <t>POINT (4.657345378398679 51.807231973780006)</t>
  </si>
  <si>
    <t>POINT (4.6634141622336305 51.79062463988869)</t>
  </si>
  <si>
    <t>POINT (4.668257676534753 51.79197009018502)</t>
  </si>
  <si>
    <t>POINT (4.714751532392893 51.804842054031276)</t>
  </si>
  <si>
    <t>POINT (4.7043258859452655 51.795919681161614)</t>
  </si>
  <si>
    <t>POINT (4.666046228681369 51.81041191673452)</t>
  </si>
  <si>
    <t>POINT (4.644988599993827 51.77367241767234)</t>
  </si>
  <si>
    <t>POINT (4.6739122333343035 51.81882925382638)</t>
  </si>
  <si>
    <t>POINT (4.697353612461841 51.79380893592301)</t>
  </si>
  <si>
    <t>POINT (4.677290877055932 51.8081094132188)</t>
  </si>
  <si>
    <t>POINT (4.670198316564471 51.789427316155106)</t>
  </si>
  <si>
    <t>POINT (4.670675085909417 51.811801193393634)</t>
  </si>
  <si>
    <t>POINT (4.73431211877332 51.797889026150834)</t>
  </si>
  <si>
    <t>POINT (4.654247312825152 51.80237380480645)</t>
  </si>
  <si>
    <t>POINT (4.65040315387704 51.79377576864456)</t>
  </si>
  <si>
    <t>POINT (4.680014172173096 51.789858348979266)</t>
  </si>
  <si>
    <t>POINT (4.716646559800433 51.812948302596844)</t>
  </si>
  <si>
    <t>POINT (4.658956069973079 51.788131320972546)</t>
  </si>
  <si>
    <t>POINT (4.669523403347604 51.804326476772985)</t>
  </si>
  <si>
    <t>POINT (4.664247725573919 51.786217233325516)</t>
  </si>
  <si>
    <t>POINT (4.659986897854253 51.802214373908015)</t>
  </si>
  <si>
    <t>POINT (4.7012679422358135 51.7899060671256)</t>
  </si>
  <si>
    <t>POINT (4.654208894495067 51.80662949728757)</t>
  </si>
  <si>
    <t>POINT (4.664280607037809 51.799623579795735)</t>
  </si>
  <si>
    <t>POINT (4.728920551370306 51.80140274389097)</t>
  </si>
  <si>
    <t>POINT (4.713574061277097 51.814442199896746)</t>
  </si>
  <si>
    <t>POINT (4.705162076588226 51.79442945161952)</t>
  </si>
  <si>
    <t>POINT (4.71076661670416 51.80397925916623)</t>
  </si>
  <si>
    <t>POINT (4.715014482900647 51.81495299569242)</t>
  </si>
  <si>
    <t>POINT (4.6356025866925625 51.781732351769016)</t>
  </si>
  <si>
    <t>POINT (4.6517136763812434 51.790649151574314)</t>
  </si>
  <si>
    <t>POINT (4.680747434586514 51.7859087582216)</t>
  </si>
  <si>
    <t>POINT (4.631940201885153 51.77987029651218)</t>
  </si>
  <si>
    <t>POINT (4.686561664279461 51.78163007365276)</t>
  </si>
  <si>
    <t>POINT (4.7305927944622095 51.80155671395235)</t>
  </si>
  <si>
    <t>POINT (4.693385419999827 51.796456897500676)</t>
  </si>
  <si>
    <t>POINT (4.664074970887523 51.795460456368176)</t>
  </si>
  <si>
    <t>POINT (4.6958159404046045 51.818362559274284)</t>
  </si>
  <si>
    <t>POINT (4.662852537623486 51.79988268904192)</t>
  </si>
  <si>
    <t>POINT (4.656696333438982 51.77055632080066)</t>
  </si>
  <si>
    <t>POINT (4.6392610802901535 51.785059977607)</t>
  </si>
  <si>
    <t>POINT (4.713348841466201 51.80370459242845)</t>
  </si>
  <si>
    <t>POINT (4.667674322160328 51.79240678019127)</t>
  </si>
  <si>
    <t>POINT (4.682293994837615 51.80663324407623)</t>
  </si>
  <si>
    <t>POINT (4.67870849708409 51.817533358834)</t>
  </si>
  <si>
    <t>POINT (4.651206333325805 51.80283728248448)</t>
  </si>
  <si>
    <t>POINT (4.667760322064382 51.81429000535673)</t>
  </si>
  <si>
    <t>POINT (4.666570277078285 51.78207755490996)</t>
  </si>
  <si>
    <t>POINT (4.7349055619956575 51.80272140865653)</t>
  </si>
  <si>
    <t>POINT (4.649306814937365 51.80449551585869)</t>
  </si>
  <si>
    <t>POINT (4.672790827875229 51.78511184736243)</t>
  </si>
  <si>
    <t>POINT (4.709881248321776 51.81038229403906)</t>
  </si>
  <si>
    <t>POINT (4.682125026630081 51.80320761629794)</t>
  </si>
  <si>
    <t>POINT (4.667813924436815 51.79465848699142)</t>
  </si>
  <si>
    <t>POINT (4.700257165001666 51.7964742865996)</t>
  </si>
  <si>
    <t>POINT (4.681655547012746 51.786211425895296)</t>
  </si>
  <si>
    <t>POINT (4.654320276661376 51.80225205021562)</t>
  </si>
  <si>
    <t>POINT (4.680895525216108 51.77435828977415)</t>
  </si>
  <si>
    <t>POINT (4.6644203842820495 51.79303897088055)</t>
  </si>
  <si>
    <t>3311WZ</t>
  </si>
  <si>
    <t>Zomerhof</t>
  </si>
  <si>
    <t>POINT (4.662275030677951 51.810833386541724)</t>
  </si>
  <si>
    <t>POINT (4.688083591943132 51.81039375445184)</t>
  </si>
  <si>
    <t>POINT (4.65706536066554 51.81072111544278)</t>
  </si>
  <si>
    <t>POINT (4.710859204917485 51.80986114603633)</t>
  </si>
  <si>
    <t>POINT (4.714720496542209 51.81108175662315)</t>
  </si>
  <si>
    <t>POINT (4.658504364698559 51.798995554683174)</t>
  </si>
  <si>
    <t>POINT (4.665475897248656 51.79747656432271)</t>
  </si>
  <si>
    <t>POINT (4.685773765815054 51.80343484924813)</t>
  </si>
  <si>
    <t>POINT (4.677951305283887 51.78769264471773)</t>
  </si>
  <si>
    <t>POINT (4.732449603524649 51.79622446752702)</t>
  </si>
  <si>
    <t>POINT (4.678282040265734 51.784645840055425)</t>
  </si>
  <si>
    <t>POINT (4.704575247624742 51.79836375653533)</t>
  </si>
  <si>
    <t>POINT (4.67349096415664 51.789272115165446)</t>
  </si>
  <si>
    <t>POINT (4.683263031559862 51.81170058924298)</t>
  </si>
  <si>
    <t>3311GZ</t>
  </si>
  <si>
    <t>Hellingen</t>
  </si>
  <si>
    <t>POINT (4.6623015688260185 51.81119953372024)</t>
  </si>
  <si>
    <t>POINT (4.676422195776647 51.78378199808096)</t>
  </si>
  <si>
    <t>POINT (4.677098286581199 51.81604134239922)</t>
  </si>
  <si>
    <t>POINT (4.657231757373963 51.79797259474896)</t>
  </si>
  <si>
    <t>POINT (4.726669029324027 51.80512838473798)</t>
  </si>
  <si>
    <t>POINT (4.689079670497882 51.804448702909575)</t>
  </si>
  <si>
    <t>POINT (4.719273731257645 51.80039144715498)</t>
  </si>
  <si>
    <t>POINT (4.659013365635295 51.793970075685195)</t>
  </si>
  <si>
    <t>POINT (4.715416395051941 51.80960472004372)</t>
  </si>
  <si>
    <t>POINT (4.663747722036011 51.794774902228625)</t>
  </si>
  <si>
    <t>POINT (4.667817427639345 51.782168994130906)</t>
  </si>
  <si>
    <t>POINT (4.676850556901296 51.77333444156743)</t>
  </si>
  <si>
    <t>POINT (4.669559132211279 51.81940358216223)</t>
  </si>
  <si>
    <t>POINT (4.673317831539292 51.81618364572626)</t>
  </si>
  <si>
    <t>POINT (4.685327746476554 51.80228921844665)</t>
  </si>
  <si>
    <t>POINT (4.671377588762892 51.81690231856496)</t>
  </si>
  <si>
    <t>POINT (4.665826789455122 51.80302713619702)</t>
  </si>
  <si>
    <t>POINT (4.727750638528064 51.80262297101632)</t>
  </si>
  <si>
    <t>POINT (4.706711028115602 51.80817331178973)</t>
  </si>
  <si>
    <t>POINT (4.655584162333435 51.79110415582098)</t>
  </si>
  <si>
    <t>POINT (4.659548488090375 51.796853421103734)</t>
  </si>
  <si>
    <t>POINT (4.729683747401112 51.80560261310262)</t>
  </si>
  <si>
    <t>POINT (4.68451417586961 51.806678380263406)</t>
  </si>
  <si>
    <t>POINT (4.656404571529178 51.80444089948162)</t>
  </si>
  <si>
    <t>POINT (4.661683704825791 51.787942740639195)</t>
  </si>
  <si>
    <t>POINT (4.675941559000655 51.77283239599215)</t>
  </si>
  <si>
    <t>POINT (4.669976573882954 51.81717391475519)</t>
  </si>
  <si>
    <t>POINT (4.7192231202284445 51.805093937491776)</t>
  </si>
  <si>
    <t>POINT (4.655601129703421 51.79188573106756)</t>
  </si>
  <si>
    <t>POINT (4.662958846294909 51.81425540215513)</t>
  </si>
  <si>
    <t>POINT (4.680292979756476 51.80188870459735)</t>
  </si>
  <si>
    <t>POINT (4.652991145988969 51.80304836418259)</t>
  </si>
  <si>
    <t>POINT (4.66302179429879 51.81334759236443)</t>
  </si>
  <si>
    <t>POINT (4.652449301212061 51.79072856537439)</t>
  </si>
  <si>
    <t>POINT (4.659824813842481 51.80452490169637)</t>
  </si>
  <si>
    <t>POINT (4.6541868312512245 51.79149662618086)</t>
  </si>
  <si>
    <t>POINT (4.672142500525027 51.779027981755966)</t>
  </si>
  <si>
    <t>POINT (4.6604426719600704 51.78780605258341)</t>
  </si>
  <si>
    <t>POINT (4.713566761968082 51.81480550569266)</t>
  </si>
  <si>
    <t>POINT (4.651059297473575 51.795219025161735)</t>
  </si>
  <si>
    <t>POINT (4.709739723849289 51.81070325261217)</t>
  </si>
  <si>
    <t>POINT (4.711136632548435 51.80766605450094)</t>
  </si>
  <si>
    <t>POINT (4.731701322563956 51.798440960088605)</t>
  </si>
  <si>
    <t>POINT (4.698379219341694 51.792898558009654)</t>
  </si>
  <si>
    <t>POINT (4.655453136243038 51.790170669982224)</t>
  </si>
  <si>
    <t>POINT (4.70714204839462 51.79619818404746)</t>
  </si>
  <si>
    <t>POINT (4.677609223217823 51.78178886656093)</t>
  </si>
  <si>
    <t>POINT (4.670769622834689 51.78015022182008)</t>
  </si>
  <si>
    <t>POINT (4.651029512215732 51.793293033945496)</t>
  </si>
  <si>
    <t>POINT (4.667435065364676 51.77290511821285)</t>
  </si>
  <si>
    <t>POINT (4.716253982900475 51.80117864824776)</t>
  </si>
  <si>
    <t>POINT (4.683674475893258 51.787202249319115)</t>
  </si>
  <si>
    <t>POINT (4.721565116367215 51.81103719462485)</t>
  </si>
  <si>
    <t>POINT (4.673256116410947 51.79561450162056)</t>
  </si>
  <si>
    <t>POINT (4.709281854571376 51.79435404067342)</t>
  </si>
  <si>
    <t>POINT (4.696379489825147 51.795708029412424)</t>
  </si>
  <si>
    <t>POINT (4.69349968063707 51.79559924474473)</t>
  </si>
  <si>
    <t>POINT (4.705393025122555 51.79558620593945)</t>
  </si>
  <si>
    <t>POINT (4.670544343523648 51.77222445054802)</t>
  </si>
  <si>
    <t>POINT (4.716582034195537 51.80306132642766)</t>
  </si>
  <si>
    <t>POINT (4.6899446042696 51.81857841916634)</t>
  </si>
  <si>
    <t>POINT (4.717533019651002 51.8022783994968)</t>
  </si>
  <si>
    <t>POINT (4.653079842053747 51.79114904087097)</t>
  </si>
  <si>
    <t>POINT (4.732548870827878 51.80424943908415)</t>
  </si>
  <si>
    <t>POINT (4.685194834078596 51.800445250668695)</t>
  </si>
  <si>
    <t>POINT (4.685658623337086 51.80250416586431)</t>
  </si>
  <si>
    <t>POINT (4.680633513938472 51.78008179632714)</t>
  </si>
  <si>
    <t>POINT (4.67257688835411 51.77362845900124)</t>
  </si>
  <si>
    <t>POINT (4.672915009296588 51.77662899116596)</t>
  </si>
  <si>
    <t>3311CM</t>
  </si>
  <si>
    <t>Pelserbrug</t>
  </si>
  <si>
    <t>POINT (4.66170724045064 51.8138770769891)</t>
  </si>
  <si>
    <t>POINT (4.659902032498255 51.80923954375805)</t>
  </si>
  <si>
    <t>POINT (4.717163090008858 51.803536325143746)</t>
  </si>
  <si>
    <t>POINT (4.667487772286159 51.78833142639885)</t>
  </si>
  <si>
    <t>POINT (4.650884871525482 51.80128561324968)</t>
  </si>
  <si>
    <t>POINT (4.663732873760525 51.79471731894411)</t>
  </si>
  <si>
    <t>POINT (4.709956326750949 51.78644479118155)</t>
  </si>
  <si>
    <t>POINT (4.6729515109174615 51.81776375504257)</t>
  </si>
  <si>
    <t>POINT (4.677037763331263 51.81482808148055)</t>
  </si>
  <si>
    <t>POINT (4.731211149162085 51.80146272682651)</t>
  </si>
  <si>
    <t>POINT (4.670480159595735 51.80975291277606)</t>
  </si>
  <si>
    <t>POINT (4.66830564606314 51.789674841077996)</t>
  </si>
  <si>
    <t>POINT (4.695397351380573 51.79697784256681)</t>
  </si>
  <si>
    <t>POINT (4.672537489342446 51.77565831063618)</t>
  </si>
  <si>
    <t>POINT (4.728351271393112 51.79550100346571)</t>
  </si>
  <si>
    <t>POINT (4.683670875731561 51.80423203103501)</t>
  </si>
  <si>
    <t>POINT (4.713602080015522 51.811231295145035)</t>
  </si>
  <si>
    <t>POINT (4.669688443105087 51.80245409127805)</t>
  </si>
  <si>
    <t>POINT (4.677527099979099 51.80422989142018)</t>
  </si>
  <si>
    <t>POINT (4.711309526914516 51.80646208635313)</t>
  </si>
  <si>
    <t>POINT (4.679835440144738 51.803979508928826)</t>
  </si>
  <si>
    <t>POINT (4.691087936029059 51.807671996473644)</t>
  </si>
  <si>
    <t>POINT (4.6805220245415855 51.798843695041874)</t>
  </si>
  <si>
    <t>POINT (4.67024895604147 51.80533988300774)</t>
  </si>
  <si>
    <t>POINT (4.698450175165777 51.79310930953201)</t>
  </si>
  <si>
    <t>POINT (4.665428330412672 51.80968648847832)</t>
  </si>
  <si>
    <t>POINT (4.653011190973578 51.79122847595081)</t>
  </si>
  <si>
    <t>POINT (4.729307006714564 51.800373662733456)</t>
  </si>
  <si>
    <t>POINT (4.651235287107263 51.790817152613215)</t>
  </si>
  <si>
    <t>POINT (4.702136385418219 51.81595415409396)</t>
  </si>
  <si>
    <t>POINT (4.65100425355164 51.80226328158893)</t>
  </si>
  <si>
    <t>POINT (4.658628309617708 51.79630365125683)</t>
  </si>
  <si>
    <t>POINT (4.694579036279945 51.81810386267256)</t>
  </si>
  <si>
    <t>POINT (4.667038094890544 51.8142077695576)</t>
  </si>
  <si>
    <t>POINT (4.665058559113914 51.81270669346266)</t>
  </si>
  <si>
    <t>POINT (4.665795423633356 51.81226215115324)</t>
  </si>
  <si>
    <t>POINT (4.673735027300813 51.805685173384674)</t>
  </si>
  <si>
    <t>POINT (4.703972103455786 51.789991176999756)</t>
  </si>
  <si>
    <t>POINT (4.657385168950628 51.806443454539256)</t>
  </si>
  <si>
    <t>POINT (4.663936902234522 51.81430796844657)</t>
  </si>
  <si>
    <t>POINT (4.666754424328759 51.81663010332663)</t>
  </si>
  <si>
    <t>POINT (4.678604530508246 51.78970991578509)</t>
  </si>
  <si>
    <t>POINT (4.679767375462906 51.81638119763357)</t>
  </si>
  <si>
    <t>POINT (4.685671383226732 51.78142031354351)</t>
  </si>
  <si>
    <t>POINT (4.679663365808786 51.77659571127047)</t>
  </si>
  <si>
    <t>POINT (4.668645239779863 51.777247472799424)</t>
  </si>
  <si>
    <t>POINT (4.669830480900698 51.78071962426473)</t>
  </si>
  <si>
    <t>POINT (4.73019433426854 51.803737598719806)</t>
  </si>
  <si>
    <t>POINT (4.6750374463905064 51.81677548039315)</t>
  </si>
  <si>
    <t>POINT (4.688083822975562 51.81879096027264)</t>
  </si>
  <si>
    <t>POINT (4.6662612496850295 51.77275683046523)</t>
  </si>
  <si>
    <t>POINT (4.657889461236132 51.780791736901946)</t>
  </si>
  <si>
    <t>POINT (4.674445698847894 51.79712507485433)</t>
  </si>
  <si>
    <t>POINT (4.657801621143796 51.81261064870678)</t>
  </si>
  <si>
    <t>POINT (4.6779209728705675 51.78468310875937)</t>
  </si>
  <si>
    <t>POINT (4.667514329220121 51.79913255168396)</t>
  </si>
  <si>
    <t>POINT (4.68065079619535 51.786843368867366)</t>
  </si>
  <si>
    <t>POINT (4.683999906576318 51.802816750283334)</t>
  </si>
  <si>
    <t>POINT (4.697508080351511 51.80033747833141)</t>
  </si>
  <si>
    <t>POINT (4.727462210051459 51.792832949670505)</t>
  </si>
  <si>
    <t>POINT (4.670641221892359 51.79881485725294)</t>
  </si>
  <si>
    <t>POINT (4.669232559379394 51.81719619667556)</t>
  </si>
  <si>
    <t>POINT (4.676571206423362 51.81535304482713)</t>
  </si>
  <si>
    <t>POINT (4.711330211543026 51.80586272557841)</t>
  </si>
  <si>
    <t>POINT (4.67308695658367 51.81720912456056)</t>
  </si>
  <si>
    <t>POINT (4.683908105436426 51.78955059693092)</t>
  </si>
  <si>
    <t>POINT (4.653732815514701 51.802336324786474)</t>
  </si>
  <si>
    <t>POINT (4.712572845050931 51.81423176839409)</t>
  </si>
  <si>
    <t>POINT (4.659880121166595 51.80092038259613)</t>
  </si>
  <si>
    <t>POINT (4.6726856830672165 51.80818179385312)</t>
  </si>
  <si>
    <t>POINT (4.661983075125825 51.814011355957284)</t>
  </si>
  <si>
    <t>POINT (4.6610052962420365 51.816330654083)</t>
  </si>
  <si>
    <t>POINT (4.673355207709802 51.81609468750517)</t>
  </si>
  <si>
    <t>POINT (4.709128785105821 51.80348672876751)</t>
  </si>
  <si>
    <t>POINT (4.663048487461202 51.78667012096935)</t>
  </si>
  <si>
    <t>POINT (4.662705329902427 51.81001748046835)</t>
  </si>
  <si>
    <t>POINT (4.661800256659543 51.813257073431096)</t>
  </si>
  <si>
    <t>POINT (4.683635531420294 51.78234480476938)</t>
  </si>
  <si>
    <t>POINT (4.672859426151676 51.813334944378354)</t>
  </si>
  <si>
    <t>POINT (4.669920362829229 51.81548830318195)</t>
  </si>
  <si>
    <t>POINT (4.684036738543105 51.80806089884714)</t>
  </si>
  <si>
    <t>POINT (4.684426578697921 51.809000779240364)</t>
  </si>
  <si>
    <t>POINT (4.666685422165379 51.79887721004256)</t>
  </si>
  <si>
    <t>POINT (4.667686498083398 51.775696273351386)</t>
  </si>
  <si>
    <t>POINT (4.701344438506195 51.798459574230144)</t>
  </si>
  <si>
    <t>POINT (4.712875443368691 51.80973040516475)</t>
  </si>
  <si>
    <t>POINT (4.667775526160153 51.81018366613363)</t>
  </si>
  <si>
    <t>POINT (4.6679654602617004 51.81497078861928)</t>
  </si>
  <si>
    <t>POINT (4.67609649695449 51.816293934442996)</t>
  </si>
  <si>
    <t>POINT (4.686391478029756 51.80630193496591)</t>
  </si>
  <si>
    <t>POINT (4.670492620260547 51.81581180509622)</t>
  </si>
  <si>
    <t>POINT (4.68694487564065 51.80421243395309)</t>
  </si>
  <si>
    <t>POINT (4.666073278687567 51.77293846942162)</t>
  </si>
  <si>
    <t>POINT (4.663205818290486 51.79064421704888)</t>
  </si>
  <si>
    <t>POINT (4.706913865652156 51.80688788842259)</t>
  </si>
  <si>
    <t>POINT (4.68036938943384 51.80450181365286)</t>
  </si>
  <si>
    <t>POINT (4.6672398199490015 51.814020910261995)</t>
  </si>
  <si>
    <t>POINT (4.667391201221857 51.8137634953362)</t>
  </si>
  <si>
    <t>POINT (4.682683102318392 51.81452995848928)</t>
  </si>
  <si>
    <t>POINT (4.673624602273928 51.81175892357607)</t>
  </si>
  <si>
    <t>POINT (4.675698905833198 51.80777385988321)</t>
  </si>
  <si>
    <t>POINT (4.672234586707419 51.778371531443085)</t>
  </si>
  <si>
    <t>POINT (4.659912036901761 51.77293982989945)</t>
  </si>
  <si>
    <t>POINT (4.67351115678834 51.810857424759945)</t>
  </si>
  <si>
    <t>POINT (4.687545497746807 51.81003957612053)</t>
  </si>
  <si>
    <t>POINT (4.730618783676628 51.80017483821951)</t>
  </si>
  <si>
    <t>POINT (4.651465056549641 51.79417429587376)</t>
  </si>
  <si>
    <t>POINT (4.657418670929951 51.80729146735872)</t>
  </si>
  <si>
    <t>POINT (4.728555533821841 51.80255409066873)</t>
  </si>
  <si>
    <t>POINT (4.65562490573022 51.79151723438733)</t>
  </si>
  <si>
    <t>POINT (4.719816133034625 51.79470821440469)</t>
  </si>
  <si>
    <t>POINT (4.671921450722862 51.81232445018725)</t>
  </si>
  <si>
    <t>POINT (4.653551690508658 51.791476619999806)</t>
  </si>
  <si>
    <t>POINT (4.724722952259746 51.804379931935436)</t>
  </si>
  <si>
    <t>POINT (4.695556784715611 51.79920825120485)</t>
  </si>
  <si>
    <t>POINT (4.707231647240593 51.79333365680099)</t>
  </si>
  <si>
    <t>POINT (4.67221704958626 51.79947067659093)</t>
  </si>
  <si>
    <t>POINT (4.660657957021084 51.807349887500756)</t>
  </si>
  <si>
    <t>POINT (4.672501560993548 51.78503500264272)</t>
  </si>
  <si>
    <t>POINT (4.683357334846987 51.80224375260553)</t>
  </si>
  <si>
    <t>POINT (4.6662201321950265 51.813164779639834)</t>
  </si>
  <si>
    <t>POINT (4.663797835686762 51.797323902617826)</t>
  </si>
  <si>
    <t>POINT (4.667930920441985 51.81483136932671)</t>
  </si>
  <si>
    <t>POINT (4.659279398656933 51.80689863283511)</t>
  </si>
  <si>
    <t>POINT (4.705907441053245 51.79252456282391)</t>
  </si>
  <si>
    <t>POINT (4.682216281009674 51.80793501986035)</t>
  </si>
  <si>
    <t>POINT (4.679948562638744 51.78851813505827)</t>
  </si>
  <si>
    <t>POINT (4.677186472681504 51.815768269956514)</t>
  </si>
  <si>
    <t>POINT (4.674219155750793 51.815941289394075)</t>
  </si>
  <si>
    <t>POINT (4.6555714912631005 51.78717521859208)</t>
  </si>
  <si>
    <t>POINT (4.673779288464478 51.81396406620116)</t>
  </si>
  <si>
    <t>POINT (4.685942695370302 51.809762829827825)</t>
  </si>
  <si>
    <t>POINT (4.666658947004444 51.77761350520084)</t>
  </si>
  <si>
    <t>POINT (4.652843793751414 51.76700663542918)</t>
  </si>
  <si>
    <t>POINT (4.716426449863529 51.80086886076767)</t>
  </si>
  <si>
    <t>POINT (4.667474324946392 51.78210552344955)</t>
  </si>
  <si>
    <t>POINT (4.7143633518632875 51.80357123397427)</t>
  </si>
  <si>
    <t>POINT (4.683014976557834 51.80974740084826)</t>
  </si>
  <si>
    <t>POINT (4.70871276573107 51.80903102221726)</t>
  </si>
  <si>
    <t>POINT (4.628305516827966 51.79554019154888)</t>
  </si>
  <si>
    <t>POINT (4.661021635087583 51.7907171522922)</t>
  </si>
  <si>
    <t>POINT (4.7171848056214145 51.79535048504057)</t>
  </si>
  <si>
    <t>POINT (4.724814671003586 51.80358055066349)</t>
  </si>
  <si>
    <t>POINT (4.706141137674202 51.809155116666986)</t>
  </si>
  <si>
    <t>POINT (4.659357337445899 51.81035709177653)</t>
  </si>
  <si>
    <t>3313AK</t>
  </si>
  <si>
    <t>Geulstraat</t>
  </si>
  <si>
    <t>POINT (4.712210428396596 51.81612078604869)</t>
  </si>
  <si>
    <t>POINT (4.726473774558787 51.799555164413796)</t>
  </si>
  <si>
    <t>POINT (4.71460813627891 51.80750363304649)</t>
  </si>
  <si>
    <t>POINT (4.680447507495186 51.78056261383026)</t>
  </si>
  <si>
    <t>POINT (4.6735758893191495 51.81373436446906)</t>
  </si>
  <si>
    <t>POINT (4.689274362330624 51.81035760708509)</t>
  </si>
  <si>
    <t>POINT (4.683873134508273 51.78933648346447)</t>
  </si>
  <si>
    <t>POINT (4.67858185051793 51.78462764275507)</t>
  </si>
  <si>
    <t>POINT (4.685943377317406 51.788891973306484)</t>
  </si>
  <si>
    <t>POINT (4.713606595811431 51.81118625201924)</t>
  </si>
  <si>
    <t>POINT (4.696091603686917 51.795676922986694)</t>
  </si>
  <si>
    <t>POINT (4.674994557050336 51.80741278149425)</t>
  </si>
  <si>
    <t>POINT (4.668218485889506 51.789334066605576)</t>
  </si>
  <si>
    <t>POINT (4.7127542289831 51.798037516025495)</t>
  </si>
  <si>
    <t>POINT (4.675136321735784 51.78054573593545)</t>
  </si>
  <si>
    <t>POINT (4.667752527302677 51.8142831711209)</t>
  </si>
  <si>
    <t>POINT (4.666627262929042 51.80156201762661)</t>
  </si>
  <si>
    <t>POINT (4.67261104249231 51.81126293618698)</t>
  </si>
  <si>
    <t>POINT (4.662637285021582 51.81297128981426)</t>
  </si>
  <si>
    <t>POINT (4.663250066213636 51.80527297333434)</t>
  </si>
  <si>
    <t>POINT (4.669426768655938 51.813802596619475)</t>
  </si>
  <si>
    <t>POINT (4.683663171862518 51.775666673026734)</t>
  </si>
  <si>
    <t>3317BS</t>
  </si>
  <si>
    <t>POINT (4.6526594786699595 51.78736689778613)</t>
  </si>
  <si>
    <t>POINT (4.680709866743761 51.808468093594726)</t>
  </si>
  <si>
    <t>POINT (4.659016234262712 51.8111350587689)</t>
  </si>
  <si>
    <t>POINT (4.676793953250228 51.789400315954296)</t>
  </si>
  <si>
    <t>POINT (4.697062228611227 51.79290051676851)</t>
  </si>
  <si>
    <t>POINT (4.662170218702315 51.80507422662742)</t>
  </si>
  <si>
    <t>POINT (4.66180173542987 51.78829212457404)</t>
  </si>
  <si>
    <t>POINT (4.671553110728581 51.80208861959691)</t>
  </si>
  <si>
    <t>POINT (4.6600020268160725 51.7966777535041)</t>
  </si>
  <si>
    <t>POINT (4.726272510804827 51.805988315106674)</t>
  </si>
  <si>
    <t>POINT (4.671276751770333 51.77095687659539)</t>
  </si>
  <si>
    <t>POINT (4.670611294579808 51.80629827641149)</t>
  </si>
  <si>
    <t>POINT (4.708755032806934 51.795544995257394)</t>
  </si>
  <si>
    <t>POINT (4.674061595374063 51.77502989264639)</t>
  </si>
  <si>
    <t>POINT (4.722465952628366 51.798907833695175)</t>
  </si>
  <si>
    <t>POINT (4.6514329916868205 51.80337320815379)</t>
  </si>
  <si>
    <t>POINT (4.676785961658759 51.78476041942323)</t>
  </si>
  <si>
    <t>POINT (4.71291669102284 51.79526253683578)</t>
  </si>
  <si>
    <t>POINT (4.658995266183868 51.80939764013509)</t>
  </si>
  <si>
    <t>POINT (4.667759315060716 51.81350158444408)</t>
  </si>
  <si>
    <t>POINT (4.6718961386860105 51.77605838054676)</t>
  </si>
  <si>
    <t>POINT (4.6525077991759485 51.78554681124953)</t>
  </si>
  <si>
    <t>POINT (4.677736014439319 51.79057017862665)</t>
  </si>
  <si>
    <t>POINT (4.720917352038375 51.800609670311914)</t>
  </si>
  <si>
    <t>POINT (4.661434493062572 51.78723919888012)</t>
  </si>
  <si>
    <t>POINT (4.691186733667573 51.79226620722647)</t>
  </si>
  <si>
    <t>POINT (4.662690124716091 51.79942925825003)</t>
  </si>
  <si>
    <t>POINT (4.71065310207496 51.79223042080477)</t>
  </si>
  <si>
    <t>POINT (4.701748170397278 51.81684508898114)</t>
  </si>
  <si>
    <t>POINT (4.663955774784524 51.78863287439881)</t>
  </si>
  <si>
    <t>POINT (4.675066031909356 51.8152578993732)</t>
  </si>
  <si>
    <t>POINT (4.653839369166359 51.78550807875063)</t>
  </si>
  <si>
    <t>POINT (4.662700691133365 51.79991586358821)</t>
  </si>
  <si>
    <t>POINT (4.715138134164649 51.81381752222435)</t>
  </si>
  <si>
    <t>POINT (4.707547918424725 51.79607053292502)</t>
  </si>
  <si>
    <t>POINT (4.734077505498864 51.80293041732921)</t>
  </si>
  <si>
    <t>POINT (4.664691185746618 51.78720887613042)</t>
  </si>
  <si>
    <t>POINT (4.664915435522436 51.79572973962583)</t>
  </si>
  <si>
    <t>POINT (4.658284385670813 51.78313438633758)</t>
  </si>
  <si>
    <t>POINT (4.666387494728283 51.777974540875796)</t>
  </si>
  <si>
    <t>POINT (4.666229193457608 51.786330515546766)</t>
  </si>
  <si>
    <t>POINT (4.675089072165957 51.81417296303509)</t>
  </si>
  <si>
    <t>POINT (4.671286630691959 51.81942790314269)</t>
  </si>
  <si>
    <t>POINT (4.71584053677339 51.80142911605278)</t>
  </si>
  <si>
    <t>POINT (4.672864124935821 51.81461723393377)</t>
  </si>
  <si>
    <t>POINT (4.679572778602265 51.80700905912939)</t>
  </si>
  <si>
    <t>POINT (4.651870569643724 51.789194224039974)</t>
  </si>
  <si>
    <t>POINT (4.665192836614696 51.81380395871635)</t>
  </si>
  <si>
    <t>POINT (4.677650772742659 51.81515615442618)</t>
  </si>
  <si>
    <t>POINT (4.65546354316076 51.79031009587378)</t>
  </si>
  <si>
    <t>POINT (4.684796496533141 51.799351996425855)</t>
  </si>
  <si>
    <t>POINT (4.699889026406165 51.79668142266633)</t>
  </si>
  <si>
    <t>POINT (4.670576192771707 51.77786411917255)</t>
  </si>
  <si>
    <t>POINT (4.710233635245944 51.799260620747006)</t>
  </si>
  <si>
    <t>POINT (4.676474931929993 51.78372694723294)</t>
  </si>
  <si>
    <t>POINT (4.67325458350428 51.77884703607525)</t>
  </si>
  <si>
    <t>POINT (4.660279486872995 51.796387717716115)</t>
  </si>
  <si>
    <t>POINT (4.711782480816273 51.81422599086962)</t>
  </si>
  <si>
    <t>POINT (4.725265543850998 51.798384522525744)</t>
  </si>
  <si>
    <t>POINT (4.662899262732722 51.81246495666402)</t>
  </si>
  <si>
    <t>POINT (4.6676165587834335 51.800253412300464)</t>
  </si>
  <si>
    <t>POINT (4.661817226863412 51.78878360603478)</t>
  </si>
  <si>
    <t>POINT (4.675755147841722 51.78802742423825)</t>
  </si>
  <si>
    <t>POINT (4.686111880949385 51.805704846351745)</t>
  </si>
  <si>
    <t>POINT (4.7084621737229915 51.78830504378309)</t>
  </si>
  <si>
    <t>POINT (4.664639395477177 51.78620727810907)</t>
  </si>
  <si>
    <t>POINT (4.698471768588887 51.79310773744183)</t>
  </si>
  <si>
    <t>POINT (4.680217528420271 51.80181481249334)</t>
  </si>
  <si>
    <t>POINT (4.6650620685528015 51.818172423645784)</t>
  </si>
  <si>
    <t>POINT (4.656330355218452 51.80448350206326)</t>
  </si>
  <si>
    <t>POINT (4.731174423907525 51.798537375642795)</t>
  </si>
  <si>
    <t>POINT (4.6814752203728345 51.777412895993486)</t>
  </si>
  <si>
    <t>POINT (4.688408541281886 51.81873349709213)</t>
  </si>
  <si>
    <t>POINT (4.7346666728020725 51.80239742439614)</t>
  </si>
  <si>
    <t>POINT (4.683001596411721 51.80358097558362)</t>
  </si>
  <si>
    <t>POINT (4.674574169454666 51.818149848752256)</t>
  </si>
  <si>
    <t>POINT (4.696560420637227 51.79332768075267)</t>
  </si>
  <si>
    <t>POINT (4.698741299567526 51.799081966301465)</t>
  </si>
  <si>
    <t>POINT (4.717314906307144 51.79730884887769)</t>
  </si>
  <si>
    <t>POINT (4.654123969397601 51.79102186313469)</t>
  </si>
  <si>
    <t>POINT (4.724847480131049 51.79849555495103)</t>
  </si>
  <si>
    <t>POINT (4.684918481418091 51.778332900859596)</t>
  </si>
  <si>
    <t>POINT (4.667740994256197 51.81648164925793)</t>
  </si>
  <si>
    <t>POINT (4.709172522328769 51.78960729502494)</t>
  </si>
  <si>
    <t>POINT (4.675961100428631 51.77266991770083)</t>
  </si>
  <si>
    <t>POINT (4.666859627888655 51.7758495070442)</t>
  </si>
  <si>
    <t>POINT (4.671573487020507 51.811986889410456)</t>
  </si>
  <si>
    <t>POINT (4.71668347941102 51.81572846475191)</t>
  </si>
  <si>
    <t>POINT (4.670147419023077 51.7729185869884)</t>
  </si>
  <si>
    <t>POINT (4.661290631845337 51.81363394563393)</t>
  </si>
  <si>
    <t>POINT (4.711480673925201 51.805829866713964)</t>
  </si>
  <si>
    <t>POINT (4.723666138438522 51.80481439498069)</t>
  </si>
  <si>
    <t>POINT (4.658102063871245 51.8064100058816)</t>
  </si>
  <si>
    <t>POINT (4.675844849538576 51.78507110920098)</t>
  </si>
  <si>
    <t>POINT (4.716853686095424 51.804856850669125)</t>
  </si>
  <si>
    <t>POINT (4.6695389628839905 51.798592751134585)</t>
  </si>
  <si>
    <t>POINT (4.728736105785626 51.80374228744662)</t>
  </si>
  <si>
    <t>POINT (4.649873546565685 51.7925830188468)</t>
  </si>
  <si>
    <t>POINT (4.668124920161707 51.781554272142856)</t>
  </si>
  <si>
    <t>POINT (4.674707185199437 51.818261630416174)</t>
  </si>
  <si>
    <t>POINT (4.630188125923011 51.724738553834314)</t>
  </si>
  <si>
    <t>POINT (4.653677659130383 51.7926752612849)</t>
  </si>
  <si>
    <t>3318AZ</t>
  </si>
  <si>
    <t>Amnesty Internationalweg</t>
  </si>
  <si>
    <t>POINT (4.675719720647031 51.791932922818724)</t>
  </si>
  <si>
    <t>POINT (4.66221634173355 51.80347065952422)</t>
  </si>
  <si>
    <t>POINT (4.720953305741008 51.81126979128016)</t>
  </si>
  <si>
    <t>POINT (4.663970383022674 51.8022745008102)</t>
  </si>
  <si>
    <t>POINT (4.71246931233787 51.79872974813056)</t>
  </si>
  <si>
    <t>POINT (4.728376988942301 51.80575449022253)</t>
  </si>
  <si>
    <t>POINT (4.684482486659918 51.80150260292659)</t>
  </si>
  <si>
    <t>POINT (4.685164861903179 51.789804864066056)</t>
  </si>
  <si>
    <t>POINT (4.6650210663065765 51.77962946102357)</t>
  </si>
  <si>
    <t>POINT (4.686999400703069 51.77806642275698)</t>
  </si>
  <si>
    <t>POINT (4.6529905773301605 51.80229158396462)</t>
  </si>
  <si>
    <t>POINT (4.686567129400674 51.8086302935838)</t>
  </si>
  <si>
    <t>POINT (4.724489799809522 51.804555952239944)</t>
  </si>
  <si>
    <t>319A</t>
  </si>
  <si>
    <t>POINT (4.628507191605503 51.72365712643927)</t>
  </si>
  <si>
    <t>POINT (4.700281355773175 51.79853641925885)</t>
  </si>
  <si>
    <t>POINT (4.683009518940073 51.80096118382095)</t>
  </si>
  <si>
    <t>POINT (4.664772020576791 51.78720142796569)</t>
  </si>
  <si>
    <t>POINT (4.667508586254223 51.814305612219805)</t>
  </si>
  <si>
    <t>POINT (4.715532132624283 51.803983444009724)</t>
  </si>
  <si>
    <t>POINT (4.66324362911704 51.81704966288195)</t>
  </si>
  <si>
    <t>POINT (4.670994378148779 51.798540152968286)</t>
  </si>
  <si>
    <t>POINT (4.685556950686377 51.813497992272545)</t>
  </si>
  <si>
    <t>POINT (4.7136508687923095 51.80116893842262)</t>
  </si>
  <si>
    <t>POINT (4.684877520648037 51.80479562242747)</t>
  </si>
  <si>
    <t>POINT (4.661135152362631 51.79231345791437)</t>
  </si>
  <si>
    <t>POINT (4.658096384764204 51.78261090157315)</t>
  </si>
  <si>
    <t>POINT (4.6655404729478755 51.79486302168275)</t>
  </si>
  <si>
    <t>POINT (4.727965467005997 51.79799761666826)</t>
  </si>
  <si>
    <t>POINT (4.685308843229526 51.8035839236747)</t>
  </si>
  <si>
    <t>POINT (4.6834476228407445 51.804741761205044)</t>
  </si>
  <si>
    <t>POINT (4.6685123802381145 51.8128104302689)</t>
  </si>
  <si>
    <t>POINT (4.713585416590658 51.819118539615395)</t>
  </si>
  <si>
    <t>POINT (4.660914976563913 51.81112888427335)</t>
  </si>
  <si>
    <t>POINT (4.686192703369951 51.78969819357575)</t>
  </si>
  <si>
    <t>POINT (4.698744744421486 51.79112481145965)</t>
  </si>
  <si>
    <t>POINT (4.660081413576404 51.80312353688232)</t>
  </si>
  <si>
    <t>POINT (4.6696259080476645 51.815678078696976)</t>
  </si>
  <si>
    <t>POINT (4.6752081289235115 51.8140779560845)</t>
  </si>
  <si>
    <t>POINT (4.668582720391071 51.80807799802563)</t>
  </si>
  <si>
    <t>POINT (4.652275787951201 51.78528900859956)</t>
  </si>
  <si>
    <t>POINT (4.671105394574728 51.799260878508996)</t>
  </si>
  <si>
    <t>POINT (4.710465482850247 51.809257742520714)</t>
  </si>
  <si>
    <t>POINT (4.677984331038018 51.81693928363195)</t>
  </si>
  <si>
    <t>POINT (4.679462568353502 51.807866084633844)</t>
  </si>
  <si>
    <t>POINT (4.711073086856238 51.80358638778233)</t>
  </si>
  <si>
    <t>POINT (4.668183973611253 51.79013719323923)</t>
  </si>
  <si>
    <t>POINT (4.670908255243756 51.78601649530687)</t>
  </si>
  <si>
    <t>POINT (4.68475315918956 51.80285673150186)</t>
  </si>
  <si>
    <t>POINT (4.707937673181652 51.78793860499023)</t>
  </si>
  <si>
    <t>POINT (4.664050001683713 51.815350722877234)</t>
  </si>
  <si>
    <t>POINT (4.669349622724321 51.79052143478754)</t>
  </si>
  <si>
    <t>POINT (4.693010530853727 51.78957422543763)</t>
  </si>
  <si>
    <t>POINT (4.72391834100218 51.80549449009689)</t>
  </si>
  <si>
    <t>POINT (4.71979370397195 51.81151555805012)</t>
  </si>
  <si>
    <t>POINT (4.680336971356291 51.77824285387792)</t>
  </si>
  <si>
    <t>POINT (4.678665013394152 51.787047434643206)</t>
  </si>
  <si>
    <t>POINT (4.697100528384156 51.798664250625094)</t>
  </si>
  <si>
    <t>POINT (4.700582064473448 51.798217994198616)</t>
  </si>
  <si>
    <t>POINT (4.650878720838322 51.78958131284181)</t>
  </si>
  <si>
    <t>POINT (4.678027805297493 51.814342631025376)</t>
  </si>
  <si>
    <t>POINT (4.708797493474122 51.80527311514798)</t>
  </si>
  <si>
    <t>POINT (4.724017080398451 51.79963210757861)</t>
  </si>
  <si>
    <t>POINT (4.6567965430133915 51.796727845180676)</t>
  </si>
  <si>
    <t>POINT (4.648331966167966 51.783553957764475)</t>
  </si>
  <si>
    <t>POINT (4.668208795708868 51.791974815298175)</t>
  </si>
  <si>
    <t>POINT (4.649963955577979 51.79311249190835)</t>
  </si>
  <si>
    <t>POINT (4.700642208845736 51.795191484565684)</t>
  </si>
  <si>
    <t>POINT (4.701334199776506 51.79047411617579)</t>
  </si>
  <si>
    <t>POINT (4.679235602567302 51.806683415085544)</t>
  </si>
  <si>
    <t>POINT (4.676008829075118 51.785746597472965)</t>
  </si>
  <si>
    <t>POINT (4.7091738639669405 51.786683441675635)</t>
  </si>
  <si>
    <t>POINT (4.671914559536407 51.80509509323993)</t>
  </si>
  <si>
    <t>POINT (4.656490038225465 51.81173297752033)</t>
  </si>
  <si>
    <t>POINT (4.686532474884908 51.811047983475895)</t>
  </si>
  <si>
    <t>POINT (4.680447476491472 51.77482201460863)</t>
  </si>
  <si>
    <t>POINT (4.712481816770104 51.80391592190098)</t>
  </si>
  <si>
    <t>POINT (4.66902198675652 51.770570265369855)</t>
  </si>
  <si>
    <t>POINT (4.695376627816596 51.7996011713687)</t>
  </si>
  <si>
    <t>POINT (4.6564826794597876 51.80444624881319)</t>
  </si>
  <si>
    <t>POINT (4.675672635293295 51.80414288607754)</t>
  </si>
  <si>
    <t>POINT (4.708448908651941 51.80407492542393)</t>
  </si>
  <si>
    <t>POINT (4.668591568424894 51.80827071560443)</t>
  </si>
  <si>
    <t>POINT (4.672296148388561 51.8084722724299)</t>
  </si>
  <si>
    <t>POINT (4.718856463992201 51.81230863964165)</t>
  </si>
  <si>
    <t>POINT (4.665745260290315 51.78836793135357)</t>
  </si>
  <si>
    <t>POINT (4.672408684313666 51.7754307045559)</t>
  </si>
  <si>
    <t>POINT (4.710704684414086 51.7915774042157)</t>
  </si>
  <si>
    <t>POINT (4.679844564591703 51.787187064610066)</t>
  </si>
  <si>
    <t>POINT (4.672396985920927 51.79666743696052)</t>
  </si>
  <si>
    <t>POINT (4.666820607201966 51.77992644916029)</t>
  </si>
  <si>
    <t>POINT (4.679675094001963 51.807782369368276)</t>
  </si>
  <si>
    <t>POINT (4.7155592491274785 51.803238467311694)</t>
  </si>
  <si>
    <t>POINT (4.636149776016992 51.76755469321803)</t>
  </si>
  <si>
    <t>POINT (4.685795199307421 51.78644205642683)</t>
  </si>
  <si>
    <t>POINT (4.664254576006607 51.79220187417838)</t>
  </si>
  <si>
    <t>POINT (4.730941507911153 51.805063819332474)</t>
  </si>
  <si>
    <t>POINT (4.661324639815944 51.800653069611634)</t>
  </si>
  <si>
    <t>POINT (4.686651150212404 51.80655708283557)</t>
  </si>
  <si>
    <t>POINT (4.653950401158962 51.801690399465826)</t>
  </si>
  <si>
    <t>POINT (4.729834565825519 51.79602899324789)</t>
  </si>
  <si>
    <t>POINT (4.667115420902224 51.80111351267663)</t>
  </si>
  <si>
    <t>POINT (4.672633495273396 51.783692184162575)</t>
  </si>
  <si>
    <t>POINT (4.63127728472189 51.72198062114884)</t>
  </si>
  <si>
    <t>POINT (4.656634473801885 51.7881474200941)</t>
  </si>
  <si>
    <t>POINT (4.681283703175156 51.79967844777407)</t>
  </si>
  <si>
    <t>POINT (4.703900943450954 51.7987355574969)</t>
  </si>
  <si>
    <t>POINT (4.687121956900158 51.80604563303042)</t>
  </si>
  <si>
    <t>POINT (4.673437085091633 51.80564049439685)</t>
  </si>
  <si>
    <t>POINT (4.684130429718854 51.81121137667347)</t>
  </si>
  <si>
    <t>POINT (4.665994263221095 51.77745015787734)</t>
  </si>
  <si>
    <t>POINT (4.691684713379534 51.80761249769498)</t>
  </si>
  <si>
    <t>POINT (4.667683128073231 51.77718014565506)</t>
  </si>
  <si>
    <t>POINT (4.6766101010240995 51.783671020490985)</t>
  </si>
  <si>
    <t>POINT (4.661422962113147 51.783373451462516)</t>
  </si>
  <si>
    <t>POINT (4.6785775943902115 51.78954783976767)</t>
  </si>
  <si>
    <t>POINT (4.630679054433113 51.722813959441666)</t>
  </si>
  <si>
    <t>POINT (4.722883445764137 51.79944942717083)</t>
  </si>
  <si>
    <t>POINT (4.654103193528187 51.79096951788024)</t>
  </si>
  <si>
    <t>POINT (4.706966379562796 51.79035533332236)</t>
  </si>
  <si>
    <t>POINT (4.6620883308686984 51.81084661493801)</t>
  </si>
  <si>
    <t>POINT (4.672674981631248 51.78068877133393)</t>
  </si>
  <si>
    <t>POINT (4.668523454348219 51.80804087135526)</t>
  </si>
  <si>
    <t>POINT (4.67064456651401 51.814019843362104)</t>
  </si>
  <si>
    <t>POINT (4.720883386684365 51.811291910836346)</t>
  </si>
  <si>
    <t>POINT (4.656110387851748 51.79295119138444)</t>
  </si>
  <si>
    <t>POINT (4.679423261670014 51.78896561493523)</t>
  </si>
  <si>
    <t>POINT (4.676456799973145 51.804067936004486)</t>
  </si>
  <si>
    <t>POINT (4.687864380303963 51.80790199506469)</t>
  </si>
  <si>
    <t>POINT (4.702448051355561 51.798388493148146)</t>
  </si>
  <si>
    <t>POINT (4.729918791540386 51.80166968471965)</t>
  </si>
  <si>
    <t>POINT (4.726075261475026 51.797173679251095)</t>
  </si>
  <si>
    <t>POINT (4.668540588000458 51.81397575112174)</t>
  </si>
  <si>
    <t>POINT (4.666927299792011 51.81592042999331)</t>
  </si>
  <si>
    <t>POINT (4.682733833429064 51.81829973876863)</t>
  </si>
  <si>
    <t>POINT (4.643186533000703 51.766630868169244)</t>
  </si>
  <si>
    <t>POINT (4.731328454976409 51.799847584975474)</t>
  </si>
  <si>
    <t>3316AD</t>
  </si>
  <si>
    <t>Dokweg</t>
  </si>
  <si>
    <t>POINT (4.651703136569756 51.809836040409664)</t>
  </si>
  <si>
    <t>POINT (4.6777482432533315 51.79077326218453)</t>
  </si>
  <si>
    <t>POINT (4.713256765384059 51.81384442249663)</t>
  </si>
  <si>
    <t>POINT (4.663596349960767 51.803254856394005)</t>
  </si>
  <si>
    <t>POINT (4.711672068443352 51.798087325615846)</t>
  </si>
  <si>
    <t>POINT (4.677588392369875 51.78137084683574)</t>
  </si>
  <si>
    <t>POINT (4.682322819596097 51.802673322334826)</t>
  </si>
  <si>
    <t>POINT (4.704278576281587 51.79835318524965)</t>
  </si>
  <si>
    <t>POINT (4.651643221112693 51.79328298689257)</t>
  </si>
  <si>
    <t>POINT (4.651181566860703 51.80117084638346)</t>
  </si>
  <si>
    <t>POINT (4.681434892772094 51.77732118430117)</t>
  </si>
  <si>
    <t>POINT (4.705237200097735 51.796807057395775)</t>
  </si>
  <si>
    <t>POINT (4.661609468350097 51.79500453585154)</t>
  </si>
  <si>
    <t>POINT (4.694911331878807 51.79199146633103)</t>
  </si>
  <si>
    <t>POINT (4.710721233799407 51.79596234855717)</t>
  </si>
  <si>
    <t>POINT (4.682164593920255 51.77553083461916)</t>
  </si>
  <si>
    <t>POINT (4.676082581327487 51.77227415329824)</t>
  </si>
  <si>
    <t>POINT (4.670981832385933 51.796930939056885)</t>
  </si>
  <si>
    <t>POINT (4.678568692980765 51.78950919754191)</t>
  </si>
  <si>
    <t>POINT (4.685212009324273 51.77519048275999)</t>
  </si>
  <si>
    <t>POINT (4.679274466309888 51.799840920017694)</t>
  </si>
  <si>
    <t>POINT (4.718538164854315 51.81510033227954)</t>
  </si>
  <si>
    <t>POINT (4.6333071389198555 51.779895135469395)</t>
  </si>
  <si>
    <t>POINT (4.665541964556693 51.78469084833232)</t>
  </si>
  <si>
    <t>POINT (4.661502975681605 51.80987503196277)</t>
  </si>
  <si>
    <t>POINT (4.721469120215491 51.805901360420926)</t>
  </si>
  <si>
    <t>POINT (4.6859530522302 51.809856796302036)</t>
  </si>
  <si>
    <t>POINT (4.653959421561719 51.7923096900703)</t>
  </si>
  <si>
    <t>POINT (4.703207363686947 51.7984771819484)</t>
  </si>
  <si>
    <t>POINT (4.667694639537678 51.782529605069655)</t>
  </si>
  <si>
    <t>POINT (4.630431349949407 51.72359527546981)</t>
  </si>
  <si>
    <t>POINT (4.6550994735436335 51.794808524921656)</t>
  </si>
  <si>
    <t>POINT (4.644856482677962 51.78393209316849)</t>
  </si>
  <si>
    <t>POINT (4.651275937317663 51.79062571431051)</t>
  </si>
  <si>
    <t>POINT (4.663828679060449 51.81060618514545)</t>
  </si>
  <si>
    <t>POINT (4.667342935929678 51.774180222618455)</t>
  </si>
  <si>
    <t>POINT (4.698251027892449 51.80113929949072)</t>
  </si>
  <si>
    <t>POINT (4.702337659060535 51.78951808277297)</t>
  </si>
  <si>
    <t>POINT (4.7338323103628825 51.802816865128655)</t>
  </si>
  <si>
    <t>POINT (4.6710563177097875 51.81674587029495)</t>
  </si>
  <si>
    <t>POINT (4.716933308515989 51.801344470361784)</t>
  </si>
  <si>
    <t>POINT (4.728617925633843 51.80038041256039)</t>
  </si>
  <si>
    <t>POINT (4.668278534493724 51.81307700429375)</t>
  </si>
  <si>
    <t>POINT (4.684548503664574 51.80882564610293)</t>
  </si>
  <si>
    <t>POINT (4.638080203389251 51.761569673483805)</t>
  </si>
  <si>
    <t>POINT (4.693402943689862 51.796812395267516)</t>
  </si>
  <si>
    <t>POINT (4.727648655648212 51.80321084803925)</t>
  </si>
  <si>
    <t>POINT (4.673518424397049 51.77299320712194)</t>
  </si>
  <si>
    <t>POINT (4.652124481782263 51.791791845782896)</t>
  </si>
  <si>
    <t>POINT (4.695022592810828 51.81049202094811)</t>
  </si>
  <si>
    <t>POINT (4.675787832970017 51.80406556284065)</t>
  </si>
  <si>
    <t>POINT (4.673422547851576 51.81614672800321)</t>
  </si>
  <si>
    <t>POINT (4.643077386392446 51.79867428636955)</t>
  </si>
  <si>
    <t>POINT (4.690287748250591 51.80631190905397)</t>
  </si>
  <si>
    <t>POINT (4.661093173051119 51.78782411226174)</t>
  </si>
  <si>
    <t>POINT (4.7062573178407705 51.78958970866542)</t>
  </si>
  <si>
    <t>POINT (4.679162063547255 51.78203474297993)</t>
  </si>
  <si>
    <t>POINT (4.693484731284395 51.789391351405534)</t>
  </si>
  <si>
    <t>POINT (4.7274868248837665 51.80353661236796)</t>
  </si>
  <si>
    <t>POINT (4.669605845088238 51.80809145916815)</t>
  </si>
  <si>
    <t>POINT (4.666132838127182 51.810489374088185)</t>
  </si>
  <si>
    <t>POINT (4.6512805224267355 51.79070717183663)</t>
  </si>
  <si>
    <t>POINT (4.709642987460994 51.79636948801834)</t>
  </si>
  <si>
    <t>POINT (4.721062897780032 51.79931095408465)</t>
  </si>
  <si>
    <t>POINT (4.706767141243075 51.78788025331961)</t>
  </si>
  <si>
    <t>POINT (4.653717325020178 51.805144719862405)</t>
  </si>
  <si>
    <t>POINT (4.735791090810539 51.79872551372308)</t>
  </si>
  <si>
    <t>POINT (4.698321327713006 51.798647775601985)</t>
  </si>
  <si>
    <t>POINT (4.665554853349694 51.81238175852145)</t>
  </si>
  <si>
    <t>POINT (4.675229077139063 51.81765981548725)</t>
  </si>
  <si>
    <t>POINT (4.669854470402906 51.81107825434627)</t>
  </si>
  <si>
    <t>POINT (4.66536787973916 51.780986122987414)</t>
  </si>
  <si>
    <t>POINT (4.698249525562217 51.81770338689598)</t>
  </si>
  <si>
    <t>POINT (4.673668282005869 51.80313422932786)</t>
  </si>
  <si>
    <t>POINT (4.691197289014019 51.81806033314529)</t>
  </si>
  <si>
    <t>POINT (4.663774254524239 51.81735019046354)</t>
  </si>
  <si>
    <t>POINT (4.657255846964169 51.80247777280931)</t>
  </si>
  <si>
    <t>POINT (4.701935350905882 51.79090947200135)</t>
  </si>
  <si>
    <t>POINT (4.675796045862168 51.80788124329771)</t>
  </si>
  <si>
    <t>POINT (4.703211825585722 51.79926035415606)</t>
  </si>
  <si>
    <t>POINT (4.674093885002369 51.77494786924048)</t>
  </si>
  <si>
    <t>POINT (4.699233662366385 51.7901579005877)</t>
  </si>
  <si>
    <t>POINT (4.68222596134915 51.80821827505141)</t>
  </si>
  <si>
    <t>POINT (4.676835021384738 51.78055417539477)</t>
  </si>
  <si>
    <t>POINT (4.662825969553671 51.79808054320398)</t>
  </si>
  <si>
    <t>POINT (4.682235969183115 51.789954893946046)</t>
  </si>
  <si>
    <t>POINT (4.656293246868141 51.7834293292486)</t>
  </si>
  <si>
    <t>POINT (4.65520271764603 51.7675216967219)</t>
  </si>
  <si>
    <t>POINT (4.657655090483199 51.80499658717513)</t>
  </si>
  <si>
    <t>POINT (4.668993052026024 51.81303044953892)</t>
  </si>
  <si>
    <t>POINT (4.66185268477683 51.81390227245618)</t>
  </si>
  <si>
    <t>POINT (4.679371630305896 51.78525926486216)</t>
  </si>
  <si>
    <t>POINT (4.725501098164038 51.79796431970351)</t>
  </si>
  <si>
    <t>POINT (4.6645328001388755 51.8143011946453)</t>
  </si>
  <si>
    <t>POINT (4.706798122410847 51.806770931174924)</t>
  </si>
  <si>
    <t>POINT (4.66752508391535 51.779564348942344)</t>
  </si>
  <si>
    <t>POINT (4.732705595560762 51.79519954569675)</t>
  </si>
  <si>
    <t>POINT (4.6774862693387425 51.81632698509422)</t>
  </si>
  <si>
    <t>POINT (4.697591344634417 51.79916438054843)</t>
  </si>
  <si>
    <t>POINT (4.694550735192827 51.790484642277576)</t>
  </si>
  <si>
    <t>POINT (4.676297737907744 51.807475092310895)</t>
  </si>
  <si>
    <t>POINT (4.650672374226899 51.80318873395422)</t>
  </si>
  <si>
    <t>POINT (4.674378232431448 51.797032288223356)</t>
  </si>
  <si>
    <t>POINT (4.663670074695823 51.8041035647308)</t>
  </si>
  <si>
    <t>POINT (4.713601382850862 51.811277960167615)</t>
  </si>
  <si>
    <t>POINT (4.6948993083854305 51.79193146787422)</t>
  </si>
  <si>
    <t>POINT (4.730651741718417 51.7988469241174)</t>
  </si>
  <si>
    <t>POINT (4.677647994062241 51.79044350796108)</t>
  </si>
  <si>
    <t>POINT (4.668539182979965 51.808093911018524)</t>
  </si>
  <si>
    <t>POINT (4.718032784490914 51.803115711737085)</t>
  </si>
  <si>
    <t>POINT (4.668983215041761 51.77213653688501)</t>
  </si>
  <si>
    <t>POINT (4.664747185074628 51.81210507020727)</t>
  </si>
  <si>
    <t>POINT (4.672272314335421 51.78017946249433)</t>
  </si>
  <si>
    <t>POINT (4.668143932786286 51.802951562189676)</t>
  </si>
  <si>
    <t>POINT (4.680563797915432 51.81336769220031)</t>
  </si>
  <si>
    <t>3316AR</t>
  </si>
  <si>
    <t>RÃ©aumurstraat</t>
  </si>
  <si>
    <t>POINT (4.672134933765197 51.815261172935486)</t>
  </si>
  <si>
    <t>POINT (4.660267045205019 51.7986142223828)</t>
  </si>
  <si>
    <t>POINT (4.634332863797509 51.78442708597582)</t>
  </si>
  <si>
    <t>POINT (4.675165896854807 51.779768868926226)</t>
  </si>
  <si>
    <t>POINT (4.683952181608471 51.79808100478526)</t>
  </si>
  <si>
    <t>POINT (4.65513804498227 51.79783759069098)</t>
  </si>
  <si>
    <t>POINT (4.684559077165202 51.81064282222091)</t>
  </si>
  <si>
    <t>POINT (4.676712236389175 51.814457342077915)</t>
  </si>
  <si>
    <t>POINT (4.679141529625778 51.79041416826256)</t>
  </si>
  <si>
    <t>POINT (4.728605378028453 51.79399771275642)</t>
  </si>
  <si>
    <t>POINT (4.673207969068308 51.785830669761744)</t>
  </si>
  <si>
    <t>POINT (4.725102492034961 51.80355367211105)</t>
  </si>
  <si>
    <t>POINT (4.658235615879063 51.79803717291797)</t>
  </si>
  <si>
    <t>POINT (4.652319283393342 51.78528891256496)</t>
  </si>
  <si>
    <t>POINT (4.6615625814843265 51.794389436669796)</t>
  </si>
  <si>
    <t>POINT (4.67696021237094 51.80999180674107)</t>
  </si>
  <si>
    <t>POINT (4.651027111926305 51.79325269552219)</t>
  </si>
  <si>
    <t>POINT (4.654278709993822 51.794776658853415)</t>
  </si>
  <si>
    <t>POINT (4.716143048161836 51.80535550571179)</t>
  </si>
  <si>
    <t>POINT (4.68219795490006 51.80486782217656)</t>
  </si>
  <si>
    <t>POINT (4.678751662475948 51.786340916220276)</t>
  </si>
  <si>
    <t>POINT (4.678812540170436 51.78709477919658)</t>
  </si>
  <si>
    <t>POINT (4.674513638401542 51.81808700996357)</t>
  </si>
  <si>
    <t>POINT (4.667776440533274 51.771322645461076)</t>
  </si>
  <si>
    <t>POINT (4.685883147062414 51.791719498597864)</t>
  </si>
  <si>
    <t>POINT (4.679988214686626 51.80571135203886)</t>
  </si>
  <si>
    <t>POINT (4.680236297512895 51.8138272697303)</t>
  </si>
  <si>
    <t>POINT (4.667342892214911 51.80149443793442)</t>
  </si>
  <si>
    <t>POINT (4.656461767277139 51.81175400579434)</t>
  </si>
  <si>
    <t>POINT (4.669212893113108 51.8010449470439)</t>
  </si>
  <si>
    <t>POINT (4.710387779689128 51.79398889752955)</t>
  </si>
  <si>
    <t>POINT (4.679590784580697 51.80431386868484)</t>
  </si>
  <si>
    <t>POINT (4.6602657614158405 51.79318432884274)</t>
  </si>
  <si>
    <t>POINT (4.651421779767501 51.790012771840246)</t>
  </si>
  <si>
    <t>POINT (4.721374837815975 51.794785735043774)</t>
  </si>
  <si>
    <t>POINT (4.705320485720598 51.81602901132003)</t>
  </si>
  <si>
    <t>POINT (4.662408639758173 51.814555723822906)</t>
  </si>
  <si>
    <t>POINT (4.693318779972724 51.79685544765289)</t>
  </si>
  <si>
    <t>POINT (4.664162358536717 51.81712008107842)</t>
  </si>
  <si>
    <t>POINT (4.692610233053136 51.79601394209738)</t>
  </si>
  <si>
    <t>POINT (4.632252228146213 51.76982446812016)</t>
  </si>
  <si>
    <t>POINT (4.697785935792091 51.790627608132404)</t>
  </si>
  <si>
    <t>POINT (4.733712271549489 51.803461553601664)</t>
  </si>
  <si>
    <t>POINT (4.671579147969706 51.81189701920728)</t>
  </si>
  <si>
    <t>POINT (4.662799726020726 51.79345640559506)</t>
  </si>
  <si>
    <t>POINT (4.682725472996472 51.80615133693571)</t>
  </si>
  <si>
    <t>POINT (4.688748482547923 51.806720496229914)</t>
  </si>
  <si>
    <t>POINT (4.67637092924675 51.78371615080836)</t>
  </si>
  <si>
    <t>POINT (4.643749374109297 51.77397619017971)</t>
  </si>
  <si>
    <t>POINT (4.702925948542439 51.79729086212984)</t>
  </si>
  <si>
    <t>POINT (4.666151971389028 51.79860435295631)</t>
  </si>
  <si>
    <t>POINT (4.670212890211865 51.811389915941064)</t>
  </si>
  <si>
    <t>POINT (4.728199738474971 51.80277934370537)</t>
  </si>
  <si>
    <t>POINT (4.669070922272677 51.81659604984294)</t>
  </si>
  <si>
    <t>POINT (4.664163952550229 51.81258354110406)</t>
  </si>
  <si>
    <t>POINT (4.719322154174851 51.80397765325797)</t>
  </si>
  <si>
    <t>POINT (4.671679870049073 51.81745303700866)</t>
  </si>
  <si>
    <t>POINT (4.6530208737381855 51.80225274460291)</t>
  </si>
  <si>
    <t>POINT (4.667550192060097 51.80295071755813)</t>
  </si>
  <si>
    <t>POINT (4.7290458098957995 51.7963858518234)</t>
  </si>
  <si>
    <t>POINT (4.675558745941359 51.775763764046076)</t>
  </si>
  <si>
    <t>POINT (4.732947029144216 51.795977187403565)</t>
  </si>
  <si>
    <t>POINT (4.67284345077261 51.78472195931119)</t>
  </si>
  <si>
    <t>POINT (4.663253201295801 51.81663243160748)</t>
  </si>
  <si>
    <t>POINT (4.669587442726495 51.79852437407124)</t>
  </si>
  <si>
    <t>POINT (4.651682818313029 51.787719607652264)</t>
  </si>
  <si>
    <t>POINT (4.672692547477525 51.78356803236695)</t>
  </si>
  <si>
    <t>POINT (4.678382504124525 51.817001985103886)</t>
  </si>
  <si>
    <t>POINT (4.672494357014613 51.78841587855033)</t>
  </si>
  <si>
    <t>POINT (4.654396796279954 51.806759982272986)</t>
  </si>
  <si>
    <t>POINT (4.6695885469343965 51.79230430366557)</t>
  </si>
  <si>
    <t>POINT (4.671295615926433 51.78600205114161)</t>
  </si>
  <si>
    <t>POINT (4.680376966377515 51.79857058105829)</t>
  </si>
  <si>
    <t>POINT (4.62780289981763 51.79202075409931)</t>
  </si>
  <si>
    <t>POINT (4.684157110561401 51.77745337963224)</t>
  </si>
  <si>
    <t>POINT (4.692980206321693 51.79343916865853)</t>
  </si>
  <si>
    <t>POINT (4.686089712276972 51.774805533330095)</t>
  </si>
  <si>
    <t>POINT (4.682005747217918 51.78170944942043)</t>
  </si>
  <si>
    <t>POINT (4.668333854852341 51.800642893756525)</t>
  </si>
  <si>
    <t>POINT (4.668404765339567 51.77251566970533)</t>
  </si>
  <si>
    <t>POINT (4.665553025401307 51.786928924647285)</t>
  </si>
  <si>
    <t>POINT (4.672884072950753 51.77173077236955)</t>
  </si>
  <si>
    <t>POINT (4.717048136626981 51.801345288055295)</t>
  </si>
  <si>
    <t>POINT (4.712048490397127 51.80750364825222)</t>
  </si>
  <si>
    <t>POINT (4.661174939742751 51.788689278154635)</t>
  </si>
  <si>
    <t>POINT (4.659385589856368 51.80115933664388)</t>
  </si>
  <si>
    <t>POINT (4.6688272516007645 51.772511939271034)</t>
  </si>
  <si>
    <t>POINT (4.67057166017984 51.80975568281517)</t>
  </si>
  <si>
    <t>POINT (4.706147311939267 51.806737906634325)</t>
  </si>
  <si>
    <t>POINT (4.654089008201213 51.78846006825457)</t>
  </si>
  <si>
    <t>POINT (4.680507847203067 51.77614587529702)</t>
  </si>
  <si>
    <t>POINT (4.697161756511018 51.796327053520805)</t>
  </si>
  <si>
    <t>POINT (4.677462043525389 51.81571107006168)</t>
  </si>
  <si>
    <t>POINT (4.65135438424075 51.79451436377104)</t>
  </si>
  <si>
    <t>POINT (4.697056184851984 51.797428497353934)</t>
  </si>
  <si>
    <t>POINT (4.7343534434252 51.79867273279199)</t>
  </si>
  <si>
    <t>POINT (4.725298927018735 51.805277228316925)</t>
  </si>
  <si>
    <t>POINT (4.659548105614551 51.81093722715411)</t>
  </si>
  <si>
    <t>POINT (4.682084608641712 51.80276869010516)</t>
  </si>
  <si>
    <t>POINT (4.7263728876637545 51.79786099186538)</t>
  </si>
  <si>
    <t>POINT (4.683763064683351 51.78253801762378)</t>
  </si>
  <si>
    <t>POINT (4.65167941663502 51.78797716699233)</t>
  </si>
  <si>
    <t>POINT (4.672358774413635 51.81956861206469)</t>
  </si>
  <si>
    <t>POINT (4.693391395978556 51.79217779318968)</t>
  </si>
  <si>
    <t>POINT (4.663682198911323 51.81260257618033)</t>
  </si>
  <si>
    <t>POINT (4.676680245157783 51.77599759130671)</t>
  </si>
  <si>
    <t>POINT (4.679158497223704 51.80580485524449)</t>
  </si>
  <si>
    <t>POINT (4.6663865778215605 51.78792085657343)</t>
  </si>
  <si>
    <t>POINT (4.675881381925122 51.785793995145355)</t>
  </si>
  <si>
    <t>POINT (4.735079843450424 51.79889051318879)</t>
  </si>
  <si>
    <t>POINT (4.674975741663641 51.81065484638751)</t>
  </si>
  <si>
    <t>POINT (4.683873383989113 51.78143496622513)</t>
  </si>
  <si>
    <t>POINT (4.719484418209686 51.803662958469914)</t>
  </si>
  <si>
    <t>POINT (4.702218112599189 51.790176569097696)</t>
  </si>
  <si>
    <t>POINT (4.715979986378468 51.80120857736413)</t>
  </si>
  <si>
    <t>POINT (4.660421646007902 51.783150317964825)</t>
  </si>
  <si>
    <t>POINT (4.712237302567725 51.79436686534584)</t>
  </si>
  <si>
    <t>POINT (4.68969826210921 51.81803634185362)</t>
  </si>
  <si>
    <t>POINT (4.6776020037317805 51.81480949028152)</t>
  </si>
  <si>
    <t>POINT (4.657100297942068 51.78792170134339)</t>
  </si>
  <si>
    <t>POINT (4.703249304944042 51.816226960824984)</t>
  </si>
  <si>
    <t>POINT (4.675514285699078 51.81677440898449)</t>
  </si>
  <si>
    <t>POINT (4.663673111010682 51.8124884178355)</t>
  </si>
  <si>
    <t>POINT (4.677568671247939 51.780982730221474)</t>
  </si>
  <si>
    <t>POINT (4.675768114262772 51.7846010651858)</t>
  </si>
  <si>
    <t>POINT (4.6793405180433805 51.80899026275831)</t>
  </si>
  <si>
    <t>POINT (4.672344465692066 51.80814382386925)</t>
  </si>
  <si>
    <t>POINT (4.727579993434982 51.79196596456586)</t>
  </si>
  <si>
    <t>POINT (4.663276148356327 51.805277646574325)</t>
  </si>
  <si>
    <t>POINT (4.703578225177608 51.81230910855474)</t>
  </si>
  <si>
    <t>POINT (4.71106497654354 51.81174855372622)</t>
  </si>
  <si>
    <t>POINT (4.670224536633359 51.80531448458987)</t>
  </si>
  <si>
    <t>POINT (4.678757704067563 51.78556290918297)</t>
  </si>
  <si>
    <t>POINT (4.715797390100128 51.815103947100226)</t>
  </si>
  <si>
    <t>POINT (4.676215919601925 51.7760631815536)</t>
  </si>
  <si>
    <t>POINT (4.652872959232174 51.80409679456985)</t>
  </si>
  <si>
    <t>POINT (4.67764667721783 51.790559490077634)</t>
  </si>
  <si>
    <t>POINT (4.663557731430396 51.7936221252026)</t>
  </si>
  <si>
    <t>POINT (4.6746258433583545 51.80494004076418)</t>
  </si>
  <si>
    <t>POINT (4.701863816972578 51.793922802413576)</t>
  </si>
  <si>
    <t>POINT (4.709028266853022 51.79558599924503)</t>
  </si>
  <si>
    <t>POINT (4.692938304358584 51.786626085654675)</t>
  </si>
  <si>
    <t>POINT (4.70979927606389 51.80662546531098)</t>
  </si>
  <si>
    <t>POINT (4.707858434432882 51.79038652465257)</t>
  </si>
  <si>
    <t>POINT (4.670506009760685 51.772134778564485)</t>
  </si>
  <si>
    <t>POINT (4.6605651740285925 51.770183305924355)</t>
  </si>
  <si>
    <t>POINT (4.662594901614292 51.81283466982426)</t>
  </si>
  <si>
    <t>POINT (4.667940656609916 51.77977214630031)</t>
  </si>
  <si>
    <t>POINT (4.677785811405313 51.782162902864414)</t>
  </si>
  <si>
    <t>POINT (4.717631982584965 51.81489821576805)</t>
  </si>
  <si>
    <t>POINT (4.681574289949829 51.775073768554485)</t>
  </si>
  <si>
    <t>POINT (4.704453859960482 51.79851904845098)</t>
  </si>
  <si>
    <t>POINT (4.652439878018565 51.79054265571797)</t>
  </si>
  <si>
    <t>POINT (4.733895332161633 51.79758446315078)</t>
  </si>
  <si>
    <t>POINT (4.704492248199703 51.80756031468698)</t>
  </si>
  <si>
    <t>POINT (4.705672493625387 51.79269768618432)</t>
  </si>
  <si>
    <t>POINT (4.703772223933925 51.815240734929446)</t>
  </si>
  <si>
    <t>POINT (4.69972093957967 51.790178087326744)</t>
  </si>
  <si>
    <t>POINT (4.685570853141014 51.78481019329925)</t>
  </si>
  <si>
    <t>POINT (4.67392869364092 51.81098573290815)</t>
  </si>
  <si>
    <t>POINT (4.711740789271657 51.79179734941745)</t>
  </si>
  <si>
    <t>POINT (4.67108178700675 51.77916006233215)</t>
  </si>
  <si>
    <t>POINT (4.692932769675871 51.78904383759546)</t>
  </si>
  <si>
    <t>POINT (4.6661227597791495 51.816955155491065)</t>
  </si>
  <si>
    <t>POINT (4.736848366945664 51.800975697207754)</t>
  </si>
  <si>
    <t>POINT (4.707013353745598 51.79649774021419)</t>
  </si>
  <si>
    <t>POINT (4.672610012658533 51.805999070575176)</t>
  </si>
  <si>
    <t>POINT (4.648420132044286 51.79024609424286)</t>
  </si>
  <si>
    <t>POINT (4.665177001633318 51.7784921891462)</t>
  </si>
  <si>
    <t>POINT (4.70465333012804 51.814872249690026)</t>
  </si>
  <si>
    <t>POINT (4.700351081475831 51.79542849261244)</t>
  </si>
  <si>
    <t>POINT (4.6744185274223895 51.81637701266498)</t>
  </si>
  <si>
    <t>POINT (4.69530200405049 51.81805718839037)</t>
  </si>
  <si>
    <t>POINT (4.705459401456191 51.79021878460844)</t>
  </si>
  <si>
    <t>POINT (4.716734210392501 51.80336383708289)</t>
  </si>
  <si>
    <t>POINT (4.67168536860072 51.812344107402176)</t>
  </si>
  <si>
    <t>POINT (4.686565263317176 51.781684818317416)</t>
  </si>
  <si>
    <t>POINT (4.726926907490343 51.79148008557721)</t>
  </si>
  <si>
    <t>POINT (4.678624909146922 51.789141468135895)</t>
  </si>
  <si>
    <t>POINT (4.630177980908802 51.725324405078)</t>
  </si>
  <si>
    <t>POINT (4.672336077273529 51.80822201920927)</t>
  </si>
  <si>
    <t>POINT (4.7323491882025035 51.79803269136631)</t>
  </si>
  <si>
    <t>POINT (4.72755641829147 51.80427815276671)</t>
  </si>
  <si>
    <t>POINT (4.703399552418884 51.794310842616056)</t>
  </si>
  <si>
    <t>POINT (4.663292784532243 51.812563428911545)</t>
  </si>
  <si>
    <t>POINT (4.672825223337586 51.80244926742138)</t>
  </si>
  <si>
    <t>POINT (4.661209017119098 51.79670637898652)</t>
  </si>
  <si>
    <t>POINT (4.731596054290179 51.79569337107373)</t>
  </si>
  <si>
    <t>POINT (4.71144535130051 51.794376086079254)</t>
  </si>
  <si>
    <t>POINT (4.678682867861898 51.8151176354612)</t>
  </si>
  <si>
    <t>POINT (4.679443527473932 51.806440743749214)</t>
  </si>
  <si>
    <t>POINT (4.678866555803907 51.77793463219607)</t>
  </si>
  <si>
    <t>POINT (4.670389767243353 51.778916196170464)</t>
  </si>
  <si>
    <t>POINT (4.6659520806922465 51.803307733292534)</t>
  </si>
  <si>
    <t>POINT (4.6800265665502225 51.80316312288117)</t>
  </si>
  <si>
    <t>POINT (4.658376360232465 51.80691947211261)</t>
  </si>
  <si>
    <t>POINT (4.654933056570892 51.807193573898054)</t>
  </si>
  <si>
    <t>POINT (4.66977703597551 51.819192503143015)</t>
  </si>
  <si>
    <t>POINT (4.678572689035056 51.786311008444606)</t>
  </si>
  <si>
    <t>POINT (4.714702638235756 51.806112993117125)</t>
  </si>
  <si>
    <t>3315MC</t>
  </si>
  <si>
    <t>POINT (4.712972669714926 51.80667092352597)</t>
  </si>
  <si>
    <t>POINT (4.680650324187069 51.798457954452886)</t>
  </si>
  <si>
    <t>POINT (4.663172600597838 51.8104299877569)</t>
  </si>
  <si>
    <t>POINT (4.684886779100221 51.811555901918595)</t>
  </si>
  <si>
    <t>POINT (4.717340943021814 51.799343156367364)</t>
  </si>
  <si>
    <t>POINT (4.695540615554352 51.7935663804907)</t>
  </si>
  <si>
    <t>POINT (4.720766487677618 51.81339067738949)</t>
  </si>
  <si>
    <t>POINT (4.667947194235532 51.8165783549006)</t>
  </si>
  <si>
    <t>POINT (4.699606488307001 51.79057762828211)</t>
  </si>
  <si>
    <t>POINT (4.6587073427604215 51.80965576094798)</t>
  </si>
  <si>
    <t>POINT (4.666905942864377 51.79387792834827)</t>
  </si>
  <si>
    <t>POINT (4.731755326403962 51.79898256667575)</t>
  </si>
  <si>
    <t>POINT (4.684193384831718 51.80401237848174)</t>
  </si>
  <si>
    <t>POINT (4.656711701022468 51.801287114162875)</t>
  </si>
  <si>
    <t>POINT (4.65876275823667 51.806201391897986)</t>
  </si>
  <si>
    <t>POINT (4.721193599394787 51.79943031025766)</t>
  </si>
  <si>
    <t>POINT (4.681736543237832 51.78739191261198)</t>
  </si>
  <si>
    <t>POINT (4.658357328557757 51.80976908316384)</t>
  </si>
  <si>
    <t>POINT (4.6695711776229825 51.81912345204762)</t>
  </si>
  <si>
    <t>POINT (4.650981219373805 51.80329415016449)</t>
  </si>
  <si>
    <t>POINT (4.661952582832899 51.79930409120171)</t>
  </si>
  <si>
    <t>POINT (4.6648744310004036 51.789446727018884)</t>
  </si>
  <si>
    <t>POINT (4.730699206731122 51.79893055036325)</t>
  </si>
  <si>
    <t>POINT (4.66064201249328 51.81337882385611)</t>
  </si>
  <si>
    <t>POINT (4.658854946567352 51.803242607728684)</t>
  </si>
  <si>
    <t>POINT (4.702241066591822 51.78910767129272)</t>
  </si>
  <si>
    <t>POINT (4.682562467104582 51.81447451124411)</t>
  </si>
  <si>
    <t>POINT (4.643763762238106 51.765626899650485)</t>
  </si>
  <si>
    <t>POINT (4.691982195454414 51.80728553616651)</t>
  </si>
  <si>
    <t>POINT (4.677428284061696 51.80781457098296)</t>
  </si>
  <si>
    <t>POINT (4.665398699795531 51.80992051532669)</t>
  </si>
  <si>
    <t>POINT (4.656031590876049 51.78466853696757)</t>
  </si>
  <si>
    <t>POINT (4.674508268009053 51.81813405099377)</t>
  </si>
  <si>
    <t>POINT (4.681821469359475 51.80640065406608)</t>
  </si>
  <si>
    <t>POINT (4.668065556468887 51.815176325830805)</t>
  </si>
  <si>
    <t>POINT (4.73336865795512 51.79791444158912)</t>
  </si>
  <si>
    <t>POINT (4.6602101028746254 51.80704234317388)</t>
  </si>
  <si>
    <t>POINT (4.665001488280338 51.80926682335315)</t>
  </si>
  <si>
    <t>POINT (4.683426619557268 51.7853837974671)</t>
  </si>
  <si>
    <t>POINT (4.6671522902533376 51.81111212249025)</t>
  </si>
  <si>
    <t>POINT (4.722476253302298 51.803141121286714)</t>
  </si>
  <si>
    <t>POINT (4.6831259064117825 51.81155746704553)</t>
  </si>
  <si>
    <t>POINT (4.696102845400223 51.79298646370614)</t>
  </si>
  <si>
    <t>POINT (4.729440222447069 51.80151028600031)</t>
  </si>
  <si>
    <t>POINT (4.67401446805167 51.812201432939915)</t>
  </si>
  <si>
    <t>POINT (4.6702830146075405 51.80608688881359)</t>
  </si>
  <si>
    <t>POINT (4.681067329060919 51.798560490989466)</t>
  </si>
  <si>
    <t>POINT (4.652081404743242 51.80259457225801)</t>
  </si>
  <si>
    <t>POINT (4.684422818591293 51.7864380491858)</t>
  </si>
  <si>
    <t>POINT (4.686390734179606 51.81135707518344)</t>
  </si>
  <si>
    <t>POINT (4.659961285579029 51.795908418726405)</t>
  </si>
  <si>
    <t>POINT (4.660094056831459 51.81307709566005)</t>
  </si>
  <si>
    <t>POINT (4.643726858790619 51.77420569172152)</t>
  </si>
  <si>
    <t>POINT (4.721959416485929 51.799067819116544)</t>
  </si>
  <si>
    <t>POINT (4.661084007602152 51.8110062729724)</t>
  </si>
  <si>
    <t>POINT (4.665970905327661 51.81039767416596)</t>
  </si>
  <si>
    <t>POINT (4.679179805148959 51.799857876752114)</t>
  </si>
  <si>
    <t>POINT (4.676642218693963 51.81789399526706)</t>
  </si>
  <si>
    <t>POINT (4.700104916885133 51.79102131718247)</t>
  </si>
  <si>
    <t>POINT (4.697077678527796 51.79288550668267)</t>
  </si>
  <si>
    <t>POINT (4.655804586874953 51.80113878542214)</t>
  </si>
  <si>
    <t>POINT (4.698405268279626 51.793216559391155)</t>
  </si>
  <si>
    <t>POINT (4.701474711506369 51.80205065909588)</t>
  </si>
  <si>
    <t>POINT (4.713048250470504 51.80607008023248)</t>
  </si>
  <si>
    <t>POINT (4.675653304969292 51.81438778096594)</t>
  </si>
  <si>
    <t>POINT (4.727640692651758 51.80370972663239)</t>
  </si>
  <si>
    <t>POINT (4.707352887321574 51.78911789262886)</t>
  </si>
  <si>
    <t>POINT (4.704909071674988 51.79547164542241)</t>
  </si>
  <si>
    <t>POINT (4.680830441456261 51.78938198541967)</t>
  </si>
  <si>
    <t>POINT (4.667473816244747 51.80812420805381)</t>
  </si>
  <si>
    <t>POINT (4.6710329846429826 51.817314450036875)</t>
  </si>
  <si>
    <t>POINT (4.668732010247961 51.77566994576836)</t>
  </si>
  <si>
    <t>POINT (4.67806651124629 51.779715224018375)</t>
  </si>
  <si>
    <t>POINT (4.677143132993255 51.81822520305424)</t>
  </si>
  <si>
    <t>POINT (4.661149527034934 51.80018599416024)</t>
  </si>
  <si>
    <t>POINT (4.719268347410794 51.80049066915706)</t>
  </si>
  <si>
    <t>POINT (4.711842519981583 51.816267755007985)</t>
  </si>
  <si>
    <t>POINT (4.735649451826912 51.799493264682255)</t>
  </si>
  <si>
    <t>POINT (4.680501834423585 51.80962044686937)</t>
  </si>
  <si>
    <t>POINT (4.698250746218047 51.797537863013474)</t>
  </si>
  <si>
    <t>POINT (4.728630774746018 51.805529167528306)</t>
  </si>
  <si>
    <t>POINT (4.712339055136537 51.79833916099384)</t>
  </si>
  <si>
    <t>POINT (4.667440875588596 51.807593422055234)</t>
  </si>
  <si>
    <t>POINT (4.685155175938781 51.792137441836566)</t>
  </si>
  <si>
    <t>POINT (4.659251296698484 51.78842610442156)</t>
  </si>
  <si>
    <t>POINT (4.700618325628284 51.81729368761029)</t>
  </si>
  <si>
    <t>POINT (4.668474862070702 51.80949558946029)</t>
  </si>
  <si>
    <t>POINT (4.674531269507658 51.80504701594552)</t>
  </si>
  <si>
    <t>POINT (4.70304972848849 51.790539719337396)</t>
  </si>
  <si>
    <t>POINT (4.6721338404761985 51.78115121442032)</t>
  </si>
  <si>
    <t>POINT (4.682283334549204 51.80428948253433)</t>
  </si>
  <si>
    <t>POINT (4.719742244291896 51.811776699848814)</t>
  </si>
  <si>
    <t>POINT (4.6729639176007245 51.796615726099866)</t>
  </si>
  <si>
    <t>POINT (4.710184445708137 51.79295256300727)</t>
  </si>
  <si>
    <t>POINT (4.67775524470922 51.79068474793566)</t>
  </si>
  <si>
    <t>POINT (4.671425305218796 51.7804716881058)</t>
  </si>
  <si>
    <t>POINT (4.656211766193454 51.784743726938096)</t>
  </si>
  <si>
    <t>POINT (4.703135914657029 51.81677404094468)</t>
  </si>
  <si>
    <t>POINT (4.667508188342425 51.81849665966782)</t>
  </si>
  <si>
    <t>Lenghenstraat</t>
  </si>
  <si>
    <t>POINT (4.669112616896724 51.81268109027874)</t>
  </si>
  <si>
    <t>POINT (4.674679616378203 51.81823301391969)</t>
  </si>
  <si>
    <t>POINT (4.7214804581635885 51.80586212640904)</t>
  </si>
  <si>
    <t>POINT (4.65931780963784 51.804692425966)</t>
  </si>
  <si>
    <t>POINT (4.721482654524826 51.805848889613564)</t>
  </si>
  <si>
    <t>POINT (4.710447020593603 51.81011393034673)</t>
  </si>
  <si>
    <t>POINT (4.67952998767456 51.8086287935448)</t>
  </si>
  <si>
    <t>POINT (4.695527005465963 51.810606148838936)</t>
  </si>
  <si>
    <t>POINT (4.7019991318307754 51.816299433637894)</t>
  </si>
  <si>
    <t>POINT (4.678049596432413 51.777486507476524)</t>
  </si>
  <si>
    <t>POINT (4.653337746454844 51.80146561787287)</t>
  </si>
  <si>
    <t>POINT (4.70814170187895 51.81158533946281)</t>
  </si>
  <si>
    <t>POINT (4.710079353438403 51.80336852524785)</t>
  </si>
  <si>
    <t>POINT (4.673123878580175 51.80756609414288)</t>
  </si>
  <si>
    <t>POINT (4.664749618660051 51.77843709929574)</t>
  </si>
  <si>
    <t>POINT (4.664361167169789 51.78794776408377)</t>
  </si>
  <si>
    <t>POINT (4.7145603913576215 51.80333507234066)</t>
  </si>
  <si>
    <t>POINT (4.673370050488007 51.779109813615214)</t>
  </si>
  <si>
    <t>POINT (4.643267490888124 51.7686315482405)</t>
  </si>
  <si>
    <t>POINT (4.6405968569548826 51.798744477719936)</t>
  </si>
  <si>
    <t>POINT (4.672494764955274 51.78025955924398)</t>
  </si>
  <si>
    <t>POINT (4.660423396308096 51.79170369733051)</t>
  </si>
  <si>
    <t>POINT (4.724808280070156 51.794751130487796)</t>
  </si>
  <si>
    <t>POINT (4.714012641979033 51.80970068318111)</t>
  </si>
  <si>
    <t>POINT (4.704828773572162 51.79425865242654)</t>
  </si>
  <si>
    <t>POINT (4.674166519826663 51.80772014531958)</t>
  </si>
  <si>
    <t>POINT (4.66848728804115 51.77567360590224)</t>
  </si>
  <si>
    <t>POINT (4.720300417251769 51.79534851541417)</t>
  </si>
  <si>
    <t>POINT (4.72014485067586 51.803077383356715)</t>
  </si>
  <si>
    <t>POINT (4.668661417205942 51.80820793492938)</t>
  </si>
  <si>
    <t>POINT (4.661569713567053 51.79801559414941)</t>
  </si>
  <si>
    <t>POINT (4.666148266171378 51.814534482174935)</t>
  </si>
  <si>
    <t>POINT (4.674707191539532 51.81533126211132)</t>
  </si>
  <si>
    <t>POINT (4.660258952569081 51.81021650654618)</t>
  </si>
  <si>
    <t>POINT (4.662560917349269 51.80952371223403)</t>
  </si>
  <si>
    <t>POINT (4.705535068247282 51.79312418200996)</t>
  </si>
  <si>
    <t>POINT (4.674186439780278 51.812651956492545)</t>
  </si>
  <si>
    <t>POINT (4.659967853716912 51.77197010380416)</t>
  </si>
  <si>
    <t>POINT (4.695440357792635 51.797142687691704)</t>
  </si>
  <si>
    <t>POINT (4.651321588422674 51.80307958572865)</t>
  </si>
  <si>
    <t>POINT (4.656064467131144 51.78847205568749)</t>
  </si>
  <si>
    <t>POINT (4.711631603729357 51.79877184844697)</t>
  </si>
  <si>
    <t>POINT (4.714649761032749 51.803660847852)</t>
  </si>
  <si>
    <t>POINT (4.6314886410410985 51.766885584647305)</t>
  </si>
  <si>
    <t>POINT (4.683799735464394 51.81840130388069)</t>
  </si>
  <si>
    <t>POINT (4.669346913821794 51.770188768994295)</t>
  </si>
  <si>
    <t>POINT (4.679310590121783 51.78528668057576)</t>
  </si>
  <si>
    <t>POINT (4.695039948262724 51.79022570751093)</t>
  </si>
  <si>
    <t>POINT (4.67004202325143 51.79968860911815)</t>
  </si>
  <si>
    <t>POINT (4.6678098606770675 51.792394550830984)</t>
  </si>
  <si>
    <t>POINT (4.6854143479616335 51.792128358889926)</t>
  </si>
  <si>
    <t>POINT (4.687785565809368 51.80451908984154)</t>
  </si>
  <si>
    <t>POINT (4.671742479971717 51.78550264165891)</t>
  </si>
  <si>
    <t>POINT (4.686062968594718 51.78878103067668)</t>
  </si>
  <si>
    <t>POINT (4.703902214782676 51.79442086227932)</t>
  </si>
  <si>
    <t>POINT (4.72491802884816 51.79856432982223)</t>
  </si>
  <si>
    <t>POINT (4.6640793673310075 51.78709912036781)</t>
  </si>
  <si>
    <t>POINT (4.731929850626151 51.79819792537233)</t>
  </si>
  <si>
    <t>POINT (4.679001156171999 51.80494653889848)</t>
  </si>
  <si>
    <t>POINT (4.6625400362480285 51.79800142075286)</t>
  </si>
  <si>
    <t>POINT (4.675942702419791 51.81350065479798)</t>
  </si>
  <si>
    <t>POINT (4.657075876538371 51.79790406570506)</t>
  </si>
  <si>
    <t>POINT (4.684826003667459 51.77800124839411)</t>
  </si>
  <si>
    <t>POINT (4.66537153168844 51.795013567760584)</t>
  </si>
  <si>
    <t>POINT (4.734216371194085 51.7966328792346)</t>
  </si>
  <si>
    <t>POINT (4.713646085660207 51.80450735844512)</t>
  </si>
  <si>
    <t>POINT (4.661903839155062 51.78714482597375)</t>
  </si>
  <si>
    <t>POINT (4.66950699134843 51.81288273682713)</t>
  </si>
  <si>
    <t>POINT (4.673170286589499 51.81587450868952)</t>
  </si>
  <si>
    <t>POINT (4.686653556589577 51.81119854737631)</t>
  </si>
  <si>
    <t>POINT (4.663408422105936 51.812591458791886)</t>
  </si>
  <si>
    <t>POINT (4.670075418127138 51.81586174133879)</t>
  </si>
  <si>
    <t>POINT (4.629706435672672 51.721279005112635)</t>
  </si>
  <si>
    <t>POINT (4.651833405076247 51.80281416723336)</t>
  </si>
  <si>
    <t>POINT (4.666468676543796 51.816990610357685)</t>
  </si>
  <si>
    <t>POINT (4.698181050040697 51.79265283049639)</t>
  </si>
  <si>
    <t>POINT (4.680604990249059 51.78187202957168)</t>
  </si>
  <si>
    <t>POINT (4.679418585613766 51.81694684556264)</t>
  </si>
  <si>
    <t>POINT (4.671723283218369 51.81218009751305)</t>
  </si>
  <si>
    <t>POINT (4.674296643668753 51.79694976171939)</t>
  </si>
  <si>
    <t>POINT (4.709623300167418 51.807743248401906)</t>
  </si>
  <si>
    <t>POINT (4.678232780533624 51.78467433313869)</t>
  </si>
  <si>
    <t>POINT (4.66916334616153 51.81889270834171)</t>
  </si>
  <si>
    <t>POINT (4.680951574060659 51.811052092107126)</t>
  </si>
  <si>
    <t>POINT (4.684200544113219 51.786200099023986)</t>
  </si>
  <si>
    <t>POINT (4.684277188520125 51.80457522086856)</t>
  </si>
  <si>
    <t>POINT (4.702744809607926 51.78951219841651)</t>
  </si>
  <si>
    <t>POINT (4.680519713434424 51.81333703606165)</t>
  </si>
  <si>
    <t>POINT (4.673027136046879 51.81155018546614)</t>
  </si>
  <si>
    <t>POINT (4.6638401909151455 51.81531722340362)</t>
  </si>
  <si>
    <t>POINT (4.680157758325519 51.81658072549167)</t>
  </si>
  <si>
    <t>POINT (4.68702229873901 51.80695247136494)</t>
  </si>
  <si>
    <t>POINT (4.683229890868788 51.79825264455229)</t>
  </si>
  <si>
    <t>POINT (4.666232573391307 51.79955142054864)</t>
  </si>
  <si>
    <t>POINT (4.705301982562986 51.82092730812539)</t>
  </si>
  <si>
    <t>POINT (4.680109385804243 51.8165283088023)</t>
  </si>
  <si>
    <t>POINT (4.6702482356220525 51.808955575497706)</t>
  </si>
  <si>
    <t>POINT (4.668515475189853 51.8103719288317)</t>
  </si>
  <si>
    <t>POINT (4.736031463935816 51.7992130433594)</t>
  </si>
  <si>
    <t>POINT (4.716482679522017 51.81425901485797)</t>
  </si>
  <si>
    <t>POINT (4.670759430071333 51.78000450653047)</t>
  </si>
  <si>
    <t>POINT (4.658237444749789 51.80322878655432)</t>
  </si>
  <si>
    <t>POINT (4.7239260652124475 51.797518362377645)</t>
  </si>
  <si>
    <t>POINT (4.686163621640371 51.80744858857889)</t>
  </si>
  <si>
    <t>POINT (4.7074738377646765 51.81014710072364)</t>
  </si>
  <si>
    <t>POINT (4.702452164657338 51.79089519551984)</t>
  </si>
  <si>
    <t>POINT (4.658238394801239 51.798306554572086)</t>
  </si>
  <si>
    <t>POINT (4.666241994456052 51.813147071427466)</t>
  </si>
  <si>
    <t>POINT (4.663546295419803 51.78699843142887)</t>
  </si>
  <si>
    <t>POINT (4.677538742801051 51.780821660375665)</t>
  </si>
  <si>
    <t>POINT (4.706985563478415 51.786837207235955)</t>
  </si>
  <si>
    <t>POINT (4.710277488284284 51.791505745290685)</t>
  </si>
  <si>
    <t>POINT (4.664912550471314 51.79714927076308)</t>
  </si>
  <si>
    <t>POINT (4.673592697133495 51.776288695997565)</t>
  </si>
  <si>
    <t>POINT (4.65318832065527 51.80310417721313)</t>
  </si>
  <si>
    <t>POINT (4.6778803251847885 51.80541188997601)</t>
  </si>
  <si>
    <t>POINT (4.685620429306802 51.80922769590898)</t>
  </si>
  <si>
    <t>POINT (4.698907432739109 51.800714608387636)</t>
  </si>
  <si>
    <t>POINT (4.654512551595347 51.7828963977531)</t>
  </si>
  <si>
    <t>POINT (4.667172312301758 51.79498811247864)</t>
  </si>
  <si>
    <t>POINT (4.677695740621162 51.790724558533405)</t>
  </si>
  <si>
    <t>POINT (4.676270114286255 51.80852634823893)</t>
  </si>
  <si>
    <t>POINT (4.655933390093143 51.784341931027484)</t>
  </si>
  <si>
    <t>POINT (4.661407814058012 51.80988981407469)</t>
  </si>
  <si>
    <t>POINT (4.663642385126477 51.81140295297053)</t>
  </si>
  <si>
    <t>POINT (4.686081946824085 51.81305852829601)</t>
  </si>
  <si>
    <t>POINT (4.683233762302593 51.80317360876174)</t>
  </si>
  <si>
    <t>POINT (4.6812937267009245 51.788447244710724)</t>
  </si>
  <si>
    <t>POINT (4.665891624291435 51.80282704207707)</t>
  </si>
  <si>
    <t>POINT (4.69099771829722 51.80610622025787)</t>
  </si>
  <si>
    <t>POINT (4.668350319455514 51.8141984577348)</t>
  </si>
  <si>
    <t>POINT (4.665984590052536 51.81042423892729)</t>
  </si>
  <si>
    <t>POINT (4.648460440168911 51.800314712204724)</t>
  </si>
  <si>
    <t>POINT (4.681914315191908 51.78086489691397)</t>
  </si>
  <si>
    <t>POINT (4.663552206556993 51.79226952527368)</t>
  </si>
  <si>
    <t>POINT (4.719777945130071 51.80390032865102)</t>
  </si>
  <si>
    <t>POINT (4.662762171447875 51.80943280285899)</t>
  </si>
  <si>
    <t>POINT (4.6802129226378835 51.80687158884986)</t>
  </si>
  <si>
    <t>POINT (4.667368669064961 51.792641352850346)</t>
  </si>
  <si>
    <t>POINT (4.683836357438239 51.81228768792668)</t>
  </si>
  <si>
    <t>POINT (4.675127346247048 51.77208373818466)</t>
  </si>
  <si>
    <t>POINT (4.676260031909152 51.80750578491258)</t>
  </si>
  <si>
    <t>POINT (4.628350151438156 51.72424186478701)</t>
  </si>
  <si>
    <t>POINT (4.668124864077944 51.81433490884678)</t>
  </si>
  <si>
    <t>POINT (4.65651341692484 51.796962530045114)</t>
  </si>
  <si>
    <t>POINT (4.660390531390275 51.78940251967967)</t>
  </si>
  <si>
    <t>3314VA</t>
  </si>
  <si>
    <t>De Bisschopstraat</t>
  </si>
  <si>
    <t>POINT (4.65594258690858 51.770578832178515)</t>
  </si>
  <si>
    <t>POINT (4.6716586870068255 51.81199220889745)</t>
  </si>
  <si>
    <t>POINT (4.677662692200766 51.79078447502221)</t>
  </si>
  <si>
    <t>POINT (4.674616298697047 51.80713880229578)</t>
  </si>
  <si>
    <t>POINT (4.665883043366844 51.79605532175964)</t>
  </si>
  <si>
    <t>POINT (4.683844903544156 51.799772911827326)</t>
  </si>
  <si>
    <t>POINT (4.6789454134564314 51.805043918343344)</t>
  </si>
  <si>
    <t>POINT (4.646769794936922 51.777703671828775)</t>
  </si>
  <si>
    <t>POINT (4.6744197916575505 51.78869696684151)</t>
  </si>
  <si>
    <t>POINT (4.668133341968454 51.793488400086694)</t>
  </si>
  <si>
    <t>POINT (4.655715462801387 51.80179690372323)</t>
  </si>
  <si>
    <t>POINT (4.674215891018576 51.811523239081296)</t>
  </si>
  <si>
    <t>POINT (4.669469826109954 51.77514518074054)</t>
  </si>
  <si>
    <t>POINT (4.667470171395612 51.80811090941441)</t>
  </si>
  <si>
    <t>POINT (4.675114375208444 51.78262716165019)</t>
  </si>
  <si>
    <t>POINT (4.68025339861986 51.77805255373383)</t>
  </si>
  <si>
    <t>POINT (4.669979822185729 51.813203089595596)</t>
  </si>
  <si>
    <t>POINT (4.709112549253926 51.787844081806604)</t>
  </si>
  <si>
    <t>POINT (4.673887518022715 51.812095215232006)</t>
  </si>
  <si>
    <t>POINT (4.665161443535697 51.790107356891326)</t>
  </si>
  <si>
    <t>POINT (4.68204959900223 51.77895786788639)</t>
  </si>
  <si>
    <t>POINT (4.666187993167704 51.79603537170592)</t>
  </si>
  <si>
    <t>POINT (4.732379079004904 51.79583892858819)</t>
  </si>
  <si>
    <t>POINT (4.667617636621856 51.80284645793255)</t>
  </si>
  <si>
    <t>POINT (4.661705233423487 51.801711739000616)</t>
  </si>
  <si>
    <t>POINT (4.708854906774874 51.80376587036862)</t>
  </si>
  <si>
    <t>POINT (4.657575183663119 51.79656902382006)</t>
  </si>
  <si>
    <t>POINT (4.705254596962106 51.815821089704116)</t>
  </si>
  <si>
    <t>POINT (4.688436056261294 51.80814529916598)</t>
  </si>
  <si>
    <t>POINT (4.667404368621097 51.81332299611835)</t>
  </si>
  <si>
    <t>POINT (4.721733385900432 51.80085815436015)</t>
  </si>
  <si>
    <t>POINT (4.710686638752595 51.80485693530837)</t>
  </si>
  <si>
    <t>POINT (4.66941138863065 51.81379305545236)</t>
  </si>
  <si>
    <t>POINT (4.652919981841461 51.80411004155992)</t>
  </si>
  <si>
    <t>POINT (4.68716948875119 51.80905400975386)</t>
  </si>
  <si>
    <t>POINT (4.651754088639943 51.8029249142691)</t>
  </si>
  <si>
    <t>POINT (4.677833076760906 51.81652635608315)</t>
  </si>
  <si>
    <t>POINT (4.67356196119282 51.78906480032892)</t>
  </si>
  <si>
    <t>POINT (4.711569882211986 51.81162338253456)</t>
  </si>
  <si>
    <t>POINT (4.727340166327774 51.797409749832134)</t>
  </si>
  <si>
    <t>POINT (4.676584652616587 51.77221332274038)</t>
  </si>
  <si>
    <t>POINT (4.66632972649134 51.81350022721631)</t>
  </si>
  <si>
    <t>POINT (4.670213408588626 51.81426352657706)</t>
  </si>
  <si>
    <t>POINT (4.662377728796016 51.79428351018118)</t>
  </si>
  <si>
    <t>POINT (4.678251923951114 51.81535627973041)</t>
  </si>
  <si>
    <t>POINT (4.679128155345457 51.780324069529314)</t>
  </si>
  <si>
    <t>POINT (4.657105751197187 51.79794372100435)</t>
  </si>
  <si>
    <t>POINT (4.678080259851203 51.787856623055156)</t>
  </si>
  <si>
    <t>POINT (4.6673549066995665 51.80405623377382)</t>
  </si>
  <si>
    <t>POINT (4.675269657803208 51.77771838393153)</t>
  </si>
  <si>
    <t>POINT (4.6688016096794644 51.80922988942031)</t>
  </si>
  <si>
    <t>POINT (4.733065755458555 51.79616609853591)</t>
  </si>
  <si>
    <t>POINT (4.6334441971494105 51.78156361638506)</t>
  </si>
  <si>
    <t>POINT (4.672646694286933 51.80830239123595)</t>
  </si>
  <si>
    <t>POINT (4.690288747028244 51.80658410074893)</t>
  </si>
  <si>
    <t>POINT (4.675944037679399 51.78574609677035)</t>
  </si>
  <si>
    <t>POINT (4.6934347970897745 51.79565376390246)</t>
  </si>
  <si>
    <t>POINT (4.68491355119744 51.80963882483826)</t>
  </si>
  <si>
    <t>POINT (4.662914070429334 51.81235113449574)</t>
  </si>
  <si>
    <t>POINT (4.657566385283328 51.81254078245684)</t>
  </si>
  <si>
    <t>POINT (4.66850321542041 51.80942619073384)</t>
  </si>
  <si>
    <t>POINT (4.652990706586131 51.7910674497989)</t>
  </si>
  <si>
    <t>POINT (4.668668870825157 51.81168483767422)</t>
  </si>
  <si>
    <t>POINT (4.670082399191088 51.805381858079215)</t>
  </si>
  <si>
    <t>POINT (4.725782137366713 51.79917648604372)</t>
  </si>
  <si>
    <t>POINT (4.65703167924738 51.8098943060468)</t>
  </si>
  <si>
    <t>POINT (4.7146414831751615 51.81386472574357)</t>
  </si>
  <si>
    <t>POINT (4.674383958363283 51.78388819062587)</t>
  </si>
  <si>
    <t>POINT (4.670812200332001 51.773605657134695)</t>
  </si>
  <si>
    <t>POINT (4.667171424284462 51.80809875765046)</t>
  </si>
  <si>
    <t>POINT (4.652234765390407 51.80301755250642)</t>
  </si>
  <si>
    <t>POINT (4.713743490096525 51.810176462717536)</t>
  </si>
  <si>
    <t>POINT (4.656239045811075 51.8005158614237)</t>
  </si>
  <si>
    <t>POINT (4.662574397478257 51.814934155118195)</t>
  </si>
  <si>
    <t>POINT (4.671277862166552 51.79898752433807)</t>
  </si>
  <si>
    <t>POINT (4.677875859678278 51.816737515706954)</t>
  </si>
  <si>
    <t>POINT (4.652270161794658 51.7855765853845)</t>
  </si>
  <si>
    <t>POINT (4.672623996578094 51.80845181562519)</t>
  </si>
  <si>
    <t>POINT (4.693389350084788 51.796296580794525)</t>
  </si>
  <si>
    <t>POINT (4.666224000716919 51.80148617467193)</t>
  </si>
  <si>
    <t>POINT (4.693546988053013 51.797032696429774)</t>
  </si>
  <si>
    <t>POINT (4.684262109815606 51.81268237839341)</t>
  </si>
  <si>
    <t>POINT (4.666710656994518 51.77930676614828)</t>
  </si>
  <si>
    <t>POINT (4.654266620399436 51.79146223053102)</t>
  </si>
  <si>
    <t>POINT (4.6616094606005305 51.78957344417307)</t>
  </si>
  <si>
    <t>POINT (4.662804212051387 51.80601992325358)</t>
  </si>
  <si>
    <t>POINT (4.654600495516594 51.80285955760314)</t>
  </si>
  <si>
    <t>POINT (4.685278770612722 51.79221332679168)</t>
  </si>
  <si>
    <t>POINT (4.710448891281424 51.791209164446805)</t>
  </si>
  <si>
    <t>POINT (4.676078629950271 51.77694300885987)</t>
  </si>
  <si>
    <t>POINT (4.680208640549599 51.81447283983233)</t>
  </si>
  <si>
    <t>POINT (4.6700047866342755 51.81246973931249)</t>
  </si>
  <si>
    <t>POINT (4.669245501369054 51.77333294110116)</t>
  </si>
  <si>
    <t>POINT (4.688724325502848 51.80843824812261)</t>
  </si>
  <si>
    <t>POINT (4.683987084972036 51.810742657742566)</t>
  </si>
  <si>
    <t>POINT (4.680974152390738 51.80881720443805)</t>
  </si>
  <si>
    <t>POINT (4.679017385249779 51.780936124572975)</t>
  </si>
  <si>
    <t>POINT (4.670258049919068 51.807967159363365)</t>
  </si>
  <si>
    <t>POINT (4.674438282834983 51.788771496612924)</t>
  </si>
  <si>
    <t>POINT (4.6607580532404675 51.80415277161036)</t>
  </si>
  <si>
    <t>POINT (4.6509075685625625 51.77454352150505)</t>
  </si>
  <si>
    <t>3312SW</t>
  </si>
  <si>
    <t>POINT (4.68757727471695 51.809277580820094)</t>
  </si>
  <si>
    <t>POINT (4.66709769222112 51.771999249468415)</t>
  </si>
  <si>
    <t>POINT (4.728689743584547 51.80552921982235)</t>
  </si>
  <si>
    <t>POINT (4.668324652732731 51.771002017738006)</t>
  </si>
  <si>
    <t>POINT (4.64229868655051 51.797784990302134)</t>
  </si>
  <si>
    <t>POINT (4.667601324576974 51.81626841755328)</t>
  </si>
  <si>
    <t>POINT (4.655495943377367 51.81036009801334)</t>
  </si>
  <si>
    <t>POINT (4.66241300197258 51.80481776911369)</t>
  </si>
  <si>
    <t>POINT (4.717792985566566 51.81285912757633)</t>
  </si>
  <si>
    <t>POINT (4.662918502323979 51.793686737345354)</t>
  </si>
  <si>
    <t>POINT (4.6923366515358715 51.81802725572792)</t>
  </si>
  <si>
    <t>POINT (4.659766486653343 51.79020714096315)</t>
  </si>
  <si>
    <t>POINT (4.659178119534544 51.80769411481986)</t>
  </si>
  <si>
    <t>POINT (4.725912430013789 51.7980568937733)</t>
  </si>
  <si>
    <t>POINT (4.710933457002322 51.795515010957956)</t>
  </si>
  <si>
    <t>POINT (4.675804554190568 51.78818024406092)</t>
  </si>
  <si>
    <t>POINT (4.656096143099111 51.79020864744641)</t>
  </si>
  <si>
    <t>POINT (4.701562686002171 51.80412978268483)</t>
  </si>
  <si>
    <t>POINT (4.678864103135045 51.80529575763139)</t>
  </si>
  <si>
    <t>POINT (4.684229322044114 51.810714248749605)</t>
  </si>
  <si>
    <t>POINT (4.665115992913573 51.80078729463549)</t>
  </si>
  <si>
    <t>POINT (4.668456128642784 51.77541647253824)</t>
  </si>
  <si>
    <t>POINT (4.663769461344252 51.81304694822808)</t>
  </si>
  <si>
    <t>POINT (4.6772703814062515 51.80591324802136)</t>
  </si>
  <si>
    <t>POINT (4.6808150334153975 51.80018492563986)</t>
  </si>
  <si>
    <t>POINT (4.679183353104008 51.782078107132115)</t>
  </si>
  <si>
    <t>POINT (4.677290374784104 51.81512153477657)</t>
  </si>
  <si>
    <t>POINT (4.661546856994448 51.80487871635475)</t>
  </si>
  <si>
    <t>POINT (4.664199081011088 51.817653605414975)</t>
  </si>
  <si>
    <t>POINT (4.680581905477792 51.80138246780339)</t>
  </si>
  <si>
    <t>POINT (4.716693458508547 51.79528096419104)</t>
  </si>
  <si>
    <t>POINT (4.664075383081937 51.79555048971075)</t>
  </si>
  <si>
    <t>POINT (4.676855924823896 51.78651286613258)</t>
  </si>
  <si>
    <t>POINT (4.671846554877932 51.771804412064526)</t>
  </si>
  <si>
    <t>POINT (4.694571424938458 51.79559279495682)</t>
  </si>
  <si>
    <t>POINT (4.662744593539145 51.794779049109735)</t>
  </si>
  <si>
    <t>POINT (4.700794428528289 51.799461542116724)</t>
  </si>
  <si>
    <t>POINT (4.682838323126162 51.80390869340389)</t>
  </si>
  <si>
    <t>POINT (4.6665687376691976 51.78202875473463)</t>
  </si>
  <si>
    <t>POINT (4.710494697752733 51.81518657689304)</t>
  </si>
  <si>
    <t>POINT (4.715265076094015 51.79670040644558)</t>
  </si>
  <si>
    <t>POINT (4.669628455069882 51.80595175190225)</t>
  </si>
  <si>
    <t>POINT (4.6663297710002185 51.789320875587734)</t>
  </si>
  <si>
    <t>POINT (4.655683127937795 51.810837180198035)</t>
  </si>
  <si>
    <t>POINT (4.658257972147801 51.8064527359856)</t>
  </si>
  <si>
    <t>POINT (4.703111100024569 51.79006553830576)</t>
  </si>
  <si>
    <t>POINT (4.71977799201739 51.811334788119936)</t>
  </si>
  <si>
    <t>POINT (4.676284366327592 51.78940626252335)</t>
  </si>
  <si>
    <t>POINT (4.700882825000969 51.79509952709255)</t>
  </si>
  <si>
    <t>POINT (4.661715118296391 51.79436090609074)</t>
  </si>
  <si>
    <t>POINT (4.689182032655622 51.8095071439579)</t>
  </si>
  <si>
    <t>POINT (4.685675370640053 51.80681760543143)</t>
  </si>
  <si>
    <t>POINT (4.670653845729259 51.773239693978226)</t>
  </si>
  <si>
    <t>POINT (4.668476046600978 51.802003303997445)</t>
  </si>
  <si>
    <t>POINT (4.681485537608464 51.8186401003902)</t>
  </si>
  <si>
    <t>POINT (4.666056254199684 51.81047233733825)</t>
  </si>
  <si>
    <t>POINT (4.658872417933175 51.79275558175366)</t>
  </si>
  <si>
    <t>POINT (4.668393156502369 51.79235534901484)</t>
  </si>
  <si>
    <t>POINT (4.663712824328343 51.78787447328912)</t>
  </si>
  <si>
    <t>POINT (4.658020042588129 51.80175586028702)</t>
  </si>
  <si>
    <t>POINT (4.671445121401583 51.80341717159639)</t>
  </si>
  <si>
    <t>POINT (4.663931956546743 51.801652848723364)</t>
  </si>
  <si>
    <t>POINT (4.664936239020665 51.8100061364216)</t>
  </si>
  <si>
    <t>POINT (4.661776293209723 51.788321288407204)</t>
  </si>
  <si>
    <t>POINT (4.6768792158204855 51.786513789186756)</t>
  </si>
  <si>
    <t>POINT (4.7344385059179865 51.799506713435896)</t>
  </si>
  <si>
    <t>POINT (4.68683126485026 51.77976582852891)</t>
  </si>
  <si>
    <t>POINT (4.68397639291599 51.80356224679887)</t>
  </si>
  <si>
    <t>POINT (4.663948368093632 51.81427848433527)</t>
  </si>
  <si>
    <t>POINT (4.66081612663334 51.81353265537524)</t>
  </si>
  <si>
    <t>POINT (4.674251078696019 51.814432627368575)</t>
  </si>
  <si>
    <t>POINT (4.67738640405532 51.81475909934216)</t>
  </si>
  <si>
    <t>POINT (4.734627562372728 51.79981679441451)</t>
  </si>
  <si>
    <t>POINT (4.668392937039803 51.791970667347854)</t>
  </si>
  <si>
    <t>POINT (4.67408180729465 51.77669630662629)</t>
  </si>
  <si>
    <t>POINT (4.66311091273829 51.81145212374917)</t>
  </si>
  <si>
    <t>POINT (4.656245160401788 51.803463563333594)</t>
  </si>
  <si>
    <t>POINT (4.718190214925811 51.80120084114204)</t>
  </si>
  <si>
    <t>POINT (4.677636799691038 51.80382726882583)</t>
  </si>
  <si>
    <t>POINT (4.701827894777596 51.79527675335973)</t>
  </si>
  <si>
    <t>POINT (4.682950533684034 51.8042595027392)</t>
  </si>
  <si>
    <t>POINT (4.658535181168369 51.81332783778623)</t>
  </si>
  <si>
    <t>POINT (4.701723424744104 51.79902347265417)</t>
  </si>
  <si>
    <t>POINT (4.6531947644908636 51.79473620144515)</t>
  </si>
  <si>
    <t>POINT (4.65831135566121 51.78783827580119)</t>
  </si>
  <si>
    <t>POINT (4.685929421741503 51.791748008678915)</t>
  </si>
  <si>
    <t>POINT (4.680382326420807 51.81405354012381)</t>
  </si>
  <si>
    <t>POINT (4.717087113279859 51.79922844993024)</t>
  </si>
  <si>
    <t>POINT (4.667843985046278 51.813973811225914)</t>
  </si>
  <si>
    <t>POINT (4.732727381798514 51.795241617226694)</t>
  </si>
  <si>
    <t>POINT (4.666284864498144 51.79614206956504)</t>
  </si>
  <si>
    <t>POINT (4.653536096940873 51.788382715305595)</t>
  </si>
  <si>
    <t>POINT (4.676062934684742 51.77690819931015)</t>
  </si>
  <si>
    <t>POINT (4.67595303843079 51.785109823393306)</t>
  </si>
  <si>
    <t>POINT (4.729283392749403 51.803938433268655)</t>
  </si>
  <si>
    <t>POINT (4.687703935674814 51.795245977102915)</t>
  </si>
  <si>
    <t>POINT (4.671691242153294 51.81163773226796)</t>
  </si>
  <si>
    <t>POINT (4.664709591131267 51.81439401264716)</t>
  </si>
  <si>
    <t>POINT (4.680702376444084 51.79975324913246)</t>
  </si>
  <si>
    <t>POINT (4.67913269103481 51.7819440494713)</t>
  </si>
  <si>
    <t>POINT (4.65639050540947 51.80437212026215)</t>
  </si>
  <si>
    <t>POINT (4.721734891719682 51.80298165824122)</t>
  </si>
  <si>
    <t>POINT (4.680194998116527 51.81018160393)</t>
  </si>
  <si>
    <t>POINT (4.714302383890297 51.811063971336296)</t>
  </si>
  <si>
    <t>POINT (4.734426860175254 51.80369910976653)</t>
  </si>
  <si>
    <t>POINT (4.6698605310744234 51.793425050745945)</t>
  </si>
  <si>
    <t>POINT (4.683256229452938 51.798312280674416)</t>
  </si>
  <si>
    <t>POINT (4.660411966022187 51.809936881484404)</t>
  </si>
  <si>
    <t>POINT (4.682341292212364 51.80219085827344)</t>
  </si>
  <si>
    <t>POINT (4.6769903082337105 51.773900605865755)</t>
  </si>
  <si>
    <t>POINT (4.719141132148911 51.81138675007236)</t>
  </si>
  <si>
    <t>POINT (4.654899358135228 51.78933269334985)</t>
  </si>
  <si>
    <t>POINT (4.684220505551422 51.77969452534442)</t>
  </si>
  <si>
    <t>POINT (4.683872160104603 51.778353965915905)</t>
  </si>
  <si>
    <t>POINT (4.6575635518826095 51.80676217033912)</t>
  </si>
  <si>
    <t>POINT (4.662184532885567 51.80090384957399)</t>
  </si>
  <si>
    <t>POINT (4.692961039983399 51.817804454833784)</t>
  </si>
  <si>
    <t>POINT (4.705943266319536 51.79284276292276)</t>
  </si>
  <si>
    <t>POINT (4.6783304327938655 51.78461811473895)</t>
  </si>
  <si>
    <t>POINT (4.670786497345812 51.79046625490786)</t>
  </si>
  <si>
    <t>POINT (4.659719057756279 51.789981661748136)</t>
  </si>
  <si>
    <t>POINT (4.727918848133972 51.80424278794687)</t>
  </si>
  <si>
    <t>POINT (4.688299144926825 51.81985752392515)</t>
  </si>
  <si>
    <t>POINT (4.6675453226587225 51.77717837434738)</t>
  </si>
  <si>
    <t>POINT (4.723080986653167 51.7989081166198)</t>
  </si>
  <si>
    <t>POINT (4.679864260659463 51.80802299498986)</t>
  </si>
  <si>
    <t>POINT (4.700741177735142 51.790124457837514)</t>
  </si>
  <si>
    <t>POINT (4.719759704641333 51.80226922631416)</t>
  </si>
  <si>
    <t>POINT (4.681270021022829 51.81334182152902)</t>
  </si>
  <si>
    <t>POINT (4.700753765629712 51.79030883525251)</t>
  </si>
  <si>
    <t>POINT (4.656537717918916 51.801209501050224)</t>
  </si>
  <si>
    <t>POINT (4.6669617381958854 51.81551141396131)</t>
  </si>
  <si>
    <t>POINT (4.6909877282828525 51.806066754678845)</t>
  </si>
  <si>
    <t>POINT (4.723038895141321 51.80559531195634)</t>
  </si>
  <si>
    <t>POINT (4.651771452542823 51.78309201565272)</t>
  </si>
  <si>
    <t>POINT (4.657057743421578 51.797928069545875)</t>
  </si>
  <si>
    <t>POINT (4.671634454512394 51.773384601680185)</t>
  </si>
  <si>
    <t>POINT (4.684969466088845 51.803498253471)</t>
  </si>
  <si>
    <t>POINT (4.674662634037813 51.81530313570314)</t>
  </si>
  <si>
    <t>POINT (4.677486538642304 51.8166055903933)</t>
  </si>
  <si>
    <t>POINT (4.676848455861548 51.81003487815422)</t>
  </si>
  <si>
    <t>POINT (4.662358648659934 51.787609638795566)</t>
  </si>
  <si>
    <t>POINT (4.6711991842410905 51.79909711071528)</t>
  </si>
  <si>
    <t>POINT (4.654681802745327 51.81210420876612)</t>
  </si>
  <si>
    <t>POINT (4.694530222974683 51.81782409051709)</t>
  </si>
  <si>
    <t>POINT (4.684664765469438 51.792483150165026)</t>
  </si>
  <si>
    <t>POINT (4.6841488588896185 51.77996532087434)</t>
  </si>
  <si>
    <t>POINT (4.674955279830988 51.78509512222659)</t>
  </si>
  <si>
    <t>POINT (4.664871962397014 51.800142687553894)</t>
  </si>
  <si>
    <t>POINT (4.711956560888617 51.798939487854554)</t>
  </si>
  <si>
    <t>POINT (4.653036371443042 51.7911214341563)</t>
  </si>
  <si>
    <t>POINT (4.663750656755042 51.78810747815267)</t>
  </si>
  <si>
    <t>POINT (4.682658482475415 51.811079287088305)</t>
  </si>
  <si>
    <t>POINT (4.719211826263334 51.81114500761555)</t>
  </si>
  <si>
    <t>POINT (4.652442401814005 51.79272207470123)</t>
  </si>
  <si>
    <t>POINT (4.686730932546384 51.78029389949548)</t>
  </si>
  <si>
    <t>POINT (4.707250696937997 51.80871807811518)</t>
  </si>
  <si>
    <t>POINT (4.712524464823034 51.81408061596703)</t>
  </si>
  <si>
    <t>POINT (4.681842546191848 51.78868178002627)</t>
  </si>
  <si>
    <t>POINT (4.718965428321806 51.802366448022205)</t>
  </si>
  <si>
    <t>POINT (4.700726273673942 51.81709085210108)</t>
  </si>
  <si>
    <t>POINT (4.678606054608606 51.78987219784643)</t>
  </si>
  <si>
    <t>POINT (4.64279529634029 51.76899227234391)</t>
  </si>
  <si>
    <t>POINT (4.679792050550728 51.816415053857455)</t>
  </si>
  <si>
    <t>POINT (4.653650855446203 51.78965428431365)</t>
  </si>
  <si>
    <t>POINT (4.658925369692078 51.78847084968966)</t>
  </si>
  <si>
    <t>POINT (4.677938022568858 51.77560619552989)</t>
  </si>
  <si>
    <t>POINT (4.716673914734279 51.799497915073545)</t>
  </si>
  <si>
    <t>POINT (4.698268040231659 51.81775029946314)</t>
  </si>
  <si>
    <t>POINT (4.702911544248237 51.78983484872266)</t>
  </si>
  <si>
    <t>POINT (4.727271637328706 51.804068338672565)</t>
  </si>
  <si>
    <t>POINT (4.678615590079605 51.786278674589155)</t>
  </si>
  <si>
    <t>POINT (4.679473849353938 51.80712146809795)</t>
  </si>
  <si>
    <t>POINT (4.671329042437761 51.80520649673752)</t>
  </si>
  <si>
    <t>POINT (4.666612241931763 51.811238325418735)</t>
  </si>
  <si>
    <t>POINT (4.66083109724327 51.78937685313145)</t>
  </si>
  <si>
    <t>POINT (4.671135539786858 51.77186608609342)</t>
  </si>
  <si>
    <t>POINT (4.656485924493427 51.81178637167644)</t>
  </si>
  <si>
    <t>POINT (4.728084310341275 51.80132330881607)</t>
  </si>
  <si>
    <t>POINT (4.67967569632378 51.78130696216833)</t>
  </si>
  <si>
    <t>POINT (4.659288623464357 51.80953747255511)</t>
  </si>
  <si>
    <t>POINT (4.685649276246464 51.788571224318716)</t>
  </si>
  <si>
    <t>POINT (4.729155704631443 51.79784984639736)</t>
  </si>
  <si>
    <t>POINT (4.676368439837008 51.78382357765316)</t>
  </si>
  <si>
    <t>POINT (4.722576084977793 51.799471883950076)</t>
  </si>
  <si>
    <t>POINT (4.682009670671065 51.78020274248759)</t>
  </si>
  <si>
    <t>POINT (4.681125508978747 51.78608271858622)</t>
  </si>
  <si>
    <t>POINT (4.673295805069176 51.81102913783279)</t>
  </si>
  <si>
    <t>POINT (4.669119258890671 51.80078665934151)</t>
  </si>
  <si>
    <t>POINT (4.6750841486295105 51.777838668228654)</t>
  </si>
  <si>
    <t>POINT (4.683625332303362 51.81290165203424)</t>
  </si>
  <si>
    <t>POINT (4.681900463571607 51.780616249146725)</t>
  </si>
  <si>
    <t>POINT (4.679325961763502 51.800232615849474)</t>
  </si>
  <si>
    <t>POINT (4.685084513334412 51.785568382755024)</t>
  </si>
  <si>
    <t>POINT (4.676367724637777 51.7838100992579)</t>
  </si>
  <si>
    <t>POINT (4.718584141707895 51.813282229525015)</t>
  </si>
  <si>
    <t>POINT (4.705062282018755 51.79565578822001)</t>
  </si>
  <si>
    <t>POINT (4.6632752244221845 51.79287773578144)</t>
  </si>
  <si>
    <t>POINT (4.703800788474487 51.79283713348928)</t>
  </si>
  <si>
    <t>POINT (4.66826998174462 51.77108334512235)</t>
  </si>
  <si>
    <t>POINT (4.693716482916234 51.79081327450817)</t>
  </si>
  <si>
    <t>POINT (4.711723278456617 51.794373452922144)</t>
  </si>
  <si>
    <t>POINT (4.679218942377042 51.7851366274766)</t>
  </si>
  <si>
    <t>POINT (4.676457948899858 51.79500578583231)</t>
  </si>
  <si>
    <t>POINT (4.729686196795557 51.80513628747416)</t>
  </si>
  <si>
    <t>POINT (4.6738139090759905 51.772270334786924)</t>
  </si>
  <si>
    <t>POINT (4.68226769005392 51.808160072419874)</t>
  </si>
  <si>
    <t>POINT (4.678514259389081 51.78565166719799)</t>
  </si>
  <si>
    <t>POINT (4.68679453579145 51.780581468106625)</t>
  </si>
  <si>
    <t>POINT (4.670425439996688 51.78513327340589)</t>
  </si>
  <si>
    <t>POINT (4.672631459165722 51.78365145293352)</t>
  </si>
  <si>
    <t>POINT (4.67858235287531 51.81735116108948)</t>
  </si>
  <si>
    <t>POINT (4.700180056105121 51.79536933455358)</t>
  </si>
  <si>
    <t>POINT (4.65717191579295 51.781873245177486)</t>
  </si>
  <si>
    <t>POINT (4.713562614325341 51.80511978820257)</t>
  </si>
  <si>
    <t>POINT (4.659927546898937 51.800222560468036)</t>
  </si>
  <si>
    <t>POINT (4.670621135937285 51.81358977203828)</t>
  </si>
  <si>
    <t>POINT (4.6607103931831935 51.77018130225867)</t>
  </si>
  <si>
    <t>POINT (4.663459232206842 51.804571276267154)</t>
  </si>
  <si>
    <t>POINT (4.703135348215132 51.79040593686784)</t>
  </si>
  <si>
    <t>POINT (4.690380107938622 51.808798748905105)</t>
  </si>
  <si>
    <t>POINT (4.6844965893406885 51.80890021083205)</t>
  </si>
  <si>
    <t>POINT (4.6778787490224225 51.80743863795388)</t>
  </si>
  <si>
    <t>POINT (4.66758563605419 51.81307371023157)</t>
  </si>
  <si>
    <t>POINT (4.680192838395104 51.8146370933795)</t>
  </si>
  <si>
    <t>POINT (4.710004200140807 51.808546101949055)</t>
  </si>
  <si>
    <t>POINT (4.656620848328987 51.793121345604824)</t>
  </si>
  <si>
    <t>POINT (4.676092883655668 51.789405146895895)</t>
  </si>
  <si>
    <t>POINT (4.65978589980445 51.81269078487305)</t>
  </si>
  <si>
    <t>POINT (4.667964123781775 51.815833594267914)</t>
  </si>
  <si>
    <t>POINT (4.659227189789221 51.81275239839757)</t>
  </si>
  <si>
    <t>POINT (4.708441726403412 51.78738086328067)</t>
  </si>
  <si>
    <t>POINT (4.654718015387693 51.807042947503746)</t>
  </si>
  <si>
    <t>POINT (4.679731867443388 51.77459122070851)</t>
  </si>
  <si>
    <t>POINT (4.667216210686819 51.79419318785953)</t>
  </si>
  <si>
    <t>POINT (4.686769059492023 51.77494204991638)</t>
  </si>
  <si>
    <t>POINT (4.692486503814381 51.81858525941846)</t>
  </si>
  <si>
    <t>POINT (4.676070756386087 51.77506543573344)</t>
  </si>
  <si>
    <t>POINT (4.680416393951525 51.78983258447333)</t>
  </si>
  <si>
    <t>POINT (4.704110901381516 51.81566308761776)</t>
  </si>
  <si>
    <t>POINT (4.660334166890366 51.815484152123055)</t>
  </si>
  <si>
    <t>POINT (4.665708409831316 51.77869269859715)</t>
  </si>
  <si>
    <t>POINT (4.680452642217172 51.780676127103625)</t>
  </si>
  <si>
    <t>POINT (4.671674277873183 51.79909835514068)</t>
  </si>
  <si>
    <t>POINT (4.684228433313559 51.809617931785375)</t>
  </si>
  <si>
    <t>POINT (4.685050123800367 51.77913527410984)</t>
  </si>
  <si>
    <t>POINT (4.722519386242939 51.79763017543536)</t>
  </si>
  <si>
    <t>POINT (4.667281071529175 51.80808545300267)</t>
  </si>
  <si>
    <t>POINT (4.720774644258185 51.804911391301886)</t>
  </si>
  <si>
    <t>POINT (4.731133911633594 51.79581187374055)</t>
  </si>
  <si>
    <t>POINT (4.655640647978594 51.79193910077945)</t>
  </si>
  <si>
    <t>POINT (4.72682987032994 51.79908842040494)</t>
  </si>
  <si>
    <t>POINT (4.63287832286357 51.76997520238953)</t>
  </si>
  <si>
    <t>POINT (4.669781174021967 51.81773504267433)</t>
  </si>
  <si>
    <t>POINT (4.664723506394117 51.80955739720447)</t>
  </si>
  <si>
    <t>POINT (4.669987844268871 51.80392249769359)</t>
  </si>
  <si>
    <t>POINT (4.669705201556404 51.80417203040886)</t>
  </si>
  <si>
    <t>POINT (4.717501199397343 51.80224591268621)</t>
  </si>
  <si>
    <t>POINT (4.630152044205294 51.72433923610636)</t>
  </si>
  <si>
    <t>POINT (4.671558611708264 51.79922657444189)</t>
  </si>
  <si>
    <t>POINT (4.685767478510797 51.81136901871904)</t>
  </si>
  <si>
    <t>POINT (4.672034358851314 51.7796558578389)</t>
  </si>
  <si>
    <t>POINT (4.658298318571633 51.809273376972754)</t>
  </si>
  <si>
    <t>POINT (4.669318810478072 51.80618780632265)</t>
  </si>
  <si>
    <t>POINT (4.668617582459451 51.79955544528777)</t>
  </si>
  <si>
    <t>POINT (4.66591023574162 51.80036432723238)</t>
  </si>
  <si>
    <t>POINT (4.667081989224937 51.77629834877294)</t>
  </si>
  <si>
    <t>POINT (4.669392033611638 51.80640921406948)</t>
  </si>
  <si>
    <t>POINT (4.697480689639267 51.791443954113646)</t>
  </si>
  <si>
    <t>POINT (4.682484348609567 51.81460677775633)</t>
  </si>
  <si>
    <t>POINT (4.727584847508827 51.79984925923289)</t>
  </si>
  <si>
    <t>POINT (4.655588545986624 51.81126193533739)</t>
  </si>
  <si>
    <t>POINT (4.7069389487245274 51.810179047981016)</t>
  </si>
  <si>
    <t>POINT (4.6988258657041895 51.79511974539658)</t>
  </si>
  <si>
    <t>POINT (4.651282153481445 51.79073602685252)</t>
  </si>
  <si>
    <t>POINT (4.709621614943404 51.804937278954945)</t>
  </si>
  <si>
    <t>POINT (4.715218143832675 51.813821351125995)</t>
  </si>
  <si>
    <t>POINT (4.726869027144835 51.799619249376676)</t>
  </si>
  <si>
    <t>POINT (4.6793613094273425 51.80006622390951)</t>
  </si>
  <si>
    <t>POINT (4.7302296230586025 51.79848650775335)</t>
  </si>
  <si>
    <t>POINT (4.658274571190031 51.80706200272512)</t>
  </si>
  <si>
    <t>POINT (4.657031785360661 51.80281086606273)</t>
  </si>
  <si>
    <t>POINT (4.689253115630851 51.808975995217175)</t>
  </si>
  <si>
    <t>POINT (4.698424943687753 51.80021491958587)</t>
  </si>
  <si>
    <t>3328CE</t>
  </si>
  <si>
    <t>POINT (4.674011245886302 51.775325917311044)</t>
  </si>
  <si>
    <t>POINT (4.731702119015765 51.79279674376269)</t>
  </si>
  <si>
    <t>POINT (4.657341631825674 51.790753235676014)</t>
  </si>
  <si>
    <t>POINT (4.677725257346157 51.81701588316697)</t>
  </si>
  <si>
    <t>POINT (4.669166627063039 51.772158567723096)</t>
  </si>
  <si>
    <t>POINT (4.629649622070843 51.722473006773676)</t>
  </si>
  <si>
    <t>POINT (4.676527847590526 51.783806799856286)</t>
  </si>
  <si>
    <t>POINT (4.683722879372324 51.812138164434074)</t>
  </si>
  <si>
    <t>POINT (4.677573018732068 51.78106843682862)</t>
  </si>
  <si>
    <t>POINT (4.7222878262955055 51.80533512490074)</t>
  </si>
  <si>
    <t>POINT (4.6985419347882615 51.79477178160167)</t>
  </si>
  <si>
    <t>POINT (4.674662470906585 51.80489861863931)</t>
  </si>
  <si>
    <t>POINT (4.659545364327438 51.80551720155003)</t>
  </si>
  <si>
    <t>POINT (4.6855436098249115 51.785459580115585)</t>
  </si>
  <si>
    <t>POINT (4.654314358112826 51.79937406484861)</t>
  </si>
  <si>
    <t>POINT (4.670810737842437 51.80916973249819)</t>
  </si>
  <si>
    <t>POINT (4.702321861131149 51.79755634113775)</t>
  </si>
  <si>
    <t>POINT (4.692629674866559 51.78746904206344)</t>
  </si>
  <si>
    <t>POINT (4.71690178389942 51.79561461798157)</t>
  </si>
  <si>
    <t>POINT (4.681912703315649 51.78123878110778)</t>
  </si>
  <si>
    <t>POINT (4.66901479670957 51.790764318510305)</t>
  </si>
  <si>
    <t>POINT (4.676374434599298 51.803749399617665)</t>
  </si>
  <si>
    <t>POINT (4.663805545415219 51.801551602804885)</t>
  </si>
  <si>
    <t>POINT (4.680814254746175 51.80842930670997)</t>
  </si>
  <si>
    <t>POINT (4.688360084872948 51.79020223974567)</t>
  </si>
  <si>
    <t>POINT (4.729724560657808 51.79759981644789)</t>
  </si>
  <si>
    <t>POINT (4.671053402463062 51.81868403426735)</t>
  </si>
  <si>
    <t>POINT (4.734030390420999 51.80135331484428)</t>
  </si>
  <si>
    <t>POINT (4.650045480508743 51.79208074934896)</t>
  </si>
  <si>
    <t>POINT (4.657502171835564 51.78091716572024)</t>
  </si>
  <si>
    <t>POINT (4.679456932072537 51.81423830689341)</t>
  </si>
  <si>
    <t>POINT (4.711645252824822 51.814942629235844)</t>
  </si>
  <si>
    <t>POINT (4.670700873464036 51.80854504967522)</t>
  </si>
  <si>
    <t>POINT (4.654137828684458 51.792734415952374)</t>
  </si>
  <si>
    <t>POINT (4.660741821216319 51.78984702991416)</t>
  </si>
  <si>
    <t>POINT (4.661902769737244 51.79759023199619)</t>
  </si>
  <si>
    <t>POINT (4.656537874155171 51.80974227181364)</t>
  </si>
  <si>
    <t>POINT (4.669419750022843 51.77905652828461)</t>
  </si>
  <si>
    <t>POINT (4.686845494635959 51.815520128651045)</t>
  </si>
  <si>
    <t>POINT (4.693337387421896 51.788637938672416)</t>
  </si>
  <si>
    <t>POINT (4.685796821816724 51.81054826842348)</t>
  </si>
  <si>
    <t>POINT (4.681546774948625 51.7750097472539)</t>
  </si>
  <si>
    <t>POINT (4.657584671397957 51.78718858445507)</t>
  </si>
  <si>
    <t>POINT (4.653796229516204 51.802250915052305)</t>
  </si>
  <si>
    <t>POINT (4.651044318056579 51.79355205568035)</t>
  </si>
  <si>
    <t>POINT (4.656455151552054 51.804489708506296)</t>
  </si>
  <si>
    <t>POINT (4.681314635502355 51.81793549425834)</t>
  </si>
  <si>
    <t>POINT (4.651599482293216 51.80373680230031)</t>
  </si>
  <si>
    <t>POINT (4.670417284015758 51.792946929311064)</t>
  </si>
  <si>
    <t>POINT (4.663873797681378 51.81349835569166)</t>
  </si>
  <si>
    <t>POINT (4.731522817474414 51.80366366454857)</t>
  </si>
  <si>
    <t>POINT (4.666178081791591 51.79849548955808)</t>
  </si>
  <si>
    <t>POINT (4.680042778570079 51.78134273064596)</t>
  </si>
  <si>
    <t>POINT (4.68243539966625 51.8091992980414)</t>
  </si>
  <si>
    <t>POINT (4.653745209277381 51.785786104313345)</t>
  </si>
  <si>
    <t>POINT (4.679785855058775 51.798609148428525)</t>
  </si>
  <si>
    <t>POINT (4.696846125577255 51.7910896902762)</t>
  </si>
  <si>
    <t>POINT (4.682762035950156 51.78530593026269)</t>
  </si>
  <si>
    <t>POINT (4.666795931039923 51.81661567062875)</t>
  </si>
  <si>
    <t>POINT (4.677276676357706 51.800433904146495)</t>
  </si>
  <si>
    <t>POINT (4.680664571750409 51.78190781293634)</t>
  </si>
  <si>
    <t>POINT (4.636734686668177 51.76789492272401)</t>
  </si>
  <si>
    <t>POINT (4.67540774003574 51.78325843898337)</t>
  </si>
  <si>
    <t>POINT (4.663337337880036 51.813459210031986)</t>
  </si>
  <si>
    <t>POINT (4.66133670970897 51.7922936896006)</t>
  </si>
  <si>
    <t>POINT (4.667789950973699 51.81508882177887)</t>
  </si>
  <si>
    <t>POINT (4.729287975779015 51.79779617992243)</t>
  </si>
  <si>
    <t>POINT (4.710566239250121 51.81547260339834)</t>
  </si>
  <si>
    <t>POINT (4.661246584350103 51.7909060938926)</t>
  </si>
  <si>
    <t>POINT (4.6791124412876215 51.79984540741638)</t>
  </si>
  <si>
    <t>POINT (4.67041644137787 51.818272410804475)</t>
  </si>
  <si>
    <t>POINT (4.661287001797102 51.78890321975849)</t>
  </si>
  <si>
    <t>POINT (4.6792905018031625 51.81448864414091)</t>
  </si>
  <si>
    <t>POINT (4.679966098812431 51.7886245770092)</t>
  </si>
  <si>
    <t>POINT (4.663976311594981 51.8108948677775)</t>
  </si>
  <si>
    <t>POINT (4.681048777986963 51.77992819036627)</t>
  </si>
  <si>
    <t>POINT (4.658356849817116 51.812912414910265)</t>
  </si>
  <si>
    <t>POINT (4.713676660158435 51.805282355376306)</t>
  </si>
  <si>
    <t>POINT (4.71215383262487 51.80061878678286)</t>
  </si>
  <si>
    <t>POINT (4.720798403572747 51.81127458357437)</t>
  </si>
  <si>
    <t>POINT (4.657132444813443 51.7904108934024)</t>
  </si>
  <si>
    <t>POINT (4.660310613546847 51.79766765874488)</t>
  </si>
  <si>
    <t>POINT (4.714409480332665 51.80317907205017)</t>
  </si>
  <si>
    <t>POINT (4.655676191474237 51.79513289334628)</t>
  </si>
  <si>
    <t>POINT (4.631783375724993 51.72332790774944)</t>
  </si>
  <si>
    <t>POINT (4.661904498088845 51.81039855248971)</t>
  </si>
  <si>
    <t>POINT (4.6639674883832365 51.80228232110666)</t>
  </si>
  <si>
    <t>POINT (4.679765949255263 51.77613676456278)</t>
  </si>
  <si>
    <t>POINT (4.681940366861381 51.79977830600079)</t>
  </si>
  <si>
    <t>POINT (4.655839064935924 51.80579568473638)</t>
  </si>
  <si>
    <t>POINT (4.72043010425694 51.79749504131336)</t>
  </si>
  <si>
    <t>POINT (4.655150833703465 51.79998027152342)</t>
  </si>
  <si>
    <t>POINT (4.658342196507645 51.788012470895936)</t>
  </si>
  <si>
    <t>POINT (4.656592091538124 51.792158152336896)</t>
  </si>
  <si>
    <t>POINT (4.700753254773399 51.792864931895636)</t>
  </si>
  <si>
    <t>POINT (4.659748865365246 51.804192406529886)</t>
  </si>
  <si>
    <t>POINT (4.6986777850558585 51.81776127916773)</t>
  </si>
  <si>
    <t>POINT (4.663661508848078 51.79229347119765)</t>
  </si>
  <si>
    <t>POINT (4.681469601436099 51.781314829963975)</t>
  </si>
  <si>
    <t>POINT (4.659724960943994 51.80102201764625)</t>
  </si>
  <si>
    <t>POINT (4.708249669044571 51.797324280537055)</t>
  </si>
  <si>
    <t>POINT (4.669572214000499 51.81342163823127)</t>
  </si>
  <si>
    <t>POINT (4.685300120909745 51.77500420691447)</t>
  </si>
  <si>
    <t>POINT (4.639022832097965 51.78322864909027)</t>
  </si>
  <si>
    <t>POINT (4.674181622910197 51.81901941003524)</t>
  </si>
  <si>
    <t>POINT (4.6641063535629215 51.787061201568626)</t>
  </si>
  <si>
    <t>POINT (4.718236787574394 51.79983698037122)</t>
  </si>
  <si>
    <t>POINT (4.663300040358595 51.796450303831804)</t>
  </si>
  <si>
    <t>POINT (4.69173744569889 51.78711406007166)</t>
  </si>
  <si>
    <t>POINT (4.652533337090506 51.78522631663939)</t>
  </si>
  <si>
    <t>POINT (4.719352925063951 51.80065831247956)</t>
  </si>
  <si>
    <t>POINT (4.6783253599637975 51.80709339422733)</t>
  </si>
  <si>
    <t>POINT (4.6794340379125074 51.81466014172239)</t>
  </si>
  <si>
    <t>POINT (4.6672645984786865 51.78942464720186)</t>
  </si>
  <si>
    <t>POINT (4.653420775648099 51.800752910656186)</t>
  </si>
  <si>
    <t>POINT (4.661114214508801 51.80211737426819)</t>
  </si>
  <si>
    <t>POINT (4.7207825626996796 51.7996325220224)</t>
  </si>
  <si>
    <t>POINT (4.70912317664911 51.81743153708185)</t>
  </si>
  <si>
    <t>POINT (4.668098174281852 51.770434124162)</t>
  </si>
  <si>
    <t>POINT (4.662707575900014 51.81720281180808)</t>
  </si>
  <si>
    <t>POINT (4.728209100445199 51.80031985275922)</t>
  </si>
  <si>
    <t>POINT (4.678209175733306 51.78850550508673)</t>
  </si>
  <si>
    <t>POINT (4.655661550667643 51.807102945516434)</t>
  </si>
  <si>
    <t>POINT (4.679968099790831 51.77664082980448)</t>
  </si>
  <si>
    <t>POINT (4.659386453956043 51.78125071395483)</t>
  </si>
  <si>
    <t>POINT (4.660132750638757 51.80996732233294)</t>
  </si>
  <si>
    <t>POINT (4.67634863038674 51.77277625762793)</t>
  </si>
  <si>
    <t>POINT (4.686009700203528 51.79175519408965)</t>
  </si>
  <si>
    <t>POINT (4.662078516089859 51.77305415236377)</t>
  </si>
  <si>
    <t>POINT (4.659079107609748 51.81259812374981)</t>
  </si>
  <si>
    <t>POINT (4.6755605949355905 51.81388496793907)</t>
  </si>
  <si>
    <t>POINT (4.655476786589078 51.79011825152087)</t>
  </si>
  <si>
    <t>POINT (4.728487372666614 51.79744303632382)</t>
  </si>
  <si>
    <t>POINT (4.715323438052355 51.80324251946188)</t>
  </si>
  <si>
    <t>POINT (4.688246588588279 51.81986362884378)</t>
  </si>
  <si>
    <t>POINT (4.6660681082543265 51.773864275700056)</t>
  </si>
  <si>
    <t>POINT (4.725743773484414 51.799860808929644)</t>
  </si>
  <si>
    <t>POINT (4.702966017951014 51.790880171413114)</t>
  </si>
  <si>
    <t>POINT (4.679631139387082 51.81656469785917)</t>
  </si>
  <si>
    <t>POINT (4.669335362024561 51.818808952527554)</t>
  </si>
  <si>
    <t>POINT (4.673467365017939 51.80923125989516)</t>
  </si>
  <si>
    <t>POINT (4.7210974145017675 51.79926592816031)</t>
  </si>
  <si>
    <t>POINT (4.663032009495772 51.79385347733565)</t>
  </si>
  <si>
    <t>POINT (4.651712376954503 51.78441442542377)</t>
  </si>
  <si>
    <t>POINT (4.679194381113383 51.78193219721989)</t>
  </si>
  <si>
    <t>POINT (4.66020561073974 51.81560935015526)</t>
  </si>
  <si>
    <t>POINT (4.7060948213196525 51.81670803342757)</t>
  </si>
  <si>
    <t>POINT (4.7122493904015395 51.79966733021625)</t>
  </si>
  <si>
    <t>POINT (4.690497947125681 51.80889401831117)</t>
  </si>
  <si>
    <t>POINT (4.674273829953728 51.78387160234667)</t>
  </si>
  <si>
    <t>POINT (4.678547890664039 51.78963302594557)</t>
  </si>
  <si>
    <t>POINT (4.670366322788924 51.79421001496257)</t>
  </si>
  <si>
    <t>POINT (4.718231297572855 51.79894425029991)</t>
  </si>
  <si>
    <t>POINT (4.66839562279429 51.79192947062233)</t>
  </si>
  <si>
    <t>POINT (4.68598875690518 51.788018274516936)</t>
  </si>
  <si>
    <t>POINT (4.7185624005605975 51.815423872384365)</t>
  </si>
  <si>
    <t>POINT (4.723166155689598 51.80523604616004)</t>
  </si>
  <si>
    <t>POINT (4.661123440120549 51.812544094244004)</t>
  </si>
  <si>
    <t>POINT (4.675934778676762 51.81815314078207)</t>
  </si>
  <si>
    <t>POINT (4.720965091807505 51.80499195933968)</t>
  </si>
  <si>
    <t>POINT (4.670932624589189 51.8164872484621)</t>
  </si>
  <si>
    <t>POINT (4.687733679083773 51.80433827908407)</t>
  </si>
  <si>
    <t>POINT (4.6837908076109995 51.79804511638589)</t>
  </si>
  <si>
    <t>POINT (4.732401572163382 51.795565664561416)</t>
  </si>
  <si>
    <t>POINT (4.65495562534532 51.79989601576548)</t>
  </si>
  <si>
    <t>POINT (4.655010158797336 51.80342212859322)</t>
  </si>
  <si>
    <t>POINT (4.717390690964392 51.80130685805906)</t>
  </si>
  <si>
    <t>POINT (4.651694420761175 51.784644675755146)</t>
  </si>
  <si>
    <t>POINT (4.7209157619177535 51.80310892710022)</t>
  </si>
  <si>
    <t>POINT (4.639710532894378 51.77759865187878)</t>
  </si>
  <si>
    <t>POINT (4.671982192022161 51.77396922743386)</t>
  </si>
  <si>
    <t>POINT (4.653356545885052 51.79409081750939)</t>
  </si>
  <si>
    <t>POINT (4.727992677204771 51.79184154420505)</t>
  </si>
  <si>
    <t>POINT (4.684283651153704 51.80352713543746)</t>
  </si>
  <si>
    <t>POINT (4.7257659949633 51.79835640594211)</t>
  </si>
  <si>
    <t>POINT (4.67186666016797 51.81028180832204)</t>
  </si>
  <si>
    <t>POINT (4.678822099430992 51.80816348436397)</t>
  </si>
  <si>
    <t>POINT (4.697614655828009 51.79891599890262)</t>
  </si>
  <si>
    <t>POINT (4.731401895851639 51.799953585021775)</t>
  </si>
  <si>
    <t>POINT (4.670350260049798 51.798363213931424)</t>
  </si>
  <si>
    <t>POINT (4.701371445938743 51.79886961518353)</t>
  </si>
  <si>
    <t>POINT (4.679335702625791 51.7864685039847)</t>
  </si>
  <si>
    <t>POINT (4.660174293796517 51.80870661972109)</t>
  </si>
  <si>
    <t>POINT (4.668306583143983 51.79233395576586)</t>
  </si>
  <si>
    <t>POINT (4.719627790680958 51.804990650847294)</t>
  </si>
  <si>
    <t>POINT (4.683402475100977 51.79978969227783)</t>
  </si>
  <si>
    <t>POINT (4.664228016396479 51.790401318337935)</t>
  </si>
  <si>
    <t>POINT (4.711828894545347 51.79462141989608)</t>
  </si>
  <si>
    <t>POINT (4.680407947141018 51.79876116594085)</t>
  </si>
  <si>
    <t>POINT (4.669164008808137 51.789513798184196)</t>
  </si>
  <si>
    <t>POINT (4.668680763869099 51.80044178445271)</t>
  </si>
  <si>
    <t>POINT (4.681397892659737 51.801881136193884)</t>
  </si>
  <si>
    <t>POINT (4.658365968144646 51.783382640265664)</t>
  </si>
  <si>
    <t>POINT (4.722110106900207 51.79425687848197)</t>
  </si>
  <si>
    <t>POINT (4.669465301515274 51.798122668413995)</t>
  </si>
  <si>
    <t>POINT (4.659859452177572 51.79604028090425)</t>
  </si>
  <si>
    <t>POINT (4.671844298131859 51.805936715582355)</t>
  </si>
  <si>
    <t>POINT (4.666734717844081 51.77806559062539)</t>
  </si>
  <si>
    <t>POINT (4.7175063631387655 51.81213418568993)</t>
  </si>
  <si>
    <t>POINT (4.650008969292744 51.79273167132049)</t>
  </si>
  <si>
    <t>POINT (4.6678210534512 51.81171005214177)</t>
  </si>
  <si>
    <t>POINT (4.653980059757983 51.80133668168689)</t>
  </si>
  <si>
    <t>POINT (4.6758377088503345 51.81643702070983)</t>
  </si>
  <si>
    <t>POINT (4.717259864762911 51.80231081729213)</t>
  </si>
  <si>
    <t>POINT (4.680647374486614 51.77728610600166)</t>
  </si>
  <si>
    <t>POINT (4.70464067619565 51.79510541411867)</t>
  </si>
  <si>
    <t>POINT (4.659580376423454 51.78888503315945)</t>
  </si>
  <si>
    <t>POINT (4.667523251327761 51.81562815196744)</t>
  </si>
  <si>
    <t>POINT (4.655456191562112 51.799738744352574)</t>
  </si>
  <si>
    <t>POINT (4.678926896077426 51.778074923738)</t>
  </si>
  <si>
    <t>POINT (4.6696428105679315 51.80453294005888)</t>
  </si>
  <si>
    <t>POINT (4.702411719063613 51.78514197424109)</t>
  </si>
  <si>
    <t>POINT (4.727664784150376 51.80494541316478)</t>
  </si>
  <si>
    <t>POINT (4.677514103083974 51.78099146068327)</t>
  </si>
  <si>
    <t>POINT (4.674274466483615 51.807770184997366)</t>
  </si>
  <si>
    <t>POINT (4.661765905500816 51.81663112162749)</t>
  </si>
  <si>
    <t>POINT (4.67365379516661 51.81823785558271)</t>
  </si>
  <si>
    <t>POINT (4.7180060636004235 51.80120739540279)</t>
  </si>
  <si>
    <t>POINT (4.682392889854191 51.80915621171981)</t>
  </si>
  <si>
    <t>POINT (4.73345318533528 51.79482704471898)</t>
  </si>
  <si>
    <t>POINT (4.682622694785915 51.77619350210978)</t>
  </si>
  <si>
    <t>POINT (4.6719714049704075 51.81657815816696)</t>
  </si>
  <si>
    <t>POINT (4.685879576313025 51.804402770616925)</t>
  </si>
  <si>
    <t>POINT (4.686481578393581 51.78012399791483)</t>
  </si>
  <si>
    <t>POINT (4.709950984595534 51.79947057355537)</t>
  </si>
  <si>
    <t>POINT (4.669020657765164 51.815168385976705)</t>
  </si>
  <si>
    <t>POINT (4.673772385764747 51.77646131170407)</t>
  </si>
  <si>
    <t>POINT (4.6657068961838055 51.78866419679659)</t>
  </si>
  <si>
    <t>POINT (4.661857228684389 51.80280286339354)</t>
  </si>
  <si>
    <t>POINT (4.6652558242114335 51.78942312441867)</t>
  </si>
  <si>
    <t>POINT (4.707469622693185 51.794688135386934)</t>
  </si>
  <si>
    <t>POINT (4.630645117587624 51.723616269282545)</t>
  </si>
  <si>
    <t>POINT (4.658591098360618 51.80200222848347)</t>
  </si>
  <si>
    <t>POINT (4.6680810269944235 51.79183707136291)</t>
  </si>
  <si>
    <t>POINT (4.667409753335715 51.81596686823748)</t>
  </si>
  <si>
    <t>POINT (4.650396539366219 51.792853943644324)</t>
  </si>
  <si>
    <t>POINT (4.685740184548722 51.8116543804642)</t>
  </si>
  <si>
    <t>POINT (4.683964213840611 51.79809962953867)</t>
  </si>
  <si>
    <t>POINT (4.663894996127433 51.8107072491953)</t>
  </si>
  <si>
    <t>POINT (4.69846666125714 51.79342801878497)</t>
  </si>
  <si>
    <t>POINT (4.713581917208571 51.807873274117725)</t>
  </si>
  <si>
    <t>POINT (4.66745674815901 51.77542797970305)</t>
  </si>
  <si>
    <t>POINT (4.721126177239948 51.79935430603568)</t>
  </si>
  <si>
    <t>POINT (4.729731942608497 51.800605174028405)</t>
  </si>
  <si>
    <t>POINT (4.689507428904392 51.818663846974445)</t>
  </si>
  <si>
    <t>POINT (4.659293066074525 51.80943833690976)</t>
  </si>
  <si>
    <t>POINT (4.667510793085018 51.81382851582456)</t>
  </si>
  <si>
    <t>POINT (4.664279528849244 51.81297447871241)</t>
  </si>
  <si>
    <t>POINT (4.681165517573201 51.806443665897035)</t>
  </si>
  <si>
    <t>POINT (4.677301174299136 51.789908569023794)</t>
  </si>
  <si>
    <t>POINT (4.634514965155594 51.770156342649)</t>
  </si>
  <si>
    <t>POINT (4.688821471002863 51.809929227591546)</t>
  </si>
  <si>
    <t>POINT (4.686406387174156 51.81136695731515)</t>
  </si>
  <si>
    <t>POINT (4.672109064931399 51.77770312085366)</t>
  </si>
  <si>
    <t>POINT (4.682894312851502 51.809274960400245)</t>
  </si>
  <si>
    <t>POINT (4.670232784475413 51.81137999713864)</t>
  </si>
  <si>
    <t>POINT (4.708118367851196 51.80975508913874)</t>
  </si>
  <si>
    <t>POINT (4.675200099474876 51.81727229111483)</t>
  </si>
  <si>
    <t>3317LV</t>
  </si>
  <si>
    <t>POINT (4.650413743771979 51.79909663856117)</t>
  </si>
  <si>
    <t>BU05050706</t>
  </si>
  <si>
    <t>Laan der Verenigde Naties Noord</t>
  </si>
  <si>
    <t>POINT (4.653164186379739 51.801707056337)</t>
  </si>
  <si>
    <t>POINT (4.67317344988878 51.77974083765427)</t>
  </si>
  <si>
    <t>POINT (4.669447512358388 51.80563111553283)</t>
  </si>
  <si>
    <t>POINT (4.656506359420562 51.80675832439317)</t>
  </si>
  <si>
    <t>POINT (4.672235083504619 51.78253488772946)</t>
  </si>
  <si>
    <t>POINT (4.678149502506094 51.7885230858494)</t>
  </si>
  <si>
    <t>POINT (4.662775986175299 51.81679050102871)</t>
  </si>
  <si>
    <t>POINT (4.660313101327097 51.80689996221911)</t>
  </si>
  <si>
    <t>POINT (4.729337331697582 51.804793033629096)</t>
  </si>
  <si>
    <t>POINT (4.684390206173105 51.78752682460309)</t>
  </si>
  <si>
    <t>POINT (4.673718552387649 51.816927593777116)</t>
  </si>
  <si>
    <t>POINT (4.685786428876178 51.78638996846217)</t>
  </si>
  <si>
    <t>POINT (4.678454158845213 51.78134438718418)</t>
  </si>
  <si>
    <t>POINT (4.676540431452584 51.818412015880995)</t>
  </si>
  <si>
    <t>POINT (4.684022400710193 51.79809343453003)</t>
  </si>
  <si>
    <t>POINT (4.695131944219114 51.79021447509692)</t>
  </si>
  <si>
    <t>POINT (4.680747380585922 51.80971748391121)</t>
  </si>
  <si>
    <t>POINT (4.658619683436502 51.81201058527405)</t>
  </si>
  <si>
    <t>3313LP</t>
  </si>
  <si>
    <t>POINT (4.763417420599211 51.8081028088167)</t>
  </si>
  <si>
    <t>POINT (4.680071395579976 51.773943402796874)</t>
  </si>
  <si>
    <t>POINT (4.66769338892969 51.79524741525146)</t>
  </si>
  <si>
    <t>POINT (4.6799580207927205 51.773962494326035)</t>
  </si>
  <si>
    <t>POINT (4.664133392910397 51.79226169320052)</t>
  </si>
  <si>
    <t>POINT (4.675894568413903 51.81510377074987)</t>
  </si>
  <si>
    <t>POINT (4.719848562389599 51.81368473769195)</t>
  </si>
  <si>
    <t>POINT (4.686052623569474 51.808299925180506)</t>
  </si>
  <si>
    <t>POINT (4.6909843672525025 51.808425692627814)</t>
  </si>
  <si>
    <t>POINT (4.678660123975862 51.80855602154113)</t>
  </si>
  <si>
    <t>POINT (4.660267822455705 51.80464112034256)</t>
  </si>
  <si>
    <t>POINT (4.66199334767111 51.81389565421939)</t>
  </si>
  <si>
    <t>POINT (4.6776776821438615 51.790614751319794)</t>
  </si>
  <si>
    <t>POINT (4.670217937213733 51.78514093105563)</t>
  </si>
  <si>
    <t>POINT (4.722608931709186 51.80283906345133)</t>
  </si>
  <si>
    <t>POINT (4.668561834219279 51.81234264779075)</t>
  </si>
  <si>
    <t>POINT (4.676297024756264 51.8184472694211)</t>
  </si>
  <si>
    <t>POINT (4.711349281028003 51.80618956379312)</t>
  </si>
  <si>
    <t>POINT (4.666982447878632 51.787975671210994)</t>
  </si>
  <si>
    <t>POINT (4.661220300978073 51.789339064908994)</t>
  </si>
  <si>
    <t>POINT (4.652101270064863 51.79406759707584)</t>
  </si>
  <si>
    <t>POINT (4.685561888496809 51.81179877810828)</t>
  </si>
  <si>
    <t>POINT (4.668707617648204 51.81405998203201)</t>
  </si>
  <si>
    <t>POINT (4.65384029411068 51.80436198867339)</t>
  </si>
  <si>
    <t>POINT (4.712013875251296 51.80413379369845)</t>
  </si>
  <si>
    <t>POINT (4.708556601524425 51.81854234999124)</t>
  </si>
  <si>
    <t>POINT (4.677607633747684 51.78170101935941)</t>
  </si>
  <si>
    <t>POINT (4.667737377108024 51.8107777907013)</t>
  </si>
  <si>
    <t>POINT (4.683410030157952 51.78196220542652)</t>
  </si>
  <si>
    <t>POINT (4.674872152570021 51.81510321425049)</t>
  </si>
  <si>
    <t>POINT (4.669723048484421 51.790222705708146)</t>
  </si>
  <si>
    <t>POINT (4.660943260583376 51.80242899693745)</t>
  </si>
  <si>
    <t>POINT (4.660039580390047 51.80384044053985)</t>
  </si>
  <si>
    <t>POINT (4.7075800115068125 51.7895192133992)</t>
  </si>
  <si>
    <t>POINT (4.7270313376363795 51.79746229496681)</t>
  </si>
  <si>
    <t>POINT (4.676482667957381 51.790313245761844)</t>
  </si>
  <si>
    <t>POINT (4.6742374573896015 51.817935868975525)</t>
  </si>
  <si>
    <t>POINT (4.663518157451429 51.79651085800683)</t>
  </si>
  <si>
    <t>POINT (4.670363356007456 51.79642178163545)</t>
  </si>
  <si>
    <t>POINT (4.6741814200592 51.815901797630474)</t>
  </si>
  <si>
    <t>POINT (4.674013060219452 51.817205084251505)</t>
  </si>
  <si>
    <t>POINT (4.666724224688823 51.81452050961984)</t>
  </si>
  <si>
    <t>POINT (4.666066836957659 51.77506204153132)</t>
  </si>
  <si>
    <t>POINT (4.669444483878171 51.81193380651654)</t>
  </si>
  <si>
    <t>POINT (4.720397407809108 51.81284466069479)</t>
  </si>
  <si>
    <t>POINT (4.681292965730244 51.80768243344487)</t>
  </si>
  <si>
    <t>POINT (4.6883550075311575 51.808063343250666)</t>
  </si>
  <si>
    <t>POINT (4.664801265335822 51.80154417365611)</t>
  </si>
  <si>
    <t>3311NB</t>
  </si>
  <si>
    <t>Blindeliedengasthuissteeg</t>
  </si>
  <si>
    <t>POINT (4.66747913915829 51.81417706434982)</t>
  </si>
  <si>
    <t>POINT (4.65171540483355 51.79067382744184)</t>
  </si>
  <si>
    <t>POINT (4.675889925870672 51.80445962526296)</t>
  </si>
  <si>
    <t>POINT (4.680529470888674 51.77619649513731)</t>
  </si>
  <si>
    <t>POINT (4.697150250747362 51.79774721355363)</t>
  </si>
  <si>
    <t>POINT (4.719673456035286 51.81097401888152)</t>
  </si>
  <si>
    <t>POINT (4.721475113386219 51.79484032588334)</t>
  </si>
  <si>
    <t>POINT (4.681202927906762 51.78914149712235)</t>
  </si>
  <si>
    <t>POINT (4.677842059974788 51.81384940586584)</t>
  </si>
  <si>
    <t>POINT (4.667192324844968 51.78249508026521)</t>
  </si>
  <si>
    <t>POINT (4.672444361774934 51.819501017216865)</t>
  </si>
  <si>
    <t>POINT (4.6949494626030965 51.7902367510142)</t>
  </si>
  <si>
    <t>POINT (4.659555205213944 51.810986124685414)</t>
  </si>
  <si>
    <t>POINT (4.656106250418762 51.80016844773416)</t>
  </si>
  <si>
    <t>POINT (4.735616453795209 51.80259327948375)</t>
  </si>
  <si>
    <t>POINT (4.662138782587409 51.803450180439796)</t>
  </si>
  <si>
    <t>POINT (4.698567310843238 51.817636021401306)</t>
  </si>
  <si>
    <t>POINT (4.657809216511609 51.79936887741314)</t>
  </si>
  <si>
    <t>POINT (4.674595098664223 51.77750114724426)</t>
  </si>
  <si>
    <t>POINT (4.6852501711400425 51.78980056561184)</t>
  </si>
  <si>
    <t>POINT (4.671884777151342 51.817423634740436)</t>
  </si>
  <si>
    <t>POINT (4.665522475324271 51.79607765248611)</t>
  </si>
  <si>
    <t>POINT (4.695902583873762 51.79183564128837)</t>
  </si>
  <si>
    <t>POINT (4.716133203315923 51.80074181925286)</t>
  </si>
  <si>
    <t>POINT (4.650762358302521 51.8033580706306)</t>
  </si>
  <si>
    <t>POINT (4.675881485869131 51.784989417354616)</t>
  </si>
  <si>
    <t>POINT (4.675474004313584 51.77463655106835)</t>
  </si>
  <si>
    <t>POINT (4.694750929171204 51.79101113142015)</t>
  </si>
  <si>
    <t>POINT (4.658401509557073 51.79534989852611)</t>
  </si>
  <si>
    <t>POINT (4.669136107656145 51.77396864552142)</t>
  </si>
  <si>
    <t>POINT (4.706674065305404 51.797821429465)</t>
  </si>
  <si>
    <t>POINT (4.685238443327544 51.79210442129802)</t>
  </si>
  <si>
    <t>POINT (4.720554213122322 51.812385908754344)</t>
  </si>
  <si>
    <t>POINT (4.679943820264127 51.804861519872134)</t>
  </si>
  <si>
    <t>POINT (4.666659241217257 51.78120189994089)</t>
  </si>
  <si>
    <t>POINT (4.65478081903608 51.80817378460538)</t>
  </si>
  <si>
    <t>POINT (4.733705955930359 51.801665094886324)</t>
  </si>
  <si>
    <t>POINT (4.678973070647519 51.77927950898359)</t>
  </si>
  <si>
    <t>POINT (4.666067666862089 51.81049771060948)</t>
  </si>
  <si>
    <t>POINT (4.701111070647959 51.79559209277187)</t>
  </si>
  <si>
    <t>POINT (4.681446255944736 51.80289955651744)</t>
  </si>
  <si>
    <t>POINT (4.667764153883975 51.8142789008673)</t>
  </si>
  <si>
    <t>POINT (4.67127559515828 51.814317381573126)</t>
  </si>
  <si>
    <t>POINT (4.680068319840187 51.816617552498215)</t>
  </si>
  <si>
    <t>POINT (4.705152280199589 51.79529404131544)</t>
  </si>
  <si>
    <t>POINT (4.666986446803746 51.81395026859297)</t>
  </si>
  <si>
    <t>POINT (4.665755792217401 51.80984681982557)</t>
  </si>
  <si>
    <t>POINT (4.703394710095113 51.79724471478294)</t>
  </si>
  <si>
    <t>POINT (4.69426603896866 51.79686707752417)</t>
  </si>
  <si>
    <t>POINT (4.666193532720309 51.799690073913084)</t>
  </si>
  <si>
    <t>POINT (4.705476905033656 51.79065466599985)</t>
  </si>
  <si>
    <t>POINT (4.66947360872294 51.813773589008456)</t>
  </si>
  <si>
    <t>POINT (4.730316905489997 51.805206030194164)</t>
  </si>
  <si>
    <t>POINT (4.704516977921798 51.7982577827468)</t>
  </si>
  <si>
    <t>POINT (4.703127956709566 51.79512523249361)</t>
  </si>
  <si>
    <t>POINT (4.665742235309383 51.77996785678823)</t>
  </si>
  <si>
    <t>POINT (4.671081252711023 51.77790609811017)</t>
  </si>
  <si>
    <t>POINT (4.666855340698515 51.81564785620309)</t>
  </si>
  <si>
    <t>POINT (4.676187836546079 51.8084050599238)</t>
  </si>
  <si>
    <t>POINT (4.730684992664694 51.79093484661729)</t>
  </si>
  <si>
    <t>POINT (4.678241891625393 51.77295504253806)</t>
  </si>
  <si>
    <t>POINT (4.687923401429173 51.81045242179036)</t>
  </si>
  <si>
    <t>POINT (4.716005126628676 51.81582277897084)</t>
  </si>
  <si>
    <t>POINT (4.673090225623687 51.809809166470444)</t>
  </si>
  <si>
    <t>POINT (4.669539239029458 51.80978000675405)</t>
  </si>
  <si>
    <t>POINT (4.662059232269261 51.803117116225316)</t>
  </si>
  <si>
    <t>POINT (4.660344183580661 51.81152752191577)</t>
  </si>
  <si>
    <t>POINT (4.682082348317327 51.785640127053554)</t>
  </si>
  <si>
    <t>POINT (4.665493845734235 51.7999843494968)</t>
  </si>
  <si>
    <t>POINT (4.673227015887182 51.77511664372355)</t>
  </si>
  <si>
    <t>POINT (4.6715616638046304 51.81557215619216)</t>
  </si>
  <si>
    <t>POINT (4.662757322917851 51.793030555697484)</t>
  </si>
  <si>
    <t>POINT (4.646437384536037 51.78055746324588)</t>
  </si>
  <si>
    <t>POINT (4.707834563552418 51.7893805275101)</t>
  </si>
  <si>
    <t>POINT (4.727159031153733 51.797438213723794)</t>
  </si>
  <si>
    <t>POINT (4.6731013177903735 51.81124855453331)</t>
  </si>
  <si>
    <t>3316BZ</t>
  </si>
  <si>
    <t>Zernikestraat</t>
  </si>
  <si>
    <t>POINT (4.641600985758054 51.7748296324101)</t>
  </si>
  <si>
    <t>POINT (4.678563114523847 51.78877914717311)</t>
  </si>
  <si>
    <t>POINT (4.721407034306063 51.80589437454858)</t>
  </si>
  <si>
    <t>POINT (4.698300705239709 51.79272527178489)</t>
  </si>
  <si>
    <t>POINT (4.680549002342714 51.80732417045663)</t>
  </si>
  <si>
    <t>POINT (4.649897700864615 51.79459594112551)</t>
  </si>
  <si>
    <t>POINT (4.655520166514418 51.79976667572325)</t>
  </si>
  <si>
    <t>POINT (4.672415749909803 51.817933893621664)</t>
  </si>
  <si>
    <t>POINT (4.674802345915602 51.81833492638955)</t>
  </si>
  <si>
    <t>POINT (4.655118320027436 51.807343043333816)</t>
  </si>
  <si>
    <t>POINT (4.6957325891456945 51.817616441873824)</t>
  </si>
  <si>
    <t>POINT (4.653144954600287 51.781404869946805)</t>
  </si>
  <si>
    <t>POINT (4.6831763287824035 51.81317056968652)</t>
  </si>
  <si>
    <t>POINT (4.66192143199421 51.79496097304014)</t>
  </si>
  <si>
    <t>POINT (4.670202011542759 51.81585005653222)</t>
  </si>
  <si>
    <t>POINT (4.67404300710901 51.817068647480205)</t>
  </si>
  <si>
    <t>POINT (4.674576081071626 51.78570738555259)</t>
  </si>
  <si>
    <t>POINT (4.719982007063754 51.80553672107157)</t>
  </si>
  <si>
    <t>POINT (4.678513993574555 51.78557170215001)</t>
  </si>
  <si>
    <t>POINT (4.709273282445376 51.818018184766856)</t>
  </si>
  <si>
    <t>POINT (4.66303736137229 51.79107030252117)</t>
  </si>
  <si>
    <t>POINT (4.70796411844146 51.78955835447229)</t>
  </si>
  <si>
    <t>POINT (4.706642083684393 51.79359383985413)</t>
  </si>
  <si>
    <t>POINT (4.668055041012347 51.813064435030256)</t>
  </si>
  <si>
    <t>POINT (4.70041283672342 51.79190841456349)</t>
  </si>
  <si>
    <t>POINT (4.7020555718961425 51.78858537982924)</t>
  </si>
  <si>
    <t>POINT (4.7189128161808025 51.803492416686254)</t>
  </si>
  <si>
    <t>POINT (4.682856683118234 51.81146014913811)</t>
  </si>
  <si>
    <t>POINT (4.7175626997010465 51.80254681708444)</t>
  </si>
  <si>
    <t>POINT (4.654282668153677 51.794827469777935)</t>
  </si>
  <si>
    <t>POINT (4.666231444008726 51.78701234067131)</t>
  </si>
  <si>
    <t>POINT (4.652608634821367 51.800981723733784)</t>
  </si>
  <si>
    <t>POINT (4.685872899050732 51.78690358681131)</t>
  </si>
  <si>
    <t>POINT (4.721111241360336 51.81130408060756)</t>
  </si>
  <si>
    <t>POINT (4.721042423328282 51.8007914387749)</t>
  </si>
  <si>
    <t>POINT (4.65654752286927 51.81184034577793)</t>
  </si>
  <si>
    <t>POINT (4.682653925667633 51.78531283148035)</t>
  </si>
  <si>
    <t>POINT (4.673068715057099 51.81721713033027)</t>
  </si>
  <si>
    <t>POINT (4.659135347632396 51.81418031923378)</t>
  </si>
  <si>
    <t>POINT (4.668282441321398 51.81529111868702)</t>
  </si>
  <si>
    <t>POINT (4.72850188062172 51.80253878744737)</t>
  </si>
  <si>
    <t>POINT (4.657319172980713 51.80030916697282)</t>
  </si>
  <si>
    <t>POINT (4.680501016129248 51.80825895499975)</t>
  </si>
  <si>
    <t>POINT (4.670028773278293 51.80538409210543)</t>
  </si>
  <si>
    <t>POINT (4.652652275237649 51.801547808786054)</t>
  </si>
  <si>
    <t>POINT (4.672725570414246 51.77939553267943)</t>
  </si>
  <si>
    <t>POINT (4.709802922222435 51.787664467841616)</t>
  </si>
  <si>
    <t>POINT (4.685926749401521 51.7875148788953)</t>
  </si>
  <si>
    <t>POINT (4.656825190730801 51.79042305716455)</t>
  </si>
  <si>
    <t>POINT (4.676916470982827 51.77624844078203)</t>
  </si>
  <si>
    <t>POINT (4.712078008174551 51.815147085243794)</t>
  </si>
  <si>
    <t>POINT (4.682767388965158 51.80914862684623)</t>
  </si>
  <si>
    <t>POINT (4.711216730513196 51.804085321485914)</t>
  </si>
  <si>
    <t>POINT (4.654364409366937 51.79363376763761)</t>
  </si>
  <si>
    <t>POINT (4.651643575403453 51.79323014448032)</t>
  </si>
  <si>
    <t>POINT (4.674031641696858 51.81907415657355)</t>
  </si>
  <si>
    <t>POINT (4.692510929322335 51.81871694390537)</t>
  </si>
  <si>
    <t>POINT (4.725960633946329 51.80625057229608)</t>
  </si>
  <si>
    <t>POINT (4.670454998409098 51.81345387341686)</t>
  </si>
  <si>
    <t>POINT (4.7075151253161875 51.807225363908984)</t>
  </si>
  <si>
    <t>POINT (4.6756239384387195 51.81696406957703)</t>
  </si>
  <si>
    <t>POINT (4.678950606992431 51.78931254822593)</t>
  </si>
  <si>
    <t>POINT (4.7264783988870525 51.79758872677939)</t>
  </si>
  <si>
    <t>POINT (4.7211108344379005 51.812442794466456)</t>
  </si>
  <si>
    <t>POINT (4.715844599972031 51.80010134486956)</t>
  </si>
  <si>
    <t>POINT (4.728794306349992 51.7954166692311)</t>
  </si>
  <si>
    <t>POINT (4.690575587726444 51.78426986934617)</t>
  </si>
  <si>
    <t>POINT (4.67019332024594 51.79881139280671)</t>
  </si>
  <si>
    <t>POINT (4.693255029193076 51.79527294723808)</t>
  </si>
  <si>
    <t>POINT (4.673384719794902 51.775467758890066)</t>
  </si>
  <si>
    <t>POINT (4.6516324761380865 51.78149137632639)</t>
  </si>
  <si>
    <t>POINT (4.730735557464552 51.798944101883436)</t>
  </si>
  <si>
    <t>POINT (4.656658174547272 51.80993110015338)</t>
  </si>
  <si>
    <t>POINT (4.656787767497538 51.79782122128551)</t>
  </si>
  <si>
    <t>POINT (4.711828476788266 51.81436673003288)</t>
  </si>
  <si>
    <t>POINT (4.6725224336040485 51.8164567702927)</t>
  </si>
  <si>
    <t>POINT (4.6692485549525955 51.77120980672646)</t>
  </si>
  <si>
    <t>POINT (4.667166512796256 51.79417356614194)</t>
  </si>
  <si>
    <t>POINT (4.6293361956490084 51.72679510463656)</t>
  </si>
  <si>
    <t>POINT (4.666093602927224 51.810548898731874)</t>
  </si>
  <si>
    <t>POINT (4.715594970837639 51.80918722206437)</t>
  </si>
  <si>
    <t>POINT (4.672698608675433 51.78368955161094)</t>
  </si>
  <si>
    <t>POINT (4.67274182610059 51.7836840261272)</t>
  </si>
  <si>
    <t>POINT (4.664510693409433 51.80959614932307)</t>
  </si>
  <si>
    <t>POINT (4.700907242626658 51.79342028094816)</t>
  </si>
  <si>
    <t>POINT (4.6578120961652525 51.80719159525396)</t>
  </si>
  <si>
    <t>POINT (4.673913157327951 51.774976082428346)</t>
  </si>
  <si>
    <t>POINT (4.6757616324861155 51.77410838475384)</t>
  </si>
  <si>
    <t>POINT (4.728873336682334 51.80149371368315)</t>
  </si>
  <si>
    <t>POINT (4.668817176992094 51.7973715436871)</t>
  </si>
  <si>
    <t>POINT (4.678710759095334 51.77712370107913)</t>
  </si>
  <si>
    <t>POINT (4.675723232206037 51.8079396057513)</t>
  </si>
  <si>
    <t>POINT (4.66380931968282 51.80263326230808)</t>
  </si>
  <si>
    <t>POINT (4.7271849286171905 51.80389427139207)</t>
  </si>
  <si>
    <t>POINT (4.664473557779062 51.777339152736424)</t>
  </si>
  <si>
    <t>POINT (4.678101425328141 51.81644540791293)</t>
  </si>
  <si>
    <t>POINT (4.670230196028338 51.80178576830228)</t>
  </si>
  <si>
    <t>POINT (4.665944170726612 51.80833227921253)</t>
  </si>
  <si>
    <t>POINT (4.678972021767678 51.79989211900376)</t>
  </si>
  <si>
    <t>POINT (4.666858661849399 51.800433380365995)</t>
  </si>
  <si>
    <t>POINT (4.6650565421816275 51.78769614744432)</t>
  </si>
  <si>
    <t>POINT (4.664980513853529 51.780214772080356)</t>
  </si>
  <si>
    <t>POINT (4.675761063468433 51.80790929160448)</t>
  </si>
  <si>
    <t>POINT (4.678557278631094 51.814965148499525)</t>
  </si>
  <si>
    <t>POINT (4.666689494179149 51.81266826037332)</t>
  </si>
  <si>
    <t>3312HK</t>
  </si>
  <si>
    <t>POINT (4.689735736076449 51.80894545387855)</t>
  </si>
  <si>
    <t>POINT (4.676533183299006 51.78388762261631)</t>
  </si>
  <si>
    <t>POINT (4.679300050284508 51.777004985933544)</t>
  </si>
  <si>
    <t>POINT (4.662749702614246 51.81328277648971)</t>
  </si>
  <si>
    <t>POINT (4.659987951566313 51.77241065800189)</t>
  </si>
  <si>
    <t>POINT (4.697416335724031 51.79899056264628)</t>
  </si>
  <si>
    <t>POINT (4.657827262712918 51.80717101553723)</t>
  </si>
  <si>
    <t>POINT (4.670123960383665 51.81913213409462)</t>
  </si>
  <si>
    <t>POINT (4.676300310937999 51.77286355074662)</t>
  </si>
  <si>
    <t>POINT (4.6698512445561144 51.805494134006864)</t>
  </si>
  <si>
    <t>POINT (4.677718809220952 51.78203235021913)</t>
  </si>
  <si>
    <t>POINT (4.7294385847760925 51.80316839289438)</t>
  </si>
  <si>
    <t>POINT (4.667782464796612 51.81080849380434)</t>
  </si>
  <si>
    <t>POINT (4.658258666793221 51.81332797219627)</t>
  </si>
  <si>
    <t>POINT (4.68576480938623 51.77726508321429)</t>
  </si>
  <si>
    <t>POINT (4.672356673486427 51.7772324712834)</t>
  </si>
  <si>
    <t>POINT (4.668236035607617 51.79370904580837)</t>
  </si>
  <si>
    <t>POINT (4.652341565741683 51.80286794834808)</t>
  </si>
  <si>
    <t>POINT (4.661147596765005 51.79467173910496)</t>
  </si>
  <si>
    <t>POINT (4.7213472117315405 51.8058902418969)</t>
  </si>
  <si>
    <t>POINT (4.683166217010368 51.780653381267925)</t>
  </si>
  <si>
    <t>POINT (4.672823897766746 51.78524478491984)</t>
  </si>
  <si>
    <t>POINT (4.65270211392103 51.78742688578357)</t>
  </si>
  <si>
    <t>POINT (4.686167446966624 51.80229930801273)</t>
  </si>
  <si>
    <t>POINT (4.664350486360114 51.81753492575489)</t>
  </si>
  <si>
    <t>POINT (4.711861309374067 51.8051798686445)</t>
  </si>
  <si>
    <t>POINT (4.6852045561856475 51.79212566552773)</t>
  </si>
  <si>
    <t>POINT (4.6545674667444565 51.7944236511957)</t>
  </si>
  <si>
    <t>POINT (4.713989499568775 51.81905419843416)</t>
  </si>
  <si>
    <t>POINT (4.734765929740295 51.79731811135812)</t>
  </si>
  <si>
    <t>POINT (4.670339653576077 51.79612900094947)</t>
  </si>
  <si>
    <t>POINT (4.699790187539456 51.81753218957362)</t>
  </si>
  <si>
    <t>POINT (4.734102619297534 51.802337567935126)</t>
  </si>
  <si>
    <t>POINT (4.713352585527737 51.814137184369514)</t>
  </si>
  <si>
    <t>POINT (4.70731003647523 51.79465440205185)</t>
  </si>
  <si>
    <t>348B</t>
  </si>
  <si>
    <t>POINT (4.629224750099913 51.72364265063241)</t>
  </si>
  <si>
    <t>POINT (4.6796752444395455 51.8165997498896)</t>
  </si>
  <si>
    <t>POINT (4.676877812704916 51.7864905988415)</t>
  </si>
  <si>
    <t>POINT (4.660103439977456 51.808704149269175)</t>
  </si>
  <si>
    <t>POINT (4.668106856138654 51.80134232386985)</t>
  </si>
  <si>
    <t>POINT (4.7357238136124495 51.79863684480362)</t>
  </si>
  <si>
    <t>POINT (4.672886806585454 51.79345495861805)</t>
  </si>
  <si>
    <t>POINT (4.68397013360268 51.80947071381079)</t>
  </si>
  <si>
    <t>POINT (4.681085277571455 51.798800282181425)</t>
  </si>
  <si>
    <t>POINT (4.690971988852774 51.80839813185603)</t>
  </si>
  <si>
    <t>POINT (4.712943867017583 51.80980354341891)</t>
  </si>
  <si>
    <t>POINT (4.67496546154385 51.77955805336262)</t>
  </si>
  <si>
    <t>POINT (4.659594221741589 51.81004031635235)</t>
  </si>
  <si>
    <t>POINT (4.685781578834698 51.80913246256334)</t>
  </si>
  <si>
    <t>POINT (4.703930659671967 51.816437245978946)</t>
  </si>
  <si>
    <t>POINT (4.65794319859369 51.77043829261875)</t>
  </si>
  <si>
    <t>POINT (4.65752736038273 51.772063771530334)</t>
  </si>
  <si>
    <t>POINT (4.655478488864952 51.76954327597682)</t>
  </si>
  <si>
    <t>POINT (4.666900427605708 51.81111225768389)</t>
  </si>
  <si>
    <t>POINT (4.7006842865990865 51.797177740852554)</t>
  </si>
  <si>
    <t>POINT (4.728848095524696 51.801542362394564)</t>
  </si>
  <si>
    <t>POINT (4.682324236723122 51.80789510252454)</t>
  </si>
  <si>
    <t>POINT (4.71428346898283 51.80474656294731)</t>
  </si>
  <si>
    <t>POINT (4.676443869028831 51.7836729976023)</t>
  </si>
  <si>
    <t>POINT (4.662972891740317 51.810521069173845)</t>
  </si>
  <si>
    <t>POINT (4.72636707463675 51.797962890358754)</t>
  </si>
  <si>
    <t>POINT (4.684829640588721 51.81008339641816)</t>
  </si>
  <si>
    <t>POINT (4.683547698768924 51.8050353022076)</t>
  </si>
  <si>
    <t>POINT (4.685136207060548 51.81312780372475)</t>
  </si>
  <si>
    <t>POINT (4.727341944628666 51.80070105036273)</t>
  </si>
  <si>
    <t>POINT (4.65724045472864 51.8036087696486)</t>
  </si>
  <si>
    <t>POINT (4.68590548687443 51.80957816904678)</t>
  </si>
  <si>
    <t>POINT (4.668111396945776 51.79198423173313)</t>
  </si>
  <si>
    <t>POINT (4.667358403659682 51.794179435805155)</t>
  </si>
  <si>
    <t>POINT (4.664488014356806 51.79129401542722)</t>
  </si>
  <si>
    <t>POINT (4.683828716079008 51.80365831347132)</t>
  </si>
  <si>
    <t>POINT (4.7100963539515925 51.79121243355624)</t>
  </si>
  <si>
    <t>POINT (4.727723119337744 51.80265971471418)</t>
  </si>
  <si>
    <t>POINT (4.662975919430662 51.79982907808333)</t>
  </si>
  <si>
    <t>POINT (4.638288281511634 51.77834910941068)</t>
  </si>
  <si>
    <t>POINT (4.655556732005797 51.78831596507509)</t>
  </si>
  <si>
    <t>POINT (4.66991045786153 51.789445502319914)</t>
  </si>
  <si>
    <t>POINT (4.666027102946493 51.81041727330341)</t>
  </si>
  <si>
    <t>POINT (4.653675659684182 51.808413872655244)</t>
  </si>
  <si>
    <t>POINT (4.652696502560643 51.801619464942874)</t>
  </si>
  <si>
    <t>POINT (4.679903164154014 51.79862232297928)</t>
  </si>
  <si>
    <t>POINT (4.667329981729733 51.811009132746385)</t>
  </si>
  <si>
    <t>POINT (4.676795926335179 51.78657517198709)</t>
  </si>
  <si>
    <t>POINT (4.668467723575094 51.792526213607)</t>
  </si>
  <si>
    <t>POINT (4.662300346494848 51.80041389929847)</t>
  </si>
  <si>
    <t>POINT (4.681522684547207 51.80258137662358)</t>
  </si>
  <si>
    <t>POINT (4.676589225103499 51.78387297797273)</t>
  </si>
  <si>
    <t>POINT (4.726562262308005 51.796051673148206)</t>
  </si>
  <si>
    <t>POINT (4.6853494067716905 51.80430808696168)</t>
  </si>
  <si>
    <t>POINT (4.726289360518275 51.79785273721776)</t>
  </si>
  <si>
    <t>POINT (4.667807065171432 51.810805381726716)</t>
  </si>
  <si>
    <t>POINT (4.713851362076366 51.805932140566455)</t>
  </si>
  <si>
    <t>POINT (4.721318531898353 51.79478987385454)</t>
  </si>
  <si>
    <t>POINT (4.673492151572155 51.81798685293922)</t>
  </si>
  <si>
    <t>POINT (4.636320691073814 51.77549583540232)</t>
  </si>
  <si>
    <t>POINT (4.668079273458177 51.780956629631454)</t>
  </si>
  <si>
    <t>POINT (4.670941059989377 51.81807584954539)</t>
  </si>
  <si>
    <t>POINT (4.664214958222905 51.81087238348881)</t>
  </si>
  <si>
    <t>POINT (4.649962567469523 51.79307768787753)</t>
  </si>
  <si>
    <t>POINT (4.666267501402307 51.80932185267317)</t>
  </si>
  <si>
    <t>POINT (4.663652507860932 51.80104962045177)</t>
  </si>
  <si>
    <t>POINT (4.682416726269377 51.77550903329615)</t>
  </si>
  <si>
    <t>POINT (4.684068782449759 51.78174715556918)</t>
  </si>
  <si>
    <t>POINT (4.725144192761342 51.79634657907803)</t>
  </si>
  <si>
    <t>POINT (4.6635942194521505 51.79377380986934)</t>
  </si>
  <si>
    <t>POINT (4.708466117458482 51.80466557044147)</t>
  </si>
  <si>
    <t>POINT (4.669974440160699 51.77955256571442)</t>
  </si>
  <si>
    <t>POINT (4.651652175330131 51.78312519118461)</t>
  </si>
  <si>
    <t>POINT (4.6982935905861325 51.79277161155755)</t>
  </si>
  <si>
    <t>POINT (4.734272669040264 51.80181502522624)</t>
  </si>
  <si>
    <t>POINT (4.668988726437489 51.815641525108084)</t>
  </si>
  <si>
    <t>POINT (4.681196625637368 51.777146070608715)</t>
  </si>
  <si>
    <t>POINT (4.670848510969773 51.81539904294383)</t>
  </si>
  <si>
    <t>3312EL</t>
  </si>
  <si>
    <t>Louis Bothastraat</t>
  </si>
  <si>
    <t>POINT (4.678000678043533 51.80858020838486)</t>
  </si>
  <si>
    <t>POINT (4.724663330104002 51.806201871001335)</t>
  </si>
  <si>
    <t>POINT (4.703057223475287 51.79853875979986)</t>
  </si>
  <si>
    <t>POINT (4.678882626975508 51.80736576344033)</t>
  </si>
  <si>
    <t>POINT (4.651491599915623 51.79399112859227)</t>
  </si>
  <si>
    <t>POINT (4.666197995454441 51.816236532769594)</t>
  </si>
  <si>
    <t>POINT (4.67370552824333 51.81555126857059)</t>
  </si>
  <si>
    <t>POINT (4.712912293740523 51.80077009447716)</t>
  </si>
  <si>
    <t>POINT (4.657517599293949 51.7898203495088)</t>
  </si>
  <si>
    <t>POINT (4.68346499239134 51.78650292206405)</t>
  </si>
  <si>
    <t>POINT (4.7160140475451655 51.815639533757775)</t>
  </si>
  <si>
    <t>POINT (4.71668545785962 51.80310688768426)</t>
  </si>
  <si>
    <t>POINT (4.66056012222772 51.80471713250332)</t>
  </si>
  <si>
    <t>POINT (4.678281599229449 51.78468682585032)</t>
  </si>
  <si>
    <t>POINT (4.6714852112581635 51.81764811764234)</t>
  </si>
  <si>
    <t>POINT (4.660041916326461 51.802151650211144)</t>
  </si>
  <si>
    <t>POINT (4.655580375606167 51.790434032830106)</t>
  </si>
  <si>
    <t>POINT (4.6681351056707125 51.816161398274424)</t>
  </si>
  <si>
    <t>POINT (4.678855473942262 51.77901644559324)</t>
  </si>
  <si>
    <t>POINT (4.7242869958261995 51.82033005246046)</t>
  </si>
  <si>
    <t>POINT (4.67486751897466 51.80754690344369)</t>
  </si>
  <si>
    <t>POINT (4.651046074955833 51.793581190130006)</t>
  </si>
  <si>
    <t>POINT (4.675586447045888 51.7832951544895)</t>
  </si>
  <si>
    <t>POINT (4.677288920984662 51.81725379022821)</t>
  </si>
  <si>
    <t>POINT (4.70072045632847 51.798361732771156)</t>
  </si>
  <si>
    <t>POINT (4.693742704692873 51.818787050110764)</t>
  </si>
  <si>
    <t>POINT (4.6786699729258245 51.81732592859344)</t>
  </si>
  <si>
    <t>POINT (4.651062043339903 51.79364462479053)</t>
  </si>
  <si>
    <t>POINT (4.658378325015137 51.77109438825342)</t>
  </si>
  <si>
    <t>POINT (4.682070396782087 51.801299117911476)</t>
  </si>
  <si>
    <t>POINT (4.670364833902081 51.80019916181077)</t>
  </si>
  <si>
    <t>POINT (4.671728140513464 51.809668008005076)</t>
  </si>
  <si>
    <t>POINT (4.67114153171457 51.815456156462716)</t>
  </si>
  <si>
    <t>POINT (4.720442107938271 51.79765390302051)</t>
  </si>
  <si>
    <t>POINT (4.653379196105259 51.791868860173444)</t>
  </si>
  <si>
    <t>POINT (4.6722142195338545 51.81731044346207)</t>
  </si>
  <si>
    <t>POINT (4.685828365435176 51.80490616264965)</t>
  </si>
  <si>
    <t>POINT (4.7073200140106515 51.79445599018189)</t>
  </si>
  <si>
    <t>POINT (4.685920727764999 51.78761228926522)</t>
  </si>
  <si>
    <t>POINT (4.676705951174049 51.783857181797366)</t>
  </si>
  <si>
    <t>POINT (4.670815751490676 51.80461741880635)</t>
  </si>
  <si>
    <t>POINT (4.70885583310578 51.807387358191896)</t>
  </si>
  <si>
    <t>POINT (4.714900849725708 51.81607368605538)</t>
  </si>
  <si>
    <t>POINT (4.653734229002396 51.803048166727535)</t>
  </si>
  <si>
    <t>POINT (4.6953933811485715 51.79380276841839)</t>
  </si>
  <si>
    <t>POINT (4.6836245415368625 51.79046386407643)</t>
  </si>
  <si>
    <t>POINT (4.696363198240969 51.798614644537416)</t>
  </si>
  <si>
    <t>POINT (4.685041844396103 51.812110846123076)</t>
  </si>
  <si>
    <t>POINT (4.659188145749426 51.7993868259432)</t>
  </si>
  <si>
    <t>POINT (4.733547167727208 51.80124415348727)</t>
  </si>
  <si>
    <t>POINT (4.695249155771571 51.79643033159829)</t>
  </si>
  <si>
    <t>POINT (4.667341801748851 51.816802766630246)</t>
  </si>
  <si>
    <t>POINT (4.679630619014629 51.78925566350564)</t>
  </si>
  <si>
    <t>POINT (4.668771592987593 51.79793254546281)</t>
  </si>
  <si>
    <t>POINT (4.691640614569257 51.81921971087415)</t>
  </si>
  <si>
    <t>POINT (4.691056693511009 51.79246270119828)</t>
  </si>
  <si>
    <t>POINT (4.674080899976266 51.803790089107395)</t>
  </si>
  <si>
    <t>POINT (4.712879469996017 51.80975980318904)</t>
  </si>
  <si>
    <t>POINT (4.680063154495261 51.806416497729586)</t>
  </si>
  <si>
    <t>POINT (4.641721938780292 51.77101394381266)</t>
  </si>
  <si>
    <t>POINT (4.7047926846382335 51.79446332117475)</t>
  </si>
  <si>
    <t>POINT (4.667412410915504 51.79967673105705)</t>
  </si>
  <si>
    <t>POINT (4.719482971694145 51.80354913602245)</t>
  </si>
  <si>
    <t>POINT (4.671499610821446 51.77872688493876)</t>
  </si>
  <si>
    <t>POINT (4.671570769857209 51.811936976707315)</t>
  </si>
  <si>
    <t>POINT (4.664731047779329 51.79573380875461)</t>
  </si>
  <si>
    <t>POINT (4.676002772245505 51.80771517221925)</t>
  </si>
  <si>
    <t>POINT (4.717893975028572 51.81481981925169)</t>
  </si>
  <si>
    <t>POINT (4.708193943342806 51.78987319169136)</t>
  </si>
  <si>
    <t>POINT (4.7209153538534725 51.800527062292375)</t>
  </si>
  <si>
    <t>POINT (4.682337510297241 51.80606082822172)</t>
  </si>
  <si>
    <t>POINT (4.6684045902294695 51.80940920927699)</t>
  </si>
  <si>
    <t>POINT (4.662119020078813 51.81315203314223)</t>
  </si>
  <si>
    <t>POINT (4.662551002883123 51.801257517518295)</t>
  </si>
  <si>
    <t>POINT (4.681307163155392 51.77449796264196)</t>
  </si>
  <si>
    <t>POINT (4.664333619408174 51.800844184437324)</t>
  </si>
  <si>
    <t>POINT (4.698851116307321 51.79744534300469)</t>
  </si>
  <si>
    <t>POINT (4.725653801062192 51.79621345541831)</t>
  </si>
  <si>
    <t>POINT (4.655590091207957 51.79193982818987)</t>
  </si>
  <si>
    <t>POINT (4.6542877037233605 51.80669451041374)</t>
  </si>
  <si>
    <t>POINT (4.66765086553892 51.79538499609847)</t>
  </si>
  <si>
    <t>POINT (4.675637774614651 51.81642012343027)</t>
  </si>
  <si>
    <t>POINT (4.674499245271979 51.818177258649825)</t>
  </si>
  <si>
    <t>POINT (4.656942092891736 51.792144897943636)</t>
  </si>
  <si>
    <t>POINT (4.669429458729399 51.81317636310376)</t>
  </si>
  <si>
    <t>POINT (4.711730394112172 51.80700453872346)</t>
  </si>
  <si>
    <t>POINT (4.726149088624119 51.80041159815934)</t>
  </si>
  <si>
    <t>POINT (4.698324863378414 51.792731346165844)</t>
  </si>
  <si>
    <t>POINT (4.6675762374423435 51.7780794668396)</t>
  </si>
  <si>
    <t>POINT (4.6651926599719165 51.78716142025465)</t>
  </si>
  <si>
    <t>POINT (4.660507663252351 51.80714379000531)</t>
  </si>
  <si>
    <t>POINT (4.682834705932405 51.7889423820963)</t>
  </si>
  <si>
    <t>POINT (4.673117768331247 51.81660900383682)</t>
  </si>
  <si>
    <t>POINT (4.697420006283348 51.79544496788179)</t>
  </si>
  <si>
    <t>POINT (4.692561305300042 51.7846562577149)</t>
  </si>
  <si>
    <t>POINT (4.656023795886975 51.798506291601164)</t>
  </si>
  <si>
    <t>POINT (4.71279891206484 51.8051423044121)</t>
  </si>
  <si>
    <t>POINT (4.656234033556683 51.79297097297569)</t>
  </si>
  <si>
    <t>POINT (4.681864665930695 51.802320765797276)</t>
  </si>
  <si>
    <t>POINT (4.68554347512345 51.77507328504118)</t>
  </si>
  <si>
    <t>POINT (4.662286025025855 51.81637460766852)</t>
  </si>
  <si>
    <t>POINT (4.673137525966909 51.815237147519184)</t>
  </si>
  <si>
    <t>POINT (4.675665973135797 51.808242662311955)</t>
  </si>
  <si>
    <t>POINT (4.675934804283418 51.77270936248838)</t>
  </si>
  <si>
    <t>POINT (4.643524099508713 51.771081565349334)</t>
  </si>
  <si>
    <t>POINT (4.672658788161964 51.77641869464304)</t>
  </si>
  <si>
    <t>POINT (4.664575973427551 51.81248986413051)</t>
  </si>
  <si>
    <t>POINT (4.701111188288025 51.79584073797519)</t>
  </si>
  <si>
    <t>POINT (4.70678918644779 51.788384825380106)</t>
  </si>
  <si>
    <t>POINT (4.688055479515677 51.819282093252255)</t>
  </si>
  <si>
    <t>POINT (4.71054878156702 51.80540949968843)</t>
  </si>
  <si>
    <t>POINT (4.698397789728876 51.79317755857802)</t>
  </si>
  <si>
    <t>POINT (4.660057763426931 51.80490772674993)</t>
  </si>
  <si>
    <t>POINT (4.653670391176936 51.79294126367938)</t>
  </si>
  <si>
    <t>POINT (4.732132238387461 51.79596141413657)</t>
  </si>
  <si>
    <t>POINT (4.657364662810669 51.790765864278825)</t>
  </si>
  <si>
    <t>POINT (4.655652156019364 51.79028193306274)</t>
  </si>
  <si>
    <t>POINT (4.669860319272336 51.811063368895894)</t>
  </si>
  <si>
    <t>POINT (4.729952807027217 51.79879627902572)</t>
  </si>
  <si>
    <t>POINT (4.6366540377575305 51.76790866273905)</t>
  </si>
  <si>
    <t>POINT (4.683032206117925 51.8136302571373)</t>
  </si>
  <si>
    <t>POINT (4.660867048078859 51.81614461377131)</t>
  </si>
  <si>
    <t>POINT (4.65103180292391 51.80222407493774)</t>
  </si>
  <si>
    <t>POINT (4.685069461463076 51.785609874345404)</t>
  </si>
  <si>
    <t>POINT (4.671694104243163 51.80006196448555)</t>
  </si>
  <si>
    <t>POINT (4.685021263912046 51.80778396587432)</t>
  </si>
  <si>
    <t>POINT (4.694466115743555 51.79169192425758)</t>
  </si>
  <si>
    <t>POINT (4.667786389105645 51.78850988611465)</t>
  </si>
  <si>
    <t>POINT (4.663212198887086 51.811248462893154)</t>
  </si>
  <si>
    <t>POINT (4.674688182711837 51.81826822059708)</t>
  </si>
  <si>
    <t>POINT (4.683756886677132 51.79807656215236)</t>
  </si>
  <si>
    <t>POINT (4.667038796094962 51.801650224458974)</t>
  </si>
  <si>
    <t>POINT (4.6739487345228605 51.811858412200166)</t>
  </si>
  <si>
    <t>POINT (4.682624863604806 51.805257366728945)</t>
  </si>
  <si>
    <t>POINT (4.683931602922258 51.80194930236345)</t>
  </si>
  <si>
    <t>POINT (4.674800760916504 51.77666227599222)</t>
  </si>
  <si>
    <t>POINT (4.6851853812963276 51.78187048099169)</t>
  </si>
  <si>
    <t>POINT (4.6918420221337005 51.817974511051325)</t>
  </si>
  <si>
    <t>POINT (4.6786056942289465 51.789586912563465)</t>
  </si>
  <si>
    <t>POINT (4.669684547353467 51.805547604184305)</t>
  </si>
  <si>
    <t>POINT (4.669844541835252 51.804197349570664)</t>
  </si>
  <si>
    <t>POINT (4.727389720244701 51.80269860388791)</t>
  </si>
  <si>
    <t>POINT (4.689117061876239 51.8184426250393)</t>
  </si>
  <si>
    <t>POINT (4.687962849510832 51.80621714403554)</t>
  </si>
  <si>
    <t>POINT (4.70181346771429 51.79473982990177)</t>
  </si>
  <si>
    <t>POINT (4.668318731432355 51.817890110044814)</t>
  </si>
  <si>
    <t>POINT (4.6586066318549175 51.78262503834047)</t>
  </si>
  <si>
    <t>POINT (4.730027316410878 51.7917071453956)</t>
  </si>
  <si>
    <t>POINT (4.685282504444351 51.806398622244764)</t>
  </si>
  <si>
    <t>POINT (4.6926963419804855 51.81834819423516)</t>
  </si>
  <si>
    <t>POINT (4.710174498213174 51.81426592932715)</t>
  </si>
  <si>
    <t>POINT (4.688431481898096 51.809548348436095)</t>
  </si>
  <si>
    <t>POINT (4.65434267228199 51.79363425207235)</t>
  </si>
  <si>
    <t>POINT (4.665884303538806 51.81630846509274)</t>
  </si>
  <si>
    <t>POINT (4.671968894582588 51.779657220451114)</t>
  </si>
  <si>
    <t>POINT (4.661687238782752 51.78786268209505)</t>
  </si>
  <si>
    <t>POINT (4.668371290946615 51.796222781218404)</t>
  </si>
  <si>
    <t>POINT (4.688240584089956 51.81987483788896)</t>
  </si>
  <si>
    <t>POINT (4.664596874645524 51.768555460400485)</t>
  </si>
  <si>
    <t>3316KK</t>
  </si>
  <si>
    <t>Barnsteen</t>
  </si>
  <si>
    <t>POINT (4.6822862185001926 51.81469932160585)</t>
  </si>
  <si>
    <t>POINT (4.659814363265808 51.77085313860454)</t>
  </si>
  <si>
    <t>POINT (4.703376557590446 51.81646672837588)</t>
  </si>
  <si>
    <t>POINT (4.718641543579234 51.81346100791708)</t>
  </si>
  <si>
    <t>POINT (4.660600123797705 51.81273135237262)</t>
  </si>
  <si>
    <t>POINT (4.66033649844107 51.80999021133748)</t>
  </si>
  <si>
    <t>POINT (4.671581704863177 51.77899082692705)</t>
  </si>
  <si>
    <t>POINT (4.689531934071982 51.81837468386934)</t>
  </si>
  <si>
    <t>POINT (4.66315356178604 51.81142412648461)</t>
  </si>
  <si>
    <t>POINT (4.665151544845313 51.80213824404998)</t>
  </si>
  <si>
    <t>POINT (4.679810517970924 51.77618872742096)</t>
  </si>
  <si>
    <t>POINT (4.673357810737566 51.813357536386874)</t>
  </si>
  <si>
    <t>POINT (4.681740837236095 51.81912271725906)</t>
  </si>
  <si>
    <t>POINT (4.649853784877483 51.79208488394318)</t>
  </si>
  <si>
    <t>POINT (4.705312129435919 51.80932110467092)</t>
  </si>
  <si>
    <t>POINT (4.670354827989195 51.799182255279256)</t>
  </si>
  <si>
    <t>POINT (4.673759112978035 51.773453707119636)</t>
  </si>
  <si>
    <t>POINT (4.660865170620763 51.79365070800967)</t>
  </si>
  <si>
    <t>POINT (4.688027396088189 51.80772132352749)</t>
  </si>
  <si>
    <t>POINT (4.629263154811889 51.7221990550277)</t>
  </si>
  <si>
    <t>POINT (4.627580287220634 51.79434629795585)</t>
  </si>
  <si>
    <t>POINT (4.708063173533076 51.811509461309235)</t>
  </si>
  <si>
    <t>POINT (4.6755729719273145 51.7758016478833)</t>
  </si>
  <si>
    <t>POINT (4.663387705221439 51.80326063460268)</t>
  </si>
  <si>
    <t>POINT (4.670807538430767 51.77830403769576)</t>
  </si>
  <si>
    <t>POINT (4.693989798253062 51.792404618348)</t>
  </si>
  <si>
    <t>3317DJ</t>
  </si>
  <si>
    <t>Willemina Waltmanhof</t>
  </si>
  <si>
    <t>POINT (4.654218451299383 51.78210456866518)</t>
  </si>
  <si>
    <t>POINT (4.680865264818375 51.7755558614824)</t>
  </si>
  <si>
    <t>POINT (4.693304468008192 51.79677841098245)</t>
  </si>
  <si>
    <t>POINT (4.728720171246055 51.7978219110681)</t>
  </si>
  <si>
    <t>POINT (4.676726847829893 51.808388639462805)</t>
  </si>
  <si>
    <t>POINT (4.667386284575299 51.81390884802891)</t>
  </si>
  <si>
    <t>POINT (4.709740704143669 51.81188012346384)</t>
  </si>
  <si>
    <t>POINT (4.672898077070057 51.7735247982665)</t>
  </si>
  <si>
    <t>POINT (4.722427267653363 51.797488846352024)</t>
  </si>
  <si>
    <t>POINT (4.666035891806488 51.81483784264308)</t>
  </si>
  <si>
    <t>POINT (4.664764692196019 51.77198609679976)</t>
  </si>
  <si>
    <t>POINT (4.720091371562701 51.802972047006314)</t>
  </si>
  <si>
    <t>POINT (4.688995504628657 51.80655750968396)</t>
  </si>
  <si>
    <t>POINT (4.6566233257686305 51.787341081118214)</t>
  </si>
  <si>
    <t>POINT (4.712301316376849 51.798093230023696)</t>
  </si>
  <si>
    <t>POINT (4.662411373567111 51.8003822259086)</t>
  </si>
  <si>
    <t>POINT (4.656033536654222 51.803035910891886)</t>
  </si>
  <si>
    <t>POINT (4.659833489649753 51.769513316586405)</t>
  </si>
  <si>
    <t>POINT (4.657455568139608 51.805842117368016)</t>
  </si>
  <si>
    <t>POINT (4.71171834659973 51.8140298222094)</t>
  </si>
  <si>
    <t>POINT (4.683554518101428 51.78649644793294)</t>
  </si>
  <si>
    <t>POINT (4.6620454449421915 51.77172521678933)</t>
  </si>
  <si>
    <t>POINT (4.716713017114066 51.81481799496394)</t>
  </si>
  <si>
    <t>POINT (4.682130825469114 51.782032329272056)</t>
  </si>
  <si>
    <t>POINT (4.651417026334215 51.79283442499441)</t>
  </si>
  <si>
    <t>POINT (4.666500730396256 51.8153784637106)</t>
  </si>
  <si>
    <t>POINT (4.6834613009827875 51.81073410361966)</t>
  </si>
  <si>
    <t>POINT (4.678683960486914 51.78634111855248)</t>
  </si>
  <si>
    <t>POINT (4.682270422902792 51.77803141756486)</t>
  </si>
  <si>
    <t>POINT (4.685142090922242 51.7860539189094)</t>
  </si>
  <si>
    <t>POINT (4.702852881154566 51.79319763547454)</t>
  </si>
  <si>
    <t>POINT (4.709826736594727 51.80339672974303)</t>
  </si>
  <si>
    <t>POINT (4.664440686006135 51.81274765328373)</t>
  </si>
  <si>
    <t>POINT (4.681869858727273 51.775117910199256)</t>
  </si>
  <si>
    <t>POINT (4.692041558067137 51.80750475279805)</t>
  </si>
  <si>
    <t>POINT (4.6844975054758375 51.80215404818807)</t>
  </si>
  <si>
    <t>POINT (4.664239650802998 51.817621738803076)</t>
  </si>
  <si>
    <t>POINT (4.722220581015231 51.800653422639876)</t>
  </si>
  <si>
    <t>POINT (4.6546041070643005 51.80401171552705)</t>
  </si>
  <si>
    <t>POINT (4.725343183913491 51.79715794743055)</t>
  </si>
  <si>
    <t>POINT (4.667921410030024 51.815698322605094)</t>
  </si>
  <si>
    <t>POINT (4.709873462295076 51.80671879123815)</t>
  </si>
  <si>
    <t>POINT (4.677404660125061 51.814876251190576)</t>
  </si>
  <si>
    <t>POINT (4.669882074422131 51.81026927132495)</t>
  </si>
  <si>
    <t>POINT (4.667739738647422 51.80050208476392)</t>
  </si>
  <si>
    <t>POINT (4.665238813223147 51.79484091417452)</t>
  </si>
  <si>
    <t>POINT (4.68196725657325 51.781634342155606)</t>
  </si>
  <si>
    <t>POINT (4.669100441775307 51.81655746232967)</t>
  </si>
  <si>
    <t>POINT (4.663905784623248 51.79223561613105)</t>
  </si>
  <si>
    <t>POINT (4.712483450755379 51.79877215701323)</t>
  </si>
  <si>
    <t>POINT (4.672369559360956 51.80557855370069)</t>
  </si>
  <si>
    <t>POINT (4.669545961498327 51.775003571013535)</t>
  </si>
  <si>
    <t>POINT (4.666526059418269 51.77168917786126)</t>
  </si>
  <si>
    <t>POINT (4.686459377606101 51.80963227287152)</t>
  </si>
  <si>
    <t>POINT (4.674595691404892 51.775866751933464)</t>
  </si>
  <si>
    <t>POINT (4.683860703419376 51.79807827218346)</t>
  </si>
  <si>
    <t>POINT (4.703150355907736 51.815854829525634)</t>
  </si>
  <si>
    <t>POINT (4.695317982841525 51.79676887333602)</t>
  </si>
  <si>
    <t>POINT (4.668570364029648 51.81789404210491)</t>
  </si>
  <si>
    <t>POINT (4.660546633954848 51.79235793959)</t>
  </si>
  <si>
    <t>POINT (4.685884881383562 51.802491586001814)</t>
  </si>
  <si>
    <t>POINT (4.696366698658896 51.79294919564256)</t>
  </si>
  <si>
    <t>POINT (4.6972055744015835 51.818077959125084)</t>
  </si>
  <si>
    <t>POINT (4.68217875465754 51.77362431665911)</t>
  </si>
  <si>
    <t>POINT (4.68342324050622 51.799837708511085)</t>
  </si>
  <si>
    <t>POINT (4.65669490891137 51.78832318420838)</t>
  </si>
  <si>
    <t>POINT (4.684674291210038 51.77677768788744)</t>
  </si>
  <si>
    <t>POINT (4.651606982883972 51.78487149713441)</t>
  </si>
  <si>
    <t>POINT (4.670570844283412 51.79625771120202)</t>
  </si>
  <si>
    <t>POINT (4.671134467154651 51.81544256743)</t>
  </si>
  <si>
    <t>POINT (4.685232643541955 51.80375487281866)</t>
  </si>
  <si>
    <t>POINT (4.66796118344131 51.79449619111054)</t>
  </si>
  <si>
    <t>POINT (4.683345548376685 51.811760786910895)</t>
  </si>
  <si>
    <t>POINT (4.678775595648896 51.80449200419941)</t>
  </si>
  <si>
    <t>POINT (4.669762036331671 51.811071100566565)</t>
  </si>
  <si>
    <t>POINT (4.679452303385449 51.804560491733675)</t>
  </si>
  <si>
    <t>POINT (4.70956666168753 51.810176732263635)</t>
  </si>
  <si>
    <t>POINT (4.6646995667902935 51.789010677786266)</t>
  </si>
  <si>
    <t>POINT (4.665749538613269 51.79600674392442)</t>
  </si>
  <si>
    <t>POINT (4.675247493707159 51.810221470603274)</t>
  </si>
  <si>
    <t>3319GK</t>
  </si>
  <si>
    <t>POINT (4.706847506812718 51.80268177576041)</t>
  </si>
  <si>
    <t>POINT (4.735079020468985 51.80100600210852)</t>
  </si>
  <si>
    <t>POINT (4.684168520725172 51.81208120423853)</t>
  </si>
  <si>
    <t>POINT (4.685174602027305 51.813009005550924)</t>
  </si>
  <si>
    <t>POINT (4.714938647218883 51.81501729746538)</t>
  </si>
  <si>
    <t>POINT (4.674436975329733 51.7821245968088)</t>
  </si>
  <si>
    <t>POINT (4.664130947395634 51.79969319184828)</t>
  </si>
  <si>
    <t>POINT (4.667414763453472 51.78875582947658)</t>
  </si>
  <si>
    <t>POINT (4.686595360419866 51.808650929330966)</t>
  </si>
  <si>
    <t>POINT (4.709582325973588 51.80863459574408)</t>
  </si>
  <si>
    <t>POINT (4.661915910192045 51.804662375194525)</t>
  </si>
  <si>
    <t>POINT (4.704129230229198 51.79820258272928)</t>
  </si>
  <si>
    <t>POINT (4.668823137129739 51.814077668840845)</t>
  </si>
  <si>
    <t>POINT (4.684647104894138 51.77766774788584)</t>
  </si>
  <si>
    <t>POINT (4.658909593978655 51.77165638301768)</t>
  </si>
  <si>
    <t>POINT (4.6758770735469755 51.78538054282038)</t>
  </si>
  <si>
    <t>POINT (4.656300243767016 51.78480468244734)</t>
  </si>
  <si>
    <t>POINT (4.677935330096437 51.813367835453825)</t>
  </si>
  <si>
    <t>POINT (4.666091754820628 51.80000949080193)</t>
  </si>
  <si>
    <t>POINT (4.717512652616697 51.80228012592717)</t>
  </si>
  <si>
    <t>POINT (4.681009375643945 51.77774549651616)</t>
  </si>
  <si>
    <t>POINT (4.6838026694090855 51.77835534693567)</t>
  </si>
  <si>
    <t>POINT (4.670649181628979 51.78253331822023)</t>
  </si>
  <si>
    <t>POINT (4.697194145269887 51.79045212156301)</t>
  </si>
  <si>
    <t>POINT (4.650888702419531 51.792538078199)</t>
  </si>
  <si>
    <t>POINT (4.682742942505457 51.79872975323803)</t>
  </si>
  <si>
    <t>POINT (4.704573060096759 51.7976385205679)</t>
  </si>
  <si>
    <t>POINT (4.666674697452724 51.7714287980398)</t>
  </si>
  <si>
    <t>POINT (4.697953017035226 51.79114658026608)</t>
  </si>
  <si>
    <t>POINT (4.655241113858801 51.79190969643187)</t>
  </si>
  <si>
    <t>POINT (4.676833568652244 51.77668506850511)</t>
  </si>
  <si>
    <t>POINT (4.7102068579135805 51.791869630306365)</t>
  </si>
  <si>
    <t>POINT (4.669537246145702 51.80980590892683)</t>
  </si>
  <si>
    <t>POINT (4.664016132279397 51.79548925302818)</t>
  </si>
  <si>
    <t>POINT (4.7074069943851224 51.811560537719124)</t>
  </si>
  <si>
    <t>POINT (4.666769654851316 51.79630302381168)</t>
  </si>
  <si>
    <t>POINT (4.665812880375397 51.800581965137276)</t>
  </si>
  <si>
    <t>POINT (4.690564321469853 51.80733098725246)</t>
  </si>
  <si>
    <t>POINT (4.708209607046522 51.79042632808872)</t>
  </si>
  <si>
    <t>POINT (4.697411901446803 51.79747181128098)</t>
  </si>
  <si>
    <t>POINT (4.665434678171194 51.809699399314965)</t>
  </si>
  <si>
    <t>POINT (4.663639087418586 51.81457316828732)</t>
  </si>
  <si>
    <t>POINT (4.679435189399818 51.7892816663866)</t>
  </si>
  <si>
    <t>POINT (4.714328388456999 51.811017082888185)</t>
  </si>
  <si>
    <t>POINT (4.660559043227591 51.77160190468383)</t>
  </si>
  <si>
    <t>POINT (4.652218203855874 51.794567904221545)</t>
  </si>
  <si>
    <t>POINT (4.684596516987338 51.812380357448795)</t>
  </si>
  <si>
    <t>POINT (4.676540103159912 51.78386050068993)</t>
  </si>
  <si>
    <t>POINT (4.677993736550185 51.78763682977679)</t>
  </si>
  <si>
    <t>POINT (4.7157728698943915 51.81513388279228)</t>
  </si>
  <si>
    <t>POINT (4.636660619795776 51.77629003626956)</t>
  </si>
  <si>
    <t>POINT (4.674713330966022 51.80703801720293)</t>
  </si>
  <si>
    <t>POINT (4.71945960515738 51.80107716140573)</t>
  </si>
  <si>
    <t>POINT (4.671874646932697 51.81170972608423)</t>
  </si>
  <si>
    <t>POINT (4.657592709596603 51.81043378213791)</t>
  </si>
  <si>
    <t>POINT (4.658314185063812 51.801844752443046)</t>
  </si>
  <si>
    <t>POINT (4.711099328589857 51.810417048195944)</t>
  </si>
  <si>
    <t>POINT (4.680416203179323 51.805512314808276)</t>
  </si>
  <si>
    <t>POINT (4.678675095553817 51.81730636423414)</t>
  </si>
  <si>
    <t>POINT (4.710288556455233 51.808123927905605)</t>
  </si>
  <si>
    <t>POINT (4.664910695772679 51.81391161474762)</t>
  </si>
  <si>
    <t>POINT (4.648029323693265 51.79120338469245)</t>
  </si>
  <si>
    <t>POINT (4.671051952522573 51.81549055781165)</t>
  </si>
  <si>
    <t>POINT (4.679435511125729 51.7882974964126)</t>
  </si>
  <si>
    <t>POINT (4.668177543548391 51.81171477176363)</t>
  </si>
  <si>
    <t>POINT (4.659250867911517 51.80413811842402)</t>
  </si>
  <si>
    <t>POINT (4.706685632036152 51.79522620017702)</t>
  </si>
  <si>
    <t>POINT (4.712026341128205 51.81131288127945)</t>
  </si>
  <si>
    <t>POINT (4.651646510244713 51.775955595551835)</t>
  </si>
  <si>
    <t>POINT (4.654595212206528 51.81204712936752)</t>
  </si>
  <si>
    <t>POINT (4.682577561214353 51.809931685516695)</t>
  </si>
  <si>
    <t>POINT (4.666754505563504 51.8141439171754)</t>
  </si>
  <si>
    <t>POINT (4.661646470690974 51.80907074876572)</t>
  </si>
  <si>
    <t>POINT (4.680578156604591 51.81458709106988)</t>
  </si>
  <si>
    <t>POINT (4.73059335643912 51.80326183457637)</t>
  </si>
  <si>
    <t>POINT (4.675019212533726 51.81506631841743)</t>
  </si>
  <si>
    <t>POINT (4.656514086812299 51.81176578316596)</t>
  </si>
  <si>
    <t>POINT (4.734664039233181 51.79714018089006)</t>
  </si>
  <si>
    <t>POINT (4.696760714003137 51.791100594255425)</t>
  </si>
  <si>
    <t>POINT (4.714710975971243 51.81455708723643)</t>
  </si>
  <si>
    <t>POINT (4.684240238825095 51.781071622081384)</t>
  </si>
  <si>
    <t>POINT (4.704605644217366 51.81675735827197)</t>
  </si>
  <si>
    <t>POINT (4.721191766875738 51.79940026878444)</t>
  </si>
  <si>
    <t>POINT (4.715049814098454 51.814976146038966)</t>
  </si>
  <si>
    <t>POINT (4.678105934052172 51.81444102566214)</t>
  </si>
  <si>
    <t>POINT (4.664068205451685 51.795521672646835)</t>
  </si>
  <si>
    <t>POINT (4.6995997857982 51.78975728258345)</t>
  </si>
  <si>
    <t>POINT (4.715223612578844 51.81495477758613)</t>
  </si>
  <si>
    <t>POINT (4.678660478478829 51.81462286300416)</t>
  </si>
  <si>
    <t>POINT (4.667297069734757 51.80126513397494)</t>
  </si>
  <si>
    <t>POINT (4.68062241490873 51.80987642422659)</t>
  </si>
  <si>
    <t>POINT (4.669654345819826 51.80551017039823)</t>
  </si>
  <si>
    <t>POINT (4.711974716764981 51.80686722308522)</t>
  </si>
  <si>
    <t>POINT (4.671985827710323 51.78047419945685)</t>
  </si>
  <si>
    <t>POINT (4.674109903485915 51.81054923859122)</t>
  </si>
  <si>
    <t>POINT (4.677180018650678 51.80369115861018)</t>
  </si>
  <si>
    <t>POINT (4.6600926290619915 51.7878402337501)</t>
  </si>
  <si>
    <t>POINT (4.705471405316774 51.820926647408854)</t>
  </si>
  <si>
    <t>POINT (4.653317653928133 51.79381188828822)</t>
  </si>
  <si>
    <t>POINT (4.676512927983814 51.78535217243808)</t>
  </si>
  <si>
    <t>POINT (4.684680229289606 51.79249263594259)</t>
  </si>
  <si>
    <t>POINT (4.656636669976615 51.8070680591739)</t>
  </si>
  <si>
    <t>POINT (4.681057097596072 51.813705920762004)</t>
  </si>
  <si>
    <t>POINT (4.725277291808728 51.79926139515952)</t>
  </si>
  <si>
    <t>POINT (4.6706315986253175 51.81328460752364)</t>
  </si>
  <si>
    <t>POINT (4.654279246286524 51.795157621593965)</t>
  </si>
  <si>
    <t>POINT (4.680897183959425 51.808395936583096)</t>
  </si>
  <si>
    <t>POINT (4.655739381574922 51.790507446420136)</t>
  </si>
  <si>
    <t>POINT (4.677703195174987 51.8044591968424)</t>
  </si>
  <si>
    <t>POINT (4.6583544983811125 51.77219225818317)</t>
  </si>
  <si>
    <t>POINT (4.69542401545748 51.79964404807377)</t>
  </si>
  <si>
    <t>POINT (4.651877113044589 51.78929609821074)</t>
  </si>
  <si>
    <t>POINT (4.6807014987621605 51.80151870129107)</t>
  </si>
  <si>
    <t>POINT (4.713720402297001 51.80449904805022)</t>
  </si>
  <si>
    <t>POINT (4.6336298590820695 51.78362170226222)</t>
  </si>
  <si>
    <t>POINT (4.663350431029078 51.813359093975485)</t>
  </si>
  <si>
    <t>POINT (4.65910168468059 51.78169920941586)</t>
  </si>
  <si>
    <t>POINT (4.6792001653000135 51.782027215719985)</t>
  </si>
  <si>
    <t>POINT (4.657840235753953 51.79359562656747)</t>
  </si>
  <si>
    <t>POINT (4.654700783093256 51.811393861238344)</t>
  </si>
  <si>
    <t>POINT (4.7201122245299745 51.802967868990166)</t>
  </si>
  <si>
    <t>POINT (4.6712173050577395 51.808444094969694)</t>
  </si>
  <si>
    <t>POINT (4.721590991549606 51.795226668425954)</t>
  </si>
  <si>
    <t>POINT (4.652364313087398 51.78570363751267)</t>
  </si>
  <si>
    <t>POINT (4.658538372741869 51.813359174179546)</t>
  </si>
  <si>
    <t>POINT (4.727857857887238 51.791621373621425)</t>
  </si>
  <si>
    <t>POINT (4.637325009442282 51.77844258591119)</t>
  </si>
  <si>
    <t>POINT (4.680231447275186 51.80455428546462)</t>
  </si>
  <si>
    <t>POINT (4.7123963848319415 51.80920374824676)</t>
  </si>
  <si>
    <t>POINT (4.664981125983017 51.802573011844)</t>
  </si>
  <si>
    <t>POINT (4.674660911889901 51.81527721091554)</t>
  </si>
  <si>
    <t>POINT (4.694102731252369 51.81823065811278)</t>
  </si>
  <si>
    <t>POINT (4.685276847433888 51.784591393419404)</t>
  </si>
  <si>
    <t>POINT (4.655499024057864 51.79745690577771)</t>
  </si>
  <si>
    <t>POINT (4.698488199379204 51.793194610540134)</t>
  </si>
  <si>
    <t>POINT (4.675677068946331 51.803936317151354)</t>
  </si>
  <si>
    <t>POINT (4.673127791665341 51.813350267386824)</t>
  </si>
  <si>
    <t>POINT (4.66675105291154 51.801365781672246)</t>
  </si>
  <si>
    <t>POINT (4.655041319512769 51.794498330271736)</t>
  </si>
  <si>
    <t>POINT (4.684555086079235 51.803523403941725)</t>
  </si>
  <si>
    <t>POINT (4.665629726791687 51.78733214442327)</t>
  </si>
  <si>
    <t>POINT (4.703934040340827 51.81529366746503)</t>
  </si>
  <si>
    <t>POINT (4.648963672921509 51.80492073424322)</t>
  </si>
  <si>
    <t>POINT (4.729232722631169 51.80461889452039)</t>
  </si>
  <si>
    <t>POINT (4.662118646570485 51.79915569849789)</t>
  </si>
  <si>
    <t>POINT (4.674504372101611 51.78390506601137)</t>
  </si>
  <si>
    <t>POINT (4.700278551451998 51.79888428214867)</t>
  </si>
  <si>
    <t>POINT (4.663821167762385 51.79278298272867)</t>
  </si>
  <si>
    <t>POINT (4.693481277814517 51.79565624996332)</t>
  </si>
  <si>
    <t>POINT (4.678485436873298 51.78634341590838)</t>
  </si>
  <si>
    <t>POINT (4.681422245301235 51.81788127465751)</t>
  </si>
  <si>
    <t>POINT (4.728825841698553 51.80329325125355)</t>
  </si>
  <si>
    <t>POINT (4.694210600787505 51.81846897295551)</t>
  </si>
  <si>
    <t>POINT (4.668149830029361 51.81313603539872)</t>
  </si>
  <si>
    <t>POINT (4.661308089909328 51.802915385576384)</t>
  </si>
  <si>
    <t>POINT (4.651850504596308 51.78797355648492)</t>
  </si>
  <si>
    <t>POINT (4.678183516955089 51.784608067328804)</t>
  </si>
  <si>
    <t>POINT (4.6775736155684875 51.81767157027656)</t>
  </si>
  <si>
    <t>POINT (4.721112978736863 51.8029338783769)</t>
  </si>
  <si>
    <t>POINT (4.680479530957069 51.781146694723866)</t>
  </si>
  <si>
    <t>POINT (4.674123663605303 51.81255368842004)</t>
  </si>
  <si>
    <t>POINT (4.667145436919488 51.77306529908559)</t>
  </si>
  <si>
    <t>POINT (4.671066591110245 51.80919246252956)</t>
  </si>
  <si>
    <t>POINT (4.720074126976556 51.805351188938886)</t>
  </si>
  <si>
    <t>POINT (4.754255996239943 51.78959389852537)</t>
  </si>
  <si>
    <t>POINT (4.667876392111035 51.813972346964995)</t>
  </si>
  <si>
    <t>POINT (4.711079381863022 51.80658029153952)</t>
  </si>
  <si>
    <t>POINT (4.648395022796369 51.79054109861222)</t>
  </si>
  <si>
    <t>POINT (4.715834077967036 51.80255742420741)</t>
  </si>
  <si>
    <t>POINT (4.669839832131107 51.80415526272286)</t>
  </si>
  <si>
    <t>POINT (4.722492688501548 51.80227294743032)</t>
  </si>
  <si>
    <t>POINT (4.719746932192829 51.797975276567435)</t>
  </si>
  <si>
    <t>POINT (4.685354291794491 51.77819604983892)</t>
  </si>
  <si>
    <t>POINT (4.665653762472293 51.78837677976866)</t>
  </si>
  <si>
    <t>POINT (4.663657364785833 51.79225902789917)</t>
  </si>
  <si>
    <t>POINT (4.731230990115409 51.80352063325989)</t>
  </si>
  <si>
    <t>POINT (4.686585796712284 51.802745793245585)</t>
  </si>
  <si>
    <t>POINT (4.651924551752595 51.781861907042554)</t>
  </si>
  <si>
    <t>POINT (4.730767046289358 51.80371645385114)</t>
  </si>
  <si>
    <t>POINT (4.727908653329278 51.80303592514013)</t>
  </si>
  <si>
    <t>POINT (4.667363450438688 51.78972261804735)</t>
  </si>
  <si>
    <t>POINT (4.661709128605118 51.79065211205283)</t>
  </si>
  <si>
    <t>POINT (4.703754596620536 51.795225872299454)</t>
  </si>
  <si>
    <t>POINT (4.687747120370975 51.80960769527159)</t>
  </si>
  <si>
    <t>POINT (4.664787967289069 51.817335949580176)</t>
  </si>
  <si>
    <t>POINT (4.706835494186044 51.78729780636105)</t>
  </si>
  <si>
    <t>POINT (4.707207140690462 51.79530560963402)</t>
  </si>
  <si>
    <t>POINT (4.70847203819934 51.80709289096232)</t>
  </si>
  <si>
    <t>POINT (4.693287888058593 51.796717819155006)</t>
  </si>
  <si>
    <t>POINT (4.699665996342859 51.80068240006702)</t>
  </si>
  <si>
    <t>POINT (4.671435802412131 51.7714596784974)</t>
  </si>
  <si>
    <t>POINT (4.655223274496843 51.79187012468939)</t>
  </si>
  <si>
    <t>POINT (4.661240767403477 51.81006151633572)</t>
  </si>
  <si>
    <t>POINT (4.657025719309822 51.76682533388279)</t>
  </si>
  <si>
    <t>POINT (4.719232714769111 51.80049142809264)</t>
  </si>
  <si>
    <t>POINT (4.705289236364664 51.821069946665546)</t>
  </si>
  <si>
    <t>POINT (4.6681543840420625 51.79189820371346)</t>
  </si>
  <si>
    <t>POINT (4.685800082086985 51.7864710561683)</t>
  </si>
  <si>
    <t>POINT (4.68952876654835 51.81873865154424)</t>
  </si>
  <si>
    <t>POINT (4.681909957198537 51.780783972424565)</t>
  </si>
  <si>
    <t>POINT (4.710465998648476 51.79935745668693)</t>
  </si>
  <si>
    <t>POINT (4.673692881029394 51.81697985961641)</t>
  </si>
  <si>
    <t>POINT (4.6639173434571015 51.798948806849836)</t>
  </si>
  <si>
    <t>POINT (4.669357401838635 51.800840565571754)</t>
  </si>
  <si>
    <t>POINT (4.629464251814378 51.725023413783155)</t>
  </si>
  <si>
    <t>POINT (4.687046430385956 51.7747164267887)</t>
  </si>
  <si>
    <t>POINT (4.730299009518577 51.79216923636395)</t>
  </si>
  <si>
    <t>POINT (4.655727107345581 51.80619467815122)</t>
  </si>
  <si>
    <t>POINT (4.683666849319283 51.819166305019934)</t>
  </si>
  <si>
    <t>POINT (4.66230321471661 51.81355045280278)</t>
  </si>
  <si>
    <t>POINT (4.701890076304767 51.79556922130747)</t>
  </si>
  <si>
    <t>POINT (4.6758008594297165 51.78480385108968)</t>
  </si>
  <si>
    <t>POINT (4.724600270686714 51.803626278836795)</t>
  </si>
  <si>
    <t>POINT (4.668310292121318 51.79009914520086)</t>
  </si>
  <si>
    <t>POINT (4.652949862871022 51.792331878944644)</t>
  </si>
  <si>
    <t>POINT (4.691320367917664 51.79135457711738)</t>
  </si>
  <si>
    <t>POINT (4.670697583070086 51.802959219904785)</t>
  </si>
  <si>
    <t>POINT (4.65328588104144 51.80503671050608)</t>
  </si>
  <si>
    <t>POINT (4.662911296735294 51.793657920027464)</t>
  </si>
  <si>
    <t>POINT (4.682798055430812 51.80465710030303)</t>
  </si>
  <si>
    <t>POINT (4.675950475219921 51.7846417033647)</t>
  </si>
  <si>
    <t>POINT (4.673954026082263 51.78328355886394)</t>
  </si>
  <si>
    <t>POINT (4.66978747260931 51.80450452151923)</t>
  </si>
  <si>
    <t>POINT (4.668922010480931 51.789776827177704)</t>
  </si>
  <si>
    <t>POINT (4.652616787498554 51.782705260620745)</t>
  </si>
  <si>
    <t>POINT (4.673381545544353 51.81355112596137)</t>
  </si>
  <si>
    <t>POINT (4.685848472216961 51.78675846220596)</t>
  </si>
  <si>
    <t>POINT (4.675601764869881 51.78336228514921)</t>
  </si>
  <si>
    <t>POINT (4.695044704243332 51.792665900612064)</t>
  </si>
  <si>
    <t>POINT (4.693557043201855 51.7956727517063)</t>
  </si>
  <si>
    <t>POINT (4.6766320900825304 51.77767661471316)</t>
  </si>
  <si>
    <t>POINT (4.689017465558071 51.80907709111623)</t>
  </si>
  <si>
    <t>POINT (4.662292871765246 51.801355203106894)</t>
  </si>
  <si>
    <t>POINT (4.6723355803571796 51.81155148478763)</t>
  </si>
  <si>
    <t>POINT (4.715815974071644 51.813562924803385)</t>
  </si>
  <si>
    <t>POINT (4.714666657154645 51.81116800869139)</t>
  </si>
  <si>
    <t>POINT (4.658746428801256 51.79145180562361)</t>
  </si>
  <si>
    <t>POINT (4.694704008680344 51.81065776183942)</t>
  </si>
  <si>
    <t>POINT (4.668586325455039 51.808253038715506)</t>
  </si>
  <si>
    <t>POINT (4.690082316863479 51.80894545491951)</t>
  </si>
  <si>
    <t>POINT (4.671758062481308 51.80762413808373)</t>
  </si>
  <si>
    <t>POINT (4.665932448479609 51.81492190722335)</t>
  </si>
  <si>
    <t>POINT (4.691458246543071 51.81922877811956)</t>
  </si>
  <si>
    <t>POINT (4.679853076182884 51.807717330697145)</t>
  </si>
  <si>
    <t>POINT (4.657679845811254 51.796469801191336)</t>
  </si>
  <si>
    <t>POINT (4.678149747749833 51.81739527131894)</t>
  </si>
  <si>
    <t>POINT (4.716548575876607 51.80302492892606)</t>
  </si>
  <si>
    <t>POINT (4.663580221511048 51.793811449105846)</t>
  </si>
  <si>
    <t>POINT (4.722024316257237 51.79915567357244)</t>
  </si>
  <si>
    <t>POINT (4.702497400358449 51.79632184673772)</t>
  </si>
  <si>
    <t>POINT (4.696958000450382 51.797804356219594)</t>
  </si>
  <si>
    <t>POINT (4.6829133769628974 51.81796819102235)</t>
  </si>
  <si>
    <t>POINT (4.674509200751107 51.782772608790836)</t>
  </si>
  <si>
    <t>POINT (4.699507010568605 51.791089219808036)</t>
  </si>
  <si>
    <t>POINT (4.680171958277182 51.80075692996625)</t>
  </si>
  <si>
    <t>POINT (4.714779913048358 51.81602289954361)</t>
  </si>
  <si>
    <t>POINT (4.659275452663241 51.81347541493508)</t>
  </si>
  <si>
    <t>POINT (4.709908734557705 51.80338758522156)</t>
  </si>
  <si>
    <t>POINT (4.702237092079974 51.78904390940398)</t>
  </si>
  <si>
    <t>POINT (4.675340808086627 51.80686715752988)</t>
  </si>
  <si>
    <t>POINT (4.654035132636279 51.80407051629079)</t>
  </si>
  <si>
    <t>POINT (4.704230960867475 51.81607917855243)</t>
  </si>
  <si>
    <t>POINT (4.655604898919123 51.811251502545296)</t>
  </si>
  <si>
    <t>POINT (4.685959576652071 51.787844142013874)</t>
  </si>
  <si>
    <t>POINT (4.672723191706147 51.819581347823124)</t>
  </si>
  <si>
    <t>POINT (4.6688731206696055 51.77756684439034)</t>
  </si>
  <si>
    <t>POINT (4.6660500323907215 51.79878618791285)</t>
  </si>
  <si>
    <t>POINT (4.679309867378042 51.78539187092227)</t>
  </si>
  <si>
    <t>POINT (4.670388914207716 51.78614429728164)</t>
  </si>
  <si>
    <t>POINT (4.703080655642844 51.7990985665138)</t>
  </si>
  <si>
    <t>POINT (4.67640839964329 51.789384812044226)</t>
  </si>
  <si>
    <t>POINT (4.671231772640551 51.80237222076032)</t>
  </si>
  <si>
    <t>POINT (4.7295330674210705 51.79586895961375)</t>
  </si>
  <si>
    <t>POINT (4.719472790585794 51.81251307104051)</t>
  </si>
  <si>
    <t>POINT (4.7215761682870765 51.81100366678342)</t>
  </si>
  <si>
    <t>POINT (4.668458700986953 51.80087920720539)</t>
  </si>
  <si>
    <t>POINT (4.659359095935326 51.79818607055035)</t>
  </si>
  <si>
    <t>POINT (4.6579837790498395 51.813527898569085)</t>
  </si>
  <si>
    <t>POINT (4.672316405004526 51.80560133977013)</t>
  </si>
  <si>
    <t>POINT (4.661443063971868 51.80435296407563)</t>
  </si>
  <si>
    <t>POINT (4.6932321997884 51.818515631555265)</t>
  </si>
  <si>
    <t>POINT (4.713566399580969 51.81605753979982)</t>
  </si>
  <si>
    <t>POINT (4.705867338910086 51.80476534838982)</t>
  </si>
  <si>
    <t>POINT (4.683619082903228 51.81085531807698)</t>
  </si>
  <si>
    <t>POINT (4.630806881778714 51.7317481992894)</t>
  </si>
  <si>
    <t>POINT (4.659114911291561 51.81355008574611)</t>
  </si>
  <si>
    <t>POINT (4.694627638755372 51.796155718828416)</t>
  </si>
  <si>
    <t>POINT (4.762708398922498 51.792932646956544)</t>
  </si>
  <si>
    <t>POINT (4.712670602471707 51.792362971508624)</t>
  </si>
  <si>
    <t>POINT (4.666082679730417 51.810435798945484)</t>
  </si>
  <si>
    <t>POINT (4.661695948917536 51.78690640028357)</t>
  </si>
  <si>
    <t>POINT (4.667970617497385 51.81482388236175)</t>
  </si>
  <si>
    <t>POINT (4.679142772564462 51.78928675116709)</t>
  </si>
  <si>
    <t>POINT (4.675067840756525 51.80794624577868)</t>
  </si>
  <si>
    <t>POINT (4.655232903760731 51.788505431466156)</t>
  </si>
  <si>
    <t>POINT (4.696908939196077 51.79739912804868)</t>
  </si>
  <si>
    <t>POINT (4.722938978842643 51.8025477408163)</t>
  </si>
  <si>
    <t>POINT (4.674148538836756 51.7749653969373)</t>
  </si>
  <si>
    <t>POINT (4.65839922594318 51.78219208471002)</t>
  </si>
  <si>
    <t>POINT (4.68607715893008 51.78899644846629)</t>
  </si>
  <si>
    <t>POINT (4.658889173914669 51.80476280832156)</t>
  </si>
  <si>
    <t>POINT (4.664757889879923 51.795772158033735)</t>
  </si>
  <si>
    <t>POINT (4.660290630229456 51.804950526572014)</t>
  </si>
  <si>
    <t>POINT (4.672529397137225 51.81149361870606)</t>
  </si>
  <si>
    <t>POINT (4.64337241394597 51.76975331678007)</t>
  </si>
  <si>
    <t>POINT (4.701690396007831 51.79058077233381)</t>
  </si>
  <si>
    <t>POINT (4.689679110123468 51.80858555280233)</t>
  </si>
  <si>
    <t>POINT (4.669576492695823 51.804428041028295)</t>
  </si>
  <si>
    <t>POINT (4.687112663323444 51.80890159152547)</t>
  </si>
  <si>
    <t>POINT (4.658821491402996 51.813461020766404)</t>
  </si>
  <si>
    <t>POINT (4.727975566604335 51.796895926302156)</t>
  </si>
  <si>
    <t>POINT (4.72146563250289 51.81289176751963)</t>
  </si>
  <si>
    <t>POINT (4.6698197486515385 51.81750841342502)</t>
  </si>
  <si>
    <t>POINT (4.66782191819161 51.81089967413733)</t>
  </si>
  <si>
    <t>POINT (4.681457650586145 51.802517929910024)</t>
  </si>
  <si>
    <t>POINT (4.6655863623006795 51.81479476515331)</t>
  </si>
  <si>
    <t>POINT (4.681860131130833 51.78081295798983)</t>
  </si>
  <si>
    <t>POINT (4.735443085563644 51.80261495000274)</t>
  </si>
  <si>
    <t>POINT (4.690558445183894 51.807304948161935)</t>
  </si>
  <si>
    <t>POINT (4.660455795623585 51.800574190600805)</t>
  </si>
  <si>
    <t>POINT (4.733636041896286 51.801316153157174)</t>
  </si>
  <si>
    <t>POINT (4.675365088236486 51.81378861018557)</t>
  </si>
  <si>
    <t>POINT (4.659428201312939 51.80189419315163)</t>
  </si>
  <si>
    <t>POINT (4.67273653718301 51.78025521649984)</t>
  </si>
  <si>
    <t>POINT (4.663665242440804 51.80136740432572)</t>
  </si>
  <si>
    <t>POINT (4.668204657581432 51.8117086548068)</t>
  </si>
  <si>
    <t>POINT (4.662325316196229 51.78710333260292)</t>
  </si>
  <si>
    <t>POINT (4.661218451810172 51.78982868630319)</t>
  </si>
  <si>
    <t>POINT (4.687938535380714 51.81046211186377)</t>
  </si>
  <si>
    <t>POINT (4.660753700823693 51.79472348462662)</t>
  </si>
  <si>
    <t>POINT (4.687818975724226 51.79635874219456)</t>
  </si>
  <si>
    <t>POINT (4.653367663063364 51.801169393568635)</t>
  </si>
  <si>
    <t>POINT (4.692286735809337 51.80607687276954)</t>
  </si>
  <si>
    <t>POINT (4.688518402070543 51.819334620149924)</t>
  </si>
  <si>
    <t>POINT (4.720608325703938 51.79529992880438)</t>
  </si>
  <si>
    <t>POINT (4.711779136394483 51.81428369666328)</t>
  </si>
  <si>
    <t>POINT (4.674869026802652 51.78909249261285)</t>
  </si>
  <si>
    <t>POINT (4.645024097102982 51.77341523184768)</t>
  </si>
  <si>
    <t>POINT (4.67556905151169 51.80746355638308)</t>
  </si>
  <si>
    <t>POINT (4.719030505707819 51.79679166300849)</t>
  </si>
  <si>
    <t>POINT (4.6845146194051726 51.80884029248119)</t>
  </si>
  <si>
    <t>POINT (4.6530377418223186 51.79106751045859)</t>
  </si>
  <si>
    <t>POINT (4.683955193729354 51.79811375960829)</t>
  </si>
  <si>
    <t>POINT (4.652575928398388 51.79368733663895)</t>
  </si>
  <si>
    <t>POINT (4.6845196111101055 51.77921208749142)</t>
  </si>
  <si>
    <t>POINT (4.681558940890248 51.78022604504313)</t>
  </si>
  <si>
    <t>POINT (4.662189816291408 51.812448809570945)</t>
  </si>
  <si>
    <t>POINT (4.708161730187668 51.81776098482372)</t>
  </si>
  <si>
    <t>POINT (4.630429129777411 51.725213046967596)</t>
  </si>
  <si>
    <t>POINT (4.669017523704463 51.78159138108281)</t>
  </si>
  <si>
    <t>POINT (4.655259440345377 51.79182812138306)</t>
  </si>
  <si>
    <t>POINT (4.705303354315385 51.81590555165035)</t>
  </si>
  <si>
    <t>POINT (4.672927289388614 51.80605077265609)</t>
  </si>
  <si>
    <t>POINT (4.682407464765121 51.80217129192506)</t>
  </si>
  <si>
    <t>POINT (4.678619362618163 51.789668118070416)</t>
  </si>
  <si>
    <t>POINT (4.675024904377555 51.807380750265196)</t>
  </si>
  <si>
    <t>POINT (4.666051539873685 51.798834259721026)</t>
  </si>
  <si>
    <t>POINT (4.707786480169242 51.81116239009945)</t>
  </si>
  <si>
    <t>POINT (4.661819736416837 51.81385805123143)</t>
  </si>
  <si>
    <t>POINT (4.664341251763916 51.787868199181496)</t>
  </si>
  <si>
    <t>POINT (4.733896296966306 51.79638080871049)</t>
  </si>
  <si>
    <t>3313CW</t>
  </si>
  <si>
    <t>Reggestraat</t>
  </si>
  <si>
    <t>POINT (4.7060170500573815 51.81617664996241)</t>
  </si>
  <si>
    <t>POINT (4.6597666656785135 51.79852534188601)</t>
  </si>
  <si>
    <t>POINT (4.668343896206103 51.81531434434826)</t>
  </si>
  <si>
    <t>POINT (4.663713326349022 51.787954341041726)</t>
  </si>
  <si>
    <t>POINT (4.719594547244133 51.81179522123259)</t>
  </si>
  <si>
    <t>POINT (4.665641499012863 51.799644972711455)</t>
  </si>
  <si>
    <t>POINT (4.685867610085169 51.791710057484096)</t>
  </si>
  <si>
    <t>POINT (4.664895979425394 51.77757047282421)</t>
  </si>
  <si>
    <t>POINT (4.663649217153036 51.814614300015236)</t>
  </si>
  <si>
    <t>POINT (4.707368959719353 51.80991189848111)</t>
  </si>
  <si>
    <t>POINT (4.683650544137464 51.78990253268112)</t>
  </si>
  <si>
    <t>POINT (4.728033289944048 51.79808454038741)</t>
  </si>
  <si>
    <t>POINT (4.667274826855466 51.78946490744809)</t>
  </si>
  <si>
    <t>POINT (4.735497170697703 51.79997376940236)</t>
  </si>
  <si>
    <t>POINT (4.729748714672429 51.80452090727577)</t>
  </si>
  <si>
    <t>POINT (4.704214546420064 51.815907633641615)</t>
  </si>
  <si>
    <t>POINT (4.676539373276055 51.78384703119577)</t>
  </si>
  <si>
    <t>POINT (4.682560403834077 51.78735903988087)</t>
  </si>
  <si>
    <t>POINT (4.654445401004546 51.795154165130576)</t>
  </si>
  <si>
    <t>POINT (4.662017414875737 51.79721228278186)</t>
  </si>
  <si>
    <t>POINT (4.697699217663836 51.7938101316592)</t>
  </si>
  <si>
    <t>POINT (4.677551456523986 51.78107202769892)</t>
  </si>
  <si>
    <t>POINT (4.668542788695056 51.8094634664591)</t>
  </si>
  <si>
    <t>POINT (4.673126486210215 51.81764260987327)</t>
  </si>
  <si>
    <t>POINT (4.73544145174976 51.80143581195913)</t>
  </si>
  <si>
    <t>POINT (4.698613778601762 51.80080080350371)</t>
  </si>
  <si>
    <t>POINT (4.680663347461447 51.803067382448745)</t>
  </si>
  <si>
    <t>POINT (4.680403553137669 51.7773742543186)</t>
  </si>
  <si>
    <t>POINT (4.675409796553788 51.805276319410375)</t>
  </si>
  <si>
    <t>POINT (4.669201367740047 51.81600938432299)</t>
  </si>
  <si>
    <t>POINT (4.655668063580618 51.79032352415048)</t>
  </si>
  <si>
    <t>POINT (4.711653001581406 51.8164085948422)</t>
  </si>
  <si>
    <t>POINT (4.683329070061424 51.798438217624415)</t>
  </si>
  <si>
    <t>POINT (4.6689402168727385 51.79548134561736)</t>
  </si>
  <si>
    <t>POINT (4.670816141853618 51.797417824605645)</t>
  </si>
  <si>
    <t>POINT (4.6677610369251 51.79238566722016)</t>
  </si>
  <si>
    <t>POINT (4.671305905031843 51.80339601684375)</t>
  </si>
  <si>
    <t>POINT (4.673824769829576 51.813194984346055)</t>
  </si>
  <si>
    <t>POINT (4.699553278701908 51.79820787022574)</t>
  </si>
  <si>
    <t>POINT (4.650620525147692 51.8027822359948)</t>
  </si>
  <si>
    <t>POINT (4.654772328454538 51.79276286426336)</t>
  </si>
  <si>
    <t>POINT (4.681190050991854 51.79210206903554)</t>
  </si>
  <si>
    <t>POINT (4.675164947932936 51.81717558452231)</t>
  </si>
  <si>
    <t>POINT (4.63967312159204 51.769050083824546)</t>
  </si>
  <si>
    <t>POINT (4.7159205475182135 51.801446984844716)</t>
  </si>
  <si>
    <t>POINT (4.666667851327821 51.81443625422194)</t>
  </si>
  <si>
    <t>POINT (4.66775603268435 51.8180238830159)</t>
  </si>
  <si>
    <t>POINT (4.66947043439248 51.81207274141145)</t>
  </si>
  <si>
    <t>POINT (4.726409287164545 51.79760784292086)</t>
  </si>
  <si>
    <t>POINT (4.718427274655099 51.80432756281281)</t>
  </si>
  <si>
    <t>POINT (4.6885592951332855 51.819203206784806)</t>
  </si>
  <si>
    <t>POINT (4.662467601072261 51.804072000115454)</t>
  </si>
  <si>
    <t>POINT (4.7060046385778955 51.794554453332665)</t>
  </si>
  <si>
    <t>POINT (4.684058554040464 51.78646412674289)</t>
  </si>
  <si>
    <t>POINT (4.694098960027802 51.789654584081475)</t>
  </si>
  <si>
    <t>POINT (4.659294208283906 51.81279340701633)</t>
  </si>
  <si>
    <t>POINT (4.663286588921825 51.80154004259742)</t>
  </si>
  <si>
    <t>POINT (4.653869381408759 51.803231302321116)</t>
  </si>
  <si>
    <t>POINT (4.715767565014008 51.81334778346978)</t>
  </si>
  <si>
    <t>POINT (4.672656950418665 51.78372657400379)</t>
  </si>
  <si>
    <t>POINT (4.732222620863596 51.800169663062604)</t>
  </si>
  <si>
    <t>POINT (4.663862909971746 51.81243969171801)</t>
  </si>
  <si>
    <t>POINT (4.68117582524612 51.77709832325393)</t>
  </si>
  <si>
    <t>POINT (4.697719836516703 51.80090271666562)</t>
  </si>
  <si>
    <t>POINT (4.6535127586240455 51.79009235753579)</t>
  </si>
  <si>
    <t>POINT (4.686477824569289 51.77914875593222)</t>
  </si>
  <si>
    <t>POINT (4.6507960879490495 51.80178349763021)</t>
  </si>
  <si>
    <t>POINT (4.693124342208072 51.81891646279375)</t>
  </si>
  <si>
    <t>POINT (4.663753628766864 51.80193651108244)</t>
  </si>
  <si>
    <t>3316AL</t>
  </si>
  <si>
    <t>Newtonstraat</t>
  </si>
  <si>
    <t>POINT (4.663692609101083 51.78787694634617)</t>
  </si>
  <si>
    <t>POINT (4.6675492926039155 51.81422942215138)</t>
  </si>
  <si>
    <t>POINT (4.6634025063194775 51.79875559290713)</t>
  </si>
  <si>
    <t>POINT (4.691257809331262 51.81785856422012)</t>
  </si>
  <si>
    <t>POINT (4.685028176282584 51.78949115880944)</t>
  </si>
  <si>
    <t>POINT (4.669492583860408 51.777795336459675)</t>
  </si>
  <si>
    <t>POINT (4.71930248725819 51.815398558929466)</t>
  </si>
  <si>
    <t>POINT (4.681443130680753 51.779236986789904)</t>
  </si>
  <si>
    <t>POINT (4.663961876554484 51.80950757333954)</t>
  </si>
  <si>
    <t>POINT (4.681615000570789 51.817882946023126)</t>
  </si>
  <si>
    <t>POINT (4.688219335845425 51.80601981588256)</t>
  </si>
  <si>
    <t>POINT (4.670765425901737 51.816876417084124)</t>
  </si>
  <si>
    <t>POINT (4.683990278195846 51.778073840218454)</t>
  </si>
  <si>
    <t>POINT (4.665725584916499 51.81668071721467)</t>
  </si>
  <si>
    <t>POINT (4.678301059167915 51.81638555395948)</t>
  </si>
  <si>
    <t>POINT (4.66776855915906 51.81426912122856)</t>
  </si>
  <si>
    <t>POINT (4.66475944039588 51.79846941458564)</t>
  </si>
  <si>
    <t>POINT (4.675990663619401 51.81698000024564)</t>
  </si>
  <si>
    <t>POINT (4.664923824881134 51.774928734466926)</t>
  </si>
  <si>
    <t>POINT (4.732768428141266 51.79960655026883)</t>
  </si>
  <si>
    <t>POINT (4.658170800639413 51.79114855532034)</t>
  </si>
  <si>
    <t>POINT (4.731761634775489 51.8020611205795)</t>
  </si>
  <si>
    <t>POINT (4.723598668939401 51.80226561677795)</t>
  </si>
  <si>
    <t>POINT (4.656586657896261 51.7913014945686)</t>
  </si>
  <si>
    <t>POINT (4.6740994709060795 51.78854651783517)</t>
  </si>
  <si>
    <t>POINT (4.666412752055314 51.81097485553289)</t>
  </si>
  <si>
    <t>POINT (4.671952006716647 51.808646874721134)</t>
  </si>
  <si>
    <t>POINT (4.669356400306775 51.81024973338191)</t>
  </si>
  <si>
    <t>POINT (4.658715765820775 51.81354029188514)</t>
  </si>
  <si>
    <t>POINT (4.684940438469125 51.7883460051526)</t>
  </si>
  <si>
    <t>POINT (4.654825412587218 51.794102045801026)</t>
  </si>
  <si>
    <t>POINT (4.6555955214414615 51.78721546711923)</t>
  </si>
  <si>
    <t>POINT (4.672326571808108 51.81961547158759)</t>
  </si>
  <si>
    <t>POINT (4.6912628121685715 51.81877646105333)</t>
  </si>
  <si>
    <t>POINT (4.698733596536532 51.79132435751894)</t>
  </si>
  <si>
    <t>POINT (4.664329076733453 51.8146715948194)</t>
  </si>
  <si>
    <t>POINT (4.650686104114928 51.79206634618121)</t>
  </si>
  <si>
    <t>POINT (4.6732462642237165 51.807455064632784)</t>
  </si>
  <si>
    <t>POINT (4.6932979755364155 51.79545993196825)</t>
  </si>
  <si>
    <t>POINT (4.68958420370971 51.81928386418695)</t>
  </si>
  <si>
    <t>POINT (4.695416141899175 51.79928211787521)</t>
  </si>
  <si>
    <t>POINT (4.675321554522362 51.81319792533048)</t>
  </si>
  <si>
    <t>POINT (4.717352789968297 51.815899915864144)</t>
  </si>
  <si>
    <t>POINT (4.669565524268182 51.8018891556363)</t>
  </si>
  <si>
    <t>POINT (4.675692760053662 51.78330641506413)</t>
  </si>
  <si>
    <t>POINT (4.72558368991637 51.79973626755526)</t>
  </si>
  <si>
    <t>POINT (4.65400435955489 51.80411100684959)</t>
  </si>
  <si>
    <t>POINT (4.687700577101664 51.80942606255746)</t>
  </si>
  <si>
    <t>POINT (4.672627389380516 51.78356983768151)</t>
  </si>
  <si>
    <t>POINT (4.684192845803803 51.803771649610034)</t>
  </si>
  <si>
    <t>POINT (4.675447593613732 51.774571060849)</t>
  </si>
  <si>
    <t>POINT (4.681955705606292 51.80723807253626)</t>
  </si>
  <si>
    <t>POINT (4.678908960022836 51.77438601249603)</t>
  </si>
  <si>
    <t>POINT (4.721897967830365 51.79760099074382)</t>
  </si>
  <si>
    <t>POINT (4.670995257779878 51.777014423242825)</t>
  </si>
  <si>
    <t>POINT (4.684659741244294 51.810262404380396)</t>
  </si>
  <si>
    <t>POINT (4.685989698257727 51.77621516361985)</t>
  </si>
  <si>
    <t>POINT (4.709256732012937 51.80744049684542)</t>
  </si>
  <si>
    <t>POINT (4.6787185817862476 51.78560754447151)</t>
  </si>
  <si>
    <t>POINT (4.684033127896152 51.81247576841893)</t>
  </si>
  <si>
    <t>POINT (4.672938763469219 51.79699487768063)</t>
  </si>
  <si>
    <t>POINT (4.722524745644634 51.80377407954904)</t>
  </si>
  <si>
    <t>POINT (4.68249923463983 51.78647133576048)</t>
  </si>
  <si>
    <t>POINT (4.723483262216498 51.8062928637706)</t>
  </si>
  <si>
    <t>POINT (4.68040263881962 51.78576260142458)</t>
  </si>
  <si>
    <t>POINT (4.709239447365096 51.808687535924044)</t>
  </si>
  <si>
    <t>POINT (4.632615888630253 51.769002414228254)</t>
  </si>
  <si>
    <t>POINT (4.682152004029255 51.80482345663868)</t>
  </si>
  <si>
    <t>POINT (4.678508057588491 51.78700155202775)</t>
  </si>
  <si>
    <t>POINT (4.677948251878162 51.77819540909441)</t>
  </si>
  <si>
    <t>POINT (4.672291858210011 51.799382827578796)</t>
  </si>
  <si>
    <t>POINT (4.660510651570697 51.80913664561587)</t>
  </si>
  <si>
    <t>POINT (4.680588803033639 51.80851335069116)</t>
  </si>
  <si>
    <t>POINT (4.659725724297048 51.79658299853147)</t>
  </si>
  <si>
    <t>POINT (4.656921781871311 51.79847557908202)</t>
  </si>
  <si>
    <t>POINT (4.6628906924297375 51.79366008493801)</t>
  </si>
  <si>
    <t>POINT (4.679147537754954 51.781843861161434)</t>
  </si>
  <si>
    <t>POINT (4.711592070569449 51.80496976412492)</t>
  </si>
  <si>
    <t>POINT (4.667975952760813 51.807560541440395)</t>
  </si>
  <si>
    <t>POINT (4.651818570556915 51.78774080920823)</t>
  </si>
  <si>
    <t>POINT (4.671064264667006 51.809220250312976)</t>
  </si>
  <si>
    <t>POINT (4.668370001843297 51.799044449713975)</t>
  </si>
  <si>
    <t>POINT (4.662804556995615 51.80331858139715)</t>
  </si>
  <si>
    <t>POINT (4.671604560928965 51.77959375815605)</t>
  </si>
  <si>
    <t>POINT (4.703402335647452 51.798003977699615)</t>
  </si>
  <si>
    <t>POINT (4.679047318191797 51.777703437636006)</t>
  </si>
  <si>
    <t>POINT (4.672419642292597 51.80367028301838)</t>
  </si>
  <si>
    <t>POINT (4.676986117909909 51.789928046157655)</t>
  </si>
  <si>
    <t>POINT (4.6764827756574 51.78384819838692)</t>
  </si>
  <si>
    <t>POINT (4.662019652226524 51.7949379129572)</t>
  </si>
  <si>
    <t>POINT (4.652207706257089 51.78472093541911)</t>
  </si>
  <si>
    <t>POINT (4.726796919889347 51.80538640431821)</t>
  </si>
  <si>
    <t>POINT (4.6614393806823475 51.786397436478026)</t>
  </si>
  <si>
    <t>POINT (4.662932086387181 51.79157577954833)</t>
  </si>
  <si>
    <t>POINT (4.707355201468284 51.797817234532296)</t>
  </si>
  <si>
    <t>POINT (4.6843155019470775 51.78537323505316)</t>
  </si>
  <si>
    <t>Z</t>
  </si>
  <si>
    <t>POINT (4.663707752099674 51.814558104131244)</t>
  </si>
  <si>
    <t>POINT (4.653776380248373 51.7852317672586)</t>
  </si>
  <si>
    <t>POINT (4.679071083248924 51.79985438019753)</t>
  </si>
  <si>
    <t>POINT (4.664831857103488 51.813135298643104)</t>
  </si>
  <si>
    <t>POINT (4.677935238391295 51.80320377578356)</t>
  </si>
  <si>
    <t>POINT (4.6609687142390905 51.799895762694035)</t>
  </si>
  <si>
    <t>POINT (4.67308565980794 51.79628434408272)</t>
  </si>
  <si>
    <t>POINT (4.67284725147527 51.78586327786796)</t>
  </si>
  <si>
    <t>POINT (4.695660353011488 51.79973884253081)</t>
  </si>
  <si>
    <t>POINT (4.6837340828346345 51.79807096929853)</t>
  </si>
  <si>
    <t>POINT (4.677002416749043 51.814787814080105)</t>
  </si>
  <si>
    <t>POINT (4.695150336355232 51.79564486690441)</t>
  </si>
  <si>
    <t>POINT (4.7009427445514955 51.796250130413604)</t>
  </si>
  <si>
    <t>POINT (4.668197077076615 51.79011170968794)</t>
  </si>
  <si>
    <t>POINT (4.664592827834459 51.79114742614732)</t>
  </si>
  <si>
    <t>POINT (4.662259143248803 51.794295748163364)</t>
  </si>
  <si>
    <t>POINT (4.695322587407696 51.810201326143066)</t>
  </si>
  <si>
    <t>POINT (4.727124033922712 51.80285307145444)</t>
  </si>
  <si>
    <t>POINT (4.698738367971741 51.79501232073767)</t>
  </si>
  <si>
    <t>POINT (4.67953308955342 51.80648255991004)</t>
  </si>
  <si>
    <t>POINT (4.6730769613618035 51.816532702411415)</t>
  </si>
  <si>
    <t>POINT (4.675883354523495 51.81579977619479)</t>
  </si>
  <si>
    <t>POINT (4.680959321999554 51.779621739336925)</t>
  </si>
  <si>
    <t>POINT (4.666583254888355 51.81245765948288)</t>
  </si>
  <si>
    <t>POINT (4.715596612212986 51.80319857382624)</t>
  </si>
  <si>
    <t>POINT (4.676686392875736 51.77628728065759)</t>
  </si>
  <si>
    <t>POINT (4.6633112940684915 51.80151204243586)</t>
  </si>
  <si>
    <t>POINT (4.685155529686266 51.80426391633753)</t>
  </si>
  <si>
    <t>POINT (4.701701693114977 51.816800854058336)</t>
  </si>
  <si>
    <t>POINT (4.685488896415744 51.77792487518692)</t>
  </si>
  <si>
    <t>POINT (4.674039713258448 51.81178260635433)</t>
  </si>
  <si>
    <t>POINT (4.685231486650873 51.78621968400551)</t>
  </si>
  <si>
    <t>POINT (4.678181527646099 51.81327501407041)</t>
  </si>
  <si>
    <t>POINT (4.654348586475342 51.802603945860795)</t>
  </si>
  <si>
    <t>POINT (4.732318451768904 51.804424105829455)</t>
  </si>
  <si>
    <t>POINT (4.6297125191707735 51.724957908408975)</t>
  </si>
  <si>
    <t>POINT (4.662305802947667 51.80297078481353)</t>
  </si>
  <si>
    <t>POINT (4.7233821269876834 51.805579672389044)</t>
  </si>
  <si>
    <t>POINT (4.662204946669437 51.79090598913012)</t>
  </si>
  <si>
    <t>POINT (4.673336365044369 51.8192106291995)</t>
  </si>
  <si>
    <t>POINT (4.685777004142994 51.789724104029595)</t>
  </si>
  <si>
    <t>POINT (4.692781590730179 51.78578295433053)</t>
  </si>
  <si>
    <t>POINT (4.718614798816729 51.81548353183397)</t>
  </si>
  <si>
    <t>POINT (4.682195651760091 51.785632987910205)</t>
  </si>
  <si>
    <t>POINT (4.668183312643489 51.79927208593521)</t>
  </si>
  <si>
    <t>POINT (4.690241037091494 51.806219497800114)</t>
  </si>
  <si>
    <t>POINT (4.697140100269724 51.79286628754455)</t>
  </si>
  <si>
    <t>POINT (4.730678316524941 51.79887772408502)</t>
  </si>
  <si>
    <t>POINT (4.6568756138593645 51.81027153394872)</t>
  </si>
  <si>
    <t>POINT (4.672601995218788 51.79678206016886)</t>
  </si>
  <si>
    <t>POINT (4.7143074914907235 51.81468418387787)</t>
  </si>
  <si>
    <t>POINT (4.679997707616302 51.77904488412725)</t>
  </si>
  <si>
    <t>POINT (4.661467448647069 51.78696096851651)</t>
  </si>
  <si>
    <t>POINT (4.666685464686107 51.77197055144343)</t>
  </si>
  <si>
    <t>POINT (4.675900597120904 51.78574728953396)</t>
  </si>
  <si>
    <t>POINT (4.660814491878459 51.795768078467276)</t>
  </si>
  <si>
    <t>POINT (4.699398299202999 51.79273490283031)</t>
  </si>
  <si>
    <t>POINT (4.666733467498418 51.80396313502833)</t>
  </si>
  <si>
    <t>POINT (4.6984339263930694 51.79707577943656)</t>
  </si>
  <si>
    <t>POINT (4.653788129605833 51.79178899994293)</t>
  </si>
  <si>
    <t>POINT (4.6680493055595225 51.79193564473093)</t>
  </si>
  <si>
    <t>POINT (4.68685251730396 51.775762137949606)</t>
  </si>
  <si>
    <t>POINT (4.695739164344644 51.799750075441395)</t>
  </si>
  <si>
    <t>POINT (4.719827808329861 51.80541202563026)</t>
  </si>
  <si>
    <t>POINT (4.676094060180532 51.81829642351025)</t>
  </si>
  <si>
    <t>POINT (4.653579039230204 51.79445211693101)</t>
  </si>
  <si>
    <t>POINT (4.663256217119658 51.80978949363473)</t>
  </si>
  <si>
    <t>POINT (4.6660601943609334 51.75318687850273)</t>
  </si>
  <si>
    <t>POINT (4.660537234271421 51.80350739142134)</t>
  </si>
  <si>
    <t>POINT (4.671889334992366 51.81697370773345)</t>
  </si>
  <si>
    <t>POINT (4.712371196345703 51.76819992738756)</t>
  </si>
  <si>
    <t>POINT (4.636246451641992 51.776031844188395)</t>
  </si>
  <si>
    <t>POINT (4.703598490009005 51.79540355861278)</t>
  </si>
  <si>
    <t>POINT (4.677643677531588 51.77587780667847)</t>
  </si>
  <si>
    <t>POINT (4.6762037861039625 51.80559109872047)</t>
  </si>
  <si>
    <t>POINT (4.650705903209879 51.76490504490569)</t>
  </si>
  <si>
    <t>POINT (4.711760308523366 51.80314195585268)</t>
  </si>
  <si>
    <t>POINT (4.651181866333184 51.802830639165414)</t>
  </si>
  <si>
    <t>POINT (4.712412611883651 51.794266409803626)</t>
  </si>
  <si>
    <t>POINT (4.66551328931288 51.801609642507024)</t>
  </si>
  <si>
    <t>POINT (4.656282819466596 51.79087700670021)</t>
  </si>
  <si>
    <t>POINT (4.658892173672687 51.807702165026555)</t>
  </si>
  <si>
    <t>POINT (4.7166204864533485 51.815489097055554)</t>
  </si>
  <si>
    <t>POINT (4.664051094450461 51.81501046321746)</t>
  </si>
  <si>
    <t>POINT (4.65710372121936 51.787989605402586)</t>
  </si>
  <si>
    <t>POINT (4.653501175754991 51.76675475103274)</t>
  </si>
  <si>
    <t>POINT (4.681842433710211 51.8046441866662)</t>
  </si>
  <si>
    <t>POINT (4.6691134778786525 51.81655213990292)</t>
  </si>
  <si>
    <t>POINT (4.703842110737991 51.81527146058813)</t>
  </si>
  <si>
    <t>POINT (4.665220009080242 51.772933282660404)</t>
  </si>
  <si>
    <t>POINT (4.67647481473633 51.77713241134399)</t>
  </si>
  <si>
    <t>POINT (4.685244602361399 51.80292044500893)</t>
  </si>
  <si>
    <t>POINT (4.66523075706242 51.81414555503468)</t>
  </si>
  <si>
    <t>POINT (4.686038356118895 51.78863469156643)</t>
  </si>
  <si>
    <t>POINT (4.675568807255524 51.77578916426379)</t>
  </si>
  <si>
    <t>POINT (4.675583425631862 51.78870911904994)</t>
  </si>
  <si>
    <t>POINT (4.7223045112721165 51.80513870978563)</t>
  </si>
  <si>
    <t>POINT (4.736000620795094 51.79995056053354)</t>
  </si>
  <si>
    <t>POINT (4.652987966296631 51.79117526124147)</t>
  </si>
  <si>
    <t>POINT (4.657883770466165 51.802834492847765)</t>
  </si>
  <si>
    <t>POINT (4.682332213280053 51.80381441014299)</t>
  </si>
  <si>
    <t>POINT (4.630204246526861 51.721222212735)</t>
  </si>
  <si>
    <t>POINT (4.707358841604938 51.78952207566611)</t>
  </si>
  <si>
    <t>POINT (4.654719511823076 51.78830957180716)</t>
  </si>
  <si>
    <t>POINT (4.6811636705620865 51.81201429285417)</t>
  </si>
  <si>
    <t>POINT (4.6791496490947555 51.78189032750577)</t>
  </si>
  <si>
    <t>POINT (4.728354035056902 51.79850067344147)</t>
  </si>
  <si>
    <t>POINT (4.676291899866355 51.77773137984928)</t>
  </si>
  <si>
    <t>POINT (4.6726787094400315 51.78223439294717)</t>
  </si>
  <si>
    <t>POINT (4.682107460486251 51.781901798784375)</t>
  </si>
  <si>
    <t>POINT (4.713678242764686 51.8050608662112)</t>
  </si>
  <si>
    <t>POINT (4.707812866971525 51.789462243686394)</t>
  </si>
  <si>
    <t>POINT (4.669283856974192 51.81215733413164)</t>
  </si>
  <si>
    <t>POINT (4.657532146054074 51.79661183901362)</t>
  </si>
  <si>
    <t>POINT (4.708136716412816 51.8185549772816)</t>
  </si>
  <si>
    <t>POINT (4.667126978429017 51.80219121958958)</t>
  </si>
  <si>
    <t>POINT (4.66643511704885 51.81568977003467)</t>
  </si>
  <si>
    <t>POINT (4.672099997137378 51.779654487262405)</t>
  </si>
  <si>
    <t>POINT (4.659608986074795 51.79069163530109)</t>
  </si>
  <si>
    <t>POINT (4.686650855161806 51.77688079963996)</t>
  </si>
  <si>
    <t>POINT (4.630345438909222 51.78411943067243)</t>
  </si>
  <si>
    <t>POINT (4.691832665496335 51.791410063770556)</t>
  </si>
  <si>
    <t>POINT (4.710365533447254 51.78935010617545)</t>
  </si>
  <si>
    <t>POINT (4.67205895678759 51.81959804813941)</t>
  </si>
  <si>
    <t>POINT (4.6655250945074975 51.775956268692326)</t>
  </si>
  <si>
    <t>POINT (4.663000838683027 51.81691815270783)</t>
  </si>
  <si>
    <t>POINT (4.731626828360106 51.80027873861615)</t>
  </si>
  <si>
    <t>POINT (4.664261404332423 51.81474506489231)</t>
  </si>
  <si>
    <t>POINT (4.659322405949853 51.813146055185044)</t>
  </si>
  <si>
    <t>POINT (4.720329599403332 51.81216896827737)</t>
  </si>
  <si>
    <t>POINT (4.715794932016137 51.815130719170575)</t>
  </si>
  <si>
    <t>POINT (4.682313126007793 51.78562605349421)</t>
  </si>
  <si>
    <t>POINT (4.698527729191226 51.79993890575771)</t>
  </si>
  <si>
    <t>POINT (4.6809068529052995 51.807293570209055)</t>
  </si>
  <si>
    <t>POINT (4.6745456753704495 51.78242773612891)</t>
  </si>
  <si>
    <t>POINT (4.733557506265075 51.79869409872679)</t>
  </si>
  <si>
    <t>POINT (4.7132500680140605 51.81389178112647)</t>
  </si>
  <si>
    <t>POINT (4.670166478322893 51.79349979242878)</t>
  </si>
  <si>
    <t>POINT (4.672109363879599 51.773168209620636)</t>
  </si>
  <si>
    <t>POINT (4.674124943108172 51.81903947893331)</t>
  </si>
  <si>
    <t>POINT (4.667868653493429 51.79106645354593)</t>
  </si>
  <si>
    <t>POINT (4.700340165108708 51.797967538347265)</t>
  </si>
  <si>
    <t>POINT (4.6813013976813265 51.80992070791571)</t>
  </si>
  <si>
    <t>POINT (4.7091567835877886 51.809537788792525)</t>
  </si>
  <si>
    <t>3329LE</t>
  </si>
  <si>
    <t>Zwanenplaatweg</t>
  </si>
  <si>
    <t>POINT (4.714796725567738 51.75302103771519)</t>
  </si>
  <si>
    <t>POINT (4.6557848447443995 51.80720310208459)</t>
  </si>
  <si>
    <t>POINT (4.687862892964002 51.807007784730416)</t>
  </si>
  <si>
    <t>POINT (4.691203669150721 51.78431719282502)</t>
  </si>
  <si>
    <t>POINT (4.705481963308817 51.80694629213763)</t>
  </si>
  <si>
    <t>POINT (4.6730415771898635 51.809549007792235)</t>
  </si>
  <si>
    <t>3311EZ</t>
  </si>
  <si>
    <t>Statengang</t>
  </si>
  <si>
    <t>POINT (4.66821249220429 51.814022729733125)</t>
  </si>
  <si>
    <t>POINT (4.675140907544797 51.815789655887045)</t>
  </si>
  <si>
    <t>POINT (4.721002282573429 51.80513330115907)</t>
  </si>
  <si>
    <t>POINT (4.682616829194713 51.78021973049719)</t>
  </si>
  <si>
    <t>POINT (4.67025686540325 51.81140044069418)</t>
  </si>
  <si>
    <t>POINT (4.706753905268365 51.79001491370398)</t>
  </si>
  <si>
    <t>POINT (4.662558589126376 51.78670291117669)</t>
  </si>
  <si>
    <t>POINT (4.686389283198832 51.77543195752988)</t>
  </si>
  <si>
    <t>POINT (4.708147673978878 51.79077570965598)</t>
  </si>
  <si>
    <t>POINT (4.73630863798147 51.789565679714386)</t>
  </si>
  <si>
    <t>POINT (4.652058531609622 51.79309120923471)</t>
  </si>
  <si>
    <t>POINT (4.6927000980715565 51.795995040581374)</t>
  </si>
  <si>
    <t>POINT (4.672232001467745 51.78248702206823)</t>
  </si>
  <si>
    <t>POINT (4.650021542068469 51.79341703181806)</t>
  </si>
  <si>
    <t>POINT (4.665653774942606 51.81661667187184)</t>
  </si>
  <si>
    <t>POINT (4.7094186052829325 51.80480345198709)</t>
  </si>
  <si>
    <t>POINT (4.682846291607035 51.813288426138364)</t>
  </si>
  <si>
    <t>POINT (4.679455453455668 51.77557407701367)</t>
  </si>
  <si>
    <t>POINT (4.719590232874124 51.81178201035997)</t>
  </si>
  <si>
    <t>POINT (4.669923071637906 51.78540377380043)</t>
  </si>
  <si>
    <t>POINT (4.725912408676995 51.80628511352174)</t>
  </si>
  <si>
    <t>POINT (4.652175671434131 51.78812960705148)</t>
  </si>
  <si>
    <t>POINT (4.668967148247364 51.77301605640753)</t>
  </si>
  <si>
    <t>POINT (4.706651299826776 51.79636898141258)</t>
  </si>
  <si>
    <t>POINT (4.6668564737119045 51.7938984783905)</t>
  </si>
  <si>
    <t>POINT (4.719453812663036 51.812454968383605)</t>
  </si>
  <si>
    <t>POINT (4.682308359665338 51.77413288561389)</t>
  </si>
  <si>
    <t>POINT (4.6977152672935425 51.789979307049435)</t>
  </si>
  <si>
    <t>POINT (4.694856615460856 51.79317754974032)</t>
  </si>
  <si>
    <t>POINT (4.68428964962072 51.786194502707865)</t>
  </si>
  <si>
    <t>POINT (4.722098796649795 51.80622580761159)</t>
  </si>
  <si>
    <t>POINT (4.674460830543644 51.816745921802415)</t>
  </si>
  <si>
    <t>POINT (4.68339498349912 51.780149625320604)</t>
  </si>
  <si>
    <t>POINT (4.671145469001931 51.78265743577016)</t>
  </si>
  <si>
    <t>POINT (4.712939083034063 51.79553051855149)</t>
  </si>
  <si>
    <t>POINT (4.669437335214506 51.77752718868611)</t>
  </si>
  <si>
    <t>POINT (4.683354880621892 51.79800866865366)</t>
  </si>
  <si>
    <t>POINT (4.721478502735541 51.81097709966834)</t>
  </si>
  <si>
    <t>POINT (4.666730856550879 51.80903899321114)</t>
  </si>
  <si>
    <t>POINT (4.674663864022783 51.807770734448)</t>
  </si>
  <si>
    <t>POINT (4.693727193476563 51.778363784720206)</t>
  </si>
  <si>
    <t>POINT (4.670266037289671 51.79870846724174)</t>
  </si>
  <si>
    <t>POINT (4.657526081688724 51.806484519328855)</t>
  </si>
  <si>
    <t>POINT (4.716238511572183 51.80027634200908)</t>
  </si>
  <si>
    <t>POINT (4.721017593527357 51.79925987504844)</t>
  </si>
  <si>
    <t>POINT (4.679444315068968 51.78835069966995)</t>
  </si>
  <si>
    <t>POINT (4.675813508096893 51.77422677511875)</t>
  </si>
  <si>
    <t>POINT (4.733522747214098 51.7983646062962)</t>
  </si>
  <si>
    <t>POINT (4.660642979769801 51.806992530330675)</t>
  </si>
  <si>
    <t>POINT (4.659492455851307 51.79777815465232)</t>
  </si>
  <si>
    <t>POINT (4.65710140897591 51.78719920454217)</t>
  </si>
  <si>
    <t>POINT (4.657880559171107 51.8070969833623)</t>
  </si>
  <si>
    <t>POINT (4.712677219713919 51.811175430673416)</t>
  </si>
  <si>
    <t>POINT (4.666519200436713 51.81538703547916)</t>
  </si>
  <si>
    <t>POINT (4.7083055109583904 51.79586026097152)</t>
  </si>
  <si>
    <t>POINT (4.671681465933929 51.81866826972778)</t>
  </si>
  <si>
    <t>POINT (4.6696224816629 51.809132638798566)</t>
  </si>
  <si>
    <t>POINT (4.661114765699609 51.788217888426765)</t>
  </si>
  <si>
    <t>POINT (4.655761129769281 51.80618895769793)</t>
  </si>
  <si>
    <t>POINT (4.6503924263440295 51.792779167676315)</t>
  </si>
  <si>
    <t>POINT (4.676027549894964 51.785698145036356)</t>
  </si>
  <si>
    <t>POINT (4.677651376175682 51.779752263725975)</t>
  </si>
  <si>
    <t>POINT (4.673111605497088 51.79651805513009)</t>
  </si>
  <si>
    <t>POINT (4.663082176463493 51.8162642519463)</t>
  </si>
  <si>
    <t>POINT (4.672831646888173 51.785271627431015)</t>
  </si>
  <si>
    <t>POINT (4.700565509423207 51.79605142199954)</t>
  </si>
  <si>
    <t>POINT (4.68129769366843 51.798735457626016)</t>
  </si>
  <si>
    <t>POINT (4.6564634944496275 51.79087010535087)</t>
  </si>
  <si>
    <t>POINT (4.645391028710369 51.800444513595146)</t>
  </si>
  <si>
    <t>POINT (4.70125650629254 51.789473240576385)</t>
  </si>
  <si>
    <t>POINT (4.711867511507978 51.795793062239156)</t>
  </si>
  <si>
    <t>POINT (4.682192269671147 51.785315163341096)</t>
  </si>
  <si>
    <t>POINT (4.657792309362199 51.79635158890052)</t>
  </si>
  <si>
    <t>POINT (4.675645774360064 51.78330740644575)</t>
  </si>
  <si>
    <t>POINT (4.668003594497312 51.814277644931416)</t>
  </si>
  <si>
    <t>POINT (4.688332526042188 51.81388848240933)</t>
  </si>
  <si>
    <t>POINT (4.68432771396845 51.80462109610106)</t>
  </si>
  <si>
    <t>POINT (4.664475682810229 51.79962573440136)</t>
  </si>
  <si>
    <t>POINT (4.6785824862817 51.78889679135201)</t>
  </si>
  <si>
    <t>POINT (4.673161049873535 51.81860115587071)</t>
  </si>
  <si>
    <t>POINT (4.67465084881548 51.81828207018525)</t>
  </si>
  <si>
    <t>POINT (4.668524450029102 51.798315289430604)</t>
  </si>
  <si>
    <t>POINT (4.677631658468607 51.78174544303769)</t>
  </si>
  <si>
    <t>POINT (4.712890516085145 51.80807673407014)</t>
  </si>
  <si>
    <t>POINT (4.678033437415259 51.784637946380165)</t>
  </si>
  <si>
    <t>POINT (4.658090256424865 51.78337764591865)</t>
  </si>
  <si>
    <t>POINT (4.675312181004518 51.817657137619484)</t>
  </si>
  <si>
    <t>POINT (4.663755354836563 51.792249897452876)</t>
  </si>
  <si>
    <t>POINT (4.694818593189838 51.810888448699146)</t>
  </si>
  <si>
    <t>POINT (4.705091464560232 51.807204064552494)</t>
  </si>
  <si>
    <t>POINT (4.655866792785722 51.78765588878815)</t>
  </si>
  <si>
    <t>POINT (4.66828660317862 51.77399784111116)</t>
  </si>
  <si>
    <t>POINT (4.666819256687045 51.77319147513391)</t>
  </si>
  <si>
    <t>POINT (4.639246508538074 51.783221689108814)</t>
  </si>
  <si>
    <t>POINT (4.66181218837443 51.78846864652992)</t>
  </si>
  <si>
    <t>POINT (4.668272957537777 51.79010346468782)</t>
  </si>
  <si>
    <t>POINT (4.671537873140455 51.79729368203751)</t>
  </si>
  <si>
    <t>POINT (4.668637420827649 51.79497874924405)</t>
  </si>
  <si>
    <t>POINT (4.677447717509089 51.80336388244656)</t>
  </si>
  <si>
    <t>POINT (4.729019403884495 51.795944271347835)</t>
  </si>
  <si>
    <t>POINT (4.680085366278423 51.80915639677829)</t>
  </si>
  <si>
    <t>POINT (4.6763501507625005 51.81847862007763)</t>
  </si>
  <si>
    <t>POINT (4.651235060439922 51.79084792854838)</t>
  </si>
  <si>
    <t>POINT (4.660329785266578 51.80997756761649)</t>
  </si>
  <si>
    <t>POINT (4.673055566349561 51.77938898511764)</t>
  </si>
  <si>
    <t>POINT (4.69325566263406 51.79537028933678)</t>
  </si>
  <si>
    <t>POINT (4.655582724670223 51.787373597663084)</t>
  </si>
  <si>
    <t>POINT (4.654887399970942 51.79986646655706)</t>
  </si>
  <si>
    <t>POINT (4.7044643285343986 51.79840401854328)</t>
  </si>
  <si>
    <t>POINT (4.677351716963561 51.81723559948253)</t>
  </si>
  <si>
    <t>POINT (4.704349018143143 51.79373085999035)</t>
  </si>
  <si>
    <t>POINT (4.732435913443871 51.799878992440384)</t>
  </si>
  <si>
    <t>POINT (4.72237077483147 51.80013741765585)</t>
  </si>
  <si>
    <t>POINT (4.677592349765889 51.79062590250694)</t>
  </si>
  <si>
    <t>POINT (4.681692731267635 51.77534341412353)</t>
  </si>
  <si>
    <t>POINT (4.659224536884024 51.81333073185105)</t>
  </si>
  <si>
    <t>POINT (4.683296906494436 51.806492452630046)</t>
  </si>
  <si>
    <t>POINT (4.687355024364847 51.796441026459696)</t>
  </si>
  <si>
    <t>POINT (4.67081827013209 51.79017505332903)</t>
  </si>
  <si>
    <t>POINT (4.712061436784664 51.80532182746427)</t>
  </si>
  <si>
    <t>POINT (4.67582259742666 51.804022645928704)</t>
  </si>
  <si>
    <t>POINT (4.662815425554665 51.79102537305245)</t>
  </si>
  <si>
    <t>POINT (4.687038274520734 51.78006836548074)</t>
  </si>
  <si>
    <t>POINT (4.700065359889406 51.797680934602035)</t>
  </si>
  <si>
    <t>POINT (4.732752670085893 51.804673086629464)</t>
  </si>
  <si>
    <t>POINT (4.677588807113196 51.78871596361215)</t>
  </si>
  <si>
    <t>POINT (4.71036882941094 51.80352558220478)</t>
  </si>
  <si>
    <t>POINT (4.665094147727972 51.80226757065863)</t>
  </si>
  <si>
    <t>POINT (4.672492195139039 51.775629846032615)</t>
  </si>
  <si>
    <t>POINT (4.65485093515967 51.79307374410502)</t>
  </si>
  <si>
    <t>POINT (4.67377060213623 51.7732025874334)</t>
  </si>
  <si>
    <t>POINT (4.6617074248886174 51.78803418564808)</t>
  </si>
  <si>
    <t>POINT (4.72084871840323 51.804918463572044)</t>
  </si>
  <si>
    <t>POINT (4.717330284025228 51.814695319464704)</t>
  </si>
  <si>
    <t>POINT (4.675745404838652 51.811109164535374)</t>
  </si>
  <si>
    <t>POINT (4.729256905704757 51.79661766644145)</t>
  </si>
  <si>
    <t>POINT (4.682944394733373 51.812930295308256)</t>
  </si>
  <si>
    <t>POINT (4.661713512636742 51.806113471544386)</t>
  </si>
  <si>
    <t>POINT (4.6572402806961835 51.79796011752898)</t>
  </si>
  <si>
    <t>POINT (4.664590423279521 51.78459908530318)</t>
  </si>
  <si>
    <t>BU05050711</t>
  </si>
  <si>
    <t>Amstelwijck Smitzigt</t>
  </si>
  <si>
    <t>POINT (4.67991289756944 51.77397008733066)</t>
  </si>
  <si>
    <t>POINT (4.6712316499036275 51.80589047152683)</t>
  </si>
  <si>
    <t>3316AZ</t>
  </si>
  <si>
    <t>POINT (4.644283916514551 51.802799777335984)</t>
  </si>
  <si>
    <t>POINT (4.729836286774491 51.80404466763632)</t>
  </si>
  <si>
    <t>POINT (4.677688853917599 51.779927185877646)</t>
  </si>
  <si>
    <t>POINT (4.686248049581532 51.78141892516345)</t>
  </si>
  <si>
    <t>POINT (4.6630540917288945 51.816317039942554)</t>
  </si>
  <si>
    <t>POINT (4.6882211710299595 51.819874317785654)</t>
  </si>
  <si>
    <t>POINT (4.673747710540149 51.810838575751944)</t>
  </si>
  <si>
    <t>POINT (4.672914872762515 51.78809922417468)</t>
  </si>
  <si>
    <t>POINT (4.699898040873116 51.79560270050166)</t>
  </si>
  <si>
    <t>POINT (4.674742603243425 51.78242354819286)</t>
  </si>
  <si>
    <t>POINT (4.651720019701848 51.78987063385455)</t>
  </si>
  <si>
    <t>POINT (4.660519665188647 51.78898030210169)</t>
  </si>
  <si>
    <t>POINT (4.6575005806710275 51.81085418550678)</t>
  </si>
  <si>
    <t>POINT (4.661659036628025 51.81249461633862)</t>
  </si>
  <si>
    <t>POINT (4.666426174832761 51.78800526111427)</t>
  </si>
  <si>
    <t>POINT (4.70493025623064 51.79335603449088)</t>
  </si>
  <si>
    <t>POINT (4.6704242997884435 51.796175486296995)</t>
  </si>
  <si>
    <t>POINT (4.6829268237026955 51.77986266451712)</t>
  </si>
  <si>
    <t>POINT (4.681874498531804 51.80285179498056)</t>
  </si>
  <si>
    <t>POINT (4.673863616923964 51.80757569897655)</t>
  </si>
  <si>
    <t>POINT (4.707431387871063 51.79414328174211)</t>
  </si>
  <si>
    <t>POINT (4.65234109388673 51.785677892184)</t>
  </si>
  <si>
    <t>POINT (4.66064017628909 51.77018082231459)</t>
  </si>
  <si>
    <t>POINT (4.671705229423681 51.77302296805645)</t>
  </si>
  <si>
    <t>POINT (4.662064308956551 51.79877521272973)</t>
  </si>
  <si>
    <t>POINT (4.660272354094515 51.770190354121034)</t>
  </si>
  <si>
    <t>POINT (4.70643521257303 51.789610543169616)</t>
  </si>
  <si>
    <t>POINT (4.721508161331848 51.81302766522007)</t>
  </si>
  <si>
    <t>POINT (4.659569448038737 51.792051102698544)</t>
  </si>
  <si>
    <t>POINT (4.722458399474972 51.79753658167945)</t>
  </si>
  <si>
    <t>POINT (4.732255855854659 51.79590008264107)</t>
  </si>
  <si>
    <t>POINT (4.668850716088176 51.77400367967065)</t>
  </si>
  <si>
    <t>POINT (4.666252145373571 51.7807061518946)</t>
  </si>
  <si>
    <t>POINT (4.664239009120386 51.81157821508757)</t>
  </si>
  <si>
    <t>POINT (4.645133790866014 51.80016957622081)</t>
  </si>
  <si>
    <t>POINT (4.638613942323457 51.78506917977454)</t>
  </si>
  <si>
    <t>POINT (4.700642944630959 51.795316485291096)</t>
  </si>
  <si>
    <t>POINT (4.672744075509142 51.7777442668825)</t>
  </si>
  <si>
    <t>POINT (4.6597325322579435 51.798258795098306)</t>
  </si>
  <si>
    <t>POINT (4.683243006254363 51.811746940517054)</t>
  </si>
  <si>
    <t>POINT (4.717508122718761 51.80252074413746)</t>
  </si>
  <si>
    <t>POINT (4.631849415699831 51.723158247410595)</t>
  </si>
  <si>
    <t>POINT (4.659546662248531 51.79069497905177)</t>
  </si>
  <si>
    <t>POINT (4.720874404238145 51.80495033933988)</t>
  </si>
  <si>
    <t>POINT (4.659088524194731 51.78877837748092)</t>
  </si>
  <si>
    <t>POINT (4.668668929269761 51.818366353057414)</t>
  </si>
  <si>
    <t>POINT (4.707949828928827 51.809790355927944)</t>
  </si>
  <si>
    <t>POINT (4.6683671604783195 51.79313621765456)</t>
  </si>
  <si>
    <t>POINT (4.661409549894891 51.78930421819588)</t>
  </si>
  <si>
    <t>POINT (4.699623998221213 51.79063562695753)</t>
  </si>
  <si>
    <t>POINT (4.666956846640684 51.796309593320984)</t>
  </si>
  <si>
    <t>POINT (4.666413089712738 51.810953734208574)</t>
  </si>
  <si>
    <t>POINT (4.662897099636289 51.793597787852654)</t>
  </si>
  <si>
    <t>POINT (4.6749364368111905 51.80571381135573)</t>
  </si>
  <si>
    <t>POINT (4.6499776366675665 51.79341600985799)</t>
  </si>
  <si>
    <t>POINT (4.665305726484992 51.77257545699412)</t>
  </si>
  <si>
    <t>POINT (4.6820306077140375 51.77785662888801)</t>
  </si>
  <si>
    <t>POINT (4.6702066296897 51.785898124242394)</t>
  </si>
  <si>
    <t>POINT (4.668520580479144 51.812364237637496)</t>
  </si>
  <si>
    <t>POINT (4.677887743835897 51.81784782233728)</t>
  </si>
  <si>
    <t>POINT (4.696814220434727 51.79895024857247)</t>
  </si>
  <si>
    <t>POINT (4.721466881482089 51.8108753453118)</t>
  </si>
  <si>
    <t>POINT (4.67323620024016 51.784744485164495)</t>
  </si>
  <si>
    <t>POINT (4.652006043907056 51.78313722537476)</t>
  </si>
  <si>
    <t>POINT (4.713635976773843 51.81509321576092)</t>
  </si>
  <si>
    <t>POINT (4.658378203018482 51.800914846938745)</t>
  </si>
  <si>
    <t>POINT (4.652440938506445 51.7855185454139)</t>
  </si>
  <si>
    <t>POINT (4.670479455157721 51.80005952165932)</t>
  </si>
  <si>
    <t>POINT (4.684338676506995 51.78262386753004)</t>
  </si>
  <si>
    <t>POINT (4.6982908190876405 51.7959601285694)</t>
  </si>
  <si>
    <t>POINT (4.664576837178188 51.77837957678988)</t>
  </si>
  <si>
    <t>POINT (4.670839885505528 51.7853704822103)</t>
  </si>
  <si>
    <t>POINT (4.679022508443767 51.77400410283705)</t>
  </si>
  <si>
    <t>POINT (4.676369370956229 51.78630450906115)</t>
  </si>
  <si>
    <t>POINT (4.694819842239819 51.79113268755395)</t>
  </si>
  <si>
    <t>POINT (4.707634299280795 51.81089418660311)</t>
  </si>
  <si>
    <t>POINT (4.6946899826746105 51.818341242430414)</t>
  </si>
  <si>
    <t>POINT (4.682543325647913 51.818597674735294)</t>
  </si>
  <si>
    <t>POINT (4.729847890204245 51.79611141287275)</t>
  </si>
  <si>
    <t>POINT (4.674421236026964 51.797038338207024)</t>
  </si>
  <si>
    <t>POINT (4.676613732650342 51.77863453770119)</t>
  </si>
  <si>
    <t>POINT (4.729649667892902 51.79215918977833)</t>
  </si>
  <si>
    <t>POINT (4.709427526546623 51.79618989052276)</t>
  </si>
  <si>
    <t>POINT (4.660266138192783 51.79675005042016)</t>
  </si>
  <si>
    <t>POINT (4.664710577338623 51.7957221322182)</t>
  </si>
  <si>
    <t>POINT (4.65129731083447 51.789196364051215)</t>
  </si>
  <si>
    <t>POINT (4.680876015240227 51.809303907549534)</t>
  </si>
  <si>
    <t>POINT (4.666513974599688 51.77458405538935)</t>
  </si>
  <si>
    <t>POINT (4.668060449705074 51.81164707961253)</t>
  </si>
  <si>
    <t>POINT (4.674467919542732 51.78890111390816)</t>
  </si>
  <si>
    <t>POINT (4.6789618000447 51.80882427593043)</t>
  </si>
  <si>
    <t>POINT (4.670523182599394 51.79055676274302)</t>
  </si>
  <si>
    <t>POINT (4.71230165710876 51.80872672442387)</t>
  </si>
  <si>
    <t>POINT (4.651216589665758 51.79045814291332)</t>
  </si>
  <si>
    <t>POINT (4.680236295060481 51.78976439868568)</t>
  </si>
  <si>
    <t>POINT (4.674494113788409 51.771738518347846)</t>
  </si>
  <si>
    <t>POINT (4.652063479357183 51.78470716875952)</t>
  </si>
  <si>
    <t>POINT (4.727669426901277 51.79414736530947)</t>
  </si>
  <si>
    <t>POINT (4.697278963336524 51.79904232066585)</t>
  </si>
  <si>
    <t>POINT (4.66759446960052 51.81915091678095)</t>
  </si>
  <si>
    <t>POINT (4.710482103579254 51.79151519533568)</t>
  </si>
  <si>
    <t>POINT (4.6676330443594445 51.81170797362347)</t>
  </si>
  <si>
    <t>POINT (4.726014486459275 51.79974331613665)</t>
  </si>
  <si>
    <t>POINT (4.663774830185643 51.78834627737656)</t>
  </si>
  <si>
    <t>POINT (4.668564478919137 51.809464570071164)</t>
  </si>
  <si>
    <t>POINT (4.661599177882069 51.816563475813446)</t>
  </si>
  <si>
    <t>POINT (4.673863265413181 51.81741889514706)</t>
  </si>
  <si>
    <t>POINT (4.656146101402271 51.80591701286858)</t>
  </si>
  <si>
    <t>3316KB</t>
  </si>
  <si>
    <t>Labradoriet</t>
  </si>
  <si>
    <t>POINT (4.637514165011897 51.77014803031402)</t>
  </si>
  <si>
    <t>POINT (4.664904919669486 51.80926820649515)</t>
  </si>
  <si>
    <t>POINT (4.629969626708122 51.72589386557316)</t>
  </si>
  <si>
    <t>POINT (4.6601276756690675 51.813347575679295)</t>
  </si>
  <si>
    <t>POINT (4.663516304314773 51.80012036525531)</t>
  </si>
  <si>
    <t>POINT (4.670812090573444 51.81270514899305)</t>
  </si>
  <si>
    <t>POINT (4.658786391123695 51.80707938317804)</t>
  </si>
  <si>
    <t>POINT (4.669941667624988 51.81718373278335)</t>
  </si>
  <si>
    <t>POINT (4.706152410417649 51.80274145488143)</t>
  </si>
  <si>
    <t>POINT (4.6779754637620465 51.81560388299776)</t>
  </si>
  <si>
    <t>POINT (4.659326829075291 51.81177801381266)</t>
  </si>
  <si>
    <t>POINT (4.728790267803995 51.795992297396616)</t>
  </si>
  <si>
    <t>POINT (4.6937183103401106 51.79337707173883)</t>
  </si>
  <si>
    <t>POINT (4.665207095067158 51.77358301570685)</t>
  </si>
  <si>
    <t>POINT (4.692105480799552 51.79103349084375)</t>
  </si>
  <si>
    <t>POINT (4.679753003296892 51.78719290342053)</t>
  </si>
  <si>
    <t>POINT (4.671656709809928 51.773434885502326)</t>
  </si>
  <si>
    <t>POINT (4.696142701798728 51.79295565160623)</t>
  </si>
  <si>
    <t>POINT (4.6874601141634695 51.808974458632115)</t>
  </si>
  <si>
    <t>POINT (4.675921057007846 51.77283147165797)</t>
  </si>
  <si>
    <t>POINT (4.725055738147294 51.7968766527907)</t>
  </si>
  <si>
    <t>POINT (4.679248543427881 51.81580390910621)</t>
  </si>
  <si>
    <t>POINT (4.725735837548419 51.79831114888382)</t>
  </si>
  <si>
    <t>POINT (4.665362884637291 51.81469286142213)</t>
  </si>
  <si>
    <t>POINT (4.675147013141797 51.815540832676085)</t>
  </si>
  <si>
    <t>POINT (4.685151336869102 51.777443164271546)</t>
  </si>
  <si>
    <t>POINT (4.658381837162049 51.81083203085205)</t>
  </si>
  <si>
    <t>POINT (4.7114573221105145 51.79212057624874)</t>
  </si>
  <si>
    <t>POINT (4.672120349892189 51.81748256184833)</t>
  </si>
  <si>
    <t>POINT (4.6780794052735315 51.787830766404305)</t>
  </si>
  <si>
    <t>POINT (4.656256245416059 51.80622180453928)</t>
  </si>
  <si>
    <t>POINT (4.653211790288918 51.782618406047234)</t>
  </si>
  <si>
    <t>POINT (4.7039198558147035 51.816166391206494)</t>
  </si>
  <si>
    <t>POINT (4.664088852230914 51.792265993914974)</t>
  </si>
  <si>
    <t>POINT (4.736521732728385 51.80565508470294)</t>
  </si>
  <si>
    <t>POINT (4.672906137153916 51.81954808873561)</t>
  </si>
  <si>
    <t>POINT (4.673115241678545 51.809829192664075)</t>
  </si>
  <si>
    <t>POINT (4.652056274586149 51.793156767738544)</t>
  </si>
  <si>
    <t>POINT (4.66536382767558 51.7992642924341)</t>
  </si>
  <si>
    <t>POINT (4.68887715914755 51.808933669074335)</t>
  </si>
  <si>
    <t>POINT (4.674269444287226 51.8179006119899)</t>
  </si>
  <si>
    <t>POINT (4.7322894373433195 51.79309282895514)</t>
  </si>
  <si>
    <t>POINT (4.6666442620108874 51.77487563193312)</t>
  </si>
  <si>
    <t>POINT (4.684080149728844 51.80810479895757)</t>
  </si>
  <si>
    <t>POINT (4.698103554983249 51.79547037776796)</t>
  </si>
  <si>
    <t>POINT (4.667944357052236 51.80005702387113)</t>
  </si>
  <si>
    <t>POINT (4.670548890623798 51.815451505242926)</t>
  </si>
  <si>
    <t>POINT (4.656851487779774 51.80758649791119)</t>
  </si>
  <si>
    <t>POINT (4.726439239649398 51.80592815831944)</t>
  </si>
  <si>
    <t>POINT (4.710931304679388 51.79545745315237)</t>
  </si>
  <si>
    <t>POINT (4.680471865030229 51.78100695515993)</t>
  </si>
  <si>
    <t>POINT (4.651539975032021 51.78773774103816)</t>
  </si>
  <si>
    <t>POINT (4.683996608861391 51.811637329688956)</t>
  </si>
  <si>
    <t>POINT (4.6690781898308185 51.8116986779331)</t>
  </si>
  <si>
    <t>POINT (4.671023850510663 51.81870003354036)</t>
  </si>
  <si>
    <t>POINT (4.670218161563881 51.78155599395809)</t>
  </si>
  <si>
    <t>POINT (4.683606628825329 51.81290975553694)</t>
  </si>
  <si>
    <t>POINT (4.69764776640867 51.79186740397018)</t>
  </si>
  <si>
    <t>POINT (4.668516136518529 51.78332635765779)</t>
  </si>
  <si>
    <t>3329KE</t>
  </si>
  <si>
    <t>Laantje van Middenhoeve</t>
  </si>
  <si>
    <t>POINT (4.704155943822402 51.78650496618143)</t>
  </si>
  <si>
    <t>POINT (4.681209075381589 51.80005406711292)</t>
  </si>
  <si>
    <t>POINT (4.686759591124373 51.80455967496792)</t>
  </si>
  <si>
    <t>POINT (4.6611230186902946 51.79760806949007)</t>
  </si>
  <si>
    <t>POINT (4.656029128305222 51.789664349844934)</t>
  </si>
  <si>
    <t>POINT (4.706517247688252 51.78943976706551)</t>
  </si>
  <si>
    <t>POINT (4.656303903808098 51.78486951389463)</t>
  </si>
  <si>
    <t>POINT (4.709734559809922 51.80147556504285)</t>
  </si>
  <si>
    <t>POINT (4.6720988610660905 51.78849148121492)</t>
  </si>
  <si>
    <t>POINT (4.706432909178929 51.80854315459658)</t>
  </si>
  <si>
    <t>POINT (4.683103142960776 51.81026831079616)</t>
  </si>
  <si>
    <t>POINT (4.6732717948431075 51.783276163581014)</t>
  </si>
  <si>
    <t>POINT (4.660809655185495 51.80739958131655)</t>
  </si>
  <si>
    <t>POINT (4.6593882564209546 51.79809852174006)</t>
  </si>
  <si>
    <t>POINT (4.677394215545469 51.7777675569378)</t>
  </si>
  <si>
    <t>POINT (4.669633300886176 51.801801903492304)</t>
  </si>
  <si>
    <t>POINT (4.729426426157871 51.79823433455298)</t>
  </si>
  <si>
    <t>POINT (4.657713185229919 51.80064072061093)</t>
  </si>
  <si>
    <t>POINT (4.677673586346002 51.781902882079656)</t>
  </si>
  <si>
    <t>POINT (4.669132677327525 51.81659874678846)</t>
  </si>
  <si>
    <t>POINT (4.659998209648518 51.80874905185633)</t>
  </si>
  <si>
    <t>POINT (4.723514264241961 51.79933911098104)</t>
  </si>
  <si>
    <t>POINT (4.653596245046881 51.787497721014304)</t>
  </si>
  <si>
    <t>POINT (4.6755430619017915 51.8042059288883)</t>
  </si>
  <si>
    <t>POINT (4.657500519301779 51.81373684784574)</t>
  </si>
  <si>
    <t>POINT (4.65161625803388 51.781245217302995)</t>
  </si>
  <si>
    <t>POINT (4.70886417743845 51.8079286219504)</t>
  </si>
  <si>
    <t>POINT (4.683603627489437 51.81077706896157)</t>
  </si>
  <si>
    <t>POINT (4.6620025371294345 51.80502163127565)</t>
  </si>
  <si>
    <t>POINT (4.682006494385933 51.79991996055754)</t>
  </si>
  <si>
    <t>POINT (4.6639326827763865 51.81079416833457)</t>
  </si>
  <si>
    <t>POINT (4.709996416000629 51.80781310476024)</t>
  </si>
  <si>
    <t>POINT (4.669504973829164 51.807827653693415)</t>
  </si>
  <si>
    <t>POINT (4.657977450634125 51.77143997580381)</t>
  </si>
  <si>
    <t>POINT (4.708424045669845 51.78663218450416)</t>
  </si>
  <si>
    <t>POINT (4.6524262243301875 51.78770009586511)</t>
  </si>
  <si>
    <t>POINT (4.662330066660912 51.791326381995916)</t>
  </si>
  <si>
    <t>POINT (4.690343642284199 51.78427854100014)</t>
  </si>
  <si>
    <t>POINT (4.670274684115515 51.77653141691893)</t>
  </si>
  <si>
    <t>POINT (4.655893252710255 51.8063829482518)</t>
  </si>
  <si>
    <t>POINT (4.666288524184603 51.81510466863348)</t>
  </si>
  <si>
    <t>POINT (4.65857923908945 51.798150515623256)</t>
  </si>
  <si>
    <t>POINT (4.733530659400013 51.79481155750915)</t>
  </si>
  <si>
    <t>POINT (4.668316258529219 51.79629757152646)</t>
  </si>
  <si>
    <t>POINT (4.692025525157427 51.80744051472072)</t>
  </si>
  <si>
    <t>POINT (4.686025149564728 51.79176467960413)</t>
  </si>
  <si>
    <t>POINT (4.657518391605559 51.78359573364796)</t>
  </si>
  <si>
    <t>POINT (4.719940291175705 51.81320932909784)</t>
  </si>
  <si>
    <t>POINT (4.685349774459326 51.78216237486315)</t>
  </si>
  <si>
    <t>POINT (4.686661780938479 51.779788753294966)</t>
  </si>
  <si>
    <t>POINT (4.728160760445357 51.80469459445483)</t>
  </si>
  <si>
    <t>POINT (4.683077114867376 51.809850361376434)</t>
  </si>
  <si>
    <t>POINT (4.664022595887747 51.80968090780582)</t>
  </si>
  <si>
    <t>POINT (4.67941070979695 51.80756896587683)</t>
  </si>
  <si>
    <t>POINT (4.6983625948788506 51.80109729433523)</t>
  </si>
  <si>
    <t>POINT (4.706110574383247 51.79025134868414)</t>
  </si>
  <si>
    <t>POINT (4.685071630624707 51.813065341678694)</t>
  </si>
  <si>
    <t>POINT (4.710098930907734 51.79294715269096)</t>
  </si>
  <si>
    <t>POINT (4.657468348075734 51.80953954217398)</t>
  </si>
  <si>
    <t>POINT (4.680989692432949 51.80807497759572)</t>
  </si>
  <si>
    <t>POINT (4.669854663735355 51.81109344639236)</t>
  </si>
  <si>
    <t>POINT (4.66271335730716 51.81397243333988)</t>
  </si>
  <si>
    <t>POINT (4.645218828986145 51.77297921586672)</t>
  </si>
  <si>
    <t>POINT (4.652202460535328 51.802627995580565)</t>
  </si>
  <si>
    <t>POINT (4.725556196234325 51.79467858772062)</t>
  </si>
  <si>
    <t>POINT (4.653866983120434 51.811381759310585)</t>
  </si>
  <si>
    <t>POINT (4.732214944619842 51.79840109649182)</t>
  </si>
  <si>
    <t>POINT (4.660010920648739 51.796666509833784)</t>
  </si>
  <si>
    <t>POINT (4.67594477363279 51.78488480412046)</t>
  </si>
  <si>
    <t>POINT (4.676096841604483 51.803842844814746)</t>
  </si>
  <si>
    <t>POINT (4.732649622766407 51.79495998272341)</t>
  </si>
  <si>
    <t>POINT (4.6580256090454455 51.790231739512414)</t>
  </si>
  <si>
    <t>POINT (4.6709854146727166 51.81875667029195)</t>
  </si>
  <si>
    <t>POINT (4.675062196092076 51.8131843698447)</t>
  </si>
  <si>
    <t>POINT (4.695258867478546 51.796548526982036)</t>
  </si>
  <si>
    <t>POINT (4.650450547699015 51.79396350789284)</t>
  </si>
  <si>
    <t>POINT (4.6739390417612645 51.81437957676512)</t>
  </si>
  <si>
    <t>POINT (4.682661698329111 51.80397811319816)</t>
  </si>
  <si>
    <t>POINT (4.699621015438239 51.80069814529068)</t>
  </si>
  <si>
    <t>POINT (4.68503330940218 51.8041442199447)</t>
  </si>
  <si>
    <t>POINT (4.676254142093215 51.77745510781527)</t>
  </si>
  <si>
    <t>POINT (4.721707953565902 51.79921353725051)</t>
  </si>
  <si>
    <t>POINT (4.6899056594252295 51.768148527056205)</t>
  </si>
  <si>
    <t>POINT (4.678700634285505 51.785645700951)</t>
  </si>
  <si>
    <t>POINT (4.685300090484552 51.802974385397505)</t>
  </si>
  <si>
    <t>POINT (4.668896982894522 51.778046888892035)</t>
  </si>
  <si>
    <t>POINT (4.711522247859904 51.79644259028429)</t>
  </si>
  <si>
    <t>POINT (4.669736448525893 51.781961738005336)</t>
  </si>
  <si>
    <t>POINT (4.677766969675305 51.80756564632611)</t>
  </si>
  <si>
    <t>POINT (4.7216206733676405 51.797808997358906)</t>
  </si>
  <si>
    <t>POINT (4.661923477134697 51.794974423790926)</t>
  </si>
  <si>
    <t>POINT (4.664277459735828 51.81299770170344)</t>
  </si>
  <si>
    <t>POINT (4.660136822775868 51.801859431612876)</t>
  </si>
  <si>
    <t>POINT (4.711350024935473 51.79397751907487)</t>
  </si>
  <si>
    <t>POINT (4.717145356082998 51.79552063969442)</t>
  </si>
  <si>
    <t>POINT (4.685953907902739 51.811563047597474)</t>
  </si>
  <si>
    <t>POINT (4.659890321887274 51.809211300629045)</t>
  </si>
  <si>
    <t>POINT (4.693926463631261 51.80345248909966)</t>
  </si>
  <si>
    <t>POINT (4.675819712832675 51.77465957419015)</t>
  </si>
  <si>
    <t>POINT (4.6636311305626 51.814606287452705)</t>
  </si>
  <si>
    <t>POINT (4.660252884563902 51.78749864926315)</t>
  </si>
  <si>
    <t>POINT (4.7121732433091115 51.80653740331017)</t>
  </si>
  <si>
    <t>POINT (4.724740796738389 51.79710561352919)</t>
  </si>
  <si>
    <t>POINT (4.707356609993127 51.79434965063322)</t>
  </si>
  <si>
    <t>POINT (4.664643137682865 51.81594964240509)</t>
  </si>
  <si>
    <t>POINT (4.6533070323506305 51.79399964991066)</t>
  </si>
  <si>
    <t>POINT (4.68396210178883 51.818386618649555)</t>
  </si>
  <si>
    <t>POINT (4.681320728838566 51.80128849792811)</t>
  </si>
  <si>
    <t>POINT (4.660405234835067 51.770750411355195)</t>
  </si>
  <si>
    <t>POINT (4.673032122433459 51.78330247968205)</t>
  </si>
  <si>
    <t>POINT (4.7050610346996695 51.792146336096145)</t>
  </si>
  <si>
    <t>POINT (4.675042316269404 51.805153569448485)</t>
  </si>
  <si>
    <t>POINT (4.682081716877244 51.80315672283168)</t>
  </si>
  <si>
    <t>POINT (4.671809024413734 51.816788554989)</t>
  </si>
  <si>
    <t>POINT (4.672427667435516 51.778367602665185)</t>
  </si>
  <si>
    <t>POINT (4.662225657522356 51.815747283444125)</t>
  </si>
  <si>
    <t>POINT (4.666281321824729 51.79610069080682)</t>
  </si>
  <si>
    <t>POINT (4.696857069068731 51.800147872009745)</t>
  </si>
  <si>
    <t>POINT (4.678282195190998 51.784633211871785)</t>
  </si>
  <si>
    <t>POINT (4.689919941011451 51.80922283310286)</t>
  </si>
  <si>
    <t>POINT (4.716456598825792 51.792041707203836)</t>
  </si>
  <si>
    <t>POINT (4.708619208182385 51.803898078906194)</t>
  </si>
  <si>
    <t>POINT (4.654617833991468 51.787510775005124)</t>
  </si>
  <si>
    <t>POINT (4.716570200865345 51.812670863436416)</t>
  </si>
  <si>
    <t>POINT (4.673895394838097 51.80293695135547)</t>
  </si>
  <si>
    <t>POINT (4.685250889525029 51.79215413128285)</t>
  </si>
  <si>
    <t>POINT (4.655104288347692 51.79798451614356)</t>
  </si>
  <si>
    <t>POINT (4.679258831530903 51.80488333041584)</t>
  </si>
  <si>
    <t>POINT (4.6826891229539465 51.803386472548844)</t>
  </si>
  <si>
    <t>POINT (4.730260477776074 51.798531983268944)</t>
  </si>
  <si>
    <t>POINT (4.713054310434221 51.80423410281444)</t>
  </si>
  <si>
    <t>POINT (4.672010037035724 51.80512901424546)</t>
  </si>
  <si>
    <t>POINT (4.7058021178923735 51.7978496447207)</t>
  </si>
  <si>
    <t>POINT (4.687990707458224 51.80909986721863)</t>
  </si>
  <si>
    <t>POINT (4.692635746080537 51.79424782752749)</t>
  </si>
  <si>
    <t>POINT (4.671812146567379 51.79251927599798)</t>
  </si>
  <si>
    <t>POINT (4.66971250235089 51.81077749717656)</t>
  </si>
  <si>
    <t>POINT (4.669698813557066 51.771455194756264)</t>
  </si>
  <si>
    <t>POINT (4.650025985576612 51.79398957778751)</t>
  </si>
  <si>
    <t>POINT (4.677637076021956 51.78191241396294)</t>
  </si>
  <si>
    <t>POINT (4.671772184598756 51.79746112318808)</t>
  </si>
  <si>
    <t>POINT (4.700688256225596 51.800003908118555)</t>
  </si>
  <si>
    <t>POINT (4.691976606689583 51.8116854523)</t>
  </si>
  <si>
    <t>POINT (4.664544071500586 51.81042057214405)</t>
  </si>
  <si>
    <t>POINT (4.677168025967627 51.789957452704215)</t>
  </si>
  <si>
    <t>POINT (4.725982788224936 51.799701223462)</t>
  </si>
  <si>
    <t>POINT (4.678036300535742 51.78469184194336)</t>
  </si>
  <si>
    <t>POINT (4.710519381504708 51.795361506077676)</t>
  </si>
  <si>
    <t>POINT (4.698457979565715 51.7912110105028)</t>
  </si>
  <si>
    <t>POINT (4.672028415584094 51.771275995954305)</t>
  </si>
  <si>
    <t>POINT (4.731484770582617 51.80122563489861)</t>
  </si>
  <si>
    <t>POINT (4.674359419754833 51.779348152819104)</t>
  </si>
  <si>
    <t>POINT (4.684130824414187 51.80275386803953)</t>
  </si>
  <si>
    <t>POINT (4.669525274513767 51.80261724475223)</t>
  </si>
  <si>
    <t>POINT (4.669675042449128 51.81362978852554)</t>
  </si>
  <si>
    <t>POINT (4.698735495098441 51.79961704547466)</t>
  </si>
  <si>
    <t>POINT (4.729673782981231 51.800521217816566)</t>
  </si>
  <si>
    <t>POINT (4.71165039571725 51.81067384538738)</t>
  </si>
  <si>
    <t>POINT (4.664564450083557 51.803384560996534)</t>
  </si>
  <si>
    <t>POINT (4.679707026340609 51.78690470928287)</t>
  </si>
  <si>
    <t>POINT (4.680673671228926 51.79875277996905)</t>
  </si>
  <si>
    <t>POINT (4.713741529113804 51.802906659373676)</t>
  </si>
  <si>
    <t>POINT (4.731685030306532 51.79532745517695)</t>
  </si>
  <si>
    <t>POINT (4.656203905496257 51.79472911111784)</t>
  </si>
  <si>
    <t>POINT (4.692613624295403 51.7956195481427)</t>
  </si>
  <si>
    <t>POINT (4.6555641299381945 51.79033910960051)</t>
  </si>
  <si>
    <t>POINT (4.704907868015782 51.796683076608865)</t>
  </si>
  <si>
    <t>POINT (4.732985688986506 51.802433160023796)</t>
  </si>
  <si>
    <t>POINT (4.657152087911115 51.79231769150066)</t>
  </si>
  <si>
    <t>POINT (4.661632555603917 51.79682891731307)</t>
  </si>
  <si>
    <t>POINT (4.66959850990175 51.81268524001723)</t>
  </si>
  <si>
    <t>POINT (4.673368876790285 51.78855673494132)</t>
  </si>
  <si>
    <t>POINT (4.666714455672962 51.79625920652211)</t>
  </si>
  <si>
    <t>POINT (4.698480515241989 51.79338554774345)</t>
  </si>
  <si>
    <t>POINT (4.7125973615604435 51.8064087069586)</t>
  </si>
  <si>
    <t>POINT (4.6696667780035 51.78960999741456)</t>
  </si>
  <si>
    <t>POINT (4.668401548011915 51.798455002816546)</t>
  </si>
  <si>
    <t>POINT (4.680225860143429 51.785833194006884)</t>
  </si>
  <si>
    <t>POINT (4.687461296589575 51.802676879098165)</t>
  </si>
  <si>
    <t>POINT (4.723895140670273 51.80485874529918)</t>
  </si>
  <si>
    <t>POINT (4.711856158195423 51.81126215887321)</t>
  </si>
  <si>
    <t>POINT (4.706824819447942 51.79071416699531)</t>
  </si>
  <si>
    <t>POINT (4.685302996503292 51.799399517023886)</t>
  </si>
  <si>
    <t>POINT (4.68332611291633 51.78007855189657)</t>
  </si>
  <si>
    <t>POINT (4.677180613419973 51.774303984874294)</t>
  </si>
  <si>
    <t>POINT (4.671539543826195 51.7926646684006)</t>
  </si>
  <si>
    <t>POINT (4.718759127934087 51.80459582321646)</t>
  </si>
  <si>
    <t>POINT (4.698851965509674 51.797828570822425)</t>
  </si>
  <si>
    <t>POINT (4.731051944329938 51.803781659894604)</t>
  </si>
  <si>
    <t>POINT (4.677351102991722 51.789919028376396)</t>
  </si>
  <si>
    <t>POINT (4.723539839761041 51.79876752382881)</t>
  </si>
  <si>
    <t>POINT (4.710893733324635 51.81477412331713)</t>
  </si>
  <si>
    <t>POINT (4.679774327886027 51.80853511275317)</t>
  </si>
  <si>
    <t>POINT (4.628711386281437 51.72080968138872)</t>
  </si>
  <si>
    <t>POINT (4.677966053365801 51.77357249009797)</t>
  </si>
  <si>
    <t>POINT (4.64345948902029 51.77012959846051)</t>
  </si>
  <si>
    <t>POINT (4.702749151168383 51.794038333730285)</t>
  </si>
  <si>
    <t>POINT (4.660385684545697 51.77045650264759)</t>
  </si>
  <si>
    <t>POINT (4.670560909542823 51.817976118662244)</t>
  </si>
  <si>
    <t>POINT (4.660692536810414 51.78257074089562)</t>
  </si>
  <si>
    <t>POINT (4.70876576320076 51.80660155311489)</t>
  </si>
  <si>
    <t>POINT (4.718332396235662 51.80117067686227)</t>
  </si>
  <si>
    <t>POINT (4.714961967927179 51.81064537535919)</t>
  </si>
  <si>
    <t>POINT (4.675785308583006 51.8082989448611)</t>
  </si>
  <si>
    <t>POINT (4.653759721810212 51.79185836799753)</t>
  </si>
  <si>
    <t>POINT (4.68501081244088 51.78135442879755)</t>
  </si>
  <si>
    <t>POINT (4.659275358479677 51.80323259653214)</t>
  </si>
  <si>
    <t>POINT (4.71272619016452 51.80060865827082)</t>
  </si>
  <si>
    <t>POINT (4.664120655511112 51.801207777141414)</t>
  </si>
  <si>
    <t>POINT (4.693283395732775 51.79678555818788)</t>
  </si>
  <si>
    <t>POINT (4.655942980474689 51.80575658437918)</t>
  </si>
  <si>
    <t>POINT (4.6630112461465885 51.80484219083684)</t>
  </si>
  <si>
    <t>POINT (4.660310505438096 51.81371447575452)</t>
  </si>
  <si>
    <t>POINT (4.661908061261909 51.77439792805926)</t>
  </si>
  <si>
    <t>POINT (4.678567939398375 51.78880601655628)</t>
  </si>
  <si>
    <t>POINT (4.663581583512276 51.801784206425175)</t>
  </si>
  <si>
    <t>POINT (4.707512080013186 51.79052820231118)</t>
  </si>
  <si>
    <t>POINT (4.6818854314342895 51.78073242757132)</t>
  </si>
  <si>
    <t>POINT (4.660886630618758 51.79364852178609)</t>
  </si>
  <si>
    <t>POINT (4.735118473526137 51.80135670622398)</t>
  </si>
  <si>
    <t>POINT (4.715868797614191 51.80058147727101)</t>
  </si>
  <si>
    <t>POINT (4.626009185122525 51.79414460066277)</t>
  </si>
  <si>
    <t>POINT (4.664574893913668 51.778784200819665)</t>
  </si>
  <si>
    <t>POINT (4.660288823549017 51.76975242652673)</t>
  </si>
  <si>
    <t>POINT (4.668124857941542 51.804096936533)</t>
  </si>
  <si>
    <t>POINT (4.664802836235169 51.81582344476144)</t>
  </si>
  <si>
    <t>POINT (4.6910514792817235 51.8062126234378)</t>
  </si>
  <si>
    <t>POINT (4.6833191742645965 51.80388986229437)</t>
  </si>
  <si>
    <t>POINT (4.684568664460577 51.7875149769019)</t>
  </si>
  <si>
    <t>POINT (4.687802900054079 51.8057713416318)</t>
  </si>
  <si>
    <t>POINT (4.670433131143232 51.81103100420819)</t>
  </si>
  <si>
    <t>POINT (4.675909834743972 51.78511073894444)</t>
  </si>
  <si>
    <t>POINT (4.713940085749279 51.807883221658926)</t>
  </si>
  <si>
    <t>POINT (4.697737193380942 51.79711274737269)</t>
  </si>
  <si>
    <t>POINT (4.668986773817776 51.770716350122626)</t>
  </si>
  <si>
    <t>POINT (4.6965098932065015 51.790569487034126)</t>
  </si>
  <si>
    <t>POINT (4.656727969483098 51.81351394912384)</t>
  </si>
  <si>
    <t>POINT (4.715931374731409 51.79992369527782)</t>
  </si>
  <si>
    <t>POINT (4.655581347163566 51.79151906610113)</t>
  </si>
  <si>
    <t>POINT (4.704270672527297 51.79009489195698)</t>
  </si>
  <si>
    <t>POINT (4.732493125651498 51.80472056390672)</t>
  </si>
  <si>
    <t>POINT (4.660294287648786 51.79637424547098)</t>
  </si>
  <si>
    <t>POINT (4.654986253018241 51.78725713058137)</t>
  </si>
  <si>
    <t>POINT (4.686733903437834 51.80857037303533)</t>
  </si>
  <si>
    <t>POINT (4.678535650294318 51.80817779058177)</t>
  </si>
  <si>
    <t>POINT (4.69471176294621 51.79462217252992)</t>
  </si>
  <si>
    <t>POINT (4.659369748674246 51.80396550894568)</t>
  </si>
  <si>
    <t>POINT (4.682010291754736 51.77781025987394)</t>
  </si>
  <si>
    <t>POINT (4.67938383712362 51.8135059908772)</t>
  </si>
  <si>
    <t>POINT (4.68216003848309 51.77842524119375)</t>
  </si>
  <si>
    <t>POINT (4.658144582918014 51.81348463739248)</t>
  </si>
  <si>
    <t>POINT (4.660747473060594 51.80724509428823)</t>
  </si>
  <si>
    <t>POINT (4.706365706059944 51.795177764786814)</t>
  </si>
  <si>
    <t>POINT (4.655352796220043 51.795135424710224)</t>
  </si>
  <si>
    <t>POINT (4.667976280601192 51.817281474311436)</t>
  </si>
  <si>
    <t>POINT (4.6858484889697465 51.786540136035924)</t>
  </si>
  <si>
    <t>POINT (4.6828792705580735 51.811491160774004)</t>
  </si>
  <si>
    <t>POINT (4.679284878643088 51.78508072921442)</t>
  </si>
  <si>
    <t>POINT (4.654346829120738 51.79370584613664)</t>
  </si>
  <si>
    <t>POINT (4.682798355605198 51.80954170741765)</t>
  </si>
  <si>
    <t>POINT (4.6536845293943365 51.78312025523038)</t>
  </si>
  <si>
    <t>POINT (4.670266313783425 51.79833993264553)</t>
  </si>
  <si>
    <t>POINT (4.725211507136216 51.79339275400311)</t>
  </si>
  <si>
    <t>POINT (4.706716324010212 51.79070179851243)</t>
  </si>
  <si>
    <t>POINT (4.70986286818838 51.80767893345261)</t>
  </si>
  <si>
    <t>POINT (4.667630725732796 51.79508357150073)</t>
  </si>
  <si>
    <t>POINT (4.713964860933975 51.80571198570716)</t>
  </si>
  <si>
    <t>POINT (4.686704401260425 51.81031726076952)</t>
  </si>
  <si>
    <t>POINT (4.7247453386299965 51.793499878592634)</t>
  </si>
  <si>
    <t>POINT (4.686771588146646 51.78110200119256)</t>
  </si>
  <si>
    <t>POINT (4.6510651007359645 51.80267296391273)</t>
  </si>
  <si>
    <t>POINT (4.67192919978965 51.81897120577314)</t>
  </si>
  <si>
    <t>POINT (4.672037328146217 51.77377421194437)</t>
  </si>
  <si>
    <t>POINT (4.7115869408253594 51.80106538805043)</t>
  </si>
  <si>
    <t>POINT (4.660598202892004 51.8070177629709)</t>
  </si>
  <si>
    <t>POINT (4.707880895631496 51.806207647676246)</t>
  </si>
  <si>
    <t>POINT (4.683870403394102 51.801972647655326)</t>
  </si>
  <si>
    <t>POINT (4.717247136407137 51.804347625846304)</t>
  </si>
  <si>
    <t>POINT (4.699592359202081 51.798606584798)</t>
  </si>
  <si>
    <t>POINT (4.663496989229999 51.79028648348412)</t>
  </si>
  <si>
    <t>POINT (4.704615026285397 51.79506175076062)</t>
  </si>
  <si>
    <t>POINT (4.722370497569735 51.80515644972288)</t>
  </si>
  <si>
    <t>POINT (4.686043631780975 51.788665482385866)</t>
  </si>
  <si>
    <t>POINT (4.680754889886566 51.802884312956685)</t>
  </si>
  <si>
    <t>POINT (4.66683461956497 51.81116221730039)</t>
  </si>
  <si>
    <t>3316GE</t>
  </si>
  <si>
    <t>Debijestraat</t>
  </si>
  <si>
    <t>POINT (4.635476516034692 51.780796580310756)</t>
  </si>
  <si>
    <t>POINT (4.710967799619564 51.79220010971168)</t>
  </si>
  <si>
    <t>POINT (4.663721693258265 51.81402827150185)</t>
  </si>
  <si>
    <t>POINT (4.666817758674986 51.79951417936743)</t>
  </si>
  <si>
    <t>POINT (4.667815476868888 51.7909461283261)</t>
  </si>
  <si>
    <t>POINT (4.6804523536270795 51.78545336627505)</t>
  </si>
  <si>
    <t>POINT (4.65976110722964 51.78996814281533)</t>
  </si>
  <si>
    <t>POINT (4.68444129814587 51.785868537571396)</t>
  </si>
  <si>
    <t>POINT (4.692384378639081 51.819145393819845)</t>
  </si>
  <si>
    <t>POINT (4.654353184187365 51.79963719096271)</t>
  </si>
  <si>
    <t>POINT (4.678475901578913 51.8083470549768)</t>
  </si>
  <si>
    <t>POINT (4.6715825850852735 51.799193120949596)</t>
  </si>
  <si>
    <t>POINT (4.67739118389768 51.80784457548153)</t>
  </si>
  <si>
    <t>POINT (4.696186587794677 51.79293809455623)</t>
  </si>
  <si>
    <t>POINT (4.685940119141041 51.78772800870461)</t>
  </si>
  <si>
    <t>POINT (4.689160856617584 51.81122539394213)</t>
  </si>
  <si>
    <t>POINT (4.730126692926995 51.79696486432842)</t>
  </si>
  <si>
    <t>POINT (4.6664342613387975 51.79629842899234)</t>
  </si>
  <si>
    <t>POINT (4.7054541888707595 51.81627736225797)</t>
  </si>
  <si>
    <t>POINT (4.662843448355858 51.79902778104475)</t>
  </si>
  <si>
    <t>POINT (4.673106112143686 51.810615313611855)</t>
  </si>
  <si>
    <t>POINT (4.693571947520418 51.795755580563174)</t>
  </si>
  <si>
    <t>POINT (4.668123247549232 51.79353511539349)</t>
  </si>
  <si>
    <t>POINT (4.650003672745939 51.79262469032662)</t>
  </si>
  <si>
    <t>POINT (4.658861890677243 51.79263818682213)</t>
  </si>
  <si>
    <t>POINT (4.66911652045527 51.79098750140198)</t>
  </si>
  <si>
    <t>POINT (4.677415976329112 51.8159647662036)</t>
  </si>
  <si>
    <t>POINT (4.676137693984313 51.77707997732387)</t>
  </si>
  <si>
    <t>POINT (4.679498835600966 51.805766863845975)</t>
  </si>
  <si>
    <t>POINT (4.664505295003033 51.79217877193858)</t>
  </si>
  <si>
    <t>POINT (4.6728912719925955 51.802750871328)</t>
  </si>
  <si>
    <t>POINT (4.669972390978811 51.79383007314254)</t>
  </si>
  <si>
    <t>POINT (4.696523914976172 51.818216437608505)</t>
  </si>
  <si>
    <t>POINT (4.695224956593656 51.79020312276484)</t>
  </si>
  <si>
    <t>POINT (4.668504030337917 51.80247992978004)</t>
  </si>
  <si>
    <t>POINT (4.691156210900346 51.78908953426784)</t>
  </si>
  <si>
    <t>POINT (4.719909841415345 51.813114964066344)</t>
  </si>
  <si>
    <t>POINT (4.671542083974065 51.81454353502864)</t>
  </si>
  <si>
    <t>POINT (4.680933538731548 51.803058663138856)</t>
  </si>
  <si>
    <t>POINT (4.65351430849389 51.79186515696675)</t>
  </si>
  <si>
    <t>POINT (4.666957524394725 51.77444835386332)</t>
  </si>
  <si>
    <t>POINT (4.630014524821871 51.72378229158917)</t>
  </si>
  <si>
    <t>POINT (4.656559173373207 51.796924675940176)</t>
  </si>
  <si>
    <t>POINT (4.663544122730847 51.79366893531094)</t>
  </si>
  <si>
    <t>POINT (4.709615580814616 51.79435017089647)</t>
  </si>
  <si>
    <t>POINT (4.657429162947472 51.784402086573664)</t>
  </si>
  <si>
    <t>POINT (4.681639161981452 51.77444988430243)</t>
  </si>
  <si>
    <t>POINT (4.679838343145239 51.814678399415136)</t>
  </si>
  <si>
    <t>POINT (4.628509715489032 51.72405431290447)</t>
  </si>
  <si>
    <t>POINT (4.664226051786613 51.817632261666475)</t>
  </si>
  <si>
    <t>POINT (4.682945818855554 51.80243341627784)</t>
  </si>
  <si>
    <t>POINT (4.672986196191074 51.772233989333145)</t>
  </si>
  <si>
    <t>POINT (4.652856655894982 51.78888940948347)</t>
  </si>
  <si>
    <t>POINT (4.6802983349606055 51.806683368266164)</t>
  </si>
  <si>
    <t>POINT (4.7180214559035605 51.801260480258605)</t>
  </si>
  <si>
    <t>POINT (4.653358344955113 51.80360158770984)</t>
  </si>
  <si>
    <t>POINT (4.666115544548989 51.81689485108828)</t>
  </si>
  <si>
    <t>POINT (4.673202346824368 51.8152494518947)</t>
  </si>
  <si>
    <t>POINT (4.6653916394933175 51.80837416675414)</t>
  </si>
  <si>
    <t>POINT (4.683449599775554 51.803088558302356)</t>
  </si>
  <si>
    <t>POINT (4.7264074980151465 51.799468626036735)</t>
  </si>
  <si>
    <t>POINT (4.651158320124773 51.78811183935907)</t>
  </si>
  <si>
    <t>POINT (4.677010164039187 51.81680927713313)</t>
  </si>
  <si>
    <t>POINT (4.694004557605534 51.817762740425565)</t>
  </si>
  <si>
    <t>POINT (4.667979775607258 51.81496616628686)</t>
  </si>
  <si>
    <t>POINT (4.673135200132034 51.80483485390892)</t>
  </si>
  <si>
    <t>POINT (4.728381312653646 51.792469400233614)</t>
  </si>
  <si>
    <t>POINT (4.685146565933849 51.813088405469145)</t>
  </si>
  <si>
    <t>POINT (4.665693380340243 51.80985947867916)</t>
  </si>
  <si>
    <t>POINT (4.676785671376045 51.78640631114437)</t>
  </si>
  <si>
    <t>POINT (4.664577591064773 51.81236722355104)</t>
  </si>
  <si>
    <t>POINT (4.706009196095959 51.78938082764368)</t>
  </si>
  <si>
    <t>POINT (4.675410686885973 51.7833123351407)</t>
  </si>
  <si>
    <t>POINT (4.737072769993092 51.7907645077595)</t>
  </si>
  <si>
    <t>POINT (4.682038171390489 51.789088130313715)</t>
  </si>
  <si>
    <t>POINT (4.666977399643949 51.81587553342278)</t>
  </si>
  <si>
    <t>POINT (4.72980648440102 51.80188675138005)</t>
  </si>
  <si>
    <t>POINT (4.658805602519739 51.780551615269815)</t>
  </si>
  <si>
    <t>POINT (4.685545288672252 51.781640339639736)</t>
  </si>
  <si>
    <t>POINT (4.6849289343876634 51.78749092323638)</t>
  </si>
  <si>
    <t>POINT (4.659987218861342 51.77245613640858)</t>
  </si>
  <si>
    <t>POINT (4.705720828957657 51.81541184843828)</t>
  </si>
  <si>
    <t>POINT (4.655459442754397 51.79101776047566)</t>
  </si>
  <si>
    <t>POINT (4.6837870378312925 51.78221428971231)</t>
  </si>
  <si>
    <t>POINT (4.718832985058975 51.80220790697568)</t>
  </si>
  <si>
    <t>POINT (4.65129270649125 51.790923471787266)</t>
  </si>
  <si>
    <t>POINT (4.649951061563778 51.79208319420218)</t>
  </si>
  <si>
    <t>POINT (4.671175698013082 51.81830606988519)</t>
  </si>
  <si>
    <t>POINT (4.7025676674313 51.79511731711148)</t>
  </si>
  <si>
    <t>POINT (4.664884571449612 51.787366659323986)</t>
  </si>
  <si>
    <t>POINT (4.698551057827618 51.79594224085374)</t>
  </si>
  <si>
    <t>POINT (4.706336995055613 51.79843117920391)</t>
  </si>
  <si>
    <t>POINT (4.677719152131397 51.790599982025576)</t>
  </si>
  <si>
    <t>POINT (4.6781531617428636 51.781350963497566)</t>
  </si>
  <si>
    <t>POINT (4.667387471689799 51.79415195593735)</t>
  </si>
  <si>
    <t>POINT (4.6677288013233085 51.8107663225002)</t>
  </si>
  <si>
    <t>POINT (4.674966026093873 51.81661616330298)</t>
  </si>
  <si>
    <t>POINT (4.721729521473172 51.79411111762298)</t>
  </si>
  <si>
    <t>POINT (4.714960626365608 51.814630660328135)</t>
  </si>
  <si>
    <t>POINT (4.661886107792279 51.80276064225463)</t>
  </si>
  <si>
    <t>POINT (4.667367827620618 51.813748709414085)</t>
  </si>
  <si>
    <t>POINT (4.6721694803410365 51.819570488143896)</t>
  </si>
  <si>
    <t>POINT (4.664628690707568 51.80076328804408)</t>
  </si>
  <si>
    <t>POINT (4.676590893046966 51.77758183090135)</t>
  </si>
  <si>
    <t>POINT (4.6690126447010885 51.781116675485535)</t>
  </si>
  <si>
    <t>POINT (4.663784446593714 51.78824641822446)</t>
  </si>
  <si>
    <t>POINT (4.67685170609673 51.786433767020156)</t>
  </si>
  <si>
    <t>POINT (4.673953256063557 51.77495556236909)</t>
  </si>
  <si>
    <t>POINT (4.709972401476201 51.79703328784537)</t>
  </si>
  <si>
    <t>POINT (4.675855337680334 51.78527366122509)</t>
  </si>
  <si>
    <t>POINT (4.681083895338343 51.809191164318)</t>
  </si>
  <si>
    <t>POINT (4.7094451005210445 51.80966246396985)</t>
  </si>
  <si>
    <t>POINT (4.706782329414485 51.797921382074435)</t>
  </si>
  <si>
    <t>POINT (4.728982105900134 51.80097491536809)</t>
  </si>
  <si>
    <t>POINT (4.727162451436015 51.79703902925962)</t>
  </si>
  <si>
    <t>POINT (4.659515899837357 51.810743941481114)</t>
  </si>
  <si>
    <t>POINT (4.732075306910934 51.798140608105285)</t>
  </si>
  <si>
    <t>POINT (4.676890398341432 51.77487044880218)</t>
  </si>
  <si>
    <t>POINT (4.679241530691385 51.81629386583969)</t>
  </si>
  <si>
    <t>POINT (4.67638642717778 51.783658770976096)</t>
  </si>
  <si>
    <t>POINT (4.681620265705855 51.785998541204386)</t>
  </si>
  <si>
    <t>POINT (4.67159334597442 51.81193350992067)</t>
  </si>
  <si>
    <t>POINT (4.665851334568995 51.80054627376201)</t>
  </si>
  <si>
    <t>POINT (4.717770001277136 51.80440846092063)</t>
  </si>
  <si>
    <t>POINT (4.656450464846583 51.80453465875035)</t>
  </si>
  <si>
    <t>POINT (4.69531300239392 51.790952264068046)</t>
  </si>
  <si>
    <t>POINT (4.665339698467267 51.81244371554253)</t>
  </si>
  <si>
    <t>POINT (4.692359055690953 51.80404836166554)</t>
  </si>
  <si>
    <t>POINT (4.672835949683951 51.81828340563642)</t>
  </si>
  <si>
    <t>POINT (4.673315825456463 51.79671101769913)</t>
  </si>
  <si>
    <t>POINT (4.675317471591217 51.81019420103815)</t>
  </si>
  <si>
    <t>POINT (4.661443073280178 51.79367512931342)</t>
  </si>
  <si>
    <t>POINT (4.727488033968974 51.80533613536829)</t>
  </si>
  <si>
    <t>POINT (4.683091429529032 51.78677741523529)</t>
  </si>
  <si>
    <t>POINT (4.651608032240267 51.78174983758888)</t>
  </si>
  <si>
    <t>POINT (4.663945783949159 51.79974913777164)</t>
  </si>
  <si>
    <t>POINT (4.673438664316115 51.80506803294532)</t>
  </si>
  <si>
    <t>POINT (4.691002572214296 51.808417737807424)</t>
  </si>
  <si>
    <t>POINT (4.669671008069956 51.80247462268241)</t>
  </si>
  <si>
    <t>POINT (4.628344366067524 51.721565645542206)</t>
  </si>
  <si>
    <t>POINT (4.732913946473585 51.80169687837911)</t>
  </si>
  <si>
    <t>POINT (4.66634676245007 51.812861955962305)</t>
  </si>
  <si>
    <t>POINT (4.64415659825355 51.768239496170274)</t>
  </si>
  <si>
    <t>POINT (4.662572288358648 51.812763681406025)</t>
  </si>
  <si>
    <t>POINT (4.717393866261303 51.799367080677776)</t>
  </si>
  <si>
    <t>POINT (4.664181039088767 51.801545198241904)</t>
  </si>
  <si>
    <t>POINT (4.661760751523923 51.79085811084537)</t>
  </si>
  <si>
    <t>POINT (4.661674486578441 51.816636857563374)</t>
  </si>
  <si>
    <t>POINT (4.674312857300379 51.81793063717423)</t>
  </si>
  <si>
    <t>POINT (4.718255916266837 51.807470552687164)</t>
  </si>
  <si>
    <t>POINT (4.683063259107087 51.77476191048439)</t>
  </si>
  <si>
    <t>POINT (4.653510449660048 51.7900516242253)</t>
  </si>
  <si>
    <t>POINT (4.6601922743524655 51.79636795947646)</t>
  </si>
  <si>
    <t>POINT (4.670294708937798 51.78971071671088)</t>
  </si>
  <si>
    <t>POINT (4.683851591183767 51.81125540413117)</t>
  </si>
  <si>
    <t>POINT (4.641946732631991 51.78363851516293)</t>
  </si>
  <si>
    <t>POINT (4.654218825460674 51.791035183863414)</t>
  </si>
  <si>
    <t>POINT (4.704373476671191 51.797107225817946)</t>
  </si>
  <si>
    <t>POINT (4.666552441430152 51.8092774819791)</t>
  </si>
  <si>
    <t>POINT (4.717125275347373 51.80355496738342)</t>
  </si>
  <si>
    <t>POINT (4.665678576612731 51.77862358062969)</t>
  </si>
  <si>
    <t>POINT (4.671676028412733 51.80919440044715)</t>
  </si>
  <si>
    <t>POINT (4.672269039180955 51.819028044377234)</t>
  </si>
  <si>
    <t>POINT (4.726438613085007 51.79951194675684)</t>
  </si>
  <si>
    <t>POINT (4.710429338136039 51.806228548700965)</t>
  </si>
  <si>
    <t>POINT (4.719277604523101 51.81524069378785)</t>
  </si>
  <si>
    <t>POINT (4.716454962496088 51.814175387976135)</t>
  </si>
  <si>
    <t>POINT (4.684074255151501 51.8027851871719)</t>
  </si>
  <si>
    <t>POINT (4.659116896830463 51.784572753401406)</t>
  </si>
  <si>
    <t>POINT (4.66510599236258 51.81458201466761)</t>
  </si>
  <si>
    <t>POINT (4.7289296254474635 51.804584475923015)</t>
  </si>
  <si>
    <t>POINT (4.667292168723669 51.79480998194975)</t>
  </si>
  <si>
    <t>POINT (4.703125768913499 51.799176185977394)</t>
  </si>
  <si>
    <t>POINT (4.669941157132405 51.81295712987579)</t>
  </si>
  <si>
    <t>POINT (4.7011084481404755 51.796483132982864)</t>
  </si>
  <si>
    <t>POINT (4.724171984543944 51.792527456303475)</t>
  </si>
  <si>
    <t>POINT (4.715752078497438 51.813299956212916)</t>
  </si>
  <si>
    <t>POINT (4.693128497605249 51.81635287023467)</t>
  </si>
  <si>
    <t>POINT (4.696364384064872 51.795650323082825)</t>
  </si>
  <si>
    <t>POINT (4.6747181860847276 51.77702816314488)</t>
  </si>
  <si>
    <t>POINT (4.675997310652792 51.811013425078016)</t>
  </si>
  <si>
    <t>POINT (4.676907716874722 51.78994644773771)</t>
  </si>
  <si>
    <t>POINT (4.714707784193922 51.81461550407347)</t>
  </si>
  <si>
    <t>POINT (4.668728303783896 51.789795128473415)</t>
  </si>
  <si>
    <t>POINT (4.67711592224 51.81694918744304)</t>
  </si>
  <si>
    <t>POINT (4.65585982994824 51.784703735673844)</t>
  </si>
  <si>
    <t>POINT (4.716014968013086 51.80017704222516)</t>
  </si>
  <si>
    <t>POINT (4.701923073649245 51.79524168725052)</t>
  </si>
  <si>
    <t>POINT (4.6621307427406125 51.79820937135958)</t>
  </si>
  <si>
    <t>POINT (4.663723081616708 51.78791271158665)</t>
  </si>
  <si>
    <t>POINT (4.669898337966141 51.799863522555775)</t>
  </si>
  <si>
    <t>POINT (4.6628850585308825 51.80832117567848)</t>
  </si>
  <si>
    <t>3315MH</t>
  </si>
  <si>
    <t>POINT (4.711741379392481 51.80671064622977)</t>
  </si>
  <si>
    <t>POINT (4.664658654135397 51.80364942658566)</t>
  </si>
  <si>
    <t>POINT (4.660755541055942 51.80324033184951)</t>
  </si>
  <si>
    <t>POINT (4.66345617092652 51.79064796407972)</t>
  </si>
  <si>
    <t>POINT (4.680991281785659 51.80490706433983)</t>
  </si>
  <si>
    <t>POINT (4.683975016059166 51.810743834843606)</t>
  </si>
  <si>
    <t>POINT (4.6639235231689735 51.81077305139662)</t>
  </si>
  <si>
    <t>POINT (4.676789274195205 51.80783079376744)</t>
  </si>
  <si>
    <t>POINT (4.67688870627996 51.804832494679125)</t>
  </si>
  <si>
    <t>POINT (4.686627287734331 51.80861379001866)</t>
  </si>
  <si>
    <t>POINT (4.681558501430678 51.819139805179304)</t>
  </si>
  <si>
    <t>POINT (4.68551551499382 51.816043791485036)</t>
  </si>
  <si>
    <t>POINT (4.693353736215541 51.79667609666401)</t>
  </si>
  <si>
    <t>POINT (4.7387520776242775 51.81626909690544)</t>
  </si>
  <si>
    <t>POINT (4.662738117151798 51.79295468031679)</t>
  </si>
  <si>
    <t>POINT (4.67081625601281 51.81112875850829)</t>
  </si>
  <si>
    <t>POINT (4.6726253532833395 51.78352910645177)</t>
  </si>
  <si>
    <t>POINT (4.683890612614862 51.78944354465007)</t>
  </si>
  <si>
    <t>POINT (4.685678835602937 51.77773596334118)</t>
  </si>
  <si>
    <t>POINT (4.666862773941771 51.81585975590198)</t>
  </si>
  <si>
    <t>POINT (4.676384311389989 51.783702002790626)</t>
  </si>
  <si>
    <t>POINT (4.655434571719912 51.783789933203224)</t>
  </si>
  <si>
    <t>POINT (4.6758988058749225 51.7853800903379)</t>
  </si>
  <si>
    <t>POINT (4.668102751286361 51.803679294560396)</t>
  </si>
  <si>
    <t>POINT (4.698273663668641 51.799589103453066)</t>
  </si>
  <si>
    <t>POINT (4.722227931554865 51.79424003647363)</t>
  </si>
  <si>
    <t>POINT (4.697570489462429 51.796007455657254)</t>
  </si>
  <si>
    <t>POINT (4.691255297136598 51.783968270666776)</t>
  </si>
  <si>
    <t>POINT (4.675889147926321 51.787334039825375)</t>
  </si>
  <si>
    <t>POINT (4.6649250072363815 51.81379589269924)</t>
  </si>
  <si>
    <t>POINT (4.728761307960266 51.80327335683221)</t>
  </si>
  <si>
    <t>POINT (4.700598147497997 51.8166131021393)</t>
  </si>
  <si>
    <t>POINT (4.681881717636453 51.775143473481336)</t>
  </si>
  <si>
    <t>POINT (4.667659005000387 51.775393957997444)</t>
  </si>
  <si>
    <t>POINT (4.693570310268416 51.79570084783957)</t>
  </si>
  <si>
    <t>POINT (4.652291061539389 51.78556142651536)</t>
  </si>
  <si>
    <t>POINT (4.707028117165765 51.80674137055847)</t>
  </si>
  <si>
    <t>POINT (4.685478594619415 51.77940847898415)</t>
  </si>
  <si>
    <t>POINT (4.681719916907167 51.77732333050571)</t>
  </si>
  <si>
    <t>POINT (4.65633274159474 51.80149579984428)</t>
  </si>
  <si>
    <t>POINT (4.666760913063663 51.80010413567646)</t>
  </si>
  <si>
    <t>POINT (4.658266918432685 51.80460225341846)</t>
  </si>
  <si>
    <t>POINT (4.694626502999698 51.81822210082994)</t>
  </si>
  <si>
    <t>POINT (4.717901417712977 51.815413560943895)</t>
  </si>
  <si>
    <t>POINT (4.668591819394738 51.8093977538606)</t>
  </si>
  <si>
    <t>POINT (4.655264508248252 51.79189546046003)</t>
  </si>
  <si>
    <t>POINT (4.668296336976985 51.791925419566525)</t>
  </si>
  <si>
    <t>POINT (4.699044751847544 51.78982164085664)</t>
  </si>
  <si>
    <t>POINT (4.719407691806338 51.81210578509811)</t>
  </si>
  <si>
    <t>POINT (4.676828758188932 51.7804632167332)</t>
  </si>
  <si>
    <t>POINT (4.698268335048435 51.792557389019)</t>
  </si>
  <si>
    <t>POINT (4.717474164301249 51.80330296707259)</t>
  </si>
  <si>
    <t>POINT (4.6730482836729825 51.81156821960366)</t>
  </si>
  <si>
    <t>POINT (4.629118212481104 51.725081176070795)</t>
  </si>
  <si>
    <t>POINT (4.714540928351196 51.8090326115594)</t>
  </si>
  <si>
    <t>POINT (4.656305741223767 51.78490192067541)</t>
  </si>
  <si>
    <t>POINT (4.678987788838148 51.78084406337819)</t>
  </si>
  <si>
    <t>POINT (4.6820395548298945 51.78003099530846)</t>
  </si>
  <si>
    <t>POINT (4.733924336834722 51.80360634585023)</t>
  </si>
  <si>
    <t>POINT (4.6717341269349255 51.78540332847372)</t>
  </si>
  <si>
    <t>POINT (4.679720356080652 51.785523128432104)</t>
  </si>
  <si>
    <t>POINT (4.6572748746042985 51.79922568117159)</t>
  </si>
  <si>
    <t>POINT (4.68037296817848 51.80278413516634)</t>
  </si>
  <si>
    <t>POINT (4.687821275139106 51.80974156497313)</t>
  </si>
  <si>
    <t>POINT (4.677741799994985 51.814785158226776)</t>
  </si>
  <si>
    <t>POINT (4.670207281379339 51.77046168933637)</t>
  </si>
  <si>
    <t>POINT (4.667949831729451 51.814832285223915)</t>
  </si>
  <si>
    <t>POINT (4.7113662594648185 51.81545100232148)</t>
  </si>
  <si>
    <t>POINT (4.720777042998701 51.79801230476993)</t>
  </si>
  <si>
    <t>POINT (4.663956186146286 51.799757723176114)</t>
  </si>
  <si>
    <t>POINT (4.659934882831331 51.792416521391)</t>
  </si>
  <si>
    <t>POINT (4.695135985855045 51.79797668621439)</t>
  </si>
  <si>
    <t>POINT (4.667626212595531 51.80806808252417)</t>
  </si>
  <si>
    <t>POINT (4.683371312671152 51.78133655760228)</t>
  </si>
  <si>
    <t>POINT (4.6659426803832975 51.78468261637095)</t>
  </si>
  <si>
    <t>POINT (4.671762228900938 51.800010829789336)</t>
  </si>
  <si>
    <t>POINT (4.67872858572298 51.80841453072965)</t>
  </si>
  <si>
    <t>POINT (4.661437103422607 51.78363947003007)</t>
  </si>
  <si>
    <t>POINT (4.6738634895853055 51.81753212674688)</t>
  </si>
  <si>
    <t>POINT (4.719389948154361 51.79328157292515)</t>
  </si>
  <si>
    <t>POINT (4.682557527697612 51.80387662575717)</t>
  </si>
  <si>
    <t>POINT (4.663682851681715 51.811645582280676)</t>
  </si>
  <si>
    <t>POINT (4.669765822914521 51.80819387463327)</t>
  </si>
  <si>
    <t>POINT (4.7279768161957065 51.801458523279095)</t>
  </si>
  <si>
    <t>POINT (4.736225573894764 51.80212078421175)</t>
  </si>
  <si>
    <t>POINT (4.685667013723131 51.781367658602946)</t>
  </si>
  <si>
    <t>POINT (4.7210757604574605 51.7992135452266)</t>
  </si>
  <si>
    <t>POINT (4.680784686281321 51.8115680079021)</t>
  </si>
  <si>
    <t>POINT (4.728031049303096 51.771963355849266)</t>
  </si>
  <si>
    <t>POINT (4.657107876554055 51.80270149768205)</t>
  </si>
  <si>
    <t>POINT (4.668023462670053 51.81726677034514)</t>
  </si>
  <si>
    <t>POINT (4.708176318267358 51.810737901509555)</t>
  </si>
  <si>
    <t>POINT (4.731320983142195 51.79719601110574)</t>
  </si>
  <si>
    <t>POINT (4.698162846279141 51.79634907182157)</t>
  </si>
  <si>
    <t>POINT (4.654978204567049 51.794098190574665)</t>
  </si>
  <si>
    <t>POINT (4.673222119907969 51.79675487857519)</t>
  </si>
  <si>
    <t>POINT (4.72856043511948 51.80088816376813)</t>
  </si>
  <si>
    <t>POINT (4.678983096942187 51.77945875031411)</t>
  </si>
  <si>
    <t>POINT (4.674676664591492 51.815297225447544)</t>
  </si>
  <si>
    <t>POINT (4.728458178025278 51.794787527732204)</t>
  </si>
  <si>
    <t>POINT (4.664937668220342 51.817957125452864)</t>
  </si>
  <si>
    <t>POINT (4.681536023792185 51.810828734101165)</t>
  </si>
  <si>
    <t>POINT (4.688472249432681 51.809222347652124)</t>
  </si>
  <si>
    <t>POINT (4.701677376862172 51.78912720088094)</t>
  </si>
  <si>
    <t>POINT (4.641652884421158 51.775989491584845)</t>
  </si>
  <si>
    <t>POINT (4.673852567957 51.77794417230787)</t>
  </si>
  <si>
    <t>POINT (4.674920872418734 51.80407103572914)</t>
  </si>
  <si>
    <t>POINT (4.678989408995519 51.78928296699209)</t>
  </si>
  <si>
    <t>POINT (4.65451518967432 51.791772374674025)</t>
  </si>
  <si>
    <t>POINT (4.683161605783995 51.81926271679645)</t>
  </si>
  <si>
    <t>POINT (4.674601738300287 51.81817845628581)</t>
  </si>
  <si>
    <t>POINT (4.69828529891538 51.80045324316222)</t>
  </si>
  <si>
    <t>POINT (4.669078437614587 51.79550698256938)</t>
  </si>
  <si>
    <t>POINT (4.658596289153163 51.813643054852676)</t>
  </si>
  <si>
    <t>Nieuwe Noordpolderweg</t>
  </si>
  <si>
    <t>POINT (4.699253559389739 51.808736356228735)</t>
  </si>
  <si>
    <t>POINT (4.70854099679155 51.818698329466685)</t>
  </si>
  <si>
    <t>POINT (4.662016770020486 51.80194917766608)</t>
  </si>
  <si>
    <t>POINT (4.727942563489069 51.79657910685301)</t>
  </si>
  <si>
    <t>POINT (4.671037141169543 51.80581254816062)</t>
  </si>
  <si>
    <t>POINT (4.687970314393469 51.810424261205064)</t>
  </si>
  <si>
    <t>POINT (4.698880432124222 51.800489814289826)</t>
  </si>
  <si>
    <t>POINT (4.702195541681325 51.81649636187362)</t>
  </si>
  <si>
    <t>POINT (4.669825837642877 51.80543147137756)</t>
  </si>
  <si>
    <t>POINT (4.697356704541542 51.7928332426567)</t>
  </si>
  <si>
    <t>POINT (4.655532666850965 51.790488054059416)</t>
  </si>
  <si>
    <t>POINT (4.659868252562891 51.78838931133526)</t>
  </si>
  <si>
    <t>POINT (4.715000027952573 51.81382249296897)</t>
  </si>
  <si>
    <t>POINT (4.7196262106029705 51.79449825554335)</t>
  </si>
  <si>
    <t>POINT (4.71491748781033 51.81495117270201)</t>
  </si>
  <si>
    <t>POINT (4.639451207279719 51.777363417514906)</t>
  </si>
  <si>
    <t>POINT (4.668242185722882 51.813438449982904)</t>
  </si>
  <si>
    <t>POINT (4.695165266309249 51.795700702715884)</t>
  </si>
  <si>
    <t>POINT (4.630074572766373 51.72623464373043)</t>
  </si>
  <si>
    <t>POINT (4.685004113313989 51.788043188878014)</t>
  </si>
  <si>
    <t>POINT (4.702225704780806 51.79028178089119)</t>
  </si>
  <si>
    <t>POINT (4.652433519850194 51.782177364663085)</t>
  </si>
  <si>
    <t>POINT (4.662224658923367 51.79966220145285)</t>
  </si>
  <si>
    <t>POINT (4.716872071626965 51.79542599208454)</t>
  </si>
  <si>
    <t>POINT (4.6649668611312665 51.79572479782814)</t>
  </si>
  <si>
    <t>POINT (4.718876845668006 51.80228305919696)</t>
  </si>
  <si>
    <t>POINT (4.709701450117285 51.80992380600471)</t>
  </si>
  <si>
    <t>POINT (4.65937771005986 51.79812769655613)</t>
  </si>
  <si>
    <t>POINT (4.73309503025215 51.80127501761791)</t>
  </si>
  <si>
    <t>POINT (4.707845685605684 51.80207988128534)</t>
  </si>
  <si>
    <t>POINT (4.660244717952454 51.80699446813835)</t>
  </si>
  <si>
    <t>POINT (4.7309461588204185 51.79365727025466)</t>
  </si>
  <si>
    <t>POINT (4.660288790860276 51.81360953321378)</t>
  </si>
  <si>
    <t>POINT (4.652257959466665 51.80151958688216)</t>
  </si>
  <si>
    <t>POINT (4.661192337429203 51.80597080652024)</t>
  </si>
  <si>
    <t>POINT (4.661080520153176 51.771040849351415)</t>
  </si>
  <si>
    <t>POINT (4.715419773970359 51.80128765336396)</t>
  </si>
  <si>
    <t>POINT (4.694677268073179 51.794625573375356)</t>
  </si>
  <si>
    <t>POINT (4.685517596221291 51.785034502128774)</t>
  </si>
  <si>
    <t>POINT (4.716555555522323 51.79974464223526)</t>
  </si>
  <si>
    <t>POINT (4.733453322884796 51.802939381619176)</t>
  </si>
  <si>
    <t>POINT (4.663775070480533 51.79488282739718)</t>
  </si>
  <si>
    <t>POINT (4.704836664053851 51.79841825636505)</t>
  </si>
  <si>
    <t>POINT (4.671899458002022 51.817949893899204)</t>
  </si>
  <si>
    <t>POINT (4.709867707788729 51.79212302266032)</t>
  </si>
  <si>
    <t>POINT (4.725619381990342 51.798662973008234)</t>
  </si>
  <si>
    <t>POINT (4.667614052157786 51.818496616672995)</t>
  </si>
  <si>
    <t>POINT (4.664722967737792 51.79767822977505)</t>
  </si>
  <si>
    <t>POINT (4.699218416273586 51.79072329766635)</t>
  </si>
  <si>
    <t>POINT (4.67201754275241 51.77642653447888)</t>
  </si>
  <si>
    <t>POINT (4.683587478743187 51.80122282391255)</t>
  </si>
  <si>
    <t>POINT (4.6824547648053985 51.807383235700094)</t>
  </si>
  <si>
    <t>POINT (4.63618282197098 51.77594409314747)</t>
  </si>
  <si>
    <t>POINT (4.6636666857460645 51.814544251079504)</t>
  </si>
  <si>
    <t>POINT (4.67330753598453 51.81611668942547)</t>
  </si>
  <si>
    <t>POINT (4.663070764638413 51.802746530364885)</t>
  </si>
  <si>
    <t>POINT (4.719758361714075 51.80216991211768)</t>
  </si>
  <si>
    <t>POINT (4.680180238079975 51.808667616205724)</t>
  </si>
  <si>
    <t>POINT (4.680429037070317 51.78811325884219)</t>
  </si>
  <si>
    <t>POINT (4.6592448907930235 51.81307070762222)</t>
  </si>
  <si>
    <t>POINT (4.666500903366241 51.79255480325491)</t>
  </si>
  <si>
    <t>POINT (4.688375167985152 51.808422308783896)</t>
  </si>
  <si>
    <t>POINT (4.68315461804898 51.79816925433794)</t>
  </si>
  <si>
    <t>POINT (4.650018027745383 51.79375981225799)</t>
  </si>
  <si>
    <t>POINT (4.687470181861046 51.79616654293487)</t>
  </si>
  <si>
    <t>POINT (4.671995892243974 51.812603031444304)</t>
  </si>
  <si>
    <t>POINT (4.692205396321017 51.78395856905387)</t>
  </si>
  <si>
    <t>POINT (4.661127610041014 51.79954185439886)</t>
  </si>
  <si>
    <t>POINT (4.7181483395185895 51.802997468875205)</t>
  </si>
  <si>
    <t>POINT (4.71824551652695 51.801221965166704)</t>
  </si>
  <si>
    <t>POINT (4.721398395049665 51.81125518502157)</t>
  </si>
  <si>
    <t>POINT (4.675779202379239 51.80542419425192)</t>
  </si>
  <si>
    <t>POINT (4.67787932967956 51.808314291091726)</t>
  </si>
  <si>
    <t>POINT (4.725877671471726 51.7970924588674)</t>
  </si>
  <si>
    <t>POINT (4.658317828474175 51.798064155417755)</t>
  </si>
  <si>
    <t>POINT (4.6567232687309925 51.80094171453406)</t>
  </si>
  <si>
    <t>POINT (4.671689141277549 51.80617857181977)</t>
  </si>
  <si>
    <t>POINT (4.673239971611152 51.8129606887532)</t>
  </si>
  <si>
    <t>POINT (4.684988149681562 51.78865818025747)</t>
  </si>
  <si>
    <t>POINT (4.673036771506302 51.80784924670632)</t>
  </si>
  <si>
    <t>POINT (4.673870492439241 51.81664322606638)</t>
  </si>
  <si>
    <t>POINT (4.6712356790185785 51.81850919320037)</t>
  </si>
  <si>
    <t>POINT (4.660759822365202 51.8098591439849)</t>
  </si>
  <si>
    <t>POINT (4.651019841921896 51.792604752517654)</t>
  </si>
  <si>
    <t>POINT (4.693571180611048 51.77835087128706)</t>
  </si>
  <si>
    <t>POINT (4.672403768200957 51.81742728224278)</t>
  </si>
  <si>
    <t>POINT (4.664684980005962 51.81309368471371)</t>
  </si>
  <si>
    <t>POINT (4.7106896502518385 51.79944944198843)</t>
  </si>
  <si>
    <t>POINT (4.694089903503118 51.81819146375471)</t>
  </si>
  <si>
    <t>POINT (4.710064810912869 51.80405703497422)</t>
  </si>
  <si>
    <t>POINT (4.686050940607313 51.81572083808563)</t>
  </si>
  <si>
    <t>POINT (4.658338356529818 51.79280600839493)</t>
  </si>
  <si>
    <t>POINT (4.704777211456568 51.79465823128292)</t>
  </si>
  <si>
    <t>POINT (4.684361871474851 51.78506766366461)</t>
  </si>
  <si>
    <t>POINT (4.720939037976334 51.81304297007385)</t>
  </si>
  <si>
    <t>POINT (4.6968608432382375 51.791744835578186)</t>
  </si>
  <si>
    <t>POINT (4.663026559543754 51.78641827479904)</t>
  </si>
  <si>
    <t>POINT (4.659283777494235 51.78943408409129)</t>
  </si>
  <si>
    <t>POINT (4.674321642904343 51.77288232655445)</t>
  </si>
  <si>
    <t>POINT (4.6847550039976475 51.81121521585202)</t>
  </si>
  <si>
    <t>POINT (4.665014497542295 51.817081472158875)</t>
  </si>
  <si>
    <t>POINT (4.712491421052927 51.80751862715098)</t>
  </si>
  <si>
    <t>POINT (4.676882036547904 51.78656016996479)</t>
  </si>
  <si>
    <t>POINT (4.717105587788507 51.813248942777406)</t>
  </si>
  <si>
    <t>POINT (4.65957806777085 51.791380086335124)</t>
  </si>
  <si>
    <t>POINT (4.665127271949481 51.79009244104451)</t>
  </si>
  <si>
    <t>POINT (4.6959927641638695 51.791339530342654)</t>
  </si>
  <si>
    <t>POINT (4.683682473712285 51.8047646704267)</t>
  </si>
  <si>
    <t>POINT (4.713331586051799 51.80958665436439)</t>
  </si>
  <si>
    <t>POINT (4.710408459472015 51.816406089562726)</t>
  </si>
  <si>
    <t>POINT (4.685916989679005 51.791698280873554)</t>
  </si>
  <si>
    <t>POINT (4.707387757359637 51.79260890656397)</t>
  </si>
  <si>
    <t>POINT (4.730286617829414 51.796697341001256)</t>
  </si>
  <si>
    <t>POINT (4.6625275160736415 51.80971804807437)</t>
  </si>
  <si>
    <t>POINT (4.662487796646376 51.78517736399666)</t>
  </si>
  <si>
    <t>POINT (4.730120536566424 51.79600619101347)</t>
  </si>
  <si>
    <t>POINT (4.664025873747271 51.81503671653979)</t>
  </si>
  <si>
    <t>POINT (4.655464287035955 51.81116339060422)</t>
  </si>
  <si>
    <t>POINT (4.685648504286591 51.813563132142534)</t>
  </si>
  <si>
    <t>POINT (4.6736334460023 51.81765974261994)</t>
  </si>
  <si>
    <t>POINT (4.7130617108507815 51.79567482603429)</t>
  </si>
  <si>
    <t>POINT (4.681615675120326 51.809979271573035)</t>
  </si>
  <si>
    <t>POINT (4.685823268509504 51.777179015461236)</t>
  </si>
  <si>
    <t>POINT (4.6852790445594446 51.78460480870614)</t>
  </si>
  <si>
    <t>POINT (4.6982874802557655 51.792119069926954)</t>
  </si>
  <si>
    <t>POINT (4.692360177328898 51.81117704244596)</t>
  </si>
  <si>
    <t>POINT (4.678018623181375 51.787870075058116)</t>
  </si>
  <si>
    <t>POINT (4.66361851061429 51.78758085973384)</t>
  </si>
  <si>
    <t>POINT (4.707997808209151 51.794017619915365)</t>
  </si>
  <si>
    <t>POINT (4.697795552899797 51.79995281697958)</t>
  </si>
  <si>
    <t>POINT (4.725318554889321 51.79645445585521)</t>
  </si>
  <si>
    <t>POINT (4.718612427197575 51.81480146984248)</t>
  </si>
  <si>
    <t>POINT (4.712741866601197 51.81630261636695)</t>
  </si>
  <si>
    <t>POINT (4.647764562070482 51.7749038721723)</t>
  </si>
  <si>
    <t>POINT (4.662183976542629 51.805239397914)</t>
  </si>
  <si>
    <t>POINT (4.71160099874425 51.81005388392541)</t>
  </si>
  <si>
    <t>POINT (4.636817605933834 51.76788404661502)</t>
  </si>
  <si>
    <t>POINT (4.6679160791966385 51.81624330916451)</t>
  </si>
  <si>
    <t>POINT (4.717221942534759 51.81436014402605)</t>
  </si>
  <si>
    <t>POINT (4.6848631477261895 51.77527176439058)</t>
  </si>
  <si>
    <t>POINT (4.699975968527735 51.78991287863168)</t>
  </si>
  <si>
    <t>POINT (4.679052861295843 51.80719019942848)</t>
  </si>
  <si>
    <t>POINT (4.734094544606442 51.799725389481274)</t>
  </si>
  <si>
    <t>POINT (4.723023152191437 51.80564035480848)</t>
  </si>
  <si>
    <t>POINT (4.667514060361564 51.79571228029824)</t>
  </si>
  <si>
    <t>POINT (4.6698122031484255 51.772346697287105)</t>
  </si>
  <si>
    <t>POINT (4.678077372034569 51.78775264235891)</t>
  </si>
  <si>
    <t>POINT (4.6862434507482575 51.81559870861573)</t>
  </si>
  <si>
    <t>POINT (4.723818374806815 51.802435441124096)</t>
  </si>
  <si>
    <t>POINT (4.727333613047365 51.803067056277456)</t>
  </si>
  <si>
    <t>POINT (4.676652979473504 51.78385817328171)</t>
  </si>
  <si>
    <t>POINT (4.674002372242153 51.811502957531204)</t>
  </si>
  <si>
    <t>POINT (4.726175632266715 51.79619768228652)</t>
  </si>
  <si>
    <t>POINT (4.664554164870356 51.8133628092777)</t>
  </si>
  <si>
    <t>POINT (4.722062236327042 51.800303298256566)</t>
  </si>
  <si>
    <t>POINT (4.71789795420812 51.803125899888094)</t>
  </si>
  <si>
    <t>POINT (4.67758125283663 51.77573597372079)</t>
  </si>
  <si>
    <t>POINT (4.653809395651466 51.78578459103697)</t>
  </si>
  <si>
    <t>POINT (4.7230407029834875 51.806039630631304)</t>
  </si>
  <si>
    <t>POINT (4.676917402811757 51.814924035179295)</t>
  </si>
  <si>
    <t>POINT (4.726514366464137 51.79518957194379)</t>
  </si>
  <si>
    <t>POINT (4.707230023098923 51.79617062236185)</t>
  </si>
  <si>
    <t>POINT (4.6857239407435465 51.810359861832886)</t>
  </si>
  <si>
    <t>POINT (4.715559280163993 51.80672940595251)</t>
  </si>
  <si>
    <t>POINT (4.631883908213372 51.72174452277867)</t>
  </si>
  <si>
    <t>POINT (4.668320494251996 51.791882152187256)</t>
  </si>
  <si>
    <t>POINT (4.663310502899591 51.816960314465646)</t>
  </si>
  <si>
    <t>POINT (4.720925015991658 51.800484421088356)</t>
  </si>
  <si>
    <t>POINT (4.671634277439719 51.80592615869418)</t>
  </si>
  <si>
    <t>POINT (4.668107163380987 51.81673387743777)</t>
  </si>
  <si>
    <t>POINT (4.6791189152974315 51.78927471512763)</t>
  </si>
  <si>
    <t>POINT (4.697018399600403 51.7998372200254)</t>
  </si>
  <si>
    <t>POINT (4.68617292346299 51.80749289535876)</t>
  </si>
  <si>
    <t>POINT (4.6775449103605204 51.80727465254081)</t>
  </si>
  <si>
    <t>POINT (4.696137566546116 51.7902524659319)</t>
  </si>
  <si>
    <t>POINT (4.635498108423292 51.774376986540325)</t>
  </si>
  <si>
    <t>POINT (4.685294205202561 51.792222830290896)</t>
  </si>
  <si>
    <t>POINT (4.654053678309413 51.80135564046626)</t>
  </si>
  <si>
    <t>POINT (4.660061401424279 51.800081674306035)</t>
  </si>
  <si>
    <t>POINT (4.678217156026663 51.77243033888169)</t>
  </si>
  <si>
    <t>POINT (4.678824656379862 51.77386551559104)</t>
  </si>
  <si>
    <t>POINT (4.662142884402403 51.81256086914821)</t>
  </si>
  <si>
    <t>POINT (4.720119832418905 51.813902834118764)</t>
  </si>
  <si>
    <t>POINT (4.697442315576048 51.817653396717745)</t>
  </si>
  <si>
    <t>POINT (4.699841413921674 51.79964698996949)</t>
  </si>
  <si>
    <t>POINT (4.698842746772063 51.797095131367506)</t>
  </si>
  <si>
    <t>POINT (4.708372811409313 51.78830645028513)</t>
  </si>
  <si>
    <t>POINT (4.673993151215261 51.774935086001754)</t>
  </si>
  <si>
    <t>POINT (4.678417668411373 51.77559706824351)</t>
  </si>
  <si>
    <t>POINT (4.66367007202976 51.7879058049098)</t>
  </si>
  <si>
    <t>POINT (4.675632857877094 51.814890294341026)</t>
  </si>
  <si>
    <t>POINT (4.669886818204378 51.78993134978036)</t>
  </si>
  <si>
    <t>POINT (4.733454152518956 51.80264010066962)</t>
  </si>
  <si>
    <t>POINT (4.6622200825980125 51.793248197205756)</t>
  </si>
  <si>
    <t>POINT (4.713464941727976 51.80476294440151)</t>
  </si>
  <si>
    <t>POINT (4.660457587000327 51.80992964049995)</t>
  </si>
  <si>
    <t>POINT (4.663862508566375 51.79773419490748)</t>
  </si>
  <si>
    <t>POINT (4.657027075315684 51.79103195066587)</t>
  </si>
  <si>
    <t>POINT (4.659145641663132 51.80630642803601)</t>
  </si>
  <si>
    <t>POINT (4.714315873725253 51.80709918532478)</t>
  </si>
  <si>
    <t>POINT (4.722142972258845 51.794254700774765)</t>
  </si>
  <si>
    <t>POINT (4.670104699544618 51.797538313306084)</t>
  </si>
  <si>
    <t>POINT (4.66323578049274 51.81058634020079)</t>
  </si>
  <si>
    <t>POINT (4.6661124511644685 51.78887412273887)</t>
  </si>
  <si>
    <t>POINT (4.684018223067364 51.81169267657311)</t>
  </si>
  <si>
    <t>POINT (4.659963941424679 51.802016893815946)</t>
  </si>
  <si>
    <t>POINT (4.669421246607728 51.816024922455526)</t>
  </si>
  <si>
    <t>POINT (4.698734841344517 51.79396970415016)</t>
  </si>
  <si>
    <t>POINT (4.682254994580598 51.79880729812724)</t>
  </si>
  <si>
    <t>POINT (4.663748438406085 51.79469227353294)</t>
  </si>
  <si>
    <t>POINT (4.6852946183045585 51.78134337249692)</t>
  </si>
  <si>
    <t>POINT (4.683586665221659 51.81842612973918)</t>
  </si>
  <si>
    <t>POINT (4.655080372834328 51.798072635977164)</t>
  </si>
  <si>
    <t>POINT (4.69823764358494 51.7919606934612)</t>
  </si>
  <si>
    <t>POINT (4.7132632943643635 51.80296937788087)</t>
  </si>
  <si>
    <t>POINT (4.699211327424627 51.79893625759512)</t>
  </si>
  <si>
    <t>POINT (4.6834615886091004 51.80337019143092)</t>
  </si>
  <si>
    <t>POINT (4.656831718262219 51.80309100303138)</t>
  </si>
  <si>
    <t>POINT (4.672495293899212 51.78353755445684)</t>
  </si>
  <si>
    <t>POINT (4.7268995954039275 51.799071123168524)</t>
  </si>
  <si>
    <t>POINT (4.713694267808174 51.81576368012107)</t>
  </si>
  <si>
    <t>POINT (4.666837938581603 51.811890248778354)</t>
  </si>
  <si>
    <t>POINT (4.6822615834816075 51.78533785388999)</t>
  </si>
  <si>
    <t>POINT (4.675171283282806 51.817006797829976)</t>
  </si>
  <si>
    <t>POINT (4.6841363515791 51.80931482160419)</t>
  </si>
  <si>
    <t>POINT (4.680798836826766 51.777909611816646)</t>
  </si>
  <si>
    <t>POINT (4.65996904949681 51.804562874088234)</t>
  </si>
  <si>
    <t>POINT (4.632178889220102 51.76994398682459)</t>
  </si>
  <si>
    <t>POINT (4.659990782038775 51.80018419315877)</t>
  </si>
  <si>
    <t>POINT (4.68018545756802 51.78748944092625)</t>
  </si>
  <si>
    <t>POINT (4.665455506753238 51.798874055015325)</t>
  </si>
  <si>
    <t>POINT (4.674327598320693 51.80761592951471)</t>
  </si>
  <si>
    <t>POINT (4.674336019305741 51.77786272566046)</t>
  </si>
  <si>
    <t>POINT (4.682662881382279 51.79805636197031)</t>
  </si>
  <si>
    <t>POINT (4.68180642358378 51.81095980560274)</t>
  </si>
  <si>
    <t>POINT (4.672338240905719 51.81641397700272)</t>
  </si>
  <si>
    <t>POINT (4.725081383248549 51.798943637793386)</t>
  </si>
  <si>
    <t>POINT (4.724518829635412 51.79720766654981)</t>
  </si>
  <si>
    <t>POINT (4.6738646885470905 51.807379635468614)</t>
  </si>
  <si>
    <t>POINT (4.661607628606455 51.77224948179243)</t>
  </si>
  <si>
    <t>POINT (4.666361321213811 51.787836998563186)</t>
  </si>
  <si>
    <t>POINT (4.706971694365859 51.80694345892476)</t>
  </si>
  <si>
    <t>POINT (4.681596804843797 51.78550988256771)</t>
  </si>
  <si>
    <t>POINT (4.668876450108127 51.815684909401206)</t>
  </si>
  <si>
    <t>POINT (4.679457556501553 51.809854761990856)</t>
  </si>
  <si>
    <t>POINT (4.687088005584224 51.80457704153514)</t>
  </si>
  <si>
    <t>POINT (4.695518512409962 51.818046887209015)</t>
  </si>
  <si>
    <t>POINT (4.651331163081987 51.80111110197814)</t>
  </si>
  <si>
    <t>POINT (4.697310197261441 51.792837409581956)</t>
  </si>
  <si>
    <t>POINT (4.67581848070229 51.815833009573915)</t>
  </si>
  <si>
    <t>POINT (4.665847407336593 51.814900009457524)</t>
  </si>
  <si>
    <t>POINT (4.709323542223257 51.79403396158197)</t>
  </si>
  <si>
    <t>POINT (4.707498018896863 51.81018986495088)</t>
  </si>
  <si>
    <t>POINT (4.676727476000507 51.81470964736402)</t>
  </si>
  <si>
    <t>POINT (4.693060072755266 51.79515869842551)</t>
  </si>
  <si>
    <t>POINT (4.661169318208598 51.772604754103554)</t>
  </si>
  <si>
    <t>POINT (4.663081216018157 51.7919647604355)</t>
  </si>
  <si>
    <t>POINT (4.701505652921567 51.79816270409626)</t>
  </si>
  <si>
    <t>POINT (4.686962439750278 51.78218843553764)</t>
  </si>
  <si>
    <t>POINT (4.660959916906542 51.81349118165256)</t>
  </si>
  <si>
    <t>POINT (4.700014223303466 51.79103171619145)</t>
  </si>
  <si>
    <t>POINT (4.678616849561277 51.78979028618094)</t>
  </si>
  <si>
    <t>POINT (4.668212886832082 51.79361530464328)</t>
  </si>
  <si>
    <t>POINT (4.685444309065817 51.80469350452688)</t>
  </si>
  <si>
    <t>POINT (4.67347304389372 51.81840038618197)</t>
  </si>
  <si>
    <t>POINT (4.728384670762388 51.80463715603273)</t>
  </si>
  <si>
    <t>POINT (4.709460593310672 51.804765960155066)</t>
  </si>
  <si>
    <t>POINT (4.667915471846157 51.81526060969212)</t>
  </si>
  <si>
    <t>POINT (4.641673728508414 51.77631010852842)</t>
  </si>
  <si>
    <t>POINT (4.682226093637441 51.80295191150142)</t>
  </si>
  <si>
    <t>POINT (4.672008199611921 51.81493813883052)</t>
  </si>
  <si>
    <t>POINT (4.730704925296913 51.79603259920947)</t>
  </si>
  <si>
    <t>POINT (4.651459325172177 51.79406975718142)</t>
  </si>
  <si>
    <t>POINT (4.655621377997603 51.80707032677614)</t>
  </si>
  <si>
    <t>POINT (4.657998401593474 51.80135562090318)</t>
  </si>
  <si>
    <t>POINT (4.663020619428323 51.79172135882588)</t>
  </si>
  <si>
    <t>POINT (4.659843951491801 51.78753757030722)</t>
  </si>
  <si>
    <t>POINT (4.663704736369927 51.794514890698814)</t>
  </si>
  <si>
    <t>POINT (4.669005569935883 51.78096751847459)</t>
  </si>
  <si>
    <t>POINT (4.680480157328043 51.78824188040571)</t>
  </si>
  <si>
    <t>POINT (4.655552269859196 51.791847970401825)</t>
  </si>
  <si>
    <t>POINT (4.672645056139194 51.79637449658895)</t>
  </si>
  <si>
    <t>POINT (4.673296161478206 51.7847167514273)</t>
  </si>
  <si>
    <t>POINT (4.659265165034631 51.80999619953341)</t>
  </si>
  <si>
    <t>POINT (4.666278226168691 51.81280572424389)</t>
  </si>
  <si>
    <t>POINT (4.685869032902371 51.78971830823787)</t>
  </si>
  <si>
    <t>POINT (4.720782034345873 51.800058796633685)</t>
  </si>
  <si>
    <t>POINT (4.667307586847169 51.81566854567312)</t>
  </si>
  <si>
    <t>POINT (4.655248761871212 51.7887688907155)</t>
  </si>
  <si>
    <t>POINT (4.658420929293378 51.79623939737263)</t>
  </si>
  <si>
    <t>POINT (4.662204839254555 51.7908215755408)</t>
  </si>
  <si>
    <t>POINT (4.677286460154376 51.81395827868828)</t>
  </si>
  <si>
    <t>POINT (4.6635217107639395 51.8014414129202)</t>
  </si>
  <si>
    <t>POINT (4.6720480556254715 51.80258265324492)</t>
  </si>
  <si>
    <t>POINT (4.713188532248582 51.81623363291063)</t>
  </si>
  <si>
    <t>POINT (4.715380344201174 51.80883305448833)</t>
  </si>
  <si>
    <t>POINT (4.6569347756662145 51.77104846460532)</t>
  </si>
  <si>
    <t>POINT (4.68525387801155 51.792113915814724)</t>
  </si>
  <si>
    <t>POINT (4.680740993695271 51.786837566089346)</t>
  </si>
  <si>
    <t>POINT (4.706807632614924 51.80738896505455)</t>
  </si>
  <si>
    <t>POINT (4.677996762289773 51.81781217596413)</t>
  </si>
  <si>
    <t>POINT (4.705217475505249 51.794436479210326)</t>
  </si>
  <si>
    <t>POINT (4.68098553002098 51.81264026132875)</t>
  </si>
  <si>
    <t>POINT (4.7165449432888975 51.80034035831989)</t>
  </si>
  <si>
    <t>POINT (4.666111238181749 51.777518652013214)</t>
  </si>
  <si>
    <t>POINT (4.677548503630975 51.78101375405752)</t>
  </si>
  <si>
    <t>POINT (4.661226917392272 51.80493968510595)</t>
  </si>
  <si>
    <t>POINT (4.666957370220702 51.8020335237061)</t>
  </si>
  <si>
    <t>POINT (4.7230433704694645 51.806028832396414)</t>
  </si>
  <si>
    <t>POINT (4.680907229359003 51.777508559479045)</t>
  </si>
  <si>
    <t>POINT (4.688721305385093 51.80789089239174)</t>
  </si>
  <si>
    <t>POINT (4.655571210120035 51.8105206109317)</t>
  </si>
  <si>
    <t>POINT (4.662307488475208 51.79147220106002)</t>
  </si>
  <si>
    <t>POINT (4.726970234176324 51.802460732925695)</t>
  </si>
  <si>
    <t>POINT (4.681890741125621 51.78162216981478)</t>
  </si>
  <si>
    <t>POINT (4.685357567178438 51.78229867211512)</t>
  </si>
  <si>
    <t>POINT (4.665329034821145 51.79815096346368)</t>
  </si>
  <si>
    <t>POINT (4.683539880088889 51.77665532877937)</t>
  </si>
  <si>
    <t>POINT (4.650909026851539 51.803154875658535)</t>
  </si>
  <si>
    <t>POINT (4.669756492199975 51.80412328379276)</t>
  </si>
  <si>
    <t>POINT (4.667878545846059 51.81091513123586)</t>
  </si>
  <si>
    <t>POINT (4.631121754736367 51.732582781658216)</t>
  </si>
  <si>
    <t>POINT (4.680625829540013 51.80139948721928)</t>
  </si>
  <si>
    <t>POINT (4.675415092541063 51.78339318827587)</t>
  </si>
  <si>
    <t>POINT (4.682725270852006 51.77545732330132)</t>
  </si>
  <si>
    <t>POINT (4.659326583651141 51.80401768122362)</t>
  </si>
  <si>
    <t>POINT (4.665520206200299 51.78687037705231)</t>
  </si>
  <si>
    <t>POINT (4.695101906775532 51.78978297617258)</t>
  </si>
  <si>
    <t>POINT (4.669805808908105 51.77166143925985)</t>
  </si>
  <si>
    <t>POINT (4.6716078983875 51.80966528831862)</t>
  </si>
  <si>
    <t>POINT (4.651729518581383 51.790530941443606)</t>
  </si>
  <si>
    <t>POINT (4.653588293841325 51.78867130082951)</t>
  </si>
  <si>
    <t>POINT (4.697619132614914 51.817525062169274)</t>
  </si>
  <si>
    <t>POINT (4.713808209828903 51.799465278439214)</t>
  </si>
  <si>
    <t>POINT (4.674117043460505 51.81259357587388)</t>
  </si>
  <si>
    <t>POINT (4.661274124876797 51.78698034747052)</t>
  </si>
  <si>
    <t>POINT (4.6605489453441225 51.80991513223256)</t>
  </si>
  <si>
    <t>POINT (4.6675744921827365 51.81403988865435)</t>
  </si>
  <si>
    <t>POINT (4.668456262937426 51.79200548205531)</t>
  </si>
  <si>
    <t>POINT (4.6298318729992625 51.72361886346711)</t>
  </si>
  <si>
    <t>POINT (4.685679250442667 51.77625592258598)</t>
  </si>
  <si>
    <t>POINT (4.66505533193622 51.81369856533348)</t>
  </si>
  <si>
    <t>POINT (4.728479513784981 51.79671550526945)</t>
  </si>
  <si>
    <t>POINT (4.674777306085986 51.782010853916425)</t>
  </si>
  <si>
    <t>POINT (4.666231222689576 51.787297389125285)</t>
  </si>
  <si>
    <t>POINT (4.677671789264202 51.79058668893733)</t>
  </si>
  <si>
    <t>POINT (4.6825085983253 51.80685101622262)</t>
  </si>
  <si>
    <t>POINT (4.683740620717107 51.81213036076062)</t>
  </si>
  <si>
    <t>POINT (4.722508112105198 51.80580369233495)</t>
  </si>
  <si>
    <t>POINT (4.726861888895397 51.793973198098186)</t>
  </si>
  <si>
    <t>POINT (4.654822830402217 51.79491107625415)</t>
  </si>
  <si>
    <t>POINT (4.6841134541695935 51.78620470061977)</t>
  </si>
  <si>
    <t>POINT (4.709930090243805 51.790965696749936)</t>
  </si>
  <si>
    <t>POINT (4.719510396884911 51.79406474785104)</t>
  </si>
  <si>
    <t>POINT (4.673018223070529 51.80787412234141)</t>
  </si>
  <si>
    <t>POINT (4.680869676389188 51.80299632876173)</t>
  </si>
  <si>
    <t>POINT (4.668069766363257 51.81166939267291)</t>
  </si>
  <si>
    <t>POINT (4.683418790700496 51.80661800040061)</t>
  </si>
  <si>
    <t>POINT (4.710490910221767 51.81524470256135)</t>
  </si>
  <si>
    <t>POINT (4.682037409604468 51.81159438249231)</t>
  </si>
  <si>
    <t>POINT (4.669594275334366 51.817044828538485)</t>
  </si>
  <si>
    <t>POINT (4.668247630415884 51.791930127786166)</t>
  </si>
  <si>
    <t>POINT (4.668227393553107 51.80417620687264)</t>
  </si>
  <si>
    <t>POINT (4.677702997122335 51.807361818877226)</t>
  </si>
  <si>
    <t>POINT (4.675239083452925 51.80777126863621)</t>
  </si>
  <si>
    <t>POINT (4.705465639643911 51.8151854524932)</t>
  </si>
  <si>
    <t>POINT (4.7030979747554555 51.78943897830364)</t>
  </si>
  <si>
    <t>POINT (4.674578424843709 51.8041467175094)</t>
  </si>
  <si>
    <t>POINT (4.672369932013584 51.8039799369265)</t>
  </si>
  <si>
    <t>POINT (4.680711402976104 51.799984986705816)</t>
  </si>
  <si>
    <t>POINT (4.6642243992748025 51.8115415591233)</t>
  </si>
  <si>
    <t>POINT (4.66390465519974 51.79228345602723)</t>
  </si>
  <si>
    <t>POINT (4.726553019093248 51.79759635586824)</t>
  </si>
  <si>
    <t>POINT (4.701746478701749 51.81679324158706)</t>
  </si>
  <si>
    <t>POINT (4.730247430104374 51.79665475810501)</t>
  </si>
  <si>
    <t>POINT (4.68521701185213 51.81312318154953)</t>
  </si>
  <si>
    <t>POINT (4.720245598723632 51.81422908126009)</t>
  </si>
  <si>
    <t>POINT (4.727077146874761 51.79612212093726)</t>
  </si>
  <si>
    <t>3311XX</t>
  </si>
  <si>
    <t>Van der Kooghplaats</t>
  </si>
  <si>
    <t>POINT (4.67169417857919 51.81823378110217)</t>
  </si>
  <si>
    <t>POINT (4.673013748118114 51.796243672973844)</t>
  </si>
  <si>
    <t>POINT (4.660178371836964 51.809960072469416)</t>
  </si>
  <si>
    <t>POINT (4.6752747812826625 51.817688056480776)</t>
  </si>
  <si>
    <t>POINT (4.665677967416647 51.800852576069516)</t>
  </si>
  <si>
    <t>POINT (4.719679944597933 51.800357372822965)</t>
  </si>
  <si>
    <t>POINT (4.682243282496915 51.8089774003262)</t>
  </si>
  <si>
    <t>POINT (4.701646290166909 51.80434804838324)</t>
  </si>
  <si>
    <t>POINT (4.682728178210617 51.81449826539825)</t>
  </si>
  <si>
    <t>POINT (4.672237099062266 51.81817228150617)</t>
  </si>
  <si>
    <t>POINT (4.6844278589179105 51.8094331327948)</t>
  </si>
  <si>
    <t>POINT (4.664863036829408 51.817917942925966)</t>
  </si>
  <si>
    <t>POINT (4.664076968309968 51.81497242076906)</t>
  </si>
  <si>
    <t>POINT (4.72575266752989 51.7981115430354)</t>
  </si>
  <si>
    <t>POINT (4.6713441653787005 51.79197096929771)</t>
  </si>
  <si>
    <t>POINT (4.630982437629227 51.72385396198894)</t>
  </si>
  <si>
    <t>POINT (4.7267937071432735 51.80114338005446)</t>
  </si>
  <si>
    <t>POINT (4.674499936306162 51.78636876985414)</t>
  </si>
  <si>
    <t>POINT (4.678713558217345 51.80844899245645)</t>
  </si>
  <si>
    <t>POINT (4.7012365425229845 51.79915781208508)</t>
  </si>
  <si>
    <t>POINT (4.6877915050431245 51.807827916590654)</t>
  </si>
  <si>
    <t>POINT (4.733544894720543 51.799656370042854)</t>
  </si>
  <si>
    <t>POINT (4.670878170164997 51.78168082571494)</t>
  </si>
  <si>
    <t>POINT (4.6690092014913125 51.77683294933824)</t>
  </si>
  <si>
    <t>POINT (4.683682952512536 51.79939999837491)</t>
  </si>
  <si>
    <t>POINT (4.663882060991647 51.80263407929138)</t>
  </si>
  <si>
    <t>POINT (4.68444470729347 51.808163251861025)</t>
  </si>
  <si>
    <t>POINT (4.728344875862783 51.80333669028006)</t>
  </si>
  <si>
    <t>POINT (4.676827885689748 51.780417378052654)</t>
  </si>
  <si>
    <t>POINT (4.668062690445479 51.791988930888024)</t>
  </si>
  <si>
    <t>POINT (4.663299104385147 51.80522595942107)</t>
  </si>
  <si>
    <t>POINT (4.670347222679525 51.776254980986)</t>
  </si>
  <si>
    <t>POINT (4.65710213295898 51.78721268312868)</t>
  </si>
  <si>
    <t>POINT (4.662713970041623 51.79781301319954)</t>
  </si>
  <si>
    <t>POINT (4.663757037605765 51.79711081669275)</t>
  </si>
  <si>
    <t>POINT (4.67306064255132 51.77575866521597)</t>
  </si>
  <si>
    <t>POINT (4.662319660988448 51.79136686574326)</t>
  </si>
  <si>
    <t>POINT (4.726074509347202 51.80538360373356)</t>
  </si>
  <si>
    <t>POINT (4.653806261798939 51.78537017359891)</t>
  </si>
  <si>
    <t>POINT (4.669423863264855 51.813215384673605)</t>
  </si>
  <si>
    <t>POINT (4.658354845427518 51.79375296309383)</t>
  </si>
  <si>
    <t>POINT (4.679261319384971 51.785381456666535)</t>
  </si>
  <si>
    <t>POINT (4.660137559272057 51.810690689678864)</t>
  </si>
  <si>
    <t>POINT (4.67753429170508 51.780734254272915)</t>
  </si>
  <si>
    <t>POINT (4.716151367193793 51.807865748954995)</t>
  </si>
  <si>
    <t>POINT (4.725410874684511 51.795809861396314)</t>
  </si>
  <si>
    <t>POINT (4.668467849485452 51.810370351761605)</t>
  </si>
  <si>
    <t>POINT (4.7226105784185055 51.79927583920614)</t>
  </si>
  <si>
    <t>POINT (4.65132768394835 51.80351993548251)</t>
  </si>
  <si>
    <t>POINT (4.671981222882107 51.804860472535545)</t>
  </si>
  <si>
    <t>POINT (4.66529158672836 51.80043177577468)</t>
  </si>
  <si>
    <t>POINT (4.673618971013823 51.806336722184675)</t>
  </si>
  <si>
    <t>POINT (4.684206858953932 51.78117615831528)</t>
  </si>
  <si>
    <t>POINT (4.679825882593998 51.78783415584683)</t>
  </si>
  <si>
    <t>POINT (4.654731645762815 51.81109551252574)</t>
  </si>
  <si>
    <t>POINT (4.697040635141163 51.79288883030524)</t>
  </si>
  <si>
    <t>POINT (4.67506222390495 51.7868582126692)</t>
  </si>
  <si>
    <t>POINT (4.7099949454422925 51.808112813732194)</t>
  </si>
  <si>
    <t>POINT (4.666123433386876 51.8104227730936)</t>
  </si>
  <si>
    <t>POINT (4.678414036743397 51.781365241223796)</t>
  </si>
  <si>
    <t>POINT (4.653377637550075 51.80249349159356)</t>
  </si>
  <si>
    <t>POINT (4.665108851137561 51.790076022151574)</t>
  </si>
  <si>
    <t>POINT (4.679827180898292 51.809255253135504)</t>
  </si>
  <si>
    <t>POINT (4.673267541437939 51.81923548668856)</t>
  </si>
  <si>
    <t>POINT (4.668620084544939 51.80826747453375)</t>
  </si>
  <si>
    <t>POINT (4.684134392101358 51.817675110996305)</t>
  </si>
  <si>
    <t>POINT (4.676858458868139 51.786542472267236)</t>
  </si>
  <si>
    <t>POINT (4.685882348526426 51.78646815929813)</t>
  </si>
  <si>
    <t>POINT (4.705396960042191 51.80939679662007)</t>
  </si>
  <si>
    <t>POINT (4.688443831054092 51.790385918977016)</t>
  </si>
  <si>
    <t>POINT (4.667970573771715 51.81479935200043)</t>
  </si>
  <si>
    <t>POINT (4.685227710072777 51.78080207735294)</t>
  </si>
  <si>
    <t>POINT (4.682841370282716 51.77809195287868)</t>
  </si>
  <si>
    <t>POINT (4.686307261154223 51.81022102979008)</t>
  </si>
  <si>
    <t>POINT (4.685150989521865 51.78079194634245)</t>
  </si>
  <si>
    <t>POINT (4.711598467065157 51.81031285015444)</t>
  </si>
  <si>
    <t>POINT (4.704015449362514 51.79603992195698)</t>
  </si>
  <si>
    <t>POINT (4.668997083438918 51.777802056115135)</t>
  </si>
  <si>
    <t>POINT (4.703086138252038 51.78927134244955)</t>
  </si>
  <si>
    <t>POINT (4.6715708905215845 51.805916648616815)</t>
  </si>
  <si>
    <t>POINT (4.682825828218902 51.788888998897484)</t>
  </si>
  <si>
    <t>POINT (4.682023709699496 51.78704684652185)</t>
  </si>
  <si>
    <t>POINT (4.680053275575146 51.7794364164358)</t>
  </si>
  <si>
    <t>POINT (4.66215915904202 51.816302921264246)</t>
  </si>
  <si>
    <t>POINT (4.7255825924962656 51.79401114959632)</t>
  </si>
  <si>
    <t>POINT (4.660135710036727 51.811192049121686)</t>
  </si>
  <si>
    <t>POINT (4.668338449018023 51.79854455707046)</t>
  </si>
  <si>
    <t>POINT (4.68695250400179 51.777396161240766)</t>
  </si>
  <si>
    <t>POINT (4.720854079161821 51.80005058569828)</t>
  </si>
  <si>
    <t>POINT (4.671268783484945 51.79980789347295)</t>
  </si>
  <si>
    <t>POINT (4.669185622768189 51.816151102277544)</t>
  </si>
  <si>
    <t>POINT (4.717988259346994 51.803118603829844)</t>
  </si>
  <si>
    <t>POINT (4.664356623126352 51.817696714755975)</t>
  </si>
  <si>
    <t>POINT (4.680287794130854 51.78577001718826)</t>
  </si>
  <si>
    <t>POINT (4.704685601117744 51.816741014528375)</t>
  </si>
  <si>
    <t>POINT (4.691920242061305 51.81848873880087)</t>
  </si>
  <si>
    <t>POINT (4.672680109263437 51.81817988727758)</t>
  </si>
  <si>
    <t>POINT (4.66775825366797 51.81428602867059)</t>
  </si>
  <si>
    <t>POINT (4.654258019919906 51.787701982502774)</t>
  </si>
  <si>
    <t>POINT (4.630572594224825 51.72312758345288)</t>
  </si>
  <si>
    <t>POINT (4.656982292710181 51.770493508679785)</t>
  </si>
  <si>
    <t>POINT (4.657533005791374 51.81127980373727)</t>
  </si>
  <si>
    <t>POINT (4.667583473881466 51.795910088836884)</t>
  </si>
  <si>
    <t>POINT (4.685636954144219 51.81596234318583)</t>
  </si>
  <si>
    <t>POINT (4.670125613680461 51.77954978667839)</t>
  </si>
  <si>
    <t>POINT (4.722902777914436 51.80223163899979)</t>
  </si>
  <si>
    <t>POINT (4.631101969647084 51.72250182923918)</t>
  </si>
  <si>
    <t>POINT (4.727301478372231 51.80312787246157)</t>
  </si>
  <si>
    <t>POINT (4.719131282044986 51.80382346309946)</t>
  </si>
  <si>
    <t>POINT (4.66612328479421 51.77416443365817)</t>
  </si>
  <si>
    <t>POINT (4.678431103541973 51.784697257313226)</t>
  </si>
  <si>
    <t>POINT (4.676618915931213 51.78379320335452)</t>
  </si>
  <si>
    <t>POINT (4.66257587459897 51.80486823981863)</t>
  </si>
  <si>
    <t>POINT (4.659961098999987 51.78751277767665)</t>
  </si>
  <si>
    <t>POINT (4.71615975380563 51.81508439294958)</t>
  </si>
  <si>
    <t>POINT (4.662792615968277 51.786249739209396)</t>
  </si>
  <si>
    <t>POINT (4.682227592414012 51.80271412509906)</t>
  </si>
  <si>
    <t>POINT (4.664073680298564 51.813440549886714)</t>
  </si>
  <si>
    <t>POINT (4.730203778602892 51.79834887277725)</t>
  </si>
  <si>
    <t>POINT (4.660488474723598 51.78374487700587)</t>
  </si>
  <si>
    <t>POINT (4.728681277778267 51.79190545562832)</t>
  </si>
  <si>
    <t>POINT (4.6838573699388215 51.80149197203209)</t>
  </si>
  <si>
    <t>POINT (4.682704319929067 51.810076121441995)</t>
  </si>
  <si>
    <t>POINT (4.661341966774614 51.80066647108625)</t>
  </si>
  <si>
    <t>POINT (4.681906120826778 51.78111659411085)</t>
  </si>
  <si>
    <t>POINT (4.7259400060127765 51.79712323677326)</t>
  </si>
  <si>
    <t>POINT (4.667420991034833 51.78874160261721)</t>
  </si>
  <si>
    <t>POINT (4.674528032800202 51.78029922069713)</t>
  </si>
  <si>
    <t>POINT (4.686282127738541 51.8060132039922)</t>
  </si>
  <si>
    <t>POINT (4.695607808999513 51.79770823526815)</t>
  </si>
  <si>
    <t>POINT (4.6606053978277515 51.81358288294572)</t>
  </si>
  <si>
    <t>POINT (4.72893463203772 51.8004479416962)</t>
  </si>
  <si>
    <t>POINT (4.656813893986999 51.79085671004214)</t>
  </si>
  <si>
    <t>POINT (4.704785711274646 51.79449307803979)</t>
  </si>
  <si>
    <t>POINT (4.654351531535979 51.79339587292808)</t>
  </si>
  <si>
    <t>POINT (4.661115681294823 51.809547326670376)</t>
  </si>
  <si>
    <t>POINT (4.661744625165781 51.80303308674857)</t>
  </si>
  <si>
    <t>POINT (4.66081568178375 51.80742692625943)</t>
  </si>
  <si>
    <t>POINT (4.6751976250826 51.80702021091841)</t>
  </si>
  <si>
    <t>POINT (4.661329556293698 51.80907977300287)</t>
  </si>
  <si>
    <t>POINT (4.668440460665148 51.77443771213349)</t>
  </si>
  <si>
    <t>POINT (4.68305547195855 51.80500837661555)</t>
  </si>
  <si>
    <t>POINT (4.68505715157235 51.77673414713288)</t>
  </si>
  <si>
    <t>POINT (4.672465127379243 51.80339023903137)</t>
  </si>
  <si>
    <t>POINT (4.6823198653233575 51.7789527059386)</t>
  </si>
  <si>
    <t>POINT (4.655617495541557 51.791436092037536)</t>
  </si>
  <si>
    <t>POINT (4.712746116639803 51.79543491163999)</t>
  </si>
  <si>
    <t>POINT (4.679196853118144 51.78198154212351)</t>
  </si>
  <si>
    <t>POINT (4.667450554340896 51.79182275109324)</t>
  </si>
  <si>
    <t>POINT (4.6607414075928135 51.80146791658171)</t>
  </si>
  <si>
    <t>POINT (4.704429937071459 51.80849712695705)</t>
  </si>
  <si>
    <t>POINT (4.67297039241525 51.79541306078804)</t>
  </si>
  <si>
    <t>POINT (4.6696475691508015 51.80556153523627)</t>
  </si>
  <si>
    <t>POINT (4.721122149252445 51.81337901586318)</t>
  </si>
  <si>
    <t>POINT (4.683822568779109 51.78248321982333)</t>
  </si>
  <si>
    <t>POINT (4.667822483060214 51.78226640880627)</t>
  </si>
  <si>
    <t>POINT (4.716090842379569 51.79999533021393)</t>
  </si>
  <si>
    <t>POINT (4.666118427113143 51.79601977124026)</t>
  </si>
  <si>
    <t>POINT (4.6715432967041295 51.792682120373605)</t>
  </si>
  <si>
    <t>POINT (4.705983824090184 51.808699845287066)</t>
  </si>
  <si>
    <t>POINT (4.667127878745367 51.787570742017124)</t>
  </si>
  <si>
    <t>POINT (4.669992118260904 51.784604965363805)</t>
  </si>
  <si>
    <t>POINT (4.680819745129323 51.805184393072416)</t>
  </si>
  <si>
    <t>POINT (4.659981729983367 51.80870992084473)</t>
  </si>
  <si>
    <t>POINT (4.6680059342811955 51.77579061859809)</t>
  </si>
  <si>
    <t>POINT (4.643322865912493 51.768996249234156)</t>
  </si>
  <si>
    <t>POINT (4.677087701170348 51.81762851477551)</t>
  </si>
  <si>
    <t>POINT (4.7033023229424025 51.79652464269686)</t>
  </si>
  <si>
    <t>POINT (4.655835947995255 51.81138845623749)</t>
  </si>
  <si>
    <t>POINT (4.701371590744353 51.81723429049292)</t>
  </si>
  <si>
    <t>POINT (4.679146497418641 51.77428564967719)</t>
  </si>
  <si>
    <t>POINT (4.670902783717036 51.773813166579)</t>
  </si>
  <si>
    <t>POINT (4.717346422734014 51.81474527153714)</t>
  </si>
  <si>
    <t>POINT (4.682692732515724 51.8040083486728)</t>
  </si>
  <si>
    <t>POINT (4.670017417339141 51.799056985318735)</t>
  </si>
  <si>
    <t>POINT (4.671052747314142 51.81448466735083)</t>
  </si>
  <si>
    <t>POINT (4.719171943977754 51.8114770455423)</t>
  </si>
  <si>
    <t>POINT (4.679252185422869 51.815969106767774)</t>
  </si>
  <si>
    <t>POINT (4.6772544024222915 51.80813926865133)</t>
  </si>
  <si>
    <t>POINT (4.660247040518485 51.79310560662303)</t>
  </si>
  <si>
    <t>POINT (4.682368424814884 51.80218120563034)</t>
  </si>
  <si>
    <t>3328KS</t>
  </si>
  <si>
    <t>Eulerlaan</t>
  </si>
  <si>
    <t>POINT (4.670197354171545 51.783383585397274)</t>
  </si>
  <si>
    <t>POINT (4.657979802033388 51.793247651494006)</t>
  </si>
  <si>
    <t>POINT (4.6627534467794 51.7908528656313)</t>
  </si>
  <si>
    <t>POINT (4.6636050494228325 51.78714323340631)</t>
  </si>
  <si>
    <t>POINT (4.6836541496909305 51.782242822840416)</t>
  </si>
  <si>
    <t>POINT (4.655392643489355 51.80647408264015)</t>
  </si>
  <si>
    <t>POINT (4.657556920090349 51.81075640632081)</t>
  </si>
  <si>
    <t>POINT (4.700658516689299 51.81726306470799)</t>
  </si>
  <si>
    <t>POINT (4.719660539977412 51.80203281810367)</t>
  </si>
  <si>
    <t>POINT (4.679054494360435 51.80642603717541)</t>
  </si>
  <si>
    <t>POINT (4.675255240318489 51.81769111094056)</t>
  </si>
  <si>
    <t>POINT (4.71113612584017 51.80655088403292)</t>
  </si>
  <si>
    <t>POINT (4.636856319058582 51.77814421844654)</t>
  </si>
  <si>
    <t>POINT (4.665325881824217 51.81472498406559)</t>
  </si>
  <si>
    <t>POINT (4.663965476132112 51.788820645344614)</t>
  </si>
  <si>
    <t>POINT (4.715832954720818 51.81348023660158)</t>
  </si>
  <si>
    <t>POINT (4.672714919793071 51.79641358243069)</t>
  </si>
  <si>
    <t>POINT (4.671140653768238 51.81289092772758)</t>
  </si>
  <si>
    <t>POINT (4.6731563190998795 51.782006795036416)</t>
  </si>
  <si>
    <t>POINT (4.705107929813151 51.808250340428174)</t>
  </si>
  <si>
    <t>POINT (4.672607587135315 51.80768748032175)</t>
  </si>
  <si>
    <t>POINT (4.696006300322759 51.79680975703248)</t>
  </si>
  <si>
    <t>POINT (4.671836892995317 51.792462429585136)</t>
  </si>
  <si>
    <t>POINT (4.675341358866083 51.81604915230619)</t>
  </si>
  <si>
    <t>POINT (4.667760948583886 51.814269829621146)</t>
  </si>
  <si>
    <t>POINT (4.6954455215736655 51.817681688662276)</t>
  </si>
  <si>
    <t>POINT (4.711307591581654 51.80784494262235)</t>
  </si>
  <si>
    <t>POINT (4.685914127324402 51.787700311983315)</t>
  </si>
  <si>
    <t>POINT (4.67342582730553 51.8164443088327)</t>
  </si>
  <si>
    <t>POINT (4.665446120353213 51.79608499395729)</t>
  </si>
  <si>
    <t>POINT (4.685054823103804 51.78257645360102)</t>
  </si>
  <si>
    <t>POINT (4.674216498163555 51.81312814320697)</t>
  </si>
  <si>
    <t>POINT (4.679993937154219 51.77410232349975)</t>
  </si>
  <si>
    <t>POINT (4.667868203907923 51.7797737154536)</t>
  </si>
  <si>
    <t>POINT (4.680330882248741 51.80274318989044)</t>
  </si>
  <si>
    <t>POINT (4.726379351810959 51.798977274097595)</t>
  </si>
  <si>
    <t>POINT (4.707425043351464 51.810057542835715)</t>
  </si>
  <si>
    <t>POINT (4.712908275138211 51.80596501664654)</t>
  </si>
  <si>
    <t>POINT (4.659691265629516 51.80067159113013)</t>
  </si>
  <si>
    <t>POINT (4.728287835618343 51.80582759756786)</t>
  </si>
  <si>
    <t>POINT (4.658831957528914 51.80009484827614)</t>
  </si>
  <si>
    <t>POINT (4.676482060423651 51.783834719992356)</t>
  </si>
  <si>
    <t>POINT (4.674203293347174 51.81919903633694)</t>
  </si>
  <si>
    <t>POINT (4.704876390489013 51.79850424822121)</t>
  </si>
  <si>
    <t>POINT (4.677460520859346 51.81629233088362)</t>
  </si>
  <si>
    <t>POINT (4.680228395968764 51.814538306437036)</t>
  </si>
  <si>
    <t>POINT (4.659088047400181 51.8088783191237)</t>
  </si>
  <si>
    <t>POINT (4.708487889862016 51.80826028454937)</t>
  </si>
  <si>
    <t>POINT (4.684160055231508 51.81070086314686)</t>
  </si>
  <si>
    <t>POINT (4.673041303463173 51.77911632471414)</t>
  </si>
  <si>
    <t>POINT (4.67255955327599 51.816495719520134)</t>
  </si>
  <si>
    <t>POINT (4.668994596327738 51.81875323230634)</t>
  </si>
  <si>
    <t>POINT (4.664330654873978 51.79022303968721)</t>
  </si>
  <si>
    <t>POINT (4.676623766168737 51.80887523738345)</t>
  </si>
  <si>
    <t>POINT (4.6607403949291255 51.805079719985265)</t>
  </si>
  <si>
    <t>POINT (4.670169532382316 51.799502477640594)</t>
  </si>
  <si>
    <t>POINT (4.704973044692541 51.80777031737045)</t>
  </si>
  <si>
    <t>POINT (4.661598949655306 51.78952132555998)</t>
  </si>
  <si>
    <t>POINT (4.669262699605888 51.80621855487876)</t>
  </si>
  <si>
    <t>POINT (4.667826123366453 51.80358211208415)</t>
  </si>
  <si>
    <t>POINT (4.720824072132446 51.81357143321285)</t>
  </si>
  <si>
    <t>POINT (4.701442267614747 51.78990133353885)</t>
  </si>
  <si>
    <t>POINT (4.672921454605772 51.77525304756038)</t>
  </si>
  <si>
    <t>POINT (4.666323602657052 51.813559424983694)</t>
  </si>
  <si>
    <t>POINT (4.7169490202203255 51.80466069673661)</t>
  </si>
  <si>
    <t>POINT (4.659227190376861 51.80632879448756)</t>
  </si>
  <si>
    <t>POINT (4.672407346408366 51.804812849386124)</t>
  </si>
  <si>
    <t>POINT (4.6772468406082925 51.808914244313314)</t>
  </si>
  <si>
    <t>POINT (4.680522581666697 51.77700017857502)</t>
  </si>
  <si>
    <t>POINT (4.681704756853619 51.77527673634451)</t>
  </si>
  <si>
    <t>POINT (4.715496289897352 51.79993198267651)</t>
  </si>
  <si>
    <t>POINT (4.669598763685178 51.81077234332006)</t>
  </si>
  <si>
    <t>POINT (4.664237137203885 51.786171613297206)</t>
  </si>
  <si>
    <t>POINT (4.675911487624841 51.78561359475027)</t>
  </si>
  <si>
    <t>POINT (4.678646965888855 51.78637296676521)</t>
  </si>
  <si>
    <t>POINT (4.673572625402635 51.81400286319019)</t>
  </si>
  <si>
    <t>POINT (4.683397580886499 51.8037247702403)</t>
  </si>
  <si>
    <t>POINT (4.684720701909038 51.79260145261087)</t>
  </si>
  <si>
    <t>POINT (4.726901932077065 51.803400461383255)</t>
  </si>
  <si>
    <t>POINT (4.684383501920665 51.78506629215373)</t>
  </si>
  <si>
    <t>POINT (4.685124296574906 51.785811522258705)</t>
  </si>
  <si>
    <t>POINT (4.722261404399442 51.80246006591074)</t>
  </si>
  <si>
    <t>POINT (4.675852816125266 51.785334319650865)</t>
  </si>
  <si>
    <t>POINT (4.659469763291147 51.78943002455633)</t>
  </si>
  <si>
    <t>POINT (4.710275330280261 51.791533642641376)</t>
  </si>
  <si>
    <t>POINT (4.719504796468665 51.80104185949161)</t>
  </si>
  <si>
    <t>POINT (4.667712073649183 51.800549519222095)</t>
  </si>
  <si>
    <t>POINT (4.671188993510567 51.81943037265744)</t>
  </si>
  <si>
    <t>POINT (4.695009623053678 51.793766617539646)</t>
  </si>
  <si>
    <t>POINT (4.684077863163561 51.811845490667466)</t>
  </si>
  <si>
    <t>POINT (4.676124817189631 51.77704837586151)</t>
  </si>
  <si>
    <t>POINT (4.668512026771323 51.78323043196174)</t>
  </si>
  <si>
    <t>POINT (4.7296432406035205 51.80048012137808)</t>
  </si>
  <si>
    <t>POINT (4.658453457998569 51.80208515731985)</t>
  </si>
  <si>
    <t>POINT (4.6799134629596875 51.78830516109187)</t>
  </si>
  <si>
    <t>POINT (4.692570903998034 51.78470492536788)</t>
  </si>
  <si>
    <t>POINT (4.651338881805077 51.80162790194261)</t>
  </si>
  <si>
    <t>POINT (4.688382615939537 51.81019380298599)</t>
  </si>
  <si>
    <t>POINT (4.65246031061104 51.78547615011746)</t>
  </si>
  <si>
    <t>POINT (4.683177058034487 51.806371222515644)</t>
  </si>
  <si>
    <t>POINT (4.698487826140237 51.7934241430755)</t>
  </si>
  <si>
    <t>POINT (4.718457889993122 51.81396640816524)</t>
  </si>
  <si>
    <t>POINT (4.687688238968484 51.78995009394704)</t>
  </si>
  <si>
    <t>POINT (4.734358894645625 51.80269915067836)</t>
  </si>
  <si>
    <t>POINT (4.73184496152789 51.79504448727831)</t>
  </si>
  <si>
    <t>POINT (4.661600027027892 51.78954806463723)</t>
  </si>
  <si>
    <t>POINT (4.682957639207147 51.79253721982483)</t>
  </si>
  <si>
    <t>POINT (4.660423754450613 51.771108349347564)</t>
  </si>
  <si>
    <t>POINT (4.6779524803237384 51.81690066461223)</t>
  </si>
  <si>
    <t>POINT (4.633390069580912 51.781849038530034)</t>
  </si>
  <si>
    <t>POINT (4.734636294436811 51.80151091318024)</t>
  </si>
  <si>
    <t>POINT (4.680346711731881 51.81210166147188)</t>
  </si>
  <si>
    <t>POINT (4.694091093569811 51.79087327658781)</t>
  </si>
  <si>
    <t>POINT (4.697043229899605 51.792861349217354)</t>
  </si>
  <si>
    <t>POINT (4.666131581271495 51.810788302919605)</t>
  </si>
  <si>
    <t>POINT (4.6599126207129045 51.80870717345102)</t>
  </si>
  <si>
    <t>POINT (4.672233839544819 51.81630383206076)</t>
  </si>
  <si>
    <t>POINT (4.668386578320942 51.79201221909327)</t>
  </si>
  <si>
    <t>POINT (4.721123750266665 51.812484377285664)</t>
  </si>
  <si>
    <t>POINT (4.667331960779069 51.78189529379083)</t>
  </si>
  <si>
    <t>POINT (4.7209696402151895 51.81132238663354)</t>
  </si>
  <si>
    <t>POINT (4.69672096146445 51.817707976692155)</t>
  </si>
  <si>
    <t>POINT (4.674642981212221 51.80316630965082)</t>
  </si>
  <si>
    <t>POINT (4.705371716890906 51.81500924179691)</t>
  </si>
  <si>
    <t>POINT (4.69501544377101 51.792504920570146)</t>
  </si>
  <si>
    <t>POINT (4.651453228949379 51.79395914881957)</t>
  </si>
  <si>
    <t>POINT (4.697435964491905 51.81803244659153)</t>
  </si>
  <si>
    <t>POINT (4.6783148704104125 51.81469101331238)</t>
  </si>
  <si>
    <t>POINT (4.730152260250373 51.80525110322833)</t>
  </si>
  <si>
    <t>POINT (4.705944402365463 51.792736820108246)</t>
  </si>
  <si>
    <t>POINT (4.688630146638496 51.78995341451687)</t>
  </si>
  <si>
    <t>POINT (4.6902738971782005 51.80827764761939)</t>
  </si>
  <si>
    <t>POINT (4.679758858714298 51.80719848484212)</t>
  </si>
  <si>
    <t>POINT (4.663462894991261 51.79062005069422)</t>
  </si>
  <si>
    <t>POINT (4.666157905363949 51.81339318613826)</t>
  </si>
  <si>
    <t>348A</t>
  </si>
  <si>
    <t>POINT (4.6292847235426065 51.72373181190865)</t>
  </si>
  <si>
    <t>POINT (4.6789898371532885 51.81451813761645)</t>
  </si>
  <si>
    <t>POINT (4.704086251631513 51.798664547485544)</t>
  </si>
  <si>
    <t>POINT (4.670085290056362 51.78986312550014)</t>
  </si>
  <si>
    <t>POINT (4.677512231252386 51.78094646090508)</t>
  </si>
  <si>
    <t>POINT (4.697383806246876 51.79756565858198)</t>
  </si>
  <si>
    <t>POINT (4.678584444617365 51.789587880827014)</t>
  </si>
  <si>
    <t>POINT (4.67791746598127 51.8167091562505)</t>
  </si>
  <si>
    <t>POINT (4.6564983155821915 51.784485405822515)</t>
  </si>
  <si>
    <t>POINT (4.6666197275080865 51.81254927133654)</t>
  </si>
  <si>
    <t>POINT (4.696852622891723 51.79052585089777)</t>
  </si>
  <si>
    <t>POINT (4.647609507745932 51.80614364075214)</t>
  </si>
  <si>
    <t>POINT (4.6704788130920605 51.81834137526411)</t>
  </si>
  <si>
    <t>POINT (4.654724916441884 51.79942141939782)</t>
  </si>
  <si>
    <t>POINT (4.696337725270747 51.79059025281742)</t>
  </si>
  <si>
    <t>POINT (4.685080165999247 51.80646613907665)</t>
  </si>
  <si>
    <t>POINT (4.7061116276438515 51.79641166496647)</t>
  </si>
  <si>
    <t>POINT (4.721625843747852 51.81242849425314)</t>
  </si>
  <si>
    <t>POINT (4.662616146052926 51.81629783361483)</t>
  </si>
  <si>
    <t>POINT (4.727609916724283 51.80483550631166)</t>
  </si>
  <si>
    <t>POINT (4.672021257037296 51.81832758495422)</t>
  </si>
  <si>
    <t>POINT (4.651533801247022 51.80145083333285)</t>
  </si>
  <si>
    <t>POINT (4.685995614212415 51.80996672133649)</t>
  </si>
  <si>
    <t>POINT (4.651580087046311 51.78944761044025)</t>
  </si>
  <si>
    <t>POINT (4.73525509272203 51.798787875071476)</t>
  </si>
  <si>
    <t>POINT (4.679375908753416 51.80776852022065)</t>
  </si>
  <si>
    <t>POINT (4.666245891209589 51.81279275268581)</t>
  </si>
  <si>
    <t>POINT (4.664469346730291 51.810003531451784)</t>
  </si>
  <si>
    <t>POINT (4.683958755888066 51.781445167913844)</t>
  </si>
  <si>
    <t>POINT (4.67894533978529 51.81674771407876)</t>
  </si>
  <si>
    <t>POINT (4.661768762223611 51.79300827634078)</t>
  </si>
  <si>
    <t>POINT (4.662733957252497 51.81238005389044)</t>
  </si>
  <si>
    <t>POINT (4.723548539094524 51.79834871109569)</t>
  </si>
  <si>
    <t>POINT (4.675779078770402 51.813757709714196)</t>
  </si>
  <si>
    <t>POINT (4.660029285639581 51.79629797906855)</t>
  </si>
  <si>
    <t>POINT (4.653471293386937 51.79049672509854)</t>
  </si>
  <si>
    <t>POINT (4.663473004933859 51.800432608095264)</t>
  </si>
  <si>
    <t>POINT (4.660638764850226 51.80428078704574)</t>
  </si>
  <si>
    <t>POINT (4.671140225433446 51.7769903467364)</t>
  </si>
  <si>
    <t>POINT (4.681762105491881 51.77409672055599)</t>
  </si>
  <si>
    <t>POINT (4.654985397464395 51.79412569596947)</t>
  </si>
  <si>
    <t>POINT (4.685877781928805 51.78693258654823)</t>
  </si>
  <si>
    <t>POINT (4.680170044902335 51.77768182461073)</t>
  </si>
  <si>
    <t>POINT (4.701178560971267 51.78990849275743)</t>
  </si>
  <si>
    <t>POINT (4.662833956095117 51.795237116731684)</t>
  </si>
  <si>
    <t>POINT (4.711803586779465 51.80341113641825)</t>
  </si>
  <si>
    <t>POINT (4.659329959707415 51.78843218351506)</t>
  </si>
  <si>
    <t>POINT (4.692245429469803 51.78948089626381)</t>
  </si>
  <si>
    <t>POINT (4.695600244088923 51.81762973828007)</t>
  </si>
  <si>
    <t>POINT (4.660880238778721 51.805884740930836)</t>
  </si>
  <si>
    <t>POINT (4.683825633902632 51.812332737758325)</t>
  </si>
  <si>
    <t>POINT (4.666521414997796 51.78882097785298)</t>
  </si>
  <si>
    <t>POINT (4.653475385097344 51.79951538198587)</t>
  </si>
  <si>
    <t>POINT (4.697640926060162 51.79627025792272)</t>
  </si>
  <si>
    <t>POINT (4.704800078789688 51.79843128388238)</t>
  </si>
  <si>
    <t>POINT (4.6529521387651025 51.79401683591145)</t>
  </si>
  <si>
    <t>POINT (4.655997951948682 51.80737579068004)</t>
  </si>
  <si>
    <t>POINT (4.680165567461921 51.80328885821438)</t>
  </si>
  <si>
    <t>POINT (4.717063110734682 51.79560409701571)</t>
  </si>
  <si>
    <t>POINT (4.67593643420164 51.78476657912537)</t>
  </si>
  <si>
    <t>Azijngang</t>
  </si>
  <si>
    <t>POINT (4.662872379571072 51.8113256011135)</t>
  </si>
  <si>
    <t>POINT (4.676307604028526 51.772912907022615)</t>
  </si>
  <si>
    <t>POINT (4.638098615526639 51.77607196732968)</t>
  </si>
  <si>
    <t>POINT (4.727530579832319 51.79590923141523)</t>
  </si>
  <si>
    <t>POINT (4.731900405684753 51.80146695578713)</t>
  </si>
  <si>
    <t>POINT (4.684099430791994 51.78508448177449)</t>
  </si>
  <si>
    <t>POINT (4.65583695543124 51.799925045263585)</t>
  </si>
  <si>
    <t>POINT (4.696655680897473 51.78388189569997)</t>
  </si>
  <si>
    <t>POINT (4.660778736035196 51.80370228752332)</t>
  </si>
  <si>
    <t>POINT (4.718834112341945 51.799283924196494)</t>
  </si>
  <si>
    <t>POINT (4.6524262280244155 51.78564402566601)</t>
  </si>
  <si>
    <t>POINT (4.734346696187456 51.799686757377934)</t>
  </si>
  <si>
    <t>POINT (4.692221737375677 51.81832560974467)</t>
  </si>
  <si>
    <t>POINT (4.650360950134545 51.79453668564424)</t>
  </si>
  <si>
    <t>POINT (4.680375280851491 51.79861985584383)</t>
  </si>
  <si>
    <t>POINT (4.700367373291514 51.799937482568055)</t>
  </si>
  <si>
    <t>POINT (4.70609789474729 51.81533253735862)</t>
  </si>
  <si>
    <t>POINT (4.666212165969884 51.8151736820091)</t>
  </si>
  <si>
    <t>POINT (4.664274457682374 51.81770775011542)</t>
  </si>
  <si>
    <t>POINT (4.730234199628188 51.79839425598605)</t>
  </si>
  <si>
    <t>POINT (4.681891623298871 51.80402997164705)</t>
  </si>
  <si>
    <t>POINT (4.678498165402087 51.789716652971485)</t>
  </si>
  <si>
    <t>POINT (4.636387048842443 51.767519142995646)</t>
  </si>
  <si>
    <t>POINT (4.663562271923918 51.81630489376393)</t>
  </si>
  <si>
    <t>POINT (4.673113581024564 51.8037745612958)</t>
  </si>
  <si>
    <t>POINT (4.6690870808056575 51.79104398595085)</t>
  </si>
  <si>
    <t>POINT (4.674051770863775 51.7767878807387)</t>
  </si>
  <si>
    <t>POINT (4.673928413907054 51.81610818607403)</t>
  </si>
  <si>
    <t>POINT (4.683278122953152 51.812532194179056)</t>
  </si>
  <si>
    <t>POINT (4.653621228674487 51.78518826246029)</t>
  </si>
  <si>
    <t>POINT (4.679118693386111 51.788985017228214)</t>
  </si>
  <si>
    <t>POINT (4.665268947528766 51.77223338954771)</t>
  </si>
  <si>
    <t>POINT (4.659781353589942 51.793421153883365)</t>
  </si>
  <si>
    <t>POINT (4.685989821009875 51.787719460941744)</t>
  </si>
  <si>
    <t>POINT (4.665561827339097 51.81239452937746)</t>
  </si>
  <si>
    <t>POINT (4.699211086699725 51.79336530422315)</t>
  </si>
  <si>
    <t>POINT (4.691329034622913 51.79208105764135)</t>
  </si>
  <si>
    <t>POINT (4.656476376352918 51.80006499242538)</t>
  </si>
  <si>
    <t>POINT (4.674270274966905 51.79706250840105)</t>
  </si>
  <si>
    <t>POINT (4.664216493172303 51.81769651675119)</t>
  </si>
  <si>
    <t>POINT (4.680217086360129 51.81644043729938)</t>
  </si>
  <si>
    <t>POINT (4.65397582631727 51.811405261725575)</t>
  </si>
  <si>
    <t>POINT (4.705585848443942 51.79871891335029)</t>
  </si>
  <si>
    <t>POINT (4.664991432225375 51.77778127072732)</t>
  </si>
  <si>
    <t>POINT (4.669015120653828 51.8009340566626)</t>
  </si>
  <si>
    <t>POINT (4.731515091810232 51.79818559490314)</t>
  </si>
  <si>
    <t>POINT (4.73015841265512 51.79867060985036)</t>
  </si>
  <si>
    <t>POINT (4.660013593445451 51.80654446445352)</t>
  </si>
  <si>
    <t>POINT (4.674130527692478 51.81894042181996)</t>
  </si>
  <si>
    <t>POINT (4.688924362838907 51.80648480849234)</t>
  </si>
  <si>
    <t>POINT (4.682851159742513 51.80923125016804)</t>
  </si>
  <si>
    <t>POINT (4.72997324177596 51.79796297562224)</t>
  </si>
  <si>
    <t>POINT (4.66311732785031 51.80339982816298)</t>
  </si>
  <si>
    <t>POINT (4.658483132921877 51.8107914108458)</t>
  </si>
  <si>
    <t>POINT (4.667084992252311 51.78117396193339)</t>
  </si>
  <si>
    <t>POINT (4.669302208539282 51.81260954085654)</t>
  </si>
  <si>
    <t>POINT (4.699433605566032 51.797383483322236)</t>
  </si>
  <si>
    <t>POINT (4.642921312948177 51.770746128693595)</t>
  </si>
  <si>
    <t>POINT (4.708448200781003 51.78793705670406)</t>
  </si>
  <si>
    <t>POINT (4.674660386903777 51.81495257296682)</t>
  </si>
  <si>
    <t>3312PH</t>
  </si>
  <si>
    <t>POINT (4.680897276481473 51.80342993785514)</t>
  </si>
  <si>
    <t>POINT (4.66950647630975 51.80556590375187)</t>
  </si>
  <si>
    <t>POINT (4.675854575554475 51.77642104222111)</t>
  </si>
  <si>
    <t>POINT (4.706269630277291 51.81581299708789)</t>
  </si>
  <si>
    <t>POINT (4.732554693651953 51.80470929409783)</t>
  </si>
  <si>
    <t>POINT (4.666418187390052 51.775909410368335)</t>
  </si>
  <si>
    <t>POINT (4.686205259443181 51.78060888693867)</t>
  </si>
  <si>
    <t>POINT (4.6693154568283 51.8008998949534)</t>
  </si>
  <si>
    <t>POINT (4.676014219492034 51.78647491243202)</t>
  </si>
  <si>
    <t>POINT (4.67031376403072 51.77891787097203)</t>
  </si>
  <si>
    <t>POINT (4.6850773877501215 51.775235896828605)</t>
  </si>
  <si>
    <t>POINT (4.6983851708986535 51.792848642900786)</t>
  </si>
  <si>
    <t>POINT (4.669294115924746 51.81201578029402)</t>
  </si>
  <si>
    <t>POINT (4.660900989784784 51.796618127057876)</t>
  </si>
  <si>
    <t>POINT (4.726586811727464 51.798645565912715)</t>
  </si>
  <si>
    <t>POINT (4.675366756370689 51.81125352746595)</t>
  </si>
  <si>
    <t>POINT (4.652577126015231 51.802495097976085)</t>
  </si>
  <si>
    <t>POINT (4.645134770344766 51.77325195962202)</t>
  </si>
  <si>
    <t>POINT (4.688882044159593 51.80859858278631)</t>
  </si>
  <si>
    <t>POINT (4.678972843648433 51.78859405449019)</t>
  </si>
  <si>
    <t>POINT (4.6791043240887715 51.774959503138945)</t>
  </si>
  <si>
    <t>POINT (4.669075687719255 51.7955158106121)</t>
  </si>
  <si>
    <t>POINT (4.654550926340391 51.812017531782516)</t>
  </si>
  <si>
    <t>POINT (4.6609372085257075 51.77017670264483)</t>
  </si>
  <si>
    <t>POINT (4.6294462472263715 51.79631570574046)</t>
  </si>
  <si>
    <t>POINT (4.71490246675929 51.81602166011095)</t>
  </si>
  <si>
    <t>POINT (4.665840978688914 51.81303497218142)</t>
  </si>
  <si>
    <t>POINT (4.678796484313001 51.778446628024305)</t>
  </si>
  <si>
    <t>POINT (4.659073752974967 51.80718454559939)</t>
  </si>
  <si>
    <t>POINT (4.654380993707006 51.789524565309115)</t>
  </si>
  <si>
    <t>POINT (4.659905603919884 51.78751806055287)</t>
  </si>
  <si>
    <t>POINT (4.6863020554461645 51.81556054223374)</t>
  </si>
  <si>
    <t>POINT (4.638983860810152 51.78143699085636)</t>
  </si>
  <si>
    <t>POINT (4.653047552670762 51.79142392934939)</t>
  </si>
  <si>
    <t>POINT (4.683014774358532 51.799410039287075)</t>
  </si>
  <si>
    <t>POINT (4.664718192656106 51.771831608829274)</t>
  </si>
  <si>
    <t>POINT (4.655724388599137 51.802376469756524)</t>
  </si>
  <si>
    <t>POINT (4.674653265178519 51.77697608368112)</t>
  </si>
  <si>
    <t>POINT (4.685800740188691 51.77701556507091)</t>
  </si>
  <si>
    <t>POINT (4.652504329638741 51.80247454343737)</t>
  </si>
  <si>
    <t>POINT (4.6564151407747225 51.804471365076964)</t>
  </si>
  <si>
    <t>POINT (4.719774570197003 51.803787439052016)</t>
  </si>
  <si>
    <t>POINT (4.701707926745074 51.81792648443596)</t>
  </si>
  <si>
    <t>POINT (4.651718877553284 51.79074354770128)</t>
  </si>
  <si>
    <t>POINT (4.6654398342650145 51.78940571301265)</t>
  </si>
  <si>
    <t>POINT (4.663266185350954 51.81491626751049)</t>
  </si>
  <si>
    <t>POINT (4.687576919918362 51.804136007306944)</t>
  </si>
  <si>
    <t>POINT (4.6626208459104035 51.79525786799219)</t>
  </si>
  <si>
    <t>POINT (4.6691560468833035 51.81671316275833)</t>
  </si>
  <si>
    <t>POINT (4.692494421327723 51.80399740645091)</t>
  </si>
  <si>
    <t>POINT (4.698072003782917 51.79599273078555)</t>
  </si>
  <si>
    <t>POINT (4.725056686762936 51.79402161616762)</t>
  </si>
  <si>
    <t>POINT (4.672854486715208 51.81877480303141)</t>
  </si>
  <si>
    <t>POINT (4.682217302292967 51.80176040969105)</t>
  </si>
  <si>
    <t>POINT (4.6615721950439974 51.81658463012657)</t>
  </si>
  <si>
    <t>POINT (4.664625009638602 51.79114633898812)</t>
  </si>
  <si>
    <t>POINT (4.66461637228217 51.81335327781464)</t>
  </si>
  <si>
    <t>POINT (4.710808587797785 51.80501289928354)</t>
  </si>
  <si>
    <t>POINT (4.656535834356088 51.7695312438486)</t>
  </si>
  <si>
    <t>POINT (4.654828961326537 51.78967807660751)</t>
  </si>
  <si>
    <t>POINT (4.673589307697296 51.8110807742038)</t>
  </si>
  <si>
    <t>POINT (4.707849348687937 51.79690188719137)</t>
  </si>
  <si>
    <t>POINT (4.7282329690019465 51.7992031750571)</t>
  </si>
  <si>
    <t>POINT (4.651721019998119 51.78880280772049)</t>
  </si>
  <si>
    <t>POINT (4.639157274233628 51.77571143539194)</t>
  </si>
  <si>
    <t>POINT (4.668300047536128 51.770732969358875)</t>
  </si>
  <si>
    <t>POINT (4.708900872759697 51.80984527659209)</t>
  </si>
  <si>
    <t>POINT (4.680663601077908 51.7820253433072)</t>
  </si>
  <si>
    <t>POINT (4.6983431419316455 51.79292406276985)</t>
  </si>
  <si>
    <t>POINT (4.663776379186516 51.78813306583371)</t>
  </si>
  <si>
    <t>POINT (4.668915989965794 51.77766479626148)</t>
  </si>
  <si>
    <t>POINT (4.656220576212079 51.79714883043727)</t>
  </si>
  <si>
    <t>POINT (4.683911193439316 51.78202448283597)</t>
  </si>
  <si>
    <t>POINT (4.659466940693934 51.81170813284398)</t>
  </si>
  <si>
    <t>POINT (4.6609998429502015 51.809149687439444)</t>
  </si>
  <si>
    <t>POINT (4.673604384098474 51.795042342007804)</t>
  </si>
  <si>
    <t>POINT (4.665813872919487 51.78888931162048)</t>
  </si>
  <si>
    <t>POINT (4.666749189567599 51.80954151015101)</t>
  </si>
  <si>
    <t>POINT (4.681298293487104 51.79077049796209)</t>
  </si>
  <si>
    <t>POINT (4.706527022655641 51.81063783990629)</t>
  </si>
  <si>
    <t>POINT (4.652316332308581 51.78562404744235)</t>
  </si>
  <si>
    <t>POINT (4.675960538179262 51.78482712034896)</t>
  </si>
  <si>
    <t>POINT (4.7210364240485365 51.79925312362555)</t>
  </si>
  <si>
    <t>POINT (4.677876948036691 51.8081015867058)</t>
  </si>
  <si>
    <t>POINT (4.727093610526619 51.796641496637875)</t>
  </si>
  <si>
    <t>POINT (4.678139797441622 51.807161009472004)</t>
  </si>
  <si>
    <t>POINT (4.685970575172108 51.78012629231064)</t>
  </si>
  <si>
    <t>POINT (4.673492263965215 51.789501469667655)</t>
  </si>
  <si>
    <t>POINT (4.677341768999973 51.77509152629878)</t>
  </si>
  <si>
    <t>POINT (4.652403188757056 51.792015648953225)</t>
  </si>
  <si>
    <t>POINT (4.707334595433862 51.806457172712946)</t>
  </si>
  <si>
    <t>POINT (4.671110979043962 51.81549146630352)</t>
  </si>
  <si>
    <t>POINT (4.667572123507621 51.80414858561489)</t>
  </si>
  <si>
    <t>POINT (4.683231612937188 51.81863142286728)</t>
  </si>
  <si>
    <t>POINT (4.664351195973623 51.78790791862909)</t>
  </si>
  <si>
    <t>POINT (4.71113984532802 51.803813313412114)</t>
  </si>
  <si>
    <t>POINT (4.7187763692961955 51.812992488284124)</t>
  </si>
  <si>
    <t>POINT (4.6302771910872575 51.72400859155133)</t>
  </si>
  <si>
    <t>POINT (4.6532329356285 51.79180225568675)</t>
  </si>
  <si>
    <t>POINT (4.677470803905183 51.789925181797194)</t>
  </si>
  <si>
    <t>POINT (4.6353155658147225 51.77516948658083)</t>
  </si>
  <si>
    <t>POINT (4.653725288073633 51.766834372987574)</t>
  </si>
  <si>
    <t>POINT (4.672713243598865 51.77618522103772)</t>
  </si>
  <si>
    <t>POINT (4.66948247937459 51.80613802147144)</t>
  </si>
  <si>
    <t>POINT (4.674365843140269 51.79698882455219)</t>
  </si>
  <si>
    <t>POINT (4.710836353852491 51.80537640751817)</t>
  </si>
  <si>
    <t>POINT (4.6619963569021206 51.79499471237879)</t>
  </si>
  <si>
    <t>POINT (4.665827828222745 51.800548403380276)</t>
  </si>
  <si>
    <t>POINT (4.70024654930979 51.79595387947015)</t>
  </si>
  <si>
    <t>POINT (4.690707701605015 51.81788689598173)</t>
  </si>
  <si>
    <t>POINT (4.699636311567017 51.7986524688418)</t>
  </si>
  <si>
    <t>POINT (4.668198742533909 51.79012271307613)</t>
  </si>
  <si>
    <t>POINT (4.65171309308635 51.7904208705359)</t>
  </si>
  <si>
    <t>POINT (4.72599991207504 51.7971060734987)</t>
  </si>
  <si>
    <t>POINT (4.668051637806344 51.77393443236766)</t>
  </si>
  <si>
    <t>POINT (4.696850344858058 51.79742644142529)</t>
  </si>
  <si>
    <t>POINT (4.711740554608826 51.807669828972244)</t>
  </si>
  <si>
    <t>POINT (4.66690332801022 51.81467225925684)</t>
  </si>
  <si>
    <t>POINT (4.6879763914413335 51.80712238345898)</t>
  </si>
  <si>
    <t>POINT (4.671396653767697 51.81692558067263)</t>
  </si>
  <si>
    <t>POINT (4.657070769465318 51.81395917964731)</t>
  </si>
  <si>
    <t>POINT (4.6581844865312565 51.80412889104261)</t>
  </si>
  <si>
    <t>POINT (4.6753004132510965 51.81571049858466)</t>
  </si>
  <si>
    <t>POINT (4.657342965092286 51.79076669107956)</t>
  </si>
  <si>
    <t>POINT (4.673593037564686 51.787285173282974)</t>
  </si>
  <si>
    <t>POINT (4.677732428193274 51.790809283104124)</t>
  </si>
  <si>
    <t>3319GC</t>
  </si>
  <si>
    <t>POINT (4.708235057084355 51.79818231633284)</t>
  </si>
  <si>
    <t>POINT (4.682644848866395 51.80997789578155)</t>
  </si>
  <si>
    <t>POINT (4.669800721644913 51.78191154268182)</t>
  </si>
  <si>
    <t>POINT (4.654905458186682 51.80358843126652)</t>
  </si>
  <si>
    <t>POINT (4.712767997504923 51.804245634871236)</t>
  </si>
  <si>
    <t>POINT (4.6803262462999005 51.78576899049123)</t>
  </si>
  <si>
    <t>POINT (4.66200943184181 51.81258559935617)</t>
  </si>
  <si>
    <t>POINT (4.655051260543349 51.79956332051904)</t>
  </si>
  <si>
    <t>POINT (4.731287120058671 51.801892376942895)</t>
  </si>
  <si>
    <t>POINT (4.6668522247514685 51.7962705333141)</t>
  </si>
  <si>
    <t>POINT (4.682209779919833 51.809982195104396)</t>
  </si>
  <si>
    <t>POINT (4.669917385586601 51.81766339061106)</t>
  </si>
  <si>
    <t>POINT (4.683160445528848 51.804221895405064)</t>
  </si>
  <si>
    <t>POINT (4.681438791689653 51.81129662972351)</t>
  </si>
  <si>
    <t>POINT (4.686052568633501 51.81025802472271)</t>
  </si>
  <si>
    <t>POINT (4.678288967827243 51.81721624020885)</t>
  </si>
  <si>
    <t>POINT (4.667238625555089 51.81458426819623)</t>
  </si>
  <si>
    <t>POINT (4.659322519676634 51.78977915830581)</t>
  </si>
  <si>
    <t>POINT (4.658859869472347 51.79257842634665)</t>
  </si>
  <si>
    <t>POINT (4.655322469139982 51.7996803646154)</t>
  </si>
  <si>
    <t>POINT (4.6668171055142045 51.78168905995127)</t>
  </si>
  <si>
    <t>POINT (4.667716979360278 51.77941606191724)</t>
  </si>
  <si>
    <t>POINT (4.693076457032418 51.789914908986205)</t>
  </si>
  <si>
    <t>POINT (4.668383297389209 51.79198524188409)</t>
  </si>
  <si>
    <t>POINT (4.655629777080401 51.791965882262986)</t>
  </si>
  <si>
    <t>POINT (4.667424900219669 51.81798936759496)</t>
  </si>
  <si>
    <t>POINT (4.705789140721894 51.808530869892145)</t>
  </si>
  <si>
    <t>POINT (4.659904804890479 51.81277775030171)</t>
  </si>
  <si>
    <t>POINT (4.675749810522113 51.78462951127067)</t>
  </si>
  <si>
    <t>POINT (4.663542134575021 51.79231727405096)</t>
  </si>
  <si>
    <t>POINT (4.664438988708016 51.80236422806802)</t>
  </si>
  <si>
    <t>POINT (4.6936052100209995 51.817764192203654)</t>
  </si>
  <si>
    <t>POINT (4.661504636472253 51.79955270827666)</t>
  </si>
  <si>
    <t>POINT (4.680537042441431 51.80294377358671)</t>
  </si>
  <si>
    <t>POINT (4.698621783670059 51.79950064911888)</t>
  </si>
  <si>
    <t>POINT (4.651022580685096 51.793552557475394)</t>
  </si>
  <si>
    <t>POINT (4.672356232492606 51.78716417854273)</t>
  </si>
  <si>
    <t>POINT (4.7322366485552285 51.796828547086164)</t>
  </si>
  <si>
    <t>POINT (4.6726094331674135 51.783645790699964)</t>
  </si>
  <si>
    <t>POINT (4.695496824829426 51.817960234660646)</t>
  </si>
  <si>
    <t>POINT (4.662195503029748 51.79086676698126)</t>
  </si>
  <si>
    <t>POINT (4.711754132064681 51.816278841683506)</t>
  </si>
  <si>
    <t>POINT (4.673733313059423 51.77636550606565)</t>
  </si>
  <si>
    <t>POINT (4.676286533142994 51.77290946246511)</t>
  </si>
  <si>
    <t>POINT (4.667488350398738 51.79575365035334)</t>
  </si>
  <si>
    <t>POINT (4.6802043352683445 51.78987349956659)</t>
  </si>
  <si>
    <t>POINT (4.7082977637002745 51.79737284592582)</t>
  </si>
  <si>
    <t>POINT (4.676676574054256 51.80792027680923)</t>
  </si>
  <si>
    <t>POINT (4.659501374302182 51.79138278363831)</t>
  </si>
  <si>
    <t>POINT (4.680542611707415 51.78179924083119)</t>
  </si>
  <si>
    <t>POINT (4.67243297455369 51.809742927354954)</t>
  </si>
  <si>
    <t>POINT (4.717158550022699 51.814957499345674)</t>
  </si>
  <si>
    <t>POINT (4.660813628886305 51.80416715601043)</t>
  </si>
  <si>
    <t>POINT (4.6670482436207195 51.79154103019236)</t>
  </si>
  <si>
    <t>POINT (4.66611969702565 51.78153655981002)</t>
  </si>
  <si>
    <t>POINT (4.7270938761203825 51.79744356394455)</t>
  </si>
  <si>
    <t>POINT (4.6684032341251465 51.77426319277917)</t>
  </si>
  <si>
    <t>POINT (4.672163729861114 51.788640073306105)</t>
  </si>
  <si>
    <t>POINT (4.681088696227914 51.78560019064924)</t>
  </si>
  <si>
    <t>POINT (4.707052536803297 51.80852548948681)</t>
  </si>
  <si>
    <t>POINT (4.6584809949187065 51.80522353331087)</t>
  </si>
  <si>
    <t>POINT (4.6524033117437416 51.79255183536093)</t>
  </si>
  <si>
    <t>POINT (4.65254713152918 51.80400793312384)</t>
  </si>
  <si>
    <t>POINT (4.684038379957144 51.776709005738624)</t>
  </si>
  <si>
    <t>POINT (4.675911908255382 51.77291277299873)</t>
  </si>
  <si>
    <t>POINT (4.704865224623654 51.78477503484402)</t>
  </si>
  <si>
    <t>POINT (4.685460659617319 51.784591441516135)</t>
  </si>
  <si>
    <t>POINT (4.657537103580857 51.800892702507305)</t>
  </si>
  <si>
    <t>POINT (4.64449103848442 51.77385792339032)</t>
  </si>
  <si>
    <t>POINT (4.720441929242781 51.81131878728873)</t>
  </si>
  <si>
    <t>POINT (4.6617204772614365 51.79754015247174)</t>
  </si>
  <si>
    <t>POINT (4.63064387597543 51.72419458255197)</t>
  </si>
  <si>
    <t>POINT (4.6670496580024805 51.79419825994009)</t>
  </si>
  <si>
    <t>POINT (4.663663967599097 51.813825346735854)</t>
  </si>
  <si>
    <t>POINT (4.669724155417078 51.819178768788234)</t>
  </si>
  <si>
    <t>POINT (4.670563286966115 51.79995608853888)</t>
  </si>
  <si>
    <t>POINT (4.670472966248675 51.80150695731412)</t>
  </si>
  <si>
    <t>POINT (4.684892960449385 51.778274402407156)</t>
  </si>
  <si>
    <t>POINT (4.676553038494602 51.78365755129531)</t>
  </si>
  <si>
    <t>POINT (4.6589249970352355 51.81503634559376)</t>
  </si>
  <si>
    <t>POINT (4.670126195608706 51.81532180545016)</t>
  </si>
  <si>
    <t>POINT (4.658865490527993 51.782616192090394)</t>
  </si>
  <si>
    <t>POINT (4.734267330917247 51.796682681261224)</t>
  </si>
  <si>
    <t>POINT (4.707799070235536 51.79685111573312)</t>
  </si>
  <si>
    <t>POINT (4.723673007667646 51.80182872173394)</t>
  </si>
  <si>
    <t>POINT (4.67971491063755 51.78923673834049)</t>
  </si>
  <si>
    <t>POINT (4.667974997590836 51.80231125132647)</t>
  </si>
  <si>
    <t>POINT (4.679289288837242 51.785118328579685)</t>
  </si>
  <si>
    <t>POINT (4.6782255903310395 51.805907958276734)</t>
  </si>
  <si>
    <t>POINT (4.7174521152451705 51.80239281263742)</t>
  </si>
  <si>
    <t>POINT (4.733955796188509 51.795833893563376)</t>
  </si>
  <si>
    <t>POINT (4.684132967473985 51.77968405017413)</t>
  </si>
  <si>
    <t>POINT (4.682941048047653 51.79874099188217)</t>
  </si>
  <si>
    <t>POINT (4.723655924168204 51.79831492789209)</t>
  </si>
  <si>
    <t>POINT (4.716957016101 51.804940226354084)</t>
  </si>
  <si>
    <t>POINT (4.681884993129651 51.80213070557656)</t>
  </si>
  <si>
    <t>POINT (4.684090657145388 51.80974366677739)</t>
  </si>
  <si>
    <t>POINT (4.667972709250469 51.813674639108385)</t>
  </si>
  <si>
    <t>POINT (4.682347872531772 51.779253573220544)</t>
  </si>
  <si>
    <t>POINT (4.687519355557788 51.809128257367895)</t>
  </si>
  <si>
    <t>POINT (4.676719752475654 51.77507572402615)</t>
  </si>
  <si>
    <t>POINT (4.708971913505483 51.8186871307477)</t>
  </si>
  <si>
    <t>POINT (4.707599494617495 51.78681515684374)</t>
  </si>
  <si>
    <t>POINT (4.683860502231981 51.78679317493705)</t>
  </si>
  <si>
    <t>POINT (4.660601095147343 51.80994907283781)</t>
  </si>
  <si>
    <t>POINT (4.652461914391983 51.783141007625)</t>
  </si>
  <si>
    <t>POINT (4.682311502076914 51.78673657872116)</t>
  </si>
  <si>
    <t>POINT (4.659716928832371 51.79659533042326)</t>
  </si>
  <si>
    <t>POINT (4.6790158152294365 51.79987392958174)</t>
  </si>
  <si>
    <t>POINT (4.668122079469208 51.78932614091666)</t>
  </si>
  <si>
    <t>POINT (4.670957270383891 51.81873610324854)</t>
  </si>
  <si>
    <t>POINT (4.684354653705531 51.78537099775561)</t>
  </si>
  <si>
    <t>POINT (4.651578634035469 51.80100971517438)</t>
  </si>
  <si>
    <t>POINT (4.688628077919101 51.768155683098236)</t>
  </si>
  <si>
    <t>POINT (4.677778221657745 51.782065850905795)</t>
  </si>
  <si>
    <t>POINT (4.672984573347161 51.81068971028779)</t>
  </si>
  <si>
    <t>POINT (4.667987234915723 51.81582854943964)</t>
  </si>
  <si>
    <t>POINT (4.678126363505297 51.805432477967756)</t>
  </si>
  <si>
    <t>POINT (4.669783886311902 51.791007269810905)</t>
  </si>
  <si>
    <t>POINT (4.669595544267692 51.80558615168826)</t>
  </si>
  <si>
    <t>POINT (4.7120987901288345 51.79319798296001)</t>
  </si>
  <si>
    <t>POINT (4.668560102462907 51.814597491417764)</t>
  </si>
  <si>
    <t>POINT (4.727768276458317 51.80423870594197)</t>
  </si>
  <si>
    <t>POINT (4.667293049727495 51.787554443544046)</t>
  </si>
  <si>
    <t>POINT (4.683760664448944 51.788980962654435)</t>
  </si>
  <si>
    <t>POINT (4.700172931659171 51.79056509092125)</t>
  </si>
  <si>
    <t>POINT (4.679535063821127 51.80840514106292)</t>
  </si>
  <si>
    <t>POINT (4.69310446762114 51.792965957956966)</t>
  </si>
  <si>
    <t>POINT (4.716000668990127 51.80822010924366)</t>
  </si>
  <si>
    <t>POINT (4.715499256291032 51.803189576207544)</t>
  </si>
  <si>
    <t>POINT (4.675794861158174 51.785472933467986)</t>
  </si>
  <si>
    <t>POINT (4.716803888998327 51.79521379383012)</t>
  </si>
  <si>
    <t>POINT (4.6695191597787185 51.813745382476604)</t>
  </si>
  <si>
    <t>POINT (4.683492536828447 51.77798821284819)</t>
  </si>
  <si>
    <t>POINT (4.678968388432569 51.78788990729896)</t>
  </si>
  <si>
    <t>POINT (4.64996490721513 51.793158924590614)</t>
  </si>
  <si>
    <t>POINT (4.665668148946725 51.80145179172317)</t>
  </si>
  <si>
    <t>POINT (4.7122038873875205 51.80603814337431)</t>
  </si>
  <si>
    <t>POINT (4.681183401067683 51.78043867801903)</t>
  </si>
  <si>
    <t>POINT (4.663324402758044 51.78991597390909)</t>
  </si>
  <si>
    <t>POINT (4.643339090917149 51.775247373641946)</t>
  </si>
  <si>
    <t>POINT (4.678928637476239 51.78832716498346)</t>
  </si>
  <si>
    <t>POINT (4.663548116069655 51.81678920626195)</t>
  </si>
  <si>
    <t>POINT (4.673149226199495 51.813587393130256)</t>
  </si>
  <si>
    <t>POINT (4.674382528406236 51.78390164701101)</t>
  </si>
  <si>
    <t>POINT (4.673867256031391 51.78246604800558)</t>
  </si>
  <si>
    <t>POINT (4.698272835349129 51.792639526972934)</t>
  </si>
  <si>
    <t>POINT (4.693467678857777 51.789299431197726)</t>
  </si>
  <si>
    <t>POINT (4.663204038540862 51.81398089070862)</t>
  </si>
  <si>
    <t>POINT (4.669870970270017 51.80449563882976)</t>
  </si>
  <si>
    <t>POINT (4.6744827861515805 51.78628830668611)</t>
  </si>
  <si>
    <t>POINT (4.6648697833048685 51.794876260351714)</t>
  </si>
  <si>
    <t>POINT (4.6928099708476845 51.79212818733419)</t>
  </si>
  <si>
    <t>POINT (4.732815683088889 51.801314753802174)</t>
  </si>
  <si>
    <t>POINT (4.663575247473076 51.81123733600099)</t>
  </si>
  <si>
    <t>POINT (4.731589236113919 51.80439378695682)</t>
  </si>
  <si>
    <t>POINT (4.657995538949286 51.771737336516345)</t>
  </si>
  <si>
    <t>POINT (4.658502101067625 51.79573746905143)</t>
  </si>
  <si>
    <t>POINT (4.669076478867058 51.77049095001641)</t>
  </si>
  <si>
    <t>POINT (4.671343197040707 51.80519625509704)</t>
  </si>
  <si>
    <t>POINT (4.656076664112469 51.79297577207476)</t>
  </si>
  <si>
    <t>POINT (4.663978284488808 51.81690116025151)</t>
  </si>
  <si>
    <t>POINT (4.674871788401102 51.815528277178956)</t>
  </si>
  <si>
    <t>POINT (4.685434391118747 51.78777604912294)</t>
  </si>
  <si>
    <t>POINT (4.731156385140737 51.797740278944744)</t>
  </si>
  <si>
    <t>POINT (4.654993976129153 51.80404197807591)</t>
  </si>
  <si>
    <t>POINT (4.682165998204478 51.81863548006992)</t>
  </si>
  <si>
    <t>POINT (4.72009034576732 51.80289437029558)</t>
  </si>
  <si>
    <t>POINT (4.674110686743086 51.78104057141335)</t>
  </si>
  <si>
    <t>POINT (4.6926725296486165 51.79614354106103)</t>
  </si>
  <si>
    <t>POINT (4.657280121114965 51.80126195979074)</t>
  </si>
  <si>
    <t>POINT (4.719786089056393 51.811286430365016)</t>
  </si>
  <si>
    <t>POINT (4.699033221438034 51.79899928429215)</t>
  </si>
  <si>
    <t>POINT (4.651398735934317 51.792486761724305)</t>
  </si>
  <si>
    <t>POINT (4.659078083142339 51.78382562224085)</t>
  </si>
  <si>
    <t>POINT (4.695792303809807 51.79220359899794)</t>
  </si>
  <si>
    <t>POINT (4.719812730439513 51.811378364841985)</t>
  </si>
  <si>
    <t>POINT (4.7341703076392205 51.802363957778496)</t>
  </si>
  <si>
    <t>POINT (4.661093946295324 51.804877352717625)</t>
  </si>
  <si>
    <t>POINT (4.715798368008082 51.800551187014754)</t>
  </si>
  <si>
    <t>POINT (4.661121856085526 51.78933178600967)</t>
  </si>
  <si>
    <t>POINT (4.670064656792001 51.79963100412403)</t>
  </si>
  <si>
    <t>POINT (4.683333466629522 51.801106928465856)</t>
  </si>
  <si>
    <t>POINT (4.707902908930339 51.81036464762514)</t>
  </si>
  <si>
    <t>POINT (4.677945080941719 51.7876109987257)</t>
  </si>
  <si>
    <t>POINT (4.655522282879686 51.79034541036252)</t>
  </si>
  <si>
    <t>POINT (4.652322827794344 51.803218848735185)</t>
  </si>
  <si>
    <t>POINT (4.683569386804166 51.7850913259294)</t>
  </si>
  <si>
    <t>POINT (4.678193207013081 51.81713293905939)</t>
  </si>
  <si>
    <t>POINT (4.697393432486944 51.79283063617368)</t>
  </si>
  <si>
    <t>POINT (4.674619316253258 51.80565590447767)</t>
  </si>
  <si>
    <t>POINT (4.66411977701796 51.786553314492195)</t>
  </si>
  <si>
    <t>POINT (4.688187594759912 51.80606011175792)</t>
  </si>
  <si>
    <t>POINT (4.679040155752591 51.81514811525369)</t>
  </si>
  <si>
    <t>POINT (4.642818792868787 51.769262173682506)</t>
  </si>
  <si>
    <t>POINT (4.660258345752741 51.793147968528245)</t>
  </si>
  <si>
    <t>POINT (4.664013294651152 51.811490371160986)</t>
  </si>
  <si>
    <t>POINT (4.661046897303219 51.797883443557645)</t>
  </si>
  <si>
    <t>POINT (4.6649714755547755 51.78735854727356)</t>
  </si>
  <si>
    <t>POINT (4.68273955226306 51.788131929774465)</t>
  </si>
  <si>
    <t>POINT (4.663767763772335 51.80132467503803)</t>
  </si>
  <si>
    <t>POINT (4.704413522743031 51.79829532861653)</t>
  </si>
  <si>
    <t>POINT (4.721467561539677 51.80188572044508)</t>
  </si>
  <si>
    <t>POINT (4.683202185172463 51.81354303524296)</t>
  </si>
  <si>
    <t>POINT (4.709141569117313 51.79477407912966)</t>
  </si>
  <si>
    <t>POINT (4.659794905883701 51.77019586105198)</t>
  </si>
  <si>
    <t>POINT (4.643117439347984 51.765215124689135)</t>
  </si>
  <si>
    <t>POINT (4.6660374237668725 51.81438306097645)</t>
  </si>
  <si>
    <t>POINT (4.665782508851725 51.78468598193541)</t>
  </si>
  <si>
    <t>POINT (4.680076651990781 51.774239567430186)</t>
  </si>
  <si>
    <t>POINT (4.727295748559505 51.79838671845518)</t>
  </si>
  <si>
    <t>POINT (4.660776875164634 51.79470759227738)</t>
  </si>
  <si>
    <t>POINT (4.669947167613356 51.7910686183508)</t>
  </si>
  <si>
    <t>POINT (4.680545587188894 51.781842440464466)</t>
  </si>
  <si>
    <t>POINT (4.693434918362642 51.796949400927424)</t>
  </si>
  <si>
    <t>POINT (4.7044399373664785 51.78884999345889)</t>
  </si>
  <si>
    <t>POINT (4.68483603449371 51.78749709957136)</t>
  </si>
  <si>
    <t>POINT (4.668727834483275 51.773723090236885)</t>
  </si>
  <si>
    <t>POINT (4.68316816547998 51.79820316902147)</t>
  </si>
  <si>
    <t>3314HZ</t>
  </si>
  <si>
    <t>Willem Roelofsstraat</t>
  </si>
  <si>
    <t>POINT (4.66405954936383 51.79866760019768)</t>
  </si>
  <si>
    <t>POINT (4.683922638149995 51.78197731586102)</t>
  </si>
  <si>
    <t>POINT (4.661819131290258 51.78849748029218)</t>
  </si>
  <si>
    <t>POINT (4.67017439072722 51.8123946506361)</t>
  </si>
  <si>
    <t>POINT (4.71486114506893 51.8059265600745)</t>
  </si>
  <si>
    <t>POINT (4.675216840691927 51.8158854144342)</t>
  </si>
  <si>
    <t>POINT (4.675898606667417 51.80505372168139)</t>
  </si>
  <si>
    <t>POINT (4.726903134459591 51.80080204102397)</t>
  </si>
  <si>
    <t>POINT (4.658720898520659 51.813321368391264)</t>
  </si>
  <si>
    <t>POINT (4.7187921547269225 51.81304286061747)</t>
  </si>
  <si>
    <t>POINT (4.664742384782239 51.7957600087116)</t>
  </si>
  <si>
    <t>POINT (4.720033391302245 51.79964073172542)</t>
  </si>
  <si>
    <t>POINT (4.663854294470735 51.79171688425489)</t>
  </si>
  <si>
    <t>POINT (4.633863519999072 51.77018720684724)</t>
  </si>
  <si>
    <t>POINT (4.719281748311605 51.80551147908224)</t>
  </si>
  <si>
    <t>POINT (4.675431429191952 51.77621628305423)</t>
  </si>
  <si>
    <t>POINT (4.6298430314852155 51.726725113439954)</t>
  </si>
  <si>
    <t>POINT (4.67642743457578 51.78387632128669)</t>
  </si>
  <si>
    <t>POINT (4.676067734917507 51.804344398508995)</t>
  </si>
  <si>
    <t>POINT (4.671731982037515 51.77959105685118)</t>
  </si>
  <si>
    <t>POINT (4.71865400655577 51.8153168183044)</t>
  </si>
  <si>
    <t>POINT (4.672599043846089 51.781316664203175)</t>
  </si>
  <si>
    <t>POINT (4.663999253685316 51.791711899361694)</t>
  </si>
  <si>
    <t>POINT (4.672324215631916 51.819291218071925)</t>
  </si>
  <si>
    <t>POINT (4.675377093948622 51.81609509440848)</t>
  </si>
  <si>
    <t>POINT (4.673996147257935 51.77141958274404)</t>
  </si>
  <si>
    <t>POINT (4.693441586733222 51.79552617387412)</t>
  </si>
  <si>
    <t>POINT (4.684164893834491 51.817761625282216)</t>
  </si>
  <si>
    <t>POINT (4.722083169406902 51.8045376253747)</t>
  </si>
  <si>
    <t>POINT (4.664826513208398 51.81275379518395)</t>
  </si>
  <si>
    <t>POINT (4.7291378349548205 51.799689757135596)</t>
  </si>
  <si>
    <t>POINT (4.682910420505753 51.81441537815968)</t>
  </si>
  <si>
    <t>POINT (4.683382435444085 51.79804703584117)</t>
  </si>
  <si>
    <t>POINT (4.722563127513563 51.79720588037315)</t>
  </si>
  <si>
    <t>POINT (4.730148011714471 51.79920844985957)</t>
  </si>
  <si>
    <t>POINT (4.719979115152948 51.798127372791804)</t>
  </si>
  <si>
    <t>POINT (4.708293468291398 51.818706479764984)</t>
  </si>
  <si>
    <t>POINT (4.661143837624432 51.78842343338311)</t>
  </si>
  <si>
    <t>POINT (4.6580611545075845 51.802615300331404)</t>
  </si>
  <si>
    <t>POINT (4.6796366968204515 51.77534097883273)</t>
  </si>
  <si>
    <t>POINT (4.698387836061994 51.79933922372072)</t>
  </si>
  <si>
    <t>POINT (4.635948723083822 51.77591164563517)</t>
  </si>
  <si>
    <t>POINT (4.675338342628587 51.81762424498433)</t>
  </si>
  <si>
    <t>POINT (4.7141171736472165 51.808509110097766)</t>
  </si>
  <si>
    <t>POINT (4.668094037496719 51.814317281927295)</t>
  </si>
  <si>
    <t>POINT (4.681445747158116 51.778439569948425)</t>
  </si>
  <si>
    <t>POINT (4.681807401449598 51.77497274452528)</t>
  </si>
  <si>
    <t>POINT (4.726100347038479 51.79928500160358)</t>
  </si>
  <si>
    <t>POINT (4.651925470441229 51.8100331895079)</t>
  </si>
  <si>
    <t>POINT (4.692845216429524 51.788544258835024)</t>
  </si>
  <si>
    <t>POINT (4.667296294353882 51.77214800958638)</t>
  </si>
  <si>
    <t>POINT (4.666124159060751 51.801239918190895)</t>
  </si>
  <si>
    <t>POINT (4.728663291627726 51.797729098688286)</t>
  </si>
  <si>
    <t>POINT (4.668365206637897 51.80059333344561)</t>
  </si>
  <si>
    <t>POINT (4.6823471188936026 51.80429675103291)</t>
  </si>
  <si>
    <t>POINT (4.672370878642134 51.81826297409354)</t>
  </si>
  <si>
    <t>POINT (4.732475944686476 51.79696946730253)</t>
  </si>
  <si>
    <t>POINT (4.708114667029097 51.78920335568958)</t>
  </si>
  <si>
    <t>POINT (4.70745129478554 51.79408625614757)</t>
  </si>
  <si>
    <t>POINT (4.691863302996982 51.81801561639763)</t>
  </si>
  <si>
    <t>POINT (4.652852060467738 51.78869800198873)</t>
  </si>
  <si>
    <t>POINT (4.668519293604846 51.81785149161285)</t>
  </si>
  <si>
    <t>POINT (4.662877897376677 51.79128185594963)</t>
  </si>
  <si>
    <t>POINT (4.7106039413500955 51.80569241190709)</t>
  </si>
  <si>
    <t>POINT (4.683276684358072 51.81172987531271)</t>
  </si>
  <si>
    <t>POINT (4.711103333365463 51.805611408295334)</t>
  </si>
  <si>
    <t>POINT (4.714865187312488 51.81502633268882)</t>
  </si>
  <si>
    <t>POINT (4.652227147769139 51.78519744138129)</t>
  </si>
  <si>
    <t>POINT (4.7224687654405795 51.80339829785973)</t>
  </si>
  <si>
    <t>POINT (4.683913873291882 51.81140889931779)</t>
  </si>
  <si>
    <t>POINT (4.653714703157013 51.78564688507442)</t>
  </si>
  <si>
    <t>POINT (4.682653078921714 51.798786920964275)</t>
  </si>
  <si>
    <t>POINT (4.716849048283894 51.79521745856791)</t>
  </si>
  <si>
    <t>POINT (4.661045532550262 51.80706809123462)</t>
  </si>
  <si>
    <t>POINT (4.686436531385719 51.81138589666637)</t>
  </si>
  <si>
    <t>POINT (4.675735464691444 51.774049538726274)</t>
  </si>
  <si>
    <t>POINT (4.6682421795620686 51.775827949974605)</t>
  </si>
  <si>
    <t>POINT (4.670311890376973 51.81420450634645)</t>
  </si>
  <si>
    <t>POINT (4.666448877764757 51.78088799809357)</t>
  </si>
  <si>
    <t>POINT (4.668192543728143 51.77833969452451)</t>
  </si>
  <si>
    <t>POINT (4.730287350189475 51.80071726316584)</t>
  </si>
  <si>
    <t>POINT (4.690662416978747 51.80619783833944)</t>
  </si>
  <si>
    <t>POINT (4.728636515547329 51.798328823472204)</t>
  </si>
  <si>
    <t>POINT (4.65492806250298 51.7896877738614)</t>
  </si>
  <si>
    <t>POINT (4.665432083754242 51.79603722256899)</t>
  </si>
  <si>
    <t>POINT (4.691740811249167 51.78768556254491)</t>
  </si>
  <si>
    <t>POINT (4.673493278663164 51.80500972299783)</t>
  </si>
  <si>
    <t>POINT (4.6804078783407475 51.78063352059783)</t>
  </si>
  <si>
    <t>POINT (4.721946438262649 51.79770175867767)</t>
  </si>
  <si>
    <t>POINT (4.683963192974204 51.7981651059451)</t>
  </si>
  <si>
    <t>POINT (4.6824738881040275 51.7774792328961)</t>
  </si>
  <si>
    <t>POINT (4.67199109419535 51.805956783281765)</t>
  </si>
  <si>
    <t>POINT (4.7092933668752845 51.81056595314133)</t>
  </si>
  <si>
    <t>POINT (4.713809819387062 51.80363288473938)</t>
  </si>
  <si>
    <t>POINT (4.67730078507848 51.808800836989704)</t>
  </si>
  <si>
    <t>POINT (4.6609607322676965 51.79382325349854)</t>
  </si>
  <si>
    <t>POINT (4.705579991834372 51.79213400878446)</t>
  </si>
  <si>
    <t>POINT (4.6576028708916875 51.78062609922119)</t>
  </si>
  <si>
    <t>POINT (4.676792394266514 51.78651690384162)</t>
  </si>
  <si>
    <t>POINT (4.6521210646355 51.805186208957416)</t>
  </si>
  <si>
    <t>POINT (4.682311363224606 51.813239542886095)</t>
  </si>
  <si>
    <t>POINT (4.721719312655159 51.80392541333898)</t>
  </si>
  <si>
    <t>POINT (4.667944613956293 51.81483572287351)</t>
  </si>
  <si>
    <t>POINT (4.637781935662874 51.77607526557549)</t>
  </si>
  <si>
    <t>POINT (4.66644838218578 51.77597853039351)</t>
  </si>
  <si>
    <t>POINT (4.6583664391954915 51.80973743664662)</t>
  </si>
  <si>
    <t>POINT (4.719744965333498 51.81129705474776)</t>
  </si>
  <si>
    <t>POINT (4.681292454772335 51.78131845609348)</t>
  </si>
  <si>
    <t>POINT (4.630118763501893 51.721381679126566)</t>
  </si>
  <si>
    <t>POINT (4.703931639966871 51.79893328907328)</t>
  </si>
  <si>
    <t>POINT (4.693583839640669 51.81099381181518)</t>
  </si>
  <si>
    <t>POINT (4.718674921135731 51.81541156976898)</t>
  </si>
  <si>
    <t>POINT (4.681913432437444 51.80465281111282)</t>
  </si>
  <si>
    <t>POINT (4.6652419796614915 51.79812102578395)</t>
  </si>
  <si>
    <t>POINT (4.673932745222927 51.816635568563946)</t>
  </si>
  <si>
    <t>POINT (4.7324408873145325 51.795808271713675)</t>
  </si>
  <si>
    <t>POINT (4.680918567679315 51.80758712084971)</t>
  </si>
  <si>
    <t>POINT (4.672084762052445 51.79316576004806)</t>
  </si>
  <si>
    <t>POINT (4.682218397942311 51.806561455821495)</t>
  </si>
  <si>
    <t>POINT (4.683193334018522 51.8063642640606)</t>
  </si>
  <si>
    <t>POINT (4.678731508666314 51.77717082835428)</t>
  </si>
  <si>
    <t>POINT (4.723883104109753 51.80563368672523)</t>
  </si>
  <si>
    <t>POINT (4.630235517802065 51.72265108565416)</t>
  </si>
  <si>
    <t>POINT (4.653465493681132 51.79186662244105)</t>
  </si>
  <si>
    <t>POINT (4.667736145682452 51.773012619003595)</t>
  </si>
  <si>
    <t>POINT (4.65422356524075 51.79146608734565)</t>
  </si>
  <si>
    <t>POINT (4.719840059150528 51.80432651893199)</t>
  </si>
  <si>
    <t>POINT (4.676814044651193 51.7865152462057)</t>
  </si>
  <si>
    <t>POINT (4.6825050632366 51.785612815809515)</t>
  </si>
  <si>
    <t>POINT (4.66033050820445 51.793947529375636)</t>
  </si>
  <si>
    <t>POINT (4.6623639396082845 51.793971588966315)</t>
  </si>
  <si>
    <t>POINT (4.7286804796372035 51.80550728949546)</t>
  </si>
  <si>
    <t>POINT (4.685942808059336 51.77710018924565)</t>
  </si>
  <si>
    <t>POINT (4.677762043119921 51.79072528310483)</t>
  </si>
  <si>
    <t>POINT (4.669521934885207 51.80584274187507)</t>
  </si>
  <si>
    <t>POINT (4.6847759434514 51.79250932577682)</t>
  </si>
  <si>
    <t>POINT (4.711954478521424 51.80081098560519)</t>
  </si>
  <si>
    <t>POINT (4.6672191401662 51.776955915281206)</t>
  </si>
  <si>
    <t>POINT (4.707788204628211 51.78954358313531)</t>
  </si>
  <si>
    <t>POINT (4.7190335762669156 51.80368430186757)</t>
  </si>
  <si>
    <t>POINT (4.658153222056295 51.798009748787585)</t>
  </si>
  <si>
    <t>POINT (4.662350920786828 51.79771362094313)</t>
  </si>
  <si>
    <t>POINT (4.733594171325804 51.79540351682343)</t>
  </si>
  <si>
    <t>POINT (4.668249397269426 51.79626954855096)</t>
  </si>
  <si>
    <t>POINT (4.65602118323961 51.77066937133601)</t>
  </si>
  <si>
    <t>POINT (4.65677729778339 51.79783303018037)</t>
  </si>
  <si>
    <t>POINT (4.657034004353896 51.787214074800964)</t>
  </si>
  <si>
    <t>POINT (4.690353402123522 51.80654844917097)</t>
  </si>
  <si>
    <t>POINT (4.68709296867224 51.75604957284623)</t>
  </si>
  <si>
    <t>POINT (4.629745228459423 51.72853794383794)</t>
  </si>
  <si>
    <t>POINT (4.681292036628743 51.778464020049704)</t>
  </si>
  <si>
    <t>POINT (4.658813971926776 51.800612431679056)</t>
  </si>
  <si>
    <t>POINT (4.683907412782673 51.79991641324188)</t>
  </si>
  <si>
    <t>POINT (4.663741586089225 51.80291678845303)</t>
  </si>
  <si>
    <t>POINT (4.6669923897797645 51.804007798367756)</t>
  </si>
  <si>
    <t>POINT (4.706223548723214 51.78901718606093)</t>
  </si>
  <si>
    <t>POINT (4.6561848273929 51.803447637017754)</t>
  </si>
  <si>
    <t>POINT (4.677312039977016 51.79001667886399)</t>
  </si>
  <si>
    <t>POINT (4.715000344002846 51.814968483026696)</t>
  </si>
  <si>
    <t>POINT (4.725383291234403 51.80544672651887)</t>
  </si>
  <si>
    <t>POINT (4.67659097592215 51.78648024142812)</t>
  </si>
  <si>
    <t>POINT (4.73322018120539 51.7954785642823)</t>
  </si>
  <si>
    <t>POINT (4.667747764756866 51.7947147999611)</t>
  </si>
  <si>
    <t>POINT (4.63024899655511 51.72839988581505)</t>
  </si>
  <si>
    <t>POINT (4.695490068757881 51.81791942233236)</t>
  </si>
  <si>
    <t>POINT (4.65243826753804 51.785470744655434)</t>
  </si>
  <si>
    <t>POINT (4.711153694515189 51.79963964701142)</t>
  </si>
  <si>
    <t>POINT (4.657325317053131 51.79884012804782)</t>
  </si>
  <si>
    <t>POINT (4.6742997272561 51.79704266955913)</t>
  </si>
  <si>
    <t>POINT (4.711099665038767 51.79219030805206)</t>
  </si>
  <si>
    <t>POINT (4.6609779764507655 51.79664098549154)</t>
  </si>
  <si>
    <t>POINT (4.666610762474685 51.81258302270661)</t>
  </si>
  <si>
    <t>POINT (4.6683343203666885 51.79300388257986)</t>
  </si>
  <si>
    <t>POINT (4.681917678065933 51.77522714086115)</t>
  </si>
  <si>
    <t>POINT (4.632561823621711 51.781220550362384)</t>
  </si>
  <si>
    <t>POINT (4.65407111584603 51.765616422401564)</t>
  </si>
  <si>
    <t>POINT (4.677730801803343 51.790669373271)</t>
  </si>
  <si>
    <t>POINT (4.717917294669967 51.81383415972291)</t>
  </si>
  <si>
    <t>POINT (4.676630009016178 51.77851930223408)</t>
  </si>
  <si>
    <t>POINT (4.727461277783774 51.80228979844273)</t>
  </si>
  <si>
    <t>POINT (4.660417021427892 51.770961413856256)</t>
  </si>
  <si>
    <t>POINT (4.6855784435182 51.78741177229725)</t>
  </si>
  <si>
    <t>POINT (4.66535204408691 51.80025146604217)</t>
  </si>
  <si>
    <t>POINT (4.666933164584793 51.79390162788838)</t>
  </si>
  <si>
    <t>POINT (4.702887795934918 51.79942054828283)</t>
  </si>
  <si>
    <t>POINT (4.6547848719972515 51.78968949566072)</t>
  </si>
  <si>
    <t>POINT (4.6988062032043105 51.795924673234246)</t>
  </si>
  <si>
    <t>POINT (4.646356766041531 51.78024154855697)</t>
  </si>
  <si>
    <t>POINT (4.670411816142415 51.804712218488305)</t>
  </si>
  <si>
    <t>POINT (4.713246247494122 51.80478727919107)</t>
  </si>
  <si>
    <t>POINT (4.6783587372359605 51.78137991818003)</t>
  </si>
  <si>
    <t>POINT (4.705819831926443 51.7896261972407)</t>
  </si>
  <si>
    <t>POINT (4.669421830821687 51.77052600789475)</t>
  </si>
  <si>
    <t>POINT (4.665001607815964 51.799868926014895)</t>
  </si>
  <si>
    <t>POINT (4.696733888442969 51.81775503640661)</t>
  </si>
  <si>
    <t>POINT (4.663644326683755 51.80314371047113)</t>
  </si>
  <si>
    <t>POINT (4.667726948579228 51.789118847704565)</t>
  </si>
  <si>
    <t>POINT (4.67163848610432 51.79261738915968)</t>
  </si>
  <si>
    <t>POINT (4.715766122478285 51.81347970144244)</t>
  </si>
  <si>
    <t>POINT (4.661680135608653 51.802030844233904)</t>
  </si>
  <si>
    <t>POINT (4.670546856953774 51.77951713448467)</t>
  </si>
  <si>
    <t>POINT (4.731202609025242 51.79857608551085)</t>
  </si>
  <si>
    <t>POINT (4.690131785964681 51.81813879945352)</t>
  </si>
  <si>
    <t>POINT (4.716907816772459 51.79526520949761)</t>
  </si>
  <si>
    <t>POINT (4.710502286161358 51.80834946330654)</t>
  </si>
  <si>
    <t>POINT (4.651414989353252 51.792795787723534)</t>
  </si>
  <si>
    <t>POINT (4.685595884614861 51.7882670693888)</t>
  </si>
  <si>
    <t>POINT (4.662843104018342 51.80528403468118)</t>
  </si>
  <si>
    <t>POINT (4.674308520426582 51.804569703247)</t>
  </si>
  <si>
    <t>POINT (4.664743942132843 51.817874855225796)</t>
  </si>
  <si>
    <t>POINT (4.679194032010227 51.78423587264259)</t>
  </si>
  <si>
    <t>POINT (4.6835056388265 51.78230295623554)</t>
  </si>
  <si>
    <t>POINT (4.691216558595489 51.81113444560814)</t>
  </si>
  <si>
    <t>POINT (4.675453252232473 51.783230499618725)</t>
  </si>
  <si>
    <t>POINT (4.6743396893632605 51.80349866658742)</t>
  </si>
  <si>
    <t>POINT (4.704412119104696 51.7986590736134)</t>
  </si>
  <si>
    <t>POINT (4.6698725874870926 51.781648990599805)</t>
  </si>
  <si>
    <t>POINT (4.698430621532509 51.79323741814245)</t>
  </si>
  <si>
    <t>POINT (4.667959382626546 51.79415364782428)</t>
  </si>
  <si>
    <t>POINT (4.7109998309876975 51.792058165600416)</t>
  </si>
  <si>
    <t>POINT (4.666756171955481 51.80234227241166)</t>
  </si>
  <si>
    <t>POINT (4.705260707180157 51.82138144392235)</t>
  </si>
  <si>
    <t>POINT (4.705289855384076 51.815878489310805)</t>
  </si>
  <si>
    <t>POINT (4.653430110870459 51.790175183952464)</t>
  </si>
  <si>
    <t>POINT (4.675066794866406 51.80455746296381)</t>
  </si>
  <si>
    <t>POINT (4.7298916259501045 51.79645563533595)</t>
  </si>
  <si>
    <t>POINT (4.677612586800559 51.79035574393609)</t>
  </si>
  <si>
    <t>POINT (4.729666215474298 51.797552721572416)</t>
  </si>
  <si>
    <t>POINT (4.670514271490137 51.81267552857376)</t>
  </si>
  <si>
    <t>POINT (4.676893015542535 51.78993380151895)</t>
  </si>
  <si>
    <t>POINT (4.716318793274144 51.801400624996)</t>
  </si>
  <si>
    <t>POINT (4.68915005806443 51.809486549494075)</t>
  </si>
  <si>
    <t>3311CC</t>
  </si>
  <si>
    <t>Grotekerksplein</t>
  </si>
  <si>
    <t>POINT (4.661759837341196 51.81432338452244)</t>
  </si>
  <si>
    <t>POINT (4.658000376304421 51.783383774805145)</t>
  </si>
  <si>
    <t>POINT (4.670990845828745 51.818717908344674)</t>
  </si>
  <si>
    <t>POINT (4.673495104515446 51.78327186863079)</t>
  </si>
  <si>
    <t>POINT (4.696093514683215 51.792946436105694)</t>
  </si>
  <si>
    <t>POINT (4.721754672993197 51.79889066035762)</t>
  </si>
  <si>
    <t>POINT (4.665791470890531 51.78865597092713)</t>
  </si>
  <si>
    <t>POINT (4.722345608574685 51.804284653217294)</t>
  </si>
  <si>
    <t>POINT (4.6541571709664025 51.79230502030208)</t>
  </si>
  <si>
    <t>POINT (4.662788635794809 51.79333370425981)</t>
  </si>
  <si>
    <t>POINT (4.678303653059315 51.78134767539366)</t>
  </si>
  <si>
    <t>POINT (4.707580701688714 51.797135196046355)</t>
  </si>
  <si>
    <t>POINT (4.693634744325936 51.77822124372909)</t>
  </si>
  <si>
    <t>POINT (4.73022898174712 51.79638063600839)</t>
  </si>
  <si>
    <t>POINT (4.679801473025169 51.77621943221532)</t>
  </si>
  <si>
    <t>POINT (4.688576718520337 51.80933055496824)</t>
  </si>
  <si>
    <t>POINT (4.685363810537875 51.78466648395303)</t>
  </si>
  <si>
    <t>POINT (4.7211781070558905 51.81128250088229)</t>
  </si>
  <si>
    <t>POINT (4.7187348648022995 51.7993698296028)</t>
  </si>
  <si>
    <t>POINT (4.668186814605283 51.81411600969295)</t>
  </si>
  <si>
    <t>POINT (4.687798234716224 51.809741463606876)</t>
  </si>
  <si>
    <t>POINT (4.670117236438502 51.780852172407236)</t>
  </si>
  <si>
    <t>POINT (4.657659848670902 51.79646480496821)</t>
  </si>
  <si>
    <t>POINT (4.668793690355922 51.80188155597726)</t>
  </si>
  <si>
    <t>POINT (4.701516626469312 51.79498236243329)</t>
  </si>
  <si>
    <t>POINT (4.693866548254728 51.790838727563376)</t>
  </si>
  <si>
    <t>POINT (4.685194799553583 51.81299807031945)</t>
  </si>
  <si>
    <t>POINT (4.6792090649384 51.78507246047922)</t>
  </si>
  <si>
    <t>POINT (4.668069397322421 51.79201557854863)</t>
  </si>
  <si>
    <t>POINT (4.682472708818828 51.80984697587663)</t>
  </si>
  <si>
    <t>POINT (4.666478047799842 51.80174063225261)</t>
  </si>
  <si>
    <t>POINT (4.684722148869016 51.77578739276296)</t>
  </si>
  <si>
    <t>POINT (4.683705844754726 51.807725957288056)</t>
  </si>
  <si>
    <t>POINT (4.675226546795135 51.80489366519998)</t>
  </si>
  <si>
    <t>3316AB</t>
  </si>
  <si>
    <t>Lorentzstraat</t>
  </si>
  <si>
    <t>POINT (4.647099434859706 51.80008908461434)</t>
  </si>
  <si>
    <t>POINT (4.6698659238863955 51.792186189706754)</t>
  </si>
  <si>
    <t>POINT (4.669365318162163 51.816617248460346)</t>
  </si>
  <si>
    <t>POINT (4.675721324947318 51.81043052657879)</t>
  </si>
  <si>
    <t>POINT (4.661675063395092 51.78790687618021)</t>
  </si>
  <si>
    <t>POINT (4.683276618540213 51.8020172930931)</t>
  </si>
  <si>
    <t>POINT (4.729949145807932 51.80080648701169)</t>
  </si>
  <si>
    <t>POINT (4.698311928848327 51.796827515250634)</t>
  </si>
  <si>
    <t>POINT (4.722788710799088 51.80369753512278)</t>
  </si>
  <si>
    <t>POINT (4.710270667258251 51.79295434591932)</t>
  </si>
  <si>
    <t>POINT (4.663171979421369 51.7987277887141)</t>
  </si>
  <si>
    <t>POINT (4.67268271290172 51.780832008518956)</t>
  </si>
  <si>
    <t>POINT (4.672991177736164 51.796593357405825)</t>
  </si>
  <si>
    <t>POINT (4.721354044384907 51.80586350350794)</t>
  </si>
  <si>
    <t>POINT (4.668308430175891 51.79182873932347)</t>
  </si>
  <si>
    <t>POINT (4.71041013628122 51.80027455261522)</t>
  </si>
  <si>
    <t>POINT (4.66847429304561 51.790587193811206)</t>
  </si>
  <si>
    <t>POINT (4.668427558433261 51.7923214117329)</t>
  </si>
  <si>
    <t>POINT (4.736279388473155 51.800387175288144)</t>
  </si>
  <si>
    <t>POINT (4.711070249420171 51.80981681674144)</t>
  </si>
  <si>
    <t>POINT (4.66362020301889 51.81709695559884)</t>
  </si>
  <si>
    <t>POINT (4.631091330563148 51.73222343830257)</t>
  </si>
  <si>
    <t>POINT (4.683360918914162 51.81171255603682)</t>
  </si>
  <si>
    <t>POINT (4.663641276236013 51.801836448294324)</t>
  </si>
  <si>
    <t>POINT (4.663674669748935 51.79076251562037)</t>
  </si>
  <si>
    <t>POINT (4.718903730541561 51.796956125410695)</t>
  </si>
  <si>
    <t>POINT (4.687004232708293 51.79595083021471)</t>
  </si>
  <si>
    <t>POINT (4.682583859318498 51.786465938536416)</t>
  </si>
  <si>
    <t>POINT (4.6698808479156435 51.81253574068695)</t>
  </si>
  <si>
    <t>POINT (4.651510241043769 51.79515018684332)</t>
  </si>
  <si>
    <t>POINT (4.685790480304111 51.804296387473)</t>
  </si>
  <si>
    <t>POINT (4.68199083074509 51.81925787202855)</t>
  </si>
  <si>
    <t>POINT (4.733767588503529 51.80349931729865)</t>
  </si>
  <si>
    <t>POINT (4.684444140006529 51.80498045043451)</t>
  </si>
  <si>
    <t>POINT (4.678560975463821 51.78564861461713)</t>
  </si>
  <si>
    <t>POINT (4.6687542692204715 51.7734550828021)</t>
  </si>
  <si>
    <t>POINT (4.715665725026447 51.80577612221394)</t>
  </si>
  <si>
    <t>POINT (4.674348360195041 51.81077678847927)</t>
  </si>
  <si>
    <t>POINT (4.708272115537209 51.78793986691124)</t>
  </si>
  <si>
    <t>POINT (4.692074857053602 51.80762661160514)</t>
  </si>
  <si>
    <t>POINT (4.662608874691953 51.80970490565421)</t>
  </si>
  <si>
    <t>POINT (4.673019952669203 51.81833410697362)</t>
  </si>
  <si>
    <t>POINT (4.7162411134475155 51.80135373646762)</t>
  </si>
  <si>
    <t>POINT (4.67828351529957 51.77304936997688)</t>
  </si>
  <si>
    <t>POINT (4.6751396932790055 51.781064952934834)</t>
  </si>
  <si>
    <t>POINT (4.730355156803896 51.80069838012133)</t>
  </si>
  <si>
    <t>POINT (4.684895427331903 51.800521273855445)</t>
  </si>
  <si>
    <t>POINT (4.660205272576545 51.802380022526506)</t>
  </si>
  <si>
    <t>POINT (4.683275672581955 51.798307489510364)</t>
  </si>
  <si>
    <t>POINT (4.66019205946342 51.80031441932322)</t>
  </si>
  <si>
    <t>POINT (4.703801373119327 51.815293434313425)</t>
  </si>
  <si>
    <t>POINT (4.705297282139427 51.81598770851777)</t>
  </si>
  <si>
    <t>POINT (4.676518031031762 51.815321370353125)</t>
  </si>
  <si>
    <t>POINT (4.666050694703289 51.80255927602637)</t>
  </si>
  <si>
    <t>POINT (4.756570037801871 51.7878227734113)</t>
  </si>
  <si>
    <t>POINT (4.672750260637639 51.77632744119568)</t>
  </si>
  <si>
    <t>POINT (4.7155506239768865 51.80404540972593)</t>
  </si>
  <si>
    <t>POINT (4.672853706440432 51.80941610826167)</t>
  </si>
  <si>
    <t>POINT (4.668101891416757 51.80211834084297)</t>
  </si>
  <si>
    <t>POINT (4.651722520489956 51.790817053275596)</t>
  </si>
  <si>
    <t>POINT (4.66876747603943 51.80924255223616)</t>
  </si>
  <si>
    <t>POINT (4.667434088826842 51.803289373296316)</t>
  </si>
  <si>
    <t>POINT (4.657339384092709 51.79305137359414)</t>
  </si>
  <si>
    <t>POINT (4.720942947343062 51.804956894755)</t>
  </si>
  <si>
    <t>POINT (4.668497493098014 51.8008185554524)</t>
  </si>
  <si>
    <t>POINT (4.720649886209716 51.79939863879924)</t>
  </si>
  <si>
    <t>POINT (4.7097937788932 51.79277386044655)</t>
  </si>
  <si>
    <t>POINT (4.672169727338659 51.787535497623615)</t>
  </si>
  <si>
    <t>POINT (4.693405201735447 51.79554308213679)</t>
  </si>
  <si>
    <t>POINT (4.731291376779318 51.79762595210244)</t>
  </si>
  <si>
    <t>POINT (4.664523002622501 51.814118061900906)</t>
  </si>
  <si>
    <t>POINT (4.6659562683790075 51.81308492078495)</t>
  </si>
  <si>
    <t>POINT (4.684323321913274 51.80389727494384)</t>
  </si>
  <si>
    <t>POINT (4.656925121407956 51.784351642027104)</t>
  </si>
  <si>
    <t>POINT (4.6613220667135185 51.7903786363112)</t>
  </si>
  <si>
    <t>POINT (4.7178588603311775 51.81313899595924)</t>
  </si>
  <si>
    <t>POINT (4.666045913830717 51.81274713785455)</t>
  </si>
  <si>
    <t>POINT (4.67493594723673 51.8069804119605)</t>
  </si>
  <si>
    <t>POINT (4.665850760080723 51.78468481965848)</t>
  </si>
  <si>
    <t>POINT (4.6512656236739565 51.79095762080064)</t>
  </si>
  <si>
    <t>POINT (4.653697950387658 51.78569583174891)</t>
  </si>
  <si>
    <t>POINT (4.7036486944207 51.78855467401202)</t>
  </si>
  <si>
    <t>POINT (4.666475663818396 51.81684658280484)</t>
  </si>
  <si>
    <t>POINT (4.630722800421625 51.722674232310105)</t>
  </si>
  <si>
    <t>POINT (4.676583219989832 51.774878457622584)</t>
  </si>
  <si>
    <t>POINT (4.719414774340346 51.80090108832621)</t>
  </si>
  <si>
    <t>POINT (4.686478394500927 51.7800742624204)</t>
  </si>
  <si>
    <t>POINT (4.6773747326739015 51.80477584092842)</t>
  </si>
  <si>
    <t>POINT (4.6644830922938 51.81032749632095)</t>
  </si>
  <si>
    <t>POINT (4.710686638651063 51.79254976567117)</t>
  </si>
  <si>
    <t>POINT (4.666384821087946 51.81700949291032)</t>
  </si>
  <si>
    <t>POINT (4.673416955881133 51.78164873432769)</t>
  </si>
  <si>
    <t>POINT (4.715535053992829 51.80597279193813)</t>
  </si>
  <si>
    <t>POINT (4.702775686302802 51.7994625635397)</t>
  </si>
  <si>
    <t>POINT (4.7102952715982385 51.796393999025625)</t>
  </si>
  <si>
    <t>POINT (4.716850848272991 51.79913668345536)</t>
  </si>
  <si>
    <t>POINT (4.676428115399635 51.77385569024715)</t>
  </si>
  <si>
    <t>POINT (4.663694919563632 51.788010344010424)</t>
  </si>
  <si>
    <t>POINT (4.683294687209038 51.81178612650293)</t>
  </si>
  <si>
    <t>POINT (4.701506584801323 51.78957390157122)</t>
  </si>
  <si>
    <t>POINT (4.654648732278758 51.79442272046538)</t>
  </si>
  <si>
    <t>POINT (4.680782140390015 51.81273563836973)</t>
  </si>
  <si>
    <t>POINT (4.717569359373583 51.803402852897115)</t>
  </si>
  <si>
    <t>POINT (4.663130832682177 51.80006720989698)</t>
  </si>
  <si>
    <t>POINT (4.727719430912649 51.80505456370415)</t>
  </si>
  <si>
    <t>POINT (4.675857846401987 51.78542709554902)</t>
  </si>
  <si>
    <t>POINT (4.718384331138663 51.80429314322225)</t>
  </si>
  <si>
    <t>POINT (4.7115395633477375 51.81643634591253)</t>
  </si>
  <si>
    <t>POINT (4.668912187252837 51.80793310423161)</t>
  </si>
  <si>
    <t>POINT (4.724218726239575 51.80025852423852)</t>
  </si>
  <si>
    <t>POINT (4.677572961282055 51.79051036143283)</t>
  </si>
  <si>
    <t>POINT (4.704642453260424 51.784738700943734)</t>
  </si>
  <si>
    <t>POINT (4.673959070565048 51.78372450335976)</t>
  </si>
  <si>
    <t>POINT (4.665787195771615 51.80063960450222)</t>
  </si>
  <si>
    <t>POINT (4.679046244567503 51.804029058183154)</t>
  </si>
  <si>
    <t>POINT (4.680722648139869 51.774388034857324)</t>
  </si>
  <si>
    <t>POINT (4.720492968404666 51.80009177871382)</t>
  </si>
  <si>
    <t>POINT (4.698252695877562 51.79278224770341)</t>
  </si>
  <si>
    <t>POINT (4.717368451842818 51.81580531899313)</t>
  </si>
  <si>
    <t>POINT (4.682501001667172 51.78532258246405)</t>
  </si>
  <si>
    <t>POINT (4.6776745031007945 51.79033395232056)</t>
  </si>
  <si>
    <t>POINT (4.672148883106169 51.81510862131036)</t>
  </si>
  <si>
    <t>POINT (4.69684724111992 51.81800549774137)</t>
  </si>
  <si>
    <t>POINT (4.709986886026521 51.78739257109573)</t>
  </si>
  <si>
    <t>POINT (4.722617724735744 51.80251293337862)</t>
  </si>
  <si>
    <t>POINT (4.648470746120919 51.77743696039125)</t>
  </si>
  <si>
    <t>POINT (4.684029204583275 51.801656505963614)</t>
  </si>
  <si>
    <t>POINT (4.696665276625047 51.818187445097074)</t>
  </si>
  <si>
    <t>POINT (4.669604357899792 51.805796765487706)</t>
  </si>
  <si>
    <t>POINT (4.664851874563647 51.79923528113804)</t>
  </si>
  <si>
    <t>POINT (4.696750198983405 51.79888494669268)</t>
  </si>
  <si>
    <t>POINT (4.6792367133224895 51.78523161041982)</t>
  </si>
  <si>
    <t>POINT (4.663544898577243 51.79358623506179)</t>
  </si>
  <si>
    <t>POINT (4.680865345949344 51.8046141654082)</t>
  </si>
  <si>
    <t>POINT (4.673830280342353 51.77725391968129)</t>
  </si>
  <si>
    <t>POINT (4.672079482944192 51.77386716959381)</t>
  </si>
  <si>
    <t>POINT (4.673818033032075 51.78801975887731)</t>
  </si>
  <si>
    <t>POINT (4.701370381123957 51.79544530488432)</t>
  </si>
  <si>
    <t>POINT (4.679288152520048 51.80006165673241)</t>
  </si>
  <si>
    <t>POINT (4.653327036286878 51.791855859807356)</t>
  </si>
  <si>
    <t>POINT (4.666390182373696 51.78786398022496)</t>
  </si>
  <si>
    <t>POINT (4.666684308230534 51.77950396046417)</t>
  </si>
  <si>
    <t>POINT (4.669423671411428 51.77304165568723)</t>
  </si>
  <si>
    <t>POINT (4.718363468846847 51.805908022922054)</t>
  </si>
  <si>
    <t>POINT (4.6430465877134655 51.801428421067016)</t>
  </si>
  <si>
    <t>POINT (4.660417779426663 51.77091433560476)</t>
  </si>
  <si>
    <t>POINT (4.668273131053546 51.7962093438984)</t>
  </si>
  <si>
    <t>POINT (4.701587900429489 51.79879184292281)</t>
  </si>
  <si>
    <t>POINT (4.72695205374102 51.79276582884528)</t>
  </si>
  <si>
    <t>POINT (4.672748758653951 51.806015681589805)</t>
  </si>
  <si>
    <t>POINT (4.673061845269822 51.77885117504845)</t>
  </si>
  <si>
    <t>POINT (4.666593991700097 51.815316241515326)</t>
  </si>
  <si>
    <t>POINT (4.672925813585173 51.817789198373134)</t>
  </si>
  <si>
    <t>POINT (4.698499870111674 51.79820959256661)</t>
  </si>
  <si>
    <t>POINT (4.682613493084884 51.78600036744619)</t>
  </si>
  <si>
    <t>POINT (4.628148801175996 51.79330782416836)</t>
  </si>
  <si>
    <t>POINT (4.66700439196713 51.811045750346246)</t>
  </si>
  <si>
    <t>POINT (4.665868304666696 51.816317652059396)</t>
  </si>
  <si>
    <t>POINT (4.652336749753958 51.78186093967857)</t>
  </si>
  <si>
    <t>POINT (4.680268105695199 51.80085058707836)</t>
  </si>
  <si>
    <t>POINT (4.676716155753443 51.778848019689704)</t>
  </si>
  <si>
    <t>POINT (4.671666362319527 51.81235380714775)</t>
  </si>
  <si>
    <t>POINT (4.668067547604969 51.81165939265489)</t>
  </si>
  <si>
    <t>POINT (4.675424290188365 51.77577312336059)</t>
  </si>
  <si>
    <t>POINT (4.692246199805216 51.8177934736499)</t>
  </si>
  <si>
    <t>POINT (4.6482962638972225 51.79962101758815)</t>
  </si>
  <si>
    <t>POINT (4.717570096440998 51.81425600226658)</t>
  </si>
  <si>
    <t>POINT (4.6722607816938755 51.815424382925436)</t>
  </si>
  <si>
    <t>POINT (4.718786613846067 51.80212412032281)</t>
  </si>
  <si>
    <t>POINT (4.671096414731523 51.77719712522824)</t>
  </si>
  <si>
    <t>POINT (4.732712800702055 51.79627355786681)</t>
  </si>
  <si>
    <t>POINT (4.686658775441627 51.81449135882747)</t>
  </si>
  <si>
    <t>POINT (4.670507759341176 51.77431501120169)</t>
  </si>
  <si>
    <t>POINT (4.65272849798129 51.80232380413837)</t>
  </si>
  <si>
    <t>POINT (4.728233803539995 51.80585879931593)</t>
  </si>
  <si>
    <t>POINT (4.669568031809216 51.77267682418559)</t>
  </si>
  <si>
    <t>POINT (4.653718610081273 51.785416357891215)</t>
  </si>
  <si>
    <t>POINT (4.668356958489318 51.7923418958548)</t>
  </si>
  <si>
    <t>POINT (4.663944512995213 51.7885921760165)</t>
  </si>
  <si>
    <t>POINT (4.686662825194339 51.80909001493185)</t>
  </si>
  <si>
    <t>POINT (4.735255957515055 51.79914127713034)</t>
  </si>
  <si>
    <t>POINT (4.673742891506191 51.7774691081493)</t>
  </si>
  <si>
    <t>POINT (4.6598171812843745 51.80903502854611)</t>
  </si>
  <si>
    <t>POINT (4.696408606521045 51.81820915231213)</t>
  </si>
  <si>
    <t>POINT (4.674172058152546 51.810241897998694)</t>
  </si>
  <si>
    <t>POINT (4.655372323195234 51.79193303173647)</t>
  </si>
  <si>
    <t>POINT (4.635308460914289 51.77678320807799)</t>
  </si>
  <si>
    <t>POINT (4.684170673771979 51.79817834925923)</t>
  </si>
  <si>
    <t>POINT (4.674375671088787 51.80849254559935)</t>
  </si>
  <si>
    <t>POINT (4.71972276883269 51.79449529036908)</t>
  </si>
  <si>
    <t>POINT (4.683874531366125 51.8095607645918)</t>
  </si>
  <si>
    <t>POINT (4.655612744372715 51.7902399527001)</t>
  </si>
  <si>
    <t>POINT (4.682038143924173 51.80836432702255)</t>
  </si>
  <si>
    <t>POINT (4.6619223461538075 51.816791907229316)</t>
  </si>
  <si>
    <t>POINT (4.668393350955962 51.79626850703282)</t>
  </si>
  <si>
    <t>POINT (4.731358858339605 51.79996312410535)</t>
  </si>
  <si>
    <t>POINT (4.655375493329579 51.810599731437144)</t>
  </si>
  <si>
    <t>POINT (4.665023324793726 51.77878200098076)</t>
  </si>
  <si>
    <t>POINT (4.680256816868248 51.80664019722714)</t>
  </si>
  <si>
    <t>POINT (4.720927055691294 51.800567164173515)</t>
  </si>
  <si>
    <t>POINT (4.6768594568918465 51.78657206011159)</t>
  </si>
  <si>
    <t>POINT (4.655433797881874 51.79012524624909)</t>
  </si>
  <si>
    <t>POINT (4.663205627914222 51.79458044938152)</t>
  </si>
  <si>
    <t>POINT (4.6824134968994215 51.81455434387124)</t>
  </si>
  <si>
    <t>POINT (4.68282351290628 51.78928053229408)</t>
  </si>
  <si>
    <t>POINT (4.680546875294855 51.78188511757602)</t>
  </si>
  <si>
    <t>POINT (4.660546742241253 51.78986570471745)</t>
  </si>
  <si>
    <t>POINT (4.674137858535143 51.783868025315435)</t>
  </si>
  <si>
    <t>POINT (4.675987510660869 51.7857456053057)</t>
  </si>
  <si>
    <t>POINT (4.660100353014497 51.7697538828616)</t>
  </si>
  <si>
    <t>POINT (4.658458348717528 51.787581914170154)</t>
  </si>
  <si>
    <t>POINT (4.675097274796292 51.814155880404606)</t>
  </si>
  <si>
    <t>POINT (4.656669301071157 51.79042922352982)</t>
  </si>
  <si>
    <t>POINT (4.719874717238555 51.8054500357217)</t>
  </si>
  <si>
    <t>POINT (4.73175626399274 51.805035411903)</t>
  </si>
  <si>
    <t>POINT (4.674400952062826 51.78339958716895)</t>
  </si>
  <si>
    <t>POINT (4.666255577469619 51.801090776434975)</t>
  </si>
  <si>
    <t>POINT (4.662428029533034 51.80529552091003)</t>
  </si>
  <si>
    <t>POINT (4.666067513953854 51.814365079765494)</t>
  </si>
  <si>
    <t>POINT (4.727361381897479 51.79944578795653)</t>
  </si>
  <si>
    <t>POINT (4.671286369749759 51.819444332834266)</t>
  </si>
  <si>
    <t>POINT (4.676076151959797 51.776775642084786)</t>
  </si>
  <si>
    <t>POINT (4.670539945959009 51.77937560997469)</t>
  </si>
  <si>
    <t>POINT (4.719699931388362 51.81106538616062)</t>
  </si>
  <si>
    <t>POINT (4.67509762138335 51.78234619894761)</t>
  </si>
  <si>
    <t>POINT (4.669501035709316 51.805549708822355)</t>
  </si>
  <si>
    <t>POINT (4.678671595234125 51.81755121225815)</t>
  </si>
  <si>
    <t>POINT (4.689772766571207 51.80663664799597)</t>
  </si>
  <si>
    <t>POINT (4.660738480388827 51.79958847000671)</t>
  </si>
  <si>
    <t>POINT (4.671630429464864 51.805938386800435)</t>
  </si>
  <si>
    <t>POINT (4.698682063087921 51.79530399624616)</t>
  </si>
  <si>
    <t>POINT (4.680415208787077 51.77673454460427)</t>
  </si>
  <si>
    <t>POINT (4.715713510623409 51.8032602847688)</t>
  </si>
  <si>
    <t>POINT (4.680137146829621 51.810659164931)</t>
  </si>
  <si>
    <t>POINT (4.652374582478868 51.79249305800244)</t>
  </si>
  <si>
    <t>POINT (4.67910752796213 51.8000881800145)</t>
  </si>
  <si>
    <t>POINT (4.685869536481691 51.81157619717241)</t>
  </si>
  <si>
    <t>POINT (4.705741717698119 51.797534304252736)</t>
  </si>
  <si>
    <t>POINT (4.673951778775885 51.81101879873398)</t>
  </si>
  <si>
    <t>POINT (4.659769074885795 51.79023000630678)</t>
  </si>
  <si>
    <t>POINT (4.696233124268794 51.792933928247656)</t>
  </si>
  <si>
    <t>POINT (4.694169016789596 51.79088467616757)</t>
  </si>
  <si>
    <t>POINT (4.661805664303886 51.8137907558807)</t>
  </si>
  <si>
    <t>POINT (4.678389762303393 51.81656527875198)</t>
  </si>
  <si>
    <t>POINT (4.652496504616091 51.789410809949395)</t>
  </si>
  <si>
    <t>POINT (4.6760131009108115 51.785836941811745)</t>
  </si>
  <si>
    <t>POINT (4.720124627950491 51.81262995398421)</t>
  </si>
  <si>
    <t>POINT (4.685027213213876 51.80844855164184)</t>
  </si>
  <si>
    <t>POINT (4.663151476501536 51.81144922799702)</t>
  </si>
  <si>
    <t>POINT (4.672678669497483 51.816326316261865)</t>
  </si>
  <si>
    <t>POINT (4.65755579115861 51.781229965118385)</t>
  </si>
  <si>
    <t>POINT (4.700640147101681 51.789368404525156)</t>
  </si>
  <si>
    <t>POINT (4.67117406137928 51.78744223400272)</t>
  </si>
  <si>
    <t>POINT (4.669140154576701 51.816325995331944)</t>
  </si>
  <si>
    <t>POINT (4.666889068578368 51.81553203740733)</t>
  </si>
  <si>
    <t>POINT (4.652459880030587 51.78166030972312)</t>
  </si>
  <si>
    <t>POINT (4.683114307761845 51.80630774553931)</t>
  </si>
  <si>
    <t>POINT (4.721826827684325 51.794460312383244)</t>
  </si>
  <si>
    <t>POINT (4.659405558574177 51.78460107945362)</t>
  </si>
  <si>
    <t>POINT (4.667289106267111 51.77432472740888)</t>
  </si>
  <si>
    <t>POINT (4.675008147742601 51.7834122011716)</t>
  </si>
  <si>
    <t>POINT (4.661591304263611 51.814800944883885)</t>
  </si>
  <si>
    <t>POINT (4.653617762493038 51.78931567029028)</t>
  </si>
  <si>
    <t>POINT (4.66668700064032 51.81463913834859)</t>
  </si>
  <si>
    <t>POINT (4.676733248006299 51.81706087469434)</t>
  </si>
  <si>
    <t>POINT (4.6779581972426785 51.78779451930769)</t>
  </si>
  <si>
    <t>POINT (4.693429629510488 51.81835512893254)</t>
  </si>
  <si>
    <t>POINT (4.675541886052126 51.81682213538697)</t>
  </si>
  <si>
    <t>POINT (4.73085298559689 51.796292093782654)</t>
  </si>
  <si>
    <t>POINT (4.6871814987652165 51.8078470204898)</t>
  </si>
  <si>
    <t>POINT (4.6680532428222135 51.80411899631058)</t>
  </si>
  <si>
    <t>POINT (4.654845656711753 51.79291940199018)</t>
  </si>
  <si>
    <t>POINT (4.7173874242457705 51.815898846141145)</t>
  </si>
  <si>
    <t>POINT (4.68442918413703 51.81199218677083)</t>
  </si>
  <si>
    <t>POINT (4.656035477995404 51.798996536290524)</t>
  </si>
  <si>
    <t>POINT (4.6934516394234835 51.79691506419805)</t>
  </si>
  <si>
    <t>POINT (4.679292485489276 51.817024978497656)</t>
  </si>
  <si>
    <t>POINT (4.662607526318236 51.79749120767694)</t>
  </si>
  <si>
    <t>POINT (4.6800963766544115 51.804606693521706)</t>
  </si>
  <si>
    <t>POINT (4.722869089761133 51.798593330107686)</t>
  </si>
  <si>
    <t>POINT (4.696887562885494 51.81752898603706)</t>
  </si>
  <si>
    <t>POINT (4.732315117121337 51.79759255218973)</t>
  </si>
  <si>
    <t>POINT (4.6725298486495195 51.81095006730908)</t>
  </si>
  <si>
    <t>POINT (4.675955260239917 51.81638898764233)</t>
  </si>
  <si>
    <t>POINT (4.724160880131719 51.79959282193664)</t>
  </si>
  <si>
    <t>POINT (4.699457621614522 51.797890602879924)</t>
  </si>
  <si>
    <t>POINT (4.675951640300332 51.805074285661455)</t>
  </si>
  <si>
    <t>POINT (4.6530024040129945 51.79142370971691)</t>
  </si>
  <si>
    <t>POINT (4.675871959912311 51.80831663853363)</t>
  </si>
  <si>
    <t>POINT (4.677550959642128 51.78063917375136)</t>
  </si>
  <si>
    <t>POINT (4.726316784987561 51.79900074160078)</t>
  </si>
  <si>
    <t>POINT (4.666331238458083 51.81264289639908)</t>
  </si>
  <si>
    <t>POINT (4.659766375842779 51.79001444935284)</t>
  </si>
  <si>
    <t>POINT (4.730522801431152 51.796606484632015)</t>
  </si>
  <si>
    <t>POINT (4.727079680575807 51.79704853199779)</t>
  </si>
  <si>
    <t>POINT (4.684292556876549 51.78504498334301)</t>
  </si>
  <si>
    <t>POINT (4.669333305413736 51.77100804340253)</t>
  </si>
  <si>
    <t>POINT (4.675048185225901 51.7803867929073)</t>
  </si>
  <si>
    <t>POINT (4.679286209157861 51.80447860068536)</t>
  </si>
  <si>
    <t>POINT (4.729712287657778 51.8008594783429)</t>
  </si>
  <si>
    <t>POINT (4.6756542103650505 51.77386462441382)</t>
  </si>
  <si>
    <t>POINT (4.6844303540115595 51.80994663429199)</t>
  </si>
  <si>
    <t>POINT (4.676302493834098 51.818420525319276)</t>
  </si>
  <si>
    <t>POINT (4.656746373348424 51.81081792495275)</t>
  </si>
  <si>
    <t>POINT (4.6719201857741695 51.772682231692094)</t>
  </si>
  <si>
    <t>POINT (4.6602761850838545 51.79673921836598)</t>
  </si>
  <si>
    <t>POINT (4.667449972097821 51.80262576400861)</t>
  </si>
  <si>
    <t>POINT (4.665372516619091 51.81266378949687)</t>
  </si>
  <si>
    <t>POINT (4.668146907776045 51.81933668282572)</t>
  </si>
  <si>
    <t>POINT (4.670105760362701 51.79373932059275)</t>
  </si>
  <si>
    <t>POINT (4.713721047554109 51.80583544788939)</t>
  </si>
  <si>
    <t>POINT (4.65971538918219 51.80010631571528)</t>
  </si>
  <si>
    <t>POINT (4.71652125615476 51.80025830036625)</t>
  </si>
  <si>
    <t>POINT (4.683795938514646 51.777573900930726)</t>
  </si>
  <si>
    <t>POINT (4.655661452389072 51.79449623924644)</t>
  </si>
  <si>
    <t>POINT (4.7304900668329655 51.790687844157326)</t>
  </si>
  <si>
    <t>POINT (4.660373743975876 51.79150346292777)</t>
  </si>
  <si>
    <t>POINT (4.67126943693159 51.815426618024034)</t>
  </si>
  <si>
    <t>POINT (4.681502871666271 51.77993517497271)</t>
  </si>
  <si>
    <t>POINT (4.681710011649942 51.775382735785385)</t>
  </si>
  <si>
    <t>POINT (4.657687379827878 51.8120403525065)</t>
  </si>
  <si>
    <t>POINT (4.660016423884412 51.810367389076184)</t>
  </si>
  <si>
    <t>POINT (4.668055686762855 51.81596867987193)</t>
  </si>
  <si>
    <t>POINT (4.750713645935622 51.81607654568336)</t>
  </si>
  <si>
    <t>POINT (4.665713868758974 51.80983691721761)</t>
  </si>
  <si>
    <t>POINT (4.684148757218321 51.78645788093692)</t>
  </si>
  <si>
    <t>POINT (4.670906687355171 51.81775815098805)</t>
  </si>
  <si>
    <t>POINT (4.679973050466504 51.80919939587128)</t>
  </si>
  <si>
    <t>POINT (4.68380428490013 51.798084486702194)</t>
  </si>
  <si>
    <t>POINT (4.645237155670244 51.773074540519026)</t>
  </si>
  <si>
    <t>POINT (4.683695938223832 51.80032693470593)</t>
  </si>
  <si>
    <t>POINT (4.658797144027537 51.79928270099706)</t>
  </si>
  <si>
    <t>POINT (4.726289830144983 51.796586913820946)</t>
  </si>
  <si>
    <t>POINT (4.681818058495025 51.80215541756108)</t>
  </si>
  <si>
    <t>POINT (4.663917715591328 51.81150208760401)</t>
  </si>
  <si>
    <t>POINT (4.72833690736004 51.80000070971563)</t>
  </si>
  <si>
    <t>POINT (4.68307974109123 51.80509120904831)</t>
  </si>
  <si>
    <t>POINT (4.674051400815407 51.81901610199904)</t>
  </si>
  <si>
    <t>POINT (4.730406971208614 51.79918818319451)</t>
  </si>
  <si>
    <t>POINT (4.689047705860889 51.80876669473869)</t>
  </si>
  <si>
    <t>POINT (4.678381343192493 51.78460447192899)</t>
  </si>
  <si>
    <t>POINT (4.661133427344931 51.78799674687627)</t>
  </si>
  <si>
    <t>POINT (4.664431554822028 51.79574893473605)</t>
  </si>
  <si>
    <t>POINT (4.672645048066396 51.783487959291904)</t>
  </si>
  <si>
    <t>POINT (4.726568931544313 51.799691132118404)</t>
  </si>
  <si>
    <t>POINT (4.677765233748437 51.7821176641208)</t>
  </si>
  <si>
    <t>POINT (4.67874725907401 51.78699426887744)</t>
  </si>
  <si>
    <t>POINT (4.685443272089486 51.784853978071446)</t>
  </si>
  <si>
    <t>POINT (4.726553084504265 51.79667237739399)</t>
  </si>
  <si>
    <t>POINT (4.644497990907024 51.77395317612282)</t>
  </si>
  <si>
    <t>POINT (4.709155920980077 51.81031451967451)</t>
  </si>
  <si>
    <t>POINT (4.653060063109549 51.791094292691234)</t>
  </si>
  <si>
    <t>POINT (4.644991384262549 51.77333039586534)</t>
  </si>
  <si>
    <t>POINT (4.726123819882525 51.797119688407584)</t>
  </si>
  <si>
    <t>POINT (4.717321895819556 51.79546964844734)</t>
  </si>
  <si>
    <t>POINT (4.732611691282277 51.797102411694354)</t>
  </si>
  <si>
    <t>POINT (4.671562787568713 51.79186375564614)</t>
  </si>
  <si>
    <t>POINT (4.664062850826693 51.81059679706346)</t>
  </si>
  <si>
    <t>POINT (4.69766724620921 51.79021833032101)</t>
  </si>
  <si>
    <t>POINT (4.685300426281792 51.80575772046544)</t>
  </si>
  <si>
    <t>POINT (4.678855869058637 51.77745222480842)</t>
  </si>
  <si>
    <t>POINT (4.670036144905091 51.79096239457411)</t>
  </si>
  <si>
    <t>POINT (4.722244853973999 51.798971658650494)</t>
  </si>
  <si>
    <t>POINT (4.677768462989783 51.81565560205788)</t>
  </si>
  <si>
    <t>POINT (4.667179541022292 51.8020782756888)</t>
  </si>
  <si>
    <t>POINT (4.680765873794067 51.782131648413525)</t>
  </si>
  <si>
    <t>POINT (4.677546984778845 51.781714854589815)</t>
  </si>
  <si>
    <t>POINT (4.674301934896645 51.80530637543267)</t>
  </si>
  <si>
    <t>POINT (4.654808828932492 51.78189483727841)</t>
  </si>
  <si>
    <t>POINT (4.69103459986037 51.81098011864521)</t>
  </si>
  <si>
    <t>POINT (4.728752755923158 51.80551748370972)</t>
  </si>
  <si>
    <t>POINT (4.653679243624999 51.792704403601554)</t>
  </si>
  <si>
    <t>POINT (4.659934066198993 51.800904357558025)</t>
  </si>
  <si>
    <t>POINT (4.73170617305188 51.80165748163721)</t>
  </si>
  <si>
    <t>POINT (4.716221001648408 51.81478989793284)</t>
  </si>
  <si>
    <t>POINT (4.728515264908274 51.79748670694121)</t>
  </si>
  <si>
    <t>POINT (4.669224265067177 51.8187040583031)</t>
  </si>
  <si>
    <t>POINT (4.7003338277380315 51.795309696236004)</t>
  </si>
  <si>
    <t>POINT (4.667603068550806 51.79936427613256)</t>
  </si>
  <si>
    <t>POINT (4.723209817132184 51.803460290627704)</t>
  </si>
  <si>
    <t>POINT (4.667709483544286 51.81515374804812)</t>
  </si>
  <si>
    <t>POINT (4.639816404817216 51.77932835502456)</t>
  </si>
  <si>
    <t>POINT (4.683823809014193 51.78989158076493)</t>
  </si>
  <si>
    <t>POINT (4.644245972606523 51.76977471040808)</t>
  </si>
  <si>
    <t>POINT (4.671554998175147 51.813279590677666)</t>
  </si>
  <si>
    <t>POINT (4.667494059782311 51.795547547630186)</t>
  </si>
  <si>
    <t>POINT (4.632914555286935 51.76991726922841)</t>
  </si>
  <si>
    <t>POINT (4.674116696979606 51.81791041647117)</t>
  </si>
  <si>
    <t>POINT (4.666077366873962 51.802509741491946)</t>
  </si>
  <si>
    <t>POINT (4.727902350954323 51.79691326747354)</t>
  </si>
  <si>
    <t>POINT (4.677495272748469 51.80776039692724)</t>
  </si>
  <si>
    <t>POINT (4.658344896295207 51.80309958540198)</t>
  </si>
  <si>
    <t>POINT (4.669986980421565 51.815078611131035)</t>
  </si>
  <si>
    <t>POINT (4.663818648243729 51.80131862477342)</t>
  </si>
  <si>
    <t>POINT (4.65057304588573 51.80253965643924)</t>
  </si>
  <si>
    <t>POINT (4.6648382331455895 51.80020378278158)</t>
  </si>
  <si>
    <t>POINT (4.68263268382263 51.81456757897136)</t>
  </si>
  <si>
    <t>POINT (4.701846685461935 51.796003551897634)</t>
  </si>
  <si>
    <t>POINT (4.686192835377958 51.810632197897824)</t>
  </si>
  <si>
    <t>POINT (4.677041411906389 51.808130573170885)</t>
  </si>
  <si>
    <t>POINT (4.663619585128031 51.7937676113095)</t>
  </si>
  <si>
    <t>POINT (4.66983030109024 51.81750332741946)</t>
  </si>
  <si>
    <t>POINT (4.725967353431652 51.79649780807448)</t>
  </si>
  <si>
    <t>POINT (4.709819033612279 51.80763262259096)</t>
  </si>
  <si>
    <t>POINT (4.716742044368352 51.79706517513911)</t>
  </si>
  <si>
    <t>POINT (4.696843751846351 51.789447921528726)</t>
  </si>
  <si>
    <t>POINT (4.716672931809081 51.80444474017913)</t>
  </si>
  <si>
    <t>POINT (4.666934679192306 51.81694450096805)</t>
  </si>
  <si>
    <t>POINT (4.668549040353782 51.81189978720894)</t>
  </si>
  <si>
    <t>POINT (4.73345195795768 51.79655613796384)</t>
  </si>
  <si>
    <t>POINT (4.698420958363807 51.79722629046106)</t>
  </si>
  <si>
    <t>POINT (4.667834907538981 51.77476153929984)</t>
  </si>
  <si>
    <t>POINT (4.683542775948189 51.7813526064496)</t>
  </si>
  <si>
    <t>POINT (4.727305681138283 51.80110759141922)</t>
  </si>
  <si>
    <t>POINT (4.677790594757743 51.79076512286151)</t>
  </si>
  <si>
    <t>POINT (4.660107156882556 51.8020780865473)</t>
  </si>
  <si>
    <t>POINT (4.718728790255945 51.815738820143146)</t>
  </si>
  <si>
    <t>POINT (4.678085704599305 51.80700472909376)</t>
  </si>
  <si>
    <t>POINT (4.732066818355344 51.797558240611835)</t>
  </si>
  <si>
    <t>POINT (4.714228121417575 51.80621490050198)</t>
  </si>
  <si>
    <t>POINT (4.657602886075928 51.787159250723924)</t>
  </si>
  <si>
    <t>POINT (4.677577695247363 51.807455244519176)</t>
  </si>
  <si>
    <t>POINT (4.653252868302475 51.8015861917316)</t>
  </si>
  <si>
    <t>POINT (4.668519874382768 51.79280396025568)</t>
  </si>
  <si>
    <t>POINT (4.7243373462133516 51.79922480817337)</t>
  </si>
  <si>
    <t>POINT (4.669578566767025 51.81896724719799)</t>
  </si>
  <si>
    <t>POINT (4.662620576922745 51.805214715251836)</t>
  </si>
  <si>
    <t>POINT (4.672845121888906 51.811802216651216)</t>
  </si>
  <si>
    <t>POINT (4.672772425760359 51.7971074999145)</t>
  </si>
  <si>
    <t>POINT (4.664610599693735 51.79574538148116)</t>
  </si>
  <si>
    <t>POINT (4.667708086590652 51.78959176243776)</t>
  </si>
  <si>
    <t>POINT (4.7011603695484165 51.79898930566778)</t>
  </si>
  <si>
    <t>POINT (4.679873513230055 51.81471897949098)</t>
  </si>
  <si>
    <t>POINT (4.670604647429551 51.77312698949386)</t>
  </si>
  <si>
    <t>POINT (4.656045348721221 51.79295550512476)</t>
  </si>
  <si>
    <t>POINT (4.661653424994702 51.80940004733308)</t>
  </si>
  <si>
    <t>POINT (4.676352198557303 51.7768489105136)</t>
  </si>
  <si>
    <t>POINT (4.682031407025367 51.80957859281386)</t>
  </si>
  <si>
    <t>POINT (4.665252105198286 51.816107977413814)</t>
  </si>
  <si>
    <t>POINT (4.676861029252963 51.8068279392053)</t>
  </si>
  <si>
    <t>POINT (4.730894767739348 51.80461708346554)</t>
  </si>
  <si>
    <t>POINT (4.667491447499903 51.81797272419901)</t>
  </si>
  <si>
    <t>POINT (4.6677609378857845 51.79462142527136)</t>
  </si>
  <si>
    <t>POINT (4.67846868681825 51.78954298413216)</t>
  </si>
  <si>
    <t>POINT (4.6643973513972 51.81675314571552)</t>
  </si>
  <si>
    <t>POINT (4.703577816095104 51.81547309168226)</t>
  </si>
  <si>
    <t>POINT (4.6835408951314665 51.7823477606593)</t>
  </si>
  <si>
    <t>POINT (4.681249629490695 51.78818086015351)</t>
  </si>
  <si>
    <t>POINT (4.679472539587406 51.778304508034005)</t>
  </si>
  <si>
    <t>POINT (4.7086309765944865 51.789924645750574)</t>
  </si>
  <si>
    <t>POINT (4.672511462753629 51.775236626411186)</t>
  </si>
  <si>
    <t>POINT (4.666103413127044 51.81042784552912)</t>
  </si>
  <si>
    <t>POINT (4.704589989787417 51.79822974944868)</t>
  </si>
  <si>
    <t>POINT (4.692743952106677 51.81849071236268)</t>
  </si>
  <si>
    <t>POINT (4.723947953229041 51.8052921074855)</t>
  </si>
  <si>
    <t>POINT (4.682672422259898 51.79946698573298)</t>
  </si>
  <si>
    <t>POINT (4.710935841891433 51.81417902139494)</t>
  </si>
  <si>
    <t>POINT (4.670540110710319 51.77989905946422)</t>
  </si>
  <si>
    <t>POINT (4.70045875937111 51.81782685030916)</t>
  </si>
  <si>
    <t>POINT (4.660680075790206 51.79656399558208)</t>
  </si>
  <si>
    <t>POINT (4.700248349604907 51.795342588672035)</t>
  </si>
  <si>
    <t>POINT (4.678264769543139 51.78138193003233)</t>
  </si>
  <si>
    <t>POINT (4.70430635385601 51.7985771915767)</t>
  </si>
  <si>
    <t>POINT (4.671226906956545 51.79985947569955)</t>
  </si>
  <si>
    <t>POINT (4.676124173733329 51.81830721259006)</t>
  </si>
  <si>
    <t>POINT (4.692058558586403 51.79109477628142)</t>
  </si>
  <si>
    <t>POINT (4.660883821177853 51.811158983311884)</t>
  </si>
  <si>
    <t>POINT (4.653821690532068 51.785323313001356)</t>
  </si>
  <si>
    <t>POINT (4.676022778012645 51.81123388278043)</t>
  </si>
  <si>
    <t>POINT (4.679808167277248 51.781348479966375)</t>
  </si>
  <si>
    <t>POINT (4.656992728215511 51.800221068967495)</t>
  </si>
  <si>
    <t>POINT (4.67519912660038 51.77207163473342)</t>
  </si>
  <si>
    <t>POINT (4.654085993263619 51.80652867632544)</t>
  </si>
  <si>
    <t>POINT (4.720155801225143 51.80303986408695)</t>
  </si>
  <si>
    <t>POINT (4.669772781148769 51.80452844945676)</t>
  </si>
  <si>
    <t>POINT (4.670571103036656 51.798913978723085)</t>
  </si>
  <si>
    <t>POINT (4.685460710704077 51.792156806760076)</t>
  </si>
  <si>
    <t>POINT (4.703406507536402 51.788880144634895)</t>
  </si>
  <si>
    <t>POINT (4.7152216239618765 51.81494127425718)</t>
  </si>
  <si>
    <t>POINT (4.684654425963532 51.77419814416204)</t>
  </si>
  <si>
    <t>POINT (4.709775045486185 51.79294699977286)</t>
  </si>
  <si>
    <t>POINT (4.73485369685812 51.80157195941381)</t>
  </si>
  <si>
    <t>POINT (4.672011255488809 51.810186447908954)</t>
  </si>
  <si>
    <t>POINT (4.683801766146121 51.78195926986851)</t>
  </si>
  <si>
    <t>POINT (4.679215849498945 51.78512406957822)</t>
  </si>
  <si>
    <t>POINT (4.714759015882749 51.81605293668117)</t>
  </si>
  <si>
    <t>POINT (4.654682015149664 51.79411921783145)</t>
  </si>
  <si>
    <t>POINT (4.669747252003681 51.811121688340265)</t>
  </si>
  <si>
    <t>POINT (4.665127683766417 51.798826438280294)</t>
  </si>
  <si>
    <t>POINT (4.664303235399563 51.79020195401188)</t>
  </si>
  <si>
    <t>POINT (4.721179463305408 51.80103656409077)</t>
  </si>
  <si>
    <t>POINT (4.653731907755426 51.8113278908368)</t>
  </si>
  <si>
    <t>POINT (4.661748751239942 51.78820610756996)</t>
  </si>
  <si>
    <t>POINT (4.6802016903056485 51.80182535965526)</t>
  </si>
  <si>
    <t>POINT (4.675414203966365 51.815874845459696)</t>
  </si>
  <si>
    <t>POINT (4.671537988400119 51.80495656461769)</t>
  </si>
  <si>
    <t>POINT (4.659569403024909 51.80338491807909)</t>
  </si>
  <si>
    <t>POINT (4.6699298431776555 51.7720792744087)</t>
  </si>
  <si>
    <t>POINT (4.657845955625717 51.81252625084054)</t>
  </si>
  <si>
    <t>POINT (4.694902595406822 51.797196566849166)</t>
  </si>
  <si>
    <t>POINT (4.713506154492483 51.80400746041719)</t>
  </si>
  <si>
    <t>POINT (4.668102254182755 51.770284424062226)</t>
  </si>
  <si>
    <t>POINT (4.718264916185848 51.80046726301667)</t>
  </si>
  <si>
    <t>POINT (4.671946519682013 51.81362734039751)</t>
  </si>
  <si>
    <t>POINT (4.674174146200691 51.80337358096878)</t>
  </si>
  <si>
    <t>POINT (4.651265362150936 51.80189612214301)</t>
  </si>
  <si>
    <t>POINT (4.67982690269866 51.78987035238892)</t>
  </si>
  <si>
    <t>POINT (4.69018301730608 51.81940291718451)</t>
  </si>
  <si>
    <t>POINT (4.675793330706293 51.785427522269)</t>
  </si>
  <si>
    <t>POINT (4.671160439764422 51.805882378647084)</t>
  </si>
  <si>
    <t>POINT (4.718880741649081 51.81506148423691)</t>
  </si>
  <si>
    <t>POINT (4.656431131425615 51.7991915123039)</t>
  </si>
  <si>
    <t>POINT (4.678134095664099 51.78467635235847)</t>
  </si>
  <si>
    <t>POINT (4.7175096200327 51.800893816385894)</t>
  </si>
  <si>
    <t>POINT (4.679771517199947 51.785683957104375)</t>
  </si>
  <si>
    <t>POINT (4.664487204693276 51.79222763992846)</t>
  </si>
  <si>
    <t>POINT (4.692120300936736 51.80557309708071)</t>
  </si>
  <si>
    <t>POINT (4.673063466421194 51.81917986368145)</t>
  </si>
  <si>
    <t>POINT (4.6732013611111505 51.810679110536825)</t>
  </si>
  <si>
    <t>POINT (4.651619385947016 51.78267136072391)</t>
  </si>
  <si>
    <t>POINT (4.6684787420985305 51.81238611152689)</t>
  </si>
  <si>
    <t>POINT (4.668244522062568 51.81522166461153)</t>
  </si>
  <si>
    <t>POINT (4.672875640181735 51.81733375181395)</t>
  </si>
  <si>
    <t>POINT (4.678400085382165 51.78850871716682)</t>
  </si>
  <si>
    <t>POINT (4.709331996436905 51.805373811914166)</t>
  </si>
  <si>
    <t>POINT (4.762094703862146 51.79272771893012)</t>
  </si>
  <si>
    <t>POINT (4.677811881204591 51.815644754524044)</t>
  </si>
  <si>
    <t>POINT (4.647898554080196 51.80520488452628)</t>
  </si>
  <si>
    <t>POINT (4.6530105050342305 51.791255482737945)</t>
  </si>
  <si>
    <t>POINT (4.656429273028901 51.80246472659006)</t>
  </si>
  <si>
    <t>POINT (4.719124333466521 51.81211823054797)</t>
  </si>
  <si>
    <t>POINT (4.626545233885125 51.793795539429745)</t>
  </si>
  <si>
    <t>POINT (4.663600986185219 51.79954566504676)</t>
  </si>
  <si>
    <t>POINT (4.676992971856614 51.806705053682606)</t>
  </si>
  <si>
    <t>POINT (4.664030894671613 51.81152864556496)</t>
  </si>
  <si>
    <t>POINT (4.688831610015785 51.795326869716085)</t>
  </si>
  <si>
    <t>POINT (4.7341212552394065 51.79958680753187)</t>
  </si>
  <si>
    <t>POINT (4.683939922010725 51.81229650627058)</t>
  </si>
  <si>
    <t>POINT (4.671520221724692 51.80282905964884)</t>
  </si>
  <si>
    <t>POINT (4.6786830989824715 51.78978692006208)</t>
  </si>
  <si>
    <t>POINT (4.7052506173855635 51.80736324379168)</t>
  </si>
  <si>
    <t>POINT (4.735983180684404 51.800516828651084)</t>
  </si>
  <si>
    <t>POINT (4.672469903214066 51.80387108174987)</t>
  </si>
  <si>
    <t>POINT (4.715692380275388 51.8132576376986)</t>
  </si>
  <si>
    <t>POINT (4.654714683273246 51.792367171929584)</t>
  </si>
  <si>
    <t>POINT (4.659944609032873 51.81292901585827)</t>
  </si>
  <si>
    <t>POINT (4.716719875228961 51.815825426342045)</t>
  </si>
  <si>
    <t>POINT (4.697201068636145 51.792888066153566)</t>
  </si>
  <si>
    <t>POINT (4.7143237153403845 51.8147350087654)</t>
  </si>
  <si>
    <t>POINT (4.674884717629469 51.78567964237078)</t>
  </si>
  <si>
    <t>POINT (4.658882380380794 51.771290246978594)</t>
  </si>
  <si>
    <t>POINT (4.678995971390437 51.78168377424514)</t>
  </si>
  <si>
    <t>POINT (4.671090814009938 51.805860344959605)</t>
  </si>
  <si>
    <t>POINT (4.655691621704423 51.80269646987033)</t>
  </si>
  <si>
    <t>POINT (4.653636382240432 51.78541863918618)</t>
  </si>
  <si>
    <t>POINT (4.684479430049499 51.80885680067701)</t>
  </si>
  <si>
    <t>POINT (4.7035491286934 51.7985083690354)</t>
  </si>
  <si>
    <t>POINT (4.682498228123002 51.77549537480636)</t>
  </si>
  <si>
    <t>POINT (4.660280406986286 51.80496498896387)</t>
  </si>
  <si>
    <t>POINT (4.664140149392322 51.80232136247371)</t>
  </si>
  <si>
    <t>POINT (4.713961998963766 51.8051364262256)</t>
  </si>
  <si>
    <t>POINT (4.67934211818102 51.785050746778744)</t>
  </si>
  <si>
    <t>POINT (4.677713768885228 51.78198147065257)</t>
  </si>
  <si>
    <t>POINT (4.681454821982686 51.78129059739619)</t>
  </si>
  <si>
    <t>POINT (4.699842062578364 51.80428473879055)</t>
  </si>
  <si>
    <t>POINT (4.67405527987623 51.81781288479301)</t>
  </si>
  <si>
    <t>POINT (4.667059273695497 51.773824262802684)</t>
  </si>
  <si>
    <t>POINT (4.683738655385102 51.7769669459422)</t>
  </si>
  <si>
    <t>POINT (4.653305314826961 51.79397067754572)</t>
  </si>
  <si>
    <t>POINT (4.713762850466269 51.800664176274815)</t>
  </si>
  <si>
    <t>POINT (4.659655508087755 51.79137691721213)</t>
  </si>
  <si>
    <t>POINT (4.678551429650823 51.78561413923176)</t>
  </si>
  <si>
    <t>POINT (4.70128425534049 51.79549794238907)</t>
  </si>
  <si>
    <t>POINT (4.669541621417006 51.805604293646056)</t>
  </si>
  <si>
    <t>POINT (4.735402073672431 51.800462771246664)</t>
  </si>
  <si>
    <t>POINT (4.661661635759985 51.79498589232355)</t>
  </si>
  <si>
    <t>POINT (4.663807968617637 51.80272652962538)</t>
  </si>
  <si>
    <t>POINT (4.661656882536847 51.80538673639723)</t>
  </si>
  <si>
    <t>POINT (4.685674232855506 51.778170970823105)</t>
  </si>
  <si>
    <t>POINT (4.653684158917708 51.79151421218478)</t>
  </si>
  <si>
    <t>POINT (4.67326827849034 51.816204467659965)</t>
  </si>
  <si>
    <t>POINT (4.673883715820045 51.81742344187029)</t>
  </si>
  <si>
    <t>POINT (4.727809066204185 51.79844427336507)</t>
  </si>
  <si>
    <t>POINT (4.733495680947183 51.797649391258105)</t>
  </si>
  <si>
    <t>POINT (4.660597220336755 51.80047092347544)</t>
  </si>
  <si>
    <t>POINT (4.667189717854105 51.81784265007162)</t>
  </si>
  <si>
    <t>POINT (4.677736920545015 51.80442693365998)</t>
  </si>
  <si>
    <t>POINT (4.6739464508678505 51.78947467720732)</t>
  </si>
  <si>
    <t>POINT (4.658575497040149 51.770555112223164)</t>
  </si>
  <si>
    <t>POINT (4.683661819775183 51.80244442617074)</t>
  </si>
  <si>
    <t>POINT (4.675054478206821 51.80337623069172)</t>
  </si>
  <si>
    <t>POINT (4.733488328436616 51.80006724011824)</t>
  </si>
  <si>
    <t>POINT (4.650591799540467 51.802079426750126)</t>
  </si>
  <si>
    <t>POINT (4.65780565358213 51.80032607981182)</t>
  </si>
  <si>
    <t>POINT (4.703557889801089 51.795346864231)</t>
  </si>
  <si>
    <t>POINT (4.6637762029950025 51.788207329436844)</t>
  </si>
  <si>
    <t>POINT (4.696621876258793 51.79503816443769)</t>
  </si>
  <si>
    <t>POINT (4.6821487651289795 51.814713120449525)</t>
  </si>
  <si>
    <t>POINT (4.6528328074017 51.80102612899656)</t>
  </si>
  <si>
    <t>POINT (4.661079291147217 51.786999878556664)</t>
  </si>
  <si>
    <t>POINT (4.706002622898726 51.798559304254475)</t>
  </si>
  <si>
    <t>POINT (4.667131270622511 51.81107170625175)</t>
  </si>
  <si>
    <t>POINT (4.682061076528048 51.80609208387868)</t>
  </si>
  <si>
    <t>POINT (4.713017306032108 51.79883010155039)</t>
  </si>
  <si>
    <t>POINT (4.7271337337701755 51.793568674641556)</t>
  </si>
  <si>
    <t>POINT (4.6791940938632095 51.77842022901122)</t>
  </si>
  <si>
    <t>POINT (4.6732896546685 51.80437921369699)</t>
  </si>
  <si>
    <t>POINT (4.717593829762423 51.80633940296558)</t>
  </si>
  <si>
    <t>POINT (4.6536977692536095 51.80031743218753)</t>
  </si>
  <si>
    <t>POINT (4.662726735007739 51.8099217213366)</t>
  </si>
  <si>
    <t>POINT (4.6824474858781375 51.80985754787867)</t>
  </si>
  <si>
    <t>POINT (4.683243131341062 51.80454253207758)</t>
  </si>
  <si>
    <t>POINT (4.713050839367879 51.81556260436255)</t>
  </si>
  <si>
    <t>POINT (4.709100409113245 51.78756692691601)</t>
  </si>
  <si>
    <t>POINT (4.650031856449102 51.793674677172234)</t>
  </si>
  <si>
    <t>POINT (4.6915256184848895 51.80681066472128)</t>
  </si>
  <si>
    <t>POINT (4.672545985986162 51.81929098668265)</t>
  </si>
  <si>
    <t>POINT (4.688232393640474 51.81460462370555)</t>
  </si>
  <si>
    <t>POINT (4.673354532323306 51.815434852158916)</t>
  </si>
  <si>
    <t>POINT (4.676059318062067 51.817571412030745)</t>
  </si>
  <si>
    <t>POINT (4.678282028699743 51.78467332742228)</t>
  </si>
  <si>
    <t>POINT (4.659371599014099 51.811948483259584)</t>
  </si>
  <si>
    <t>POINT (4.676613754167736 51.80370808104575)</t>
  </si>
  <si>
    <t>POINT (4.672144306824249 51.811232255185196)</t>
  </si>
  <si>
    <t>POINT (4.660247041243844 51.78942920792817)</t>
  </si>
  <si>
    <t>POINT (4.670941248166211 51.80376355889805)</t>
  </si>
  <si>
    <t>POINT (4.66969295643298 51.813637754155664)</t>
  </si>
  <si>
    <t>POINT (4.681847688371095 51.807344109824896)</t>
  </si>
  <si>
    <t>POINT (4.7205748300923585 51.80099763428033)</t>
  </si>
  <si>
    <t>POINT (4.6640916529863485 51.81406233566047)</t>
  </si>
  <si>
    <t>POINT (4.728154491296678 51.804683062778004)</t>
  </si>
  <si>
    <t>POINT (4.653592496194924 51.78876941195998)</t>
  </si>
  <si>
    <t>POINT (4.713388448668423 51.805208971309675)</t>
  </si>
  <si>
    <t>POINT (4.655372861373039 51.79194632040624)</t>
  </si>
  <si>
    <t>POINT (4.673129683647289 51.81610856928361)</t>
  </si>
  <si>
    <t>POINT (4.663284297022483 51.7898924366912)</t>
  </si>
  <si>
    <t>POINT (4.701241710110454 51.79496115107894)</t>
  </si>
  <si>
    <t>POINT (4.674170143312294 51.81785169464791)</t>
  </si>
  <si>
    <t>POINT (4.669338995789037 51.813448625045545)</t>
  </si>
  <si>
    <t>POINT (4.671079307130439 51.77911269467168)</t>
  </si>
  <si>
    <t>POINT (4.719767456933436 51.79539881436926)</t>
  </si>
  <si>
    <t>POINT (4.726233050245158 51.80569893738214)</t>
  </si>
  <si>
    <t>POINT (4.712014249145959 51.81500316090152)</t>
  </si>
  <si>
    <t>POINT (4.681407731929948 51.774942969464696)</t>
  </si>
  <si>
    <t>POINT (4.654016180174201 51.794880366116075)</t>
  </si>
  <si>
    <t>POINT (4.703257687705938 51.816184897880305)</t>
  </si>
  <si>
    <t>POINT (4.675482715258523 51.7757491544682)</t>
  </si>
  <si>
    <t>POINT (4.6614648379306765 51.78694756817648)</t>
  </si>
  <si>
    <t>POINT (4.694730935489302 51.81841808533194)</t>
  </si>
  <si>
    <t>POINT (4.7088159381210195 51.79695671096884)</t>
  </si>
  <si>
    <t>POINT (4.670426332296605 51.815809674429225)</t>
  </si>
  <si>
    <t>POINT (4.654263295302987 51.80233156786986)</t>
  </si>
  <si>
    <t>POINT (4.6696625372788 51.805853758963124)</t>
  </si>
  <si>
    <t>POINT (4.673100783338446 51.7720374387509)</t>
  </si>
  <si>
    <t>POINT (4.688134974541268 51.80702072269704)</t>
  </si>
  <si>
    <t>POINT (4.680315372220758 51.80741225449651)</t>
  </si>
  <si>
    <t>POINT (4.689060702562891 51.80659362755227)</t>
  </si>
  <si>
    <t>POINT (4.689149822355484 51.81547098186938)</t>
  </si>
  <si>
    <t>POINT (4.712245659094249 51.81460750880885)</t>
  </si>
  <si>
    <t>POINT (4.682275718730077 51.809009981357036)</t>
  </si>
  <si>
    <t>POINT (4.676112636729142 51.8183140639604)</t>
  </si>
  <si>
    <t>POINT (4.713284466654373 51.800293110549276)</t>
  </si>
  <si>
    <t>POINT (4.660449590992054 51.791965412951264)</t>
  </si>
  <si>
    <t>POINT (4.666796167244787 51.814312045451175)</t>
  </si>
  <si>
    <t>POINT (4.666183800079043 51.786743177682226)</t>
  </si>
  <si>
    <t>POINT (4.681097565193613 51.780221192094295)</t>
  </si>
  <si>
    <t>POINT (4.683002779067634 51.80171225513925)</t>
  </si>
  <si>
    <t>POINT (4.666403935913996 51.810934900630215)</t>
  </si>
  <si>
    <t>POINT (4.652566981318211 51.793550454467564)</t>
  </si>
  <si>
    <t>POINT (4.679934450419364 51.77797344489011)</t>
  </si>
  <si>
    <t>POINT (4.6763921057507245 51.816013849648876)</t>
  </si>
  <si>
    <t>POINT (4.678141456794575 51.80755435488654)</t>
  </si>
  <si>
    <t>POINT (4.662743541658891 51.78566298578403)</t>
  </si>
  <si>
    <t>POINT (4.681943713403974 51.78163580058998)</t>
  </si>
  <si>
    <t>POINT (4.6545460624682775 51.80690348404768)</t>
  </si>
  <si>
    <t>POINT (4.713731913826481 51.80503309373104)</t>
  </si>
  <si>
    <t>3317XL</t>
  </si>
  <si>
    <t>Van Spilbergenstraat</t>
  </si>
  <si>
    <t>POINT (4.651997317601115 51.79017649622521)</t>
  </si>
  <si>
    <t>POINT (4.7081615286391605 51.801310869434616)</t>
  </si>
  <si>
    <t>POINT (4.669230394977275 51.79842644214796)</t>
  </si>
  <si>
    <t>POINT (4.687929654059943 51.803662923938774)</t>
  </si>
  <si>
    <t>POINT (4.720797500956246 51.80493945781199)</t>
  </si>
  <si>
    <t>POINT (4.652180243019538 51.787719992928345)</t>
  </si>
  <si>
    <t>POINT (4.676452655386329 51.773671983891774)</t>
  </si>
  <si>
    <t>POINT (4.6563778242771034 51.80253945278195)</t>
  </si>
  <si>
    <t>POINT (4.665967306885591 51.81264691639147)</t>
  </si>
  <si>
    <t>POINT (4.677264303350895 51.77362609564159)</t>
  </si>
  <si>
    <t>POINT (4.658715922526347 51.809859794507815)</t>
  </si>
  <si>
    <t>POINT (4.67002745142474 51.7727023130099)</t>
  </si>
  <si>
    <t>POINT (4.665534254489007 51.80161323210443)</t>
  </si>
  <si>
    <t>POINT (4.661181897420304 51.77266133509588)</t>
  </si>
  <si>
    <t>POINT (4.661271039931687 51.80071435550251)</t>
  </si>
  <si>
    <t>POINT (4.6991922258859455 51.79648379458822)</t>
  </si>
  <si>
    <t>POINT (4.66602844324431 51.77496745987641)</t>
  </si>
  <si>
    <t>POINT (4.706463744681968 51.809468580077365)</t>
  </si>
  <si>
    <t>POINT (4.71087208551596 51.811722840294145)</t>
  </si>
  <si>
    <t>POINT (4.686759768054624 51.80934636608537)</t>
  </si>
  <si>
    <t>POINT (4.65888579445189 51.81257765241284)</t>
  </si>
  <si>
    <t>POINT (4.735180907686309 51.7990236932113)</t>
  </si>
  <si>
    <t>POINT (4.681830433087435 51.81321437926117)</t>
  </si>
  <si>
    <t>POINT (4.684270088681626 51.80408656310809)</t>
  </si>
  <si>
    <t>POINT (4.714430201706587 51.81506872015361)</t>
  </si>
  <si>
    <t>POINT (4.673875102683215 51.81077820024797)</t>
  </si>
  <si>
    <t>POINT (4.684854815095941 51.80967374483134)</t>
  </si>
  <si>
    <t>POINT (4.6647166310780035 51.817845042452376)</t>
  </si>
  <si>
    <t>POINT (4.678323827442737 51.81551683815823)</t>
  </si>
  <si>
    <t>POINT (4.656034862616232 51.80014967492254)</t>
  </si>
  <si>
    <t>POINT (4.653259192511639 51.79517856132416)</t>
  </si>
  <si>
    <t>POINT (4.678294746416473 51.7863701915416)</t>
  </si>
  <si>
    <t>POINT (4.684475681807986 51.787877284321745)</t>
  </si>
  <si>
    <t>POINT (4.721714364488131 51.79449689651738)</t>
  </si>
  <si>
    <t>POINT (4.669073067208345 51.81877568079355)</t>
  </si>
  <si>
    <t>POINT (4.683197650812935 51.804258091306046)</t>
  </si>
  <si>
    <t>POINT (4.68114322807744 51.78618685138989)</t>
  </si>
  <si>
    <t>POINT (4.673467810424786 51.78470333314977)</t>
  </si>
  <si>
    <t>POINT (4.687877793262681 51.812052239679396)</t>
  </si>
  <si>
    <t>POINT (4.712607457448532 51.81635753744717)</t>
  </si>
  <si>
    <t>POINT (4.680626587273072 51.77723847548056)</t>
  </si>
  <si>
    <t>POINT (4.667578007075463 51.811079480299966)</t>
  </si>
  <si>
    <t>POINT (4.667289618724981 51.80351027385548)</t>
  </si>
  <si>
    <t>POINT (4.640236213351871 51.7763404136237)</t>
  </si>
  <si>
    <t>POINT (4.718554718447904 51.80077703675764)</t>
  </si>
  <si>
    <t>POINT (4.670779387309566 51.79852158209774)</t>
  </si>
  <si>
    <t>POINT (4.678380853527621 51.78461811381272)</t>
  </si>
  <si>
    <t>POINT (4.67963908155647 51.80888715661145)</t>
  </si>
  <si>
    <t>POINT (4.676219399808527 51.77657996345228)</t>
  </si>
  <si>
    <t>POINT (4.665166562556614 51.77483604530134)</t>
  </si>
  <si>
    <t>POINT (4.663181602591275 51.81688776271357)</t>
  </si>
  <si>
    <t>3311BL</t>
  </si>
  <si>
    <t>Mattensteiger</t>
  </si>
  <si>
    <t>POINT (4.6693003737649 51.8185788532905)</t>
  </si>
  <si>
    <t>POINT (4.6898139753045776 51.81858455530236)</t>
  </si>
  <si>
    <t>POINT (4.65458758756399 51.78735443415742)</t>
  </si>
  <si>
    <t>POINT (4.712689428756072 51.79537432577843)</t>
  </si>
  <si>
    <t>POINT (4.7348580103689235 51.80331152671159)</t>
  </si>
  <si>
    <t>POINT (4.666275877955604 51.779626070296956)</t>
  </si>
  <si>
    <t>POINT (4.658330746975835 51.80206335256188)</t>
  </si>
  <si>
    <t>POINT (4.6667350774922784 51.79631863158332)</t>
  </si>
  <si>
    <t>POINT (4.659289512954626 51.78808592114705)</t>
  </si>
  <si>
    <t>POINT (4.653050966322751 51.795183092162056)</t>
  </si>
  <si>
    <t>POINT (4.727378814596964 51.80511876029808)</t>
  </si>
  <si>
    <t>POINT (4.65972534175502 51.79327376035669)</t>
  </si>
  <si>
    <t>POINT (4.673500235240438 51.804166150647575)</t>
  </si>
  <si>
    <t>POINT (4.683040017106981 51.81160368377114)</t>
  </si>
  <si>
    <t>POINT (4.66005395251527 51.804449882075545)</t>
  </si>
  <si>
    <t>POINT (4.6626913844542015 51.80911475064376)</t>
  </si>
  <si>
    <t>POINT (4.730077325385471 51.80322331484633)</t>
  </si>
  <si>
    <t>POINT (4.663966801995093 51.81531258356694)</t>
  </si>
  <si>
    <t>POINT (4.628335765255252 51.721261561582494)</t>
  </si>
  <si>
    <t>POINT (4.707937742119289 51.80924796491308)</t>
  </si>
  <si>
    <t>POINT (4.6618033925633755 51.79947686646509)</t>
  </si>
  <si>
    <t>POINT (4.656352798475846 51.802218337472276)</t>
  </si>
  <si>
    <t>POINT (4.726145427498238 51.79992050999752)</t>
  </si>
  <si>
    <t>POINT (4.677554216161106 51.78067168761205)</t>
  </si>
  <si>
    <t>POINT (4.666783925359708 51.79390552049771)</t>
  </si>
  <si>
    <t>POINT (4.667956520026851 51.816211098918764)</t>
  </si>
  <si>
    <t>POINT (4.666969846339167 51.77304871535227)</t>
  </si>
  <si>
    <t>POINT (4.733237957188128 51.80005487877993)</t>
  </si>
  <si>
    <t>POINT (4.670872708007415 51.77875933635733)</t>
  </si>
  <si>
    <t>POINT (4.727374773429303 51.79268925077631)</t>
  </si>
  <si>
    <t>POINT (4.684958072214466 51.779486621531795)</t>
  </si>
  <si>
    <t>POINT (4.664650934272259 51.80322631738531)</t>
  </si>
  <si>
    <t>POINT (4.680151029574107 51.79883108696251)</t>
  </si>
  <si>
    <t>POINT (4.6782468110053586 51.7800399881303)</t>
  </si>
  <si>
    <t>POINT (4.709532554002514 51.804869160994755)</t>
  </si>
  <si>
    <t>POINT (4.6418139811763455 51.7697033139356)</t>
  </si>
  <si>
    <t>POINT (4.652669839995203 51.800188943783354)</t>
  </si>
  <si>
    <t>POINT (4.823192946624741 51.8176401879409)</t>
  </si>
  <si>
    <t>POINT (4.67788499337791 51.77578572087911)</t>
  </si>
  <si>
    <t>POINT (4.679298118399317 51.81587753767416)</t>
  </si>
  <si>
    <t>POINT (4.667683349652053 51.800598807838306)</t>
  </si>
  <si>
    <t>POINT (4.698144497024188 51.800955098428176)</t>
  </si>
  <si>
    <t>POINT (4.668812945224717 51.80928111339416)</t>
  </si>
  <si>
    <t>POINT (4.662985674475226 51.79866268429335)</t>
  </si>
  <si>
    <t>POINT (4.6580049782635005 51.77188398337762)</t>
  </si>
  <si>
    <t>POINT (4.6867870364179876 51.809561564671384)</t>
  </si>
  <si>
    <t>POINT (4.6322581697960885 51.77570294157019)</t>
  </si>
  <si>
    <t>POINT (4.662804524369214 51.79715194130034)</t>
  </si>
  <si>
    <t>POINT (4.683587820407369 51.788992105750566)</t>
  </si>
  <si>
    <t>POINT (4.665981863621703 51.808313769482105)</t>
  </si>
  <si>
    <t>POINT (4.6726239123389925 51.80767388998041)</t>
  </si>
  <si>
    <t>POINT (4.712290443509326 51.807367819428094)</t>
  </si>
  <si>
    <t>POINT (4.669171784159998 51.79119548758926)</t>
  </si>
  <si>
    <t>POINT (4.674342665675282 51.81789464784264)</t>
  </si>
  <si>
    <t>POINT (4.731116807932371 51.80223521316182)</t>
  </si>
  <si>
    <t>POINT (4.656409357684314 51.804532074663065)</t>
  </si>
  <si>
    <t>POINT (4.732054966635606 51.800925318681344)</t>
  </si>
  <si>
    <t>POINT (4.687063071313846 51.78149546868758)</t>
  </si>
  <si>
    <t>POINT (4.7296060354733465 51.79100279821018)</t>
  </si>
  <si>
    <t>POINT (4.712430883506488 51.76700589906727)</t>
  </si>
  <si>
    <t>POINT (4.694657143772903 51.79626684017556)</t>
  </si>
  <si>
    <t>POINT (4.680464361827676 51.78169332296129)</t>
  </si>
  <si>
    <t>POINT (4.731161849164021 51.802193730760116)</t>
  </si>
  <si>
    <t>POINT (4.716562342270461 51.803015677392715)</t>
  </si>
  <si>
    <t>POINT (4.6683035066990834 51.778080034620736)</t>
  </si>
  <si>
    <t>POINT (4.684168676602084 51.77368388406342)</t>
  </si>
  <si>
    <t>POINT (4.699589521786326 51.78883016641941)</t>
  </si>
  <si>
    <t>POINT (4.682369115694211 51.80217039640333)</t>
  </si>
  <si>
    <t>POINT (4.696256410369792 51.79059777384368)</t>
  </si>
  <si>
    <t>POINT (4.690601671846051 51.81061721213976)</t>
  </si>
  <si>
    <t>POINT (4.6680405941067935 51.81742386248066)</t>
  </si>
  <si>
    <t>POINT (4.6789772301556685 51.78062485509845)</t>
  </si>
  <si>
    <t>POINT (4.68593240959447 51.79170779319049)</t>
  </si>
  <si>
    <t>POINT (4.675919050761734 51.77511215595366)</t>
  </si>
  <si>
    <t>POINT (4.666069142866826 51.77742252855654)</t>
  </si>
  <si>
    <t>POINT (4.657838690011521 51.78258807712526)</t>
  </si>
  <si>
    <t>POINT (4.726575285028785 51.79672343206926)</t>
  </si>
  <si>
    <t>POINT (4.683500876393483 51.80487107702471)</t>
  </si>
  <si>
    <t>POINT (4.665347551275525 51.803782231955466)</t>
  </si>
  <si>
    <t>POINT (4.727808274780517 51.800750457861966)</t>
  </si>
  <si>
    <t>POINT (4.655697676516922 51.800122485702914)</t>
  </si>
  <si>
    <t>POINT (4.653564316588136 51.80331023065689)</t>
  </si>
  <si>
    <t>POINT (4.710424932005427 51.79187773790091)</t>
  </si>
  <si>
    <t>POINT (4.697797975379717 51.80086420994803)</t>
  </si>
  <si>
    <t>POINT (4.682261237512234 51.810021568985945)</t>
  </si>
  <si>
    <t>POINT (4.718566907562873 51.80739386328487)</t>
  </si>
  <si>
    <t>POINT (4.663891101527675 51.81161440792754)</t>
  </si>
  <si>
    <t>POINT (4.652532735438412 51.78560329073894)</t>
  </si>
  <si>
    <t>POINT (4.67259055696702 51.77939820678203)</t>
  </si>
  <si>
    <t>POINT (4.676871845330062 51.77840714985405)</t>
  </si>
  <si>
    <t>POINT (4.6347580778196615 51.780232361722724)</t>
  </si>
  <si>
    <t>POINT (4.6797393852430265 51.77557772260138)</t>
  </si>
  <si>
    <t>POINT (4.670584177250398 51.79993060736111)</t>
  </si>
  <si>
    <t>POINT (4.666345047328559 51.81350979539339)</t>
  </si>
  <si>
    <t>POINT (4.648332741055344 51.78330661093218)</t>
  </si>
  <si>
    <t>POINT (4.659848102345366 51.80244905334453)</t>
  </si>
  <si>
    <t>POINT (4.673471462780594 51.796068787932484)</t>
  </si>
  <si>
    <t>POINT (4.691949280941088 51.7906593193)</t>
  </si>
  <si>
    <t>POINT (4.683718488739376 51.80489023338637)</t>
  </si>
  <si>
    <t>POINT (4.653160909470541 51.81088264318912)</t>
  </si>
  <si>
    <t>POINT (4.681082736794037 51.774326401541764)</t>
  </si>
  <si>
    <t>POINT (4.6644956009679746 51.81082091717955)</t>
  </si>
  <si>
    <t>POINT (4.716616820322068 51.81262335523106)</t>
  </si>
  <si>
    <t>POINT (4.6905224799359 51.81882888601168)</t>
  </si>
  <si>
    <t>POINT (4.682055738023838 51.78571900467419)</t>
  </si>
  <si>
    <t>POINT (4.665389931777782 51.788942658516255)</t>
  </si>
  <si>
    <t>POINT (4.66807580910307 51.80139090621157)</t>
  </si>
  <si>
    <t>POINT (4.663124242091024 51.78597053898966)</t>
  </si>
  <si>
    <t>POINT (4.682777324451718 51.81442975219378)</t>
  </si>
  <si>
    <t>POINT (4.668793328112193 51.8132863121575)</t>
  </si>
  <si>
    <t>POINT (4.67950561961899 51.808926737896336)</t>
  </si>
  <si>
    <t>POINT (4.650607331572539 51.802830152838986)</t>
  </si>
  <si>
    <t>POINT (4.728297121336361 51.800600397185036)</t>
  </si>
  <si>
    <t>POINT (4.683020521266964 51.80488904898424)</t>
  </si>
  <si>
    <t>POINT (4.669128303569972 51.816689406737154)</t>
  </si>
  <si>
    <t>POINT (4.673714327231186 51.803084019899615)</t>
  </si>
  <si>
    <t>POINT (4.6565757925180415 51.770787110584926)</t>
  </si>
  <si>
    <t>POINT (4.711799738464292 51.80969450241545)</t>
  </si>
  <si>
    <t>POINT (4.676256766672541 51.77561155781667)</t>
  </si>
  <si>
    <t>POINT (4.726570518141726 51.80034099294966)</t>
  </si>
  <si>
    <t>POINT (4.66028699231324 51.790518329509275)</t>
  </si>
  <si>
    <t>POINT (4.677684364967783 51.790783365663565)</t>
  </si>
  <si>
    <t>POINT (4.673814183440088 51.807945192637895)</t>
  </si>
  <si>
    <t>POINT (4.695892424618376 51.793953403015)</t>
  </si>
  <si>
    <t>POINT (4.67329550811633 51.795638004058524)</t>
  </si>
  <si>
    <t>POINT (4.7306970126198555 51.800303409008)</t>
  </si>
  <si>
    <t>POINT (4.70378679761646 51.795664733717985)</t>
  </si>
  <si>
    <t>POINT (4.712736152097107 51.79537905276544)</t>
  </si>
  <si>
    <t>POINT (4.679399021779505 51.78786191789508)</t>
  </si>
  <si>
    <t>POINT (4.661936875276143 51.810506077493656)</t>
  </si>
  <si>
    <t>POINT (4.718451985456556 51.7990805987952)</t>
  </si>
  <si>
    <t>POINT (4.669296698280295 51.81284721267946)</t>
  </si>
  <si>
    <t>POINT (4.6612454128625345 51.801769631501195)</t>
  </si>
  <si>
    <t>POINT (4.686880036932824 51.80973480994987)</t>
  </si>
  <si>
    <t>POINT (4.660129314427173 51.81337455188129)</t>
  </si>
  <si>
    <t>POINT (4.674548484898563 51.7833959622836)</t>
  </si>
  <si>
    <t>POINT (4.683967650932162 51.78141652932572)</t>
  </si>
  <si>
    <t>POINT (4.656042797520297 51.7896741338616)</t>
  </si>
  <si>
    <t>POINT (4.71322045792475 51.813801329192636)</t>
  </si>
  <si>
    <t>POINT (4.666292273694702 51.78746952949282)</t>
  </si>
  <si>
    <t>POINT (4.6717382964167555 51.785452971540565)</t>
  </si>
  <si>
    <t>POINT (4.67145155474203 51.80536872577985)</t>
  </si>
  <si>
    <t>POINT (4.697259490781084 51.79334360514371)</t>
  </si>
  <si>
    <t>POINT (4.693681337021863 51.7932862203605)</t>
  </si>
  <si>
    <t>POINT (4.665967190979668 51.77910429236315)</t>
  </si>
  <si>
    <t>POINT (4.711929816044016 51.79253651464662)</t>
  </si>
  <si>
    <t>POINT (4.669808326573774 51.79672134398959)</t>
  </si>
  <si>
    <t>POINT (4.67906411782275 51.774098582698485)</t>
  </si>
  <si>
    <t>POINT (4.662898740484303 51.81396612604523)</t>
  </si>
  <si>
    <t>POINT (4.663643189414542 51.78545092189334)</t>
  </si>
  <si>
    <t>POINT (4.6630425499669075 51.795205110322186)</t>
  </si>
  <si>
    <t>POINT (4.6761889156361205 51.777092988889954)</t>
  </si>
  <si>
    <t>POINT (4.697842804462534 51.79548871989641)</t>
  </si>
  <si>
    <t>POINT (4.68562214002533 51.809917361497135)</t>
  </si>
  <si>
    <t>POINT (4.657424359763094 51.806454358875875)</t>
  </si>
  <si>
    <t>POINT (4.680113431510705 51.77432341111267)</t>
  </si>
  <si>
    <t>POINT (4.711057128324528 51.81648213309158)</t>
  </si>
  <si>
    <t>POINT (4.676696074600895 51.77502151350656)</t>
  </si>
  <si>
    <t>POINT (4.714760158304409 51.81455095116703)</t>
  </si>
  <si>
    <t>POINT (4.671690791259313 51.805958529985865)</t>
  </si>
  <si>
    <t>POINT (4.688018163929432 51.80362780231916)</t>
  </si>
  <si>
    <t>POINT (4.630223069253191 51.72311960932857)</t>
  </si>
  <si>
    <t>POINT (4.652385812340942 51.792294864332554)</t>
  </si>
  <si>
    <t>POINT (4.6639302478771585 51.80075228805665)</t>
  </si>
  <si>
    <t>POINT (4.682615544948994 51.78767694154114)</t>
  </si>
  <si>
    <t>POINT (4.674438243820809 51.78280030329138)</t>
  </si>
  <si>
    <t>POINT (4.6709831886368685 51.812842713341595)</t>
  </si>
  <si>
    <t>POINT (4.659786256668238 51.80499433083384)</t>
  </si>
  <si>
    <t>POINT (4.656625309345306 51.77105237984964)</t>
  </si>
  <si>
    <t>POINT (4.7181502975185206 51.805406481809044)</t>
  </si>
  <si>
    <t>POINT (4.6683194044286775 51.78289314585456)</t>
  </si>
  <si>
    <t>POINT (4.723205787467286 51.8040175905566)</t>
  </si>
  <si>
    <t>POINT (4.660072726041422 51.796697634256645)</t>
  </si>
  <si>
    <t>POINT (4.719869021812371 51.81204874280211)</t>
  </si>
  <si>
    <t>POINT (4.697655381988009 51.796323178284865)</t>
  </si>
  <si>
    <t>POINT (4.679458150922253 51.80547021691011)</t>
  </si>
  <si>
    <t>POINT (4.664886833522727 51.80011032992522)</t>
  </si>
  <si>
    <t>POINT (4.72088221971133 51.800489220691276)</t>
  </si>
  <si>
    <t>POINT (4.734047841212526 51.80175110516539)</t>
  </si>
  <si>
    <t>POINT (4.662666724519593 51.81273212996025)</t>
  </si>
  <si>
    <t>POINT (4.665559049585035 51.80145629824838)</t>
  </si>
  <si>
    <t>POINT (4.633395013095915 51.77901989122517)</t>
  </si>
  <si>
    <t>POINT (4.668325227016354 51.81592031827253)</t>
  </si>
  <si>
    <t>POINT (4.712214033642787 51.804618264952325)</t>
  </si>
  <si>
    <t>POINT (4.707466351785658 51.79534483713842)</t>
  </si>
  <si>
    <t>POINT (4.679517121751753 51.779659635126535)</t>
  </si>
  <si>
    <t>POINT (4.656185664783635 51.78766264035602)</t>
  </si>
  <si>
    <t>POINT (4.652813800838764 51.79462962919452)</t>
  </si>
  <si>
    <t>POINT (4.668152971459322 51.80410696041844)</t>
  </si>
  <si>
    <t>POINT (4.673069416958195 51.81158624466135)</t>
  </si>
  <si>
    <t>POINT (4.705302929321297 51.80768572803278)</t>
  </si>
  <si>
    <t>POINT (4.658683720891746 51.80722266371874)</t>
  </si>
  <si>
    <t>POINT (4.715898595102305 51.8013974486438)</t>
  </si>
  <si>
    <t>POINT (4.682803844664275 51.80411660118899)</t>
  </si>
  <si>
    <t>POINT (4.70765667198267 51.81041617410144)</t>
  </si>
  <si>
    <t>POINT (4.686861469891749 51.77627027762435)</t>
  </si>
  <si>
    <t>POINT (4.661665130648799 51.7878665902779)</t>
  </si>
  <si>
    <t>POINT (4.681987419595111 51.7816757664471)</t>
  </si>
  <si>
    <t>POINT (4.667533743519204 51.813689026472794)</t>
  </si>
  <si>
    <t>POINT (4.672424781209323 51.77547013726007)</t>
  </si>
  <si>
    <t>POINT (4.6601501425043015 51.81072780102655)</t>
  </si>
  <si>
    <t>3311LZ</t>
  </si>
  <si>
    <t>Vriesepark</t>
  </si>
  <si>
    <t>POINT (4.67483540190951 51.80982399837779)</t>
  </si>
  <si>
    <t>POINT (4.656097043505539 51.79949146030849)</t>
  </si>
  <si>
    <t>POINT (4.681285698023428 51.809867598305665)</t>
  </si>
  <si>
    <t>POINT (4.664034885503467 51.80230172962446)</t>
  </si>
  <si>
    <t>POINT (4.6597315260563255 51.789899681154964)</t>
  </si>
  <si>
    <t>POINT (4.697856313074641 51.81796001391429)</t>
  </si>
  <si>
    <t>POINT (4.663111091057816 51.816293427823474)</t>
  </si>
  <si>
    <t>POINT (4.722842942001483 51.80340881240763)</t>
  </si>
  <si>
    <t>POINT (4.654610335657268 51.812037426109775)</t>
  </si>
  <si>
    <t>POINT (4.7030955411165705 51.81665053535253)</t>
  </si>
  <si>
    <t>POINT (4.6871839976665015 51.806829536319746)</t>
  </si>
  <si>
    <t>POINT (4.6808635784457975 51.81404757485106)</t>
  </si>
  <si>
    <t>POINT (4.6562965931417075 51.806270442009364)</t>
  </si>
  <si>
    <t>POINT (4.66275744476873 51.78760798547897)</t>
  </si>
  <si>
    <t>POINT (4.694996608525114 51.810807387504454)</t>
  </si>
  <si>
    <t>POINT (4.663956431310212 51.80203427293073)</t>
  </si>
  <si>
    <t>POINT (4.659777042165929 51.79661180191785)</t>
  </si>
  <si>
    <t>POINT (4.678883041833584 51.78561548591627)</t>
  </si>
  <si>
    <t>POINT (4.685116859018194 51.80489170543641)</t>
  </si>
  <si>
    <t>POINT (4.675484502733399 51.8042443239049)</t>
  </si>
  <si>
    <t>POINT (4.66397161824871 51.80168847269539)</t>
  </si>
  <si>
    <t>POINT (4.666842896192437 51.80952687658095)</t>
  </si>
  <si>
    <t>POINT (4.684904787680849 51.803191855995394)</t>
  </si>
  <si>
    <t>POINT (4.677464090785504 51.80725779536123)</t>
  </si>
  <si>
    <t>POINT (4.67139109270133 51.7994603910014)</t>
  </si>
  <si>
    <t>POINT (4.71685865359846 51.79507542078642)</t>
  </si>
  <si>
    <t>POINT (4.680292078200597 51.81611141858635)</t>
  </si>
  <si>
    <t>POINT (4.668613077285496 51.7708180694272)</t>
  </si>
  <si>
    <t>POINT (4.6543335321444115 51.79347680268658)</t>
  </si>
  <si>
    <t>POINT (4.719977956167758 51.812261520961634)</t>
  </si>
  <si>
    <t>POINT (4.716804140555492 51.806423324290556)</t>
  </si>
  <si>
    <t>POINT (4.678707916558064 51.787095306889114)</t>
  </si>
  <si>
    <t>POINT (4.654292257676776 51.7931407536405)</t>
  </si>
  <si>
    <t>POINT (4.676831006301492 51.80480992536344)</t>
  </si>
  <si>
    <t>POINT (4.730198559356025 51.804270639483505)</t>
  </si>
  <si>
    <t>POINT (4.720252113076075 51.79532123891638)</t>
  </si>
  <si>
    <t>POINT (4.667036847345767 51.811049302305214)</t>
  </si>
  <si>
    <t>POINT (4.669695764045553 51.80893882356532)</t>
  </si>
  <si>
    <t>POINT (4.675001152518025 51.8127439949732)</t>
  </si>
  <si>
    <t>POINT (4.70312203636276 51.79809458540253)</t>
  </si>
  <si>
    <t>POINT (4.682992527376951 51.81076232033613)</t>
  </si>
  <si>
    <t>POINT (4.669296092052836 51.790134404383615)</t>
  </si>
  <si>
    <t>POINT (4.7182412995909955 51.81302318278093)</t>
  </si>
  <si>
    <t>POINT (4.668576902029038 51.79820878011284)</t>
  </si>
  <si>
    <t>POINT (4.690554484075934 51.80598736620116)</t>
  </si>
  <si>
    <t>POINT (4.655333069038033 51.806504101855545)</t>
  </si>
  <si>
    <t>POINT (4.668125778012154 51.792556117939746)</t>
  </si>
  <si>
    <t>POINT (4.684080708588254 51.79819200326854)</t>
  </si>
  <si>
    <t>POINT (4.721627686858146 51.80385118678318)</t>
  </si>
  <si>
    <t>POINT (4.657818632339345 51.81360023789558)</t>
  </si>
  <si>
    <t>POINT (4.674672623656943 51.7868461390368)</t>
  </si>
  <si>
    <t>POINT (4.655851676993492 51.78457814842733)</t>
  </si>
  <si>
    <t>POINT (4.689968177577257 51.809234571273215)</t>
  </si>
  <si>
    <t>POINT (4.693315225490511 51.795304484988684)</t>
  </si>
  <si>
    <t>POINT (4.683175670963859 51.79798795316139)</t>
  </si>
  <si>
    <t>POINT (4.673681375691114 51.81671439925207)</t>
  </si>
  <si>
    <t>POINT (4.678088494695983 51.78764806321375)</t>
  </si>
  <si>
    <t>POINT (4.667891055179518 51.80331634615465)</t>
  </si>
  <si>
    <t>POINT (4.663893855279487 51.81507110259954)</t>
  </si>
  <si>
    <t>POINT (4.664458894324248 51.81527917506075)</t>
  </si>
  <si>
    <t>POINT (4.655613323252013 51.78752988650282)</t>
  </si>
  <si>
    <t>POINT (4.669529386559448 51.819393422851896)</t>
  </si>
  <si>
    <t>POINT (4.713894622753042 51.803904864532875)</t>
  </si>
  <si>
    <t>POINT (4.661953808519725 51.802196777566905)</t>
  </si>
  <si>
    <t>POINT (4.6833743192428665 51.77458102825962)</t>
  </si>
  <si>
    <t>POINT (4.684239792402366 51.8114992286668)</t>
  </si>
  <si>
    <t>POINT (4.66304251332118 51.809823069109996)</t>
  </si>
  <si>
    <t>POINT (4.694627975164782 51.796079047440706)</t>
  </si>
  <si>
    <t>POINT (4.710532734404478 51.80570396519441)</t>
  </si>
  <si>
    <t>POINT (4.684264596495812 51.81263636234349)</t>
  </si>
  <si>
    <t>POINT (4.62979686718234 51.726965562020496)</t>
  </si>
  <si>
    <t>POINT (4.662778827707632 51.79059648474465)</t>
  </si>
  <si>
    <t>POINT (4.6306912297709015 51.724385918177184)</t>
  </si>
  <si>
    <t>POINT (4.677319400539256 51.8157336317839)</t>
  </si>
  <si>
    <t>POINT (4.674440503224411 51.817984769182786)</t>
  </si>
  <si>
    <t>POINT (4.706191900307513 51.80765859431307)</t>
  </si>
  <si>
    <t>POINT (4.658547051517472 51.812977424703654)</t>
  </si>
  <si>
    <t>POINT (4.713537051354616 51.804754873131216)</t>
  </si>
  <si>
    <t>POINT (4.682369752555747 51.81927427841996)</t>
  </si>
  <si>
    <t>POINT (4.688411729700478 51.76932500220049)</t>
  </si>
  <si>
    <t>POINT (4.690539032275653 51.804369916812234)</t>
  </si>
  <si>
    <t>POINT (4.6854268530344365 51.79217802426391)</t>
  </si>
  <si>
    <t>POINT (4.673170140641647 51.81082007872023)</t>
  </si>
  <si>
    <t>POINT (4.686642380481698 51.808624208100966)</t>
  </si>
  <si>
    <t>POINT (4.658423049723564 51.81078539282494)</t>
  </si>
  <si>
    <t>POINT (4.702124972775177 51.79474852562688)</t>
  </si>
  <si>
    <t>POINT (4.659013420466163 51.79538817882696)</t>
  </si>
  <si>
    <t>POINT (4.654033479647325 51.79451703380842)</t>
  </si>
  <si>
    <t>POINT (4.683054412578712 51.80714136398127)</t>
  </si>
  <si>
    <t>POINT (4.687679056264402 51.80581915119948)</t>
  </si>
  <si>
    <t>POINT (4.6551219336673375 51.80015390571823)</t>
  </si>
  <si>
    <t>POINT (4.65844155753107 51.79869342292291)</t>
  </si>
  <si>
    <t>POINT (4.662386897160921 51.8098842163252)</t>
  </si>
  <si>
    <t>POINT (4.72474951638046 51.79712191423649)</t>
  </si>
  <si>
    <t>POINT (4.709578899827631 51.80770082626792)</t>
  </si>
  <si>
    <t>POINT (4.668372527435123 51.79333157492473)</t>
  </si>
  <si>
    <t>POINT (4.685847191110344 51.78649122980656)</t>
  </si>
  <si>
    <t>POINT (4.670116744658071 51.7900873700847)</t>
  </si>
  <si>
    <t>POINT (4.681306621796778 51.811945229987735)</t>
  </si>
  <si>
    <t>POINT (4.721553772416827 51.811003081330284)</t>
  </si>
  <si>
    <t>POINT (4.663045559918825 51.80983652599376)</t>
  </si>
  <si>
    <t>POINT (4.671612481971324 51.79278913933326)</t>
  </si>
  <si>
    <t>POINT (4.678498856099187 51.807511175100714)</t>
  </si>
  <si>
    <t>POINT (4.655877113448177 51.78421680779706)</t>
  </si>
  <si>
    <t>POINT (4.733131915526826 51.79924644285122)</t>
  </si>
  <si>
    <t>POINT (4.72674343923212 51.79949019367584)</t>
  </si>
  <si>
    <t>POINT (4.668517809195607 51.810405632694774)</t>
  </si>
  <si>
    <t>POINT (4.667600282778985 51.8162818941756)</t>
  </si>
  <si>
    <t>POINT (4.663016819632036 51.79388135640884)</t>
  </si>
  <si>
    <t>POINT (4.666711038401931 51.80020499713791)</t>
  </si>
  <si>
    <t>POINT (4.668261876170534 51.772309087040746)</t>
  </si>
  <si>
    <t>POINT (4.674428312594712 51.80584303024648)</t>
  </si>
  <si>
    <t>POINT (4.667411750262006 51.801065317873054)</t>
  </si>
  <si>
    <t>POINT (4.692212871901183 51.79304525399292)</t>
  </si>
  <si>
    <t>POINT (4.716977790885394 51.798952116603104)</t>
  </si>
  <si>
    <t>POINT (4.655170010767133 51.8061114922399)</t>
  </si>
  <si>
    <t>POINT (4.690711100225657 51.80877616589222)</t>
  </si>
  <si>
    <t>POINT (4.707744045066429 51.806866945889865)</t>
  </si>
  <si>
    <t>POINT (4.711230752981984 51.80723952812947)</t>
  </si>
  <si>
    <t>POINT (4.679016644107929 51.78167962043897)</t>
  </si>
  <si>
    <t>POINT (4.662615328116455 51.80286039195202)</t>
  </si>
  <si>
    <t>POINT (4.666829206084057 51.81186862234388)</t>
  </si>
  <si>
    <t>POINT (4.6302620975025155 51.7218883509315)</t>
  </si>
  <si>
    <t>POINT (4.727770480406269 51.79792525896155)</t>
  </si>
  <si>
    <t>POINT (4.675641913806745 51.77384500835324)</t>
  </si>
  <si>
    <t>POINT (4.664997130722914 51.77725311988145)</t>
  </si>
  <si>
    <t>POINT (4.660431343380436 51.78941268707526)</t>
  </si>
  <si>
    <t>POINT (4.6618897543102635 51.79495036828597)</t>
  </si>
  <si>
    <t>POINT (4.731077201032562 51.79709357078399)</t>
  </si>
  <si>
    <t>POINT (4.6682254305287465 51.79919099638598)</t>
  </si>
  <si>
    <t>POINT (4.676778116365875 51.80412308586544)</t>
  </si>
  <si>
    <t>POINT (4.64844687380268 51.805576290513855)</t>
  </si>
  <si>
    <t>POINT (4.678622936666983 51.80863310856524)</t>
  </si>
  <si>
    <t>POINT (4.736140057355519 51.799901528302264)</t>
  </si>
  <si>
    <t>POINT (4.710251192554998 51.7918710007333)</t>
  </si>
  <si>
    <t>POINT (4.66257443455018 51.798307545528594)</t>
  </si>
  <si>
    <t>POINT (4.683551791123925 51.80675136293331)</t>
  </si>
  <si>
    <t>POINT (4.691362872330487 51.819246369774)</t>
  </si>
  <si>
    <t>POINT (4.697361681397851 51.79522924741318)</t>
  </si>
  <si>
    <t>POINT (4.728945901005982 51.797103960397116)</t>
  </si>
  <si>
    <t>POINT (4.693161395528017 51.796247286942204)</t>
  </si>
  <si>
    <t>POINT (4.675353982549268 51.804149618426166)</t>
  </si>
  <si>
    <t>POINT (4.663867533221338 51.81109215506969)</t>
  </si>
  <si>
    <t>POINT (4.701231167608353 51.79788023977911)</t>
  </si>
  <si>
    <t>POINT (4.6621918941752325 51.78762603739399)</t>
  </si>
  <si>
    <t>POINT (4.66785553311495 51.801396585085556)</t>
  </si>
  <si>
    <t>POINT (4.656294053278448 51.800437013662744)</t>
  </si>
  <si>
    <t>POINT (4.682044699428885 51.804719271299824)</t>
  </si>
  <si>
    <t>POINT (4.681028722014679 51.80630686208583)</t>
  </si>
  <si>
    <t>POINT (4.726064423123419 51.797125843523766)</t>
  </si>
  <si>
    <t>POINT (4.727449001125074 51.79989207238885)</t>
  </si>
  <si>
    <t>POINT (4.6710681987557665 51.8082759237561)</t>
  </si>
  <si>
    <t>POINT (4.655682252804429 51.79041745477206)</t>
  </si>
  <si>
    <t>POINT (4.634928351216193 51.79946205401435)</t>
  </si>
  <si>
    <t>POINT (4.661541382831721 51.79708676953634)</t>
  </si>
  <si>
    <t>POINT (4.674698105605394 51.814993116153516)</t>
  </si>
  <si>
    <t>POINT (4.708177042792012 51.8062151055127)</t>
  </si>
  <si>
    <t>POINT (4.667259824203059 51.799056285252895)</t>
  </si>
  <si>
    <t>POINT (4.6547488452201495 51.803809492539514)</t>
  </si>
  <si>
    <t>POINT (4.689869244183589 51.790200065310536)</t>
  </si>
  <si>
    <t>POINT (4.6824720382944465 51.79876166312102)</t>
  </si>
  <si>
    <t>POINT (4.658522067250405 51.795715651639696)</t>
  </si>
  <si>
    <t>POINT (4.662789492848524 51.81017189531879)</t>
  </si>
  <si>
    <t>POINT (4.691801694081088 51.811594852944)</t>
  </si>
  <si>
    <t>POINT (4.70878185642672 51.81869287264354)</t>
  </si>
  <si>
    <t>POINT (4.68419197918194 51.78122618111495)</t>
  </si>
  <si>
    <t>POINT (4.695426608445717 51.8149784338649)</t>
  </si>
  <si>
    <t>POINT (4.6528428544750176 51.78795993487656)</t>
  </si>
  <si>
    <t>POINT (4.678703087427258 51.8084712301332)</t>
  </si>
  <si>
    <t>POINT (4.72727032919127 51.79790357069529)</t>
  </si>
  <si>
    <t>POINT (4.6681868459197915 51.77006827860548)</t>
  </si>
  <si>
    <t>POINT (4.701168580687686 51.788973926927795)</t>
  </si>
  <si>
    <t>POINT (4.682043796068977 51.78535173577225)</t>
  </si>
  <si>
    <t>POINT (4.663294073921564 51.80960105469876)</t>
  </si>
  <si>
    <t>POINT (4.674098096129509 51.7723720445645)</t>
  </si>
  <si>
    <t>POINT (4.6642991056434076 51.79493091119011)</t>
  </si>
  <si>
    <t>POINT (4.656043800089481 51.78485687274274)</t>
  </si>
  <si>
    <t>POINT (4.67127849140556 51.77209048123279)</t>
  </si>
  <si>
    <t>POINT (4.6819020554314035 51.78104105561308)</t>
  </si>
  <si>
    <t>POINT (4.65567952436859 51.79046683072349)</t>
  </si>
  <si>
    <t>POINT (4.706763505240661 51.788290493134646)</t>
  </si>
  <si>
    <t>POINT (4.68661355533121 51.80588676215574)</t>
  </si>
  <si>
    <t>POINT (4.7144630947692825 51.81608910988424)</t>
  </si>
  <si>
    <t>POINT (4.682482243561702 51.81130682861881)</t>
  </si>
  <si>
    <t>POINT (4.728633010421388 51.771786784414324)</t>
  </si>
  <si>
    <t>3311ZH</t>
  </si>
  <si>
    <t>POINT (4.673110561740539 51.81145964687401)</t>
  </si>
  <si>
    <t>POINT (4.660435265329349 51.78234700902688)</t>
  </si>
  <si>
    <t>POINT (4.655832853219167 51.7838564258556)</t>
  </si>
  <si>
    <t>POINT (4.6816408634310465 51.775225314129756)</t>
  </si>
  <si>
    <t>POINT (4.656484227918315 51.80670133309166)</t>
  </si>
  <si>
    <t>POINT (4.660352102615483 51.796407394448195)</t>
  </si>
  <si>
    <t>POINT (4.712788769787915 51.81490366072479)</t>
  </si>
  <si>
    <t>POINT (4.663398987998274 51.79711383075969)</t>
  </si>
  <si>
    <t>POINT (4.700141497593194 51.793834059773125)</t>
  </si>
  <si>
    <t>POINT (4.665532422363181 51.80374095152382)</t>
  </si>
  <si>
    <t>POINT (4.684975484734909 51.808488915814635)</t>
  </si>
  <si>
    <t>POINT (4.684822306180436 51.79253777389811)</t>
  </si>
  <si>
    <t>POINT (4.671732491898351 51.81137226055746)</t>
  </si>
  <si>
    <t>POINT (4.684785581490259 51.77946531917099)</t>
  </si>
  <si>
    <t>POINT (4.65345215666961 51.79017522297011)</t>
  </si>
  <si>
    <t>POINT (4.723511442008483 51.79329030060058)</t>
  </si>
  <si>
    <t>POINT (4.650440997950177 51.793813327446394)</t>
  </si>
  <si>
    <t>POINT (4.665639642431193 51.80088832211513)</t>
  </si>
  <si>
    <t>POINT (4.683756941456986 51.80295124760807)</t>
  </si>
  <si>
    <t>POINT (4.6662624795908085 51.78751365171346)</t>
  </si>
  <si>
    <t>POINT (4.668215689529116 51.80371897058746)</t>
  </si>
  <si>
    <t>POINT (4.7053632809092845 51.79051557116736)</t>
  </si>
  <si>
    <t>POINT (4.729137612850419 51.79269952066505)</t>
  </si>
  <si>
    <t>POINT (4.666454969642076 51.81539416454486)</t>
  </si>
  <si>
    <t>POINT (4.660438295408651 51.81018816147901)</t>
  </si>
  <si>
    <t>POINT (4.6779204474422125 51.7846971728942)</t>
  </si>
  <si>
    <t>POINT (4.664987763797604 51.790123950577076)</t>
  </si>
  <si>
    <t>POINT (4.668671134180494 51.81283584261386)</t>
  </si>
  <si>
    <t>POINT (4.673677083440896 51.77647596782382)</t>
  </si>
  <si>
    <t>POINT (4.683175028740284 51.81059868907937)</t>
  </si>
  <si>
    <t>POINT (4.667926299397202 51.811797734642646)</t>
  </si>
  <si>
    <t>3316LV</t>
  </si>
  <si>
    <t>Burgemeester Noorlandstraat</t>
  </si>
  <si>
    <t>POINT (4.6626071308254184 51.79998932569811)</t>
  </si>
  <si>
    <t>POINT (4.6617089608127005 51.79867343917295)</t>
  </si>
  <si>
    <t>POINT (4.731528805203195 51.80401172895867)</t>
  </si>
  <si>
    <t>POINT (4.653661567015105 51.80302995980503)</t>
  </si>
  <si>
    <t>POINT (4.696786171103397 51.79224826529458)</t>
  </si>
  <si>
    <t>POINT (4.676235941197682 51.81845606783973)</t>
  </si>
  <si>
    <t>POINT (4.7179568133360155 51.80308721589893)</t>
  </si>
  <si>
    <t>POINT (4.664410216893898 51.79053331659176)</t>
  </si>
  <si>
    <t>POINT (4.670878993538693 51.81546946648692)</t>
  </si>
  <si>
    <t>POINT (4.690431868748978 51.8068651363463)</t>
  </si>
  <si>
    <t>POINT (4.675107448323555 51.816414057387405)</t>
  </si>
  <si>
    <t>POINT (4.734007906221586 51.799318980326646)</t>
  </si>
  <si>
    <t>POINT (4.665519251634202 51.802973901649366)</t>
  </si>
  <si>
    <t>POINT (4.647841422078684 51.80635387385723)</t>
  </si>
  <si>
    <t>POINT (4.664323781402441 51.81456136999759)</t>
  </si>
  <si>
    <t>POINT (4.668300097049891 51.7919114112501)</t>
  </si>
  <si>
    <t>POINT (4.701694221120188 51.78935888349651)</t>
  </si>
  <si>
    <t>POINT (4.676676888241957 51.78571665964479)</t>
  </si>
  <si>
    <t>POINT (4.672056799267282 51.779319754065725)</t>
  </si>
  <si>
    <t>POINT (4.735474609812008 51.80137356108322)</t>
  </si>
  <si>
    <t>POINT (4.705987321372199 51.81612178152073)</t>
  </si>
  <si>
    <t>POINT (4.658852642902501 51.79245860697562)</t>
  </si>
  <si>
    <t>POINT (4.672348824650584 51.7714483934512)</t>
  </si>
  <si>
    <t>POINT (4.675888793559892 51.785930623358176)</t>
  </si>
  <si>
    <t>POINT (4.651912455696797 51.8038019185988)</t>
  </si>
  <si>
    <t>POINT (4.708203973629559 51.7966117097075)</t>
  </si>
  <si>
    <t>POINT (4.666705091353408 51.7723085759783)</t>
  </si>
  <si>
    <t>POINT (4.7202082375826 51.795357195780376)</t>
  </si>
  <si>
    <t>POINT (4.704245796765741 51.80798194048062)</t>
  </si>
  <si>
    <t>POINT (4.733694978808135 51.800871768659654)</t>
  </si>
  <si>
    <t>POINT (4.667986321392237 51.794351519348496)</t>
  </si>
  <si>
    <t>POINT (4.734019762543298 51.79176374256203)</t>
  </si>
  <si>
    <t>POINT (4.660138151980078 51.809980380405825)</t>
  </si>
  <si>
    <t>POINT (4.732764850317012 51.80263578177912)</t>
  </si>
  <si>
    <t>POINT (4.662431442986932 51.805629840338256)</t>
  </si>
  <si>
    <t>POINT (4.655030910553769 51.769533354399535)</t>
  </si>
  <si>
    <t>POINT (4.669633415599115 51.77467313264785)</t>
  </si>
  <si>
    <t>POINT (4.662436063347554 51.80037051334775)</t>
  </si>
  <si>
    <t>POINT (4.673346878877416 51.78226488803834)</t>
  </si>
  <si>
    <t>POINT (4.709305037172443 51.81000674703507)</t>
  </si>
  <si>
    <t>POINT (4.6759467953315905 51.815767280154525)</t>
  </si>
  <si>
    <t>POINT (4.711662676276252 51.80579387242656)</t>
  </si>
  <si>
    <t>POINT (4.661368549625342 51.79037424080598)</t>
  </si>
  <si>
    <t>POINT (4.658920663173987 51.77186832503819)</t>
  </si>
  <si>
    <t>POINT (4.673146979048712 51.81333280229459)</t>
  </si>
  <si>
    <t>POINT (4.66171652839158 51.80493193589714)</t>
  </si>
  <si>
    <t>POINT (4.674575068282802 51.81822969153753)</t>
  </si>
  <si>
    <t>POINT (4.673152207237382 51.787324755612694)</t>
  </si>
  <si>
    <t>POINT (4.679600253215627 51.80703697284512)</t>
  </si>
  <si>
    <t>POINT (4.660075216448103 51.80211137150016)</t>
  </si>
  <si>
    <t>POINT (4.658515791757016 51.7693810739241)</t>
  </si>
  <si>
    <t>POINT (4.672386877574643 51.818272950084165)</t>
  </si>
  <si>
    <t>POINT (4.6691102906059445 51.77681538413526)</t>
  </si>
  <si>
    <t>POINT (4.674698608525578 51.77635451129688)</t>
  </si>
  <si>
    <t>POINT (4.701935547106586 51.799306227697535)</t>
  </si>
  <si>
    <t>POINT (4.697763690944031 51.79720966610003)</t>
  </si>
  <si>
    <t>3315RE</t>
  </si>
  <si>
    <t>POINT (4.721236883256032 51.80506161812633)</t>
  </si>
  <si>
    <t>POINT (4.680985157190336 51.78898459208828)</t>
  </si>
  <si>
    <t>POINT (4.680053207213981 51.816063759800514)</t>
  </si>
  <si>
    <t>POINT (4.676537760645752 51.807304853517714)</t>
  </si>
  <si>
    <t>POINT (4.676811882784729 51.78993882030792)</t>
  </si>
  <si>
    <t>POINT (4.717512995147854 51.812086026464414)</t>
  </si>
  <si>
    <t>POINT (4.671029810948004 51.80260480189111)</t>
  </si>
  <si>
    <t>POINT (4.672068953512359 51.79964455904136)</t>
  </si>
  <si>
    <t>POINT (4.675929374097507 51.78507011165215)</t>
  </si>
  <si>
    <t>POINT (4.717094419537856 51.80134009628158)</t>
  </si>
  <si>
    <t>POINT (4.719737008799334 51.800668866454835)</t>
  </si>
  <si>
    <t>POINT (4.679598741669451 51.813776910902426)</t>
  </si>
  <si>
    <t>POINT (4.658113043548243 51.806394559621545)</t>
  </si>
  <si>
    <t>POINT (4.658243625832816 51.79280974337635)</t>
  </si>
  <si>
    <t>POINT (4.6987066176343495 51.79022094727366)</t>
  </si>
  <si>
    <t>POINT (4.692320335353438 51.79073823613476)</t>
  </si>
  <si>
    <t>POINT (4.683889993293145 51.798118824910944)</t>
  </si>
  <si>
    <t>POINT (4.67776583169476 51.814809060549855)</t>
  </si>
  <si>
    <t>POINT (4.674749284523687 51.814174595048954)</t>
  </si>
  <si>
    <t>POINT (4.71881423995119 51.80214324373904)</t>
  </si>
  <si>
    <t>POINT (4.670832752385693 51.78067939511696)</t>
  </si>
  <si>
    <t>POINT (4.724678138302037 51.80428991836049)</t>
  </si>
  <si>
    <t>POINT (4.685176737809388 51.775458054039575)</t>
  </si>
  <si>
    <t>POINT (4.6809969141300956 51.80648154528471)</t>
  </si>
  <si>
    <t>POINT (4.6809655355656465 51.788868618726035)</t>
  </si>
  <si>
    <t>POINT (4.6705675428862765 51.80473935371959)</t>
  </si>
  <si>
    <t>POINT (4.673125169235955 51.77783105456963)</t>
  </si>
  <si>
    <t>POINT (4.675436433371018 51.77579789802597)</t>
  </si>
  <si>
    <t>POINT (4.671780117449555 51.78594969958021)</t>
  </si>
  <si>
    <t>POINT (4.654258340907215 51.7816428336413)</t>
  </si>
  <si>
    <t>POINT (4.652357255143073 51.78519014869832)</t>
  </si>
  <si>
    <t>POINT (4.714257657746385 51.808531245861296)</t>
  </si>
  <si>
    <t>POINT (4.662473181262125 51.80195101791203)</t>
  </si>
  <si>
    <t>POINT (4.679656553138886 51.77997412804332)</t>
  </si>
  <si>
    <t>POINT (4.674056479973597 51.80382424149754)</t>
  </si>
  <si>
    <t>POINT (4.675105381913995 51.80816112318134)</t>
  </si>
  <si>
    <t>POINT (4.711525800588309 51.810070061986835)</t>
  </si>
  <si>
    <t>POINT (4.6835279259499165 51.8038521394858)</t>
  </si>
  <si>
    <t>POINT (4.662888249909361 51.802733287067305)</t>
  </si>
  <si>
    <t>POINT (4.679675826725728 51.80963750971015)</t>
  </si>
  <si>
    <t>POINT (4.664914126861128 51.793728334956626)</t>
  </si>
  <si>
    <t>POINT (4.703602601201515 51.81677000973037)</t>
  </si>
  <si>
    <t>POINT (4.718757854520155 51.812933516255555)</t>
  </si>
  <si>
    <t>POINT (4.636829905273089 51.773968500252046)</t>
  </si>
  <si>
    <t>POINT (4.730210675624181 51.79244593364119)</t>
  </si>
  <si>
    <t>POINT (4.663995274926172 51.79169877829463)</t>
  </si>
  <si>
    <t>POINT (4.680320301726992 51.77532706061651)</t>
  </si>
  <si>
    <t>POINT (4.667926133401196 51.81483507927566)</t>
  </si>
  <si>
    <t>POINT (4.664288230309955 51.78757256648193)</t>
  </si>
  <si>
    <t>POINT (4.675592655374767 51.783389456661055)</t>
  </si>
  <si>
    <t>POINT (4.680303796480697 51.77359616780088)</t>
  </si>
  <si>
    <t>POINT (4.714847590354662 51.81086656873365)</t>
  </si>
  <si>
    <t>POINT (4.668480895280268 51.79060767456342)</t>
  </si>
  <si>
    <t>POINT (4.6676949678220785 51.81427676885736)</t>
  </si>
  <si>
    <t>POINT (4.6906403200887405 51.81790459922981)</t>
  </si>
  <si>
    <t>POINT (4.719603900792269 51.8011450198285)</t>
  </si>
  <si>
    <t>POINT (4.672715065368365 51.78748557136398)</t>
  </si>
  <si>
    <t>POINT (4.677198173095417 51.77270410984878)</t>
  </si>
  <si>
    <t>POINT (4.642624761923236 51.76676279895884)</t>
  </si>
  <si>
    <t>POINT (4.670284218824126 51.81141754247218)</t>
  </si>
  <si>
    <t>POINT (4.667345957828263 51.816815879630845)</t>
  </si>
  <si>
    <t>POINT (4.660712946038108 51.8010044809845)</t>
  </si>
  <si>
    <t>POINT (4.694170107634525 51.81839341796053)</t>
  </si>
  <si>
    <t>POINT (4.659177798746454 51.788433180846496)</t>
  </si>
  <si>
    <t>POINT (4.660861293025412 51.783361606322295)</t>
  </si>
  <si>
    <t>POINT (4.674061606975853 51.78133744858365)</t>
  </si>
  <si>
    <t>POINT (4.698508859306311 51.799471366426864)</t>
  </si>
  <si>
    <t>POINT (4.670499247418379 51.81779139350217)</t>
  </si>
  <si>
    <t>POINT (4.67179261034427 51.792492541339186)</t>
  </si>
  <si>
    <t>POINT (4.668350040790328 51.78268575738441)</t>
  </si>
  <si>
    <t>POINT (4.661120243430678 51.81338012081614)</t>
  </si>
  <si>
    <t>POINT (4.676439683990883 51.78364610501937)</t>
  </si>
  <si>
    <t>POINT (4.673658429553133 51.80482997403569)</t>
  </si>
  <si>
    <t>POINT (4.669077696131279 51.81296516144269)</t>
  </si>
  <si>
    <t>POINT (4.690997026028968 51.806256245952)</t>
  </si>
  <si>
    <t>POINT (4.671308061281857 51.772637813853436)</t>
  </si>
  <si>
    <t>POINT (4.70830603359038 51.80693546523055)</t>
  </si>
  <si>
    <t>POINT (4.7151990732270495 51.805425554139475)</t>
  </si>
  <si>
    <t>POINT (4.669953607271907 51.77225237165241)</t>
  </si>
  <si>
    <t>POINT (4.660661337278449 51.80740377764226)</t>
  </si>
  <si>
    <t>POINT (4.67856798354269 51.80898622928943)</t>
  </si>
  <si>
    <t>POINT (4.637513998765874 51.7776148525242)</t>
  </si>
  <si>
    <t>POINT (4.6677684977424905 51.778723267336524)</t>
  </si>
  <si>
    <t>POINT (4.670684344008908 51.77164339442727)</t>
  </si>
  <si>
    <t>POINT (4.703420389789073 51.79868833588167)</t>
  </si>
  <si>
    <t>POINT (4.730063179610053 51.79097656912625)</t>
  </si>
  <si>
    <t>POINT (4.661022028297535 51.791795817336066)</t>
  </si>
  <si>
    <t>POINT (4.711004237683821 51.814321939378594)</t>
  </si>
  <si>
    <t>POINT (4.6865373606249845 51.808610637401095)</t>
  </si>
  <si>
    <t>POINT (4.680765253871188 51.77509861495201)</t>
  </si>
  <si>
    <t>POINT (4.670434225242163 51.77432684040758)</t>
  </si>
  <si>
    <t>POINT (4.650163800738012 51.79496712109947)</t>
  </si>
  <si>
    <t>POINT (4.66148963770012 51.811949717605486)</t>
  </si>
  <si>
    <t>POINT (4.705181151735242 51.815635290124234)</t>
  </si>
  <si>
    <t>POINT (4.689224448071639 51.80720454552654)</t>
  </si>
  <si>
    <t>POINT (4.714190635361878 51.766276431217634)</t>
  </si>
  <si>
    <t>POINT (4.686585896526559 51.80623350568224)</t>
  </si>
  <si>
    <t>POINT (4.682897098169193 51.818013117524714)</t>
  </si>
  <si>
    <t>POINT (4.689206664784426 51.81552398449416)</t>
  </si>
  <si>
    <t>POINT (4.686064346072311 51.80835641708245)</t>
  </si>
  <si>
    <t>POINT (4.65920300160679 51.769409818261266)</t>
  </si>
  <si>
    <t>POINT (4.695850525795711 51.79486935357217)</t>
  </si>
  <si>
    <t>POINT (4.660218730132767 51.801778133022154)</t>
  </si>
  <si>
    <t>POINT (4.670474295998964 51.80962917477561)</t>
  </si>
  <si>
    <t>POINT (4.6611762211610515 51.81252644343381)</t>
  </si>
  <si>
    <t>POINT (4.677051805234228 51.80489631275037)</t>
  </si>
  <si>
    <t>POINT (4.672201773432922 51.812775987652394)</t>
  </si>
  <si>
    <t>POINT (4.6720500787708925 51.81828261050661)</t>
  </si>
  <si>
    <t>POINT (4.638378440381726 51.77722709946706)</t>
  </si>
  <si>
    <t>POINT (4.674831798021828 51.812696333829265)</t>
  </si>
  <si>
    <t>POINT (4.722992111971125 51.799828967734456)</t>
  </si>
  <si>
    <t>POINT (4.664890431762902 51.78771219429338)</t>
  </si>
  <si>
    <t>POINT (4.688250643290266 51.81985282166469)</t>
  </si>
  <si>
    <t>POINT (4.679168665382065 51.779859076866856)</t>
  </si>
  <si>
    <t>POINT (4.680458655617409 51.814177288351765)</t>
  </si>
  <si>
    <t>POINT (4.710757792316097 51.79621572493128)</t>
  </si>
  <si>
    <t>POINT (4.683199652475398 51.79791715840238)</t>
  </si>
  <si>
    <t>POINT (4.666445409674242 51.801800646997776)</t>
  </si>
  <si>
    <t>POINT (4.699109010358384 51.80063877584189)</t>
  </si>
  <si>
    <t>POINT (4.683262356326158 51.80696131913369)</t>
  </si>
  <si>
    <t>POINT (4.710906371289829 51.80732652981217)</t>
  </si>
  <si>
    <t>POINT (4.675116159329533 51.78710035403492)</t>
  </si>
  <si>
    <t>POINT (4.7111099336072435 51.793512078105806)</t>
  </si>
  <si>
    <t>POINT (4.66987495458813 51.79077958567486)</t>
  </si>
  <si>
    <t>POINT (4.65678181774529 51.80590694048592)</t>
  </si>
  <si>
    <t>POINT (4.7106469897538075 51.79598894934668)</t>
  </si>
  <si>
    <t>POINT (4.665077248731087 51.81582056734936)</t>
  </si>
  <si>
    <t>POINT (4.724877124948589 51.79805932354733)</t>
  </si>
  <si>
    <t>POINT (4.652551762443714 51.78555449329915)</t>
  </si>
  <si>
    <t>POINT (4.663098893410699 51.81252014768549)</t>
  </si>
  <si>
    <t>POINT (4.662579836286424 51.803935013514455)</t>
  </si>
  <si>
    <t>POINT (4.670168846945498 51.817723605251736)</t>
  </si>
  <si>
    <t>POINT (4.6678618683795925 51.794850869398296)</t>
  </si>
  <si>
    <t>POINT (4.65475268062966 51.7998087900547)</t>
  </si>
  <si>
    <t>POINT (4.633239415645777 51.768974047200885)</t>
  </si>
  <si>
    <t>POINT (4.701795655459961 51.816886003971966)</t>
  </si>
  <si>
    <t>POINT (4.664537578498289 51.78852565621482)</t>
  </si>
  <si>
    <t>POINT (4.6633922295292445 51.81474814770323)</t>
  </si>
  <si>
    <t>POINT (4.661111690416499 51.787899228665054)</t>
  </si>
  <si>
    <t>POINT (4.682690093727801 51.81447419884217)</t>
  </si>
  <si>
    <t>POINT (4.664000813583037 51.812275707230334)</t>
  </si>
  <si>
    <t>POINT (4.704694951965191 51.81494892219586)</t>
  </si>
  <si>
    <t>POINT (4.6608835856356094 51.79471092261158)</t>
  </si>
  <si>
    <t>POINT (4.679452372812673 51.78925346466765)</t>
  </si>
  <si>
    <t>POINT (4.651634863277913 51.79306747507789)</t>
  </si>
  <si>
    <t>POINT (4.66066401771753 51.793066257399104)</t>
  </si>
  <si>
    <t>POINT (4.667552343876771 51.799092443612324)</t>
  </si>
  <si>
    <t>POINT (4.673183022093913 51.81762238777679)</t>
  </si>
  <si>
    <t>POINT (4.714573607940811 51.80337438355558)</t>
  </si>
  <si>
    <t>POINT (4.678345108388194 51.81389501583156)</t>
  </si>
  <si>
    <t>POINT (4.684591735854865 51.789224880477356)</t>
  </si>
  <si>
    <t>POINT (4.6776613395286 51.804257147936625)</t>
  </si>
  <si>
    <t>POINT (4.6599943713207646 51.77250411763059)</t>
  </si>
  <si>
    <t>POINT (4.657714525629728 51.81121138680288)</t>
  </si>
  <si>
    <t>POINT (4.643382475465064 51.76944165100706)</t>
  </si>
  <si>
    <t>POINT (4.670599284904664 51.81029032727188)</t>
  </si>
  <si>
    <t>POINT (4.665264485380836 51.77549908067144)</t>
  </si>
  <si>
    <t>POINT (4.726834449683691 51.80082533954834)</t>
  </si>
  <si>
    <t>POINT (4.719608837725624 51.80376356620929)</t>
  </si>
  <si>
    <t>POINT (4.64965076774794 51.79495449473539)</t>
  </si>
  <si>
    <t>POINT (4.639483753733048 51.78142507753704)</t>
  </si>
  <si>
    <t>POINT (4.729471380303363 51.802830433186216)</t>
  </si>
  <si>
    <t>POINT (4.6772726671228435 51.814438181107725)</t>
  </si>
  <si>
    <t>POINT (4.643911283950706 51.77018371665275)</t>
  </si>
  <si>
    <t>POINT (4.685476251214215 51.78503800308695)</t>
  </si>
  <si>
    <t>POINT (4.713331173189807 51.814139587227956)</t>
  </si>
  <si>
    <t>POINT (4.643354095560519 51.79882657501733)</t>
  </si>
  <si>
    <t>POINT (4.681458195012885 51.77491176772142)</t>
  </si>
  <si>
    <t>POINT (4.669789278960341 51.80551838415618)</t>
  </si>
  <si>
    <t>POINT (4.660111155995771 51.78316586781322)</t>
  </si>
  <si>
    <t>POINT (4.7228960911209334 51.79919523693091)</t>
  </si>
  <si>
    <t>POINT (4.669546758150987 51.80259194716231)</t>
  </si>
  <si>
    <t>POINT (4.70041827103289 51.79691195314889)</t>
  </si>
  <si>
    <t>POINT (4.686712970089582 51.78256858791365)</t>
  </si>
  <si>
    <t>POINT (4.659818416145794 51.792605964366956)</t>
  </si>
  <si>
    <t>POINT (4.715984695217756 51.815908287849474)</t>
  </si>
  <si>
    <t>POINT (4.731109671547911 51.796583440166316)</t>
  </si>
  <si>
    <t>POINT (4.673964533192484 51.779113528990685)</t>
  </si>
  <si>
    <t>POINT (4.663309798755006 51.79066172153274)</t>
  </si>
  <si>
    <t>POINT (4.677520113230057 51.77507563490754)</t>
  </si>
  <si>
    <t>POINT (4.691587846268481 51.81892946921036)</t>
  </si>
  <si>
    <t>POINT (4.664712391515643 51.78470251462566)</t>
  </si>
  <si>
    <t>POINT (4.683588413488889 51.78803305213688)</t>
  </si>
  <si>
    <t>POINT (4.671826038644112 51.817684990786944)</t>
  </si>
  <si>
    <t>POINT (4.666391916690735 51.789314920423976)</t>
  </si>
  <si>
    <t>POINT (4.664814412741929 51.78898485939692)</t>
  </si>
  <si>
    <t>POINT (4.723464524879583 51.798603072973705)</t>
  </si>
  <si>
    <t>POINT (4.637437737039498 51.77843981894439)</t>
  </si>
  <si>
    <t>POINT (4.656869966952512 51.80609910114897)</t>
  </si>
  <si>
    <t>POINT (4.676723675490021 51.7864601644795)</t>
  </si>
  <si>
    <t>POINT (4.636241161579893 51.767310047362464)</t>
  </si>
  <si>
    <t>POINT (4.664119450608201 51.799685058136824)</t>
  </si>
  <si>
    <t>POINT (4.666040066631156 51.777355024304235)</t>
  </si>
  <si>
    <t>POINT (4.630782942587982 51.722934172099514)</t>
  </si>
  <si>
    <t>POINT (4.665536824535909 51.801556816911564)</t>
  </si>
  <si>
    <t>POINT (4.659404002928579 51.800127925977975)</t>
  </si>
  <si>
    <t>POINT (4.64351772545665 51.770987412811635)</t>
  </si>
  <si>
    <t>POINT (4.68513755714298 51.785892607702934)</t>
  </si>
  <si>
    <t>POINT (4.681299475711001 51.81799870122227)</t>
  </si>
  <si>
    <t>POINT (4.67315436719473 51.816104027383744)</t>
  </si>
  <si>
    <t>POINT (4.699818008530887 51.79563299983793)</t>
  </si>
  <si>
    <t>POINT (4.661660095987978 51.787703782620184)</t>
  </si>
  <si>
    <t>POINT (4.729057936978233 51.795377834323865)</t>
  </si>
  <si>
    <t>POINT (4.654914490712146 51.782118965550644)</t>
  </si>
  <si>
    <t>POINT (4.662684834005208 51.79803844058388)</t>
  </si>
  <si>
    <t>POINT (4.667100115307629 51.7871544035799)</t>
  </si>
  <si>
    <t>POINT (4.728598745865589 51.79762419846407)</t>
  </si>
  <si>
    <t>POINT (4.661970068109573 51.80404371273591)</t>
  </si>
  <si>
    <t>POINT (4.6610649624083536 51.77068670508644)</t>
  </si>
  <si>
    <t>POINT (4.712331385699118 51.81561005517527)</t>
  </si>
  <si>
    <t>POINT (4.661083736824957 51.796961170387796)</t>
  </si>
  <si>
    <t>POINT (4.683691978084849 51.798061988830774)</t>
  </si>
  <si>
    <t>POINT (4.663218723581163 51.79642802244756)</t>
  </si>
  <si>
    <t>POINT (4.68511096808891 51.77765075932927)</t>
  </si>
  <si>
    <t>POINT (4.688883216164318 51.81081822315304)</t>
  </si>
  <si>
    <t>POINT (4.673161887328485 51.80451749115463)</t>
  </si>
  <si>
    <t>POINT (4.685932083755579 51.78781044086926)</t>
  </si>
  <si>
    <t>POINT (4.682247639898447 51.818629004275536)</t>
  </si>
  <si>
    <t>POINT (4.672735458516715 51.80605527664141)</t>
  </si>
  <si>
    <t>POINT (4.682585920763441 51.80742673749317)</t>
  </si>
  <si>
    <t>POINT (4.673906259729963 51.810072787688675)</t>
  </si>
  <si>
    <t>POINT (4.6867195384913645 51.81036405622526)</t>
  </si>
  <si>
    <t>POINT (4.682648511978954 51.792350538381)</t>
  </si>
  <si>
    <t>POINT (4.658614428944204 51.809562816334044)</t>
  </si>
  <si>
    <t>POINT (4.691485434752267 51.818827946595306)</t>
  </si>
  <si>
    <t>POINT (4.656192038110311 51.784234015688455)</t>
  </si>
  <si>
    <t>POINT (4.661057116627676 51.79441570222972)</t>
  </si>
  <si>
    <t>POINT (4.657523461657605 51.81084804469158)</t>
  </si>
  <si>
    <t>POINT (4.669650340861231 51.80808181675159)</t>
  </si>
  <si>
    <t>POINT (4.707081369602003 51.80995465394197)</t>
  </si>
  <si>
    <t>POINT (4.730569865002798 51.80009040383361)</t>
  </si>
  <si>
    <t>POINT (4.680413826005215 51.80282388652361)</t>
  </si>
  <si>
    <t>POINT (4.667781011952708 51.814270330141696)</t>
  </si>
  <si>
    <t>POINT (4.682050517716117 51.77964007976656)</t>
  </si>
  <si>
    <t>POINT (4.72956257345268 51.79667794119184)</t>
  </si>
  <si>
    <t>POINT (4.658253384062801 51.79860352649227)</t>
  </si>
  <si>
    <t>POINT (4.732297342067448 51.80016570268391)</t>
  </si>
  <si>
    <t>POINT (4.733888805646719 51.801317974279655)</t>
  </si>
  <si>
    <t>POINT (4.663071052226383 51.816585699301825)</t>
  </si>
  <si>
    <t>POINT (4.7283543464799855 51.79632167508299)</t>
  </si>
  <si>
    <t>POINT (4.671986887029611 51.7923804234121)</t>
  </si>
  <si>
    <t>POINT (4.728778108325715 51.79664458005382)</t>
  </si>
  <si>
    <t>POINT (4.679790944897263 51.78052795947523)</t>
  </si>
  <si>
    <t>POINT (4.6696804578685915 51.782101682269804)</t>
  </si>
  <si>
    <t>POINT (4.705341684802119 51.81606860361779)</t>
  </si>
  <si>
    <t>POINT (4.667983282822323 51.811685509694165)</t>
  </si>
  <si>
    <t>POINT (4.659489882403738 51.81368023063213)</t>
  </si>
  <si>
    <t>POINT (4.675502256813632 51.78328343479375)</t>
  </si>
  <si>
    <t>POINT (4.681577341202877 51.803283055749915)</t>
  </si>
  <si>
    <t>POINT (4.6664958719369665 51.81540840211787)</t>
  </si>
  <si>
    <t>POINT (4.731171361305257 51.790951185203724)</t>
  </si>
  <si>
    <t>POINT (4.719956575319756 51.799662793495116)</t>
  </si>
  <si>
    <t>POINT (4.723106862839604 51.80603486357638)</t>
  </si>
  <si>
    <t>POINT (4.683875319062881 51.78552559763499)</t>
  </si>
  <si>
    <t>POINT (4.686521359929896 51.776143105603964)</t>
  </si>
  <si>
    <t>POINT (4.722873723403086 51.801943217699126)</t>
  </si>
  <si>
    <t>POINT (4.714917469352662 51.81497866883402)</t>
  </si>
  <si>
    <t>POINT (4.6339180449889685 51.770099188687496)</t>
  </si>
  <si>
    <t>POINT (4.657899032010529 51.8014998651337)</t>
  </si>
  <si>
    <t>POINT (4.668131487700346 51.816897386610755)</t>
  </si>
  <si>
    <t>POINT (4.683154648972934 51.77459449621338)</t>
  </si>
  <si>
    <t>POINT (4.698077240268696 51.7961405442572)</t>
  </si>
  <si>
    <t>POINT (4.669442562194023 51.799528827876166)</t>
  </si>
  <si>
    <t>POINT (4.6537023093729255 51.80238007084839)</t>
  </si>
  <si>
    <t>POINT (4.6707846599057 51.79013744610413)</t>
  </si>
  <si>
    <t>POINT (4.701225119616058 51.79768786496299)</t>
  </si>
  <si>
    <t>POINT (4.672226603094893 51.81959940212499)</t>
  </si>
  <si>
    <t>POINT (4.635120720829091 51.77517987770884)</t>
  </si>
  <si>
    <t>POINT (4.660361879797382 51.78940497585137)</t>
  </si>
  <si>
    <t>POINT (4.6654117019300765 51.801881249100866)</t>
  </si>
  <si>
    <t>POINT (4.628974854211939 51.79767589951492)</t>
  </si>
  <si>
    <t>POINT (4.6739379336800635 51.81569991568662)</t>
  </si>
  <si>
    <t>POINT (4.708949429134802 51.787947650053994)</t>
  </si>
  <si>
    <t>POINT (4.6724085593618065 51.80529157596258)</t>
  </si>
  <si>
    <t>POINT (4.709596559150852 51.786463917856075)</t>
  </si>
  <si>
    <t>POINT (4.653855804036438 51.787711522579244)</t>
  </si>
  <si>
    <t>POINT (4.662767929828231 51.78500155836846)</t>
  </si>
  <si>
    <t>POINT (4.687495409584278 51.80717839215371)</t>
  </si>
  <si>
    <t>POINT (4.703621324624699 51.79638768981916)</t>
  </si>
  <si>
    <t>POINT (4.703063043079819 51.79618327836848)</t>
  </si>
  <si>
    <t>POINT (4.665252506955524 51.81246404189562)</t>
  </si>
  <si>
    <t>POINT (4.679200569465665 51.785022746656495)</t>
  </si>
  <si>
    <t>POINT (4.661239272819593 51.797407981361225)</t>
  </si>
  <si>
    <t>POINT (4.679627786326531 51.81617494718095)</t>
  </si>
  <si>
    <t>POINT (4.676033838905692 51.78943606063231)</t>
  </si>
  <si>
    <t>POINT (4.710274246037033 51.803887306212545)</t>
  </si>
  <si>
    <t>POINT (4.664234456386434 51.79305661162096)</t>
  </si>
  <si>
    <t>POINT (4.65436863276458 51.793706620535936)</t>
  </si>
  <si>
    <t>POINT (4.698368781751378 51.791219277719335)</t>
  </si>
  <si>
    <t>POINT (4.699923047797917 51.78973692990827)</t>
  </si>
  <si>
    <t>POINT (4.715536495432376 51.80931920917673)</t>
  </si>
  <si>
    <t>POINT (4.6830895511424515 51.809471851299726)</t>
  </si>
  <si>
    <t>POINT (4.693496141002828 51.79696431559478)</t>
  </si>
  <si>
    <t>POINT (4.724953303221326 51.79859872173582)</t>
  </si>
  <si>
    <t>POINT (4.661019978163055 51.81101023627223)</t>
  </si>
  <si>
    <t>POINT (4.668399028357368 51.776531631066725)</t>
  </si>
  <si>
    <t>POINT (4.734100107120544 51.80072791409603)</t>
  </si>
  <si>
    <t>POINT (4.664906850967636 51.800066228788694)</t>
  </si>
  <si>
    <t>POINT (4.724361115819731 51.79825451927956)</t>
  </si>
  <si>
    <t>POINT (4.702269652254873 51.79546304356372)</t>
  </si>
  <si>
    <t>POINT (4.668011933545843 51.77055454754461)</t>
  </si>
  <si>
    <t>POINT (4.676294290144012 51.818460645965764)</t>
  </si>
  <si>
    <t>POINT (4.660645626400539 51.804123985843766)</t>
  </si>
  <si>
    <t>POINT (4.676060196981298 51.78498035268231)</t>
  </si>
  <si>
    <t>POINT (4.63489038018501 51.770487892581926)</t>
  </si>
  <si>
    <t>POINT (4.646473469827234 51.78698269729502)</t>
  </si>
  <si>
    <t>POINT (4.666042477803594 51.77509389158717)</t>
  </si>
  <si>
    <t>POINT (4.663569111393257 51.814424171940566)</t>
  </si>
  <si>
    <t>POINT (4.67593877420797 51.80857244774009)</t>
  </si>
  <si>
    <t>POINT (4.666592220635221 51.812423863175425)</t>
  </si>
  <si>
    <t>POINT (4.684698623586311 51.792461941870904)</t>
  </si>
  <si>
    <t>POINT (4.661570605233045 51.80167995840453)</t>
  </si>
  <si>
    <t>POINT (4.670004719778313 51.794924887021814)</t>
  </si>
  <si>
    <t>POINT (4.672735948831735 51.79713238319633)</t>
  </si>
  <si>
    <t>POINT (4.67177293263233 51.818504343704845)</t>
  </si>
  <si>
    <t>POINT (4.650559389694738 51.76469439032039)</t>
  </si>
  <si>
    <t>POINT (4.659636295657019 51.80331425928122)</t>
  </si>
  <si>
    <t>POINT (4.704954322885505 51.78842340851696)</t>
  </si>
  <si>
    <t>POINT (4.733839892414429 51.79673198642254)</t>
  </si>
  <si>
    <t>POINT (4.685875816392631 51.809077637657325)</t>
  </si>
  <si>
    <t>POINT (4.6636170038074205 51.793959261446496)</t>
  </si>
  <si>
    <t>POINT (4.664720933247606 51.7915140733163)</t>
  </si>
  <si>
    <t>POINT (4.66201955059446 51.787642985470406)</t>
  </si>
  <si>
    <t>POINT (4.669566884016079 51.77505100664064)</t>
  </si>
  <si>
    <t>POINT (4.66195648706434 51.8163258215552)</t>
  </si>
  <si>
    <t>POINT (4.707321930644608 51.807536645253464)</t>
  </si>
  <si>
    <t>POINT (4.688315330114448 51.81985762030509)</t>
  </si>
  <si>
    <t>POINT (4.730053657640859 51.79688629003873)</t>
  </si>
  <si>
    <t>POINT (4.665568762504595 51.77484461504373)</t>
  </si>
  <si>
    <t>POINT (4.706024870600488 51.81564179923655)</t>
  </si>
  <si>
    <t>POINT (4.670672592218777 51.785746437648854)</t>
  </si>
  <si>
    <t>POINT (4.654329083908793 51.79339637988737)</t>
  </si>
  <si>
    <t>POINT (4.680280823987992 51.775084217517566)</t>
  </si>
  <si>
    <t>POINT (4.672085443996899 51.809597584430776)</t>
  </si>
  <si>
    <t>POINT (4.716049141437876 51.81605959356156)</t>
  </si>
  <si>
    <t>POINT (4.6646442074796495 51.79578308032715)</t>
  </si>
  <si>
    <t>POINT (4.688146074095042 51.80729525773684)</t>
  </si>
  <si>
    <t>POINT (4.672544184543584 51.818723062781146)</t>
  </si>
  <si>
    <t>POINT (4.690519559302948 51.81880014094396)</t>
  </si>
  <si>
    <t>POINT (4.66487076117788 51.795734030838254)</t>
  </si>
  <si>
    <t>POINT (4.704718394532225 51.8154753975613)</t>
  </si>
  <si>
    <t>POINT (4.661814978133193 51.81017978085418)</t>
  </si>
  <si>
    <t>POINT (4.685534920496252 51.81356424181946)</t>
  </si>
  <si>
    <t>POINT (4.667038724258799 51.77218077412345)</t>
  </si>
  <si>
    <t>POINT (4.696280475004141 51.79202953297932)</t>
  </si>
  <si>
    <t>POINT (4.686048021339096 51.78882230727498)</t>
  </si>
  <si>
    <t>POINT (4.680558506437917 51.80269264237212)</t>
  </si>
  <si>
    <t>POINT (4.6798046481571856 51.78622663362775)</t>
  </si>
  <si>
    <t>POINT (4.660909952838404 51.79622083705951)</t>
  </si>
  <si>
    <t>POINT (4.714421764852072 51.809306468540925)</t>
  </si>
  <si>
    <t>POINT (4.678991546194574 51.799888686327506)</t>
  </si>
  <si>
    <t>POINT (4.66026532338814 51.801632705966654)</t>
  </si>
  <si>
    <t>POINT (4.6986943019896525 51.79653458990015)</t>
  </si>
  <si>
    <t>POINT (4.705366424294983 51.787979903448075)</t>
  </si>
  <si>
    <t>POINT (4.662965552985156 51.79811820464448)</t>
  </si>
  <si>
    <t>POINT (4.6619378375718865 51.80617487576257)</t>
  </si>
  <si>
    <t>POINT (4.7158763677272795 51.802552731403274)</t>
  </si>
  <si>
    <t>POINT (4.717562141793084 51.80238128796306)</t>
  </si>
  <si>
    <t>POINT (4.713337772901054 51.814091967363794)</t>
  </si>
  <si>
    <t>POINT (4.698006058512757 51.79028191168972)</t>
  </si>
  <si>
    <t>POINT (4.68223284680734 51.80490173034805)</t>
  </si>
  <si>
    <t>POINT (4.72067280439208 51.811317923574165)</t>
  </si>
  <si>
    <t>POINT (4.653503450196361 51.790301979022146)</t>
  </si>
  <si>
    <t>POINT (4.681280999953537 51.808883939961795)</t>
  </si>
  <si>
    <t>POINT (4.710732675353888 51.81129801549897)</t>
  </si>
  <si>
    <t>POINT (4.6925488151897685 51.81094714172883)</t>
  </si>
  <si>
    <t>POINT (4.685689536037047 51.80128675396421)</t>
  </si>
  <si>
    <t>POINT (4.687305875117128 51.802527126687366)</t>
  </si>
  <si>
    <t>POINT (4.659340920345225 51.7962139087989)</t>
  </si>
  <si>
    <t>POINT (4.670506819292728 51.797400492895804)</t>
  </si>
  <si>
    <t>POINT (4.666400222284502 51.815432218934156)</t>
  </si>
  <si>
    <t>POINT (4.657371914980396 51.769697698873735)</t>
  </si>
  <si>
    <t>POINT (4.668108364858643 51.8016850718131)</t>
  </si>
  <si>
    <t>POINT (4.654948450554017 51.78968723596189)</t>
  </si>
  <si>
    <t>POINT (4.683536116742817 51.79801194000996)</t>
  </si>
  <si>
    <t>POINT (4.710176552626779 51.788184497897056)</t>
  </si>
  <si>
    <t>POINT (4.666724536690903 51.80239486873133)</t>
  </si>
  <si>
    <t>POINT (4.708453470642508 51.78990383481343)</t>
  </si>
  <si>
    <t>POINT (4.676407135040904 51.77439208120012)</t>
  </si>
  <si>
    <t>POINT (4.675126365459815 51.80727862543572)</t>
  </si>
  <si>
    <t>POINT (4.674247855289628 51.81792402215889)</t>
  </si>
  <si>
    <t>POINT (4.7174686168697315 51.81195151892229)</t>
  </si>
  <si>
    <t>POINT (4.675862903273225 51.78552002441502)</t>
  </si>
  <si>
    <t>POINT (4.6952378494898905 51.81768903060345)</t>
  </si>
  <si>
    <t>POINT (4.721706741184852 51.80572447255274)</t>
  </si>
  <si>
    <t>POINT (4.653270219280584 51.793055721961295)</t>
  </si>
  <si>
    <t>POINT (4.655140810185388 51.7881774608842)</t>
  </si>
  <si>
    <t>POINT (4.6789981379723855 51.78098521251039)</t>
  </si>
  <si>
    <t>POINT (4.689507410108192 51.818169345111244)</t>
  </si>
  <si>
    <t>POINT (4.670643863545383 51.80475237700972)</t>
  </si>
  <si>
    <t>POINT (4.707348188652244 51.79683496699482)</t>
  </si>
  <si>
    <t>POINT (4.717852639858471 51.800893122057374)</t>
  </si>
  <si>
    <t>POINT (4.679024609188076 51.79989740716378)</t>
  </si>
  <si>
    <t>POINT (4.688750780103891 51.807074870074764)</t>
  </si>
  <si>
    <t>POINT (4.6669250443509185 51.777032059699536)</t>
  </si>
  <si>
    <t>POINT (4.670897935556621 51.81549676384603)</t>
  </si>
  <si>
    <t>POINT (4.661054373755282 51.804231962477594)</t>
  </si>
  <si>
    <t>POINT (4.6876602882866685 51.80644854265944)</t>
  </si>
  <si>
    <t>POINT (4.670044703196982 51.80606911809045)</t>
  </si>
  <si>
    <t>POINT (4.66498578451187 51.80999737178093)</t>
  </si>
  <si>
    <t>POINT (4.657455572918193 51.79276064656392)</t>
  </si>
  <si>
    <t>POINT (4.705943712112922 51.792869875329274)</t>
  </si>
  <si>
    <t>POINT (4.672768863343441 51.81859588377719)</t>
  </si>
  <si>
    <t>POINT (4.718006467836778 51.814042332670944)</t>
  </si>
  <si>
    <t>POINT (4.675703214232974 51.81156626135295)</t>
  </si>
  <si>
    <t>POINT (4.665823811541876 51.81492266869056)</t>
  </si>
  <si>
    <t>POINT (4.711964462721987 51.815694442290585)</t>
  </si>
  <si>
    <t>POINT (4.652499945456589 51.79014831054931)</t>
  </si>
  <si>
    <t>POINT (4.67100074972426 51.7903791862621)</t>
  </si>
  <si>
    <t>POINT (4.699662966566388 51.81725240982117)</t>
  </si>
  <si>
    <t>POINT (4.659015152495157 51.80038310237876)</t>
  </si>
  <si>
    <t>POINT (4.70975851534081 51.79310275875276)</t>
  </si>
  <si>
    <t>POINT (4.666446106851978 51.79634640252241)</t>
  </si>
  <si>
    <t>POINT (4.662153853246754 51.813442447935145)</t>
  </si>
  <si>
    <t>POINT (4.707754763542076 51.79680522372423)</t>
  </si>
  <si>
    <t>POINT (4.651224996671155 51.79064828000102)</t>
  </si>
  <si>
    <t>POINT (4.668032204266639 51.77398100958737)</t>
  </si>
  <si>
    <t>POINT (4.678504968248852 51.80648752787449)</t>
  </si>
  <si>
    <t>POINT (4.677679540546111 51.79075464458108)</t>
  </si>
  <si>
    <t>POINT (4.6749838452382635 51.80724545518244)</t>
  </si>
  <si>
    <t>POINT (4.720746242318058 51.80524677599438)</t>
  </si>
  <si>
    <t>POINT (4.6863267764330665 51.8092771567788)</t>
  </si>
  <si>
    <t>POINT (4.671768239255915 51.818701364663255)</t>
  </si>
  <si>
    <t>POINT (4.712533810576927 51.804099076961926)</t>
  </si>
  <si>
    <t>POINT (4.661868366051033 51.78887264078516)</t>
  </si>
  <si>
    <t>POINT (4.665998064208955 51.810360618955535)</t>
  </si>
  <si>
    <t>POINT (4.706752831067983 51.80821090203816)</t>
  </si>
  <si>
    <t>POINT (4.717941668932344 51.80363681218408)</t>
  </si>
  <si>
    <t>POINT (4.734363707331948 51.800055979387494)</t>
  </si>
  <si>
    <t>POINT (4.657463788832947 51.79773580162609)</t>
  </si>
  <si>
    <t>POINT (4.655587625453403 51.799796120907914)</t>
  </si>
  <si>
    <t>POINT (4.7044018409922135 51.78807652120576)</t>
  </si>
  <si>
    <t>POINT (4.6842009204814 51.81923290225512)</t>
  </si>
  <si>
    <t>POINT (4.6818147041568245 51.77499129618867)</t>
  </si>
  <si>
    <t>POINT (4.7136413169651155 51.79124898400388)</t>
  </si>
  <si>
    <t>POINT (4.6806573039765365 51.798471416586644)</t>
  </si>
  <si>
    <t>POINT (4.685661111946036 51.781256028659904)</t>
  </si>
  <si>
    <t>POINT (4.672066194241261 51.79658178134331)</t>
  </si>
  <si>
    <t>POINT (4.721148722597807 51.79937971908723)</t>
  </si>
  <si>
    <t>POINT (4.6589501460293725 51.79340906675165)</t>
  </si>
  <si>
    <t>POINT (4.680172317315009 51.812617468241214)</t>
  </si>
  <si>
    <t>POINT (4.666143711223398 51.78933870724614)</t>
  </si>
  <si>
    <t>POINT (4.682189526913972 51.80441176714178)</t>
  </si>
  <si>
    <t>POINT (4.672092778451622 51.80950085703248)</t>
  </si>
  <si>
    <t>POINT (4.701180995412522 51.79705273752457)</t>
  </si>
  <si>
    <t>POINT (4.67813192574985 51.81579256569928)</t>
  </si>
  <si>
    <t>POINT (4.6670358654355635 51.79998790101837)</t>
  </si>
  <si>
    <t>POINT (4.654762080964829 51.78968894887167)</t>
  </si>
  <si>
    <t>POINT (4.712936243172673 51.795559517618685)</t>
  </si>
  <si>
    <t>POINT (4.700762806090592 51.79997613786877)</t>
  </si>
  <si>
    <t>POINT (4.67143001895969 51.78104063911365)</t>
  </si>
  <si>
    <t>POINT (4.712098920327168 51.79570475913683)</t>
  </si>
  <si>
    <t>POINT (4.684328724939325 51.77658325033083)</t>
  </si>
  <si>
    <t>POINT (4.671430380423338 51.81767325713612)</t>
  </si>
  <si>
    <t>POINT (4.683477959840374 51.80479072467652)</t>
  </si>
  <si>
    <t>POINT (4.660554982224862 51.807663566337474)</t>
  </si>
  <si>
    <t>POINT (4.676370106555902 51.80741634928366)</t>
  </si>
  <si>
    <t>POINT (4.6838065664734545 51.79805066699285)</t>
  </si>
  <si>
    <t>POINT (4.681307983160145 51.77493656244933)</t>
  </si>
  <si>
    <t>POINT (4.6601489464111046 51.810007008854654)</t>
  </si>
  <si>
    <t>POINT (4.7147304865902475 51.80483865256449)</t>
  </si>
  <si>
    <t>POINT (4.665250474796807 51.800473167423064)</t>
  </si>
  <si>
    <t>POINT (4.663783462029536 51.78988970925305)</t>
  </si>
  <si>
    <t>POINT (4.6700047507829545 51.802048936513316)</t>
  </si>
  <si>
    <t>POINT (4.683685016255187 51.80400500801002)</t>
  </si>
  <si>
    <t>POINT (4.678849297468478 51.80740966067989)</t>
  </si>
  <si>
    <t>POINT (4.658675957721786 51.80470823567435)</t>
  </si>
  <si>
    <t>POINT (4.657272720709368 51.79732169006542)</t>
  </si>
  <si>
    <t>POINT (4.656866592399341 51.81379347913857)</t>
  </si>
  <si>
    <t>POINT (4.667538867398555 51.80820039060621)</t>
  </si>
  <si>
    <t>POINT (4.670675047517128 51.818082306581864)</t>
  </si>
  <si>
    <t>POINT (4.660740794571182 51.790447271409306)</t>
  </si>
  <si>
    <t>POINT (4.730849761323287 51.79557718195551)</t>
  </si>
  <si>
    <t>POINT (4.680900193689351 51.803026121165146)</t>
  </si>
  <si>
    <t>POINT (4.660533104849006 51.797948136095684)</t>
  </si>
  <si>
    <t>POINT (4.703622475758558 51.78821307750859)</t>
  </si>
  <si>
    <t>POINT (4.725273077408939 51.798437220512014)</t>
  </si>
  <si>
    <t>POINT (4.685486234761432 51.789036977750946)</t>
  </si>
  <si>
    <t>POINT (4.668198750640094 51.78995395027551)</t>
  </si>
  <si>
    <t>POINT (4.657157943377965 51.799360530214926)</t>
  </si>
  <si>
    <t>POINT (4.715507019516922 51.803877387024116)</t>
  </si>
  <si>
    <t>POINT (4.681203386463382 51.799694153127454)</t>
  </si>
  <si>
    <t>POINT (4.668666660200097 51.8082256118151)</t>
  </si>
  <si>
    <t>POINT (4.681606029810574 51.80524049414681)</t>
  </si>
  <si>
    <t>POINT (4.675057130030115 51.77895676219318)</t>
  </si>
  <si>
    <t>POINT (4.6701639346288175 51.79091846593664)</t>
  </si>
  <si>
    <t>POINT (4.656184391842173 51.80092172924098)</t>
  </si>
  <si>
    <t>POINT (4.672781639679508 51.806060807211374)</t>
  </si>
  <si>
    <t>POINT (4.678079110462704 51.801465659506896)</t>
  </si>
  <si>
    <t>POINT (4.633063196957732 51.78445939719953)</t>
  </si>
  <si>
    <t>POINT (4.668243768601266 51.79199872384272)</t>
  </si>
  <si>
    <t>POINT (4.672152408094121 51.77108123844797)</t>
  </si>
  <si>
    <t>POINT (4.6680359207048925 51.79188235857196)</t>
  </si>
  <si>
    <t>POINT (4.691090242889867 51.792410577172774)</t>
  </si>
  <si>
    <t>POINT (4.675981761612777 51.789519654375766)</t>
  </si>
  <si>
    <t>POINT (4.697971548409813 51.80079576527704)</t>
  </si>
  <si>
    <t>POINT (4.695747053408918 51.797085970368464)</t>
  </si>
  <si>
    <t>POINT (4.655133215493599 51.79376020278035)</t>
  </si>
  <si>
    <t>POINT (4.656692657816121 51.80282887187569)</t>
  </si>
  <si>
    <t>POINT (4.683258963099757 51.79795134766476)</t>
  </si>
  <si>
    <t>POINT (4.6693427311306115 51.80972021658914)</t>
  </si>
  <si>
    <t>POINT (4.6768389619019075 51.78064723233341)</t>
  </si>
  <si>
    <t>POINT (4.6861032081745 51.80751423142257)</t>
  </si>
  <si>
    <t>POINT (4.678350839985413 51.80707196634514)</t>
  </si>
  <si>
    <t>POINT (4.6697271852816336 51.81102580028692)</t>
  </si>
  <si>
    <t>POINT (4.654375642239323 51.79382748155069)</t>
  </si>
  <si>
    <t>POINT (4.653012546308217 51.7911745881146)</t>
  </si>
  <si>
    <t>POINT (4.653905495706704 51.78143474161687)</t>
  </si>
  <si>
    <t>POINT (4.6678828103315295 51.778754610969415)</t>
  </si>
  <si>
    <t>POINT (4.6730091120985255 51.7933722342391)</t>
  </si>
  <si>
    <t>POINT (4.680285420212976 51.789840972752)</t>
  </si>
  <si>
    <t>POINT (4.688404863094472 51.80672138071394)</t>
  </si>
  <si>
    <t>POINT (4.67442536683726 51.77145027293936)</t>
  </si>
  <si>
    <t>POINT (4.734000678284362 51.792258892679655)</t>
  </si>
  <si>
    <t>POINT (4.702084802762506 51.81595101256658)</t>
  </si>
  <si>
    <t>POINT (4.702128338339997 51.815941612903444)</t>
  </si>
  <si>
    <t>POINT (4.712540560155354 51.816300012138335)</t>
  </si>
  <si>
    <t>POINT (4.6795251433402685 51.78132436391864)</t>
  </si>
  <si>
    <t>POINT (4.662960130859313 51.8099180025385)</t>
  </si>
  <si>
    <t>POINT (4.653794985134049 51.78555391337679)</t>
  </si>
  <si>
    <t>POINT (4.706874725373769 51.79629376570866)</t>
  </si>
  <si>
    <t>POINT (4.680780717563174 51.811283564592614)</t>
  </si>
  <si>
    <t>POINT (4.661513854406875 51.77074546542623)</t>
  </si>
  <si>
    <t>POINT (4.670371961741193 51.811338546673085)</t>
  </si>
  <si>
    <t>POINT (4.667057884614109 51.796275319439296)</t>
  </si>
  <si>
    <t>POINT (4.672488282413415 51.811103178929265)</t>
  </si>
  <si>
    <t>POINT (4.672017701434835 51.81800228137871)</t>
  </si>
  <si>
    <t>POINT (4.6872127149653275 51.79616797334527)</t>
  </si>
  <si>
    <t>POINT (4.677962158120339 51.787926110775736)</t>
  </si>
  <si>
    <t>POINT (4.688268992110146 51.80831399222479)</t>
  </si>
  <si>
    <t>POINT (4.709355663143809 51.79429551949517)</t>
  </si>
  <si>
    <t>POINT (4.666348221067588 51.78778423526736)</t>
  </si>
  <si>
    <t>POINT (4.6659483219937465 51.808347432682325)</t>
  </si>
  <si>
    <t>POINT (4.726577314215108 51.8010133007349)</t>
  </si>
  <si>
    <t>POINT (4.666871257224122 51.80215102554712)</t>
  </si>
  <si>
    <t>POINT (4.679631237570667 51.807068539141774)</t>
  </si>
  <si>
    <t>POINT (4.664657714805302 51.81783254503398)</t>
  </si>
  <si>
    <t>POINT (4.722868168197822 51.801888256645796)</t>
  </si>
  <si>
    <t>POINT (4.685547746719133 51.778319840090944)</t>
  </si>
  <si>
    <t>POINT (4.695221128315156 51.796322014600115)</t>
  </si>
  <si>
    <t>POINT (4.667780991430434 51.79470197909663)</t>
  </si>
  <si>
    <t>POINT (4.659562184791702 51.771261595011275)</t>
  </si>
  <si>
    <t>POINT (4.655611012510617 51.78748915321825)</t>
  </si>
  <si>
    <t>POINT (4.663726737740066 51.81320875074863)</t>
  </si>
  <si>
    <t>POINT (4.669780297385847 51.80550419903268)</t>
  </si>
  <si>
    <t>POINT (4.683302038453742 51.818943823601835)</t>
  </si>
  <si>
    <t>POINT (4.671882032464341 51.81795854265462)</t>
  </si>
  <si>
    <t>POINT (4.652091632831439 51.793689390637724)</t>
  </si>
  <si>
    <t>POINT (4.668214276393023 51.79371001806744)</t>
  </si>
  <si>
    <t>POINT (4.716863628026296 51.795549358074176)</t>
  </si>
  <si>
    <t>POINT (4.670073208281878 51.79751939738124)</t>
  </si>
  <si>
    <t>POINT (4.7155460880438556 51.8040296805955)</t>
  </si>
  <si>
    <t>POINT (4.6689157824011565 51.81564755951024)</t>
  </si>
  <si>
    <t>POINT (4.727582778246008 51.79933648151077)</t>
  </si>
  <si>
    <t>POINT (4.634253612612396 51.7701015144563)</t>
  </si>
  <si>
    <t>POINT (4.668550714847998 51.80916905483077)</t>
  </si>
  <si>
    <t>POINT (4.654255139913397 51.78159008580209)</t>
  </si>
  <si>
    <t>POINT (4.689928738919412 51.80791873824242)</t>
  </si>
  <si>
    <t>POINT (4.728557465966019 51.805506275490316)</t>
  </si>
  <si>
    <t>POINT (4.685435535768164 51.806339942680076)</t>
  </si>
  <si>
    <t>POINT (4.7129631696359615 51.79528363067296)</t>
  </si>
  <si>
    <t>POINT (4.6767295800727275 51.776065035814014)</t>
  </si>
  <si>
    <t>POINT (4.681747188770727 51.777853549293944)</t>
  </si>
  <si>
    <t>POINT (4.677006008404455 51.80815961703996)</t>
  </si>
  <si>
    <t>POINT (4.6788064920867045 51.81393604859178)</t>
  </si>
  <si>
    <t>POINT (4.700129942969881 51.79859084892922)</t>
  </si>
  <si>
    <t>POINT (4.656608105067735 51.791507694289905)</t>
  </si>
  <si>
    <t>POINT (4.654396283250224 51.80355980535434)</t>
  </si>
  <si>
    <t>POINT (4.665512915185879 51.803233051527585)</t>
  </si>
  <si>
    <t>POINT (4.654610525981865 51.795150737956696)</t>
  </si>
  <si>
    <t>POINT (4.67557410611775 51.804998774846666)</t>
  </si>
  <si>
    <t>POINT (4.6601888836857475 51.80998624074083)</t>
  </si>
  <si>
    <t>POINT (4.651235860758777 51.801935918847796)</t>
  </si>
  <si>
    <t>POINT (4.705627454626049 51.79484688415912)</t>
  </si>
  <si>
    <t>POINT (4.712255634245534 51.800427177047)</t>
  </si>
  <si>
    <t>POINT (4.665835994016742 51.775452224397725)</t>
  </si>
  <si>
    <t>POINT (4.667839021601144 51.81101561608989)</t>
  </si>
  <si>
    <t>POINT (4.687542268338006 51.81069998989648)</t>
  </si>
  <si>
    <t>POINT (4.674351547988929 51.796998993789856)</t>
  </si>
  <si>
    <t>POINT (4.6890947177135445 51.808814407605105)</t>
  </si>
  <si>
    <t>POINT (4.665525705071122 51.79608961833074)</t>
  </si>
  <si>
    <t>POINT (4.684957439466911 51.80705454900225)</t>
  </si>
  <si>
    <t>POINT (4.664137913806993 51.79306576937249)</t>
  </si>
  <si>
    <t>POINT (4.630531063126857 51.72231011659586)</t>
  </si>
  <si>
    <t>POINT (4.665627732668051 51.77914349865616)</t>
  </si>
  <si>
    <t>POINT (4.685321578890791 51.79207148081018)</t>
  </si>
  <si>
    <t>POINT (4.6538430250615725 51.81139968584644)</t>
  </si>
  <si>
    <t>POINT (4.659389004630138 51.78259759003052)</t>
  </si>
  <si>
    <t>POINT (4.662012855308934 51.80995740135033)</t>
  </si>
  <si>
    <t>POINT (4.653655922939157 51.79267571862995)</t>
  </si>
  <si>
    <t>POINT (4.7208038706914985 51.811288313300395)</t>
  </si>
  <si>
    <t>POINT (4.733096398388399 51.80125865693817)</t>
  </si>
  <si>
    <t>POINT (4.684867732011175 51.80397832280707)</t>
  </si>
  <si>
    <t>POINT (4.710193847861254 51.811464029542144)</t>
  </si>
  <si>
    <t>POINT (4.721510882341563 51.81094087937759)</t>
  </si>
  <si>
    <t>POINT (4.713093109602761 51.7932410303913)</t>
  </si>
  <si>
    <t>POINT (4.6654578038245935 51.774863401835724)</t>
  </si>
  <si>
    <t>POINT (4.6651485266894275 51.810353435199396)</t>
  </si>
  <si>
    <t>POINT (4.712587100162297 51.79131284035141)</t>
  </si>
  <si>
    <t>POINT (4.6819366967946845 51.8061060328513)</t>
  </si>
  <si>
    <t>POINT (4.7158808841956334 51.815094042862434)</t>
  </si>
  <si>
    <t>POINT (4.6961369361859 51.792928921281316)</t>
  </si>
  <si>
    <t>POINT (4.661528272642152 51.81392901266172)</t>
  </si>
  <si>
    <t>POINT (4.7129427787594365 51.80982686269484)</t>
  </si>
  <si>
    <t>POINT (4.656656873496937 51.77050758079943)</t>
  </si>
  <si>
    <t>POINT (4.663432501472808 51.81471121890505)</t>
  </si>
  <si>
    <t>POINT (4.712721435135711 51.81091170637331)</t>
  </si>
  <si>
    <t>POINT (4.715928030473596 51.81508831712134)</t>
  </si>
  <si>
    <t>POINT (4.661825018170755 51.7698333179386)</t>
  </si>
  <si>
    <t>POINT (4.735111862988116 51.80251483700542)</t>
  </si>
  <si>
    <t>POINT (4.675809007013633 51.805309715374634)</t>
  </si>
  <si>
    <t>POINT (4.685863133313155 51.78684558733667)</t>
  </si>
  <si>
    <t>POINT (4.656625184374709 51.78798980809127)</t>
  </si>
  <si>
    <t>POINT (4.673111793718221 51.796830323346114)</t>
  </si>
  <si>
    <t>POINT (4.670338790533843 51.81760194807796)</t>
  </si>
  <si>
    <t>POINT (4.67147658744646 51.81065311609049)</t>
  </si>
  <si>
    <t>POINT (4.7054528121535 51.79030760830198)</t>
  </si>
  <si>
    <t>POINT (4.716659108148005 51.80307409932934)</t>
  </si>
  <si>
    <t>POINT (4.720226048926238 51.81198328582715)</t>
  </si>
  <si>
    <t>POINT (4.650931716844319 51.8030678905552)</t>
  </si>
  <si>
    <t>POINT (4.728707805043329 51.80409173267338)</t>
  </si>
  <si>
    <t>POINT (4.674235411042312 51.812383366894004)</t>
  </si>
  <si>
    <t>POINT (4.703979460920333 51.790101627693616)</t>
  </si>
  <si>
    <t>POINT (4.668222875781639 51.80073180401532)</t>
  </si>
  <si>
    <t>POINT (4.661152765578635 51.809061600775074)</t>
  </si>
  <si>
    <t>POINT (4.684534905611688 51.788902745067226)</t>
  </si>
  <si>
    <t>POINT (4.668703402558978 51.819107176580516)</t>
  </si>
  <si>
    <t>POINT (4.710968009492425 51.81427851325004)</t>
  </si>
  <si>
    <t>POINT (4.670666135082898 51.77326783183123)</t>
  </si>
  <si>
    <t>POINT (4.664960523357322 51.77771156167294)</t>
  </si>
  <si>
    <t>POINT (4.681043502672304 51.802503698941884)</t>
  </si>
  <si>
    <t>POINT (4.6575880162019185 51.78891050980163)</t>
  </si>
  <si>
    <t>POINT (4.679298609636067 51.81353913036661)</t>
  </si>
  <si>
    <t>POINT (4.660524884269155 51.80711981595514)</t>
  </si>
  <si>
    <t>POINT (4.6963009877279625 51.817995397989655)</t>
  </si>
  <si>
    <t>POINT (4.664062961888902 51.812773379974864)</t>
  </si>
  <si>
    <t>POINT (4.669528838620296 51.81082061635338)</t>
  </si>
  <si>
    <t>POINT (4.674144963609965 51.81231640903951)</t>
  </si>
  <si>
    <t>POINT (4.682885969377411 51.80128218293537)</t>
  </si>
  <si>
    <t>POINT (4.669673346686623 51.793100690523026)</t>
  </si>
  <si>
    <t>POINT (4.673603856535332 51.81574777190814)</t>
  </si>
  <si>
    <t>POINT (4.6814210926401065 51.80407664298519)</t>
  </si>
  <si>
    <t>POINT (4.7210251524999745 51.79836724632155)</t>
  </si>
  <si>
    <t>POINT (4.696375699424293 51.79862571128614)</t>
  </si>
  <si>
    <t>POINT (4.653648993112908 51.79254830527523)</t>
  </si>
  <si>
    <t>POINT (4.662055019957099 51.80147650092276)</t>
  </si>
  <si>
    <t>POINT (4.666221194743726 51.81858734823329)</t>
  </si>
  <si>
    <t>POINT (4.703745091295276 51.79823840366807)</t>
  </si>
  <si>
    <t>POINT (4.680120573357631 51.81014864348962)</t>
  </si>
  <si>
    <t>POINT (4.656879509014556 51.80071827529999)</t>
  </si>
  <si>
    <t>POINT (4.717947687633242 51.804552160247965)</t>
  </si>
  <si>
    <t>POINT (4.653734064083476 51.78527879231353)</t>
  </si>
  <si>
    <t>POINT (4.682683875942032 51.798095175318515)</t>
  </si>
  <si>
    <t>POINT (4.685651073712104 51.80679304694724)</t>
  </si>
  <si>
    <t>POINT (4.672418078587045 51.80528195314103)</t>
  </si>
  <si>
    <t>POINT (4.665326668589228 51.78050758897009)</t>
  </si>
  <si>
    <t>POINT (4.733191131135869 51.80210936613352)</t>
  </si>
  <si>
    <t>POINT (4.684182947152949 51.804816784121826)</t>
  </si>
  <si>
    <t>POINT (4.667590911497786 51.81595950287614)</t>
  </si>
  <si>
    <t>POINT (4.654153606836293 51.78868765270223)</t>
  </si>
  <si>
    <t>POINT (4.670126721433323 51.80191157082917)</t>
  </si>
  <si>
    <t>POINT (4.677063390017874 51.77837557286296)</t>
  </si>
  <si>
    <t>POINT (4.677095477080511 51.80874424251354)</t>
  </si>
  <si>
    <t>POINT (4.668146048705748 51.816187280792285)</t>
  </si>
  <si>
    <t>POINT (4.661558379930503 51.816595043483154)</t>
  </si>
  <si>
    <t>POINT (4.725486203755836 51.80472869225185)</t>
  </si>
  <si>
    <t>POINT (4.660518477394572 51.78941849424975)</t>
  </si>
  <si>
    <t>POINT (4.674010437364526 51.7838397182618)</t>
  </si>
  <si>
    <t>POINT (4.671598979567794 51.81736471552656)</t>
  </si>
  <si>
    <t>POINT (4.711547808285521 51.814627277145654)</t>
  </si>
  <si>
    <t>POINT (4.681705363682706 51.77775838602352)</t>
  </si>
  <si>
    <t>POINT (4.66917658680918 51.78970616144266)</t>
  </si>
  <si>
    <t>POINT (4.707356979119075 51.807339385650195)</t>
  </si>
  <si>
    <t>POINT (4.711264507099364 51.79437848695324)</t>
  </si>
  <si>
    <t>POINT (4.6722340318334865 51.8129987347497)</t>
  </si>
  <si>
    <t>POINT (4.664105895972881 51.78713316233548)</t>
  </si>
  <si>
    <t>POINT (4.654904436066409 51.7893895427003)</t>
  </si>
  <si>
    <t>POINT (4.666419555177395 51.8154866023076)</t>
  </si>
  <si>
    <t>POINT (4.6543489017578255 51.793741553245276)</t>
  </si>
  <si>
    <t>POINT (4.66362492385081 51.81463788933297)</t>
  </si>
  <si>
    <t>POINT (4.662090368978611 51.79297715020205)</t>
  </si>
  <si>
    <t>POINT (4.651946414736419 51.789630265600834)</t>
  </si>
  <si>
    <t>POINT (4.66172659212873 51.794979660354585)</t>
  </si>
  <si>
    <t>POINT (4.663928371629927 51.81403878583822)</t>
  </si>
  <si>
    <t>POINT (4.720922581169357 51.80194860373365)</t>
  </si>
  <si>
    <t>POINT (4.683688214811794 51.79807833465013)</t>
  </si>
  <si>
    <t>POINT (4.6702505184447585 51.81763501749914)</t>
  </si>
  <si>
    <t>POINT (4.663941678542544 51.81499829242408)</t>
  </si>
  <si>
    <t>POINT (4.727526188473861 51.79886703709706)</t>
  </si>
  <si>
    <t>POINT (4.660778988810429 51.77017989347436)</t>
  </si>
  <si>
    <t>POINT (4.659405167420549 51.796124186646615)</t>
  </si>
  <si>
    <t>POINT (4.6768624386663 51.77322668496568)</t>
  </si>
  <si>
    <t>POINT (4.731280579036359 51.79520125030024)</t>
  </si>
  <si>
    <t>POINT (4.682188064004238 51.782053985518495)</t>
  </si>
  <si>
    <t>POINT (4.714115851288234 51.798893891191554)</t>
  </si>
  <si>
    <t>POINT (4.6565053127114835 51.79216144105283)</t>
  </si>
  <si>
    <t>POINT (4.665699974254287 51.77192998508141)</t>
  </si>
  <si>
    <t>POINT (4.659214023866324 51.81339623009411)</t>
  </si>
  <si>
    <t>POINT (4.653517655050121 51.790175416900084)</t>
  </si>
  <si>
    <t>POINT (4.65336557244995 51.799607593450816)</t>
  </si>
  <si>
    <t>POINT (4.673001946940141 51.81130300542574)</t>
  </si>
  <si>
    <t>POINT (4.662725576852415 51.79993705978891)</t>
  </si>
  <si>
    <t>POINT (4.6599485981489535 51.79978108525257)</t>
  </si>
  <si>
    <t>POINT (4.72027158419797 51.804670567807996)</t>
  </si>
  <si>
    <t>POINT (4.731697723566523 51.80374907202377)</t>
  </si>
  <si>
    <t>POINT (4.669070676496447 51.79089531133175)</t>
  </si>
  <si>
    <t>POINT (4.66938842953324 51.799627102629465)</t>
  </si>
  <si>
    <t>POINT (4.6629657338111805 51.790338539373806)</t>
  </si>
  <si>
    <t>POINT (4.671020133570161 51.79937961102681)</t>
  </si>
  <si>
    <t>POINT (4.727630295719595 51.80232388077455)</t>
  </si>
  <si>
    <t>POINT (4.652314049917929 51.785195567886426)</t>
  </si>
  <si>
    <t>POINT (4.68552663204163 51.78048500993174)</t>
  </si>
  <si>
    <t>POINT (4.71815133857142 51.80123257411465)</t>
  </si>
  <si>
    <t>POINT (4.682214010985681 51.81168424259553)</t>
  </si>
  <si>
    <t>POINT (4.6735185818336005 51.795101837574265)</t>
  </si>
  <si>
    <t>POINT (4.674058556179097 51.781290239337146)</t>
  </si>
  <si>
    <t>POINT (4.685878910801834 51.77543530675461)</t>
  </si>
  <si>
    <t>POINT (4.69466772189408 51.81021905403824)</t>
  </si>
  <si>
    <t>POINT (4.685911941952902 51.787559302357636)</t>
  </si>
  <si>
    <t>467B</t>
  </si>
  <si>
    <t>POINT (4.630423470268314 51.72427165861284)</t>
  </si>
  <si>
    <t>POINT (4.717821249127582 51.803140994709906)</t>
  </si>
  <si>
    <t>POINT (4.672586536370479 51.80871931525948)</t>
  </si>
  <si>
    <t>POINT (4.660549071678547 51.7718226149879)</t>
  </si>
  <si>
    <t>POINT (4.675962805255208 51.78527265896024)</t>
  </si>
  <si>
    <t>POINT (4.683252799477771 51.79825059775511)</t>
  </si>
  <si>
    <t>POINT (4.6584994649608875 51.81471209801188)</t>
  </si>
  <si>
    <t>POINT (4.671024910324417 51.80585228438183)</t>
  </si>
  <si>
    <t>POINT (4.656038885144902 51.80740893537093)</t>
  </si>
  <si>
    <t>POINT (4.65522970905434 51.78845219835042)</t>
  </si>
  <si>
    <t>POINT (4.698435033668374 51.79314496858734)</t>
  </si>
  <si>
    <t>POINT (4.7229393660921115 51.79857310804372)</t>
  </si>
  <si>
    <t>POINT (4.685520093014185 51.80318696201808)</t>
  </si>
  <si>
    <t>POINT (4.683406420414287 51.78963719642111)</t>
  </si>
  <si>
    <t>POINT (4.672300641564222 51.80844678993632)</t>
  </si>
  <si>
    <t>POINT (4.67924843474808 51.815319518311966)</t>
  </si>
  <si>
    <t>POINT (4.717518597865502 51.80255052937971)</t>
  </si>
  <si>
    <t>POINT (4.69995796488426 51.789853025445424)</t>
  </si>
  <si>
    <t>POINT (4.679309809778742 51.81530477859285)</t>
  </si>
  <si>
    <t>POINT (4.6833821848040476 51.799742820452494)</t>
  </si>
  <si>
    <t>POINT (4.731805029790148 51.804244954176866)</t>
  </si>
  <si>
    <t>POINT (4.660156717828477 51.80447630743639)</t>
  </si>
  <si>
    <t>POINT (4.7236254438215495 51.80438246743348)</t>
  </si>
  <si>
    <t>POINT (4.719452562884683 51.79286873881474)</t>
  </si>
  <si>
    <t>POINT (4.670512845147791 51.81832455855143)</t>
  </si>
  <si>
    <t>POINT (4.6618751207574745 51.812611402748395)</t>
  </si>
  <si>
    <t>POINT (4.666455011433668 51.80339254884854)</t>
  </si>
  <si>
    <t>POINT (4.668131725950442 51.815220371297904)</t>
  </si>
  <si>
    <t>POINT (4.661970217968326 51.81245402338461)</t>
  </si>
  <si>
    <t>POINT (4.6967194381288 51.79203495781226)</t>
  </si>
  <si>
    <t>POINT (4.675254128974759 51.81763199473412)</t>
  </si>
  <si>
    <t>POINT (4.683055189040131 51.786555878141264)</t>
  </si>
  <si>
    <t>POINT (4.710639214631594 51.79677891774844)</t>
  </si>
  <si>
    <t>POINT (4.6597761485975795 51.805247929056605)</t>
  </si>
  <si>
    <t>POINT (4.659672417927904 51.803145855362246)</t>
  </si>
  <si>
    <t>POINT (4.724755971746371 51.797940915270004)</t>
  </si>
  <si>
    <t>POINT (4.678134901376779 51.81774532600983)</t>
  </si>
  <si>
    <t>POINT (4.662503004491793 51.802747717126984)</t>
  </si>
  <si>
    <t>POINT (4.659931024967532 51.81314001292796)</t>
  </si>
  <si>
    <t>POINT (4.677373890667708 51.81748901617394)</t>
  </si>
  <si>
    <t>POINT (4.668820515601565 51.78084158599826)</t>
  </si>
  <si>
    <t>POINT (4.669840217102073 51.803994340658434)</t>
  </si>
  <si>
    <t>POINT (4.692726018665173 51.78551773779758)</t>
  </si>
  <si>
    <t>POINT (4.6518345775739895 51.8035780703304)</t>
  </si>
  <si>
    <t>POINT (4.653593626361466 51.78881846145231)</t>
  </si>
  <si>
    <t>POINT (4.685044288728257 51.779497267949736)</t>
  </si>
  <si>
    <t>POINT (4.667867671729246 51.812753770568555)</t>
  </si>
  <si>
    <t>POINT (4.6688650724477165 51.77488423028394)</t>
  </si>
  <si>
    <t>POINT (4.661414891260211 51.8090339551688)</t>
  </si>
  <si>
    <t>POINT (4.652356257229619 51.785560216986646)</t>
  </si>
  <si>
    <t>POINT (4.669757005310138 51.78997596685549)</t>
  </si>
  <si>
    <t>POINT (4.689464660876052 51.818046108215796)</t>
  </si>
  <si>
    <t>POINT (4.713554217179046 51.814835599551834)</t>
  </si>
  <si>
    <t>POINT (4.675263658911726 51.81451414454989)</t>
  </si>
  <si>
    <t>POINT (4.679571337323211 51.80722102132707)</t>
  </si>
  <si>
    <t>POINT (4.685898552484148 51.79172901083256)</t>
  </si>
  <si>
    <t>POINT (4.709954017563023 51.79846334914244)</t>
  </si>
  <si>
    <t>POINT (4.67987055382965 51.806601294570854)</t>
  </si>
  <si>
    <t>POINT (4.642229249615086 51.77395168572391)</t>
  </si>
  <si>
    <t>POINT (4.651399347869174 51.80108268485018)</t>
  </si>
  <si>
    <t>POINT (4.670362029245073 51.81027953895755)</t>
  </si>
  <si>
    <t>POINT (4.668085774057662 51.78105432282851)</t>
  </si>
  <si>
    <t>POINT (4.6786310598124325 51.784629108549254)</t>
  </si>
  <si>
    <t>POINT (4.712681490706341 51.7952634140273)</t>
  </si>
  <si>
    <t>POINT (4.679369773542241 51.80752937552948)</t>
  </si>
  <si>
    <t>POINT (4.667911403845708 51.791327073353)</t>
  </si>
  <si>
    <t>POINT (4.686049503893718 51.803335212917425)</t>
  </si>
  <si>
    <t>POINT (4.708277614231221 51.78773241327273)</t>
  </si>
  <si>
    <t>POINT (4.668256268272083 51.80283521785408)</t>
  </si>
  <si>
    <t>POINT (4.676610291670074 51.77854660731939)</t>
  </si>
  <si>
    <t>POINT (4.706704664776406 51.790323541656505)</t>
  </si>
  <si>
    <t>POINT (4.680390309809597 51.776621954861874)</t>
  </si>
  <si>
    <t>POINT (4.704343264488019 51.816290301124816)</t>
  </si>
  <si>
    <t>POINT (4.680189884385076 51.7854699148065)</t>
  </si>
  <si>
    <t>POINT (4.713676591354761 51.80292885714116)</t>
  </si>
  <si>
    <t>POINT (4.669819268436252 51.80156241351482)</t>
  </si>
  <si>
    <t>POINT (4.664445609651797 51.814547360955515)</t>
  </si>
  <si>
    <t>POINT (4.6700119879252515 51.79658300373847)</t>
  </si>
  <si>
    <t>POINT (4.713404888915967 51.80959823018606)</t>
  </si>
  <si>
    <t>POINT (4.653470583201422 51.79041829413934)</t>
  </si>
  <si>
    <t>POINT (4.724846066843519 51.79854440924991)</t>
  </si>
  <si>
    <t>POINT (4.649191136357042 51.80505474847609)</t>
  </si>
  <si>
    <t>POINT (4.666368561819748 51.7878655192708)</t>
  </si>
  <si>
    <t>POINT (4.6512736446957526 51.79058499004098)</t>
  </si>
  <si>
    <t>POINT (4.6765885917610035 51.77854705112795)</t>
  </si>
  <si>
    <t>POINT (4.666841106761614 51.815478548039934)</t>
  </si>
  <si>
    <t>POINT (4.662559193183406 51.812700517977554)</t>
  </si>
  <si>
    <t>POINT (4.683328832807416 51.80205875648918)</t>
  </si>
  <si>
    <t>POINT (4.674819258479714 51.782422242994016)</t>
  </si>
  <si>
    <t>POINT (4.714409835260683 51.81500490093288)</t>
  </si>
  <si>
    <t>POINT (4.684182776024974 51.77743646393058)</t>
  </si>
  <si>
    <t>POINT (4.688112280131975 51.808856792012875)</t>
  </si>
  <si>
    <t>POINT (4.678301452217414 51.807601415487575)</t>
  </si>
  <si>
    <t>POINT (4.679183798938382 51.78927058543505)</t>
  </si>
  <si>
    <t>POINT (4.65649630187009 51.81089463258152)</t>
  </si>
  <si>
    <t>POINT (4.659172899769139 51.803704703241074)</t>
  </si>
  <si>
    <t>POINT (4.711790445868417 51.803365964717095)</t>
  </si>
  <si>
    <t>POINT (4.6975382107270685 51.790233769405745)</t>
  </si>
  <si>
    <t>POINT (4.659610212396366 51.791761487744516)</t>
  </si>
  <si>
    <t>POINT (4.697171606486789 51.79979492162034)</t>
  </si>
  <si>
    <t>POINT (4.696727455889932 51.800495581933156)</t>
  </si>
  <si>
    <t>POINT (4.725805869255909 51.80462192972348)</t>
  </si>
  <si>
    <t>POINT (4.676492536773681 51.80557604816049)</t>
  </si>
  <si>
    <t>POINT (4.651637580680701 51.78243356132339)</t>
  </si>
  <si>
    <t>POINT (4.716077626719973 51.81508235930689)</t>
  </si>
  <si>
    <t>POINT (4.716255851883173 51.80139508763582)</t>
  </si>
  <si>
    <t>POINT (4.673975456336726 51.77500770605659)</t>
  </si>
  <si>
    <t>POINT (4.67702468620163 51.78993920989924)</t>
  </si>
  <si>
    <t>POINT (4.696425947102257 51.798606789361045)</t>
  </si>
  <si>
    <t>POINT (4.651245225672962 51.80362403779904)</t>
  </si>
  <si>
    <t>POINT (4.713457983503678 51.79314751399285)</t>
  </si>
  <si>
    <t>POINT (4.67622807025477 51.80803293886087)</t>
  </si>
  <si>
    <t>POINT (4.676193744650234 51.80504165887596)</t>
  </si>
  <si>
    <t>POINT (4.662978676961002 51.81731450647222)</t>
  </si>
  <si>
    <t>POINT (4.6720094173789395 51.81547387103762)</t>
  </si>
  <si>
    <t>POINT (4.669918239183306 51.77295721230256)</t>
  </si>
  <si>
    <t>POINT (4.698226366164562 51.79683623519909)</t>
  </si>
  <si>
    <t>POINT (4.664552183216031 51.788582096376736)</t>
  </si>
  <si>
    <t>POINT (4.7281560305347385 51.79613731873684)</t>
  </si>
  <si>
    <t>POINT (4.653961935506308 51.81141675236463)</t>
  </si>
  <si>
    <t>POINT (4.682710629277654 51.78700181472917)</t>
  </si>
  <si>
    <t>POINT (4.6552568972699415 51.80076031652109)</t>
  </si>
  <si>
    <t>POINT (4.697130708789905 51.79620929011748)</t>
  </si>
  <si>
    <t>POINT (4.697238112010564 51.79288474248031)</t>
  </si>
  <si>
    <t>POINT (4.731096296490885 51.803748784778676)</t>
  </si>
  <si>
    <t>POINT (4.652517846820724 51.80187085701194)</t>
  </si>
  <si>
    <t>POINT (4.660679377767408 51.80698605912219)</t>
  </si>
  <si>
    <t>POINT (4.673799662258531 51.784726682058405)</t>
  </si>
  <si>
    <t>POINT (4.683543529170344 51.818457843778255)</t>
  </si>
  <si>
    <t>POINT (4.677947789534232 51.814249896778406)</t>
  </si>
  <si>
    <t>POINT (4.663893636429514 51.79810829858864)</t>
  </si>
  <si>
    <t>POINT (4.680656031016174 51.803781470729035)</t>
  </si>
  <si>
    <t>POINT (4.665286565976107 51.78068903998915)</t>
  </si>
  <si>
    <t>POINT (4.6910200988147785 51.80709377578039)</t>
  </si>
  <si>
    <t>POINT (4.7248146758262894 51.79797312943196)</t>
  </si>
  <si>
    <t>POINT (4.680937072915073 51.808831174385)</t>
  </si>
  <si>
    <t>POINT (4.651016633389033 51.79345421061654)</t>
  </si>
  <si>
    <t>POINT (4.6702830065167875 51.79868520932802)</t>
  </si>
  <si>
    <t>POINT (4.6918460489612865 51.81922441579189)</t>
  </si>
  <si>
    <t>POINT (4.7519651580728075 51.79038254750993)</t>
  </si>
  <si>
    <t>POINT (4.685393009826893 51.79219924184452)</t>
  </si>
  <si>
    <t>POINT (4.67906907400806 51.804795867135056)</t>
  </si>
  <si>
    <t>POINT (4.656375816841211 51.8109308977021)</t>
  </si>
  <si>
    <t>POINT (4.70198734245514 51.79620030841959)</t>
  </si>
  <si>
    <t>POINT (4.702128965039759 51.79944328375894)</t>
  </si>
  <si>
    <t>POINT (4.681032574523559 51.803155312209746)</t>
  </si>
  <si>
    <t>POINT (4.678591180917893 51.78894859177709)</t>
  </si>
  <si>
    <t>POINT (4.692033221976757 51.80747455543993)</t>
  </si>
  <si>
    <t>POINT (4.717046296976787 51.80056265384459)</t>
  </si>
  <si>
    <t>POINT (4.724232401726201 51.80292222401876)</t>
  </si>
  <si>
    <t>POINT (4.661670052702274 51.7922616754566)</t>
  </si>
  <si>
    <t>POINT (4.668369509093128 51.81794282501841)</t>
  </si>
  <si>
    <t>POINT (4.661081793495722 51.794705390039084)</t>
  </si>
  <si>
    <t>POINT (4.672319694976066 51.803645943997815)</t>
  </si>
  <si>
    <t>POINT (4.658090694860174 51.796148878739324)</t>
  </si>
  <si>
    <t>POINT (4.65557804747053 51.791480313172485)</t>
  </si>
  <si>
    <t>POINT (4.731121015292647 51.79727463132107)</t>
  </si>
  <si>
    <t>POINT (4.62935080773185 51.72383117001321)</t>
  </si>
  <si>
    <t>POINT (4.675015064571137 51.77716417660581)</t>
  </si>
  <si>
    <t>POINT (4.701282304491296 51.78972123611536)</t>
  </si>
  <si>
    <t>POINT (4.706721067186634 51.810030325975305)</t>
  </si>
  <si>
    <t>POINT (4.716109433507812 51.804250941473505)</t>
  </si>
  <si>
    <t>POINT (4.655726516892136 51.76970289911827)</t>
  </si>
  <si>
    <t>POINT (4.670861654005924 51.813157204340186)</t>
  </si>
  <si>
    <t>POINT (4.6524320657611815 51.790398454788736)</t>
  </si>
  <si>
    <t>POINT (4.66242359400718 51.80052755870242)</t>
  </si>
  <si>
    <t>POINT (4.660466886853442 51.789394498400256)</t>
  </si>
  <si>
    <t>POINT (4.721421925355998 51.79746479096481)</t>
  </si>
  <si>
    <t>POINT (4.675274217226467 51.77854820405578)</t>
  </si>
  <si>
    <t>POINT (4.658665314838624 51.809608453233686)</t>
  </si>
  <si>
    <t>POINT (4.692647939284851 51.787825731240254)</t>
  </si>
  <si>
    <t>POINT (4.664455228660189 51.79931347601096)</t>
  </si>
  <si>
    <t>POINT (4.664089568950417 51.7870657812197)</t>
  </si>
  <si>
    <t>POINT (4.684742085195146 51.79253054308102)</t>
  </si>
  <si>
    <t>POINT (4.663017003118278 51.816392235076606)</t>
  </si>
  <si>
    <t>POINT (4.666149976710587 51.81692921960428)</t>
  </si>
  <si>
    <t>POINT (4.705442624055579 51.80690701688051)</t>
  </si>
  <si>
    <t>POINT (4.665078988930439 51.790097051673506)</t>
  </si>
  <si>
    <t>POINT (4.734834040115714 51.8032656772598)</t>
  </si>
  <si>
    <t>POINT (4.631835132175728 51.776590346304104)</t>
  </si>
  <si>
    <t>POINT (4.711287093977716 51.81645375929355)</t>
  </si>
  <si>
    <t>POINT (4.653676072868677 51.78537176853354)</t>
  </si>
  <si>
    <t>POINT (4.674728556516826 51.77667415193093)</t>
  </si>
  <si>
    <t>POINT (4.676107023413426 51.81829018302369)</t>
  </si>
  <si>
    <t>POINT (4.707008892792915 51.80917321023266)</t>
  </si>
  <si>
    <t>POINT (4.6256084029484095 51.79341716604323)</t>
  </si>
  <si>
    <t>POINT (4.6733502125027035 51.80560968306462)</t>
  </si>
  <si>
    <t>POINT (4.659369563485039 51.80931853377536)</t>
  </si>
  <si>
    <t>POINT (4.663696281306545 51.785446188726176)</t>
  </si>
  <si>
    <t>POINT (4.663098577708033 51.81024813938086)</t>
  </si>
  <si>
    <t>POINT (4.72776765950265 51.79413289746068)</t>
  </si>
  <si>
    <t>POINT (4.685720185535882 51.807908450427014)</t>
  </si>
  <si>
    <t>POINT (4.680279691895487 51.78615394741051)</t>
  </si>
  <si>
    <t>POINT (4.659018953683376 51.80261791363985)</t>
  </si>
  <si>
    <t>POINT (4.651412966869659 51.79275715054334)</t>
  </si>
  <si>
    <t>POINT (4.6766692203831175 51.78558510855065)</t>
  </si>
  <si>
    <t>POINT (4.66402662840596 51.81276562356336)</t>
  </si>
  <si>
    <t>POINT (4.674237642632526 51.80802835875641)</t>
  </si>
  <si>
    <t>POINT (4.670050063290249 51.77955116745442)</t>
  </si>
  <si>
    <t>POINT (4.65730189655858 51.80712780302826)</t>
  </si>
  <si>
    <t>POINT (4.68492995583671 51.80497682427929)</t>
  </si>
  <si>
    <t>POINT (4.6705208607434505 51.812457153002406)</t>
  </si>
  <si>
    <t>POINT (4.683032862953749 51.777009245160215)</t>
  </si>
  <si>
    <t>POINT (4.6628946940781075 51.79786249722088)</t>
  </si>
  <si>
    <t>POINT (4.734827007353463 51.797732926109376)</t>
  </si>
  <si>
    <t>POINT (4.671721897366449 51.782482931920676)</t>
  </si>
  <si>
    <t>POINT (4.729255814054578 51.79462427545356)</t>
  </si>
  <si>
    <t>POINT (4.670173532378992 51.8053369592375)</t>
  </si>
  <si>
    <t>POINT (4.696606225969563 51.79177579511563)</t>
  </si>
  <si>
    <t>POINT (4.652821800616763 51.80256127637272)</t>
  </si>
  <si>
    <t>POINT (4.669726577088575 51.81491142108408)</t>
  </si>
  <si>
    <t>POINT (4.652323516800306 51.802661400802855)</t>
  </si>
  <si>
    <t>POINT (4.679162363707664 51.779744414903476)</t>
  </si>
  <si>
    <t>POINT (4.708039473546027 51.79428692777123)</t>
  </si>
  <si>
    <t>POINT (4.6682924937393615 51.81893508003794)</t>
  </si>
  <si>
    <t>POINT (4.6714506343672 51.818684902460284)</t>
  </si>
  <si>
    <t>POINT (4.6935478538343025 51.7969697988209)</t>
  </si>
  <si>
    <t>POINT (4.675406281104197 51.78323149099248)</t>
  </si>
  <si>
    <t>POINT (4.642845738682237 51.76976749410021)</t>
  </si>
  <si>
    <t>POINT (4.729059657007779 51.79938817219532)</t>
  </si>
  <si>
    <t>POINT (4.65991478794143 51.78415286964634)</t>
  </si>
  <si>
    <t>POINT (4.663650106316958 51.78769931004818)</t>
  </si>
  <si>
    <t>POINT (4.728229405835734 51.80104562875142)</t>
  </si>
  <si>
    <t>POINT (4.729554956059127 51.80563187744518)</t>
  </si>
  <si>
    <t>POINT (4.720052534666349 51.800345982017674)</t>
  </si>
  <si>
    <t>POINT (4.663571098645071 51.812581873358276)</t>
  </si>
  <si>
    <t>POINT (4.674761475018787 51.809768071476874)</t>
  </si>
  <si>
    <t>POINT (4.678985309172937 51.780820156439624)</t>
  </si>
  <si>
    <t>POINT (4.673156761507223 51.80481191117597)</t>
  </si>
  <si>
    <t>POINT (4.681278623340275 51.78774047189292)</t>
  </si>
  <si>
    <t>POINT (4.70596435376187 51.79454775657149)</t>
  </si>
  <si>
    <t>POINT (4.722118151169847 51.80457826355427)</t>
  </si>
  <si>
    <t>POINT (4.669862629918916 51.80417772999166)</t>
  </si>
  <si>
    <t>POINT (4.719339844846483 51.815487741007566)</t>
  </si>
  <si>
    <t>POINT (4.70426161083852 51.79922854618249)</t>
  </si>
  <si>
    <t>POINT (4.66355175887497 51.78637313870857)</t>
  </si>
  <si>
    <t>POINT (4.6681467040870945 51.79192623733511)</t>
  </si>
  <si>
    <t>POINT (4.706267646477811 51.80773657897014)</t>
  </si>
  <si>
    <t>POINT (4.674254825534518 51.810300908161594)</t>
  </si>
  <si>
    <t>POINT (4.665560779417467 51.78053027887315)</t>
  </si>
  <si>
    <t>POINT (4.676630263415398 51.77854732156896)</t>
  </si>
  <si>
    <t>POINT (4.710517039674253 51.79554853759742)</t>
  </si>
  <si>
    <t>POINT (4.658769405059175 51.79818159287039)</t>
  </si>
  <si>
    <t>POINT (4.683511558966761 51.79800633659329)</t>
  </si>
  <si>
    <t>POINT (4.673117885986587 51.7852999858177)</t>
  </si>
  <si>
    <t>POINT (4.6678324754600045 51.794736002403226)</t>
  </si>
  <si>
    <t>POINT (4.721123674590475 51.79932350571026)</t>
  </si>
  <si>
    <t>POINT (4.666284571562215 51.776610805623825)</t>
  </si>
  <si>
    <t>POINT (4.735755984010239 51.80138405831676)</t>
  </si>
  <si>
    <t>POINT (4.650877348596797 51.77418080726264)</t>
  </si>
  <si>
    <t>POINT (4.671771749760017 51.78585038631411)</t>
  </si>
  <si>
    <t>POINT (4.674332374616275 51.797079335038795)</t>
  </si>
  <si>
    <t>POINT (4.665842384743353 51.77778938381712)</t>
  </si>
  <si>
    <t>POINT (4.663677583124427 51.814586349326426)</t>
  </si>
  <si>
    <t>POINT (4.673919933472815 51.8172967869603)</t>
  </si>
  <si>
    <t>POINT (4.6649268004748325 51.77731336063193)</t>
  </si>
  <si>
    <t>POINT (4.730641737717037 51.79886391059985)</t>
  </si>
  <si>
    <t>POINT (4.676421322769825 51.785538573338066)</t>
  </si>
  <si>
    <t>POINT (4.678025215927801 51.807487486800476)</t>
  </si>
  <si>
    <t>POINT (4.721641098867553 51.79418465556747)</t>
  </si>
  <si>
    <t>POINT (4.70687721223801 51.790344497265515)</t>
  </si>
  <si>
    <t>POINT (4.67747131479373 51.804208214887375)</t>
  </si>
  <si>
    <t>POINT (4.680318351744467 51.78660963750778)</t>
  </si>
  <si>
    <t>POINT (4.685909728285991 51.78767188143079)</t>
  </si>
  <si>
    <t>POINT (4.656333681489081 51.80446792739523)</t>
  </si>
  <si>
    <t>POINT (4.7164666215548054 51.80413383927275)</t>
  </si>
  <si>
    <t>POINT (4.654260261495432 51.789715962756006)</t>
  </si>
  <si>
    <t>POINT (4.675410685010775 51.81377656328714)</t>
  </si>
  <si>
    <t>POINT (4.702601768834088 51.790367750498994)</t>
  </si>
  <si>
    <t>POINT (4.6673350046759525 51.79287699175232)</t>
  </si>
  <si>
    <t>POINT (4.71742509251555 51.802290133877186)</t>
  </si>
  <si>
    <t>POINT (4.663757765283402 51.79481393017171)</t>
  </si>
  <si>
    <t>POINT (4.701363479460153 51.79574382312146)</t>
  </si>
  <si>
    <t>POINT (4.692152705325745 51.792748603773674)</t>
  </si>
  <si>
    <t>POINT (4.716655813503119 51.81464383692479)</t>
  </si>
  <si>
    <t>POINT (4.714779202809455 51.81460618759569)</t>
  </si>
  <si>
    <t>POINT (4.659344887459701 51.772322579230575)</t>
  </si>
  <si>
    <t>POINT (4.673940529336396 51.77191996981281)</t>
  </si>
  <si>
    <t>POINT (4.7056653228526235 51.80858157490333)</t>
  </si>
  <si>
    <t>POINT (4.723283563937585 51.80415917029093)</t>
  </si>
  <si>
    <t>POINT (4.6562526669736055 51.80193951351524)</t>
  </si>
  <si>
    <t>POINT (4.663052256865228 51.79393766464554)</t>
  </si>
  <si>
    <t>POINT (4.718288033610949 51.7987775556622)</t>
  </si>
  <si>
    <t>POINT (4.666199347984096 51.814902396927764)</t>
  </si>
  <si>
    <t>POINT (4.680496429285852 51.77617176587702)</t>
  </si>
  <si>
    <t>POINT (4.67514469173145 51.781159625339875)</t>
  </si>
  <si>
    <t>POINT (4.653589808509933 51.80429403232487)</t>
  </si>
  <si>
    <t>POINT (4.6745870748675395 51.81487374662865)</t>
  </si>
  <si>
    <t>POINT (4.678075793347536 51.80847587238864)</t>
  </si>
  <si>
    <t>POINT (4.731349054751408 51.80357844297263)</t>
  </si>
  <si>
    <t>POINT (4.670518263833842 51.79997571448732)</t>
  </si>
  <si>
    <t>POINT (4.680505558526353 51.78172780912661)</t>
  </si>
  <si>
    <t>POINT (4.656099609300883 51.8018990995173)</t>
  </si>
  <si>
    <t>POINT (4.664569925024541 51.79763550778857)</t>
  </si>
  <si>
    <t>POINT (4.664813028968876 51.78945238034362)</t>
  </si>
  <si>
    <t>POINT (4.6901770862934935 51.8180165082231)</t>
  </si>
  <si>
    <t>POINT (4.697805942445874 51.817401406220185)</t>
  </si>
  <si>
    <t>POINT (4.680064313038486 51.77421143029329)</t>
  </si>
  <si>
    <t>POINT (4.734196037405524 51.8037581661312)</t>
  </si>
  <si>
    <t>POINT (4.671615346706161 51.79261311321975)</t>
  </si>
  <si>
    <t>POINT (4.68309421996543 51.812329160567344)</t>
  </si>
  <si>
    <t>POINT (4.659645103480424 51.78903989659234)</t>
  </si>
  <si>
    <t>POINT (4.722212500711657 51.79425035787012)</t>
  </si>
  <si>
    <t>POINT (4.669819067197995 51.81103210578341)</t>
  </si>
  <si>
    <t>POINT (4.666625486632554 51.81245115932088)</t>
  </si>
  <si>
    <t>POINT (4.655654585928158 51.78881717473405)</t>
  </si>
  <si>
    <t>POINT (4.685091848247913 51.81299910833466)</t>
  </si>
  <si>
    <t>POINT (4.726080702265682 51.79345636467544)</t>
  </si>
  <si>
    <t>POINT (4.732683350542966 51.798089377681535)</t>
  </si>
  <si>
    <t>POINT (4.710933566116767 51.79556478179522)</t>
  </si>
  <si>
    <t>POINT (4.655852552873069 51.811421494279884)</t>
  </si>
  <si>
    <t>POINT (4.7053059067399525 51.797014717324956)</t>
  </si>
  <si>
    <t>POINT (4.666455460045628 51.81682395108869)</t>
  </si>
  <si>
    <t>POINT (4.671746027054911 51.816309416431885)</t>
  </si>
  <si>
    <t>POINT (4.681143167891099 51.77359774535683)</t>
  </si>
  <si>
    <t>POINT (4.6786239927482525 51.77608244664363)</t>
  </si>
  <si>
    <t>POINT (4.717202778242515 51.80431186742328)</t>
  </si>
  <si>
    <t>POINT (4.700100844301729 51.80010129548012)</t>
  </si>
  <si>
    <t>POINT (4.663878102021558 51.812613608465)</t>
  </si>
  <si>
    <t>POINT (4.6297469425542275 51.728938324800644)</t>
  </si>
  <si>
    <t>POINT (4.687287112319015 51.806748866899355)</t>
  </si>
  <si>
    <t>POINT (4.670951874032372 51.79479515079405)</t>
  </si>
  <si>
    <t>POINT (4.7105886662937175 51.79255060290143)</t>
  </si>
  <si>
    <t>POINT (4.676056210065754 51.81189269432423)</t>
  </si>
  <si>
    <t>POINT (4.667755307709251 51.814279790446946)</t>
  </si>
  <si>
    <t>POINT (4.680417982307925 51.8131315986815)</t>
  </si>
  <si>
    <t>POINT (4.677663533368262 51.80827742725914)</t>
  </si>
  <si>
    <t>POINT (4.705412438766523 51.816200374695974)</t>
  </si>
  <si>
    <t>POINT (4.698502510966645 51.79322375493177)</t>
  </si>
  <si>
    <t>POINT (4.729155420477953 51.80449117296206)</t>
  </si>
  <si>
    <t>POINT (4.659981162940855 51.77216472932283)</t>
  </si>
  <si>
    <t>POINT (4.670701933041544 51.81398637823434)</t>
  </si>
  <si>
    <t>POINT (4.680250152338905 51.80266464584047)</t>
  </si>
  <si>
    <t>POINT (4.720186165871716 51.7980291895324)</t>
  </si>
  <si>
    <t>POINT (4.662503375779228 51.81490903365166)</t>
  </si>
  <si>
    <t>POINT (4.659247206840043 51.81279883227047)</t>
  </si>
  <si>
    <t>POINT (4.677235339342249 51.81818059284509)</t>
  </si>
  <si>
    <t>POINT (4.691157422146107 51.78751440058896)</t>
  </si>
  <si>
    <t>POINT (4.660249719434879 51.795612707245375)</t>
  </si>
  <si>
    <t>POINT (4.6558761779306765 51.78495589918033)</t>
  </si>
  <si>
    <t>POINT (4.683112050069304 51.777268586156026)</t>
  </si>
  <si>
    <t>POINT (4.656355615990415 51.811423855389485)</t>
  </si>
  <si>
    <t>POINT (4.731609194256828 51.80028305350909)</t>
  </si>
  <si>
    <t>POINT (4.669783512670414 51.81081866801027)</t>
  </si>
  <si>
    <t>POINT (4.661039048192912 51.79434405830264)</t>
  </si>
  <si>
    <t>POINT (4.6900134332919645 51.80837091282092)</t>
  </si>
  <si>
    <t>POINT (4.66229177243355 51.794925455461616)</t>
  </si>
  <si>
    <t>3311CN</t>
  </si>
  <si>
    <t>Pottenkade</t>
  </si>
  <si>
    <t>POINT (4.660173412384935 51.81398716111001)</t>
  </si>
  <si>
    <t>POINT (4.715048822388268 51.81500375344875)</t>
  </si>
  <si>
    <t>POINT (4.687337737475347 51.80670925917208)</t>
  </si>
  <si>
    <t>POINT (4.720745088742634 51.79734333177716)</t>
  </si>
  <si>
    <t>POINT (4.71020371454633 51.80565531741935)</t>
  </si>
  <si>
    <t>POINT (4.679520286408937 51.81689763470344)</t>
  </si>
  <si>
    <t>POINT (4.668938496003036 51.799229997267545)</t>
  </si>
  <si>
    <t>POINT (4.663499597567996 51.79348423948062)</t>
  </si>
  <si>
    <t>POINT (4.665737670616673 51.80149605707264)</t>
  </si>
  <si>
    <t>POINT (4.7179725535676145 51.815498558635745)</t>
  </si>
  <si>
    <t>POINT (4.651644191348576 51.787744542847314)</t>
  </si>
  <si>
    <t>POINT (4.663656297388452 51.787841972042465)</t>
  </si>
  <si>
    <t>POINT (4.662962422780454 51.79662931548004)</t>
  </si>
  <si>
    <t>POINT (4.652468232112954 51.789567072461686)</t>
  </si>
  <si>
    <t>POINT (4.680166043202253 51.785457888053166)</t>
  </si>
  <si>
    <t>POINT (4.6855271819075055 51.78536404892103)</t>
  </si>
  <si>
    <t>POINT (4.6687116752537 51.79979006903822)</t>
  </si>
  <si>
    <t>POINT (4.725141936332141 51.79903369515692)</t>
  </si>
  <si>
    <t>POINT (4.6560804623940575 51.80744260540423)</t>
  </si>
  <si>
    <t>POINT (4.655718168260979 51.811357969568384)</t>
  </si>
  <si>
    <t>POINT (4.706181241008358 51.81669009922981)</t>
  </si>
  <si>
    <t>POINT (4.666415489354042 51.814399334063424)</t>
  </si>
  <si>
    <t>POINT (4.712989153583178 51.795311312256715)</t>
  </si>
  <si>
    <t>POINT (4.685331197866844 51.79216129935653)</t>
  </si>
  <si>
    <t>POINT (4.665768336259264 51.78796176585504)</t>
  </si>
  <si>
    <t>POINT (4.681521118603863 51.81183850323423)</t>
  </si>
  <si>
    <t>POINT (4.692754792107957 51.795195695918984)</t>
  </si>
  <si>
    <t>POINT (4.673997873473445 51.7787057253311)</t>
  </si>
  <si>
    <t>POINT (4.659881338723496 51.80456135067239)</t>
  </si>
  <si>
    <t>POINT (4.701610298853724 51.80020244783691)</t>
  </si>
  <si>
    <t>POINT (4.711392541252009 51.80535313156195)</t>
  </si>
  <si>
    <t>POINT (4.676061139811889 51.80681480670521)</t>
  </si>
  <si>
    <t>POINT (4.698996171451878 51.799343818251295)</t>
  </si>
  <si>
    <t>POINT (4.661634817724545 51.78774529792293)</t>
  </si>
  <si>
    <t>POINT (4.6735431435240775 51.80743205283781)</t>
  </si>
  <si>
    <t>POINT (4.694499699833741 51.790321286316384)</t>
  </si>
  <si>
    <t>POINT (4.720302360750847 51.79973816970607)</t>
  </si>
  <si>
    <t>POINT (4.677581666254801 51.7976476663477)</t>
  </si>
  <si>
    <t>POINT (4.6827285641925105 51.81315660183947)</t>
  </si>
  <si>
    <t>POINT (4.651036418518981 51.793091011040225)</t>
  </si>
  <si>
    <t>POINT (4.644325953350486 51.76303581573444)</t>
  </si>
  <si>
    <t>POINT (4.682699480758085 51.78054697512235)</t>
  </si>
  <si>
    <t>POINT (4.6575359521890745 51.810913155514115)</t>
  </si>
  <si>
    <t>POINT (4.688097042950982 51.806983274647706)</t>
  </si>
  <si>
    <t>POINT (4.6829840242738054 51.78614090146256)</t>
  </si>
  <si>
    <t>POINT (4.679786451672828 51.78043834199885)</t>
  </si>
  <si>
    <t>POINT (4.726373307059718 51.79761071439112)</t>
  </si>
  <si>
    <t>POINT (4.729595835560549 51.79204363559135)</t>
  </si>
  <si>
    <t>POINT (4.687190848107391 51.81089313688268)</t>
  </si>
  <si>
    <t>POINT (4.673284448270972 51.819093847264675)</t>
  </si>
  <si>
    <t>POINT (4.654306529421593 51.79144503277615)</t>
  </si>
  <si>
    <t>POINT (4.732691349434032 51.804684303989745)</t>
  </si>
  <si>
    <t>POINT (4.662148374383645 51.79038371034383)</t>
  </si>
  <si>
    <t>POINT (4.662251841390499 51.79125033058295)</t>
  </si>
  <si>
    <t>POINT (4.668515783913729 51.79055947517031)</t>
  </si>
  <si>
    <t>POINT (4.734044528270626 51.79224875493303)</t>
  </si>
  <si>
    <t>POINT (4.6860678228067725 51.78881003022679)</t>
  </si>
  <si>
    <t>POINT (4.693810981548934 51.81877337728695)</t>
  </si>
  <si>
    <t>POINT (4.689332912951565 51.81855463096162)</t>
  </si>
  <si>
    <t>POINT (4.703953309407573 51.7907928569523)</t>
  </si>
  <si>
    <t>POINT (4.6561302602647725 51.80147597672666)</t>
  </si>
  <si>
    <t>POINT (4.6650315643222084 51.77199229772173)</t>
  </si>
  <si>
    <t>POINT (4.7203449146217435 51.81389644601426)</t>
  </si>
  <si>
    <t>POINT (4.652855537060914 51.788187878210685)</t>
  </si>
  <si>
    <t>POINT (4.661930940958589 51.79638370931868)</t>
  </si>
  <si>
    <t>POINT (4.6850186880854485 51.77453838170061)</t>
  </si>
  <si>
    <t>POINT (4.6598701097094635 51.80240869569779)</t>
  </si>
  <si>
    <t>POINT (4.732707882731567 51.79992748445797)</t>
  </si>
  <si>
    <t>POINT (4.693370752336754 51.79674320784913)</t>
  </si>
  <si>
    <t>3311EG</t>
  </si>
  <si>
    <t>Munt</t>
  </si>
  <si>
    <t>POINT (4.669732881380122 51.81637427616603)</t>
  </si>
  <si>
    <t>POINT (4.672203338227327 51.817808115685104)</t>
  </si>
  <si>
    <t>POINT (4.6838556280579295 51.78922938614992)</t>
  </si>
  <si>
    <t>POINT (4.719414379383734 51.80097084697004)</t>
  </si>
  <si>
    <t>POINT (4.669074589680625 51.815238719796966)</t>
  </si>
  <si>
    <t>POINT (4.689117677046423 51.81422110666435)</t>
  </si>
  <si>
    <t>POINT (4.666846650316328 51.79624650826002)</t>
  </si>
  <si>
    <t>POINT (4.711259642583745 51.7930720738682)</t>
  </si>
  <si>
    <t>POINT (4.690835818577384 51.78842441184711)</t>
  </si>
  <si>
    <t>POINT (4.676479964841754 51.78382146694041)</t>
  </si>
  <si>
    <t>POINT (4.676277178414625 51.77488052200399)</t>
  </si>
  <si>
    <t>POINT (4.668943194096967 51.802301487917234)</t>
  </si>
  <si>
    <t>POINT (4.673414658025383 51.81756739292036)</t>
  </si>
  <si>
    <t>POINT (4.719576879252715 51.794506190460716)</t>
  </si>
  <si>
    <t>POINT (4.711698896260878 51.81572770006393)</t>
  </si>
  <si>
    <t>POINT (4.691298838008893 51.818988896720285)</t>
  </si>
  <si>
    <t>POINT (4.6648838133610395 51.77221826314176)</t>
  </si>
  <si>
    <t>POINT (4.682510785762892 51.804378407422625)</t>
  </si>
  <si>
    <t>POINT (4.66406497031143 51.79932956108472)</t>
  </si>
  <si>
    <t>POINT (4.658026905988455 51.801314324202714)</t>
  </si>
  <si>
    <t>POINT (4.680206569107146 51.809294770580884)</t>
  </si>
  <si>
    <t>POINT (4.65328095063232 51.80154527105133)</t>
  </si>
  <si>
    <t>POINT (4.68111291252736 51.813583956822754)</t>
  </si>
  <si>
    <t>POINT (4.674098160526044 51.774890025916136)</t>
  </si>
  <si>
    <t>POINT (4.675035139776617 51.78543374399985)</t>
  </si>
  <si>
    <t>POINT (4.653071647421329 51.80040997396244)</t>
  </si>
  <si>
    <t>POINT (4.675095890038259 51.78225846768886)</t>
  </si>
  <si>
    <t>POINT (4.653136323234396 51.78168602809649)</t>
  </si>
  <si>
    <t>POINT (4.676479356570676 51.80782906988679)</t>
  </si>
  <si>
    <t>POINT (4.689585585488936 51.77703587279218)</t>
  </si>
  <si>
    <t>POINT (4.711245563443823 51.81507211922513)</t>
  </si>
  <si>
    <t>POINT (4.662370034687077 51.81344079014854)</t>
  </si>
  <si>
    <t>POINT (4.667263286404783 51.77417934720018)</t>
  </si>
  <si>
    <t>POINT (4.702155470963615 51.78952336502247)</t>
  </si>
  <si>
    <t>POINT (4.707479113922811 51.810604159034405)</t>
  </si>
  <si>
    <t>POINT (4.7260585037217195 51.80029602415378)</t>
  </si>
  <si>
    <t>POINT (4.667292861771547 51.81902814251943)</t>
  </si>
  <si>
    <t>POINT (4.651782975144746 51.79450550970819)</t>
  </si>
  <si>
    <t>POINT (4.685383151984745 51.78134130452253)</t>
  </si>
  <si>
    <t>POINT (4.698543809441939 51.793178146145294)</t>
  </si>
  <si>
    <t>POINT (4.684792436996595 51.80909165194732)</t>
  </si>
  <si>
    <t>POINT (4.658563508068537 51.80524619386423)</t>
  </si>
  <si>
    <t>POINT (4.693081651866068 51.817986208643624)</t>
  </si>
  <si>
    <t>POINT (4.666440663368426 51.79632236027542)</t>
  </si>
  <si>
    <t>POINT (4.7340504150364495 51.79169698376615)</t>
  </si>
  <si>
    <t>POINT (4.703993863008235 51.81526789473956)</t>
  </si>
  <si>
    <t>POINT (4.678659229198388 51.80552895434577)</t>
  </si>
  <si>
    <t>POINT (4.675199759154674 51.80761144507917)</t>
  </si>
  <si>
    <t>POINT (4.712902205194976 51.79526765801407)</t>
  </si>
  <si>
    <t>POINT (4.667496762735133 51.77191537147865)</t>
  </si>
  <si>
    <t>POINT (4.687174909647832 51.807276713223885)</t>
  </si>
  <si>
    <t>POINT (4.653205984346856 51.79495180288932)</t>
  </si>
  <si>
    <t>POINT (4.722223092608655 51.79715253855997)</t>
  </si>
  <si>
    <t>POINT (4.718686022935278 51.81547563207271)</t>
  </si>
  <si>
    <t>POINT (4.7084755645226455 51.80630371688316)</t>
  </si>
  <si>
    <t>POINT (4.667616135576763 51.80827429300509)</t>
  </si>
  <si>
    <t>POINT (4.6679472790334104 51.816174898828564)</t>
  </si>
  <si>
    <t>POINT (4.651963489729027 51.803830543812815)</t>
  </si>
  <si>
    <t>POINT (4.676841842487719 51.77476001607406)</t>
  </si>
  <si>
    <t>POINT (4.676820494671152 51.804087360759645)</t>
  </si>
  <si>
    <t>POINT (4.657318600853583 51.790740607068614)</t>
  </si>
  <si>
    <t>POINT (4.680911893593196 51.80094685883509)</t>
  </si>
  <si>
    <t>POINT (4.673561630961591 51.77693928954879)</t>
  </si>
  <si>
    <t>POINT (4.712075163762186 51.79350105251349)</t>
  </si>
  <si>
    <t>POINT (4.669257493959502 51.816879992928364)</t>
  </si>
  <si>
    <t>POINT (4.660371651448831 51.79752519747343)</t>
  </si>
  <si>
    <t>POINT (4.681372435636143 51.809769873902844)</t>
  </si>
  <si>
    <t>POINT (4.714194562552292 51.80559450942159)</t>
  </si>
  <si>
    <t>POINT (4.7215231289380775 51.805905460028725)</t>
  </si>
  <si>
    <t>POINT (4.656302879168737 51.80388859385152)</t>
  </si>
  <si>
    <t>POINT (4.6796144828267225 51.77462104720527)</t>
  </si>
  <si>
    <t>POINT (4.672081905899282 51.80382458326154)</t>
  </si>
  <si>
    <t>POINT (4.660177437042102 51.79638369663503)</t>
  </si>
  <si>
    <t>POINT (4.712194732862218 51.810496234075096)</t>
  </si>
  <si>
    <t>POINT (4.635032981821682 51.78022542385484)</t>
  </si>
  <si>
    <t>POINT (4.673259572590759 51.77756986089442)</t>
  </si>
  <si>
    <t>POINT (4.669525251270215 51.80996550146699)</t>
  </si>
  <si>
    <t>POINT (4.665989498825551 51.80210668790779)</t>
  </si>
  <si>
    <t>POINT (4.665875686548717 51.77945743552742)</t>
  </si>
  <si>
    <t>POINT (4.677660490593824 51.79038070764377)</t>
  </si>
  <si>
    <t>POINT (4.6630819853356 51.79051259518546)</t>
  </si>
  <si>
    <t>POINT (4.6621788832302125 51.79042085146971)</t>
  </si>
  <si>
    <t>POINT (4.675285821452082 51.775768651505594)</t>
  </si>
  <si>
    <t>POINT (4.673660121705829 51.808540501825846)</t>
  </si>
  <si>
    <t>POINT (4.699505482968391 51.798515838406786)</t>
  </si>
  <si>
    <t>POINT (4.661425167943643 51.78341471431481)</t>
  </si>
  <si>
    <t>POINT (4.681767638549543 51.81911913907293)</t>
  </si>
  <si>
    <t>POINT (4.680186100019974 51.80391944769107)</t>
  </si>
  <si>
    <t>POINT (4.672731957220703 51.78348628645579)</t>
  </si>
  <si>
    <t>POINT (4.659685552658631 51.80926812517005)</t>
  </si>
  <si>
    <t>POINT (4.713798828198836 51.80298432657252)</t>
  </si>
  <si>
    <t>POINT (4.692093876724513 51.805504815462676)</t>
  </si>
  <si>
    <t>POINT (4.682095839664159 51.809622772781736)</t>
  </si>
  <si>
    <t>POINT (4.65311967413207 51.79518159851171)</t>
  </si>
  <si>
    <t>POINT (4.6685676991350595 51.808090660972496)</t>
  </si>
  <si>
    <t>POINT (4.695276927347695 51.78987563918927)</t>
  </si>
  <si>
    <t>POINT (4.668027164148756 51.81533019239528)</t>
  </si>
  <si>
    <t>POINT (4.659418884620099 51.799448274983014)</t>
  </si>
  <si>
    <t>POINT (4.663540520820942 51.78632469215301)</t>
  </si>
  <si>
    <t>POINT (4.711699260790404 51.81084349968005)</t>
  </si>
  <si>
    <t>POINT (4.68348203111876 51.797981063096664)</t>
  </si>
  <si>
    <t>POINT (4.705080111990867 51.79191903372151)</t>
  </si>
  <si>
    <t>POINT (4.660758724141442 51.80973379894613)</t>
  </si>
  <si>
    <t>POINT (4.668569877596936 51.79284712467508)</t>
  </si>
  <si>
    <t>POINT (4.685175773653457 51.78587691745131)</t>
  </si>
  <si>
    <t>POINT (4.6673786447529935 51.81800229724953)</t>
  </si>
  <si>
    <t>POINT (4.713943588212665 51.80320933418501)</t>
  </si>
  <si>
    <t>POINT (4.65168692248968 51.784506310312835)</t>
  </si>
  <si>
    <t>POINT (4.709116529668837 51.807922637847916)</t>
  </si>
  <si>
    <t>POINT (4.726925791179587 51.805874628241334)</t>
  </si>
  <si>
    <t>POINT (4.6606292825545035 51.801117535092494)</t>
  </si>
  <si>
    <t>POINT (4.660605905241787 51.80726505354792)</t>
  </si>
  <si>
    <t>POINT (4.671913382082992 51.77610134388648)</t>
  </si>
  <si>
    <t>POINT (4.682270881357127 51.80606840990416)</t>
  </si>
  <si>
    <t>POINT (4.709089218897358 51.804463422801355)</t>
  </si>
  <si>
    <t>POINT (4.681430692450906 51.77901398318717)</t>
  </si>
  <si>
    <t>POINT (4.713832122023167 51.80342195026304)</t>
  </si>
  <si>
    <t>POINT (4.630910273949987 51.723382465301725)</t>
  </si>
  <si>
    <t>POINT (4.665360523654321 51.81402785555502)</t>
  </si>
  <si>
    <t>POINT (4.707003594824682 51.80260804790415)</t>
  </si>
  <si>
    <t>POINT (4.684880458678997 51.812172045977015)</t>
  </si>
  <si>
    <t>POINT (4.723581441812527 51.79831955825752)</t>
  </si>
  <si>
    <t>POINT (4.704001755815522 51.79043648664047)</t>
  </si>
  <si>
    <t>POINT (4.634836542701796 51.78183295939351)</t>
  </si>
  <si>
    <t>POINT (4.719307227395751 51.81524012530817)</t>
  </si>
  <si>
    <t>POINT (4.6663084112013475 51.81281801742378)</t>
  </si>
  <si>
    <t>POINT (4.666263162436476 51.811095975927515)</t>
  </si>
  <si>
    <t>POINT (4.685083764077952 51.81302560348769)</t>
  </si>
  <si>
    <t>POINT (4.719932025220674 51.79756900869491)</t>
  </si>
  <si>
    <t>POINT (4.69909548959707 51.79944581088862)</t>
  </si>
  <si>
    <t>POINT (4.659869320332721 51.7701938956353)</t>
  </si>
  <si>
    <t>POINT (4.6817958018302255 51.78910361683099)</t>
  </si>
  <si>
    <t>POINT (4.6979903629746715 51.80015182896695)</t>
  </si>
  <si>
    <t>POINT (4.670340304381079 51.81251423387892)</t>
  </si>
  <si>
    <t>POINT (4.655600833242634 51.790147672220016)</t>
  </si>
  <si>
    <t>POINT (4.652413119647493 51.785410362714664)</t>
  </si>
  <si>
    <t>POINT (4.722296262898374 51.80385131882751)</t>
  </si>
  <si>
    <t>POINT (4.712518733489762 51.80828656731698)</t>
  </si>
  <si>
    <t>POINT (4.685787249603595 51.811625934016895)</t>
  </si>
  <si>
    <t>POINT (4.682196720264263 51.78534198538513)</t>
  </si>
  <si>
    <t>POINT (4.68609733182869 51.80826520841895)</t>
  </si>
  <si>
    <t>POINT (4.682663524498951 51.77588183940207)</t>
  </si>
  <si>
    <t>POINT (4.676830848454923 51.78643386543028)</t>
  </si>
  <si>
    <t>POINT (4.6610723423312574 51.78697325592868)</t>
  </si>
  <si>
    <t>POINT (4.710985302745612 51.805361239218854)</t>
  </si>
  <si>
    <t>POINT (4.684532771557447 51.8015516137074)</t>
  </si>
  <si>
    <t>POINT (4.683523046241982 51.798059879143516)</t>
  </si>
  <si>
    <t>POINT (4.672698498586299 51.77539219206057)</t>
  </si>
  <si>
    <t>POINT (4.66835105371229 51.791947426611195)</t>
  </si>
  <si>
    <t>POINT (4.6834870181643105 51.79799964564301)</t>
  </si>
  <si>
    <t>POINT (4.71190975233058 51.81490961714165)</t>
  </si>
  <si>
    <t>POINT (4.680584970916858 51.77714312428637)</t>
  </si>
  <si>
    <t>POINT (4.687005203874832 51.78995148423313)</t>
  </si>
  <si>
    <t>POINT (4.66074275939579 51.813119593737)</t>
  </si>
  <si>
    <t>POINT (4.678192763314596 51.81425271636812)</t>
  </si>
  <si>
    <t>POINT (4.689879696207631 51.818581467195614)</t>
  </si>
  <si>
    <t>POINT (4.680501780789163 51.776952511992064)</t>
  </si>
  <si>
    <t>POINT (4.672044187485694 51.81752674448142)</t>
  </si>
  <si>
    <t>POINT (4.668911307963531 51.80108099746148)</t>
  </si>
  <si>
    <t>POINT (4.6914917553529705 51.81784234248516)</t>
  </si>
  <si>
    <t>POINT (4.6611625371989005 51.79125229508951)</t>
  </si>
  <si>
    <t>POINT (4.682544900108788 51.77836224209786)</t>
  </si>
  <si>
    <t>POINT (4.6753190239024605 51.81732025697075)</t>
  </si>
  <si>
    <t>POINT (4.654092453666059 51.79099889778371)</t>
  </si>
  <si>
    <t>POINT (4.629342565901941 51.72295105030824)</t>
  </si>
  <si>
    <t>POINT (4.72434926387616 51.79824320752578)</t>
  </si>
  <si>
    <t>POINT (4.655343746768415 51.78967733429067)</t>
  </si>
  <si>
    <t>POINT (4.6697238766491225 51.80550710796094)</t>
  </si>
  <si>
    <t>POINT (4.675856781264276 51.80532820707965)</t>
  </si>
  <si>
    <t>POINT (4.6413421128054 51.762443949361256)</t>
  </si>
  <si>
    <t>POINT (4.711852970972296 51.80665351849206)</t>
  </si>
  <si>
    <t>POINT (4.686142339571422 51.81529265204943)</t>
  </si>
  <si>
    <t>POINT (4.677285687977367 51.803539152244994)</t>
  </si>
  <si>
    <t>POINT (4.675244376101028 51.80757014316495)</t>
  </si>
  <si>
    <t>POINT (4.7089584397763 51.80874640568532)</t>
  </si>
  <si>
    <t>POINT (4.709550595069966 51.804945129399414)</t>
  </si>
  <si>
    <t>POINT (4.688501986822155 51.81599756532717)</t>
  </si>
  <si>
    <t>POINT (4.643404341690583 51.76282378954366)</t>
  </si>
  <si>
    <t>POINT (4.678492668474168 51.81694864651881)</t>
  </si>
  <si>
    <t>POINT (4.6746816149321955 51.80412380281607)</t>
  </si>
  <si>
    <t>POINT (4.693322035598647 51.81791357261016)</t>
  </si>
  <si>
    <t>POINT (4.695486175679934 51.79923794698732)</t>
  </si>
  <si>
    <t>POINT (4.646197411030246 51.79980016597005)</t>
  </si>
  <si>
    <t>POINT (4.653908559399299 51.781495021158506)</t>
  </si>
  <si>
    <t>POINT (4.658423417315903 51.810812891501776)</t>
  </si>
  <si>
    <t>POINT (4.658727750292491 51.80381241143444)</t>
  </si>
  <si>
    <t>POINT (4.711248165201805 51.80778234495323)</t>
  </si>
  <si>
    <t>POINT (4.654496590457685 51.81194334146436)</t>
  </si>
  <si>
    <t>POINT (4.670629780204019 51.81803403969992)</t>
  </si>
  <si>
    <t>POINT (4.660602513106193 51.78338062371684)</t>
  </si>
  <si>
    <t>POINT (4.715021718620534 51.80965962774209)</t>
  </si>
  <si>
    <t>POINT (4.659884119537044 51.79202544968955)</t>
  </si>
  <si>
    <t>POINT (4.663887729876335 51.813028594280084)</t>
  </si>
  <si>
    <t>POINT (4.651390601471049 51.79233228462559)</t>
  </si>
  <si>
    <t>POINT (4.720819003447961 51.81132703238697)</t>
  </si>
  <si>
    <t>POINT (4.685833916216391 51.78667203881844)</t>
  </si>
  <si>
    <t>POINT (4.709260232582963 51.810505133314344)</t>
  </si>
  <si>
    <t>POINT (4.682543861012358 51.77546727164494)</t>
  </si>
  <si>
    <t>POINT (4.731001314341147 51.79378088500698)</t>
  </si>
  <si>
    <t>POINT (4.65223193937723 51.80113320631702)</t>
  </si>
  <si>
    <t>POINT (4.657530382883127 51.79929452394085)</t>
  </si>
  <si>
    <t>POINT (4.666755450067353 51.79624299996485)</t>
  </si>
  <si>
    <t>POINT (4.67931053730751 51.80005425927545)</t>
  </si>
  <si>
    <t>POINT (4.710613453312626 51.81480821965686)</t>
  </si>
  <si>
    <t>POINT (4.65959210464446 51.80278305903883)</t>
  </si>
  <si>
    <t>POINT (4.661029337207933 51.78310562349982)</t>
  </si>
  <si>
    <t>POINT (4.690349679480579 51.80716371912327)</t>
  </si>
  <si>
    <t>POINT (4.698184749091052 51.79491708064205)</t>
  </si>
  <si>
    <t>POINT (4.708889587573597 51.79403728702412)</t>
  </si>
  <si>
    <t>POINT (4.675314629120783 51.814486975388725)</t>
  </si>
  <si>
    <t>POINT (4.732590246478611 51.79676005852272)</t>
  </si>
  <si>
    <t>POINT (4.660177988094002 51.80360753825895)</t>
  </si>
  <si>
    <t>POINT (4.667660247597412 51.77562503853427)</t>
  </si>
  <si>
    <t>POINT (4.683879420723161 51.780826341835414)</t>
  </si>
  <si>
    <t>POINT (4.718380314292833 51.814366445691654)</t>
  </si>
  <si>
    <t>POINT (4.665564765903112 51.786969661778166)</t>
  </si>
  <si>
    <t>POINT (4.66736325006216 51.78753403852734)</t>
  </si>
  <si>
    <t>POINT (4.669508845800927 51.77239695785316)</t>
  </si>
  <si>
    <t>POINT (4.672959874468821 51.81472592345851)</t>
  </si>
  <si>
    <t>POINT (4.683192970309931 51.809575931359745)</t>
  </si>
  <si>
    <t>POINT (4.667470550001526 51.80050326523828)</t>
  </si>
  <si>
    <t>POINT (4.7031526985203795 51.79163816004958)</t>
  </si>
  <si>
    <t>POINT (4.68889965457561 51.80645955611156)</t>
  </si>
  <si>
    <t>POINT (4.713524705433163 51.81606421273404)</t>
  </si>
  <si>
    <t>POINT (4.668208926213638 51.79200209679765)</t>
  </si>
  <si>
    <t>POINT (4.661940791464502 51.79690437767698)</t>
  </si>
  <si>
    <t>POINT (4.663131489300885 51.797927598813786)</t>
  </si>
  <si>
    <t>POINT (4.671802968537135 51.80347938038004)</t>
  </si>
  <si>
    <t>POINT (4.71872267918541 51.81556410924274)</t>
  </si>
  <si>
    <t>POINT (4.719020758543922 51.813245759532485)</t>
  </si>
  <si>
    <t>POINT (4.672751249396735 51.814688761794535)</t>
  </si>
  <si>
    <t>POINT (4.668480279423752 51.7925724385033)</t>
  </si>
  <si>
    <t>POINT (4.717085697158965 51.79545179641736)</t>
  </si>
  <si>
    <t>POINT (4.662429869589007 51.804399773366875)</t>
  </si>
  <si>
    <t>POINT (4.672654079186912 51.811439762779365)</t>
  </si>
  <si>
    <t>POINT (4.6583658171819655 51.81362974965495)</t>
  </si>
  <si>
    <t>POINT (4.669656147474625 51.81077494138516)</t>
  </si>
  <si>
    <t>POINT (4.65953556479524 51.79176491685789)</t>
  </si>
  <si>
    <t>POINT (4.686961472840148 51.7775652562329)</t>
  </si>
  <si>
    <t>POINT (4.714469761745582 51.816102037803674)</t>
  </si>
  <si>
    <t>POINT (4.7020032553465265 51.798922294863246)</t>
  </si>
  <si>
    <t>POINT (4.717135812419036 51.806300195667596)</t>
  </si>
  <si>
    <t>POINT (4.664868672553385 51.79570694402232)</t>
  </si>
  <si>
    <t>POINT (4.670031395233603 51.80394282663321)</t>
  </si>
  <si>
    <t>POINT (4.709929712457758 51.79155279820183)</t>
  </si>
  <si>
    <t>POINT (4.6657176091834005 51.79865366431708)</t>
  </si>
  <si>
    <t>POINT (4.665556642651251 51.7744507986538)</t>
  </si>
  <si>
    <t>POINT (4.657923848108924 51.77016888793946)</t>
  </si>
  <si>
    <t>POINT (4.669628832490651 51.81365840456748)</t>
  </si>
  <si>
    <t>POINT (4.676805582844667 51.78637609487765)</t>
  </si>
  <si>
    <t>POINT (4.698060758788938 51.79586909749393)</t>
  </si>
  <si>
    <t>POINT (4.6755271252100785 51.81643239617644)</t>
  </si>
  <si>
    <t>POINT (4.723949418731652 51.79679577117011)</t>
  </si>
  <si>
    <t>POINT (4.677613966243725 51.81591713705205)</t>
  </si>
  <si>
    <t>POINT (4.671259827457299 51.78566528672184)</t>
  </si>
  <si>
    <t>POINT (4.677506341727202 51.7817236333438)</t>
  </si>
  <si>
    <t>POINT (4.675028952419634 51.81314245168622)</t>
  </si>
  <si>
    <t>POINT (4.683353420180662 51.79247787870209)</t>
  </si>
  <si>
    <t>POINT (4.680524002074786 51.78180491743682)</t>
  </si>
  <si>
    <t>POINT (4.706657907666879 51.79459829805541)</t>
  </si>
  <si>
    <t>POINT (4.678681961730197 51.7869963374062)</t>
  </si>
  <si>
    <t>POINT (4.658336170401474 51.80129985938246)</t>
  </si>
  <si>
    <t>POINT (4.678540714892225 51.77524007923492)</t>
  </si>
  <si>
    <t>POINT (4.676640150154017 51.8053998292446)</t>
  </si>
  <si>
    <t>POINT (4.669136019293829 51.79028244832934)</t>
  </si>
  <si>
    <t>POINT (4.665783066547462 51.81625352425566)</t>
  </si>
  <si>
    <t>POINT (4.661540160523324 51.79227424725802)</t>
  </si>
  <si>
    <t>POINT (4.671071973106637 51.79045886542547)</t>
  </si>
  <si>
    <t>POINT (4.712535294145239 51.81058721602928)</t>
  </si>
  <si>
    <t>POINT (4.667134205744937 51.80810304158711)</t>
  </si>
  <si>
    <t>POINT (4.65373391357963 51.785600991951135)</t>
  </si>
  <si>
    <t>POINT (4.686845065368508 51.809711167789075)</t>
  </si>
  <si>
    <t>POINT (4.731400315950134 51.79134047826791)</t>
  </si>
  <si>
    <t>POINT (4.719761144684576 51.81120035713451)</t>
  </si>
  <si>
    <t>POINT (4.685638857389222 51.81175254217264)</t>
  </si>
  <si>
    <t>POINT (4.672778622960696 51.78838977211621)</t>
  </si>
  <si>
    <t>POINT (4.668595716222068 51.809171442760466)</t>
  </si>
  <si>
    <t>POINT (4.676681931996511 51.818422930931135)</t>
  </si>
  <si>
    <t>POINT (4.654548547008809 51.79184086124742)</t>
  </si>
  <si>
    <t>POINT (4.664030863980146 51.81243285276061)</t>
  </si>
  <si>
    <t>POINT (4.678510700484517 51.7870639765028)</t>
  </si>
  <si>
    <t>POINT (4.688332845502801 51.81985611563487)</t>
  </si>
  <si>
    <t>POINT (4.673776187412111 51.80859804293355)</t>
  </si>
  <si>
    <t>POINT (4.6831613182887875 51.81928112384191)</t>
  </si>
  <si>
    <t>POINT (4.630600866199183 51.72676402203823)</t>
  </si>
  <si>
    <t>POINT (4.658573689114885 51.80030683412054)</t>
  </si>
  <si>
    <t>POINT (4.677015271691224 51.807406673859546)</t>
  </si>
  <si>
    <t>POINT (4.6581027894412275 51.81322446992428)</t>
  </si>
  <si>
    <t>POINT (4.629125925202514 51.72434688606209)</t>
  </si>
  <si>
    <t>POINT (4.691502137189855 51.806805401969655)</t>
  </si>
  <si>
    <t>POINT (4.687335289132525 51.810824426159364)</t>
  </si>
  <si>
    <t>POINT (4.676409275644814 51.81596704179137)</t>
  </si>
  <si>
    <t>POINT (4.631931114364504 51.77965651266757)</t>
  </si>
  <si>
    <t>POINT (4.7132352557041575 51.81384655511895)</t>
  </si>
  <si>
    <t>POINT (4.665868884295425 51.80050684939201)</t>
  </si>
  <si>
    <t>POINT (4.652991386704858 51.80106988069284)</t>
  </si>
  <si>
    <t>POINT (4.675823687557616 51.7848028210025)</t>
  </si>
  <si>
    <t>POINT (4.705193028867112 51.78905027322173)</t>
  </si>
  <si>
    <t>POINT (4.664038872675413 51.79549224261934)</t>
  </si>
  <si>
    <t>POINT (4.730128190002125 51.80371172758421)</t>
  </si>
  <si>
    <t>POINT (4.642739616129333 51.76049975436921)</t>
  </si>
  <si>
    <t>BU05051919</t>
  </si>
  <si>
    <t>Dordtse Kil IV</t>
  </si>
  <si>
    <t>POINT (4.65710069319884 51.79900043719371)</t>
  </si>
  <si>
    <t>POINT (4.669166808317243 51.7911820819506)</t>
  </si>
  <si>
    <t>POINT (4.7201350853602 51.80304457322035)</t>
  </si>
  <si>
    <t>POINT (4.659512920335088 51.79970412828224)</t>
  </si>
  <si>
    <t>POINT (4.678352675395611 51.81763995509716)</t>
  </si>
  <si>
    <t>POINT (4.669786552825239 51.819180516501554)</t>
  </si>
  <si>
    <t>POINT (4.712817657556914 51.79546583039211)</t>
  </si>
  <si>
    <t>POINT (4.669326707360117 51.773520097875206)</t>
  </si>
  <si>
    <t>POINT (4.7335238241891915 51.80196648502872)</t>
  </si>
  <si>
    <t>POINT (4.68104762326533 51.79851258856077)</t>
  </si>
  <si>
    <t>POINT (4.691965310830408 51.789519424886514)</t>
  </si>
  <si>
    <t>POINT (4.678876530152569 51.814016865978076)</t>
  </si>
  <si>
    <t>POINT (4.676491630790445 51.80435289034507)</t>
  </si>
  <si>
    <t>POINT (4.6734511277369215 51.81613517161101)</t>
  </si>
  <si>
    <t>POINT (4.6677830773385 51.8142744955712)</t>
  </si>
  <si>
    <t>POINT (4.68812385937435 51.80923602081995)</t>
  </si>
  <si>
    <t>POINT (4.724563024211797 51.80405938388194)</t>
  </si>
  <si>
    <t>POINT (4.654232347939083 51.781996691982535)</t>
  </si>
  <si>
    <t>POINT (4.669531102222943 51.802674691136396)</t>
  </si>
  <si>
    <t>POINT (4.727174441425937 51.798258523209434)</t>
  </si>
  <si>
    <t>POINT (4.7045745094685065 51.81976452471903)</t>
  </si>
  <si>
    <t>POINT (4.73437161997153 51.80115497405081)</t>
  </si>
  <si>
    <t>POINT (4.72384235494393 51.79830333506618)</t>
  </si>
  <si>
    <t>POINT (4.659983364155748 51.7875243044035)</t>
  </si>
  <si>
    <t>POINT (4.641940655317185 51.776026565366735)</t>
  </si>
  <si>
    <t>POINT (4.7131357275433325 51.79169364355988)</t>
  </si>
  <si>
    <t>POINT (4.662606185460011 51.80961598196781)</t>
  </si>
  <si>
    <t>POINT (4.6840210357993435 51.81006460342148)</t>
  </si>
  <si>
    <t>POINT (4.676143924101146 51.81833043311878)</t>
  </si>
  <si>
    <t>POINT (4.66132392927733 51.78904580242147)</t>
  </si>
  <si>
    <t>POINT (4.653823156342697 51.793712757895264)</t>
  </si>
  <si>
    <t>POINT (4.6629002846143015 51.795204124236705)</t>
  </si>
  <si>
    <t>POINT (4.670421683832083 51.776647559659324)</t>
  </si>
  <si>
    <t>POINT (4.666977265258964 51.80244005141712)</t>
  </si>
  <si>
    <t>POINT (4.655467443519059 51.800819885561)</t>
  </si>
  <si>
    <t>POINT (4.654722501229351 51.78835934300363)</t>
  </si>
  <si>
    <t>POINT (4.682286759897119 51.78881653896364)</t>
  </si>
  <si>
    <t>POINT (4.632161908952677 51.7808886831785)</t>
  </si>
  <si>
    <t>POINT (4.681572626876058 51.811803388628675)</t>
  </si>
  <si>
    <t>POINT (4.6618991819970175 51.80567900050396)</t>
  </si>
  <si>
    <t>POINT (4.6753752270739595 51.77176549647735)</t>
  </si>
  <si>
    <t>POINT (4.673235543673478 51.819111985524344)</t>
  </si>
  <si>
    <t>POINT (4.667472673466953 51.818063960938304)</t>
  </si>
  <si>
    <t>POINT (4.732860067590403 51.80197890199081)</t>
  </si>
  <si>
    <t>POINT (4.675539925359614 51.78329613066626)</t>
  </si>
  <si>
    <t>POINT (4.690647764102223 51.78755466492586)</t>
  </si>
  <si>
    <t>POINT (4.67982971745283 51.80295319226496)</t>
  </si>
  <si>
    <t>POINT (4.667945691908042 51.81484905968474)</t>
  </si>
  <si>
    <t>POINT (4.669747838431457 51.798236566357254)</t>
  </si>
  <si>
    <t>POINT (4.678622830933932 51.7856468669432)</t>
  </si>
  <si>
    <t>POINT (4.672103601243907 51.771447662499156)</t>
  </si>
  <si>
    <t>POINT (4.672421010383983 51.80755492948106)</t>
  </si>
  <si>
    <t>POINT (4.6861063109147265 51.789040029062086)</t>
  </si>
  <si>
    <t>POINT (4.709733617179599 51.80754449915779)</t>
  </si>
  <si>
    <t>POINT (4.672849688240465 51.81059782499445)</t>
  </si>
  <si>
    <t>POINT (4.666593809855992 51.80094896327967)</t>
  </si>
  <si>
    <t>POINT (4.680968291492379 51.80645283398378)</t>
  </si>
  <si>
    <t>POINT (4.6677050324265785 51.80271394332483)</t>
  </si>
  <si>
    <t>POINT (4.709176786778521 51.78838703611288)</t>
  </si>
  <si>
    <t>POINT (4.665288856606603 51.77847500809693)</t>
  </si>
  <si>
    <t>POINT (4.666576856594594 51.81232901018115)</t>
  </si>
  <si>
    <t>POINT (4.652310790792944 51.781195548638806)</t>
  </si>
  <si>
    <t>POINT (4.68373466148958 51.798033867500614)</t>
  </si>
  <si>
    <t>POINT (4.653741902876044 51.811262596539635)</t>
  </si>
  <si>
    <t>POINT (4.681893808422522 51.77509392854498)</t>
  </si>
  <si>
    <t>POINT (4.653664362286324 51.79283064687333)</t>
  </si>
  <si>
    <t>POINT (4.676833786741586 51.780510168216885)</t>
  </si>
  <si>
    <t>POINT (4.66499441045105 51.80925333272266)</t>
  </si>
  <si>
    <t>POINT (4.73347763782658 51.79141918136703)</t>
  </si>
  <si>
    <t>POINT (4.673560986919832 51.81764688869028)</t>
  </si>
  <si>
    <t>POINT (4.676226543250375 51.78942312544187)</t>
  </si>
  <si>
    <t>POINT (4.652050443454542 51.79334646490876)</t>
  </si>
  <si>
    <t>POINT (4.685532153632853 51.785126354754134)</t>
  </si>
  <si>
    <t>POINT (4.684150214041663 51.79813676188612)</t>
  </si>
  <si>
    <t>POINT (4.669910446705538 51.793872228931185)</t>
  </si>
  <si>
    <t>POINT (4.7166176507819655 51.812869774473384)</t>
  </si>
  <si>
    <t>POINT (4.723747013397504 51.80484411030576)</t>
  </si>
  <si>
    <t>POINT (4.692515376765163 51.81873892950239)</t>
  </si>
  <si>
    <t>POINT (4.705427102319532 51.790386972659576)</t>
  </si>
  <si>
    <t>POINT (4.6608281687453195 51.802141949647286)</t>
  </si>
  <si>
    <t>POINT (4.641451232041273 51.7598366826675)</t>
  </si>
  <si>
    <t>POINT (4.660849038951685 51.78986405327288)</t>
  </si>
  <si>
    <t>POINT (4.71486240746236 51.81495794919723)</t>
  </si>
  <si>
    <t>POINT (4.700556727936079 51.797234917352526)</t>
  </si>
  <si>
    <t>POINT (4.68552584374307 51.78522083309498)</t>
  </si>
  <si>
    <t>POINT (4.670755708905463 51.80280679415851)</t>
  </si>
  <si>
    <t>POINT (4.667094301492989 51.80224552645439)</t>
  </si>
  <si>
    <t>POINT (4.666709078276956 51.81328583086525)</t>
  </si>
  <si>
    <t>POINT (4.709610513164567 51.78807970275784)</t>
  </si>
  <si>
    <t>POINT (4.732209263801826 51.80011706788679)</t>
  </si>
  <si>
    <t>POINT (4.666762836474627 51.81476061846838)</t>
  </si>
  <si>
    <t>POINT (4.652747558199019 51.79499526169656)</t>
  </si>
  <si>
    <t>POINT (4.6570624942378664 51.800239750203104)</t>
  </si>
  <si>
    <t>POINT (4.712745717012919 51.80919148258242)</t>
  </si>
  <si>
    <t>POINT (4.661753562174317 51.80245047696374)</t>
  </si>
  <si>
    <t>POINT (4.653662747846392 51.785186697396334)</t>
  </si>
  <si>
    <t>POINT (4.6641316208157715 51.81315183096461)</t>
  </si>
  <si>
    <t>POINT (4.6623275280161005 51.801020210847376)</t>
  </si>
  <si>
    <t>POINT (4.694465767148338 51.81045489292553)</t>
  </si>
  <si>
    <t>POINT (4.655498524878155 51.78424055004633)</t>
  </si>
  <si>
    <t>POINT (4.710227301183089 51.792953079968505)</t>
  </si>
  <si>
    <t>POINT (4.660629264993704 51.80670621857371)</t>
  </si>
  <si>
    <t>POINT (4.714076360908285 51.80319331412625)</t>
  </si>
  <si>
    <t>POINT (4.664608684627946 51.81338504141414)</t>
  </si>
  <si>
    <t>POINT (4.674160538763456 51.81786381593784)</t>
  </si>
  <si>
    <t>POINT (4.661219895939185 51.81576435569794)</t>
  </si>
  <si>
    <t>POINT (4.729421858011708 51.790778514589796)</t>
  </si>
  <si>
    <t>POINT (4.731848319561568 51.793228826778744)</t>
  </si>
  <si>
    <t>POINT (4.6723211512640175 51.818151031953796)</t>
  </si>
  <si>
    <t>POINT (4.672054044081805 51.814757017832825)</t>
  </si>
  <si>
    <t>POINT (4.718651301973813 51.81557547776671)</t>
  </si>
  <si>
    <t>POINT (4.662629816337495 51.814953742057355)</t>
  </si>
  <si>
    <t>POINT (4.667776790121881 51.81426861438956)</t>
  </si>
  <si>
    <t>POINT (4.629733307724002 51.726232438492346)</t>
  </si>
  <si>
    <t>POINT (4.67657286063583 51.815926172226646)</t>
  </si>
  <si>
    <t>POINT (4.685474080638614 51.78800961491752)</t>
  </si>
  <si>
    <t>POINT (4.678455359591303 51.8157147809714)</t>
  </si>
  <si>
    <t>POINT (4.685415246544622 51.80225465903412)</t>
  </si>
  <si>
    <t>POINT (4.668250330678768 51.79194351052912)</t>
  </si>
  <si>
    <t>POINT (4.711685812702928 51.80096023278156)</t>
  </si>
  <si>
    <t>POINT (4.6801033897448265 51.785475433855524)</t>
  </si>
  <si>
    <t>POINT (4.662367224194207 51.80288030656213)</t>
  </si>
  <si>
    <t>POINT (4.656547878209984 51.79086687366856)</t>
  </si>
  <si>
    <t>POINT (4.683144123383467 51.781651506373066)</t>
  </si>
  <si>
    <t>POINT (4.6784982041691086 51.77348382438533)</t>
  </si>
  <si>
    <t>POINT (4.7095080592156195 51.804816453896954)</t>
  </si>
  <si>
    <t>POINT (4.682268567008576 51.80493645246547)</t>
  </si>
  <si>
    <t>POINT (4.685225611086852 51.78257103990901)</t>
  </si>
  <si>
    <t>POINT (4.713904688631038 51.803949299249844)</t>
  </si>
  <si>
    <t>POINT (4.685941985812444 51.79179763839615)</t>
  </si>
  <si>
    <t>POINT (4.66502630845104 51.79008390050053)</t>
  </si>
  <si>
    <t>POINT (4.6706172515891975 51.816350538126784)</t>
  </si>
  <si>
    <t>POINT (4.655129463463056 51.798748596132)</t>
  </si>
  <si>
    <t>POINT (4.670080601606644 51.78539804935965)</t>
  </si>
  <si>
    <t>POINT (4.696252909133417 51.798963411585845)</t>
  </si>
  <si>
    <t>POINT (4.723354339612253 51.81973622386484)</t>
  </si>
  <si>
    <t>POINT (4.667115180339869 51.81650457036115)</t>
  </si>
  <si>
    <t>POINT (4.712811484308282 51.795235883005)</t>
  </si>
  <si>
    <t>POINT (4.672723187976949 51.815328341602395)</t>
  </si>
  <si>
    <t>POINT (4.672123083789756 51.80901634527419)</t>
  </si>
  <si>
    <t>POINT (4.65479427291259 51.7984036750502)</t>
  </si>
  <si>
    <t>POINT (4.707390738522879 51.79694353590125)</t>
  </si>
  <si>
    <t>POINT (4.66442305825152 51.810174570648016)</t>
  </si>
  <si>
    <t>3313LD</t>
  </si>
  <si>
    <t>Krammerstraat</t>
  </si>
  <si>
    <t>POINT (4.714969728565904 51.818429012724)</t>
  </si>
  <si>
    <t>POINT (4.657219031096707 51.80135028919185)</t>
  </si>
  <si>
    <t>POINT (4.669713326291472 51.80820329738875)</t>
  </si>
  <si>
    <t>POINT (4.662074816990387 51.80573397321049)</t>
  </si>
  <si>
    <t>POINT (4.667972794139505 51.7979392108304)</t>
  </si>
  <si>
    <t>POINT (4.677429781991192 51.808685744321394)</t>
  </si>
  <si>
    <t>POINT (4.630566098031075 51.72214175787354)</t>
  </si>
  <si>
    <t>POINT (4.702343380334975 51.79761803011426)</t>
  </si>
  <si>
    <t>POINT (4.670388345728913 51.77263109952088)</t>
  </si>
  <si>
    <t>POINT (4.66791308421026 51.79429263483504)</t>
  </si>
  <si>
    <t>POINT (4.718946706867403 51.81325485684969)</t>
  </si>
  <si>
    <t>POINT (4.694208765896871 51.79669793199045)</t>
  </si>
  <si>
    <t>POINT (4.673415205956577 51.77553560245702)</t>
  </si>
  <si>
    <t>POINT (4.678070708624403 51.80712846644862)</t>
  </si>
  <si>
    <t>POINT (4.665658550623595 51.81467550680533)</t>
  </si>
  <si>
    <t>POINT (4.653618181056842 51.78514215824445)</t>
  </si>
  <si>
    <t>POINT (4.687509318548273 51.80702492170034)</t>
  </si>
  <si>
    <t>POINT (4.676938509082058 51.77443830238038)</t>
  </si>
  <si>
    <t>POINT (4.735184924374442 51.80103238803761)</t>
  </si>
  <si>
    <t>POINT (4.664553141318903 51.81411336664136)</t>
  </si>
  <si>
    <t>POINT (4.673251271606991 51.787315623820525)</t>
  </si>
  <si>
    <t>POINT (4.659310282564412 51.805013230655675)</t>
  </si>
  <si>
    <t>POINT (4.661614856833549 51.790350937706336)</t>
  </si>
  <si>
    <t>POINT (4.625334703556171 51.79682906683426)</t>
  </si>
  <si>
    <t>POINT (4.663193025014295 51.810425053143966)</t>
  </si>
  <si>
    <t>POINT (4.708859813813255 51.8095999368446)</t>
  </si>
  <si>
    <t>POINT (4.667935694978818 51.775081787198516)</t>
  </si>
  <si>
    <t>POINT (4.6803159697902315 51.77819502426413)</t>
  </si>
  <si>
    <t>POINT (4.698244937634909 51.800931517725)</t>
  </si>
  <si>
    <t>POINT (4.702190526904704 51.79472352440377)</t>
  </si>
  <si>
    <t>POINT (4.660279559009553 51.809971836315135)</t>
  </si>
  <si>
    <t>POINT (4.683259845239237 51.811738412409994)</t>
  </si>
  <si>
    <t>POINT (4.714136293004974 51.80562434110252)</t>
  </si>
  <si>
    <t>POINT (4.664471983264434 51.79123065417866)</t>
  </si>
  <si>
    <t>POINT (4.726912107513542 51.802811430198645)</t>
  </si>
  <si>
    <t>POINT (4.669759655157514 51.774206078287826)</t>
  </si>
  <si>
    <t>POINT (4.700508753555336 51.7888552540545)</t>
  </si>
  <si>
    <t>POINT (4.673180108286344 51.80379801313154)</t>
  </si>
  <si>
    <t>POINT (4.682978273995948 51.814323687513955)</t>
  </si>
  <si>
    <t>POINT (4.680085464925508 51.78984023506352)</t>
  </si>
  <si>
    <t>POINT (4.724135707265766 51.803954885969176)</t>
  </si>
  <si>
    <t>POINT (4.6700146112850875 51.80050713130784)</t>
  </si>
  <si>
    <t>POINT (4.685015937154433 51.80891378251121)</t>
  </si>
  <si>
    <t>POINT (4.6629184467957865 51.80383761732964)</t>
  </si>
  <si>
    <t>POINT (4.656236478219023 51.80084692620062)</t>
  </si>
  <si>
    <t>POINT (4.705037988194868 51.79499614864964)</t>
  </si>
  <si>
    <t>POINT (4.713806592545954 51.80920105375939)</t>
  </si>
  <si>
    <t>POINT (4.68178288964739 51.807304089248305)</t>
  </si>
  <si>
    <t>POINT (4.734035311675514 51.791729986882935)</t>
  </si>
  <si>
    <t>POINT (4.6810274190180445 51.80417991828068)</t>
  </si>
  <si>
    <t>POINT (4.665616160347495 51.800941480641704)</t>
  </si>
  <si>
    <t>POINT (4.719673273605835 51.801137234852334)</t>
  </si>
  <si>
    <t>POINT (4.680667830620363 51.78206990778296)</t>
  </si>
  <si>
    <t>POINT (4.653971893186137 51.7951640246267)</t>
  </si>
  <si>
    <t>POINT (4.661634475378059 51.79798027358554)</t>
  </si>
  <si>
    <t>POINT (4.653639915079264 51.78514161102103)</t>
  </si>
  <si>
    <t>POINT (4.673796029650169 51.81166611511819)</t>
  </si>
  <si>
    <t>POINT (4.656327598211053 51.804513156574274)</t>
  </si>
  <si>
    <t>POINT (4.66286062348715 51.791101040393784)</t>
  </si>
  <si>
    <t>POINT (4.657491656809996 51.806242716163055)</t>
  </si>
  <si>
    <t>POINT (4.7077578707871535 51.79073008237815)</t>
  </si>
  <si>
    <t>POINT (4.70559265256694 51.80706358088267)</t>
  </si>
  <si>
    <t>POINT (4.707681451094664 51.807397929507566)</t>
  </si>
  <si>
    <t>POINT (4.676518051912087 51.775368504671235)</t>
  </si>
  <si>
    <t>POINT (4.655666383185976 51.79037083923415)</t>
  </si>
  <si>
    <t>POINT (4.673735217143252 51.78328825958927)</t>
  </si>
  <si>
    <t>POINT (4.703860355281777 51.794958329472145)</t>
  </si>
  <si>
    <t>POINT (4.720791987574526 51.802743815575454)</t>
  </si>
  <si>
    <t>POINT (4.673940985468049 51.77256320493555)</t>
  </si>
  <si>
    <t>POINT (4.659952690342387 51.81313825956973)</t>
  </si>
  <si>
    <t>POINT (4.682549910148437 51.77569050647525)</t>
  </si>
  <si>
    <t>POINT (4.665919737714316 51.81844836475165)</t>
  </si>
  <si>
    <t>POINT (4.722798798738773 51.79861356103518)</t>
  </si>
  <si>
    <t>POINT (4.6917083683131 51.78807143413892)</t>
  </si>
  <si>
    <t>POINT (4.727008695000269 51.805803671000334)</t>
  </si>
  <si>
    <t>POINT (4.6660600667194165 51.81052953776685)</t>
  </si>
  <si>
    <t>POINT (4.65426416483714 51.80340836551397)</t>
  </si>
  <si>
    <t>POINT (4.680040197662648 51.81658985077515)</t>
  </si>
  <si>
    <t>POINT (4.659145829342495 51.80427682742248)</t>
  </si>
  <si>
    <t>POINT (4.665081600714229 51.79011499122443)</t>
  </si>
  <si>
    <t>POINT (4.6973000380409164 51.79171408019769)</t>
  </si>
  <si>
    <t>POINT (4.662704811207795 51.79459884067479)</t>
  </si>
  <si>
    <t>POINT (4.669031986904831 51.7908308322553)</t>
  </si>
  <si>
    <t>POINT (4.6540084112006905 51.806465810037345)</t>
  </si>
  <si>
    <t>POINT (4.671921194705746 51.81025739491825)</t>
  </si>
  <si>
    <t>POINT (4.679834634276613 51.77624390172195)</t>
  </si>
  <si>
    <t>POINT (4.683244319441815 51.806439247822006)</t>
  </si>
  <si>
    <t>POINT (4.640067644844676 51.77971927579397)</t>
  </si>
  <si>
    <t>POINT (4.679432964664671 51.78926825981332)</t>
  </si>
  <si>
    <t>POINT (4.703023345766953 51.79728180327701)</t>
  </si>
  <si>
    <t>POINT (4.687985195706393 51.80767766581027)</t>
  </si>
  <si>
    <t>POINT (4.668429200017516 51.79897228264274)</t>
  </si>
  <si>
    <t>POINT (4.679220669306298 51.80640809178882)</t>
  </si>
  <si>
    <t>POINT (4.720603044976419 51.795284510228235)</t>
  </si>
  <si>
    <t>POINT (4.65044607248631 51.79389758354349)</t>
  </si>
  <si>
    <t>POINT (4.6876920292772795 51.809400330990975)</t>
  </si>
  <si>
    <t>POINT (4.683302515034749 51.79797998622481)</t>
  </si>
  <si>
    <t>POINT (4.668521208971101 51.80926437885342)</t>
  </si>
  <si>
    <t>POINT (4.667577670032642 51.789144376822584)</t>
  </si>
  <si>
    <t>POINT (4.661228929875 51.81642727273477)</t>
  </si>
  <si>
    <t>POINT (4.656261231286173 51.79978299810608)</t>
  </si>
  <si>
    <t>POINT (4.641143816313985 51.78402047477585)</t>
  </si>
  <si>
    <t>POINT (4.673703119409175 51.81103373638991)</t>
  </si>
  <si>
    <t>POINT (4.673584260530537 51.80570529008197)</t>
  </si>
  <si>
    <t>POINT (4.658705185252845 51.80894384342735)</t>
  </si>
  <si>
    <t>POINT (4.677508216688386 51.7808976459411)</t>
  </si>
  <si>
    <t>POINT (4.682366748416789 51.8146364172409)</t>
  </si>
  <si>
    <t>POINT (4.67290253815398 51.78803790007712)</t>
  </si>
  <si>
    <t>POINT (4.685103807521105 51.80749383816961)</t>
  </si>
  <si>
    <t>POINT (4.712519484187507 51.81413433939408)</t>
  </si>
  <si>
    <t>POINT (4.680841309572236 51.80813052435592)</t>
  </si>
  <si>
    <t>POINT (4.669531373961357 51.77788473284798)</t>
  </si>
  <si>
    <t>POINT (4.679000353102606 51.78063352499006)</t>
  </si>
  <si>
    <t>POINT (4.674933231054915 51.78908641958746)</t>
  </si>
  <si>
    <t>POINT (4.666141161241785 51.77834399097988)</t>
  </si>
  <si>
    <t>POINT (4.677499161993193 51.807421160914195)</t>
  </si>
  <si>
    <t>POINT (4.669697935976539 51.80830295965803)</t>
  </si>
  <si>
    <t>POINT (4.681262134719672 51.77327752872931)</t>
  </si>
  <si>
    <t>POINT (4.6613313182945335 51.815704227508)</t>
  </si>
  <si>
    <t>POINT (4.651424578985669 51.79006243406901)</t>
  </si>
  <si>
    <t>POINT (4.6518004108576765 51.79204445596489)</t>
  </si>
  <si>
    <t>POINT (4.668723820665006 51.79942444754596)</t>
  </si>
  <si>
    <t>POINT (4.672929152807814 51.813492355947815)</t>
  </si>
  <si>
    <t>POINT (4.6792571934318685 51.81258682787591)</t>
  </si>
  <si>
    <t>POINT (4.68028232448106 51.809706153009394)</t>
  </si>
  <si>
    <t>POINT (4.674180799717375 51.80284363074341)</t>
  </si>
  <si>
    <t>POINT (4.694041975817359 51.81798633836426)</t>
  </si>
  <si>
    <t>POINT (4.724889127070343 51.792853804165375)</t>
  </si>
  <si>
    <t>POINT (4.68157073311602 51.78131711029653)</t>
  </si>
  <si>
    <t>POINT (4.66665989491127 51.77548928879905)</t>
  </si>
  <si>
    <t>POINT (4.655318162316049 51.8103884722478)</t>
  </si>
  <si>
    <t>POINT (4.679572352398861 51.8134430565363)</t>
  </si>
  <si>
    <t>POINT (4.719503016326074 51.813152236069705)</t>
  </si>
  <si>
    <t>POINT (4.6846649464558805 51.77643595343759)</t>
  </si>
  <si>
    <t>POINT (4.680467178626088 51.7809212556293)</t>
  </si>
  <si>
    <t>POINT (4.659093448309733 51.80889137724545)</t>
  </si>
  <si>
    <t>POINT (4.6838288893595275 51.78256305037025)</t>
  </si>
  <si>
    <t>POINT (4.652828192366345 51.80127482648603)</t>
  </si>
  <si>
    <t>POINT (4.6611965919183405 51.81581195041169)</t>
  </si>
  <si>
    <t>POINT (4.691146828952441 51.79233191142107)</t>
  </si>
  <si>
    <t>POINT (4.654232447817848 51.80379243423955)</t>
  </si>
  <si>
    <t>POINT (4.671710943463063 51.772015340971116)</t>
  </si>
  <si>
    <t>POINT (4.652267015028931 51.78245171798306)</t>
  </si>
  <si>
    <t>POINT (4.6838611880845225 51.81231720271536)</t>
  </si>
  <si>
    <t>POINT (4.66987334934183 51.77181225161299)</t>
  </si>
  <si>
    <t>POINT (4.643809175583439 51.76868957192723)</t>
  </si>
  <si>
    <t>POINT (4.708864830486669 51.81167714293735)</t>
  </si>
  <si>
    <t>POINT (4.681194152928565 51.813528446213226)</t>
  </si>
  <si>
    <t>POINT (4.688119089073901 51.80726721413281)</t>
  </si>
  <si>
    <t>POINT (4.674877715806846 51.81425456485248)</t>
  </si>
  <si>
    <t>POINT (4.679856195632948 51.7739796329448)</t>
  </si>
  <si>
    <t>POINT (4.675931776123482 51.77291440359678)</t>
  </si>
  <si>
    <t>POINT (4.671837899004846 51.81765870830538)</t>
  </si>
  <si>
    <t>POINT (4.656582759511955 51.80694092002765)</t>
  </si>
  <si>
    <t>POINT (4.6780488375842655 51.78857953758123)</t>
  </si>
  <si>
    <t>POINT (4.673208951669968 51.80989025666195)</t>
  </si>
  <si>
    <t>POINT (4.663491875008811 51.814753679047875)</t>
  </si>
  <si>
    <t>POINT (4.685141675831821 51.81299173910688)</t>
  </si>
  <si>
    <t>POINT (4.653553932223956 51.791517038276965)</t>
  </si>
  <si>
    <t>POINT (4.673455428121313 51.80868820832204)</t>
  </si>
  <si>
    <t>POINT (4.682385301989971 51.77934272334693)</t>
  </si>
  <si>
    <t>POINT (4.654416053885302 51.79966349806946)</t>
  </si>
  <si>
    <t>POINT (4.681886072424575 51.77752686323064)</t>
  </si>
  <si>
    <t>POINT (4.667215223534566 51.78034145398383)</t>
  </si>
  <si>
    <t>POINT (4.717567918811236 51.81522668143849)</t>
  </si>
  <si>
    <t>POINT (4.666193979246832 51.81455526620712)</t>
  </si>
  <si>
    <t>POINT (4.681972067921871 51.775583564406745)</t>
  </si>
  <si>
    <t>POINT (4.661416805119851 51.79356982595471)</t>
  </si>
  <si>
    <t>POINT (4.6935893274309235 51.8186851922467)</t>
  </si>
  <si>
    <t>POINT (4.652344555158838 51.79199341214866)</t>
  </si>
  <si>
    <t>POINT (4.730687544214592 51.80206840098873)</t>
  </si>
  <si>
    <t>POINT (4.665787981935927 51.81842049004376)</t>
  </si>
  <si>
    <t>POINT (4.674817525306794 51.772072166818866)</t>
  </si>
  <si>
    <t>POINT (4.643339059433749 51.776147793147075)</t>
  </si>
  <si>
    <t>POINT (4.713904171109379 51.80516583785884)</t>
  </si>
  <si>
    <t>POINT (4.712526564362629 51.80644225903249)</t>
  </si>
  <si>
    <t>POINT (4.727252231803584 51.79834285180285)</t>
  </si>
  <si>
    <t>POINT (4.666030546092531 51.79883072396589)</t>
  </si>
  <si>
    <t>POINT (4.632463153524696 51.769938472815554)</t>
  </si>
  <si>
    <t>POINT (4.662426802482538 51.81462844655019)</t>
  </si>
  <si>
    <t>POINT (4.6743997778046875 51.78942430041588)</t>
  </si>
  <si>
    <t>POINT (4.6676144452174615 51.811002490992315)</t>
  </si>
  <si>
    <t>POINT (4.7055761915200955 51.79161420800615)</t>
  </si>
  <si>
    <t>POINT (4.657592822472645 51.81346824659139)</t>
  </si>
  <si>
    <t>POINT (4.667906508653014 51.794117737409195)</t>
  </si>
  <si>
    <t>POINT (4.703190601412921 51.81682692527287)</t>
  </si>
  <si>
    <t>POINT (4.678807421084389 51.805478730496155)</t>
  </si>
  <si>
    <t>POINT (4.680543382728684 51.77704783616629)</t>
  </si>
  <si>
    <t>POINT (4.690556895752971 51.80866478886097)</t>
  </si>
  <si>
    <t>POINT (4.677493371512553 51.81657691292979)</t>
  </si>
  <si>
    <t>POINT (4.656656699650547 51.81192127649504)</t>
  </si>
  <si>
    <t>POINT (4.679062524916114 51.78176739344267)</t>
  </si>
  <si>
    <t>POINT (4.6361100932925545 51.76772980959052)</t>
  </si>
  <si>
    <t>POINT (4.671915859104902 51.81777821142318)</t>
  </si>
  <si>
    <t>POINT (4.652096764439719 51.793914437178074)</t>
  </si>
  <si>
    <t>POINT (4.71255516557433 51.80304860633839)</t>
  </si>
  <si>
    <t>POINT (4.66520746187391 51.79010296599659)</t>
  </si>
  <si>
    <t>POINT (4.734388180178542 51.79797148868546)</t>
  </si>
  <si>
    <t>POINT (4.6720582471299 51.81757300494462)</t>
  </si>
  <si>
    <t>POINT (4.698103687541789 51.793447118578456)</t>
  </si>
  <si>
    <t>POINT (4.680252411718915 51.785994152783246)</t>
  </si>
  <si>
    <t>POINT (4.628431898491004 51.7207421458958)</t>
  </si>
  <si>
    <t>POINT (4.672581905980659 51.78352993838851)</t>
  </si>
  <si>
    <t>POINT (4.7168417644782075 51.80058575481425)</t>
  </si>
  <si>
    <t>POINT (4.6878474247600534 51.810497622441346)</t>
  </si>
  <si>
    <t>POINT (4.657195023536452 51.805988944989586)</t>
  </si>
  <si>
    <t>POINT (4.654271905992078 51.79277494782275)</t>
  </si>
  <si>
    <t>POINT (4.659348335734724 51.79620355487581)</t>
  </si>
  <si>
    <t>POINT (4.6746626056319265 51.78680502680055)</t>
  </si>
  <si>
    <t>POINT (4.675787633696797 51.785335677148645)</t>
  </si>
  <si>
    <t>POINT (4.66646065468998 51.815611878208735)</t>
  </si>
  <si>
    <t>POINT (4.65154136027239 51.80322189770698)</t>
  </si>
  <si>
    <t>POINT (4.702981407382729 51.788891571461306)</t>
  </si>
  <si>
    <t>POINT (4.6499048616899445 51.79522475545762)</t>
  </si>
  <si>
    <t>POINT (4.734041171034883 51.80081813755183)</t>
  </si>
  <si>
    <t>POINT (4.667207501552269 51.808093298170704)</t>
  </si>
  <si>
    <t>POINT (4.71664539727079 51.815674683899886)</t>
  </si>
  <si>
    <t>POINT (4.719896692240965 51.80399634657003)</t>
  </si>
  <si>
    <t>POINT (4.685766965014994 51.78627431146306)</t>
  </si>
  <si>
    <t>POINT (4.676037155902555 51.77238007948317)</t>
  </si>
  <si>
    <t>POINT (4.662063019648748 51.813464493232004)</t>
  </si>
  <si>
    <t>POINT (4.666815841584454 51.77862997787757)</t>
  </si>
  <si>
    <t>POINT (4.726081272143832 51.79983169128637)</t>
  </si>
  <si>
    <t>POINT (4.70502274138615 51.79560749592831)</t>
  </si>
  <si>
    <t>POINT (4.666350289935906 51.817019393074986)</t>
  </si>
  <si>
    <t>POINT (4.6573794725049185 51.809444545293864)</t>
  </si>
  <si>
    <t>POINT (4.728764943959089 51.80289124327898)</t>
  </si>
  <si>
    <t>POINT (4.680911756734309 51.80466332518924)</t>
  </si>
  <si>
    <t>POINT (4.704136403976487 51.81575932465629)</t>
  </si>
  <si>
    <t>POINT (4.730565096966478 51.79579227834196)</t>
  </si>
  <si>
    <t>POINT (4.699739605258826 51.817392964787814)</t>
  </si>
  <si>
    <t>POINT (4.652416588219655 51.790513970677935)</t>
  </si>
  <si>
    <t>POINT (4.678759407380588 51.80448691774617)</t>
  </si>
  <si>
    <t>POINT (4.688966998011547 51.78401672977731)</t>
  </si>
  <si>
    <t>POINT (4.69253378701615 51.79556343555658)</t>
  </si>
  <si>
    <t>POINT (4.715705544589113 51.8032246711018)</t>
  </si>
  <si>
    <t>POINT (4.701621929207813 51.78989645110491)</t>
  </si>
  <si>
    <t>POINT (4.68139365949291 51.80245548717551)</t>
  </si>
  <si>
    <t>POINT (4.691950330455925 51.8189292800267)</t>
  </si>
  <si>
    <t>POINT (4.665605111667903 51.78098235125232)</t>
  </si>
  <si>
    <t>POINT (4.654160285769998 51.76757191310147)</t>
  </si>
  <si>
    <t>POINT (4.703420880185068 51.78947440660977)</t>
  </si>
  <si>
    <t>POINT (4.6724766708884165 51.81943645063846)</t>
  </si>
  <si>
    <t>POINT (4.651644109041559 51.78497136990676)</t>
  </si>
  <si>
    <t>POINT (4.672264180310383 51.78717257928718)</t>
  </si>
  <si>
    <t>POINT (4.680485006419775 51.78168910580646)</t>
  </si>
  <si>
    <t>POINT (4.723479630212676 51.79924744660671)</t>
  </si>
  <si>
    <t>POINT (4.6642003441123885 51.8094740948446)</t>
  </si>
  <si>
    <t>POINT (4.704117446625083 51.79570680268547)</t>
  </si>
  <si>
    <t>POINT (4.6678504314244496 51.7948926506399)</t>
  </si>
  <si>
    <t>POINT (4.682712248601877 51.81858300362964)</t>
  </si>
  <si>
    <t>POINT (4.7300980250670515 51.79582198649089)</t>
  </si>
  <si>
    <t>POINT (4.674086930094566 51.77493410119168)</t>
  </si>
  <si>
    <t>POINT (4.667904135483771 51.81172535678609)</t>
  </si>
  <si>
    <t>POINT (4.700631937875737 51.79747492341912)</t>
  </si>
  <si>
    <t>POINT (4.6757603562888335 51.7848329715238)</t>
  </si>
  <si>
    <t>POINT (4.673383614498423 51.819056131762935)</t>
  </si>
  <si>
    <t>POINT (4.661978060405086 51.80262620047464)</t>
  </si>
  <si>
    <t>POINT (4.669491072376352 51.81417149858492)</t>
  </si>
  <si>
    <t>POINT (4.673538250059861 51.81394636709281)</t>
  </si>
  <si>
    <t>POINT (4.658534561487441 51.784183944015844)</t>
  </si>
  <si>
    <t>POINT (4.669769699009607 51.80413160716772)</t>
  </si>
  <si>
    <t>POINT (4.732952300046128 51.800230308523105)</t>
  </si>
  <si>
    <t>POINT (4.643395777721523 51.79868141089188)</t>
  </si>
  <si>
    <t>POINT (4.6553865653355055 51.806007864067794)</t>
  </si>
  <si>
    <t>POINT (4.656718731679344 51.809507687382975)</t>
  </si>
  <si>
    <t>POINT (4.635865738536658 51.77597428693762)</t>
  </si>
  <si>
    <t>POINT (4.669071249318995 51.81394529208367)</t>
  </si>
  <si>
    <t>POINT (4.662817396680594 51.790936918398884)</t>
  </si>
  <si>
    <t>POINT (4.686979991684008 51.777912699043554)</t>
  </si>
  <si>
    <t>POINT (4.714625577799102 51.806420790083536)</t>
  </si>
  <si>
    <t>POINT (4.667145631491234 51.818065730117674)</t>
  </si>
  <si>
    <t>POINT (4.656625129526761 51.7873702157823)</t>
  </si>
  <si>
    <t>POINT (4.680842076039258 51.80023928119465)</t>
  </si>
  <si>
    <t>POINT (4.727333688945997 51.79739667986749)</t>
  </si>
  <si>
    <t>POINT (4.654373622581163 51.80434667825209)</t>
  </si>
  <si>
    <t>POINT (4.660982947923425 51.797572955615266)</t>
  </si>
  <si>
    <t>POINT (4.661866458671353 51.79500717666916)</t>
  </si>
  <si>
    <t>POINT (4.659604110644946 51.771261855132195)</t>
  </si>
  <si>
    <t>POINT (4.655014733401406 51.7992208477465)</t>
  </si>
  <si>
    <t>POINT (4.669411030980632 51.81307862438927)</t>
  </si>
  <si>
    <t>POINT (4.677574879796605 51.78876378011322)</t>
  </si>
  <si>
    <t>POINT (4.668242253242548 51.78289458758821)</t>
  </si>
  <si>
    <t>POINT (4.7212783124564615 51.80520467377303)</t>
  </si>
  <si>
    <t>POINT (4.672377731219014 51.81724913903757)</t>
  </si>
  <si>
    <t>POINT (4.661947489396579 51.810530466473466)</t>
  </si>
  <si>
    <t>POINT (4.667338712476024 51.8117629319734)</t>
  </si>
  <si>
    <t>POINT (4.652428844826122 51.785690702494705)</t>
  </si>
  <si>
    <t>POINT (4.671416217407922 51.802177132094194)</t>
  </si>
  <si>
    <t>POINT (4.660170577798928 51.802939398707906)</t>
  </si>
  <si>
    <t>POINT (4.706873581544701 51.794407874645415)</t>
  </si>
  <si>
    <t>POINT (4.666422955445077 51.803949470804774)</t>
  </si>
  <si>
    <t>POINT (4.673049797312086 51.81751134015134)</t>
  </si>
  <si>
    <t>POINT (4.685377589858003 51.7921897294571)</t>
  </si>
  <si>
    <t>POINT (4.73084537213625 51.796753555086816)</t>
  </si>
  <si>
    <t>POINT (4.672460027214657 51.803865727257666)</t>
  </si>
  <si>
    <t>POINT (4.692132664955717 51.78940831873844)</t>
  </si>
  <si>
    <t>POINT (4.65903053658407 51.7881243675544)</t>
  </si>
  <si>
    <t>POINT (4.666612449367226 51.81784882386415)</t>
  </si>
  <si>
    <t>POINT (4.70014019465562 51.7993349546745)</t>
  </si>
  <si>
    <t>POINT (4.6615503130060745 51.80405302757412)</t>
  </si>
  <si>
    <t>POINT (4.664555242665041 51.80209975976763)</t>
  </si>
  <si>
    <t>POINT (4.700468994152868 51.797517618751925)</t>
  </si>
  <si>
    <t>POINT (4.711626997339325 51.81613376138767)</t>
  </si>
  <si>
    <t>POINT (4.671143451457179 51.79920787077708)</t>
  </si>
  <si>
    <t>POINT (4.73345309695698 51.79146625298536)</t>
  </si>
  <si>
    <t>POINT (4.697495216075841 51.790238739059546)</t>
  </si>
  <si>
    <t>POINT (4.717533972930584 51.81222410377465)</t>
  </si>
  <si>
    <t>POINT (4.6516540945013825 51.78313992674541)</t>
  </si>
  <si>
    <t>POINT (4.67317825237089 51.777001926630014)</t>
  </si>
  <si>
    <t>POINT (4.718701776507535 51.802455192218915)</t>
  </si>
  <si>
    <t>POINT (4.712120069525262 51.81533376054119)</t>
  </si>
  <si>
    <t>POINT (4.670534402311522 51.81016106037018)</t>
  </si>
  <si>
    <t>POINT (4.678034326097957 51.80534451586703)</t>
  </si>
  <si>
    <t>POINT (4.7340040432928765 51.79173716550354)</t>
  </si>
  <si>
    <t>POINT (4.66536082601086 51.809204765253554)</t>
  </si>
  <si>
    <t>POINT (4.713438436300823 51.76675942463068)</t>
  </si>
  <si>
    <t>POINT (4.669987601801939 51.79013176679347)</t>
  </si>
  <si>
    <t>POINT (4.669234678450936 51.81684277508311)</t>
  </si>
  <si>
    <t>POINT (4.656994421045131 51.791928182323936)</t>
  </si>
  <si>
    <t>POINT (4.69067743242977 51.81916536105623)</t>
  </si>
  <si>
    <t>POINT (4.690783627636847 51.810771539775395)</t>
  </si>
  <si>
    <t>POINT (4.6988000152007325 51.79021088873983)</t>
  </si>
  <si>
    <t>POINT (4.659541895410094 51.788555142550145)</t>
  </si>
  <si>
    <t>POINT (4.658505732645138 51.80949266782799)</t>
  </si>
  <si>
    <t>POINT (4.662244426528559 51.79106500958798)</t>
  </si>
  <si>
    <t>POINT (4.67611606054782 51.776868395823)</t>
  </si>
  <si>
    <t>POINT (4.67593937144872 51.77266870727844)</t>
  </si>
  <si>
    <t>POINT (4.684134701818328 51.776390583166155)</t>
  </si>
  <si>
    <t>POINT (4.677069180595626 51.81826098891163)</t>
  </si>
  <si>
    <t>POINT (4.666474091964607 51.8168169914261)</t>
  </si>
  <si>
    <t>POINT (4.72956784624356 51.80304377088198)</t>
  </si>
  <si>
    <t>POINT (4.657793149464537 51.805932736989504)</t>
  </si>
  <si>
    <t>POINT (4.659575252620338 51.81376227835079)</t>
  </si>
  <si>
    <t>POINT (4.6827903056051134 51.78867530422433)</t>
  </si>
  <si>
    <t>POINT (4.704210281907077 51.80794674994321)</t>
  </si>
  <si>
    <t>POINT (4.670353336818083 51.77434008977751)</t>
  </si>
  <si>
    <t>POINT (4.665407699539085 51.77484610481288)</t>
  </si>
  <si>
    <t>POINT (4.665687316626945 51.815752464158905)</t>
  </si>
  <si>
    <t>POINT (4.656506301905452 51.77009816786499)</t>
  </si>
  <si>
    <t>POINT (4.648490051775054 51.78898041073452)</t>
  </si>
  <si>
    <t>POINT (4.663329935675541 51.80101362655851)</t>
  </si>
  <si>
    <t>POINT (4.71108358409871 51.814751037791154)</t>
  </si>
  <si>
    <t>POINT (4.675824447943608 51.7856131837894)</t>
  </si>
  <si>
    <t>POINT (4.6826033546491965 51.77506178911463)</t>
  </si>
  <si>
    <t>POINT (4.663811847302762 51.78835084719743)</t>
  </si>
  <si>
    <t>POINT (4.682479385394232 51.78532396270223)</t>
  </si>
  <si>
    <t>POINT (4.653188986119647 51.7946387546588)</t>
  </si>
  <si>
    <t>POINT (4.666989705930045 51.796208195820846)</t>
  </si>
  <si>
    <t>POINT (4.716029302592859 51.81508732332661)</t>
  </si>
  <si>
    <t>POINT (4.6640051983220285 51.81419832296912)</t>
  </si>
  <si>
    <t>POINT (4.672743834800094 51.80957068279325)</t>
  </si>
  <si>
    <t>POINT (4.662650636709722 51.798559061447556)</t>
  </si>
  <si>
    <t>POINT (4.6314676947031925 51.72305634327573)</t>
  </si>
  <si>
    <t>POINT (4.649837012246338 51.795224275104054)</t>
  </si>
  <si>
    <t>POINT (4.632436568611127 51.778944532131646)</t>
  </si>
  <si>
    <t>POINT (4.670633654048424 51.79656640696939)</t>
  </si>
  <si>
    <t>POINT (4.666277186320847 51.788858209512235)</t>
  </si>
  <si>
    <t>POINT (4.655672234676077 51.79027903806466)</t>
  </si>
  <si>
    <t>POINT (4.676664425273969 51.8146383899942)</t>
  </si>
  <si>
    <t>POINT (4.682295610640965 51.78886975125926)</t>
  </si>
  <si>
    <t>POINT (4.68429436478703 51.773720619199594)</t>
  </si>
  <si>
    <t>POINT (4.633983836223664 51.77053159261886)</t>
  </si>
  <si>
    <t>POINT (4.659426961008485 51.7979819087383)</t>
  </si>
  <si>
    <t>POINT (4.712909473905805 51.81529059605681)</t>
  </si>
  <si>
    <t>POINT (4.658871299298631 51.767585994750334)</t>
  </si>
  <si>
    <t>POINT (4.708044165366552 51.79514031161031)</t>
  </si>
  <si>
    <t>POINT (4.672566474749301 51.81308663745433)</t>
  </si>
  <si>
    <t>POINT (4.653273737615183 51.79187098695952)</t>
  </si>
  <si>
    <t>POINT (4.681108010038864 51.798604852266685)</t>
  </si>
  <si>
    <t>POINT (4.686059050588731 51.78174421100422)</t>
  </si>
  <si>
    <t>POINT (4.658611157865462 51.814765411250534)</t>
  </si>
  <si>
    <t>POINT (4.633591100698199 51.74988360366334)</t>
  </si>
  <si>
    <t>POINT (4.653653257864657 51.803187812338955)</t>
  </si>
  <si>
    <t>POINT (4.681377364517835 51.80414696801582)</t>
  </si>
  <si>
    <t>POINT (4.664359942122468 51.77784911953348)</t>
  </si>
  <si>
    <t>POINT (4.726980897538303 51.80586320813622)</t>
  </si>
  <si>
    <t>POINT (4.671549278643423 51.80204504604436)</t>
  </si>
  <si>
    <t>POINT (4.678606843307458 51.78946391824035)</t>
  </si>
  <si>
    <t>POINT (4.680892860881936 51.80506622765248)</t>
  </si>
  <si>
    <t>POINT (4.661850454763928 51.81633845152074)</t>
  </si>
  <si>
    <t>3316GX</t>
  </si>
  <si>
    <t>Van 't Hoffstraat</t>
  </si>
  <si>
    <t>POINT (4.636035518145396 51.781102219147584)</t>
  </si>
  <si>
    <t>POINT (4.671606805218451 51.792638930583045)</t>
  </si>
  <si>
    <t>POINT (4.66971560172435 51.81105294717894)</t>
  </si>
  <si>
    <t>POINT (4.65314393350937 51.78146764079157)</t>
  </si>
  <si>
    <t>POINT (4.661450473984867 51.80500968771559)</t>
  </si>
  <si>
    <t>POINT (4.678147855585648 51.80811659013835)</t>
  </si>
  <si>
    <t>POINT (4.666390966780427 51.812879045302935)</t>
  </si>
  <si>
    <t>POINT (4.641649235736583 51.7759331809158)</t>
  </si>
  <si>
    <t>POINT (4.6825609057774855 51.818915825982614)</t>
  </si>
  <si>
    <t>POINT (4.676340346581456 51.77574853098945)</t>
  </si>
  <si>
    <t>POINT (4.668798389816169 51.809240853874854)</t>
  </si>
  <si>
    <t>POINT (4.68359264551995 51.778359570325854)</t>
  </si>
  <si>
    <t>POINT (4.674436861684027 51.78209967943279)</t>
  </si>
  <si>
    <t>POINT (4.684081193359596 51.817598011173736)</t>
  </si>
  <si>
    <t>POINT (4.672340136976487 51.808167168061686)</t>
  </si>
  <si>
    <t>POINT (4.68553160595017 51.81177941523857)</t>
  </si>
  <si>
    <t>POINT (4.706494226838832 51.79496853535669)</t>
  </si>
  <si>
    <t>POINT (4.685002417617338 51.80982939501636)</t>
  </si>
  <si>
    <t>POINT (4.659914214730494 51.81400946494476)</t>
  </si>
  <si>
    <t>POINT (4.706088471903392 51.78939002493432)</t>
  </si>
  <si>
    <t>POINT (4.682623874834157 51.775108959264394)</t>
  </si>
  <si>
    <t>POINT (4.651992797927025 51.795205966623755)</t>
  </si>
  <si>
    <t>POINT (4.682762667390916 51.78824536203392)</t>
  </si>
  <si>
    <t>POINT (4.6590857678428215 51.80124457689868)</t>
  </si>
  <si>
    <t>POINT (4.660936674428594 51.80090680164613)</t>
  </si>
  <si>
    <t>POINT (4.676636407900186 51.77863565484255)</t>
  </si>
  <si>
    <t>POINT (4.686614674953831 51.81124075972376)</t>
  </si>
  <si>
    <t>POINT (4.671989710728993 51.776280909438675)</t>
  </si>
  <si>
    <t>POINT (4.659477905457273 51.80042850798935)</t>
  </si>
  <si>
    <t>POINT (4.668231016783158 51.799982844365395)</t>
  </si>
  <si>
    <t>POINT (4.733232699674076 51.80162632383063)</t>
  </si>
  <si>
    <t>POINT (4.703139442207563 51.798618761890616)</t>
  </si>
  <si>
    <t>POINT (4.681646687255066 51.786157943814885)</t>
  </si>
  <si>
    <t>POINT (4.68391708772862 51.79807425067022)</t>
  </si>
  <si>
    <t>POINT (4.713571374959248 51.81081624815385)</t>
  </si>
  <si>
    <t>POINT (4.6853834492549975 51.792109387698886)</t>
  </si>
  <si>
    <t>POINT (4.687184911725208 51.8104862476164)</t>
  </si>
  <si>
    <t>POINT (4.735839077315586 51.78916713261178)</t>
  </si>
  <si>
    <t>POINT (4.660431943163015 51.80173049246643)</t>
  </si>
  <si>
    <t>POINT (4.7235460983808855 51.79871953289246)</t>
  </si>
  <si>
    <t>POINT (4.662477893734353 51.797748355644714)</t>
  </si>
  <si>
    <t>POINT (4.673148903968198 51.78188651698489)</t>
  </si>
  <si>
    <t>POINT (4.709065374307132 51.8044080227676)</t>
  </si>
  <si>
    <t>POINT (4.6727782035574625 51.818241742217545)</t>
  </si>
  <si>
    <t>POINT (4.714799318651746 51.807059413287256)</t>
  </si>
  <si>
    <t>POINT (4.675896306217433 51.818140826850865)</t>
  </si>
  <si>
    <t>POINT (4.666420842449313 51.81610726024538)</t>
  </si>
  <si>
    <t>POINT (4.670094551621038 51.782168438926185)</t>
  </si>
  <si>
    <t>POINT (4.641681702075943 51.77476597491689)</t>
  </si>
  <si>
    <t>POINT (4.659654415581841 51.803320780576215)</t>
  </si>
  <si>
    <t>POINT (4.727268802917679 51.80120038947503)</t>
  </si>
  <si>
    <t>POINT (4.660286562907674 51.793253580867706)</t>
  </si>
  <si>
    <t>POINT (4.653788548125969 51.78578586293318)</t>
  </si>
  <si>
    <t>POINT (4.673491503546973 51.80743234999096)</t>
  </si>
  <si>
    <t>POINT (4.680868727123168 51.77400595987779)</t>
  </si>
  <si>
    <t>POINT (4.715044879522779 51.80528294700143)</t>
  </si>
  <si>
    <t>POINT (4.6535653264528465 51.79415438807456)</t>
  </si>
  <si>
    <t>POINT (4.658487520400349 51.780176868385354)</t>
  </si>
  <si>
    <t>POINT (4.718969672929983 51.80592843822078)</t>
  </si>
  <si>
    <t>POINT (4.6737342325428255 51.81671028019611)</t>
  </si>
  <si>
    <t>POINT (4.679217610393231 51.78197662475247)</t>
  </si>
  <si>
    <t>POINT (4.683868447594232 51.802363014074764)</t>
  </si>
  <si>
    <t>POINT (4.669484429427011 51.81321868541277)</t>
  </si>
  <si>
    <t>POINT (4.678554781386644 51.78637613122756)</t>
  </si>
  <si>
    <t>POINT (4.653694191489713 51.79270867681367)</t>
  </si>
  <si>
    <t>POINT (4.666120578234622 51.817448773084394)</t>
  </si>
  <si>
    <t>POINT (4.7303946589237995 51.8034573669178)</t>
  </si>
  <si>
    <t>POINT (4.651890129920014 51.80999948518017)</t>
  </si>
  <si>
    <t>POINT (4.665067229453026 51.796936678477145)</t>
  </si>
  <si>
    <t>POINT (4.671188608661869 51.79990665731359)</t>
  </si>
  <si>
    <t>POINT (4.65716210765716 51.797964853567855)</t>
  </si>
  <si>
    <t>POINT (4.653490462117961 51.790093476505305)</t>
  </si>
  <si>
    <t>POINT (4.715216184133789 51.81380785694916)</t>
  </si>
  <si>
    <t>POINT (4.668411722756224 51.791900625660105)</t>
  </si>
  <si>
    <t>3312XW</t>
  </si>
  <si>
    <t>Ternatestraat</t>
  </si>
  <si>
    <t>POINT (4.682091440794999 51.81060323023957)</t>
  </si>
  <si>
    <t>POINT (4.729247509062778 51.79907462331009)</t>
  </si>
  <si>
    <t>POINT (4.665490351371548 51.81609407215121)</t>
  </si>
  <si>
    <t>POINT (4.652443030780656 51.79060094030478)</t>
  </si>
  <si>
    <t>POINT (4.73077838169846 51.8019794093427)</t>
  </si>
  <si>
    <t>POINT (4.671746663820654 51.78555229380111)</t>
  </si>
  <si>
    <t>POINT (4.6702814236601045 51.812621136043)</t>
  </si>
  <si>
    <t>POINT (4.683494725098981 51.798070621537136)</t>
  </si>
  <si>
    <t>POINT (4.637976568875155 51.779174738713415)</t>
  </si>
  <si>
    <t>POINT (4.66190138460315 51.79810550052925)</t>
  </si>
  <si>
    <t>POINT (4.666392434639548 51.787948901363634)</t>
  </si>
  <si>
    <t>POINT (4.68431565125515 51.77739573250513)</t>
  </si>
  <si>
    <t>POINT (4.656441496477463 51.79813391230646)</t>
  </si>
  <si>
    <t>POINT (4.682816951227728 51.78883557075845)</t>
  </si>
  <si>
    <t>POINT (4.659450713189631 51.7960605505209)</t>
  </si>
  <si>
    <t>POINT (4.698133013335025 51.79900131761774)</t>
  </si>
  <si>
    <t>POINT (4.677926128695724 51.775881735330415)</t>
  </si>
  <si>
    <t>POINT (4.714704029621426 51.804955038744446)</t>
  </si>
  <si>
    <t>POINT (4.654339224256748 51.789711719031246)</t>
  </si>
  <si>
    <t>POINT (4.722031973484188 51.8002014561227)</t>
  </si>
  <si>
    <t>POINT (4.66501064740276 51.77194489723215)</t>
  </si>
  <si>
    <t>POINT (4.674780922401981 51.78242251352846)</t>
  </si>
  <si>
    <t>POINT (4.673112497015883 51.781683402305724)</t>
  </si>
  <si>
    <t>POINT (4.651515173540708 51.80325844337358)</t>
  </si>
  <si>
    <t>POINT (4.657562207601536 51.802314412147766)</t>
  </si>
  <si>
    <t>POINT (4.6602408417632395 51.81555786550683)</t>
  </si>
  <si>
    <t>POINT (4.676334852667947 51.77282216935269)</t>
  </si>
  <si>
    <t>POINT (4.669250268561426 51.799798183945455)</t>
  </si>
  <si>
    <t>POINT (4.677610870048288 51.77506043582227)</t>
  </si>
  <si>
    <t>POINT (4.683755983526346 51.80334635699882)</t>
  </si>
  <si>
    <t>POINT (4.675494412327252 51.77577465450582)</t>
  </si>
  <si>
    <t>POINT (4.682182442216282 51.814739875279834)</t>
  </si>
  <si>
    <t>POINT (4.647627476843386 51.7631689456557)</t>
  </si>
  <si>
    <t>POINT (4.699709204641146 51.79815215539983)</t>
  </si>
  <si>
    <t>POINT (4.724142499365576 51.79743786993325)</t>
  </si>
  <si>
    <t>POINT (4.681224560540591 51.78914011721072)</t>
  </si>
  <si>
    <t>POINT (4.72825724061601 51.797280820366794)</t>
  </si>
  <si>
    <t>POINT (4.678544687297629 51.80564397386117)</t>
  </si>
  <si>
    <t>POINT (4.67466876677147 51.81819544733755)</t>
  </si>
  <si>
    <t>POINT (4.656101588673396 51.789659740812546)</t>
  </si>
  <si>
    <t>POINT (4.713286290075931 51.80928848364321)</t>
  </si>
  <si>
    <t>POINT (4.683420841761662 51.77645835524567)</t>
  </si>
  <si>
    <t>POINT (4.701564565722614 51.816209615893136)</t>
  </si>
  <si>
    <t>POINT (4.675327355729123 51.80314609544831)</t>
  </si>
  <si>
    <t>POINT (4.694934573176489 51.790517523379876)</t>
  </si>
  <si>
    <t>POINT (4.655669362591833 51.80245625195618)</t>
  </si>
  <si>
    <t>POINT (4.674059784700223 51.78280901412807)</t>
  </si>
  <si>
    <t>POINT (4.671643675583468 51.805900427480125)</t>
  </si>
  <si>
    <t>POINT (4.73070477696777 51.79890841554279)</t>
  </si>
  <si>
    <t>POINT (4.707151150706163 51.806878765076576)</t>
  </si>
  <si>
    <t>POINT (4.668172116785201 51.801240225799695)</t>
  </si>
  <si>
    <t>POINT (4.693277115033697 51.795463718659605)</t>
  </si>
  <si>
    <t>POINT (4.66764794469026 51.80992019871039)</t>
  </si>
  <si>
    <t>POINT (4.702213873624601 51.796986395658706)</t>
  </si>
  <si>
    <t>POINT (4.697272901138076 51.790792940964806)</t>
  </si>
  <si>
    <t>POINT (4.6725285674143935 51.802790513994516)</t>
  </si>
  <si>
    <t>POINT (4.686632940289379 51.80718414041574)</t>
  </si>
  <si>
    <t>POINT (4.660074985644694 51.80379737040535)</t>
  </si>
  <si>
    <t>POINT (4.668745001276826 51.810070604601165)</t>
  </si>
  <si>
    <t>POINT (4.6935492126119325 51.80359790734673)</t>
  </si>
  <si>
    <t>POINT (4.7174269072631985 51.814924209218596)</t>
  </si>
  <si>
    <t>POINT (4.67902675260104 51.7776565542278)</t>
  </si>
  <si>
    <t>POINT (4.722746039702182 51.79865216512821)</t>
  </si>
  <si>
    <t>POINT (4.667876225376165 51.816281446530084)</t>
  </si>
  <si>
    <t>POINT (4.654278011256071 51.79282474746106)</t>
  </si>
  <si>
    <t>POINT (4.676482139108669 51.81693935559881)</t>
  </si>
  <si>
    <t>POINT (4.661648197152172 51.78779206802801)</t>
  </si>
  <si>
    <t>POINT (4.677181359614396 51.8130827038563)</t>
  </si>
  <si>
    <t>POINT (4.722247042008816 51.79423872458259)</t>
  </si>
  <si>
    <t>POINT (4.661403747550269 51.793517376991716)</t>
  </si>
  <si>
    <t>POINT (4.669247523764157 51.81696599846431)</t>
  </si>
  <si>
    <t>POINT (4.687738756237268 51.809585074881866)</t>
  </si>
  <si>
    <t>POINT (4.6766924693916545 51.78377641756846)</t>
  </si>
  <si>
    <t>POINT (4.653914048592912 51.78165574684554)</t>
  </si>
  <si>
    <t>POINT (4.675551063236075 51.78334986078559)</t>
  </si>
  <si>
    <t>POINT (4.675350137937551 51.77424204887298)</t>
  </si>
  <si>
    <t>POINT (4.681803018835482 51.8191188124059)</t>
  </si>
  <si>
    <t>POINT (4.673482311180284 51.81532434061084)</t>
  </si>
  <si>
    <t>POINT (4.716865483785002 51.79546545059462)</t>
  </si>
  <si>
    <t>POINT (4.666217273259942 51.7761439944386)</t>
  </si>
  <si>
    <t>POINT (4.668026667370878 51.794430399793534)</t>
  </si>
  <si>
    <t>POINT (4.664042257670272 51.79227092014976)</t>
  </si>
  <si>
    <t>POINT (4.679703508257805 51.807355812450034)</t>
  </si>
  <si>
    <t>POINT (4.656843975028713 51.79668854522717)</t>
  </si>
  <si>
    <t>POINT (4.657346624739592 51.79315126519252)</t>
  </si>
  <si>
    <t>POINT (4.7198162644125885 51.81146683311768)</t>
  </si>
  <si>
    <t>POINT (4.664011041563616 51.795203686651455)</t>
  </si>
  <si>
    <t>POINT (4.73564016151261 51.7994198208772)</t>
  </si>
  <si>
    <t>POINT (4.685207882253757 51.78832835211492)</t>
  </si>
  <si>
    <t>POINT (4.635417753062777 51.775166609073196)</t>
  </si>
  <si>
    <t>POINT (4.667490640050426 51.78732482607878)</t>
  </si>
  <si>
    <t>POINT (4.705837009694537 51.78956849087718)</t>
  </si>
  <si>
    <t>POINT (4.656175592981466 51.7904275322766)</t>
  </si>
  <si>
    <t>POINT (4.675834322683891 51.78459983077835)</t>
  </si>
  <si>
    <t>POINT (4.662016214192838 51.80571563366608)</t>
  </si>
  <si>
    <t>POINT (4.6804884467199805 51.78130934502039)</t>
  </si>
  <si>
    <t>POINT (4.670738683774794 51.80628956225172)</t>
  </si>
  <si>
    <t>POINT (4.674159019007523 51.812628886748925)</t>
  </si>
  <si>
    <t>POINT (4.680880935446716 51.808099293542135)</t>
  </si>
  <si>
    <t>POINT (4.661762146338408 51.78826363723852)</t>
  </si>
  <si>
    <t>POINT (4.670763220271975 51.81815772946753)</t>
  </si>
  <si>
    <t>POINT (4.692880278716036 51.79517734668499)</t>
  </si>
  <si>
    <t>POINT (4.660252850120009 51.79414834121535)</t>
  </si>
  <si>
    <t>POINT (4.674312887179311 51.787973841717616)</t>
  </si>
  <si>
    <t>POINT (4.689352011024251 51.808256384702254)</t>
  </si>
  <si>
    <t>POINT (4.685335577589746 51.81161239314603)</t>
  </si>
  <si>
    <t>POINT (4.716608893663898 51.81283161261271)</t>
  </si>
  <si>
    <t>POINT (4.726698768804621 51.7998329578195)</t>
  </si>
  <si>
    <t>POINT (4.710758519072061 51.80484872959171)</t>
  </si>
  <si>
    <t>POINT (4.684674324684941 51.792573004362886)</t>
  </si>
  <si>
    <t>POINT (4.6775545025837895 51.78071798116068)</t>
  </si>
  <si>
    <t>POINT (4.672000319900423 51.81151761309319)</t>
  </si>
  <si>
    <t>POINT (4.6556421484980355 51.80249558761074)</t>
  </si>
  <si>
    <t>POINT (4.685716879078703 51.774756014421975)</t>
  </si>
  <si>
    <t>POINT (4.65708859056193 51.791670621727135)</t>
  </si>
  <si>
    <t>POINT (4.679025843505912 51.81513229872529)</t>
  </si>
  <si>
    <t>POINT (4.651252798495852 51.79072998205688)</t>
  </si>
  <si>
    <t>POINT (4.681185836996854 51.786456489996546)</t>
  </si>
  <si>
    <t>POINT (4.67173936487262 51.81884739830729)</t>
  </si>
  <si>
    <t>POINT (4.672986929188894 51.80972440381216)</t>
  </si>
  <si>
    <t>POINT (4.7212039279165126 51.795231563899264)</t>
  </si>
  <si>
    <t>POINT (4.666684098630467 51.780861290607334)</t>
  </si>
  <si>
    <t>POINT (4.702051130126642 51.795245734000076)</t>
  </si>
  <si>
    <t>POINT (4.65558148024915 51.790102248420425)</t>
  </si>
  <si>
    <t>POINT (4.671797589807981 51.818581976323365)</t>
  </si>
  <si>
    <t>POINT (4.6845077438663605 51.804316397733444)</t>
  </si>
  <si>
    <t>POINT (4.733200134036036 51.80127456081203)</t>
  </si>
  <si>
    <t>POINT (4.65447081319377 51.80824071161114)</t>
  </si>
  <si>
    <t>POINT (4.712819632397221 51.79823777270345)</t>
  </si>
  <si>
    <t>POINT (4.63411923995085 51.7703130468186)</t>
  </si>
  <si>
    <t>POINT (4.659992721208391 51.80873601121198)</t>
  </si>
  <si>
    <t>POINT (4.677589387150681 51.815453478900274)</t>
  </si>
  <si>
    <t>POINT (4.675143287928252 51.781108992438874)</t>
  </si>
  <si>
    <t>POINT (4.666587563659336 51.81117189135364)</t>
  </si>
  <si>
    <t>POINT (4.673156428972674 51.81925911608337)</t>
  </si>
  <si>
    <t>POINT (4.6727411156204255 51.783309687251865)</t>
  </si>
  <si>
    <t>POINT (4.729685645755267 51.79757927505032)</t>
  </si>
  <si>
    <t>POINT (4.696646667376569 51.79472172035152)</t>
  </si>
  <si>
    <t>POINT (4.629235988575467 51.72519496302555)</t>
  </si>
  <si>
    <t>POINT (4.664737194326438 51.80168282522569)</t>
  </si>
  <si>
    <t>POINT (4.651894833592456 51.78775261305467)</t>
  </si>
  <si>
    <t>POINT (4.707962740184791 51.798174717737425)</t>
  </si>
  <si>
    <t>POINT (4.678594567027907 51.7897914909023)</t>
  </si>
  <si>
    <t>POINT (4.678555718925601 51.785570812661874)</t>
  </si>
  <si>
    <t>POINT (4.6591573692493675 51.81279600980867)</t>
  </si>
  <si>
    <t>POINT (4.656779411564804 51.81356569358881)</t>
  </si>
  <si>
    <t>POINT (4.653675108781109 51.79186130861004)</t>
  </si>
  <si>
    <t>POINT (4.66100840352912 51.80910705314407)</t>
  </si>
  <si>
    <t>POINT (4.72966822960397 51.79113231370694)</t>
  </si>
  <si>
    <t>POINT (4.691328757853744 51.78750094530443)</t>
  </si>
  <si>
    <t>POINT (4.676246745392713 51.8148006855912)</t>
  </si>
  <si>
    <t>POINT (4.683402319668388 51.80222729452088)</t>
  </si>
  <si>
    <t>POINT (4.663853540910696 51.81316917324352)</t>
  </si>
  <si>
    <t>POINT (4.66586450063959 51.79598290268109)</t>
  </si>
  <si>
    <t>POINT (4.699633566559543 51.79817919051709)</t>
  </si>
  <si>
    <t>POINT (4.692052359428979 51.81832021118329)</t>
  </si>
  <si>
    <t>POINT (4.708239210040645 51.808825391461355)</t>
  </si>
  <si>
    <t>POINT (4.681417411650014 51.80138151910257)</t>
  </si>
  <si>
    <t>POINT (4.709547334314101 51.80964106815681)</t>
  </si>
  <si>
    <t>POINT (4.6731172885995065 51.776165929044765)</t>
  </si>
  <si>
    <t>POINT (4.679657094501761 51.774967818907584)</t>
  </si>
  <si>
    <t>POINT (4.66131031752833 51.8049451268806)</t>
  </si>
  <si>
    <t>POINT (4.704119912408741 51.81573168746471)</t>
  </si>
  <si>
    <t>POINT (4.6933221501364715 51.79616235102295)</t>
  </si>
  <si>
    <t>POINT (4.711684149274528 51.81399310452808)</t>
  </si>
  <si>
    <t>POINT (4.671147781405517 51.773233443368746)</t>
  </si>
  <si>
    <t>POINT (4.662815713105655 51.793363534170425)</t>
  </si>
  <si>
    <t>POINT (4.664252504297732 51.80278410047744)</t>
  </si>
  <si>
    <t>POINT (4.697095855422584 51.79779000327031)</t>
  </si>
  <si>
    <t>POINT (4.714491579232569 51.81388281460942)</t>
  </si>
  <si>
    <t>POINT (4.673255093957329 51.804215849859595)</t>
  </si>
  <si>
    <t>POINT (4.663516911825511 51.81462957394892)</t>
  </si>
  <si>
    <t>POINT (4.682753065770063 51.79992596444789)</t>
  </si>
  <si>
    <t>POINT (4.6829568002652024 51.8097278069882)</t>
  </si>
  <si>
    <t>POINT (4.685424034117708 51.80272788433351)</t>
  </si>
  <si>
    <t>POINT (4.696664512161587 51.79651428324058)</t>
  </si>
  <si>
    <t>POINT (4.683890784200581 51.81236660201763)</t>
  </si>
  <si>
    <t>POINT (4.708193254486372 51.80973942380829)</t>
  </si>
  <si>
    <t>POINT (4.697692275632747 51.79694910536105)</t>
  </si>
  <si>
    <t>POINT (4.676020899400882 51.78597663750529)</t>
  </si>
  <si>
    <t>POINT (4.671362823213367 51.77228375002702)</t>
  </si>
  <si>
    <t>POINT (4.709478682445571 51.80070259110762)</t>
  </si>
  <si>
    <t>POINT (4.676066083876877 51.8054099244161)</t>
  </si>
  <si>
    <t>POINT (4.6678696411085845 51.816214179885414)</t>
  </si>
  <si>
    <t>POINT (4.697260190705718 51.79331869265867)</t>
  </si>
  <si>
    <t>POINT (4.652038376746377 51.793120925455945)</t>
  </si>
  <si>
    <t>POINT (4.688367481842764 51.81018412195738)</t>
  </si>
  <si>
    <t>POINT (4.705399014336751 51.792012482034046)</t>
  </si>
  <si>
    <t>POINT (4.68013081329466 51.80678438937106)</t>
  </si>
  <si>
    <t>POINT (4.711816808902315 51.81640213099182)</t>
  </si>
  <si>
    <t>POINT (4.675048520530703 51.78043992717524)</t>
  </si>
  <si>
    <t>POINT (4.658920572838251 51.78695064915404)</t>
  </si>
  <si>
    <t>POINT (4.67492069214265 51.77753392929411)</t>
  </si>
  <si>
    <t>POINT (4.678948382540976 51.789299132655955)</t>
  </si>
  <si>
    <t>POINT (4.68834982015648 51.819847389854424)</t>
  </si>
  <si>
    <t>POINT (4.657476589965483 51.79666229762509)</t>
  </si>
  <si>
    <t>POINT (4.699779568035787 51.79734876518741)</t>
  </si>
  <si>
    <t>POINT (4.730715406331125 51.80417226628209)</t>
  </si>
  <si>
    <t>POINT (4.660265382376635 51.7894135643802)</t>
  </si>
  <si>
    <t>POINT (4.728628559537569 51.799119959119096)</t>
  </si>
  <si>
    <t>POINT (4.698582517764395 51.79307050929242)</t>
  </si>
  <si>
    <t>POINT (4.661784706104692 51.7940269566959)</t>
  </si>
  <si>
    <t>POINT (4.66802013718948 51.779792426807134)</t>
  </si>
  <si>
    <t>POINT (4.69638389164856 51.79234897928035)</t>
  </si>
  <si>
    <t>POINT (4.711544014217108 51.79850933375009)</t>
  </si>
  <si>
    <t>POINT (4.723897198693065 51.803018359727915)</t>
  </si>
  <si>
    <t>Thomaswaard</t>
  </si>
  <si>
    <t>POINT (4.825880884458778 51.80054704999682)</t>
  </si>
  <si>
    <t>POINT (4.66227645936595 51.80097819677946)</t>
  </si>
  <si>
    <t>POINT (4.707539656803476 51.78913835442811)</t>
  </si>
  <si>
    <t>POINT (4.681898353989993 51.780571346900906)</t>
  </si>
  <si>
    <t>POINT (4.678643929884795 51.7870738958542)</t>
  </si>
  <si>
    <t>POINT (4.714465111623282 51.81079031032769)</t>
  </si>
  <si>
    <t>POINT (4.6645549055689735 51.79575072828828)</t>
  </si>
  <si>
    <t>POINT (4.684919600041226 51.78220559751297)</t>
  </si>
  <si>
    <t>POINT (4.726090694788085 51.80033518928248)</t>
  </si>
  <si>
    <t>POINT (4.675796710643584 51.81608214233188)</t>
  </si>
  <si>
    <t>POINT (4.661509968802387 51.81451835020089)</t>
  </si>
  <si>
    <t>POINT (4.664669825061071 51.778815850651974)</t>
  </si>
  <si>
    <t>POINT (4.689311386683919 51.80729381669755)</t>
  </si>
  <si>
    <t>POINT (4.667677537852876 51.80998129645264)</t>
  </si>
  <si>
    <t>POINT (4.676113461396628 51.81699572844978)</t>
  </si>
  <si>
    <t>POINT (4.671407138517014 51.808707650596965)</t>
  </si>
  <si>
    <t>POINT (4.684198507747519 51.7812033889557)</t>
  </si>
  <si>
    <t>POINT (4.712428255049253 51.81458456814894)</t>
  </si>
  <si>
    <t>POINT (4.665590496252068 51.796071122620226)</t>
  </si>
  <si>
    <t>POINT (4.674758298915128 51.818393606679535)</t>
  </si>
  <si>
    <t>POINT (4.661751304182126 51.804610688364306)</t>
  </si>
  <si>
    <t>POINT (4.662917319836661 51.787170512536704)</t>
  </si>
  <si>
    <t>POINT (4.667604555638192 51.81681556891437)</t>
  </si>
  <si>
    <t>POINT (4.666924902449537 51.815522216992555)</t>
  </si>
  <si>
    <t>POINT (4.672601398744246 51.80861139782172)</t>
  </si>
  <si>
    <t>POINT (4.654411918507717 51.794072407749006)</t>
  </si>
  <si>
    <t>POINT (4.729292290949864 51.793063466638586)</t>
  </si>
  <si>
    <t>POINT (4.684350697602417 51.78854458388144)</t>
  </si>
  <si>
    <t>POINT (4.662954049455897 51.78863757945184)</t>
  </si>
  <si>
    <t>POINT (4.669866446674897 51.80401344017412)</t>
  </si>
  <si>
    <t>POINT (4.652497614234952 51.78536500455765)</t>
  </si>
  <si>
    <t>POINT (4.668160329244534 51.77010850234978)</t>
  </si>
  <si>
    <t>POINT (4.654178811409075 51.79205620420383)</t>
  </si>
  <si>
    <t>POINT (4.67921043947545 51.7850855383397)</t>
  </si>
  <si>
    <t>POINT (4.701375556991971 51.81624811549331)</t>
  </si>
  <si>
    <t>POINT (4.671293636315631 51.817198684253526)</t>
  </si>
  <si>
    <t>POINT (4.7185733887573775 51.8042019792012)</t>
  </si>
  <si>
    <t>POINT (4.663985936166957 51.81419579529879)</t>
  </si>
  <si>
    <t>POINT (4.674385354154807 51.80344865233921)</t>
  </si>
  <si>
    <t>POINT (4.706409114228299 51.789974181135555)</t>
  </si>
  <si>
    <t>POINT (4.6801083748965695 51.80499830352341)</t>
  </si>
  <si>
    <t>POINT (4.669545412281829 51.806115008847286)</t>
  </si>
  <si>
    <t>POINT (4.669680968183959 51.809156933287284)</t>
  </si>
  <si>
    <t>POINT (4.7031153674411135 51.79012536482196)</t>
  </si>
  <si>
    <t>POINT (4.70780942583336 51.796248279235705)</t>
  </si>
  <si>
    <t>POINT (4.661832888844865 51.80414214487148)</t>
  </si>
  <si>
    <t>POINT (4.7082202727045965 51.81068004423906)</t>
  </si>
  <si>
    <t>POINT (4.685928945489589 51.788804966433034)</t>
  </si>
  <si>
    <t>POINT (4.706671523733047 51.78655714147954)</t>
  </si>
  <si>
    <t>POINT (4.659070943214253 51.788443358024004)</t>
  </si>
  <si>
    <t>POINT (4.673981775757841 51.8170566260693)</t>
  </si>
  <si>
    <t>POINT (4.661271563179964 51.80599248302528)</t>
  </si>
  <si>
    <t>POINT (4.7122336246888095 51.80308458138935)</t>
  </si>
  <si>
    <t>POINT (4.725956990402172 51.796447233474)</t>
  </si>
  <si>
    <t>POINT (4.678578073649943 51.77537642094482)</t>
  </si>
  <si>
    <t>POINT (4.68598390282675 51.78798927496121)</t>
  </si>
  <si>
    <t>POINT (4.672361483368889 51.81153115738992)</t>
  </si>
  <si>
    <t>POINT (4.712073973200799 51.80853758799453)</t>
  </si>
  <si>
    <t>POINT (4.6664965683332325 51.800518167271065)</t>
  </si>
  <si>
    <t>POINT (4.704742538059629 51.81492476779271)</t>
  </si>
  <si>
    <t>POINT (4.662496941795755 51.80862676768672)</t>
  </si>
  <si>
    <t>POINT (4.680463039374187 51.807911098405285)</t>
  </si>
  <si>
    <t>POINT (4.721078355759988 51.79927242661514)</t>
  </si>
  <si>
    <t>POINT (4.664404088840796 51.801070711154324)</t>
  </si>
  <si>
    <t>POINT (4.654811308989972 51.793097550514)</t>
  </si>
  <si>
    <t>POINT (4.704473883293253 51.79264289729944)</t>
  </si>
  <si>
    <t>POINT (4.698008625985683 51.79493571336622)</t>
  </si>
  <si>
    <t>POINT (4.682508154513137 51.79872341748909)</t>
  </si>
  <si>
    <t>POINT (4.678325402052244 51.77248760410138)</t>
  </si>
  <si>
    <t>POINT (4.72589120674432 51.797162988168395)</t>
  </si>
  <si>
    <t>POINT (4.685418718793399 51.81186742235799)</t>
  </si>
  <si>
    <t>POINT (4.672312451202016 51.78809785558363)</t>
  </si>
  <si>
    <t>POINT (4.682841327781329 51.80600735976535)</t>
  </si>
  <si>
    <t>POINT (4.669777863558833 51.81435700763097)</t>
  </si>
  <si>
    <t>POINT (4.6716863609053725 51.79260482732704)</t>
  </si>
  <si>
    <t>POINT (4.6319496118633 51.72270879712802)</t>
  </si>
  <si>
    <t>POINT (4.683301731800602 51.79803017431229)</t>
  </si>
  <si>
    <t>POINT (4.6813167003030625 51.77677042735356)</t>
  </si>
  <si>
    <t>POINT (4.666113136167462 51.81040563132504)</t>
  </si>
  <si>
    <t>POINT (4.719810542861445 51.799704757892556)</t>
  </si>
  <si>
    <t>POINT (4.7174064056029525 51.811960260368025)</t>
  </si>
  <si>
    <t>POINT (4.656985346083908 51.7825807004391)</t>
  </si>
  <si>
    <t>POINT (4.684876814151043 51.80757993053988)</t>
  </si>
  <si>
    <t>POINT (4.670745603261323 51.818165630826876)</t>
  </si>
  <si>
    <t>POINT (4.668479729735622 51.80933304101849)</t>
  </si>
  <si>
    <t>POINT (4.692088989571313 51.80767868574517)</t>
  </si>
  <si>
    <t>POINT (4.651607371625243 51.78154143888727)</t>
  </si>
  <si>
    <t>POINT (4.707967422666646 51.80854926933011)</t>
  </si>
  <si>
    <t>POINT (4.714705783856649 51.81603196679263)</t>
  </si>
  <si>
    <t>POINT (4.660340028281055 51.797569594499116)</t>
  </si>
  <si>
    <t>POINT (4.703693538723615 51.797215750783415)</t>
  </si>
  <si>
    <t>POINT (4.6839213093735435 51.798141933761954)</t>
  </si>
  <si>
    <t>POINT (4.715136045236965 51.80506742707249)</t>
  </si>
  <si>
    <t>POINT (4.6547259552651 51.788417099078615)</t>
  </si>
  <si>
    <t>POINT (4.677597694491849 51.813967477803025)</t>
  </si>
  <si>
    <t>POINT (4.676366279607726 51.7837831513674)</t>
  </si>
  <si>
    <t>POINT (4.707591106461506 51.794764667534594)</t>
  </si>
  <si>
    <t>POINT (4.733534943042169 51.80126635023596)</t>
  </si>
  <si>
    <t>POINT (4.717976672515592 51.803108012041044)</t>
  </si>
  <si>
    <t>POINT (4.679029255617485 51.77466840904633)</t>
  </si>
  <si>
    <t>POINT (4.679373183185054 51.805352914533685)</t>
  </si>
  <si>
    <t>POINT (4.665918295504008 51.77772719932382)</t>
  </si>
  <si>
    <t>POINT (4.668653858298792 51.808281901443294)</t>
  </si>
  <si>
    <t>POINT (4.6695412912886605 51.809753107200955)</t>
  </si>
  <si>
    <t>POINT (4.730174055586979 51.79924782213061)</t>
  </si>
  <si>
    <t>POINT (4.6668392283207885 51.79995087395803)</t>
  </si>
  <si>
    <t>POINT (4.663250997551589 51.81493003436265)</t>
  </si>
  <si>
    <t>POINT (4.666329424556196 51.815778369417714)</t>
  </si>
  <si>
    <t>POINT (4.709765655748935 51.787022722345455)</t>
  </si>
  <si>
    <t>POINT (4.684569559593024 51.804135502350675)</t>
  </si>
  <si>
    <t>POINT (4.678945096959949 51.780339881043794)</t>
  </si>
  <si>
    <t>POINT (4.67159791716782 51.81049976315973)</t>
  </si>
  <si>
    <t>POINT (4.710410341898386 51.794386524273605)</t>
  </si>
  <si>
    <t>POINT (4.661995126887768 51.802270866078494)</t>
  </si>
  <si>
    <t>POINT (4.731132970761897 51.80044739158105)</t>
  </si>
  <si>
    <t>POINT (4.666361043683205 51.7796242296996)</t>
  </si>
  <si>
    <t>POINT (4.6618030306611 51.79498597566232)</t>
  </si>
  <si>
    <t>POINT (4.676644514123286 51.8168963392945)</t>
  </si>
  <si>
    <t>POINT (4.709930164751694 51.81182721327178)</t>
  </si>
  <si>
    <t>POINT (4.690879182035819 51.81855040413321)</t>
  </si>
  <si>
    <t>POINT (4.651993377276014 51.784725830428286)</t>
  </si>
  <si>
    <t>POINT (4.686939506929214 51.77905471393213)</t>
  </si>
  <si>
    <t>POINT (4.665346876796252 51.77266958847956)</t>
  </si>
  <si>
    <t>POINT (4.663199049019483 51.789982184160195)</t>
  </si>
  <si>
    <t>POINT (4.653667222185985 51.79288297904726)</t>
  </si>
  <si>
    <t>POINT (4.696875378680044 51.79524986540369)</t>
  </si>
  <si>
    <t>POINT (4.6668408786887845 51.81496640787849)</t>
  </si>
  <si>
    <t>POINT (4.680069974991882 51.8113148520909)</t>
  </si>
  <si>
    <t>POINT (4.6984856006068725 51.80019227365614)</t>
  </si>
  <si>
    <t>POINT (4.682499102145146 51.81461391346113)</t>
  </si>
  <si>
    <t>POINT (4.651795866790938 51.80991806813988)</t>
  </si>
  <si>
    <t>POINT (4.661617840479836 51.804407770392984)</t>
  </si>
  <si>
    <t>POINT (4.726713333967251 51.80113119747427)</t>
  </si>
  <si>
    <t>POINT (4.682367282104161 51.814602281504655)</t>
  </si>
  <si>
    <t>POINT (4.685266993768751 51.80354328722466)</t>
  </si>
  <si>
    <t>POINT (4.674033690667631 51.81783630391047)</t>
  </si>
  <si>
    <t>POINT (4.661717579852235 51.80373368695339)</t>
  </si>
  <si>
    <t>POINT (4.660433083000946 51.791746642453845)</t>
  </si>
  <si>
    <t>POINT (4.664407546332155 51.78805371209705)</t>
  </si>
  <si>
    <t>POINT (4.655688885783922 51.79032036412486)</t>
  </si>
  <si>
    <t>POINT (4.7045513355917254 51.80377889793035)</t>
  </si>
  <si>
    <t>POINT (4.7161268723243985 51.81596541470686)</t>
  </si>
  <si>
    <t>POINT (4.6605906461453 51.801096756660215)</t>
  </si>
  <si>
    <t>POINT (4.718350256465786 51.80255214498222)</t>
  </si>
  <si>
    <t>POINT (4.646750220600043 51.78092188205705)</t>
  </si>
  <si>
    <t>POINT (4.66615948400026 51.80912784244624)</t>
  </si>
  <si>
    <t>POINT (4.665987045495436 51.77442885302295)</t>
  </si>
  <si>
    <t>POINT (4.665768023852265 51.80988261604645)</t>
  </si>
  <si>
    <t>POINT (4.663345528038529 51.80116495751612)</t>
  </si>
  <si>
    <t>POINT (4.733405118845687 51.79147723041379)</t>
  </si>
  <si>
    <t>POINT (4.707017590566989 51.81016253326701)</t>
  </si>
  <si>
    <t>POINT (4.664796889568898 51.79962783839576)</t>
  </si>
  <si>
    <t>POINT (4.667891508654227 51.78911302544767)</t>
  </si>
  <si>
    <t>POINT (4.670302517463402 51.79728529506977)</t>
  </si>
  <si>
    <t>POINT (4.711618093715603 51.79533279119306)</t>
  </si>
  <si>
    <t>POINT (4.687435488903423 51.807466580015536)</t>
  </si>
  <si>
    <t>POINT (4.679118061254706 51.77843309128362)</t>
  </si>
  <si>
    <t>POINT (4.65902624295119 51.7894446834546)</t>
  </si>
  <si>
    <t>POINT (4.690680005553101 51.80654233444343)</t>
  </si>
  <si>
    <t>POINT (4.6644425653091535 51.79223267724243)</t>
  </si>
  <si>
    <t>POINT (4.671427401940444 51.80965909990011)</t>
  </si>
  <si>
    <t>POINT (4.703186608866853 51.792897751224906)</t>
  </si>
  <si>
    <t>POINT (4.658324297484732 51.79894670618097)</t>
  </si>
  <si>
    <t>POINT (4.6858491604912205 51.78627036251661)</t>
  </si>
  <si>
    <t>POINT (4.6934977777815305 51.7956419117158)</t>
  </si>
  <si>
    <t>POINT (4.673043102531732 51.815255215458485)</t>
  </si>
  <si>
    <t>POINT (4.65472617944487 51.80634397465073)</t>
  </si>
  <si>
    <t>POINT (4.701810610209727 51.78989131547687)</t>
  </si>
  <si>
    <t>POINT (4.67182711148658 51.81158080837841)</t>
  </si>
  <si>
    <t>POINT (4.675775410043403 51.78471743219527)</t>
  </si>
  <si>
    <t>POINT (4.6858991730244 51.78748003567833)</t>
  </si>
  <si>
    <t>POINT (4.729461163411172 51.799497766019)</t>
  </si>
  <si>
    <t>POINT (4.720731997747262 51.811297415115966)</t>
  </si>
  <si>
    <t>POINT (4.678072529360829 51.80350520497742)</t>
  </si>
  <si>
    <t>POINT (4.6819144168967854 51.80826476200435)</t>
  </si>
  <si>
    <t>POINT (4.716759144224615 51.803065682312756)</t>
  </si>
  <si>
    <t>POINT (4.714400610046948 51.80514202503393)</t>
  </si>
  <si>
    <t>POINT (4.66490145577719 51.78844950678653)</t>
  </si>
  <si>
    <t>POINT (4.671010387332675 51.804407624596244)</t>
  </si>
  <si>
    <t>POINT (4.669296108783031 51.79833461130482)</t>
  </si>
  <si>
    <t>POINT (4.695327016172003 51.79361205986138)</t>
  </si>
  <si>
    <t>POINT (4.657099090524521 51.7975769225402)</t>
  </si>
  <si>
    <t>POINT (4.736878604633647 51.80105549510889)</t>
  </si>
  <si>
    <t>POINT (4.7174502776447635 51.80350358315784)</t>
  </si>
  <si>
    <t>POINT (4.632625821918857 51.78358461396082)</t>
  </si>
  <si>
    <t>POINT (4.704131221704182 51.793722077587496)</t>
  </si>
  <si>
    <t>POINT (4.679361510781055 51.80844462421675)</t>
  </si>
  <si>
    <t>POINT (4.672307524673569 51.80450330026099)</t>
  </si>
  <si>
    <t>POINT (4.663187947892944 51.81701914440058)</t>
  </si>
  <si>
    <t>POINT (4.661838561433847 51.78878096044627)</t>
  </si>
  <si>
    <t>POINT (4.678678338550357 51.80461725844089)</t>
  </si>
  <si>
    <t>POINT (4.728163828886471 51.79479986098466)</t>
  </si>
  <si>
    <t>POINT (4.634507626627326 51.783777629815695)</t>
  </si>
  <si>
    <t>POINT (4.724768183408427 51.79713508013734)</t>
  </si>
  <si>
    <t>POINT (4.678325140989391 51.80565735320967)</t>
  </si>
  <si>
    <t>POINT (4.685179539015342 51.80345834240624)</t>
  </si>
  <si>
    <t>POINT (4.679593651565306 51.80990629680363)</t>
  </si>
  <si>
    <t>POINT (4.674268188363295 51.81352859692004)</t>
  </si>
  <si>
    <t>POINT (4.691230325541238 51.81851799749534)</t>
  </si>
  <si>
    <t>POINT (4.708377003735975 51.80712956323231)</t>
  </si>
  <si>
    <t>POINT (4.664550155711776 51.81078467820295)</t>
  </si>
  <si>
    <t>POINT (4.71663535326299 51.81278523862099)</t>
  </si>
  <si>
    <t>POINT (4.678509305427552 51.80482947601607)</t>
  </si>
  <si>
    <t>POINT (4.676358093788771 51.81843847088276)</t>
  </si>
  <si>
    <t>POINT (4.678629310578517 51.78987177202986)</t>
  </si>
  <si>
    <t>POINT (4.656788720885942 51.80165025167852)</t>
  </si>
  <si>
    <t>POINT (4.676348951356841 51.77539631566488)</t>
  </si>
  <si>
    <t>POINT (4.705494187704606 51.79338625173151)</t>
  </si>
  <si>
    <t>POINT (4.666551201411632 51.77466736685337)</t>
  </si>
  <si>
    <t>POINT (4.734395440263455 51.80144445973822)</t>
  </si>
  <si>
    <t>POINT (4.655663733660185 51.80053742619603)</t>
  </si>
  <si>
    <t>POINT (4.658289496487198 51.80976617196858)</t>
  </si>
  <si>
    <t>POINT (4.663980277307631 51.814255643002866)</t>
  </si>
  <si>
    <t>POINT (4.660783999047972 51.79042954355912)</t>
  </si>
  <si>
    <t>POINT (4.639766663194794 51.76202492046296)</t>
  </si>
  <si>
    <t>POINT (4.6335781526379325 51.7784514784914)</t>
  </si>
  <si>
    <t>POINT (4.731780142672834 51.80055910582411)</t>
  </si>
  <si>
    <t>POINT (4.679165439252205 51.779800540944876)</t>
  </si>
  <si>
    <t>POINT (4.68645066057471 51.77931350026663)</t>
  </si>
  <si>
    <t>POINT (4.682036475976246 51.779974851361594)</t>
  </si>
  <si>
    <t>POINT (4.685112815134763 51.81206897908543)</t>
  </si>
  <si>
    <t>POINT (4.685015902047779 51.80986487307093)</t>
  </si>
  <si>
    <t>POINT (4.685658232306506 51.811080530685686)</t>
  </si>
  <si>
    <t>POINT (4.654166201696646 51.78890178863381)</t>
  </si>
  <si>
    <t>POINT (4.731049945792503 51.800946354047575)</t>
  </si>
  <si>
    <t>POINT (4.6530566372188895 51.79122910193514)</t>
  </si>
  <si>
    <t>POINT (4.731041852504408 51.80410656059699)</t>
  </si>
  <si>
    <t>POINT (4.661898420841504 51.78901909085262)</t>
  </si>
  <si>
    <t>POINT (4.661597707911447 51.810530299656776)</t>
  </si>
  <si>
    <t>POINT (4.692956486815859 51.79516124951856)</t>
  </si>
  <si>
    <t>POINT (4.666137170650488 51.81053582724677)</t>
  </si>
  <si>
    <t>POINT (4.672436632065725 51.787510733393844)</t>
  </si>
  <si>
    <t>POINT (4.677137562387954 51.81676219234969)</t>
  </si>
  <si>
    <t>POINT (4.704245346212771 51.79819057568843)</t>
  </si>
  <si>
    <t>POINT (4.661574653456034 51.81053915477383)</t>
  </si>
  <si>
    <t>POINT (4.643922346123436 51.76679651374502)</t>
  </si>
  <si>
    <t>POINT (4.678147147996448 51.80787849388255)</t>
  </si>
  <si>
    <t>POINT (4.709272507882092 51.796780664440774)</t>
  </si>
  <si>
    <t>POINT (4.6804779295184336 51.78111755270081)</t>
  </si>
  <si>
    <t>POINT (4.666613589843837 51.79911206589445)</t>
  </si>
  <si>
    <t>POINT (4.7129602155842125 51.80653506947321)</t>
  </si>
  <si>
    <t>POINT (4.676722272455958 51.786436974132386)</t>
  </si>
  <si>
    <t>POINT (4.712607729283006 51.81630544986146)</t>
  </si>
  <si>
    <t>POINT (4.679176006804787 51.78003955138779)</t>
  </si>
  <si>
    <t>POINT (4.655541573056818 51.80131940945305)</t>
  </si>
  <si>
    <t>POINT (4.665183658538783 51.8006259056072)</t>
  </si>
  <si>
    <t>POINT (4.701156162687817 51.797906722278164)</t>
  </si>
  <si>
    <t>POINT (4.659680233362109 51.80877098179441)</t>
  </si>
  <si>
    <t>POINT (4.711000032874054 51.809831522064385)</t>
  </si>
  <si>
    <t>POINT (4.689547823038526 51.809264953449535)</t>
  </si>
  <si>
    <t>POINT (4.659368960711971 51.78977463749283)</t>
  </si>
  <si>
    <t>POINT (4.6771881557225035 51.78992910734862)</t>
  </si>
  <si>
    <t>POINT (4.705285417227205 51.792928144514384)</t>
  </si>
  <si>
    <t>POINT (4.663137138514967 51.79171009610313)</t>
  </si>
  <si>
    <t>POINT (4.671716157854767 51.81338755654266)</t>
  </si>
  <si>
    <t>POINT (4.665992255418624 51.79602028107822)</t>
  </si>
  <si>
    <t>POINT (4.686000276957246 51.807571665202396)</t>
  </si>
  <si>
    <t>POINT (4.67291477135538 51.81734741905248)</t>
  </si>
  <si>
    <t>POINT (4.672753688095526 51.78348587050574)</t>
  </si>
  <si>
    <t>POINT (4.680661663524899 51.80148129323816)</t>
  </si>
  <si>
    <t>POINT (4.69237738911893 51.79341465636989)</t>
  </si>
  <si>
    <t>POINT (4.668318476326511 51.79186870171758)</t>
  </si>
  <si>
    <t>POINT (4.6711170512598414 51.817276707228785)</t>
  </si>
  <si>
    <t>POINT (4.685676264795975 51.813484629329984)</t>
  </si>
  <si>
    <t>POINT (4.6599547504478 51.81263205664162)</t>
  </si>
  <si>
    <t>POINT (4.709102137761509 51.807508519561864)</t>
  </si>
  <si>
    <t>POINT (4.707375946393399 51.79429971380176)</t>
  </si>
  <si>
    <t>POINT (4.6566189659553245 51.78727019593981)</t>
  </si>
  <si>
    <t>POINT (4.697406876661178 51.79765439552612)</t>
  </si>
  <si>
    <t>POINT (4.703979785121768 51.79599033954018)</t>
  </si>
  <si>
    <t>POINT (4.67857550165471 51.786373703608994)</t>
  </si>
  <si>
    <t>POINT (4.69998935521175 51.8099414168964)</t>
  </si>
  <si>
    <t>POINT (4.696816319446082 51.81815607344202)</t>
  </si>
  <si>
    <t>POINT (4.721478988318999 51.7952054219646)</t>
  </si>
  <si>
    <t>POINT (4.680484913918429 51.78173202628502)</t>
  </si>
  <si>
    <t>POINT (4.6766274034964495 51.81591254308346)</t>
  </si>
  <si>
    <t>POINT (4.64998238320191 51.79350342794858)</t>
  </si>
  <si>
    <t>POINT (4.6733841619392456 51.78576024594383)</t>
  </si>
  <si>
    <t>POINT (4.672194332232418 51.81919245040284)</t>
  </si>
  <si>
    <t>POINT (4.704792360221616 51.80852126631691)</t>
  </si>
  <si>
    <t>POINT (4.668091877341637 51.81533644057326)</t>
  </si>
  <si>
    <t>POINT (4.666915262707762 51.79917512229326)</t>
  </si>
  <si>
    <t>POINT (4.657969205270273 51.771288491431804)</t>
  </si>
  <si>
    <t>POINT (4.675186808537843 51.80487959948422)</t>
  </si>
  <si>
    <t>POINT (4.660518429266349 51.80735300549583)</t>
  </si>
  <si>
    <t>POINT (4.717309474432811 51.815258374568494)</t>
  </si>
  <si>
    <t>POINT (4.676738672061601 51.78634905613805)</t>
  </si>
  <si>
    <t>POINT (4.653568689273832 51.78737489765838)</t>
  </si>
  <si>
    <t>POINT (4.696099730282089 51.79297312414027)</t>
  </si>
  <si>
    <t>POINT (4.659427774768598 51.795521760265686)</t>
  </si>
  <si>
    <t>POINT (4.658905885668516 51.771500980852835)</t>
  </si>
  <si>
    <t>POINT (4.670270698333614 51.815838143697505)</t>
  </si>
  <si>
    <t>POINT (4.7160583714505 51.80420976007268)</t>
  </si>
  <si>
    <t>POINT (4.672094525668011 51.819612377072914)</t>
  </si>
  <si>
    <t>POINT (4.730750095332022 51.79616814002457)</t>
  </si>
  <si>
    <t>POINT (4.669518659083351 51.810825147311945)</t>
  </si>
  <si>
    <t>POINT (4.663750850039854 51.813842565360645)</t>
  </si>
  <si>
    <t>POINT (4.700664600871319 51.78972262049713)</t>
  </si>
  <si>
    <t>POINT (4.651619482304888 51.781295457521885)</t>
  </si>
  <si>
    <t>POINT (4.6862080605860035 51.77645148745377)</t>
  </si>
  <si>
    <t>POINT (4.680785188685568 51.801611824525516)</t>
  </si>
  <si>
    <t>POINT (4.730267481418795 51.804408461600836)</t>
  </si>
  <si>
    <t>POINT (4.675973762717225 51.772530220025224)</t>
  </si>
  <si>
    <t>POINT (4.6792798033575105 51.78505596169317)</t>
  </si>
  <si>
    <t>POINT (4.656135811067809 51.79993504257169)</t>
  </si>
  <si>
    <t>POINT (4.675595851145923 51.811478573049506)</t>
  </si>
  <si>
    <t>POINT (4.6920622912103305 51.78937373577449)</t>
  </si>
  <si>
    <t>POINT (4.661769307892476 51.794961920122894)</t>
  </si>
  <si>
    <t>POINT (4.656635783818278 51.80989447566604)</t>
  </si>
  <si>
    <t>POINT (4.660920818629242 51.793666099614555)</t>
  </si>
  <si>
    <t>POINT (4.695228339948903 51.79363025522782)</t>
  </si>
  <si>
    <t>POINT (4.728161423085354 51.79211882134225)</t>
  </si>
  <si>
    <t>POINT (4.674558754808617 51.81429369761787)</t>
  </si>
  <si>
    <t>POINT (4.6562513313975336 51.787661170911534)</t>
  </si>
  <si>
    <t>POINT (4.727080758215708 51.805817532408774)</t>
  </si>
  <si>
    <t>POINT (4.666222624556718 51.81355212606546)</t>
  </si>
  <si>
    <t>POINT (4.651761959277311 51.787975428346094)</t>
  </si>
  <si>
    <t>POINT (4.6792299625176055 51.782162900213116)</t>
  </si>
  <si>
    <t>POINT (4.718890719030043 51.802102169798665)</t>
  </si>
  <si>
    <t>POINT (4.727321599543459 51.79862140452726)</t>
  </si>
  <si>
    <t>POINT (4.672033559725254 51.792368690058844)</t>
  </si>
  <si>
    <t>POINT (4.691017040195723 51.81894108674181)</t>
  </si>
  <si>
    <t>POINT (4.682986593529585 51.8064637056086)</t>
  </si>
  <si>
    <t>POINT (4.6777226029614205 51.79049023299022)</t>
  </si>
  <si>
    <t>POINT (4.708405445828299 51.809111428131835)</t>
  </si>
  <si>
    <t>POINT (4.68593375613933 51.78883396572851)</t>
  </si>
  <si>
    <t>POINT (4.651621058434265 51.78291992735361)</t>
  </si>
  <si>
    <t>3311ND</t>
  </si>
  <si>
    <t>Korte Breestraat</t>
  </si>
  <si>
    <t>POINT (4.666867868991156 51.813487792480004)</t>
  </si>
  <si>
    <t>POINT (4.696543057208688 51.7963316735952)</t>
  </si>
  <si>
    <t>POINT (4.70056668628832 51.79920341240545)</t>
  </si>
  <si>
    <t>POINT (4.6824436718061895 51.80117364048234)</t>
  </si>
  <si>
    <t>POINT (4.685830808761096 51.791771472877315)</t>
  </si>
  <si>
    <t>POINT (4.6569690351739075 51.802129428934784)</t>
  </si>
  <si>
    <t>POINT (4.667722163443451 51.78963521925756)</t>
  </si>
  <si>
    <t>POINT (4.667957886979031 51.79423654140123)</t>
  </si>
  <si>
    <t>POINT (4.666907747170603 51.794198871877704)</t>
  </si>
  <si>
    <t>POINT (4.685499384680207 51.785176693156174)</t>
  </si>
  <si>
    <t>POINT (4.6679541198309105 51.814940750876)</t>
  </si>
  <si>
    <t>3329KK</t>
  </si>
  <si>
    <t>Nieuwe Merwedeweg</t>
  </si>
  <si>
    <t>POINT (4.6722884734664545 51.78044924017106)</t>
  </si>
  <si>
    <t>POINT (4.668439545468455 51.81333657679657)</t>
  </si>
  <si>
    <t>POINT (4.663596960807736 51.79985168728558)</t>
  </si>
  <si>
    <t>POINT (4.672321170070904 51.81789194271218)</t>
  </si>
  <si>
    <t>POINT (4.675876359678368 51.785701623792605)</t>
  </si>
  <si>
    <t>POINT (4.68542574664225 51.784760085218885)</t>
  </si>
  <si>
    <t>POINT (4.674525553009697 51.797097218617104)</t>
  </si>
  <si>
    <t>POINT (4.670420795695097 51.81416120796827)</t>
  </si>
  <si>
    <t>POINT (4.724579318592759 51.79716567165863)</t>
  </si>
  <si>
    <t>POINT (4.658647503131485 51.81321817209593)</t>
  </si>
  <si>
    <t>POINT (4.663310090596691 51.8011805499955)</t>
  </si>
  <si>
    <t>POINT (4.6836451927012765 51.79801477839344)</t>
  </si>
  <si>
    <t>POINT (4.7080530788122745 51.80404827579934)</t>
  </si>
  <si>
    <t>POINT (4.665940859302867 51.81434271061537)</t>
  </si>
  <si>
    <t>POINT (4.696270167750787 51.79293060488031)</t>
  </si>
  <si>
    <t>POINT (4.682087142688011 51.81864371634662)</t>
  </si>
  <si>
    <t>POINT (4.6838774505211385 51.79813294284676)</t>
  </si>
  <si>
    <t>POINT (4.678530978323073 51.78462962754237)</t>
  </si>
  <si>
    <t>POINT (4.6566943341045866 51.79837614134829)</t>
  </si>
  <si>
    <t>POINT (4.674734119546629 51.80718972847867)</t>
  </si>
  <si>
    <t>POINT (4.666564034470567 51.78193214215016)</t>
  </si>
  <si>
    <t>POINT (4.698796469218904 51.79131719396537)</t>
  </si>
  <si>
    <t>POINT (4.719817384349198 51.803821821443)</t>
  </si>
  <si>
    <t>POINT (4.6782650282511 51.80878650478656)</t>
  </si>
  <si>
    <t>POINT (4.632375776322863 51.77797864201624)</t>
  </si>
  <si>
    <t>POINT (4.7330463120134105 51.8016591630189)</t>
  </si>
  <si>
    <t>POINT (4.6355550095255245 51.78149656894304)</t>
  </si>
  <si>
    <t>POINT (4.6706127897856184 51.781110695976324)</t>
  </si>
  <si>
    <t>POINT (4.682099363984217 51.78598231202757)</t>
  </si>
  <si>
    <t>POINT (4.6402296808226735 51.776771004492716)</t>
  </si>
  <si>
    <t>POINT (4.66680730653272 51.816627156072116)</t>
  </si>
  <si>
    <t>POINT (4.730034490486578 51.796918299103744)</t>
  </si>
  <si>
    <t>POINT (4.7143322050437035 51.80314581138316)</t>
  </si>
  <si>
    <t>POINT (4.684964213268623 51.80960929464202)</t>
  </si>
  <si>
    <t>POINT (4.67281415970069 51.79278457097484)</t>
  </si>
  <si>
    <t>POINT (4.680819478494467 51.78931566376899)</t>
  </si>
  <si>
    <t>POINT (4.662292499053448 51.791171004826815)</t>
  </si>
  <si>
    <t>POINT (4.6603554406249375 51.79099850785054)</t>
  </si>
  <si>
    <t>POINT (4.729451923140953 51.79587943491971)</t>
  </si>
  <si>
    <t>POINT (4.665310932375956 51.80029285771303)</t>
  </si>
  <si>
    <t>POINT (4.707419684405916 51.787018355589424)</t>
  </si>
  <si>
    <t>POINT (4.66938550539222 51.808915236398946)</t>
  </si>
  <si>
    <t>POINT (4.706276972044595 51.79027157734674)</t>
  </si>
  <si>
    <t>POINT (4.668539377054445 51.81784628431361)</t>
  </si>
  <si>
    <t>POINT (4.6841384111902125 51.81927641942471)</t>
  </si>
  <si>
    <t>POINT (4.699170227664912 51.79855227246949)</t>
  </si>
  <si>
    <t>POINT (4.673318368220327 51.803846746095374)</t>
  </si>
  <si>
    <t>POINT (4.653223282778153 51.801626824352034)</t>
  </si>
  <si>
    <t>POINT (4.726265777071555 51.80597486613311)</t>
  </si>
  <si>
    <t>POINT (4.686521492900028 51.80482692475824)</t>
  </si>
  <si>
    <t>POINT (4.683481069155278 51.78604364244426)</t>
  </si>
  <si>
    <t>POINT (4.71837149201327 51.80470717688733)</t>
  </si>
  <si>
    <t>POINT (4.673077794124507 51.81075521180527)</t>
  </si>
  <si>
    <t>POINT (4.662199728663056 51.80938664197935)</t>
  </si>
  <si>
    <t>POINT (4.672552187141809 51.81288373003431)</t>
  </si>
  <si>
    <t>POINT (4.707160211767314 51.793173136644285)</t>
  </si>
  <si>
    <t>POINT (4.65206324046372 51.78774893150243)</t>
  </si>
  <si>
    <t>POINT (4.667233801645646 51.81109584074832)</t>
  </si>
  <si>
    <t>POINT (4.683583240539877 51.78113490026573)</t>
  </si>
  <si>
    <t>POINT (4.680250096242333 51.774962702756866)</t>
  </si>
  <si>
    <t>POINT (4.680678476986474 51.80103920544151)</t>
  </si>
  <si>
    <t>POINT (4.724253274163429 51.80597620536333)</t>
  </si>
  <si>
    <t>POINT (4.674031113139886 51.77932853021786)</t>
  </si>
  <si>
    <t>POINT (4.685582057417606 51.775915244752376)</t>
  </si>
  <si>
    <t>POINT (4.658860143894706 51.78037145151245)</t>
  </si>
  <si>
    <t>POINT (4.671171826742515 51.80584281703658)</t>
  </si>
  <si>
    <t>POINT (4.678063304011664 51.779656499410585)</t>
  </si>
  <si>
    <t>POINT (4.680187208580923 51.81611964069179)</t>
  </si>
  <si>
    <t>POINT (4.670543248642526 51.77048833601346)</t>
  </si>
  <si>
    <t>POINT (4.660516840689792 51.8032469525675)</t>
  </si>
  <si>
    <t>POINT (4.702711308502605 51.79088724275648)</t>
  </si>
  <si>
    <t>POINT (4.721869500638505 51.79943359664414)</t>
  </si>
  <si>
    <t>POINT (4.700041804064783 51.7955473364696)</t>
  </si>
  <si>
    <t>POINT (4.6841407659188805 51.78820965678194)</t>
  </si>
  <si>
    <t>POINT (4.650817150155158 51.8033917895634)</t>
  </si>
  <si>
    <t>POINT (4.651505718822929 51.78798083279214)</t>
  </si>
  <si>
    <t>POINT (4.666673065754475 51.8031708158051)</t>
  </si>
  <si>
    <t>POINT (4.683604867714302 51.7868097091947)</t>
  </si>
  <si>
    <t>POINT (4.660493651262805 51.80424333138135)</t>
  </si>
  <si>
    <t>POINT (4.712867586191829 51.80931622624444)</t>
  </si>
  <si>
    <t>POINT (4.681798822899055 51.809745705491984)</t>
  </si>
  <si>
    <t>POINT (4.694709437050141 51.81837774327056)</t>
  </si>
  <si>
    <t>POINT (4.6679628673227 51.816275955141336)</t>
  </si>
  <si>
    <t>POINT (4.686784456645942 51.81571494410251)</t>
  </si>
  <si>
    <t>POINT (4.662424075794765 51.8046592230907)</t>
  </si>
  <si>
    <t>POINT (4.68216586247077 51.78209848994265)</t>
  </si>
  <si>
    <t>POINT (4.731883629046272 51.798691170531285)</t>
  </si>
  <si>
    <t>POINT (4.680448673685779 51.780616768784604)</t>
  </si>
  <si>
    <t>POINT (4.7273270655501785 51.80501278090498)</t>
  </si>
  <si>
    <t>POINT (4.672510166594683 51.81941504586238)</t>
  </si>
  <si>
    <t>POINT (4.704782561459473 51.79468116552185)</t>
  </si>
  <si>
    <t>POINT (4.662607434988113 51.809057279984515)</t>
  </si>
  <si>
    <t>POINT (4.667431926837599 51.798870807848)</t>
  </si>
  <si>
    <t>POINT (4.681825010785746 51.78857593163337)</t>
  </si>
  <si>
    <t>POINT (4.727250032783091 51.801247609097224)</t>
  </si>
  <si>
    <t>POINT (4.679960319905352 51.788935901465244)</t>
  </si>
  <si>
    <t>POINT (4.670511486463302 51.81952567902102)</t>
  </si>
  <si>
    <t>POINT (4.7133661440395915 51.800035227789195)</t>
  </si>
  <si>
    <t>POINT (4.66314918132207 51.8132852688696)</t>
  </si>
  <si>
    <t>POINT (4.680534812330582 51.776261623515666)</t>
  </si>
  <si>
    <t>POINT (4.668630685430784 51.77119548780073)</t>
  </si>
  <si>
    <t>POINT (4.658318693608423 51.81062421571844)</t>
  </si>
  <si>
    <t>POINT (4.681170236768283 51.80347415998171)</t>
  </si>
  <si>
    <t>POINT (4.703715696425487 51.78821051959027)</t>
  </si>
  <si>
    <t>POINT (4.667742295812585 51.80265748915512)</t>
  </si>
  <si>
    <t>POINT (4.721121885973987 51.79807416333144)</t>
  </si>
  <si>
    <t>POINT (4.682067680058583 51.80664898076886)</t>
  </si>
  <si>
    <t>POINT (4.670046754886062 51.77065018999348)</t>
  </si>
  <si>
    <t>POINT (4.6921495488787155 51.784913079320205)</t>
  </si>
  <si>
    <t>POINT (4.682578377985233 51.785788625618856)</t>
  </si>
  <si>
    <t>POINT (4.663521080506962 51.79348151359535)</t>
  </si>
  <si>
    <t>POINT (4.669682052540007 51.80914346588744)</t>
  </si>
  <si>
    <t>POINT (4.636093122434225 51.78511068308784)</t>
  </si>
  <si>
    <t>POINT (4.724088631461305 51.80639716578919)</t>
  </si>
  <si>
    <t>POINT (4.681621124278248 51.775086535628745)</t>
  </si>
  <si>
    <t>POINT (4.680469956873207 51.789856286754826)</t>
  </si>
  <si>
    <t>POINT (4.668193898808281 51.79925917114029)</t>
  </si>
  <si>
    <t>POINT (4.6709699589931075 51.77743160562403)</t>
  </si>
  <si>
    <t>POINT (4.70784496160927 51.795857181604866)</t>
  </si>
  <si>
    <t>POINT (4.682416217148566 51.813370094801385)</t>
  </si>
  <si>
    <t>POINT (4.705289980814461 51.821020738201724)</t>
  </si>
  <si>
    <t>POINT (4.674784526210261 51.81834192825554)</t>
  </si>
  <si>
    <t>POINT (4.718009911672837 51.80122066661696)</t>
  </si>
  <si>
    <t>POINT (4.668846131714144 51.79489263029767)</t>
  </si>
  <si>
    <t>POINT (4.666502710461999 51.796304125853105)</t>
  </si>
  <si>
    <t>POINT (4.653486895211554 51.80160436541695)</t>
  </si>
  <si>
    <t>POINT (4.730588688371343 51.798802401088956)</t>
  </si>
  <si>
    <t>POINT (4.7136744467100264 51.81570029535926)</t>
  </si>
  <si>
    <t>POINT (4.678371750002567 51.77412728990163)</t>
  </si>
  <si>
    <t>POINT (4.67186821667618 51.779588175453256)</t>
  </si>
  <si>
    <t>POINT (4.667996991442536 51.80317679000063)</t>
  </si>
  <si>
    <t>POINT (4.658303760150915 51.79336194264775)</t>
  </si>
  <si>
    <t>POINT (4.71885260051681 51.80353851804616)</t>
  </si>
  <si>
    <t>POINT (4.662233405521953 51.79102111255788)</t>
  </si>
  <si>
    <t>POINT (4.667772085442986 51.78845431113393)</t>
  </si>
  <si>
    <t>POINT (4.719992661923918 51.81230750952974)</t>
  </si>
  <si>
    <t>POINT (4.652685525867209 51.80380675156616)</t>
  </si>
  <si>
    <t>POINT (4.675024239970014 51.78885049752345)</t>
  </si>
  <si>
    <t>POINT (4.654220955729272 51.79184704855564)</t>
  </si>
  <si>
    <t>POINT (4.684502872544987 51.810677110013856)</t>
  </si>
  <si>
    <t>POINT (4.6334543975672196 51.77874920836736)</t>
  </si>
  <si>
    <t>POINT (4.6523626627825925 51.792345613414604)</t>
  </si>
  <si>
    <t>POINT (4.675532471956142 51.80684311586383)</t>
  </si>
  <si>
    <t>POINT (4.659801088397483 51.79612571621345)</t>
  </si>
  <si>
    <t>POINT (4.6593915821739635 51.805474926777194)</t>
  </si>
  <si>
    <t>POINT (4.668946816732447 51.78288978044825)</t>
  </si>
  <si>
    <t>POINT (4.6579175148092995 51.80016320781403)</t>
  </si>
  <si>
    <t>POINT (4.6534452731293525 51.79005304128326)</t>
  </si>
  <si>
    <t>POINT (4.7195722906615964 51.79977412513359)</t>
  </si>
  <si>
    <t>POINT (4.70615839826941 51.79063118185259)</t>
  </si>
  <si>
    <t>POINT (4.717184752656933 51.800547022302766)</t>
  </si>
  <si>
    <t>POINT (4.629063626094717 51.724976229293645)</t>
  </si>
  <si>
    <t>POINT (4.677431639570955 51.77507648378464)</t>
  </si>
  <si>
    <t>POINT (4.675020942099606 51.81030873319746)</t>
  </si>
  <si>
    <t>POINT (4.675151502466369 51.781247818901285)</t>
  </si>
  <si>
    <t>POINT (4.666435131431732 51.81682908461591)</t>
  </si>
  <si>
    <t>POINT (4.72996872496239 51.801940207829574)</t>
  </si>
  <si>
    <t>POINT (4.65565279116644 51.794894438861746)</t>
  </si>
  <si>
    <t>POINT (4.659918123625574 51.80872021418903)</t>
  </si>
  <si>
    <t>POINT (4.660897511741516 51.80681985134917)</t>
  </si>
  <si>
    <t>POINT (4.661512290261489 51.794380703183805)</t>
  </si>
  <si>
    <t>POINT (4.681300455317721 51.814354532719285)</t>
  </si>
  <si>
    <t>POINT (4.669494081634154 51.81317807967772)</t>
  </si>
  <si>
    <t>POINT (4.72710446599184 51.79616716394353)</t>
  </si>
  <si>
    <t>POINT (4.659170687738438 51.79072415179133)</t>
  </si>
  <si>
    <t>POINT (4.677922649254309 51.80319297619065)</t>
  </si>
  <si>
    <t>POINT (4.6640072938505055 51.79173841166596)</t>
  </si>
  <si>
    <t>POINT (4.711351800451186 51.804533500615484)</t>
  </si>
  <si>
    <t>POINT (4.682153589416868 51.80966219351058)</t>
  </si>
  <si>
    <t>POINT (4.676599265980294 51.81456474681319)</t>
  </si>
  <si>
    <t>POINT (4.705119765749884 51.797059890983476)</t>
  </si>
  <si>
    <t>POINT (4.704738612384846 51.808804482756656)</t>
  </si>
  <si>
    <t>POINT (4.697542594070336 51.79590342760206)</t>
  </si>
  <si>
    <t>POINT (4.734632140285317 51.799067509116824)</t>
  </si>
  <si>
    <t>POINT (4.666681699888834 51.81340914023278)</t>
  </si>
  <si>
    <t>POINT (4.6622885600200075 51.79125286758184)</t>
  </si>
  <si>
    <t>POINT (4.7251755071832395 51.803580429791054)</t>
  </si>
  <si>
    <t>POINT (4.678793675303778 51.78704547913706)</t>
  </si>
  <si>
    <t>POINT (4.671491039976534 51.80030179356559)</t>
  </si>
  <si>
    <t>POINT (4.7113034702596295 51.79904851706749)</t>
  </si>
  <si>
    <t>POINT (4.6755639260893185 51.77577617292908)</t>
  </si>
  <si>
    <t>POINT (4.722522737800895 51.806223059262145)</t>
  </si>
  <si>
    <t>POINT (4.644871908190206 51.77622780593251)</t>
  </si>
  <si>
    <t>POINT (4.658249277155913 51.8020410937954)</t>
  </si>
  <si>
    <t>POINT (4.658164528253686 51.79935072634921)</t>
  </si>
  <si>
    <t>POINT (4.6546756478691425 51.79183777183381)</t>
  </si>
  <si>
    <t>POINT (4.655330030091255 51.80751593117128)</t>
  </si>
  <si>
    <t>POINT (4.727269419415924 51.79740195426785)</t>
  </si>
  <si>
    <t>POINT (4.655823755944625 51.800306299616636)</t>
  </si>
  <si>
    <t>POINT (4.674373369257356 51.78507590220202)</t>
  </si>
  <si>
    <t>POINT (4.680950771112482 51.80932308089105)</t>
  </si>
  <si>
    <t>POINT (4.709546258592096 51.79897821108589)</t>
  </si>
  <si>
    <t>POINT (4.689148415795609 51.808327199911005)</t>
  </si>
  <si>
    <t>POINT (4.711452068250238 51.81008518778111)</t>
  </si>
  <si>
    <t>POINT (4.682820181639352 51.775622476497844)</t>
  </si>
  <si>
    <t>POINT (4.703329722964275 51.816377135322085)</t>
  </si>
  <si>
    <t>POINT (4.66787399501808 51.81052321490666)</t>
  </si>
  <si>
    <t>POINT (4.664120157531901 51.80302387624292)</t>
  </si>
  <si>
    <t>POINT (4.656177045222035 51.79295077980222)</t>
  </si>
  <si>
    <t>POINT (4.683066828380615 51.81158246061357)</t>
  </si>
  <si>
    <t>POINT (4.66949617397598 51.80271574455152)</t>
  </si>
  <si>
    <t>POINT (4.719737929880324 51.81176348898148)</t>
  </si>
  <si>
    <t>POINT (4.727541248319689 51.79929744405735)</t>
  </si>
  <si>
    <t>POINT (4.68058406238095 51.781876748408465)</t>
  </si>
  <si>
    <t>POINT (4.723861709293369 51.79754228586789)</t>
  </si>
  <si>
    <t>POINT (4.67087466937251 51.77191354442886)</t>
  </si>
  <si>
    <t>POINT (4.663262143441726 51.79480836504864)</t>
  </si>
  <si>
    <t>POINT (4.704371117358366 51.79570596925988)</t>
  </si>
  <si>
    <t>POINT (4.707554145193757 51.79486928819972)</t>
  </si>
  <si>
    <t>POINT (4.6693978775787475 51.79900703072241)</t>
  </si>
  <si>
    <t>POINT (4.671167942802603 51.805855476365544)</t>
  </si>
  <si>
    <t>POINT (4.681606009441262 51.785565398175585)</t>
  </si>
  <si>
    <t>POINT (4.675803739583044 51.81638482435616)</t>
  </si>
  <si>
    <t>POINT (4.680557818199727 51.80823743662495)</t>
  </si>
  <si>
    <t>POINT (4.658988069577336 51.803085835223364)</t>
  </si>
  <si>
    <t>POINT (4.664917336494457 51.81241992140681)</t>
  </si>
  <si>
    <t>POINT (4.653598995602019 51.78761736902958)</t>
  </si>
  <si>
    <t>POINT (4.659348497881489 51.78317715576256)</t>
  </si>
  <si>
    <t>POINT (4.6991087313726 51.79037564660009)</t>
  </si>
  <si>
    <t>POINT (4.65211036550621 51.79362153538719)</t>
  </si>
  <si>
    <t>POINT (4.657363341203486 51.770771924562304)</t>
  </si>
  <si>
    <t>POINT (4.660314891532748 51.81549951124434)</t>
  </si>
  <si>
    <t>POINT (4.65718494049304 51.7933554803569)</t>
  </si>
  <si>
    <t>POINT (4.660182141535941 51.80359542925837)</t>
  </si>
  <si>
    <t>POINT (4.685704253496049 51.77555809956544)</t>
  </si>
  <si>
    <t>POINT (4.666537373822199 51.81500954180884)</t>
  </si>
  <si>
    <t>POINT (4.716531632717681 51.81263433792352)</t>
  </si>
  <si>
    <t>POINT (4.666478122792241 51.817746876463566)</t>
  </si>
  <si>
    <t>POINT (4.657306096581345 51.79629210698117)</t>
  </si>
  <si>
    <t>POINT (4.672328923008746 51.81288138144217)</t>
  </si>
  <si>
    <t>POINT (4.665912147923005 51.81632940905626)</t>
  </si>
  <si>
    <t>POINT (4.66743861578723 51.77392455949435)</t>
  </si>
  <si>
    <t>POINT (4.732396200281479 51.80416021097226)</t>
  </si>
  <si>
    <t>POINT (4.730716856629344 51.79895101737854)</t>
  </si>
  <si>
    <t>POINT (4.653153065868658 51.803887645403)</t>
  </si>
  <si>
    <t>POINT (4.682716563562012 51.785295275237985)</t>
  </si>
  <si>
    <t>POINT (4.695967030449704 51.79782088586127)</t>
  </si>
  <si>
    <t>POINT (4.660838559951236 51.78985141318839)</t>
  </si>
  <si>
    <t>POINT (4.6666186098091815 51.81520783644296)</t>
  </si>
  <si>
    <t>POINT (4.7173802033386885 51.80222387399301)</t>
  </si>
  <si>
    <t>POINT (4.6534567434748295 51.7902568152398)</t>
  </si>
  <si>
    <t>POINT (4.671843169414476 51.78808473866675)</t>
  </si>
  <si>
    <t>POINT (4.663849318829793 51.81326420250927)</t>
  </si>
  <si>
    <t>POINT (4.6739827372953995 51.811051921396356)</t>
  </si>
  <si>
    <t>POINT (4.686749736670753 51.81046256347338)</t>
  </si>
  <si>
    <t>POINT (4.679958671707474 51.811402045576365)</t>
  </si>
  <si>
    <t>POINT (4.692667199144457 51.818260966697714)</t>
  </si>
  <si>
    <t>POINT (4.654577534096261 51.81205429984154)</t>
  </si>
  <si>
    <t>POINT (4.684368326722194 51.78865037850183)</t>
  </si>
  <si>
    <t>POINT (4.688651958880349 51.80782013430237)</t>
  </si>
  <si>
    <t>POINT (4.6687974793252875 51.81230045057887)</t>
  </si>
  <si>
    <t>POINT (4.683279920939738 51.77470076653716)</t>
  </si>
  <si>
    <t>POINT (4.677621809848942 51.79067248033132)</t>
  </si>
  <si>
    <t>POINT (4.713367950868902 51.803521207882774)</t>
  </si>
  <si>
    <t>POINT (4.6773664992843695 51.775325786870205)</t>
  </si>
  <si>
    <t>POINT (4.715712165741358 51.8038443054538)</t>
  </si>
  <si>
    <t>POINT (4.664037093921609 51.8148779018096)</t>
  </si>
  <si>
    <t>POINT (4.656995064277827 51.80055227213092)</t>
  </si>
  <si>
    <t>POINT (4.65201533217604 51.80385938979833)</t>
  </si>
  <si>
    <t>POINT (4.731061700296887 51.79158755248517)</t>
  </si>
  <si>
    <t>POINT (4.676875347710625 51.78645016174565)</t>
  </si>
  <si>
    <t>POINT (4.711788140872597 51.79555410925759)</t>
  </si>
  <si>
    <t>POINT (4.698608222304366 51.790434039552636)</t>
  </si>
  <si>
    <t>POINT (4.666422652504878 51.81198471359604)</t>
  </si>
  <si>
    <t>POINT (4.67452251878379 51.81804363065698)</t>
  </si>
  <si>
    <t>POINT (4.679254573581157 51.785341227495)</t>
  </si>
  <si>
    <t>POINT (4.70149999417204 51.79486159235915)</t>
  </si>
  <si>
    <t>POINT (4.664166342303083 51.81486337249103)</t>
  </si>
  <si>
    <t>POINT (4.711308402207168 51.81526953008191)</t>
  </si>
  <si>
    <t>POINT (4.732725818430998 51.799832430782004)</t>
  </si>
  <si>
    <t>POINT (4.631602830944159 51.72329011443223)</t>
  </si>
  <si>
    <t>POINT (4.673982740820986 51.81880149386751)</t>
  </si>
  <si>
    <t>POINT (4.7283292153296745 51.80513803303782)</t>
  </si>
  <si>
    <t>POINT (4.685802021932376 51.782934808802636)</t>
  </si>
  <si>
    <t>POINT (4.690496497194754 51.805679699451154)</t>
  </si>
  <si>
    <t>POINT (4.697175308488851 51.79638217085148)</t>
  </si>
  <si>
    <t>POINT (4.660878367540486 51.80418607347291)</t>
  </si>
  <si>
    <t>POINT (4.698447877258678 51.79712862481691)</t>
  </si>
  <si>
    <t>POINT (4.666431838582616 51.81677106946855)</t>
  </si>
  <si>
    <t>POINT (4.679125008365055 51.77500706142212)</t>
  </si>
  <si>
    <t>POINT (4.6573140426321835 51.7913233706245)</t>
  </si>
  <si>
    <t>POINT (4.674819958521822 51.78779207857856)</t>
  </si>
  <si>
    <t>POINT (4.666939779521975 51.81398922674336)</t>
  </si>
  <si>
    <t>POINT (4.681906962243913 51.77757451211518)</t>
  </si>
  <si>
    <t>POINT (4.6804824010267 51.78984190790902)</t>
  </si>
  <si>
    <t>POINT (4.715756816504385 51.813376188986894)</t>
  </si>
  <si>
    <t>POINT (4.685536638292388 51.78487990268214)</t>
  </si>
  <si>
    <t>POINT (4.716715487148265 51.80309210217218)</t>
  </si>
  <si>
    <t>POINT (4.681945877433866 51.802123889596835)</t>
  </si>
  <si>
    <t>POINT (4.65555184446031 51.791954636762036)</t>
  </si>
  <si>
    <t>POINT (4.695295076820739 51.81802092329779)</t>
  </si>
  <si>
    <t>POINT (4.704087317601349 51.79613983595818)</t>
  </si>
  <si>
    <t>POINT (4.678598866099156 51.78954638624952)</t>
  </si>
  <si>
    <t>POINT (4.673414231065244 51.81759527316925)</t>
  </si>
  <si>
    <t>POINT (4.721098691235005 51.79802601428825)</t>
  </si>
  <si>
    <t>POINT (4.727370404700038 51.79419105864535)</t>
  </si>
  <si>
    <t>POINT (4.6724415638898575 51.77242394665988)</t>
  </si>
  <si>
    <t>POINT (4.671005779546691 51.808700096084)</t>
  </si>
  <si>
    <t>POINT (4.711870626765345 51.79230346646932)</t>
  </si>
  <si>
    <t>POINT (4.669041242305927 51.815275486147044)</t>
  </si>
  <si>
    <t>POINT (4.7178854077059 51.80003130653345)</t>
  </si>
  <si>
    <t>POINT (4.68108672082475 51.78132360872876)</t>
  </si>
  <si>
    <t>POINT (4.655597451077909 51.807920346163)</t>
  </si>
  <si>
    <t>POINT (4.693333460797598 51.79529512776422)</t>
  </si>
  <si>
    <t>POINT (4.708820464303204 51.80877643919284)</t>
  </si>
  <si>
    <t>POINT (4.705281886159491 51.79544014140604)</t>
  </si>
  <si>
    <t>POINT (4.693258868199068 51.79418663467312)</t>
  </si>
  <si>
    <t>POINT (4.665445976485033 51.78098516537812)</t>
  </si>
  <si>
    <t>POINT (4.73101158865707 51.798326238733395)</t>
  </si>
  <si>
    <t>POINT (4.674072821594052 51.81019181232231)</t>
  </si>
  <si>
    <t>POINT (4.691348075108101 51.807647292498714)</t>
  </si>
  <si>
    <t>POINT (4.711580699113818 51.80612073106771)</t>
  </si>
  <si>
    <t>POINT (4.702132779193416 51.79519474168786)</t>
  </si>
  <si>
    <t>POINT (4.707867406110501 51.7958010874873)</t>
  </si>
  <si>
    <t>POINT (4.720254240318368 51.79535286409983)</t>
  </si>
  <si>
    <t>POINT (4.730659387694015 51.79888436863597)</t>
  </si>
  <si>
    <t>POINT (4.705945566003826 51.79276247153092)</t>
  </si>
  <si>
    <t>POINT (4.675882932290687 51.81814827829477)</t>
  </si>
  <si>
    <t>POINT (4.6675127898570405 51.80176114986773)</t>
  </si>
  <si>
    <t>POINT (4.671518736251297 51.80861715012892)</t>
  </si>
  <si>
    <t>POINT (4.653515594067084 51.78312274922066)</t>
  </si>
  <si>
    <t>POINT (4.686311749104334 51.81600232976441)</t>
  </si>
  <si>
    <t>POINT (4.668461356959283 51.80919932973368)</t>
  </si>
  <si>
    <t>POINT (4.664521997518832 51.78689416403546)</t>
  </si>
  <si>
    <t>POINT (4.674433334929468 51.78608552678338)</t>
  </si>
  <si>
    <t>POINT (4.664343962206955 51.79786597921368)</t>
  </si>
  <si>
    <t>POINT (4.704504794533339 51.79860392814087)</t>
  </si>
  <si>
    <t>POINT (4.660185434377921 51.77019423776797)</t>
  </si>
  <si>
    <t>POINT (4.677355772956444 51.803419595374365)</t>
  </si>
  <si>
    <t>POINT (4.678998362815682 51.815163566255244)</t>
  </si>
  <si>
    <t>POINT (4.666715848893375 51.77940454130122)</t>
  </si>
  <si>
    <t>POINT (4.674145345091083 51.78030632401885)</t>
  </si>
  <si>
    <t>POINT (4.67865256098742 51.81566735205233)</t>
  </si>
  <si>
    <t>POINT (4.659189707536757 51.80325093240385)</t>
  </si>
  <si>
    <t>POINT (4.732357472734297 51.80016213722526)</t>
  </si>
  <si>
    <t>POINT (4.668090027084166 51.77231973675967)</t>
  </si>
  <si>
    <t>POINT (4.685073573758396 51.810016578292355)</t>
  </si>
  <si>
    <t>POINT (4.676122711525289 51.81585579691199)</t>
  </si>
  <si>
    <t>POINT (4.6630436957436405 51.79390839852367)</t>
  </si>
  <si>
    <t>POINT (4.670915503523455 51.81146650261452)</t>
  </si>
  <si>
    <t>POINT (4.667760911247412 51.80000640742789)</t>
  </si>
  <si>
    <t>POINT (4.704048266568002 51.798678078973424)</t>
  </si>
  <si>
    <t>POINT (4.730917782237388 51.803391315164916)</t>
  </si>
  <si>
    <t>POINT (4.679121742522186 51.78018878681788)</t>
  </si>
  <si>
    <t>POINT (4.654965148341915 51.808132760041836)</t>
  </si>
  <si>
    <t>POINT (4.691017816671952 51.80617654996267)</t>
  </si>
  <si>
    <t>POINT (4.67947536403135 51.773725840434125)</t>
  </si>
  <si>
    <t>POINT (4.686687454753079 51.77613973823268)</t>
  </si>
  <si>
    <t>POINT (4.674559104872287 51.77782503438441)</t>
  </si>
  <si>
    <t>POINT (4.678464983450495 51.786344541762396)</t>
  </si>
  <si>
    <t>POINT (4.664975889003673 51.8170597875923)</t>
  </si>
  <si>
    <t>POINT (4.665701665289676 51.81848331159869)</t>
  </si>
  <si>
    <t>POINT (4.684200338270353 51.801227099738234)</t>
  </si>
  <si>
    <t>POINT (4.678013838751282 51.787793633242394)</t>
  </si>
  <si>
    <t>POINT (4.723816197018209 51.80342032327786)</t>
  </si>
  <si>
    <t>POINT (4.657306221294502 51.79083563058609)</t>
  </si>
  <si>
    <t>POINT (4.7178350244049465 51.80319364788537)</t>
  </si>
  <si>
    <t>POINT (4.659245698375623 51.806945470577546)</t>
  </si>
  <si>
    <t>POINT (4.6967083622289145 51.78949605007494)</t>
  </si>
  <si>
    <t>POINT (4.682505656387875 51.77558943228509)</t>
  </si>
  <si>
    <t>POINT (4.667115285465831 51.79625752358675)</t>
  </si>
  <si>
    <t>POINT (4.667512787878137 51.80253080630451)</t>
  </si>
  <si>
    <t>POINT (4.660953469898468 51.76950095893799)</t>
  </si>
  <si>
    <t>POINT (4.661184646940981 51.788634579024794)</t>
  </si>
  <si>
    <t>POINT (4.72113327652283 51.81222630475346)</t>
  </si>
  <si>
    <t>POINT (4.667771947903536 51.81426669708316)</t>
  </si>
  <si>
    <t>POINT (4.662545163549836 51.8139829902686)</t>
  </si>
  <si>
    <t>POINT (4.674427014239595 51.79705982032082)</t>
  </si>
  <si>
    <t>POINT (4.674989445594128 51.81419101893485)</t>
  </si>
  <si>
    <t>POINT (4.666289739208092 51.80211543633347)</t>
  </si>
  <si>
    <t>POINT (4.726954180405098 51.797971660773605)</t>
  </si>
  <si>
    <t>POINT (4.685445305229269 51.79214729446825)</t>
  </si>
  <si>
    <t>POINT (4.719409377946331 51.801106924600674)</t>
  </si>
  <si>
    <t>POINT (4.734003377363371 51.791676039006276)</t>
  </si>
  <si>
    <t>POINT (4.675052644088398 51.78048441933223)</t>
  </si>
  <si>
    <t>POINT (4.674009967416058 51.78385478046879)</t>
  </si>
  <si>
    <t>POINT (4.724172865283734 51.79900040311123)</t>
  </si>
  <si>
    <t>POINT (4.72901006905848 51.79312962209422)</t>
  </si>
  <si>
    <t>POINT (4.671418305484582 51.80395568184097)</t>
  </si>
  <si>
    <t>POINT (4.678307348027084 51.80589913097644)</t>
  </si>
  <si>
    <t>POINT (4.66371954044553 51.79466560563163)</t>
  </si>
  <si>
    <t>POINT (4.667031105677131 51.814763316723116)</t>
  </si>
  <si>
    <t>POINT (4.633715909889998 51.78177693909562)</t>
  </si>
  <si>
    <t>POINT (4.660270040221238 51.80419951963198)</t>
  </si>
  <si>
    <t>POINT (4.6683688606043034 51.80004388622333)</t>
  </si>
  <si>
    <t>POINT (4.733717667893105 51.79929781389582)</t>
  </si>
  <si>
    <t>POINT (4.669881977978176 51.77089273157637)</t>
  </si>
  <si>
    <t>POINT (4.667959650731971 51.81624303688431)</t>
  </si>
  <si>
    <t>POINT (4.678068351034411 51.81580785780019)</t>
  </si>
  <si>
    <t>POINT (4.728880730487944 51.79540394089231)</t>
  </si>
  <si>
    <t>POINT (4.718856759433266 51.79691219996809)</t>
  </si>
  <si>
    <t>POINT (4.664018246224219 51.79523262074)</t>
  </si>
  <si>
    <t>POINT (4.6749999694300755 51.77977173566217)</t>
  </si>
  <si>
    <t>POINT (4.686797877415584 51.809589934682464)</t>
  </si>
  <si>
    <t>POINT (4.6608376297712635 51.773427119063996)</t>
  </si>
  <si>
    <t>POINT (4.676050596349628 51.81699530258903)</t>
  </si>
  <si>
    <t>POINT (4.665852587625078 51.792615977763404)</t>
  </si>
  <si>
    <t>POINT (4.711630137427966 51.791364402521026)</t>
  </si>
  <si>
    <t>POINT (4.6667220190426395 51.79628304604556)</t>
  </si>
  <si>
    <t>POINT (4.633511884237338 51.77989016817566)</t>
  </si>
  <si>
    <t>POINT (4.670925024964018 51.8195185497483)</t>
  </si>
  <si>
    <t>POINT (4.660335870196031 51.791094008449114)</t>
  </si>
  <si>
    <t>POINT (4.651608555512202 51.803724553651364)</t>
  </si>
  <si>
    <t>POINT (4.6499979072304995 51.79378998677364)</t>
  </si>
  <si>
    <t>POINT (4.677332473871755 51.808778422178996)</t>
  </si>
  <si>
    <t>POINT (4.6514724048672 51.79391217722326)</t>
  </si>
  <si>
    <t>POINT (4.730909001099364 51.796728446203026)</t>
  </si>
  <si>
    <t>POINT (4.702117893660086 51.81651248369586)</t>
  </si>
  <si>
    <t>POINT (4.673222642714632 51.78550236588552)</t>
  </si>
  <si>
    <t>POINT (4.66432735824904 51.77718562335146)</t>
  </si>
  <si>
    <t>POINT (4.690935628465843 51.80710270370604)</t>
  </si>
  <si>
    <t>POINT (4.656258453409099 51.80714917279476)</t>
  </si>
  <si>
    <t>POINT (4.705943829177723 51.79281509008737)</t>
  </si>
  <si>
    <t>POINT (4.678230505682405 51.81533123376096)</t>
  </si>
  <si>
    <t>POINT (4.709352939576545 51.79427032651637)</t>
  </si>
  <si>
    <t>POINT (4.686668719936177 51.81120821082227)</t>
  </si>
  <si>
    <t>POINT (4.682072963606495 51.80017331943231)</t>
  </si>
  <si>
    <t>POINT (4.70744829735324 51.81010023878286)</t>
  </si>
  <si>
    <t>POINT (4.650715705704758 51.80332935553529)</t>
  </si>
  <si>
    <t>POINT (4.69464373144058 51.795866702169704)</t>
  </si>
  <si>
    <t>POINT (4.653451752943958 51.80119166314138)</t>
  </si>
  <si>
    <t>POINT (4.694909846571921 51.790575048821054)</t>
  </si>
  <si>
    <t>POINT (4.656588522227292 51.80222780547019)</t>
  </si>
  <si>
    <t>POINT (4.6622643922949205 51.7910610161424)</t>
  </si>
  <si>
    <t>POINT (4.6694714757514 51.777746740159465)</t>
  </si>
  <si>
    <t>POINT (4.673902064472893 51.774950010623314)</t>
  </si>
  <si>
    <t>POINT (4.704363778188707 51.789237330459)</t>
  </si>
  <si>
    <t>POINT (4.659809226312355 51.78317630141444)</t>
  </si>
  <si>
    <t>POINT (4.677063412943494 51.77703141995433)</t>
  </si>
  <si>
    <t>POINT (4.7318760527577455 51.80194861070766)</t>
  </si>
  <si>
    <t>POINT (4.681371818228544 51.817942292033706)</t>
  </si>
  <si>
    <t>POINT (4.683067252667204 51.80660044891095)</t>
  </si>
  <si>
    <t>POINT (4.699965591796957 51.79665043780871)</t>
  </si>
  <si>
    <t>POINT (4.665077697197789 51.79921032538247)</t>
  </si>
  <si>
    <t>POINT (4.629572591642486 51.79728200088337)</t>
  </si>
  <si>
    <t>POINT (4.675319519764569 51.77584525108482)</t>
  </si>
  <si>
    <t>POINT (4.667630663428057 51.81171631849485)</t>
  </si>
  <si>
    <t>POINT (4.726331818534136 51.7975868405693)</t>
  </si>
  <si>
    <t>POINT (4.67296620846408 51.78820006634911)</t>
  </si>
  <si>
    <t>POINT (4.662165702999089 51.790455403491606)</t>
  </si>
  <si>
    <t>POINT (4.676165645067272 51.81741864671826)</t>
  </si>
  <si>
    <t>POINT (4.7031232843222845 51.81670414354174)</t>
  </si>
  <si>
    <t>POINT (4.650828132500954 51.80331768372276)</t>
  </si>
  <si>
    <t>POINT (4.711399356894904 51.80688563646045)</t>
  </si>
  <si>
    <t>POINT (4.648296995348714 51.806757333974986)</t>
  </si>
  <si>
    <t>POINT (4.652203226534195 51.80389582960563)</t>
  </si>
  <si>
    <t>POINT (4.66317644234781 51.78988884974564)</t>
  </si>
  <si>
    <t>POINT (4.664455298255453 51.792183443672016)</t>
  </si>
  <si>
    <t>POINT (4.670578488555217 51.7974408854078)</t>
  </si>
  <si>
    <t>POINT (4.681866752706037 51.780928925050084)</t>
  </si>
  <si>
    <t>POINT (4.651028725023186 51.79276479835336)</t>
  </si>
  <si>
    <t>POINT (4.671783907385871 51.81858962317329)</t>
  </si>
  <si>
    <t>POINT (4.6800968696083185 51.787495109165256)</t>
  </si>
  <si>
    <t>POINT (4.655577527793655 51.80703469185733)</t>
  </si>
  <si>
    <t>POINT (4.643904150996527 51.7700907368448)</t>
  </si>
  <si>
    <t>POINT (4.636460745189009 51.76750963730229)</t>
  </si>
  <si>
    <t>POINT (4.656875700039598 51.7900598412306)</t>
  </si>
  <si>
    <t>POINT (4.674579661703762 51.77672596613334)</t>
  </si>
  <si>
    <t>POINT (4.721630661755786 51.79998710222829)</t>
  </si>
  <si>
    <t>POINT (4.680705214719934 51.77583595630291)</t>
  </si>
  <si>
    <t>POINT (4.71164846243549 51.806288741515)</t>
  </si>
  <si>
    <t>POINT (4.656852443930743 51.807755751939816)</t>
  </si>
  <si>
    <t>POINT (4.639676988015506 51.75129213962652)</t>
  </si>
  <si>
    <t>POINT (4.729885849917919 51.80400251892955)</t>
  </si>
  <si>
    <t>POINT (4.636500603016397 51.77846708291876)</t>
  </si>
  <si>
    <t>POINT (4.663317782280512 51.81261964551667)</t>
  </si>
  <si>
    <t>POINT (4.715839385924429 51.81356061382936)</t>
  </si>
  <si>
    <t>POINT (4.709674037688204 51.808180344693795)</t>
  </si>
  <si>
    <t>POINT (4.663407423152042 51.7996127851977)</t>
  </si>
  <si>
    <t>POINT (4.650909251589629 51.80277878978383)</t>
  </si>
  <si>
    <t>POINT (4.667260295186519 51.799626216133284)</t>
  </si>
  <si>
    <t>POINT (4.677837507432879 51.77502249019482)</t>
  </si>
  <si>
    <t>POINT (4.67173671831876 51.77634904690527)</t>
  </si>
  <si>
    <t>POINT (4.679918712314094 51.78978522575556)</t>
  </si>
  <si>
    <t>POINT (4.679753168658793 51.777282145026966)</t>
  </si>
  <si>
    <t>POINT (4.639027359141732 51.76936428421865)</t>
  </si>
  <si>
    <t>POINT (4.70243123048573 51.80427275859451)</t>
  </si>
  <si>
    <t>POINT (4.678384120034847 51.77557241621544)</t>
  </si>
  <si>
    <t>POINT (4.671507008396452 51.79933935534814)</t>
  </si>
  <si>
    <t>POINT (4.664676766329031 51.77798675633739)</t>
  </si>
  <si>
    <t>POINT (4.661730151136765 51.81341403187665)</t>
  </si>
  <si>
    <t>POINT (4.655648951148156 51.769720554548236)</t>
  </si>
  <si>
    <t>POINT (4.65207286989762 51.793742198594146)</t>
  </si>
  <si>
    <t>POINT (4.728742242534909 51.8054947284109)</t>
  </si>
  <si>
    <t>POINT (4.656979142777797 51.7985009696374)</t>
  </si>
  <si>
    <t>POINT (4.6759344913209615 51.804412156540906)</t>
  </si>
  <si>
    <t>POINT (4.660687807770312 51.80461337568811)</t>
  </si>
  <si>
    <t>POINT (4.6312851388392495 51.759176456516656)</t>
  </si>
  <si>
    <t>POINT (4.67915918511804 51.77968654443139)</t>
  </si>
  <si>
    <t>POINT (4.663942093442123 51.81081590703816)</t>
  </si>
  <si>
    <t>POINT (4.665892126982097 51.77809338245118)</t>
  </si>
  <si>
    <t>POINT (4.690778900234364 51.78815868307962)</t>
  </si>
  <si>
    <t>POINT (4.675561814187168 51.780205381194996)</t>
  </si>
  <si>
    <t>POINT (4.664916224627714 51.798518586258076)</t>
  </si>
  <si>
    <t>POINT (4.656244334394538 51.81169021620566)</t>
  </si>
  <si>
    <t>POINT (4.6795252739410635 51.781341910648635)</t>
  </si>
  <si>
    <t>POINT (4.6528880089490805 51.80352160301503)</t>
  </si>
  <si>
    <t>POINT (4.681521851929208 51.80327207045891)</t>
  </si>
  <si>
    <t>POINT (4.68147698166607 51.80952473450324)</t>
  </si>
  <si>
    <t>POINT (4.673132903111326 51.7855104757584)</t>
  </si>
  <si>
    <t>POINT (4.70404712597144 51.798890258681794)</t>
  </si>
  <si>
    <t>POINT (4.683611062136156 51.811903635993254)</t>
  </si>
  <si>
    <t>POINT (4.668548386318383 51.79284859301404)</t>
  </si>
  <si>
    <t>POINT (4.719413668511458 51.80104529588912)</t>
  </si>
  <si>
    <t>POINT (4.685169004232923 51.78570093230919)</t>
  </si>
  <si>
    <t>POINT (4.668491105166339 51.792002118014715)</t>
  </si>
  <si>
    <t>POINT (4.675805960205269 51.814485046993276)</t>
  </si>
  <si>
    <t>POINT (4.6589829158964156 51.81259546846719)</t>
  </si>
  <si>
    <t>POINT (4.665339915687357 51.802943126814675)</t>
  </si>
  <si>
    <t>POINT (4.679569049531015 51.78785085388284)</t>
  </si>
  <si>
    <t>POINT (4.664893512020729 51.81739366831059)</t>
  </si>
  <si>
    <t>POINT (4.672088747593168 51.81890417876359)</t>
  </si>
  <si>
    <t>POINT (4.707385320542006 51.79533309585401)</t>
  </si>
  <si>
    <t>POINT (4.65840472530147 51.810787759899185)</t>
  </si>
  <si>
    <t>POINT (4.670880165140938 51.80028656910836)</t>
  </si>
  <si>
    <t>POINT (4.680120571279121 51.78544723202295)</t>
  </si>
  <si>
    <t>POINT (4.66137361880167 51.79767991171976)</t>
  </si>
  <si>
    <t>POINT (4.672964528291629 51.78168652832909)</t>
  </si>
  <si>
    <t>POINT (4.727380776914054 51.800918614085624)</t>
  </si>
  <si>
    <t>POINT (4.708125203764635 51.80463327026055)</t>
  </si>
  <si>
    <t>POINT (4.706257745074732 51.79458960318899)</t>
  </si>
  <si>
    <t>POINT (4.663614385256699 51.79955630939861)</t>
  </si>
  <si>
    <t>POINT (4.654835570812277 51.78726101687024)</t>
  </si>
  <si>
    <t>POINT (4.659676807506043 51.793160678112486)</t>
  </si>
  <si>
    <t>POINT (4.680462770603387 51.78084091503989)</t>
  </si>
  <si>
    <t>POINT (4.672629425481187 51.78361056891099)</t>
  </si>
  <si>
    <t>POINT (4.6823112893881875 51.81466154902602)</t>
  </si>
  <si>
    <t>POINT (4.655955186810133 51.80314667573431)</t>
  </si>
  <si>
    <t>POINT (4.7032672349188935 51.79647437129623)</t>
  </si>
  <si>
    <t>POINT (4.705062303049833 51.809098226298275)</t>
  </si>
  <si>
    <t>POINT (4.636147985468983 51.775899816241804)</t>
  </si>
  <si>
    <t>POINT (4.674496691174403 51.81809570695316)</t>
  </si>
  <si>
    <t>POINT (4.672218420873182 51.81487743389828)</t>
  </si>
  <si>
    <t>POINT (4.7322758745243 51.791716591520455)</t>
  </si>
  <si>
    <t>POINT (4.6598149896312755 51.79722430252591)</t>
  </si>
  <si>
    <t>POINT (4.685055447726644 51.813118331893996)</t>
  </si>
  <si>
    <t>POINT (4.668384218564261 51.813237515290126)</t>
  </si>
  <si>
    <t>POINT (4.665566417642637 51.77604887303152)</t>
  </si>
  <si>
    <t>POINT (4.653131963877524 51.80318521732074)</t>
  </si>
  <si>
    <t>POINT (4.710280605295166 51.79147962424028)</t>
  </si>
  <si>
    <t>POINT (4.706670197701265 51.80942503204003)</t>
  </si>
  <si>
    <t>POINT (4.631599975925621 51.76867465977291)</t>
  </si>
  <si>
    <t>POINT (4.7140686399115905 51.813943741398695)</t>
  </si>
  <si>
    <t>POINT (4.650924078337983 51.803457601709724)</t>
  </si>
  <si>
    <t>POINT (4.661082034623572 51.77094670182565)</t>
  </si>
  <si>
    <t>POINT (4.666476632015299 51.815400814371905)</t>
  </si>
  <si>
    <t>POINT (4.675547963595135 51.77647147851049)</t>
  </si>
  <si>
    <t>POINT (4.6969723515144 51.797412220088304)</t>
  </si>
  <si>
    <t>POINT (4.673049048648682 51.80261709137775)</t>
  </si>
  <si>
    <t>POINT (4.6740820030610575 51.80347551893006)</t>
  </si>
  <si>
    <t>POINT (4.66713526644894 51.777825274209405)</t>
  </si>
  <si>
    <t>POINT (4.675947847605437 51.80536347339065)</t>
  </si>
  <si>
    <t>POINT (4.698254398018156 51.790476339263115)</t>
  </si>
  <si>
    <t>POINT (4.680907905362893 51.80639228237423)</t>
  </si>
  <si>
    <t>POINT (4.658241946522939 51.8010029346447)</t>
  </si>
  <si>
    <t>POINT (4.656210222084572 51.81166634549192)</t>
  </si>
  <si>
    <t>POINT (4.670550329085088 51.798909357489904)</t>
  </si>
  <si>
    <t>POINT (4.665949605769257 51.81210628237579)</t>
  </si>
  <si>
    <t>POINT (4.6746640377318815 51.776684744188046)</t>
  </si>
  <si>
    <t>POINT (4.677629278020402 51.78990183503196)</t>
  </si>
  <si>
    <t>POINT (4.681871141296848 51.809736297600885)</t>
  </si>
  <si>
    <t>POINT (4.662840588537257 51.80113399430311)</t>
  </si>
  <si>
    <t>POINT (4.725979610596462 51.79804002318881)</t>
  </si>
  <si>
    <t>POINT (4.66090316991142 51.79094035454015)</t>
  </si>
  <si>
    <t>POINT (4.668153570866478 51.79195285900496)</t>
  </si>
  <si>
    <t>POINT (4.680455172668702 51.78072367459447)</t>
  </si>
  <si>
    <t>POINT (4.670297391535006 51.796466762481415)</t>
  </si>
  <si>
    <t>POINT (4.6614509984142725 51.78980643097618)</t>
  </si>
  <si>
    <t>POINT (4.67345942947346 51.78914077821788)</t>
  </si>
  <si>
    <t>POINT (4.678578986397038 51.78709033938637)</t>
  </si>
  <si>
    <t>POINT (4.7058028978151905 51.789683123002476)</t>
  </si>
  <si>
    <t>POINT (4.724774329658281 51.79793369317237)</t>
  </si>
  <si>
    <t>POINT (4.671418299663489 51.78220614213188)</t>
  </si>
  <si>
    <t>POINT (4.736158617610011 51.799332830424554)</t>
  </si>
  <si>
    <t>POINT (4.730108912255738 51.79184427484174)</t>
  </si>
  <si>
    <t>POINT (4.680717099712262 51.79875129767696)</t>
  </si>
  <si>
    <t>POINT (4.730158350375265 51.796236601955265)</t>
  </si>
  <si>
    <t>POINT (4.6587383341383966 51.81334535056877)</t>
  </si>
  <si>
    <t>POINT (4.6458439567002054 51.77874359939451)</t>
  </si>
  <si>
    <t>POINT (4.68692250121309 51.77682883122609)</t>
  </si>
  <si>
    <t>POINT (4.668050994161929 51.815943734513716)</t>
  </si>
  <si>
    <t>POINT (4.657519816207241 51.80184470483439)</t>
  </si>
  <si>
    <t>POINT (4.666121702369222 51.803856393670365)</t>
  </si>
  <si>
    <t>POINT (4.653923989647407 51.79234746388531)</t>
  </si>
  <si>
    <t>POINT (4.727027049629283 51.80235406082275)</t>
  </si>
  <si>
    <t>POINT (4.654313151992274 51.79233826432274)</t>
  </si>
  <si>
    <t>POINT (4.73181915528353 51.79699330558666)</t>
  </si>
  <si>
    <t>POINT (4.721662298358679 51.79428738129805)</t>
  </si>
  <si>
    <t>POINT (4.6758401665055445 51.8178483100413)</t>
  </si>
  <si>
    <t>POINT (4.674502322379194 51.79712057393194)</t>
  </si>
  <si>
    <t>POINT (4.713825989740977 51.80367922413691)</t>
  </si>
  <si>
    <t>POINT (4.667914334009589 51.80130230366661)</t>
  </si>
  <si>
    <t>POINT (4.682495521572432 51.80923815757691)</t>
  </si>
  <si>
    <t>POINT (4.651346549639219 51.803494013532394)</t>
  </si>
  <si>
    <t>POINT (4.672210805136699 51.77902655546664)</t>
  </si>
  <si>
    <t>POINT (4.689540664258947 51.80872858434105)</t>
  </si>
  <si>
    <t>POINT (4.679345211089353 51.78506330467395)</t>
  </si>
  <si>
    <t>POINT (4.655787539188863 51.81141365543468)</t>
  </si>
  <si>
    <t>POINT (4.671536435119832 51.80207506182454)</t>
  </si>
  <si>
    <t>POINT (4.676581856371994 51.78635252870745)</t>
  </si>
  <si>
    <t>POINT (4.66866091382835 51.78084462634398)</t>
  </si>
  <si>
    <t>POINT (4.709463872975481 51.798944216521576)</t>
  </si>
  <si>
    <t>POINT (4.714116642769836 51.80904786835206)</t>
  </si>
  <si>
    <t>POINT (4.673032408193621 51.819525315853205)</t>
  </si>
  <si>
    <t>POINT (4.65624940752268 51.77079358008906)</t>
  </si>
  <si>
    <t>POINT (4.673953872092706 51.77278106185127)</t>
  </si>
  <si>
    <t>POINT (4.727272680343887 51.79420544812339)</t>
  </si>
  <si>
    <t>POINT (4.708095609530648 51.807680674077375)</t>
  </si>
  <si>
    <t>POINT (4.709113480971812 51.7940485407367)</t>
  </si>
  <si>
    <t>POINT (4.669802335528449 51.81355096305277)</t>
  </si>
  <si>
    <t>POINT (4.713507695624321 51.80536888090856)</t>
  </si>
  <si>
    <t>POINT (4.6781920408477475 51.77353483650876)</t>
  </si>
  <si>
    <t>POINT (4.699133048583649 51.79395029668113)</t>
  </si>
  <si>
    <t>POINT (4.687381018272609 51.809495446340485)</t>
  </si>
  <si>
    <t>POINT (4.690603103452002 51.80748155288457)</t>
  </si>
  <si>
    <t>POINT (4.71068225078996 51.7962447182352)</t>
  </si>
  <si>
    <t>POINT (4.680764940849999 51.786014390918524)</t>
  </si>
  <si>
    <t>POINT (4.659554691326053 51.80750191734656)</t>
  </si>
  <si>
    <t>POINT (4.6806499547608995 51.80439602583125)</t>
  </si>
  <si>
    <t>POINT (4.706346355731085 51.79669603540283)</t>
  </si>
  <si>
    <t>POINT (4.721596371062965 51.81099760618069)</t>
  </si>
  <si>
    <t>POINT (4.6838750000373235 51.79806417375174)</t>
  </si>
  <si>
    <t>POINT (4.65950405928544 51.795986050476344)</t>
  </si>
  <si>
    <t>POINT (4.729353194044531 51.79624580684094)</t>
  </si>
  <si>
    <t>POINT (4.686625572649084 51.80899109699008)</t>
  </si>
  <si>
    <t>POINT (4.676851104488776 51.818082340826614)</t>
  </si>
  <si>
    <t>POINT (4.685807103528498 51.8093233456281)</t>
  </si>
  <si>
    <t>POINT (4.684277102097688 51.776553089481745)</t>
  </si>
  <si>
    <t>POINT (4.680521804245796 51.78847934287588)</t>
  </si>
  <si>
    <t>POINT (4.67858213724709 51.7846666015009)</t>
  </si>
  <si>
    <t>POINT (4.681370027101402 51.80616926758894)</t>
  </si>
  <si>
    <t>POINT (4.657201099780475 51.770774591165015)</t>
  </si>
  <si>
    <t>POINT (4.64258433624281 51.7434873142893)</t>
  </si>
  <si>
    <t>POINT (4.733387940050852 51.802910945814766)</t>
  </si>
  <si>
    <t>POINT (4.673053480062786 51.81058005434106)</t>
  </si>
  <si>
    <t>POINT (4.637142305572438 51.767841926177766)</t>
  </si>
  <si>
    <t>POINT (4.665073653293947 51.77528077438809)</t>
  </si>
  <si>
    <t>POINT (4.660682475076101 51.80143262161554)</t>
  </si>
  <si>
    <t>POINT (4.675309268241072 51.775819975532734)</t>
  </si>
  <si>
    <t>POINT (4.684671339703764 51.78951430756674)</t>
  </si>
  <si>
    <t>3311KD</t>
  </si>
  <si>
    <t>Bagijnestraat</t>
  </si>
  <si>
    <t>POINT (4.666530402025221 51.81309686138874)</t>
  </si>
  <si>
    <t>POINT (4.668500244817568 51.792328274980854)</t>
  </si>
  <si>
    <t>POINT (4.714972597010515 51.81494440533487)</t>
  </si>
  <si>
    <t>POINT (4.692123527988652 51.818909101670926)</t>
  </si>
  <si>
    <t>POINT (4.66759638756989 51.80816697288148)</t>
  </si>
  <si>
    <t>POINT (4.683453316129912 51.78587998962111)</t>
  </si>
  <si>
    <t>POINT (4.714558100368763 51.807054255586245)</t>
  </si>
  <si>
    <t>POINT (4.734554650957151 51.79830508431395)</t>
  </si>
  <si>
    <t>POINT (4.633150721028599 51.78181855633168)</t>
  </si>
  <si>
    <t>POINT (4.669413296111893 51.8170862471898)</t>
  </si>
  <si>
    <t>POINT (4.668063383706369 51.81741902240401)</t>
  </si>
  <si>
    <t>POINT (4.669932042508566 51.81735659800036)</t>
  </si>
  <si>
    <t>POINT (4.656648445385047 51.78886802427009)</t>
  </si>
  <si>
    <t>POINT (4.707428718898142 51.787243133708614)</t>
  </si>
  <si>
    <t>POINT (4.6794222498108216 51.77838161528392)</t>
  </si>
  <si>
    <t>POINT (4.685833767296818 51.7917312841819)</t>
  </si>
  <si>
    <t>POINT (4.661089459683072 51.78790084386007)</t>
  </si>
  <si>
    <t>POINT (4.663386313554358 51.816241193536634)</t>
  </si>
  <si>
    <t>POINT (4.663193653383399 51.79794474636161)</t>
  </si>
  <si>
    <t>POINT (4.687323233489271 51.809344029236385)</t>
  </si>
  <si>
    <t>POINT (4.667327135008932 51.80121270764149)</t>
  </si>
  <si>
    <t>POINT (4.65798470189018 51.81201476697712)</t>
  </si>
  <si>
    <t>POINT (4.669313094102011 51.79048055537099)</t>
  </si>
  <si>
    <t>POINT (4.66120317658914 51.800155818507)</t>
  </si>
  <si>
    <t>POINT (4.724126293589809 51.80334769503329)</t>
  </si>
  <si>
    <t>POINT (4.675067355986087 51.81284209460072)</t>
  </si>
  <si>
    <t>POINT (4.679627769541045 51.805451572637025)</t>
  </si>
  <si>
    <t>POINT (4.667536466466522 51.81531816868332)</t>
  </si>
  <si>
    <t>POINT (4.677352344551906 51.81637417459553)</t>
  </si>
  <si>
    <t>POINT (4.631154867720427 51.72387339371988)</t>
  </si>
  <si>
    <t>POINT (4.6905169832614515 51.80575678203903)</t>
  </si>
  <si>
    <t>POINT (4.659198997546134 51.804872325642)</t>
  </si>
  <si>
    <t>POINT (4.67769530835595 51.80365277486036)</t>
  </si>
  <si>
    <t>POINT (4.657883122923505 51.80633243015335)</t>
  </si>
  <si>
    <t>POINT (4.71810598849518 51.801237448032694)</t>
  </si>
  <si>
    <t>POINT (4.659935977520216 51.79937696506692)</t>
  </si>
  <si>
    <t>POINT (4.670537635094468 51.779328584905215)</t>
  </si>
  <si>
    <t>POINT (4.714486352197073 51.81386962528157)</t>
  </si>
  <si>
    <t>POINT (4.677659618099385 51.81346996991149)</t>
  </si>
  <si>
    <t>POINT (4.669723245870801 51.77953177560289)</t>
  </si>
  <si>
    <t>POINT (4.688556955481226 51.81771182240941)</t>
  </si>
  <si>
    <t>POINT (4.679258458690805 51.78755346760898)</t>
  </si>
  <si>
    <t>POINT (4.697784584885472 51.79909117091426)</t>
  </si>
  <si>
    <t>POINT (4.719593511167628 51.79453327803173)</t>
  </si>
  <si>
    <t>POINT (4.656745751930884 51.79042620298028)</t>
  </si>
  <si>
    <t>POINT (4.671115713569175 51.81052318542061)</t>
  </si>
  <si>
    <t>POINT (4.653148049433579 51.80034598501168)</t>
  </si>
  <si>
    <t>POINT (4.710932955581381 51.81611554412424)</t>
  </si>
  <si>
    <t>POINT (4.660385870304513 51.79120334225257)</t>
  </si>
  <si>
    <t>POINT (4.653286694031869 51.7936566573533)</t>
  </si>
  <si>
    <t>POINT (4.716820946925446 51.814996343808254)</t>
  </si>
  <si>
    <t>POINT (4.683514230495786 51.810765701582326)</t>
  </si>
  <si>
    <t>POINT (4.669090585248927 51.81230982200952)</t>
  </si>
  <si>
    <t>POINT (4.7220270713163925 51.806207774326545)</t>
  </si>
  <si>
    <t>POINT (4.715234248811202 51.80114892983312)</t>
  </si>
  <si>
    <t>POINT (4.668596302420691 51.77531557022941)</t>
  </si>
  <si>
    <t>POINT (4.652916686174176 51.8028244750996)</t>
  </si>
  <si>
    <t>POINT (4.682373003911703 51.779720039984554)</t>
  </si>
  <si>
    <t>POINT (4.658518746734664 51.81336573989784)</t>
  </si>
  <si>
    <t>POINT (4.663760625871006 51.7880651668723)</t>
  </si>
  <si>
    <t>POINT (4.708073110874447 51.804492503100064)</t>
  </si>
  <si>
    <t>POINT (4.652062433660168 51.79355802642951)</t>
  </si>
  <si>
    <t>POINT (4.677629990235211 51.790330240419685)</t>
  </si>
  <si>
    <t>POINT (4.665388055103774 51.772763792030936)</t>
  </si>
  <si>
    <t>POINT (4.6709736773239054 51.77189582112845)</t>
  </si>
  <si>
    <t>POINT (4.656568272918145 51.78920035896204)</t>
  </si>
  <si>
    <t>POINT (4.68918257752968 51.81798914164703)</t>
  </si>
  <si>
    <t>POINT (4.665022374770251 51.78717763035013)</t>
  </si>
  <si>
    <t>POINT (4.686260929336568 51.7750141058221)</t>
  </si>
  <si>
    <t>POINT (4.666680865218442 51.811932358217405)</t>
  </si>
  <si>
    <t>POINT (4.734583264859773 51.797052874396904)</t>
  </si>
  <si>
    <t>POINT (4.704558021513043 51.80828919160987)</t>
  </si>
  <si>
    <t>POINT (4.676101564339069 51.78944570257298)</t>
  </si>
  <si>
    <t>POINT (4.659338170051852 51.811715091448775)</t>
  </si>
  <si>
    <t>POINT (4.675309870596229 51.77921661388216)</t>
  </si>
  <si>
    <t>POINT (4.667408184977646 51.789987618779776)</t>
  </si>
  <si>
    <t>POINT (4.715078978044994 51.814945068568434)</t>
  </si>
  <si>
    <t>POINT (4.669736916401227 51.80003141506133)</t>
  </si>
  <si>
    <t>POINT (4.653621774213454 51.78523404541191)</t>
  </si>
  <si>
    <t>POINT (4.673951606197628 51.81727312353061)</t>
  </si>
  <si>
    <t>POINT (4.674786338565345 51.815377719638086)</t>
  </si>
  <si>
    <t>POINT (4.704735163316332 51.798175241798674)</t>
  </si>
  <si>
    <t>POINT (4.681141170133261 51.7799433172511)</t>
  </si>
  <si>
    <t>POINT (4.6775977348606705 51.78039242023685)</t>
  </si>
  <si>
    <t>POINT (4.668998925432701 51.77916780323402)</t>
  </si>
  <si>
    <t>POINT (4.685062138090406 51.80189963321206)</t>
  </si>
  <si>
    <t>POINT (4.67578718572892 51.774170373095664)</t>
  </si>
  <si>
    <t>POINT (4.683444672797818 51.79800702303929)</t>
  </si>
  <si>
    <t>POINT (4.676834223310102 51.7894681458036)</t>
  </si>
  <si>
    <t>POINT (4.7188032713425025 51.80463149892271)</t>
  </si>
  <si>
    <t>POINT (4.6659516050431735 51.81717823634844)</t>
  </si>
  <si>
    <t>POINT (4.714094562257136 51.816185143701134)</t>
  </si>
  <si>
    <t>POINT (4.658333536512107 51.80444745048829)</t>
  </si>
  <si>
    <t>POINT (4.677540833277767 51.81640047379516)</t>
  </si>
  <si>
    <t>POINT (4.726649720349733 51.79939461119181)</t>
  </si>
  <si>
    <t>POINT (4.6671590468503 51.78211205585255)</t>
  </si>
  <si>
    <t>POINT (4.662644787253282 51.80096993716305)</t>
  </si>
  <si>
    <t>POINT (4.668424739375216 51.819001552267515)</t>
  </si>
  <si>
    <t>POINT (4.654930737536898 51.803552247729364)</t>
  </si>
  <si>
    <t>POINT (4.663872301781306 51.7997948057658)</t>
  </si>
  <si>
    <t>POINT (4.719563259343688 51.79982598318822)</t>
  </si>
  <si>
    <t>POINT (4.721879283346423 51.80326281485625)</t>
  </si>
  <si>
    <t>POINT (4.6990026983219035 51.79120165005889)</t>
  </si>
  <si>
    <t>POINT (4.681660722132985 51.811769231046306)</t>
  </si>
  <si>
    <t>POINT (4.667766717569912 51.81428910075311)</t>
  </si>
  <si>
    <t>POINT (4.667546854708482 51.802479330299086)</t>
  </si>
  <si>
    <t>POINT (4.730221005135229 51.80431534878977)</t>
  </si>
  <si>
    <t>POINT (4.660352728295112 51.78812688661101)</t>
  </si>
  <si>
    <t>POINT (4.700117118624721 51.79773490005837)</t>
  </si>
  <si>
    <t>POINT (4.65393037289348 51.793419038877346)</t>
  </si>
  <si>
    <t>POINT (4.673771122795777 51.817028649360985)</t>
  </si>
  <si>
    <t>POINT (4.657153654436198 51.796423481192484)</t>
  </si>
  <si>
    <t>POINT (4.6362995288290225 51.76753141854965)</t>
  </si>
  <si>
    <t>POINT (4.659839133920346 51.791381273828506)</t>
  </si>
  <si>
    <t>POINT (4.649153884268302 51.8056086226338)</t>
  </si>
  <si>
    <t>POINT (4.666540384812744 51.8122373623611)</t>
  </si>
  <si>
    <t>POINT (4.671806198396695 51.80250437055943)</t>
  </si>
  <si>
    <t>POINT (4.670901105741727 51.80026065672541)</t>
  </si>
  <si>
    <t>POINT (4.71438916883216 51.81609815113304)</t>
  </si>
  <si>
    <t>POINT (4.661988418956661 51.7949681915872)</t>
  </si>
  <si>
    <t>POINT (4.670426369553339 51.78064071491597)</t>
  </si>
  <si>
    <t>POINT (4.670786131178871 51.7996842113051)</t>
  </si>
  <si>
    <t>POINT (4.668789282339709 51.773863385014984)</t>
  </si>
  <si>
    <t>POINT (4.6671251556644435 51.771274028390245)</t>
  </si>
  <si>
    <t>POINT (4.656065854171269 51.789675284300834)</t>
  </si>
  <si>
    <t>POINT (4.6645154751428395 51.7890278358396)</t>
  </si>
  <si>
    <t>POINT (4.697931023436712 51.793258717416066)</t>
  </si>
  <si>
    <t>POINT (4.714638403968628 51.81121400343862)</t>
  </si>
  <si>
    <t>POINT (4.675958784358998 51.8174369256324)</t>
  </si>
  <si>
    <t>POINT (4.713241836624602 51.80422186786976)</t>
  </si>
  <si>
    <t>POINT (4.677319162371807 51.77777991161337)</t>
  </si>
  <si>
    <t>POINT (4.6750731550802564 51.80403717385529)</t>
  </si>
  <si>
    <t>POINT (4.698332241167032 51.792685807928194)</t>
  </si>
  <si>
    <t>POINT (4.733053452201963 51.799240639208584)</t>
  </si>
  <si>
    <t>POINT (4.6822900031846615 51.80292600359211)</t>
  </si>
  <si>
    <t>POINT (4.678914971436054 51.7875764366728)</t>
  </si>
  <si>
    <t>POINT (4.673091023510252 51.81125302218154)</t>
  </si>
  <si>
    <t>POINT (4.672764572436793 51.8028960941287)</t>
  </si>
  <si>
    <t>POINT (4.702732825928387 51.80397195108278)</t>
  </si>
  <si>
    <t>POINT (4.671178417072523 51.79057794125275)</t>
  </si>
  <si>
    <t>POINT (4.680720891337913 51.81192633460218)</t>
  </si>
  <si>
    <t>POINT (4.702113440774837 51.81600193862438)</t>
  </si>
  <si>
    <t>POINT (4.66237077466972 51.81580404445391)</t>
  </si>
  <si>
    <t>POINT (4.684546964299624 51.80031308619193)</t>
  </si>
  <si>
    <t>POINT (4.652056591565905 51.80359198279965)</t>
  </si>
  <si>
    <t>POINT (4.6684309760420915 51.79844691350784)</t>
  </si>
  <si>
    <t>POINT (4.729261027728028 51.80466343911666)</t>
  </si>
  <si>
    <t>POINT (4.734964386266419 51.798265925138544)</t>
  </si>
  <si>
    <t>POINT (4.6587162587144855 51.79961051103004)</t>
  </si>
  <si>
    <t>POINT (4.654134670374625 51.792646001245764)</t>
  </si>
  <si>
    <t>POINT (4.664974542370194 51.79007067403489)</t>
  </si>
  <si>
    <t>POINT (4.680328757495698 51.808324181940435)</t>
  </si>
  <si>
    <t>POINT (4.686469658102232 51.809996213379286)</t>
  </si>
  <si>
    <t>POINT (4.676463774815937 51.81595343043664)</t>
  </si>
  <si>
    <t>POINT (4.727463413943893 51.80348970386801)</t>
  </si>
  <si>
    <t>POINT (4.6805680015892 51.799800142839565)</t>
  </si>
  <si>
    <t>POINT (4.666740703197476 51.77156978713582)</t>
  </si>
  <si>
    <t>POINT (4.677554423773303 51.781130310415385)</t>
  </si>
  <si>
    <t>POINT (4.663289830534625 51.81071796235)</t>
  </si>
  <si>
    <t>POINT (4.679304787638862 51.78525098740229)</t>
  </si>
  <si>
    <t>POINT (4.668937024325755 51.81304541434604)</t>
  </si>
  <si>
    <t>POINT (4.72181055023799 51.8043836683611)</t>
  </si>
  <si>
    <t>POINT (4.705342077699332 51.81602440874504)</t>
  </si>
  <si>
    <t>POINT (4.656053781069955 51.80110934551234)</t>
  </si>
  <si>
    <t>POINT (4.664042530599343 51.803207441270914)</t>
  </si>
  <si>
    <t>POINT (4.683239373176021 51.81867502845036)</t>
  </si>
  <si>
    <t>POINT (4.676272740831984 51.77295537409387)</t>
  </si>
  <si>
    <t>POINT (4.673319548278553 51.77263213358645)</t>
  </si>
  <si>
    <t>POINT (4.66150280592273 51.81277404327789)</t>
  </si>
  <si>
    <t>POINT (4.719316569877671 51.81532902211728)</t>
  </si>
  <si>
    <t>POINT (4.697378930891238 51.79003646629743)</t>
  </si>
  <si>
    <t>POINT (4.663254986061154 51.795168525038115)</t>
  </si>
  <si>
    <t>POINT (4.656332961454849 51.80438173929659)</t>
  </si>
  <si>
    <t>POINT (4.67860705177897 51.80897863607685)</t>
  </si>
  <si>
    <t>POINT (4.658638257411569 51.79629089514342)</t>
  </si>
  <si>
    <t>POINT (4.688922483428976 51.8078206478053)</t>
  </si>
  <si>
    <t>POINT (4.65578056759787 51.805827310877454)</t>
  </si>
  <si>
    <t>POINT (4.651880318965723 51.789345736013836)</t>
  </si>
  <si>
    <t>POINT (4.722031799785588 51.80229430829899)</t>
  </si>
  <si>
    <t>POINT (4.659728785912437 51.79111232165541)</t>
  </si>
  <si>
    <t>POINT (4.676056870006579 51.78491925430273)</t>
  </si>
  <si>
    <t>POINT (4.679608834835643 51.81615067139062)</t>
  </si>
  <si>
    <t>POINT (4.653935223913356 51.79414702876539)</t>
  </si>
  <si>
    <t>POINT (4.687823885210375 51.80751092653669)</t>
  </si>
  <si>
    <t>POINT (4.683331208320102 51.79794632497726)</t>
  </si>
  <si>
    <t>POINT (4.670973488513955 51.804448594505686)</t>
  </si>
  <si>
    <t>POINT (4.719215875458845 51.811605806147604)</t>
  </si>
  <si>
    <t>POINT (4.677648550570911 51.81735673697961)</t>
  </si>
  <si>
    <t>POINT (4.690975358498099 51.806182365400105)</t>
  </si>
  <si>
    <t>POINT (4.680184799247931 51.7739243113326)</t>
  </si>
  <si>
    <t>POINT (4.665893158956049 51.81846970230673)</t>
  </si>
  <si>
    <t>POINT (4.659557034708155 51.79591205147602)</t>
  </si>
  <si>
    <t>POINT (4.67942844155349 51.78754242151141)</t>
  </si>
  <si>
    <t>POINT (4.665897390256045 51.80831788842182)</t>
  </si>
  <si>
    <t>POINT (4.6707326406777625 51.81795643031103)</t>
  </si>
  <si>
    <t>POINT (4.697946250405108 51.79757016860353)</t>
  </si>
  <si>
    <t>POINT (4.673238997958078 51.80745150584889)</t>
  </si>
  <si>
    <t>POINT (4.679906342204624 51.80304017020187)</t>
  </si>
  <si>
    <t>POINT (4.706118004418052 51.8095413415056)</t>
  </si>
  <si>
    <t>POINT (4.716637406994239 51.81286751436162)</t>
  </si>
  <si>
    <t>POINT (4.6576188420902955 51.770766736838155)</t>
  </si>
  <si>
    <t>POINT (4.724936444451931 51.80529769959607)</t>
  </si>
  <si>
    <t>POINT (4.677993246335222 51.80343254671045)</t>
  </si>
  <si>
    <t>POINT (4.685951248846025 51.787924873568684)</t>
  </si>
  <si>
    <t>POINT (4.6651930662888 51.813836705883865)</t>
  </si>
  <si>
    <t>POINT (4.691008719397299 51.7925224519006)</t>
  </si>
  <si>
    <t>POINT (4.641999372794685 51.79881105690412)</t>
  </si>
  <si>
    <t>POINT (4.683186367818887 51.80665071816803)</t>
  </si>
  <si>
    <t>POINT (4.671144823163953 51.81873132416434)</t>
  </si>
  <si>
    <t>POINT (4.669080255104497 51.790847208518784)</t>
  </si>
  <si>
    <t>POINT (4.661303480238604 51.78896727638058)</t>
  </si>
  <si>
    <t>POINT (4.630196929398355 51.78301035843657)</t>
  </si>
  <si>
    <t>POINT (4.685874305243809 51.78669283742851)</t>
  </si>
  <si>
    <t>POINT (4.708367814757882 51.78989374828568)</t>
  </si>
  <si>
    <t>POINT (4.6859738323117535 51.79020203163258)</t>
  </si>
  <si>
    <t>POINT (4.677770805215453 51.803915413112605)</t>
  </si>
  <si>
    <t>POINT (4.667334157299187 51.7896944384902)</t>
  </si>
  <si>
    <t>POINT (4.662723731461087 51.8125877461604)</t>
  </si>
  <si>
    <t>POINT (4.656803528477664 51.80593798774772)</t>
  </si>
  <si>
    <t>POINT (4.652250719789905 51.78187105229777)</t>
  </si>
  <si>
    <t>POINT (4.651014876513336 51.79342507616601)</t>
  </si>
  <si>
    <t>POINT (4.659740054417357 51.79327288979736)</t>
  </si>
  <si>
    <t>POINT (4.6667598841557 51.780859850513615)</t>
  </si>
  <si>
    <t>POINT (4.666368820703311 51.812839233247985)</t>
  </si>
  <si>
    <t>POINT (4.687060254809527 51.80772604676637)</t>
  </si>
  <si>
    <t>POINT (4.670485498728206 51.80472427296603)</t>
  </si>
  <si>
    <t>POINT (4.680408259360057 51.81488312534296)</t>
  </si>
  <si>
    <t>POINT (4.669340825580807 51.781486511395556)</t>
  </si>
  <si>
    <t>POINT (4.672756398311922 51.78245245573739)</t>
  </si>
  <si>
    <t>POINT (4.696935652695243 51.79107790259427)</t>
  </si>
  <si>
    <t>POINT (4.6855749639548305 51.813431727693924)</t>
  </si>
  <si>
    <t>POINT (4.667734769321372 51.79541414865067)</t>
  </si>
  <si>
    <t>POINT (4.643907058018235 51.763126680118994)</t>
  </si>
  <si>
    <t>POINT (4.666176300693885 51.77615089758063)</t>
  </si>
  <si>
    <t>POINT (4.679659384001121 51.813407671571206)</t>
  </si>
  <si>
    <t>POINT (4.675667876631699 51.81153760693754)</t>
  </si>
  <si>
    <t>POINT (4.665167574495223 51.809492688321164)</t>
  </si>
  <si>
    <t>POINT (4.70482467532575 51.790061046474506)</t>
  </si>
  <si>
    <t>POINT (4.686828158947743 51.81114965755168)</t>
  </si>
  <si>
    <t>POINT (4.666842035652902 51.8021995738292)</t>
  </si>
  <si>
    <t>POINT (4.70705315577015 51.79753836354846)</t>
  </si>
  <si>
    <t>POINT (4.651837482105895 51.78437512009489)</t>
  </si>
  <si>
    <t>POINT (4.630493730165956 51.72344138556066)</t>
  </si>
  <si>
    <t>POINT (4.684885139940587 51.781643049456854)</t>
  </si>
  <si>
    <t>POINT (4.694238996793259 51.7920935812587)</t>
  </si>
  <si>
    <t>POINT (4.692321680650658 51.81793713676049)</t>
  </si>
  <si>
    <t>POINT (4.6652681259661275 51.80996168024869)</t>
  </si>
  <si>
    <t>POINT (4.653141890831722 51.79979441764683)</t>
  </si>
  <si>
    <t>POINT (4.670307291205568 51.81027747874164)</t>
  </si>
  <si>
    <t>POINT (4.6675149442939 51.79584949815086)</t>
  </si>
  <si>
    <t>POINT (4.721216255074439 51.8031556301792)</t>
  </si>
  <si>
    <t>POINT (4.703743888586927 51.78855201071514)</t>
  </si>
  <si>
    <t>POINT (4.7264774805938075 51.795893750584106)</t>
  </si>
  <si>
    <t>POINT (4.668123792619634 51.7757708469804)</t>
  </si>
  <si>
    <t>POINT (4.683213707604064 51.79821762643054)</t>
  </si>
  <si>
    <t>POINT (4.657001149771532 51.80982744696901)</t>
  </si>
  <si>
    <t>POINT (4.708823806195309 51.818694481396356)</t>
  </si>
  <si>
    <t>POINT (4.690423439225238 51.80683074060551)</t>
  </si>
  <si>
    <t>POINT (4.713584313505832 51.80573174302223)</t>
  </si>
  <si>
    <t>POINT (4.661611291531948 51.7999314774086)</t>
  </si>
  <si>
    <t>POINT (4.6827538428145665 51.78819230273641)</t>
  </si>
  <si>
    <t>POINT (4.710286696057956 51.808486438287844)</t>
  </si>
  <si>
    <t>POINT (4.664309097019792 51.801161145431244)</t>
  </si>
  <si>
    <t>POINT (4.66657607744763 51.81530919225738)</t>
  </si>
  <si>
    <t>POINT (4.655474822484194 51.80995487300667)</t>
  </si>
  <si>
    <t>POINT (4.722754923763147 51.7979447729332)</t>
  </si>
  <si>
    <t>POINT (4.7096027771135915 51.80491722435802)</t>
  </si>
  <si>
    <t>POINT (4.66880558382761 51.79546528545255)</t>
  </si>
  <si>
    <t>POINT (4.685990219757283 51.80612970589472)</t>
  </si>
  <si>
    <t>POINT (4.7294183424580885 51.79859479670259)</t>
  </si>
  <si>
    <t>POINT (4.693092861777163 51.79170793288784)</t>
  </si>
  <si>
    <t>POINT (4.703013794545226 51.79565022398272)</t>
  </si>
  <si>
    <t>POINT (4.684400823081789 51.774932817477385)</t>
  </si>
  <si>
    <t>POINT (4.68654879127286 51.77752536277529)</t>
  </si>
  <si>
    <t>POINT (4.677018694366712 51.77645502703273)</t>
  </si>
  <si>
    <t>POINT (4.669169740555159 51.81609473601796)</t>
  </si>
  <si>
    <t>POINT (4.707244504899818 51.7933836633553)</t>
  </si>
  <si>
    <t>POINT (4.66625981259174 51.78732952867205)</t>
  </si>
  <si>
    <t>POINT (4.702036303158907 51.79523028577894)</t>
  </si>
  <si>
    <t>POINT (4.670265372853904 51.810276287826404)</t>
  </si>
  <si>
    <t>POINT (4.732287842619413 51.79838072168386)</t>
  </si>
  <si>
    <t>POINT (4.672550654607247 51.80417079784724)</t>
  </si>
  <si>
    <t>POINT (4.673475561020327 51.80530466865905)</t>
  </si>
  <si>
    <t>POINT (4.669475911592595 51.8043533231237)</t>
  </si>
  <si>
    <t>POINT (4.719680966269001 51.7945067827271)</t>
  </si>
  <si>
    <t>POINT (4.6644244901599645 51.80133653358037)</t>
  </si>
  <si>
    <t>POINT (4.710460193825891 51.79963998160347)</t>
  </si>
  <si>
    <t>POINT (4.659679949570911 51.80105133833312)</t>
  </si>
  <si>
    <t>POINT (4.669128561597315 51.81507528540811)</t>
  </si>
  <si>
    <t>POINT (4.687508705720087 51.81499511108081)</t>
  </si>
  <si>
    <t>POINT (4.6858628753336955 51.817968847265114)</t>
  </si>
  <si>
    <t>POINT (4.6693549171601205 51.79966860511572)</t>
  </si>
  <si>
    <t>POINT (4.6727647796662 51.77627344456639)</t>
  </si>
  <si>
    <t>POINT (4.700994959983986 51.79967591721119)</t>
  </si>
  <si>
    <t>POINT (4.72852519746894 51.798396907779754)</t>
  </si>
  <si>
    <t>POINT (4.673510427814729 51.795268123691464)</t>
  </si>
  <si>
    <t>POINT (4.686703598560361 51.78194184926705)</t>
  </si>
  <si>
    <t>POINT (4.689431331576461 51.78430519827737)</t>
  </si>
  <si>
    <t>POINT (4.636195277411546 51.76772037763956)</t>
  </si>
  <si>
    <t>POINT (4.6883360627587605 51.805887640672815)</t>
  </si>
  <si>
    <t>POINT (4.669768857233675 51.810780052940935)</t>
  </si>
  <si>
    <t>POINT (4.7114671613527355 51.81496486654017)</t>
  </si>
  <si>
    <t>POINT (4.667448785374996 51.794171298265816)</t>
  </si>
  <si>
    <t>POINT (4.679966686280403 51.77841953285261)</t>
  </si>
  <si>
    <t>POINT (4.698170874384833 51.81750404236805)</t>
  </si>
  <si>
    <t>POINT (4.661783630258052 51.78826160381664)</t>
  </si>
  <si>
    <t>POINT (4.653917192035039 51.767485063224804)</t>
  </si>
  <si>
    <t>POINT (4.677638504414038 51.81652348098958)</t>
  </si>
  <si>
    <t>POINT (4.658541995444322 51.812519491720124)</t>
  </si>
  <si>
    <t>POINT (4.675001836343602 51.81643611290772)</t>
  </si>
  <si>
    <t>POINT (4.668081753810133 51.77835742419047)</t>
  </si>
  <si>
    <t>POINT (4.683907046660135 51.79815385714214)</t>
  </si>
  <si>
    <t>POINT (4.6955412843552775 51.818089339970335)</t>
  </si>
  <si>
    <t>POINT (4.65312175029591 51.803928464922095)</t>
  </si>
  <si>
    <t>POINT (4.658343930225985 51.79539923037707)</t>
  </si>
  <si>
    <t>POINT (4.669951701068476 51.805385445718755)</t>
  </si>
  <si>
    <t>POINT (4.7302514796196915 51.79581233812336)</t>
  </si>
  <si>
    <t>POINT (4.653601307935823 51.80359961939909)</t>
  </si>
  <si>
    <t>POINT (4.662762995713516 51.79314578094254)</t>
  </si>
  <si>
    <t>POINT (4.678706461048693 51.78634068816545)</t>
  </si>
  <si>
    <t>POINT (4.682064638427957 51.78577269370896)</t>
  </si>
  <si>
    <t>POINT (4.667498396830663 51.795561920193556)</t>
  </si>
  <si>
    <t>POINT (4.669287353658157 51.789660637447554)</t>
  </si>
  <si>
    <t>POINT (4.720321134335084 51.80337884879794)</t>
  </si>
  <si>
    <t>POINT (4.68108715710041 51.80775782359468)</t>
  </si>
  <si>
    <t>POINT (4.6692101609377765 51.81596631046936)</t>
  </si>
  <si>
    <t>POINT (4.683340438391054 51.80222646490162)</t>
  </si>
  <si>
    <t>POINT (4.728569205643034 51.80553043991616)</t>
  </si>
  <si>
    <t>POINT (4.7212120164914175 51.794864369448504)</t>
  </si>
  <si>
    <t>POINT (4.72042264876236 51.81197927052263)</t>
  </si>
  <si>
    <t>POINT (4.684083691680587 51.78987515232358)</t>
  </si>
  <si>
    <t>POINT (4.703878359976261 51.80383277780612)</t>
  </si>
  <si>
    <t>POINT (4.72542574085703 51.79573920459154)</t>
  </si>
  <si>
    <t>POINT (4.663254335110059 51.805326787986054)</t>
  </si>
  <si>
    <t>POINT (4.667693864861491 51.81649400738812)</t>
  </si>
  <si>
    <t>POINT (4.6776441835203935 51.77963552887176)</t>
  </si>
  <si>
    <t>POINT (4.672233379304661 51.78787422023703)</t>
  </si>
  <si>
    <t>POINT (4.6638169991426714 51.81348348887232)</t>
  </si>
  <si>
    <t>POINT (4.716008125939146 51.814213731557146)</t>
  </si>
  <si>
    <t>POINT (4.70818443730616 51.78773407619843)</t>
  </si>
  <si>
    <t>POINT (4.684686726485063 51.79262274110713)</t>
  </si>
  <si>
    <t>POINT (4.68230444705293 51.788922954479)</t>
  </si>
  <si>
    <t>POINT (4.6734336681628985 51.81354460261345)</t>
  </si>
  <si>
    <t>POINT (4.666468334746851 51.77256038740192)</t>
  </si>
  <si>
    <t>POINT (4.655901370751519 51.791761374629296)</t>
  </si>
  <si>
    <t>POINT (4.670789617985382 51.81556404803569)</t>
  </si>
  <si>
    <t>POINT (4.6834852875688915 51.78197147486388)</t>
  </si>
  <si>
    <t>POINT (4.657895221705452 51.76974726434661)</t>
  </si>
  <si>
    <t>POINT (4.668709392526387 51.802609842573766)</t>
  </si>
  <si>
    <t>POINT (4.687306807409418 51.80563501879015)</t>
  </si>
  <si>
    <t>POINT (4.6678120660006535 51.79941611017517)</t>
  </si>
  <si>
    <t>POINT (4.70935515763398 51.7943233724385)</t>
  </si>
  <si>
    <t>POINT (4.652164848782613 51.781870514213935)</t>
  </si>
  <si>
    <t>POINT (4.684336437026255 51.77694777936083)</t>
  </si>
  <si>
    <t>POINT (4.651898197995222 51.783087003537496)</t>
  </si>
  <si>
    <t>POINT (4.7117502079335525 51.80306126950863)</t>
  </si>
  <si>
    <t>POINT (4.709609969771287 51.794119597286134)</t>
  </si>
  <si>
    <t>POINT (4.6833084021206135 51.79794181965615)</t>
  </si>
  <si>
    <t>POINT (4.68554139348831 51.784764237681024)</t>
  </si>
  <si>
    <t>POINT (4.713051833114485 51.80058608061559)</t>
  </si>
  <si>
    <t>POINT (4.716615040689354 51.81568165641243)</t>
  </si>
  <si>
    <t>POINT (4.666212302193414 51.77255657549373)</t>
  </si>
  <si>
    <t>POINT (4.676612830170394 51.778603503224026)</t>
  </si>
  <si>
    <t>POINT (4.708044179363913 51.79502576916641)</t>
  </si>
  <si>
    <t>POINT (4.680242659696698 51.80183943109985)</t>
  </si>
  <si>
    <t>POINT (4.686684119893776 51.80209658919197)</t>
  </si>
  <si>
    <t>POINT (4.715752867397611 51.81343978796537)</t>
  </si>
  <si>
    <t>POINT (4.651381035949796 51.7891942465667)</t>
  </si>
  <si>
    <t>POINT (4.668175958929042 51.77167862192147)</t>
  </si>
  <si>
    <t>POINT (4.668258655342494 51.818917848214845)</t>
  </si>
  <si>
    <t>POINT (4.6681383042660265 51.801293132747176)</t>
  </si>
  <si>
    <t>POINT (4.673675334655904 51.816987941615416)</t>
  </si>
  <si>
    <t>POINT (4.676249163982668 51.77664520413986)</t>
  </si>
  <si>
    <t>POINT (4.715669769657518 51.802575638771295)</t>
  </si>
  <si>
    <t>POINT (4.678779685999228 51.81540292692143)</t>
  </si>
  <si>
    <t>POINT (4.679793266505792 51.81518597827253)</t>
  </si>
  <si>
    <t>POINT (4.6599874123449805 51.77232092021313)</t>
  </si>
  <si>
    <t>POINT (4.6836666753753775 51.819177449911855)</t>
  </si>
  <si>
    <t>POINT (4.681611247118432 51.773379844675745)</t>
  </si>
  <si>
    <t>POINT (4.6592297489719545 51.81547382342269)</t>
  </si>
  <si>
    <t>POINT (4.652178587734632 51.788184582334544)</t>
  </si>
  <si>
    <t>POINT (4.666608615637042 51.80258753053177)</t>
  </si>
  <si>
    <t>POINT (4.678932025588001 51.80420967938841)</t>
  </si>
  <si>
    <t>POINT (4.735448234161658 51.798951885126975)</t>
  </si>
  <si>
    <t>POINT (4.683295246257464 51.79799521438203)</t>
  </si>
  <si>
    <t>POINT (4.671847571329706 51.8115553333551)</t>
  </si>
  <si>
    <t>POINT (4.71409666458964 51.8140326829141)</t>
  </si>
  <si>
    <t>POINT (4.6578119287228485 51.813001675650504)</t>
  </si>
  <si>
    <t>POINT (4.695841767736405 51.79236210916574)</t>
  </si>
  <si>
    <t>POINT (4.674132356004986 51.81176019427749)</t>
  </si>
  <si>
    <t>POINT (4.66221521264637 51.79086337420449)</t>
  </si>
  <si>
    <t>POINT (4.6573339779530905 51.77104044190142)</t>
  </si>
  <si>
    <t>POINT (4.674459912015909 51.79711459050309)</t>
  </si>
  <si>
    <t>POINT (4.6813325822823595 51.77495538004044)</t>
  </si>
  <si>
    <t>POINT (4.672558582071721 51.78527622927728)</t>
  </si>
  <si>
    <t>POINT (4.66168549953386 51.791924011450945)</t>
  </si>
  <si>
    <t>POINT (4.6839925493864065 51.79808888711841)</t>
  </si>
  <si>
    <t>POINT (4.664003172166419 51.7917251638763)</t>
  </si>
  <si>
    <t>POINT (4.662521597938374 51.800862471574526)</t>
  </si>
  <si>
    <t>POINT (4.6512682331921456 51.79451618741042)</t>
  </si>
  <si>
    <t>POINT (4.7143830130526805 51.81492082026488)</t>
  </si>
  <si>
    <t>POINT (4.672570551541306 51.802742284749876)</t>
  </si>
  <si>
    <t>POINT (4.651732663083965 51.794823565422774)</t>
  </si>
  <si>
    <t>POINT (4.734929848541503 51.80344910159738)</t>
  </si>
  <si>
    <t>POINT (4.673377834171458 51.785733313246)</t>
  </si>
  <si>
    <t>POINT (4.6618559177728125 51.77299019636963)</t>
  </si>
  <si>
    <t>POINT (4.687946373436195 51.80905439006485)</t>
  </si>
  <si>
    <t>POINT (4.680460501226341 51.813214002170504)</t>
  </si>
  <si>
    <t>POINT (4.733814368834934 51.80238900510379)</t>
  </si>
  <si>
    <t>POINT (4.704174375698015 51.807908680748085)</t>
  </si>
  <si>
    <t>POINT (4.667158930752838 51.77286701888902)</t>
  </si>
  <si>
    <t>POINT (4.657378670925507 51.801120083991435)</t>
  </si>
  <si>
    <t>POINT (4.69730540010704 51.79089710409741)</t>
  </si>
  <si>
    <t>POINT (4.722550603247292 51.797678046049015)</t>
  </si>
  <si>
    <t>POINT (4.702100587952229 51.81589049428022)</t>
  </si>
  <si>
    <t>POINT (4.635807827194432 51.77597567772883)</t>
  </si>
  <si>
    <t>POINT (4.674941558554122 51.77758167818394)</t>
  </si>
  <si>
    <t>POINT (4.658522614727918 51.81082762874224)</t>
  </si>
  <si>
    <t>POINT (4.664106725448915 51.814936397728516)</t>
  </si>
  <si>
    <t>POINT (4.73623031246634 51.802291711378395)</t>
  </si>
  <si>
    <t>POINT (4.672393561755348 51.80980781923065)</t>
  </si>
  <si>
    <t>POINT (4.66182003095198 51.78840997179943)</t>
  </si>
  <si>
    <t>POINT (4.679667822679989 51.80926321815155)</t>
  </si>
  <si>
    <t>POINT (4.686010435733286 51.80329750568278)</t>
  </si>
  <si>
    <t>POINT (4.7352407478224245 51.80019652144058)</t>
  </si>
  <si>
    <t>POINT (4.7040714985421985 51.788200718043775)</t>
  </si>
  <si>
    <t>POINT (4.674712103945924 51.81837161862007)</t>
  </si>
  <si>
    <t>POINT (4.671138521179213 51.81843322148215)</t>
  </si>
  <si>
    <t>POINT (4.669510851673026 51.77751499144123)</t>
  </si>
  <si>
    <t>POINT (4.714375738950838 51.81489805528884)</t>
  </si>
  <si>
    <t>POINT (4.666640698073099 51.80926539485399)</t>
  </si>
  <si>
    <t>POINT (4.661066673750933 51.794262351205404)</t>
  </si>
  <si>
    <t>POINT (4.671712632766659 51.77898802120404)</t>
  </si>
  <si>
    <t>POINT (4.687749111256177 51.81215281093112)</t>
  </si>
  <si>
    <t>POINT (4.669898436418338 51.810836844535764)</t>
  </si>
  <si>
    <t>POINT (4.7201615244056505 51.80568190152977)</t>
  </si>
  <si>
    <t>POINT (4.674475062340441 51.803370465425274)</t>
  </si>
  <si>
    <t>POINT (4.662012055921011 51.81259917050473)</t>
  </si>
  <si>
    <t>POINT (4.683584900501713 51.77642953303235)</t>
  </si>
  <si>
    <t>POINT (4.666857555130192 51.7786230880443)</t>
  </si>
  <si>
    <t>POINT (4.67918835936086 51.77438068831404)</t>
  </si>
  <si>
    <t>POINT (4.693280054780866 51.79663616466553)</t>
  </si>
  <si>
    <t>POINT (4.687902504856232 51.807050941684196)</t>
  </si>
  <si>
    <t>POINT (4.680183548490273 51.774483311447156)</t>
  </si>
  <si>
    <t>POINT (4.732622725817823 51.80296806287896)</t>
  </si>
  <si>
    <t>POINT (4.684123762487167 51.80466973438549)</t>
  </si>
  <si>
    <t>POINT (4.682076864773708 51.818362435412595)</t>
  </si>
  <si>
    <t>POINT (4.678894935604347 51.80644555033929)</t>
  </si>
  <si>
    <t>POINT (4.666706734504059 51.77864841770463)</t>
  </si>
  <si>
    <t>POINT (4.649999479588596 51.793818841431396)</t>
  </si>
  <si>
    <t>POINT (4.66064007838587 51.79977153571809)</t>
  </si>
  <si>
    <t>POINT (4.6803102015386395 51.78686527178449)</t>
  </si>
  <si>
    <t>POINT (4.706085212208148 51.79339919453147)</t>
  </si>
  <si>
    <t>POINT (4.659576638716802 51.789383703533794)</t>
  </si>
  <si>
    <t>POINT (4.666869716847993 51.77726375459333)</t>
  </si>
  <si>
    <t>POINT (4.6675598690512 51.799725689136814)</t>
  </si>
  <si>
    <t>POINT (4.708171043211828 51.78738557085157)</t>
  </si>
  <si>
    <t>POINT (4.718344806388873 51.81417428205689)</t>
  </si>
  <si>
    <t>POINT (4.724912353452514 51.80451331387665)</t>
  </si>
  <si>
    <t>POINT (4.656112041191575 51.79842759711902)</t>
  </si>
  <si>
    <t>POINT (4.661264456762638 51.80479014779)</t>
  </si>
  <si>
    <t>POINT (4.714296016733488 51.7994629265949)</t>
  </si>
  <si>
    <t>POINT (4.658211374304925 51.80406212827714)</t>
  </si>
  <si>
    <t>POINT (4.678649432544345 51.81543547954026)</t>
  </si>
  <si>
    <t>POINT (4.667927389349867 51.79946826848431)</t>
  </si>
  <si>
    <t>POINT (4.672666981802168 51.793021910991165)</t>
  </si>
  <si>
    <t>POINT (4.707573072478527 51.79481667933587)</t>
  </si>
  <si>
    <t>POINT (4.719422321651736 51.80114140680878)</t>
  </si>
  <si>
    <t>POINT (4.675410514548526 51.80347445308072)</t>
  </si>
  <si>
    <t>POINT (4.669811023576818 51.79994063301075)</t>
  </si>
  <si>
    <t>POINT (4.678860913967019 51.808881823695316)</t>
  </si>
  <si>
    <t>POINT (4.684205279568027 51.78259477171514)</t>
  </si>
  <si>
    <t>POINT (4.711584638197803 51.816456712986565)</t>
  </si>
  <si>
    <t>POINT (4.683590323617968 51.81078954636029)</t>
  </si>
  <si>
    <t>POINT (4.721814807587374 51.80573522457778)</t>
  </si>
  <si>
    <t>POINT (4.687534000298594 51.80983947385137)</t>
  </si>
  <si>
    <t>POINT (4.659344630565838 51.788768020819006)</t>
  </si>
  <si>
    <t>POINT (4.657879987803932 51.80240047710631)</t>
  </si>
  <si>
    <t>POINT (4.678434756631703 51.80712425699687)</t>
  </si>
  <si>
    <t>POINT (4.6729390176636665 51.809690557468514)</t>
  </si>
  <si>
    <t>POINT (4.668601113025534 51.773480831986724)</t>
  </si>
  <si>
    <t>POINT (4.684267230173054 51.807319995546806)</t>
  </si>
  <si>
    <t>POINT (4.705005995955942 51.80712963603513)</t>
  </si>
  <si>
    <t>POINT (4.6780806105969726 51.78784352864772)</t>
  </si>
  <si>
    <t>POINT (4.6643820300428676 51.802438914784354)</t>
  </si>
  <si>
    <t>POINT (4.667472882340421 51.773887367731746)</t>
  </si>
  <si>
    <t>POINT (4.6695263215812055 51.815713307576274)</t>
  </si>
  <si>
    <t>POINT (4.709420295443708 51.80173026833041)</t>
  </si>
  <si>
    <t>POINT (4.713518308338551 51.79547357701222)</t>
  </si>
  <si>
    <t>POINT (4.716123239072254 51.801423182811234)</t>
  </si>
  <si>
    <t>POINT (4.735028138192596 51.7997442811294)</t>
  </si>
  <si>
    <t>POINT (4.6780729439749305 51.78770239575504)</t>
  </si>
  <si>
    <t>POINT (4.675258708559357 51.80534538864675)</t>
  </si>
  <si>
    <t>POINT (4.661783398503666 51.80240732694314)</t>
  </si>
  <si>
    <t>POINT (4.663924186251026 51.81093059113068)</t>
  </si>
  <si>
    <t>POINT (4.669458479608852 51.790313643934475)</t>
  </si>
  <si>
    <t>POINT (4.672499945555585 51.78363091250664)</t>
  </si>
  <si>
    <t>POINT (4.666946893027849 51.816563123587855)</t>
  </si>
  <si>
    <t>POINT (4.732393832955327 51.80285135370422)</t>
  </si>
  <si>
    <t>POINT (4.660948320334782 51.8162798210884)</t>
  </si>
  <si>
    <t>POINT (4.652293702642224 51.78560838215065)</t>
  </si>
  <si>
    <t>POINT (4.676790791131997 51.789953676734946)</t>
  </si>
  <si>
    <t>POINT (4.701078924669098 51.78897643176777)</t>
  </si>
  <si>
    <t>POINT (4.664302633941594 51.790113753145796)</t>
  </si>
  <si>
    <t>POINT (4.67995916001548 51.80740302502335)</t>
  </si>
  <si>
    <t>POINT (4.7182472649892375 51.80418209817967)</t>
  </si>
  <si>
    <t>POINT (4.666525157195726 51.80398137920329)</t>
  </si>
  <si>
    <t>POINT (4.653959349321119 51.811170949453455)</t>
  </si>
  <si>
    <t>POINT (4.7093720975964235 51.81865849477583)</t>
  </si>
  <si>
    <t>POINT (4.700434750685773 51.796311363969004)</t>
  </si>
  <si>
    <t>POINT (4.6670823056014745 51.788383760152314)</t>
  </si>
  <si>
    <t>POINT (4.6676792375380325 51.79519034912132)</t>
  </si>
  <si>
    <t>POINT (4.708618665890794 51.786973217056925)</t>
  </si>
  <si>
    <t>POINT (4.629952135893601 51.72364456658293)</t>
  </si>
  <si>
    <t>POINT (4.7146285095350295 51.81046867156757)</t>
  </si>
  <si>
    <t>POINT (4.652570787675167 51.79360156114266)</t>
  </si>
  <si>
    <t>POINT (4.668453394368877 51.81808222273469)</t>
  </si>
  <si>
    <t>POINT (4.666395244767103 51.80071664434704)</t>
  </si>
  <si>
    <t>POINT (4.734103166322593 51.79968063810466)</t>
  </si>
  <si>
    <t>POINT (4.660720204859492 51.79328664881543)</t>
  </si>
  <si>
    <t>POINT (4.712708288853627 51.80817955956888)</t>
  </si>
  <si>
    <t>POINT (4.658002666039743 51.79359352619598)</t>
  </si>
  <si>
    <t>POINT (4.677327059962478 51.80807966387427)</t>
  </si>
  <si>
    <t>POINT (4.652436772663658 51.80245633175972)</t>
  </si>
  <si>
    <t>POINT (4.66204187837127 51.794949421046915)</t>
  </si>
  <si>
    <t>POINT (4.671585872601976 51.79708260576945)</t>
  </si>
  <si>
    <t>POINT (4.731762338039906 51.800563177094496)</t>
  </si>
  <si>
    <t>POINT (4.711888628553345 51.79880278391638)</t>
  </si>
  <si>
    <t>POINT (4.711985796448788 51.80753915221935)</t>
  </si>
  <si>
    <t>POINT (4.664039492673737 51.795317937601375)</t>
  </si>
  <si>
    <t>POINT (4.673942501114937 51.808244711344436)</t>
  </si>
  <si>
    <t>POINT (4.656969123730069 51.80091603613922)</t>
  </si>
  <si>
    <t>POINT (4.669335101484998 51.771231280235604)</t>
  </si>
  <si>
    <t>POINT (4.7006550578505575 51.797872267845946)</t>
  </si>
  <si>
    <t>POINT (4.674661472461546 51.80726506191282)</t>
  </si>
  <si>
    <t>POINT (4.6766245652382485 51.77418504045514)</t>
  </si>
  <si>
    <t>POINT (4.663740810116829 51.8128957258175)</t>
  </si>
  <si>
    <t>POINT (4.659616575640385 51.805536744103776)</t>
  </si>
  <si>
    <t>POINT (4.689078259869555 51.80825525076404)</t>
  </si>
  <si>
    <t>POINT (4.712711589964782 51.80006872481828)</t>
  </si>
  <si>
    <t>POINT (4.685955691581074 51.7754512443926)</t>
  </si>
  <si>
    <t>POINT (4.732333873086007 51.80267716089554)</t>
  </si>
  <si>
    <t>POINT (4.666039729250389 51.77499204150612)</t>
  </si>
  <si>
    <t>POINT (4.659684859986375 51.79175805858361)</t>
  </si>
  <si>
    <t>POINT (4.67051563016121 51.77056978479821)</t>
  </si>
  <si>
    <t>POINT (4.657567374167447 51.78849568723878)</t>
  </si>
  <si>
    <t>POINT (4.721794203982911 51.79436256452648)</t>
  </si>
  <si>
    <t>POINT (4.666713476094566 51.78720554823422)</t>
  </si>
  <si>
    <t>POINT (4.668594697691284 51.819082457361276)</t>
  </si>
  <si>
    <t>POINT (4.684020634125995 51.777341119591725)</t>
  </si>
  <si>
    <t>POINT (4.692632318008873 51.79522457061465)</t>
  </si>
  <si>
    <t>POINT (4.6854962737073445 51.80256808429266)</t>
  </si>
  <si>
    <t>POINT (4.658502168225532 51.80652075107286)</t>
  </si>
  <si>
    <t>POINT (4.6836005380881005 51.813326981764384)</t>
  </si>
  <si>
    <t>POINT (4.730642246225864 51.79655920768669)</t>
  </si>
  <si>
    <t>POINT (4.680179864852746 51.8002451711872)</t>
  </si>
  <si>
    <t>POINT (4.672252716124874 51.77279158455728)</t>
  </si>
  <si>
    <t>POINT (4.68165523383021 51.80177215015875)</t>
  </si>
  <si>
    <t>POINT (4.684866065455539 51.811510636879966)</t>
  </si>
  <si>
    <t>POINT (4.6813686928265605 51.787734622911785)</t>
  </si>
  <si>
    <t>POINT (4.660500938399258 51.80355178650456)</t>
  </si>
  <si>
    <t>POINT (4.719602576951227 51.794560313558065)</t>
  </si>
  <si>
    <t>POINT (4.67205544639555 51.819131829564725)</t>
  </si>
  <si>
    <t>POINT (4.679639402423047 51.77654095133927)</t>
  </si>
  <si>
    <t>POINT (4.679234719935099 51.78522010184668)</t>
  </si>
  <si>
    <t>POINT (4.675023754050922 51.81420230118398)</t>
  </si>
  <si>
    <t>POINT (4.662658000467745 51.81303946203158)</t>
  </si>
  <si>
    <t>POINT (4.662910517432512 51.813979600853095)</t>
  </si>
  <si>
    <t>POINT (4.684859740081974 51.77604571609372)</t>
  </si>
  <si>
    <t>POINT (4.68387867235571 51.812271033862)</t>
  </si>
  <si>
    <t>POINT (4.674854107262979 51.81511080800711)</t>
  </si>
  <si>
    <t>POINT (4.727417677119135 51.79951013063416)</t>
  </si>
  <si>
    <t>POINT (4.728871003375876 51.80529275715065)</t>
  </si>
  <si>
    <t>POINT (4.6543649965212355 51.7940187846498)</t>
  </si>
  <si>
    <t>POINT (4.676178590930272 51.776478134682385)</t>
  </si>
  <si>
    <t>POINT (4.66779493349928 51.813230686341505)</t>
  </si>
  <si>
    <t>POINT (4.709722891425076 51.80860487292197)</t>
  </si>
  <si>
    <t>POINT (4.712895694030115 51.79522223685561)</t>
  </si>
  <si>
    <t>POINT (4.669644401451545 51.81733531628711)</t>
  </si>
  <si>
    <t>POINT (4.707227803975682 51.79330685729301)</t>
  </si>
  <si>
    <t>POINT (4.714366707920177 51.80943166129038)</t>
  </si>
  <si>
    <t>POINT (4.65712253101512 51.800255818066546)</t>
  </si>
  <si>
    <t>POINT (4.672083336079969 51.80962534659618)</t>
  </si>
  <si>
    <t>POINT (4.653830146550707 51.7857428962723)</t>
  </si>
  <si>
    <t>POINT (4.709381027465813 51.811281632037286)</t>
  </si>
  <si>
    <t>POINT (4.701575235274759 51.79936274679266)</t>
  </si>
  <si>
    <t>POINT (4.666236825341221 51.81108525242238)</t>
  </si>
  <si>
    <t>POINT (4.67183775832926 51.81478773524965)</t>
  </si>
  <si>
    <t>POINT (4.679344400461202 51.786521050447654)</t>
  </si>
  <si>
    <t>POINT (4.685976384768437 51.80363181560587)</t>
  </si>
  <si>
    <t>POINT (4.678705905797397 51.786309592914485)</t>
  </si>
  <si>
    <t>POINT (4.676147438502814 51.80740365650006)</t>
  </si>
  <si>
    <t>POINT (4.676140989767147 51.817245753173474)</t>
  </si>
  <si>
    <t>POINT (4.660219444979262 51.81094090268246)</t>
  </si>
  <si>
    <t>POINT (4.710500568686553 51.787770686491825)</t>
  </si>
  <si>
    <t>POINT (4.678081806259338 51.788776310616505)</t>
  </si>
  <si>
    <t>POINT (4.66612612412277 51.81275166665487)</t>
  </si>
  <si>
    <t>POINT (4.688134415489621 51.75658309191597)</t>
  </si>
  <si>
    <t>POINT (4.674873883470957 51.807872826542756)</t>
  </si>
  <si>
    <t>POINT (4.683935093148078 51.798161656647416)</t>
  </si>
  <si>
    <t>POINT (4.668139884072828 51.816700145683285)</t>
  </si>
  <si>
    <t>POINT (4.661464835633614 51.787277498731434)</t>
  </si>
  <si>
    <t>POINT (4.657805308623332 51.81252614202512)</t>
  </si>
  <si>
    <t>POINT (4.665564761028557 51.77510757334472)</t>
  </si>
  <si>
    <t>POINT (4.692005527514332 51.818322998916315)</t>
  </si>
  <si>
    <t>POINT (4.667794468523092 51.81426589133)</t>
  </si>
  <si>
    <t>POINT (4.6955806187524445 51.79060544997067)</t>
  </si>
  <si>
    <t>POINT (4.723877741172604 51.80038737280454)</t>
  </si>
  <si>
    <t>POINT (4.66747220424003 51.81541903201044)</t>
  </si>
  <si>
    <t>POINT (4.683515932335552 51.81337254137529)</t>
  </si>
  <si>
    <t>POINT (4.652347591939205 51.79205169600195)</t>
  </si>
  <si>
    <t>POINT (4.673981418446865 51.80898281034399)</t>
  </si>
  <si>
    <t>POINT (4.710774521204091 51.79254899602521)</t>
  </si>
  <si>
    <t>3316LT</t>
  </si>
  <si>
    <t>Burgemeester van Zuurenstraat</t>
  </si>
  <si>
    <t>POINT (4.697789361814455 51.7973047193078)</t>
  </si>
  <si>
    <t>POINT (4.683132184589575 51.81360330674886)</t>
  </si>
  <si>
    <t>POINT (4.681894530017754 51.7809013170037)</t>
  </si>
  <si>
    <t>POINT (4.650035566452488 51.79373860123946)</t>
  </si>
  <si>
    <t>POINT (4.683695890640693 51.78247776802818)</t>
  </si>
  <si>
    <t>POINT (4.670417495354868 51.81134955728558)</t>
  </si>
  <si>
    <t>POINT (4.669834918208772 51.77746676302479)</t>
  </si>
  <si>
    <t>POINT (4.6825359673270555 51.7776201981561)</t>
  </si>
  <si>
    <t>POINT (4.672325420117676 51.78815202860734)</t>
  </si>
  <si>
    <t>POINT (4.66627758812075 51.79949885262939)</t>
  </si>
  <si>
    <t>POINT (4.642791643105951 51.76894496836255)</t>
  </si>
  <si>
    <t>POINT (4.731188507242562 51.797248096714874)</t>
  </si>
  <si>
    <t>POINT (4.658354004092462 51.79370814018374)</t>
  </si>
  <si>
    <t>POINT (4.661318372672778 51.78902450974565)</t>
  </si>
  <si>
    <t>POINT (4.651481972302125 51.79468007982733)</t>
  </si>
  <si>
    <t>POINT (4.671347679023047 51.81338809589565)</t>
  </si>
  <si>
    <t>POINT (4.661099818637819 51.79441230812511)</t>
  </si>
  <si>
    <t>POINT (4.719452637396369 51.80352678841346)</t>
  </si>
  <si>
    <t>POINT (4.700505533809309 51.799551095582565)</t>
  </si>
  <si>
    <t>POINT (4.68027553034664 51.787159595364464)</t>
  </si>
  <si>
    <t>POINT (4.71241244901828 51.79423853503292)</t>
  </si>
  <si>
    <t>POINT (4.729959311014796 51.79792311385641)</t>
  </si>
  <si>
    <t>POINT (4.6564338854221035 51.7904385437384)</t>
  </si>
  <si>
    <t>POINT (4.667434602008797 51.816781340529026)</t>
  </si>
  <si>
    <t>POINT (4.705376958574885 51.81472498841291)</t>
  </si>
  <si>
    <t>POINT (4.718255551241648 51.80476221860425)</t>
  </si>
  <si>
    <t>POINT (4.672807322232061 51.80284711441323)</t>
  </si>
  <si>
    <t>POINT (4.686130871072123 51.808281085036455)</t>
  </si>
  <si>
    <t>POINT (4.676040742514616 51.817006721404695)</t>
  </si>
  <si>
    <t>POINT (4.68510891284838 51.78585105233245)</t>
  </si>
  <si>
    <t>POINT (4.681916277455442 51.80235157462005)</t>
  </si>
  <si>
    <t>POINT (4.6685986997152735 51.8153768390643)</t>
  </si>
  <si>
    <t>POINT (4.66354663566128 51.81467424221126)</t>
  </si>
  <si>
    <t>POINT (4.659120027904761 51.802643718208685)</t>
  </si>
  <si>
    <t>POINT (4.65981840286321 51.81130806821792)</t>
  </si>
  <si>
    <t>POINT (4.721435612788822 51.810914897688164)</t>
  </si>
  <si>
    <t>POINT (4.685104379204692 51.785689741121246)</t>
  </si>
  <si>
    <t>POINT (4.683866454596409 51.80990099115266)</t>
  </si>
  <si>
    <t>POINT (4.660941633752733 51.79617546046886)</t>
  </si>
  <si>
    <t>POINT (4.67211957596084 51.78018393363143)</t>
  </si>
  <si>
    <t>POINT (4.665433872419506 51.81263310200404)</t>
  </si>
  <si>
    <t>POINT (4.655635042744392 51.78752941072398)</t>
  </si>
  <si>
    <t>POINT (4.725216261107828 51.804218682349585)</t>
  </si>
  <si>
    <t>POINT (4.6768282995479655 51.808305416305146)</t>
  </si>
  <si>
    <t>POINT (4.693076141936339 51.80377397522621)</t>
  </si>
  <si>
    <t>POINT (4.692577257360671 51.79564467190522)</t>
  </si>
  <si>
    <t>POINT (4.658511582562784 51.804046671828985)</t>
  </si>
  <si>
    <t>POINT (4.7290938792153385 51.80101413057073)</t>
  </si>
  <si>
    <t>POINT (4.709739955287208 51.793277849608856)</t>
  </si>
  <si>
    <t>POINT (4.668096455518104 51.8126064011316)</t>
  </si>
  <si>
    <t>POINT (4.720532873735792 51.81136250335457)</t>
  </si>
  <si>
    <t>POINT (4.706132487946114 51.81584200763216)</t>
  </si>
  <si>
    <t>POINT (4.6432292745179025 51.76699805992782)</t>
  </si>
  <si>
    <t>POINT (4.712605776138851 51.80362951018984)</t>
  </si>
  <si>
    <t>POINT (4.652284137214122 51.80219704054514)</t>
  </si>
  <si>
    <t>POINT (4.683200821319042 51.819229496251346)</t>
  </si>
  <si>
    <t>POINT (4.672857800806993 51.77939290439273)</t>
  </si>
  <si>
    <t>POINT (4.716025471542666 51.81590770308801)</t>
  </si>
  <si>
    <t>POINT (4.673249632568722 51.810711367958525)</t>
  </si>
  <si>
    <t>POINT (4.661885139771604 51.810354334352304)</t>
  </si>
  <si>
    <t>POINT (4.69389173584886 51.792416964582436)</t>
  </si>
  <si>
    <t>POINT (4.62887676375497 51.79736651176044)</t>
  </si>
  <si>
    <t>POINT (4.69917624582645 51.80061352546785)</t>
  </si>
  <si>
    <t>POINT (4.631526370778511 51.723928032775476)</t>
  </si>
  <si>
    <t>POINT (4.720481018726519 51.8055184071794)</t>
  </si>
  <si>
    <t>POINT (4.668968158921947 51.773394163983426)</t>
  </si>
  <si>
    <t>POINT (4.716758530461076 51.80663940237736)</t>
  </si>
  <si>
    <t>POINT (4.657984794504363 51.79115521942449)</t>
  </si>
  <si>
    <t>POINT (4.66612956622599 51.78862308356725)</t>
  </si>
  <si>
    <t>POINT (4.669020400481295 51.81389181290026)</t>
  </si>
  <si>
    <t>POINT (4.674049321161586 51.80624724047706)</t>
  </si>
  <si>
    <t>POINT (4.71331125467718 51.81394308908289)</t>
  </si>
  <si>
    <t>POINT (4.663855840885472 51.80246002243188)</t>
  </si>
  <si>
    <t>POINT (4.686043167138494 51.788793307724134)</t>
  </si>
  <si>
    <t>POINT (4.685979307230644 51.80475023945374)</t>
  </si>
  <si>
    <t>POINT (4.7263377166882234 51.79359049417543)</t>
  </si>
  <si>
    <t>POINT (4.721501204495785 51.811045362304576)</t>
  </si>
  <si>
    <t>POINT (4.678947278564632 51.77901436629408)</t>
  </si>
  <si>
    <t>POINT (4.71106047231739 51.80349648251362)</t>
  </si>
  <si>
    <t>POINT (4.652373280513362 51.80243780392947)</t>
  </si>
  <si>
    <t>POINT (4.669748040157485 51.790967176725815)</t>
  </si>
  <si>
    <t>POINT (4.707975415886412 51.818558151703634)</t>
  </si>
  <si>
    <t>POINT (4.663492981564882 51.79960871076311)</t>
  </si>
  <si>
    <t>POINT (4.706347192852865 51.789420038847275)</t>
  </si>
  <si>
    <t>POINT (4.685284791300393 51.792132878138695)</t>
  </si>
  <si>
    <t>POINT (4.720738517790893 51.80488842687698)</t>
  </si>
  <si>
    <t>POINT (4.691878653924656 51.818933871070016)</t>
  </si>
  <si>
    <t>POINT (4.711553082397618 51.80561521226817)</t>
  </si>
  <si>
    <t>POINT (4.708694568330261 51.79751873518435)</t>
  </si>
  <si>
    <t>POINT (4.667785851159924 51.81427243619143)</t>
  </si>
  <si>
    <t>POINT (4.7249008696585735 51.798522480704946)</t>
  </si>
  <si>
    <t>POINT (4.6592083307037555 51.76954832271169)</t>
  </si>
  <si>
    <t>POINT (4.655540864312243 51.80769642657791)</t>
  </si>
  <si>
    <t>POINT (4.671888373283166 51.81549969483686)</t>
  </si>
  <si>
    <t>POINT (4.699811962565285 51.79941531437751)</t>
  </si>
  <si>
    <t>POINT (4.685548950382041 51.78536033197222)</t>
  </si>
  <si>
    <t>POINT (4.668742972312238 51.81008509091821)</t>
  </si>
  <si>
    <t>POINT (4.68032677064636 51.78029202751778)</t>
  </si>
  <si>
    <t>POINT (4.662137379780057 51.79034359770822)</t>
  </si>
  <si>
    <t>POINT (4.665174887913056 51.81208585104191)</t>
  </si>
  <si>
    <t>POINT (4.662838087391294 51.79987250552562)</t>
  </si>
  <si>
    <t>POINT (4.661028228092404 51.78373197714155)</t>
  </si>
  <si>
    <t>POINT (4.663037570868071 51.81010281140084)</t>
  </si>
  <si>
    <t>POINT (4.7094502863274075 51.79996802693911)</t>
  </si>
  <si>
    <t>POINT (4.670648686596795 51.77304261183586)</t>
  </si>
  <si>
    <t>POINT (4.680321085184442 51.8128232431258)</t>
  </si>
  <si>
    <t>POINT (4.674261064874475 51.81271533957047)</t>
  </si>
  <si>
    <t>POINT (4.666784172018264 51.81215672067751)</t>
  </si>
  <si>
    <t>POINT (4.651946202087349 51.79385622658911)</t>
  </si>
  <si>
    <t>POINT (4.721716149922887 51.81280060547576)</t>
  </si>
  <si>
    <t>POINT (4.701831559105408 51.79837008919821)</t>
  </si>
  <si>
    <t>POINT (4.664414727927186 51.79377558697583)</t>
  </si>
  <si>
    <t>POINT (4.704025138634449 51.807761269995055)</t>
  </si>
  <si>
    <t>POINT (4.704421156124552 51.81643516584723)</t>
  </si>
  <si>
    <t>POINT (4.706075535220552 51.793340226634236)</t>
  </si>
  <si>
    <t>POINT (4.684421579555208 51.77497795727483)</t>
  </si>
  <si>
    <t>POINT (4.659346154082531 51.80271800149643)</t>
  </si>
  <si>
    <t>POINT (4.667977211271112 51.80120149445158)</t>
  </si>
  <si>
    <t>POINT (4.670646284074186 51.77195267936722)</t>
  </si>
  <si>
    <t>POINT (4.639895863663434 51.77971668930369)</t>
  </si>
  <si>
    <t>POINT (4.666265786447909 51.787441852286264)</t>
  </si>
  <si>
    <t>POINT (4.6556478821208565 51.794794903273605)</t>
  </si>
  <si>
    <t>POINT (4.666493091160268 51.77863408048598)</t>
  </si>
  <si>
    <t>POINT (4.6614550024566865 51.78731844438617)</t>
  </si>
  <si>
    <t>POINT (4.659819537002659 51.80909484488813)</t>
  </si>
  <si>
    <t>POINT (4.704913452103593 51.815934709840356)</t>
  </si>
  <si>
    <t>POINT (4.676320666321904 51.80818768259177)</t>
  </si>
  <si>
    <t>POINT (4.734781168731901 51.79736302244128)</t>
  </si>
  <si>
    <t>POINT (4.684391317850263 51.779196478491684)</t>
  </si>
  <si>
    <t>POINT (4.718157457046781 51.80102340720724)</t>
  </si>
  <si>
    <t>POINT (4.680588488923387 51.77898046318223)</t>
  </si>
  <si>
    <t>POINT (4.715511335772533 51.80324298399369)</t>
  </si>
  <si>
    <t>POINT (4.64166181553916 51.77612689626709)</t>
  </si>
  <si>
    <t>POINT (4.685631586238463 51.81345371090497)</t>
  </si>
  <si>
    <t>POINT (4.665026981724575 51.81371385140135)</t>
  </si>
  <si>
    <t>POINT (4.663264037216523 51.801516982288724)</t>
  </si>
  <si>
    <t>POINT (4.731578124077988 51.80225789029057)</t>
  </si>
  <si>
    <t>POINT (4.671214189502345 51.813276523100384)</t>
  </si>
  <si>
    <t>POINT (4.701463324368261 51.797603703327404)</t>
  </si>
  <si>
    <t>POINT (4.681985428227289 51.77691150087649)</t>
  </si>
  <si>
    <t>POINT (4.669442004529307 51.80275050502761)</t>
  </si>
  <si>
    <t>POINT (4.669418532922611 51.804408306478)</t>
  </si>
  <si>
    <t>POINT (4.70544301170457 51.82122831192849)</t>
  </si>
  <si>
    <t>POINT (4.671235111084864 51.80832267667596)</t>
  </si>
  <si>
    <t>POINT (4.676725685622253 51.789364352234216)</t>
  </si>
  <si>
    <t>POINT (4.673471866269025 51.78919204451461)</t>
  </si>
  <si>
    <t>POINT (4.676613996083522 51.77421949306375)</t>
  </si>
  <si>
    <t>POINT (4.666375550629477 51.7878063805872)</t>
  </si>
  <si>
    <t>POINT (4.665676980129792 51.81417913952458)</t>
  </si>
  <si>
    <t>POINT (4.701777366660072 51.79683044579154)</t>
  </si>
  <si>
    <t>POINT (4.673956710040911 51.783659293950535)</t>
  </si>
  <si>
    <t>POINT (4.682000548974928 51.785354495988855)</t>
  </si>
  <si>
    <t>POINT (4.700363957899224 51.79885368136678)</t>
  </si>
  <si>
    <t>POINT (4.630986699067328 51.724858847133895)</t>
  </si>
  <si>
    <t>POINT (4.680578805027135 51.798483186422)</t>
  </si>
  <si>
    <t>POINT (4.7058656886504036 51.80733708223366)</t>
  </si>
  <si>
    <t>POINT (4.70712875012344 51.79760904813129)</t>
  </si>
  <si>
    <t>POINT (4.696204865374435 51.81828254971618)</t>
  </si>
  <si>
    <t>POINT (4.667206896560225 51.81391758119155)</t>
  </si>
  <si>
    <t>POINT (4.685189953935591 51.804296310729676)</t>
  </si>
  <si>
    <t>POINT (4.727388857896329 51.8055769226283)</t>
  </si>
  <si>
    <t>POINT (4.673579348888705 51.80323117972458)</t>
  </si>
  <si>
    <t>Lombardbrug</t>
  </si>
  <si>
    <t>POINT (4.664058099235384 51.813579239086046)</t>
  </si>
  <si>
    <t>POINT (4.668694211864964 51.81306847601987)</t>
  </si>
  <si>
    <t>POINT (4.670720122402508 51.79301921463256)</t>
  </si>
  <si>
    <t>POINT (4.67350370959396 51.816523972652995)</t>
  </si>
  <si>
    <t>POINT (4.6904791062517495 51.8056087565179)</t>
  </si>
  <si>
    <t>POINT (4.7301763250398965 51.79811669523619)</t>
  </si>
  <si>
    <t>POINT (4.663477959071949 51.793408115517984)</t>
  </si>
  <si>
    <t>POINT (4.651001551974537 51.795160811476165)</t>
  </si>
  <si>
    <t>POINT (4.687107537748255 51.78094025979813)</t>
  </si>
  <si>
    <t>POINT (4.662823916115039 51.80087760573906)</t>
  </si>
  <si>
    <t>POINT (4.663881230626976 51.79025026477592)</t>
  </si>
  <si>
    <t>POINT (4.690460480828993 51.805452548755994)</t>
  </si>
  <si>
    <t>POINT (4.680707306327149 51.80350246536202)</t>
  </si>
  <si>
    <t>POINT (4.691225319369038 51.81821660528776)</t>
  </si>
  <si>
    <t>POINT (4.666397282527449 51.81441786475204)</t>
  </si>
  <si>
    <t>POINT (4.679598424334096 51.78753137516732)</t>
  </si>
  <si>
    <t>POINT (4.727038893321362 51.800228583531435)</t>
  </si>
  <si>
    <t>POINT (4.686759753599103 51.81117220631745)</t>
  </si>
  <si>
    <t>POINT (4.690777225397112 51.81788260748811)</t>
  </si>
  <si>
    <t>POINT (4.679526783929089 51.77356892023887)</t>
  </si>
  <si>
    <t>POINT (4.719192390951312 51.800188326026465)</t>
  </si>
  <si>
    <t>POINT (4.653812905333492 51.785461666346926)</t>
  </si>
  <si>
    <t>POINT (4.66273516718825 51.80278144719485)</t>
  </si>
  <si>
    <t>POINT (4.663837284160301 51.81339965065365)</t>
  </si>
  <si>
    <t>POINT (4.688772902302672 51.80767059070609)</t>
  </si>
  <si>
    <t>POINT (4.660700401387949 51.79321298959753)</t>
  </si>
  <si>
    <t>POINT (4.651828623308177 51.80132465541408)</t>
  </si>
  <si>
    <t>POINT (4.652321944272113 51.78533643461419)</t>
  </si>
  <si>
    <t>POINT (4.656056257864416 51.799531035087156)</t>
  </si>
  <si>
    <t>POINT (4.673312977143094 51.813500884658495)</t>
  </si>
  <si>
    <t>POINT (4.729428879901563 51.800130825783)</t>
  </si>
  <si>
    <t>POINT (4.663978193280274 51.78873800968226)</t>
  </si>
  <si>
    <t>POINT (4.670514886676614 51.81098285682478)</t>
  </si>
  <si>
    <t>POINT (4.710521994535476 51.79530811053013)</t>
  </si>
  <si>
    <t>POINT (4.721447116201018 51.797517175938715)</t>
  </si>
  <si>
    <t>POINT (4.6535113661958025 51.790494377992225)</t>
  </si>
  <si>
    <t>POINT (4.696217833028589 51.81777625058883)</t>
  </si>
  <si>
    <t>POINT (4.671511480581519 51.805909625660505)</t>
  </si>
  <si>
    <t>POINT (4.657345273545886 51.78156207391044)</t>
  </si>
  <si>
    <t>POINT (4.672736997180883 51.802550068649964)</t>
  </si>
  <si>
    <t>POINT (4.650627336197571 51.802940452944796)</t>
  </si>
  <si>
    <t>POINT (4.6709833736439785 51.800158894646515)</t>
  </si>
  <si>
    <t>POINT (4.664854671454775 51.81291247488621)</t>
  </si>
  <si>
    <t>POINT (4.674134676805917 51.81918057921454)</t>
  </si>
  <si>
    <t>POINT (4.667446053516375 51.7941589939572)</t>
  </si>
  <si>
    <t>POINT (4.684977401141877 51.78041805611678)</t>
  </si>
  <si>
    <t>POINT (4.674882932097734 51.80577629046026)</t>
  </si>
  <si>
    <t>POINT (4.699141173414678 51.792752361179474)</t>
  </si>
  <si>
    <t>POINT (4.7017237981802715 51.816795940540985)</t>
  </si>
  <si>
    <t>POINT (4.677642377152282 51.789039476130796)</t>
  </si>
  <si>
    <t>POINT (4.6759367939685035 51.818119175843854)</t>
  </si>
  <si>
    <t>POINT (4.653463455299896 51.79467621966945)</t>
  </si>
  <si>
    <t>POINT (4.667949858201897 51.77916207596148)</t>
  </si>
  <si>
    <t>POINT (4.673898499155572 51.784718734866516)</t>
  </si>
  <si>
    <t>POINT (4.7312722250924075 51.80421942452892)</t>
  </si>
  <si>
    <t>POINT (4.671822557272822 51.78786545948719)</t>
  </si>
  <si>
    <t>POINT (4.671031839730947 51.813935682413906)</t>
  </si>
  <si>
    <t>POINT (4.6617611520115805 51.81479505567009)</t>
  </si>
  <si>
    <t>POINT (4.698444735704915 51.796320417218354)</t>
  </si>
  <si>
    <t>POINT (4.720531305963385 51.803521317618724)</t>
  </si>
  <si>
    <t>POINT (4.6961464615270065 51.818120607931284)</t>
  </si>
  <si>
    <t>POINT (4.682889036267086 51.77916495953318)</t>
  </si>
  <si>
    <t>POINT (4.662601127305774 51.80258106154842)</t>
  </si>
  <si>
    <t>POINT (4.686777884412441 51.775763669784254)</t>
  </si>
  <si>
    <t>POINT (4.66287676361594 51.79359949599325)</t>
  </si>
  <si>
    <t>POINT (4.653474676280836 51.794891830079656)</t>
  </si>
  <si>
    <t>POINT (4.678792071986771 51.80517838010965)</t>
  </si>
  <si>
    <t>POINT (4.676293979738186 51.772958271360835)</t>
  </si>
  <si>
    <t>POINT (4.7327216414903805 51.80134317269591)</t>
  </si>
  <si>
    <t>POINT (4.676623764075322 51.78947826885115)</t>
  </si>
  <si>
    <t>POINT (4.685504128634896 51.80401822880888)</t>
  </si>
  <si>
    <t>POINT (4.674136280897711 51.81788631999365)</t>
  </si>
  <si>
    <t>POINT (4.676943411196148 51.776752834427995)</t>
  </si>
  <si>
    <t>POINT (4.71626786549758 51.80439225912188)</t>
  </si>
  <si>
    <t>POINT (4.693786839801941 51.791572496608005)</t>
  </si>
  <si>
    <t>POINT (4.669542711182524 51.77031889253357)</t>
  </si>
  <si>
    <t>POINT (4.716672400499369 51.8127807043032)</t>
  </si>
  <si>
    <t>POINT (4.629893634402036 51.72328606579968)</t>
  </si>
  <si>
    <t>POINT (4.677134366438128 51.81517052299591)</t>
  </si>
  <si>
    <t>POINT (4.663057912869924 51.81483411140707)</t>
  </si>
  <si>
    <t>POINT (4.675457952254495 51.814989762968864)</t>
  </si>
  <si>
    <t>POINT (4.653701981146274 51.78546215030166)</t>
  </si>
  <si>
    <t>POINT (4.683582608629496 51.78222010175207)</t>
  </si>
  <si>
    <t>POINT (4.711080984222345 51.809685024163585)</t>
  </si>
  <si>
    <t>POINT (4.668086795428013 51.79991900372745)</t>
  </si>
  <si>
    <t>POINT (4.676290802439185 51.77605044004562)</t>
  </si>
  <si>
    <t>POINT (4.681433370894569 51.81302974680188)</t>
  </si>
  <si>
    <t>POINT (4.666378903803043 51.787896782612506)</t>
  </si>
  <si>
    <t>POINT (4.698022562338884 51.79565360347395)</t>
  </si>
  <si>
    <t>POINT (4.702125619415456 51.789856994049394)</t>
  </si>
  <si>
    <t>POINT (4.653027952569169 51.799888832185154)</t>
  </si>
  <si>
    <t>POINT (4.659502877440426 51.78821993625498)</t>
  </si>
  <si>
    <t>POINT (4.6687806190489205 51.814539803959285)</t>
  </si>
  <si>
    <t>POINT (4.654876613122188 51.793466243546035)</t>
  </si>
  <si>
    <t>POINT (4.677921726863065 51.808064617303195)</t>
  </si>
  <si>
    <t>POINT (4.720145945873529 51.8139982530717)</t>
  </si>
  <si>
    <t>POINT (4.732702780981095 51.80260886517123)</t>
  </si>
  <si>
    <t>POINT (4.705903418817267 51.81537343943026)</t>
  </si>
  <si>
    <t>POINT (4.659779426295294 51.801006103769126)</t>
  </si>
  <si>
    <t>POINT (4.6797739847630595 51.78021489759846)</t>
  </si>
  <si>
    <t>POINT (4.667897928697579 51.81168173264142)</t>
  </si>
  <si>
    <t>POINT (4.6586066921712455 51.80615858058397)</t>
  </si>
  <si>
    <t>POINT (4.658021482463276 51.806387923306914)</t>
  </si>
  <si>
    <t>POINT (4.683072550027493 51.78157427731717)</t>
  </si>
  <si>
    <t>POINT (4.71312304647024 51.80835883934503)</t>
  </si>
  <si>
    <t>POINT (4.6406421643043965 51.784249120360734)</t>
  </si>
  <si>
    <t>POINT (4.659450247899351 51.79186453979058)</t>
  </si>
  <si>
    <t>POINT (4.668337662440529 51.77372319822728)</t>
  </si>
  <si>
    <t>POINT (4.681552765412529 51.81015651836933)</t>
  </si>
  <si>
    <t>POINT (4.73284543924207 51.799413706082426)</t>
  </si>
  <si>
    <t>POINT (4.659869942639898 51.802379499381736)</t>
  </si>
  <si>
    <t>POINT (4.719764949028648 51.79538314186901)</t>
  </si>
  <si>
    <t>POINT (4.658583597981903 51.80897068380453)</t>
  </si>
  <si>
    <t>POINT (4.659415126440006 51.80931126587172)</t>
  </si>
  <si>
    <t>POINT (4.6748609149893925 51.77787658432031)</t>
  </si>
  <si>
    <t>POINT (4.6729640668002865 51.77524588239225)</t>
  </si>
  <si>
    <t>POINT (4.660340069102582 51.799971671506704)</t>
  </si>
  <si>
    <t>POINT (4.678902233172947 51.77608885534835)</t>
  </si>
  <si>
    <t>POINT (4.7133628663180716 51.81934668795152)</t>
  </si>
  <si>
    <t>POINT (4.670719253110858 51.77422805221812)</t>
  </si>
  <si>
    <t>POINT (4.659763734288296 51.7899912960392)</t>
  </si>
  <si>
    <t>POINT (4.677395514962466 51.80849796141361)</t>
  </si>
  <si>
    <t>POINT (4.698520975778279 51.793319826387005)</t>
  </si>
  <si>
    <t>POINT (4.658253413186487 51.78027808283857)</t>
  </si>
  <si>
    <t>POINT (4.669248589300921 51.81859925540007)</t>
  </si>
  <si>
    <t>POINT (4.699421849017544 51.7991651118303)</t>
  </si>
  <si>
    <t>POINT (4.692700488750635 51.78533366917111)</t>
  </si>
  <si>
    <t>POINT (4.682627810190659 51.81792956956235)</t>
  </si>
  <si>
    <t>POINT (4.668315977098841 51.79857645507846)</t>
  </si>
  <si>
    <t>POINT (4.683446814623489 51.802197629117295)</t>
  </si>
  <si>
    <t>POINT (4.672663579317718 51.7884000915716)</t>
  </si>
  <si>
    <t>POINT (4.667032887122445 51.815382620414084)</t>
  </si>
  <si>
    <t>POINT (4.679976074044514 51.778068292985296)</t>
  </si>
  <si>
    <t>POINT (4.655570271878187 51.80214209932295)</t>
  </si>
  <si>
    <t>POINT (4.704787606748798 51.80784176854212)</t>
  </si>
  <si>
    <t>POINT (4.697715464457914 51.79207948513511)</t>
  </si>
  <si>
    <t>POINT (4.709728332617058 51.80376156831606)</t>
  </si>
  <si>
    <t>POINT (4.684714073052291 51.792471418569356)</t>
  </si>
  <si>
    <t>POINT (4.666564699269709 51.81229846390505)</t>
  </si>
  <si>
    <t>POINT (4.652396722452262 51.79523538244014)</t>
  </si>
  <si>
    <t>POINT (4.719339737479204 51.80061289867732)</t>
  </si>
  <si>
    <t>POINT (4.6979866948110445 51.7961490819515)</t>
  </si>
  <si>
    <t>POINT (4.691376135810227 51.81837774023852)</t>
  </si>
  <si>
    <t>POINT (4.653290479893673 51.7933535727605)</t>
  </si>
  <si>
    <t>POINT (4.717791331773216 51.79574889974143)</t>
  </si>
  <si>
    <t>POINT (4.670976470044228 51.80372589558597)</t>
  </si>
  <si>
    <t>POINT (4.680059924438207 51.80514120113684)</t>
  </si>
  <si>
    <t>POINT (4.676726728632663 51.78379030587944)</t>
  </si>
  <si>
    <t>POINT (4.660694994934158 51.80711472103592)</t>
  </si>
  <si>
    <t>POINT (4.675926957488867 51.78551946002745)</t>
  </si>
  <si>
    <t>POINT (4.698921447791488 51.79627160188424)</t>
  </si>
  <si>
    <t>POINT (4.709077536365238 51.807301818247836)</t>
  </si>
  <si>
    <t>POINT (4.721298225170401 51.802520724120065)</t>
  </si>
  <si>
    <t>POINT (4.670247134098923 51.80468202611093)</t>
  </si>
  <si>
    <t>POINT (4.663191051600401 51.81383776473738)</t>
  </si>
  <si>
    <t>POINT (4.634107805794783 51.77401264323757)</t>
  </si>
  <si>
    <t>POINT (4.67367442326311 51.81173184701486)</t>
  </si>
  <si>
    <t>POINT (4.67476900915303 51.80446013259005)</t>
  </si>
  <si>
    <t>POINT (4.657040490944642 51.798527229916516)</t>
  </si>
  <si>
    <t>POINT (4.667798005432662 51.800402146236316)</t>
  </si>
  <si>
    <t>POINT (4.660859263155853 51.7872357374049)</t>
  </si>
  <si>
    <t>POINT (4.677577157625166 51.781149899505564)</t>
  </si>
  <si>
    <t>POINT (4.678008658838761 51.78770362509475)</t>
  </si>
  <si>
    <t>POINT (4.668019978706167 51.773372425431546)</t>
  </si>
  <si>
    <t>POINT (4.673048742158528 51.817222734575864)</t>
  </si>
  <si>
    <t>POINT (4.661042237279288 51.79232244680235)</t>
  </si>
  <si>
    <t>POINT (4.708137089672159 51.78957796239244)</t>
  </si>
  <si>
    <t>POINT (4.679922871126234 51.789877753446284)</t>
  </si>
  <si>
    <t>POINT (4.731326604316456 51.79874657412914)</t>
  </si>
  <si>
    <t>POINT (4.665794920916003 51.80986010295898)</t>
  </si>
  <si>
    <t>POINT (4.681328520778051 51.808235405637745)</t>
  </si>
  <si>
    <t>POINT (4.697138781389183 51.80043941366839)</t>
  </si>
  <si>
    <t>POINT (4.69413944000948 51.79025392767868)</t>
  </si>
  <si>
    <t>POINT (4.665805481234329 51.7959885891852)</t>
  </si>
  <si>
    <t>POINT (4.72404789871631 51.80487399952637)</t>
  </si>
  <si>
    <t>POINT (4.67106618088988 51.78235980308749)</t>
  </si>
  <si>
    <t>POINT (4.661625195083834 51.79065984458269)</t>
  </si>
  <si>
    <t>POINT (4.71215003838599 51.81461952494643)</t>
  </si>
  <si>
    <t>POINT (4.658710658120888 51.811153135037415)</t>
  </si>
  <si>
    <t>POINT (4.667726361001039 51.77538262295799)</t>
  </si>
  <si>
    <t>POINT (4.67566746133808 51.783387887998664)</t>
  </si>
  <si>
    <t>POINT (4.669158438602648 51.79852699872329)</t>
  </si>
  <si>
    <t>POINT (4.722609947515562 51.79356371966989)</t>
  </si>
  <si>
    <t>POINT (4.6682388902846474 51.77575154371215)</t>
  </si>
  <si>
    <t>POINT (4.714769052863664 51.8145768983932)</t>
  </si>
  <si>
    <t>POINT (4.6734782971464455 51.78921982275929)</t>
  </si>
  <si>
    <t>POINT (4.6626948345164365 51.800773214041975)</t>
  </si>
  <si>
    <t>POINT (4.667931994003737 51.79140480802658)</t>
  </si>
  <si>
    <t>POINT (4.702215146418032 51.789854505626685)</t>
  </si>
  <si>
    <t>POINT (4.667812310302377 51.813923019806055)</t>
  </si>
  <si>
    <t>POINT (4.685490588222291 51.78906273840285)</t>
  </si>
  <si>
    <t>POINT (4.683372989333529 51.797976040516964)</t>
  </si>
  <si>
    <t>POINT (4.6568887978969284 51.80254410848126)</t>
  </si>
  <si>
    <t>POINT (4.717662487761724 51.798582133887244)</t>
  </si>
  <si>
    <t>POINT (4.671733660879714 51.79255264879124)</t>
  </si>
  <si>
    <t>POINT (4.677234782337045 51.77394152850133)</t>
  </si>
  <si>
    <t>POINT (4.69487393697108 51.79491076720537)</t>
  </si>
  <si>
    <t>POINT (4.6759236209216795 51.78494687765777)</t>
  </si>
  <si>
    <t>POINT (4.664182333031578 51.81767960534967)</t>
  </si>
  <si>
    <t>POINT (4.684977252528092 51.8117980855935)</t>
  </si>
  <si>
    <t>POINT (4.716952983711026 51.80655388967075)</t>
  </si>
  <si>
    <t>POINT (4.706610923777645 51.80872048156857)</t>
  </si>
  <si>
    <t>POINT (4.670682805396124 51.7853761834519)</t>
  </si>
  <si>
    <t>POINT (4.653663738468469 51.79241972408658)</t>
  </si>
  <si>
    <t>POINT (4.6300417257757145 51.721861210313065)</t>
  </si>
  <si>
    <t>POINT (4.673309951272438 51.79346778138371)</t>
  </si>
  <si>
    <t>POINT (4.667205341100704 51.78917968296135)</t>
  </si>
  <si>
    <t>POINT (4.679793367804332 51.780572153550246)</t>
  </si>
  <si>
    <t>POINT (4.651261038861837 51.79087614530067)</t>
  </si>
  <si>
    <t>POINT (4.729693616854841 51.79755754922804)</t>
  </si>
  <si>
    <t>POINT (4.676825577759516 51.786347020677425)</t>
  </si>
  <si>
    <t>POINT (4.668811687810688 51.78931470770746)</t>
  </si>
  <si>
    <t>POINT (4.729432897437581 51.803487754250106)</t>
  </si>
  <si>
    <t>POINT (4.656341921025494 51.791518162033405)</t>
  </si>
  <si>
    <t>POINT (4.68225613112717 51.78827774360758)</t>
  </si>
  <si>
    <t>POINT (4.680128179656583 51.80045510494343)</t>
  </si>
  <si>
    <t>POINT (4.7305769115009895 51.79276880681091)</t>
  </si>
  <si>
    <t>POINT (4.67129741275232 51.818396510321115)</t>
  </si>
  <si>
    <t>POINT (4.66378083463619 51.79490575715732)</t>
  </si>
  <si>
    <t>POINT (4.685745057680401 51.77659668227709)</t>
  </si>
  <si>
    <t>POINT (4.668292545150994 51.790101310585776)</t>
  </si>
  <si>
    <t>POINT (4.664057596334521 51.803173898444335)</t>
  </si>
  <si>
    <t>POINT (4.674054401022062 51.775957492791)</t>
  </si>
  <si>
    <t>POINT (4.672411009224034 51.81683433489398)</t>
  </si>
  <si>
    <t>POINT (4.653573257795092 51.80147984564486)</t>
  </si>
  <si>
    <t>POINT (4.689280329802041 51.80818366256906)</t>
  </si>
  <si>
    <t>POINT (4.670698388406852 51.81365004537452)</t>
  </si>
  <si>
    <t>POINT (4.657323933895768 51.79079442868369)</t>
  </si>
  <si>
    <t>POINT (4.668536259962632 51.81706838559937)</t>
  </si>
  <si>
    <t>POINT (4.726489512876574 51.79402615706914)</t>
  </si>
  <si>
    <t>POINT (4.7055243524345505 51.81640601976297)</t>
  </si>
  <si>
    <t>POINT (4.703815620169443 51.81531891019666)</t>
  </si>
  <si>
    <t>POINT (4.667487301106811 51.79021811606139)</t>
  </si>
  <si>
    <t>POINT (4.68385921218245 51.807881346925186)</t>
  </si>
  <si>
    <t>POINT (4.701252541389627 51.78941465618369)</t>
  </si>
  <si>
    <t>POINT (4.735664190848611 51.80185209017734)</t>
  </si>
  <si>
    <t>POINT (4.725315675400684 51.806396390186855)</t>
  </si>
  <si>
    <t>POINT (4.654178097721985 51.803874071639534)</t>
  </si>
  <si>
    <t>POINT (4.685092670963002 51.802095256657566)</t>
  </si>
  <si>
    <t>POINT (4.666893424845718 51.78168785675037)</t>
  </si>
  <si>
    <t>POINT (4.651213565746882 51.80197745062501)</t>
  </si>
  <si>
    <t>POINT (4.69899722208802 51.79861461891368)</t>
  </si>
  <si>
    <t>POINT (4.676325967609576 51.80795351478494)</t>
  </si>
  <si>
    <t>POINT (4.668830247836181 51.773956911852395)</t>
  </si>
  <si>
    <t>POINT (4.700743365819608 51.79527802613021)</t>
  </si>
  <si>
    <t>POINT (4.669160941436066 51.81256882977008)</t>
  </si>
  <si>
    <t>POINT (4.657756917701808 51.81261386744177)</t>
  </si>
  <si>
    <t>POINT (4.687968771544082 51.80871063521245)</t>
  </si>
  <si>
    <t>POINT (4.681523818986904 51.81848408070721)</t>
  </si>
  <si>
    <t>POINT (4.669074110457663 51.79082345871692)</t>
  </si>
  <si>
    <t>POINT (4.713760701646479 51.8089891348266)</t>
  </si>
  <si>
    <t>POINT (4.676285892681563 51.81022769410472)</t>
  </si>
  <si>
    <t>POINT (4.715439856052865 51.80869572513795)</t>
  </si>
  <si>
    <t>POINT (4.690207396779459 51.81903908450432)</t>
  </si>
  <si>
    <t>POINT (4.6934101246856414 51.796415273231254)</t>
  </si>
  <si>
    <t>POINT (4.669642001720768 51.77295368881184)</t>
  </si>
  <si>
    <t>POINT (4.695469152108223 51.79725305856109)</t>
  </si>
  <si>
    <t>POINT (4.6637231487210355 51.79949293566896)</t>
  </si>
  <si>
    <t>POINT (4.713933234313177 51.80479248137657)</t>
  </si>
  <si>
    <t>POINT (4.698643148766768 51.8177680511538)</t>
  </si>
  <si>
    <t>POINT (4.678105707205182 51.80770229917004)</t>
  </si>
  <si>
    <t>POINT (4.7000293223951 51.816948806678745)</t>
  </si>
  <si>
    <t>POINT (4.651912231136078 51.80270412717865)</t>
  </si>
  <si>
    <t>POINT (4.651714723640837 51.78869380703062)</t>
  </si>
  <si>
    <t>POINT (4.657623180961503 51.782645118587965)</t>
  </si>
  <si>
    <t>POINT (4.661137614857293 51.79698951261596)</t>
  </si>
  <si>
    <t>POINT (4.654361947756657 51.7939664243576)</t>
  </si>
  <si>
    <t>POINT (4.667259467767077 51.80405385947766)</t>
  </si>
  <si>
    <t>POINT (4.730501080109491 51.80385766922312)</t>
  </si>
  <si>
    <t>POINT (4.6710438208070615 51.77304260737971)</t>
  </si>
  <si>
    <t>POINT (4.731983175926185 51.79617966195516)</t>
  </si>
  <si>
    <t>POINT (4.6682460135003785 51.793748765085475)</t>
  </si>
  <si>
    <t>POINT (4.68601537745929 51.78807920615577)</t>
  </si>
  <si>
    <t>POINT (4.725436152594556 51.8055507355527)</t>
  </si>
  <si>
    <t>POINT (4.694639367950684 51.79461566884923)</t>
  </si>
  <si>
    <t>POINT (4.690497502052921 51.80583145206842)</t>
  </si>
  <si>
    <t>POINT (4.699341520940396 51.7956923188694)</t>
  </si>
  <si>
    <t>POINT (4.6696831367523615 51.80913000747537)</t>
  </si>
  <si>
    <t>POINT (4.707729146457711 51.79627697354989)</t>
  </si>
  <si>
    <t>POINT (4.702342669557755 51.799365305286)</t>
  </si>
  <si>
    <t>POINT (4.725235366974714 51.80599001031582)</t>
  </si>
  <si>
    <t>POINT (4.672448386514143 51.787155751380546)</t>
  </si>
  <si>
    <t>POINT (4.664182181183095 51.78470982742521)</t>
  </si>
  <si>
    <t>POINT (4.658977232834363 51.803661754518366)</t>
  </si>
  <si>
    <t>POINT (4.662869365265748 51.7934869926726)</t>
  </si>
  <si>
    <t>POINT (4.6664840718846845 51.799077391981214)</t>
  </si>
  <si>
    <t>POINT (4.645044225261779 51.77113363090828)</t>
  </si>
  <si>
    <t>POINT (4.661803953641606 51.80399219641678)</t>
  </si>
  <si>
    <t>POINT (4.662773924069015 51.790849504467666)</t>
  </si>
  <si>
    <t>POINT (4.734124947724311 51.799542055682316)</t>
  </si>
  <si>
    <t>POINT (4.682877765532214 51.77567350062175)</t>
  </si>
  <si>
    <t>POINT (4.721059815302392 51.80275205989416)</t>
  </si>
  <si>
    <t>POINT (4.662975977547478 51.814341826167265)</t>
  </si>
  <si>
    <t>POINT (4.659923611897236 51.80873326382464)</t>
  </si>
  <si>
    <t>POINT (4.728076655974554 51.80468427949673)</t>
  </si>
  <si>
    <t>POINT (4.702739675876561 51.79878990264504)</t>
  </si>
  <si>
    <t>POINT (4.680494713561365 51.80290258421408)</t>
  </si>
  <si>
    <t>POINT (4.650924105132581 51.77422973882913)</t>
  </si>
  <si>
    <t>POINT (4.666940969324811 51.776036917956475)</t>
  </si>
  <si>
    <t>POINT (4.6723463959889955 51.803971955407924)</t>
  </si>
  <si>
    <t>POINT (4.675139917611777 51.81475325643734)</t>
  </si>
  <si>
    <t>POINT (4.66381410308391 51.80040975000827)</t>
  </si>
  <si>
    <t>POINT (4.684625549130615 51.81024834814027)</t>
  </si>
  <si>
    <t>POINT (4.671358384644761 51.805279870585366)</t>
  </si>
  <si>
    <t>POINT (4.719689492204342 51.803718731284455)</t>
  </si>
  <si>
    <t>POINT (4.6636184681828645 51.80319927190225)</t>
  </si>
  <si>
    <t>POINT (4.685699644754081 51.81357021530315)</t>
  </si>
  <si>
    <t>POINT (4.668673933863135 51.770077753803754)</t>
  </si>
  <si>
    <t>POINT (4.714122334276774 51.807309497270765)</t>
  </si>
  <si>
    <t>POINT (4.656765410623516 51.807378143566154)</t>
  </si>
  <si>
    <t>POINT (4.6792835635281245 51.806990371020774)</t>
  </si>
  <si>
    <t>POINT (4.674830804981958 51.81508580390406)</t>
  </si>
  <si>
    <t>POINT (4.710473324486494 51.78718674228961)</t>
  </si>
  <si>
    <t>POINT (4.654727104654836 51.80424729515159)</t>
  </si>
  <si>
    <t>POINT (4.711732725501468 51.79397295462872)</t>
  </si>
  <si>
    <t>POINT (4.65924000385778 51.80888168884812)</t>
  </si>
  <si>
    <t>POINT (4.6729039779452535 51.816243742624586)</t>
  </si>
  <si>
    <t>POINT (4.661718441041469 51.794374229916436)</t>
  </si>
  <si>
    <t>POINT (4.686213705207538 51.804820088719445)</t>
  </si>
  <si>
    <t>POINT (4.663786458657042 51.81300079726043)</t>
  </si>
  <si>
    <t>POINT (4.7316765222196775 51.79353977298879)</t>
  </si>
  <si>
    <t>POINT (4.672315702232254 51.8188046546384)</t>
  </si>
  <si>
    <t>POINT (4.659458512820871 51.8088611567352)</t>
  </si>
  <si>
    <t>POINT (4.666950899614204 51.79387125609738)</t>
  </si>
  <si>
    <t>POINT (4.668528697269139 51.80805854824733)</t>
  </si>
  <si>
    <t>POINT (4.6631149371444 51.7951974403151)</t>
  </si>
  <si>
    <t>POINT (4.676365856784108 51.815977888804525)</t>
  </si>
  <si>
    <t>POINT (4.727175373356106 51.80070924593974)</t>
  </si>
  <si>
    <t>POINT (4.692160852301545 51.804123663358)</t>
  </si>
  <si>
    <t>POINT (4.6623002715824065 51.79769986092133)</t>
  </si>
  <si>
    <t>POINT (4.668614856206574 51.80824978874709)</t>
  </si>
  <si>
    <t>POINT (4.735994460212236 51.80161130242007)</t>
  </si>
  <si>
    <t>POINT (4.727584293034398 51.8047832012143)</t>
  </si>
  <si>
    <t>POINT (4.652494938677909 51.78531748242143)</t>
  </si>
  <si>
    <t>POINT (4.671858127470117 51.811569105432945)</t>
  </si>
  <si>
    <t>POINT (4.667408225327266 51.81391437581051)</t>
  </si>
  <si>
    <t>POINT (4.65948448235991 51.81494914743187)</t>
  </si>
  <si>
    <t>POINT (4.688508864939731 51.80369345719899)</t>
  </si>
  <si>
    <t>POINT (4.689841304701498 51.80915242503256)</t>
  </si>
  <si>
    <t>POINT (4.677180370033746 51.79002502351188)</t>
  </si>
  <si>
    <t>POINT (4.679691660427618 51.80531812551154)</t>
  </si>
  <si>
    <t>POINT (4.668604962071521 51.81324707385415)</t>
  </si>
  <si>
    <t>POINT (4.670938986477056 51.77278362250162)</t>
  </si>
  <si>
    <t>POINT (4.6949946041506685 51.796041454229794)</t>
  </si>
  <si>
    <t>POINT (4.667281108978813 51.7781517946197)</t>
  </si>
  <si>
    <t>POINT (4.702294307781398 51.79468320490807)</t>
  </si>
  <si>
    <t>POINT (4.669296166726115 51.80564649513834)</t>
  </si>
  <si>
    <t>POINT (4.6635349563798805 51.786615056015656)</t>
  </si>
  <si>
    <t>POINT (4.7154095503486975 51.79644830201527)</t>
  </si>
  <si>
    <t>POINT (4.6678607164947215 51.81512292713526)</t>
  </si>
  <si>
    <t>POINT (4.666336567538386 51.77529413445046)</t>
  </si>
  <si>
    <t>POINT (4.660047066649067 51.808727206494275)</t>
  </si>
  <si>
    <t>POINT (4.64459371785444 51.77366287080346)</t>
  </si>
  <si>
    <t>POINT (4.721398954890397 51.802075288193045)</t>
  </si>
  <si>
    <t>POINT (4.675278727895679 51.815712560272644)</t>
  </si>
  <si>
    <t>POINT (4.667293458136105 51.78946362853749)</t>
  </si>
  <si>
    <t>POINT (4.711683713596747 51.810778772853205)</t>
  </si>
  <si>
    <t>POINT (4.716389852887376 51.813807542414345)</t>
  </si>
  <si>
    <t>POINT (4.628560298248418 51.722411667418775)</t>
  </si>
  <si>
    <t>POINT (4.632103690747972 51.78351915072797)</t>
  </si>
  <si>
    <t>POINT (4.67669523377264 51.78635006943808)</t>
  </si>
  <si>
    <t>POINT (4.669309308695458 51.77066391621497)</t>
  </si>
  <si>
    <t>POINT (4.650755315484418 51.80184316041869)</t>
  </si>
  <si>
    <t>POINT (4.662195196319946 51.79101663375738)</t>
  </si>
  <si>
    <t>POINT (4.706925389005198 51.80750714741644)</t>
  </si>
  <si>
    <t>POINT (4.672847471377129 51.78793105766626)</t>
  </si>
  <si>
    <t>POINT (4.644849409072157 51.774186366616966)</t>
  </si>
  <si>
    <t>POINT (4.670779118574307 51.81814846032493)</t>
  </si>
  <si>
    <t>POINT (4.719287517172549 51.803450883331436)</t>
  </si>
  <si>
    <t>POINT (4.717462484748584 51.80242970730237)</t>
  </si>
  <si>
    <t>POINT (4.6530473034458515 51.801871627261825)</t>
  </si>
  <si>
    <t>POINT (4.671051976199253 51.81286980253794)</t>
  </si>
  <si>
    <t>POINT (4.692897138763963 51.7951829385436)</t>
  </si>
  <si>
    <t>POINT (4.662422282901982 51.80006964851728)</t>
  </si>
  <si>
    <t>POINT (4.676595482072357 51.784973861855896)</t>
  </si>
  <si>
    <t>POINT (4.681331865400068 51.809813188960256)</t>
  </si>
  <si>
    <t>POINT (4.653579950419275 51.787618274637495)</t>
  </si>
  <si>
    <t>POINT (4.724223246586153 51.80636667293402)</t>
  </si>
  <si>
    <t>POINT (4.706374020080615 51.7927616868777)</t>
  </si>
  <si>
    <t>POINT (4.652401777869659 51.785595971628005)</t>
  </si>
  <si>
    <t>POINT (4.655580438430331 51.787333143180014)</t>
  </si>
  <si>
    <t>POINT (4.667835281552253 51.77485443997599)</t>
  </si>
  <si>
    <t>POINT (4.723144872314842 51.80337787477842)</t>
  </si>
  <si>
    <t>POINT (4.725705442326232 51.7982662949656)</t>
  </si>
  <si>
    <t>POINT (4.720466060229728 51.80347036780044)</t>
  </si>
  <si>
    <t>POINT (4.685411447559563 51.79216851196764)</t>
  </si>
  <si>
    <t>POINT (4.674252430591881 51.778994129527376)</t>
  </si>
  <si>
    <t>POINT (4.652414931137249 51.792251406524166)</t>
  </si>
  <si>
    <t>POINT (4.65426688768773 51.79941720172485)</t>
  </si>
  <si>
    <t>POINT (4.675150360755339 51.811052755982836)</t>
  </si>
  <si>
    <t>POINT (4.692950168333671 51.79187674983587)</t>
  </si>
  <si>
    <t>POINT (4.677587785056197 51.804253467204084)</t>
  </si>
  <si>
    <t>POINT (4.668596215142838 51.808087419907324)</t>
  </si>
  <si>
    <t>POINT (4.67210987173038 51.80927613640928)</t>
  </si>
  <si>
    <t>POINT (4.687399008388026 51.81076739557118)</t>
  </si>
  <si>
    <t>POINT (4.696997375626118 51.79286546592827)</t>
  </si>
  <si>
    <t>POINT (4.6834607064078 51.797994031695396)</t>
  </si>
  <si>
    <t>POINT (4.67596562320001 51.81535433803657)</t>
  </si>
  <si>
    <t>POINT (4.6633619336400365 51.785588331897095)</t>
  </si>
  <si>
    <t>POINT (4.662626963200966 51.799487618316704)</t>
  </si>
  <si>
    <t>POINT (4.7054416865202295 51.816254395559284)</t>
  </si>
  <si>
    <t>POINT (4.674929302573431 51.78498439449557)</t>
  </si>
  <si>
    <t>POINT (4.669979088514718 51.789182040686306)</t>
  </si>
  <si>
    <t>POINT (4.660119536758929 51.798582584978455)</t>
  </si>
  <si>
    <t>POINT (4.716602299319363 51.81270849352356)</t>
  </si>
  <si>
    <t>POINT (4.669522335972365 51.81370528544608)</t>
  </si>
  <si>
    <t>POINT (4.654083336236577 51.788355107547076)</t>
  </si>
  <si>
    <t>POINT (4.664058389117444 51.81485225350343)</t>
  </si>
  <si>
    <t>POINT (4.699828379722779 51.817987490394025)</t>
  </si>
  <si>
    <t>POINT (4.654358739471204 51.78822568303626)</t>
  </si>
  <si>
    <t>POINT (4.656141693432912 51.78345379589574)</t>
  </si>
  <si>
    <t>POINT (4.6522363829248645 51.78119508242203)</t>
  </si>
  <si>
    <t>POINT (4.663311848779345 51.793028055114334)</t>
  </si>
  <si>
    <t>POINT (4.669206130770436 51.80222376304659)</t>
  </si>
  <si>
    <t>POINT (4.686009218599103 51.788042765157655)</t>
  </si>
  <si>
    <t>POINT (4.679948306923331 51.81607394103599)</t>
  </si>
  <si>
    <t>POINT (4.715749694930501 51.80103249340502)</t>
  </si>
  <si>
    <t>POINT (4.675434011508144 51.783392790721145)</t>
  </si>
  <si>
    <t>POINT (4.728174874122958 51.80588578483066)</t>
  </si>
  <si>
    <t>POINT (4.66980054864562 51.80447641295377)</t>
  </si>
  <si>
    <t>POINT (4.671294526972874 51.80231440193548)</t>
  </si>
  <si>
    <t>POINT (4.668175090957429 51.772046911378986)</t>
  </si>
  <si>
    <t>POINT (4.686858207844788 51.809738877379715)</t>
  </si>
  <si>
    <t>POINT (4.671338748484441 51.772228565171744)</t>
  </si>
  <si>
    <t>POINT (4.677685270534909 51.775972331858696)</t>
  </si>
  <si>
    <t>POINT (4.670048676730336 51.8012724026881)</t>
  </si>
  <si>
    <t>POINT (4.669744591206892 51.77809980682813)</t>
  </si>
  <si>
    <t>POINT (4.666893610122928 51.81251022505505)</t>
  </si>
  <si>
    <t>POINT (4.655807056516764 51.799966440614774)</t>
  </si>
  <si>
    <t>POINT (4.6659058650781455 51.78888043016144)</t>
  </si>
  <si>
    <t>POINT (4.683311683877398 51.81177771618694)</t>
  </si>
  <si>
    <t>POINT (4.658729469660599 51.81030477370136)</t>
  </si>
  <si>
    <t>POINT (4.669677188609132 51.801314301899566)</t>
  </si>
  <si>
    <t>POINT (4.665962857895609 51.77467576818625)</t>
  </si>
  <si>
    <t>POINT (4.676688857261679 51.7743441525914)</t>
  </si>
  <si>
    <t>POINT (4.651538604615337 51.78772578643884)</t>
  </si>
  <si>
    <t>POINT (4.733551874562575 51.79598351598402)</t>
  </si>
  <si>
    <t>POINT (4.685677453305113 51.781839933112934)</t>
  </si>
  <si>
    <t>POINT (4.711230523549764 51.79655343887957)</t>
  </si>
  <si>
    <t>POINT (4.656037632079219 51.78476169772447)</t>
  </si>
  <si>
    <t>POINT (4.7174317382268205 51.80239618391936)</t>
  </si>
  <si>
    <t>POINT (4.716630655208332 51.80308915450648)</t>
  </si>
  <si>
    <t>POINT (4.674743238239275 51.787936438535176)</t>
  </si>
  <si>
    <t>POINT (4.656923301311338 51.784218741519425)</t>
  </si>
  <si>
    <t>POINT (4.6590361639365145 51.78879677595919)</t>
  </si>
  <si>
    <t>POINT (4.668504268842249 51.80920089591898)</t>
  </si>
  <si>
    <t>POINT (4.661816094521159 51.81248092672681)</t>
  </si>
  <si>
    <t>POINT (4.702917120578706 51.81645198771602)</t>
  </si>
  <si>
    <t>POINT (4.675116135049301 51.782678192207065)</t>
  </si>
  <si>
    <t>POINT (4.651359444724191 51.78973422506604)</t>
  </si>
  <si>
    <t>POINT (4.666952130463653 51.81354927985586)</t>
  </si>
  <si>
    <t>POINT (4.7247547500898435 51.80621180722981)</t>
  </si>
  <si>
    <t>POINT (4.688266153001211 51.819855322987614)</t>
  </si>
  <si>
    <t>POINT (4.663996684830821 51.81507799244943)</t>
  </si>
  <si>
    <t>POINT (4.6784136216171825 51.80492557128675)</t>
  </si>
  <si>
    <t>POINT (4.652618146051475 51.80356836291675)</t>
  </si>
  <si>
    <t>POINT (4.680269812848045 51.77618409897238)</t>
  </si>
  <si>
    <t>POINT (4.693158626789175 51.79617567578079)</t>
  </si>
  <si>
    <t>POINT (4.7128840472605935 51.808674145142234)</t>
  </si>
  <si>
    <t>POINT (4.672119228687129 51.81771141549954)</t>
  </si>
  <si>
    <t>POINT (4.7065548612353405 51.80713470232862)</t>
  </si>
  <si>
    <t>POINT (4.658765291803549 51.814937719331965)</t>
  </si>
  <si>
    <t>POINT (4.709476988395207 51.80363546223204)</t>
  </si>
  <si>
    <t>POINT (4.660293138512563 51.79328900114952)</t>
  </si>
  <si>
    <t>POINT (4.659756558839367 51.790119879949835)</t>
  </si>
  <si>
    <t>POINT (4.685933151878696 51.78755055731838)</t>
  </si>
  <si>
    <t>POINT (4.6870035547726445 51.77924448811735)</t>
  </si>
  <si>
    <t>POINT (4.682881335927519 51.775022218616094)</t>
  </si>
  <si>
    <t>POINT (4.661783140684569 51.80542665378377)</t>
  </si>
  <si>
    <t>POINT (4.658922077184052 51.78845752595814)</t>
  </si>
  <si>
    <t>POINT (4.665317783019711 51.810804566777584)</t>
  </si>
  <si>
    <t>POINT (4.673125241915753 51.77209230198033)</t>
  </si>
  <si>
    <t>POINT (4.66398973658607 51.81428705380845)</t>
  </si>
  <si>
    <t>POINT (4.7309189142549934 51.79358701540434)</t>
  </si>
  <si>
    <t>POINT (4.663332238874341 51.789942511975134)</t>
  </si>
  <si>
    <t>POINT (4.859505789405619 51.81591409450488)</t>
  </si>
  <si>
    <t>POINT (4.683176621375553 51.798226131905764)</t>
  </si>
  <si>
    <t>POINT (4.668060020630596 51.80167184978159)</t>
  </si>
  <si>
    <t>POINT (4.679145070867105 51.80674027949912)</t>
  </si>
  <si>
    <t>POINT (4.733666029100496 51.80232034175693)</t>
  </si>
  <si>
    <t>POINT (4.660180083624582 51.801820014588706)</t>
  </si>
  <si>
    <t>POINT (4.651252460985419 51.80317623912637)</t>
  </si>
  <si>
    <t>POINT (4.727253112248702 51.79787643601241)</t>
  </si>
  <si>
    <t>POINT (4.655128684195753 51.787952020182956)</t>
  </si>
  <si>
    <t>POINT (4.715513854037736 51.80851163885989)</t>
  </si>
  <si>
    <t>POINT (4.6762432068871185 51.8178225099015)</t>
  </si>
  <si>
    <t>POINT (4.674471281040749 51.7833979471201)</t>
  </si>
  <si>
    <t>POINT (4.669711261807392 51.77929842729402)</t>
  </si>
  <si>
    <t>POINT (4.659835829010237 51.8090799886992)</t>
  </si>
  <si>
    <t>POINT (4.661632034144642 51.8026262364816)</t>
  </si>
  <si>
    <t>POINT (4.667071538432913 51.809708053554985)</t>
  </si>
  <si>
    <t>POINT (4.6716118412346495 51.80900020416328)</t>
  </si>
  <si>
    <t>POINT (4.68567506426139 51.782166064598144)</t>
  </si>
  <si>
    <t>POINT (4.6773933609744125 51.791154042737645)</t>
  </si>
  <si>
    <t>POINT (4.668113242371955 51.81172484058326)</t>
  </si>
  <si>
    <t>POINT (4.705914709504026 51.80848326701222)</t>
  </si>
  <si>
    <t>POINT (4.678325528552676 51.81658460292491)</t>
  </si>
  <si>
    <t>POINT (4.684940796301833 51.789496298629075)</t>
  </si>
  <si>
    <t>POINT (4.668198507357651 51.77429435118385)</t>
  </si>
  <si>
    <t>POINT (4.694253195115715 51.818548432426184)</t>
  </si>
  <si>
    <t>POINT (4.66129565961118 51.803225544417636)</t>
  </si>
  <si>
    <t>POINT (4.729416645890893 51.802813668166266)</t>
  </si>
  <si>
    <t>POINT (4.669852736822192 51.805459572655046)</t>
  </si>
  <si>
    <t>POINT (4.660947868943635 51.79692355664698)</t>
  </si>
  <si>
    <t>POINT (4.675068728959932 51.7890741636605)</t>
  </si>
  <si>
    <t>POINT (4.670262480346495 51.78176380511506)</t>
  </si>
  <si>
    <t>POINT (4.68602388415116 51.788678029412345)</t>
  </si>
  <si>
    <t>POINT (4.679302069590117 51.807461174538226)</t>
  </si>
  <si>
    <t>POINT (4.676406991955014 51.77331454074887)</t>
  </si>
  <si>
    <t>POINT (4.6517878414420215 51.78773115144647)</t>
  </si>
  <si>
    <t>POINT (4.670922193852732 51.800234583442894)</t>
  </si>
  <si>
    <t>POINT (4.731077159668562 51.7984159255601)</t>
  </si>
  <si>
    <t>POINT (4.688168071232563 51.81028553984166)</t>
  </si>
  <si>
    <t>POINT (4.710636146019784 51.81145896696223)</t>
  </si>
  <si>
    <t>POINT (4.682410232054356 51.80914976314031)</t>
  </si>
  <si>
    <t>POINT (4.672344536829989 51.81898659909054)</t>
  </si>
  <si>
    <t>POINT (4.6614187253791535 51.80603277281265)</t>
  </si>
  <si>
    <t>POINT (4.684171949006871 51.7982100060379)</t>
  </si>
  <si>
    <t>POINT (4.673971706674271 51.78037150606936)</t>
  </si>
  <si>
    <t>POINT (4.676809569328347 51.77976463332716)</t>
  </si>
  <si>
    <t>POINT (4.732287164938229 51.801544511836596)</t>
  </si>
  <si>
    <t>POINT (4.671842308721276 51.77249288581727)</t>
  </si>
  <si>
    <t>POINT (4.674305706882563 51.78852641419107)</t>
  </si>
  <si>
    <t>POINT (4.682515353274926 51.77757340497016)</t>
  </si>
  <si>
    <t>POINT (4.73291836900941 51.801294086297716)</t>
  </si>
  <si>
    <t>POINT (4.675117875385978 51.816914492765946)</t>
  </si>
  <si>
    <t>POINT (4.666125501915626 51.77910095114522)</t>
  </si>
  <si>
    <t>POINT (4.668178285632453 51.81516907955784)</t>
  </si>
  <si>
    <t>POINT (4.678985398181736 51.777562246729104)</t>
  </si>
  <si>
    <t>POINT (4.703381505915904 51.79936164768762)</t>
  </si>
  <si>
    <t>POINT (4.707411164179979 51.79419535274378)</t>
  </si>
  <si>
    <t>POINT (4.685456158667069 51.78164157721139)</t>
  </si>
  <si>
    <t>POINT (4.676539185231191 51.785252143486275)</t>
  </si>
  <si>
    <t>POINT (4.672773639482002 51.78554294866043)</t>
  </si>
  <si>
    <t>POINT (4.675405537218894 51.78321801241513)</t>
  </si>
  <si>
    <t>POINT (4.643178058447252 51.777361671419015)</t>
  </si>
  <si>
    <t>POINT (4.731742634266793 51.80162170380899)</t>
  </si>
  <si>
    <t>POINT (4.660239098354224 51.80999269110415)</t>
  </si>
  <si>
    <t>POINT (4.7258452350168385 51.79807375524963)</t>
  </si>
  <si>
    <t>POINT (4.716805564183709 51.804817744798214)</t>
  </si>
  <si>
    <t>POINT (4.6285778017446555 51.72082024143193)</t>
  </si>
  <si>
    <t>POINT (4.657012685716715 51.76997782571415)</t>
  </si>
  <si>
    <t>POINT (4.701926990345044 51.79699822135276)</t>
  </si>
  <si>
    <t>POINT (4.654156146292677 51.79093366921394)</t>
  </si>
  <si>
    <t>POINT (4.670316889098048 51.785389471245146)</t>
  </si>
  <si>
    <t>POINT (4.6605684225326085 51.77207681019312)</t>
  </si>
  <si>
    <t>POINT (4.674634778919084 51.80413413402949)</t>
  </si>
  <si>
    <t>POINT (4.666354345677954 51.78772294297359)</t>
  </si>
  <si>
    <t>POINT (4.660629142685796 51.80429665542594)</t>
  </si>
  <si>
    <t>POINT (4.672377555331698 51.810961966562594)</t>
  </si>
  <si>
    <t>POINT (4.6578022317158325 51.79325381946903)</t>
  </si>
  <si>
    <t>POINT (4.696597589089331 51.81820158146428)</t>
  </si>
  <si>
    <t>POINT (4.667679339029009 51.795279409738725)</t>
  </si>
  <si>
    <t>POINT (4.676413709103509 51.77325418631269)</t>
  </si>
  <si>
    <t>POINT (4.68170849663709 51.78881943571985)</t>
  </si>
  <si>
    <t>POINT (4.710175557405026 51.79616709966716)</t>
  </si>
  <si>
    <t>POINT (4.732077325895568 51.800178505698405)</t>
  </si>
  <si>
    <t>POINT (4.706070818404587 51.79322828137098)</t>
  </si>
  <si>
    <t>POINT (4.682243931382721 51.81477708020022)</t>
  </si>
  <si>
    <t>POINT (4.663121826508979 51.81346158384128)</t>
  </si>
  <si>
    <t>POINT (4.671320660453083 51.781599033321164)</t>
  </si>
  <si>
    <t>POINT (4.711122417083516 51.80590719985311)</t>
  </si>
  <si>
    <t>POINT (4.673515559042857 51.815362340161656)</t>
  </si>
  <si>
    <t>POINT (4.662752980941949 51.788945702208984)</t>
  </si>
  <si>
    <t>POINT (4.693121960622685 51.783847008271955)</t>
  </si>
  <si>
    <t>POINT (4.665942471627806 51.80381154413777)</t>
  </si>
  <si>
    <t>POINT (4.713400398374783 51.80804821165818)</t>
  </si>
  <si>
    <t>POINT (4.67284862775792 51.81119927773276)</t>
  </si>
  <si>
    <t>POINT (4.682963814816403 51.810825455206995)</t>
  </si>
  <si>
    <t>POINT (4.6934445938627976 51.795578541691874)</t>
  </si>
  <si>
    <t>POINT (4.671626672842306 51.80305284399544)</t>
  </si>
  <si>
    <t>POINT (4.671517428898786 51.802028384506514)</t>
  </si>
  <si>
    <t>POINT (4.65320642973217 51.78312436556156)</t>
  </si>
  <si>
    <t>POINT (4.680183193937931 51.801807558483674)</t>
  </si>
  <si>
    <t>POINT (4.711689225299599 51.79894451970618)</t>
  </si>
  <si>
    <t>POINT (4.696046439814682 51.794310297863035)</t>
  </si>
  <si>
    <t>POINT (4.666392561445451 51.81570907701164)</t>
  </si>
  <si>
    <t>POINT (4.683651401129251 51.7780140915512)</t>
  </si>
  <si>
    <t>POINT (4.709316180551114 51.79888391232081)</t>
  </si>
  <si>
    <t>POINT (4.66934220585949 51.819436583257065)</t>
  </si>
  <si>
    <t>POINT (4.672287930230188 51.78798059238726)</t>
  </si>
  <si>
    <t>POINT (4.719181767690141 51.796569255224604)</t>
  </si>
  <si>
    <t>POINT (4.716670372783436 51.79538582873461)</t>
  </si>
  <si>
    <t>POINT (4.666958628012093 51.79918673223919)</t>
  </si>
  <si>
    <t>POINT (4.712505569701931 51.79352043620929)</t>
  </si>
  <si>
    <t>POINT (4.685472524777597 51.77520429334514)</t>
  </si>
  <si>
    <t>POINT (4.661128965740235 51.788365849557714)</t>
  </si>
  <si>
    <t>POINT (4.679242830375371 51.809029744936865)</t>
  </si>
  <si>
    <t>POINT (4.661290688009353 51.8125325267898)</t>
  </si>
  <si>
    <t>POINT (4.66073665413078 51.80721820506086)</t>
  </si>
  <si>
    <t>POINT (4.690278996323769 51.806264612650416)</t>
  </si>
  <si>
    <t>POINT (4.676691512069344 51.78373597160983)</t>
  </si>
  <si>
    <t>POINT (4.661049647919161 51.79429883882997)</t>
  </si>
  <si>
    <t>POINT (4.666252206209746 51.81313876570398)</t>
  </si>
  <si>
    <t>POINT (4.662267281297226 51.79491416712995)</t>
  </si>
  <si>
    <t>POINT (4.66498947121373 51.81576842321384)</t>
  </si>
  <si>
    <t>POINT (4.7157429634287755 51.75271340215749)</t>
  </si>
  <si>
    <t>POINT (4.68350023982555 51.798055382847444)</t>
  </si>
  <si>
    <t>POINT (4.717338306343723 51.79908434907102)</t>
  </si>
  <si>
    <t>POINT (4.664435527011049 51.78816182986369)</t>
  </si>
  <si>
    <t>POINT (4.684903153209822 51.81160512296098)</t>
  </si>
  <si>
    <t>POINT (4.708989445699082 51.80553094961968)</t>
  </si>
  <si>
    <t>POINT (4.673639698521847 51.80595233051845)</t>
  </si>
  <si>
    <t>POINT (4.707822118745378 51.79591084647251)</t>
  </si>
  <si>
    <t>POINT (4.698681820160928 51.79746247077602)</t>
  </si>
  <si>
    <t>POINT (4.659537174416151 51.791778355968724)</t>
  </si>
  <si>
    <t>POINT (4.714561447429063 51.81386069854929)</t>
  </si>
  <si>
    <t>POINT (4.717393807824354 51.79910938471854)</t>
  </si>
  <si>
    <t>POINT (4.666263381284176 51.80216438858249)</t>
  </si>
  <si>
    <t>POINT (4.667645788878095 51.81647934873269)</t>
  </si>
  <si>
    <t>POINT (4.665067408421163 51.777541191510004)</t>
  </si>
  <si>
    <t>POINT (4.653706710986832 51.785830043133636)</t>
  </si>
  <si>
    <t>POINT (4.672619154495354 51.81294063163915)</t>
  </si>
  <si>
    <t>POINT (4.709512347143388 51.79670506216749)</t>
  </si>
  <si>
    <t>POINT (4.717656421530999 51.795515934995876)</t>
  </si>
  <si>
    <t>POINT (4.674505492991918 51.78387814267235)</t>
  </si>
  <si>
    <t>POINT (4.662494118581119 51.80301557020755)</t>
  </si>
  <si>
    <t>POINT (4.683341241632137 51.78002468352903)</t>
  </si>
  <si>
    <t>POINT (4.671791303404253 51.804738407986505)</t>
  </si>
  <si>
    <t>POINT (4.6849651910574694 51.81174756004813)</t>
  </si>
  <si>
    <t>POINT (4.703977935541394 51.797187250292474)</t>
  </si>
  <si>
    <t>POINT (4.659352346212435 51.815301421384056)</t>
  </si>
  <si>
    <t>POINT (4.665492466283965 51.789829584518095)</t>
  </si>
  <si>
    <t>POINT (4.680760722352212 51.7743818372745)</t>
  </si>
  <si>
    <t>POINT (4.664428248721335 51.81234386809144)</t>
  </si>
  <si>
    <t>POINT (4.684722294694696 51.7898340796293)</t>
  </si>
  <si>
    <t>POINT (4.682787906182157 51.81448019716405)</t>
  </si>
  <si>
    <t>POINT (4.72796229971906 51.797359306272675)</t>
  </si>
  <si>
    <t>POINT (4.678381526103088 51.80763532808374)</t>
  </si>
  <si>
    <t>POINT (4.661538244590484 51.81339688146268)</t>
  </si>
  <si>
    <t>POINT (4.656817794624123 51.80750379897072)</t>
  </si>
  <si>
    <t>POINT (4.717983667931467 51.815661361213856)</t>
  </si>
  <si>
    <t>POINT (4.735046028648262 51.80258076229039)</t>
  </si>
  <si>
    <t>POINT (4.707481374251813 51.807475124789946)</t>
  </si>
  <si>
    <t>POINT (4.683966302844047 51.809800008639534)</t>
  </si>
  <si>
    <t>POINT (4.662520957792628 51.791881867735874)</t>
  </si>
  <si>
    <t>POINT (4.662589981820562 51.79207512874567)</t>
  </si>
  <si>
    <t>POINT (4.6735400604618125 51.81656115511179)</t>
  </si>
  <si>
    <t>POINT (4.662722718940018 51.80475216776551)</t>
  </si>
  <si>
    <t>POINT (4.678972864607531 51.807325877055995)</t>
  </si>
  <si>
    <t>POINT (4.714610960922774 51.81607103631775)</t>
  </si>
  <si>
    <t>POINT (4.6691699456641595 51.77658324730431)</t>
  </si>
  <si>
    <t>POINT (4.729424505063357 51.79330700035822)</t>
  </si>
  <si>
    <t>POINT (4.685235410926555 51.792144663469124)</t>
  </si>
  <si>
    <t>POINT (4.672720404821554 51.78369051133581)</t>
  </si>
  <si>
    <t>POINT (4.6721637074096956 51.779653158827855)</t>
  </si>
  <si>
    <t>POINT (4.661629384948489 51.80356229354489)</t>
  </si>
  <si>
    <t>POINT (4.673903380842957 51.81433920762997)</t>
  </si>
  <si>
    <t>POINT (4.6834460447644695 51.81183694834922)</t>
  </si>
  <si>
    <t>POINT (4.683417647381378 51.80173006103311)</t>
  </si>
  <si>
    <t>POINT (4.668351329527942 51.79197469102321)</t>
  </si>
  <si>
    <t>POINT (4.711414294200716 51.80795654897157)</t>
  </si>
  <si>
    <t>POINT (4.66540015971777 51.79512965315156)</t>
  </si>
  <si>
    <t>POINT (4.664440560902425 51.77716916153601)</t>
  </si>
  <si>
    <t>POINT (4.718546388299892 51.815178526308536)</t>
  </si>
  <si>
    <t>POINT (4.6742413416147 51.81918592829904)</t>
  </si>
  <si>
    <t>POINT (4.667762097392316 51.81427417819413)</t>
  </si>
  <si>
    <t>POINT (4.662619658257856 51.785860315415846)</t>
  </si>
  <si>
    <t>POINT (4.666684006280469 51.78927327241043)</t>
  </si>
  <si>
    <t>POINT (4.669714629461632 51.77997255618214)</t>
  </si>
  <si>
    <t>POINT (4.68804000465044 51.80878318469323)</t>
  </si>
  <si>
    <t>POINT (4.724564351795267 51.80455221152969)</t>
  </si>
  <si>
    <t>POINT (4.71665016044313 51.81583807054673)</t>
  </si>
  <si>
    <t>POINT (4.657483862532259 51.80096910791141)</t>
  </si>
  <si>
    <t>POINT (4.68286297996551 51.77497934013179)</t>
  </si>
  <si>
    <t>POINT (4.669881554465436 51.770842796655)</t>
  </si>
  <si>
    <t>POINT (4.667684967112482 51.799390539995954)</t>
  </si>
  <si>
    <t>POINT (4.665056170220416 51.81710562947528)</t>
  </si>
  <si>
    <t>POINT (4.728997844458072 51.797188313607855)</t>
  </si>
  <si>
    <t>POINT (4.685633011002914 51.775542887021935)</t>
  </si>
  <si>
    <t>POINT (4.6786390455739095 51.79162281883012)</t>
  </si>
  <si>
    <t>POINT (4.6711213900682775 51.810897131021086)</t>
  </si>
  <si>
    <t>POINT (4.675963275114626 51.785699813752416)</t>
  </si>
  <si>
    <t>POINT (4.6521327741697975 51.78470602999362)</t>
  </si>
  <si>
    <t>POINT (4.704721363268944 51.81488651482633)</t>
  </si>
  <si>
    <t>POINT (4.6588019736518085 51.80433109739263)</t>
  </si>
  <si>
    <t>POINT (4.684060710964595 51.79811984815247)</t>
  </si>
  <si>
    <t>POINT (4.714946060247683 51.80591163105889)</t>
  </si>
  <si>
    <t>POINT (4.71722134547266 51.814949741114035)</t>
  </si>
  <si>
    <t>POINT (4.727284610826456 51.79796288618948)</t>
  </si>
  <si>
    <t>POINT (4.658558959034756 51.81198222646568)</t>
  </si>
  <si>
    <t>POINT (4.658820569132267 51.8089248924427)</t>
  </si>
  <si>
    <t>POINT (4.6685479327095765 51.80919895211999)</t>
  </si>
  <si>
    <t>POINT (4.680781902958461 51.77536614718183)</t>
  </si>
  <si>
    <t>POINT (4.687279171503175 51.809877045897416)</t>
  </si>
  <si>
    <t>POINT (4.710838929654996 51.79456926348484)</t>
  </si>
  <si>
    <t>POINT (4.675692242737653 51.81380803216917)</t>
  </si>
  <si>
    <t>POINT (4.673453224238775 51.78911431369448)</t>
  </si>
  <si>
    <t>POINT (4.677040908923625 51.80907215166995)</t>
  </si>
  <si>
    <t>POINT (4.722159771040577 51.794253852192284)</t>
  </si>
  <si>
    <t>POINT (4.690868353515321 51.818411069716994)</t>
  </si>
  <si>
    <t>POINT (4.685979048754474 51.787960275405176)</t>
  </si>
  <si>
    <t>POINT (4.69716125824141 51.792878016371326)</t>
  </si>
  <si>
    <t>POINT (4.700720345905167 51.79914815038043)</t>
  </si>
  <si>
    <t>POINT (4.669856039999365 51.80400591594431)</t>
  </si>
  <si>
    <t>POINT (4.6768383817213 51.78657308304183)</t>
  </si>
  <si>
    <t>POINT (4.667935200562235 51.77816783450352)</t>
  </si>
  <si>
    <t>POINT (4.67589136692773 51.78515234351061)</t>
  </si>
  <si>
    <t>POINT (4.654563434668161 51.792047865341836)</t>
  </si>
  <si>
    <t>POINT (4.6510957158177835 51.80214304726914)</t>
  </si>
  <si>
    <t>POINT (4.664087078983725 51.787135230597706)</t>
  </si>
  <si>
    <t>POINT (4.6789777182515895 51.78079597594432)</t>
  </si>
  <si>
    <t>POINT (4.6870635702009 51.80449138652177)</t>
  </si>
  <si>
    <t>POINT (4.675831800920425 51.77417300774583)</t>
  </si>
  <si>
    <t>POINT (4.672696584865473 51.78364895528868)</t>
  </si>
  <si>
    <t>POINT (4.6787703618405585 51.78709396718288)</t>
  </si>
  <si>
    <t>POINT (4.7143539458258354 51.814829751536145)</t>
  </si>
  <si>
    <t>POINT (4.6854602116625 51.7879265663624)</t>
  </si>
  <si>
    <t>POINT (4.7118803555901705 51.80305500748631)</t>
  </si>
  <si>
    <t>POINT (4.6649746693138745 51.81297713195464)</t>
  </si>
  <si>
    <t>POINT (4.682283214259419 51.785336473779076)</t>
  </si>
  <si>
    <t>POINT (4.705044972576336 51.795160250369975)</t>
  </si>
  <si>
    <t>POINT (4.651992203597526 51.78470891529014)</t>
  </si>
  <si>
    <t>POINT (4.683980424159296 51.812445349574446)</t>
  </si>
  <si>
    <t>POINT (4.673499490379127 51.80442026512186)</t>
  </si>
  <si>
    <t>POINT (4.732613742602081 51.79414797318967)</t>
  </si>
  <si>
    <t>POINT (4.6815759431719925 51.80074071696658)</t>
  </si>
  <si>
    <t>POINT (4.653572996557802 51.78746119828871)</t>
  </si>
  <si>
    <t>POINT (4.661628809148113 51.7922520271833)</t>
  </si>
  <si>
    <t>POINT (4.6644058333583445 51.792187489451905)</t>
  </si>
  <si>
    <t>POINT (4.678529411800857 51.78134273851304)</t>
  </si>
  <si>
    <t>POINT (4.658649757297108 51.770057346329544)</t>
  </si>
  <si>
    <t>POINT (4.72468735691868 51.79716514021521)</t>
  </si>
  <si>
    <t>POINT (4.669523617654855 51.80428567844485)</t>
  </si>
  <si>
    <t>POINT (4.69351741092759 51.79558879687611)</t>
  </si>
  <si>
    <t>POINT (4.654182639505707 51.78769023964293)</t>
  </si>
  <si>
    <t>POINT (4.658400892715662 51.80520152587106)</t>
  </si>
  <si>
    <t>POINT (4.663088903358 51.79127723501679)</t>
  </si>
  <si>
    <t>POINT (4.664869060304823 51.801406533733015)</t>
  </si>
  <si>
    <t>POINT (4.702157539795654 51.79790555321224)</t>
  </si>
  <si>
    <t>POINT (4.682612503048235 51.7905854833418)</t>
  </si>
  <si>
    <t>POINT (4.673473998561102 51.807449043358524)</t>
  </si>
  <si>
    <t>POINT (4.65867881609805 51.81195796408861)</t>
  </si>
  <si>
    <t>POINT (4.663220669313608 51.78992563481968)</t>
  </si>
  <si>
    <t>POINT (4.67046658229397 51.818310622244105)</t>
  </si>
  <si>
    <t>POINT (4.712373657359303 51.8036416449604)</t>
  </si>
  <si>
    <t>POINT (4.679371494987059 51.800299424764646)</t>
  </si>
  <si>
    <t>POINT (4.653757362089594 51.78532469056261)</t>
  </si>
  <si>
    <t>POINT (4.660505750203361 51.7922008873821)</t>
  </si>
  <si>
    <t>POINT (4.71297265554172 51.8162995470148)</t>
  </si>
  <si>
    <t>POINT (4.6576306900063065 51.7883098169646)</t>
  </si>
  <si>
    <t>POINT (4.660673319000526 51.787253983546755)</t>
  </si>
  <si>
    <t>POINT (4.70381072865233 51.81521776844959)</t>
  </si>
  <si>
    <t>POINT (4.667202031602147 51.78916635936979)</t>
  </si>
  <si>
    <t>POINT (4.673546433843068 51.795286625716294)</t>
  </si>
  <si>
    <t>POINT (4.714489794453056 51.79955702538853)</t>
  </si>
  <si>
    <t>POINT (4.715555327256234 51.80927474228918)</t>
  </si>
  <si>
    <t>POINT (4.678793451432505 51.77731140831254)</t>
  </si>
  <si>
    <t>POINT (4.6591279544960225 51.79914774856231)</t>
  </si>
  <si>
    <t>POINT (4.654422907655227 51.79636834492679)</t>
  </si>
  <si>
    <t>POINT (4.676228893294333 51.80869254177768)</t>
  </si>
  <si>
    <t>POINT (4.651221554549861 51.790620267549606)</t>
  </si>
  <si>
    <t>POINT (4.698001121022866 51.799692589332096)</t>
  </si>
  <si>
    <t>POINT (4.682752272005059 51.80181834585043)</t>
  </si>
  <si>
    <t>POINT (4.629785363301351 51.72413146373232)</t>
  </si>
  <si>
    <t>POINT (4.726503440052747 51.79856325486007)</t>
  </si>
  <si>
    <t>POINT (4.668400317584281 51.781184411845864)</t>
  </si>
  <si>
    <t>POINT (4.681070064135604 51.79845801851141)</t>
  </si>
  <si>
    <t>POINT (4.675945156736526 51.785425944094136)</t>
  </si>
  <si>
    <t>POINT (4.690062942808308 51.80875044763994)</t>
  </si>
  <si>
    <t>POINT (4.663185267569715 51.79449152436464)</t>
  </si>
  <si>
    <t>POINT (4.658479960141065 51.812700498179574)</t>
  </si>
  <si>
    <t>POINT (4.7324992438127085 51.79549306905155)</t>
  </si>
  <si>
    <t>POINT (4.712113806290815 51.800237958921926)</t>
  </si>
  <si>
    <t>POINT (4.66541061998673 51.809861613904076)</t>
  </si>
  <si>
    <t>POINT (4.629451892587704 51.72356511701406)</t>
  </si>
  <si>
    <t>POINT (4.678613042923174 51.78990991166517)</t>
  </si>
  <si>
    <t>POINT (4.668401924711978 51.81617007092948)</t>
  </si>
  <si>
    <t>POINT (4.630797382712497 51.72178928104047)</t>
  </si>
  <si>
    <t>POINT (4.668281949848417 51.79200868360077)</t>
  </si>
  <si>
    <t>POINT (4.6738851742287375 51.78217597465687)</t>
  </si>
  <si>
    <t>POINT (4.6593571059704555 51.796482070267324)</t>
  </si>
  <si>
    <t>POINT (4.685819533300029 51.78658660521872)</t>
  </si>
  <si>
    <t>POINT (4.652388221638322 51.78574223203335)</t>
  </si>
  <si>
    <t>POINT (4.652636559276375 51.78313855090775)</t>
  </si>
  <si>
    <t>POINT (4.661183690446628 51.79466824115069)</t>
  </si>
  <si>
    <t>POINT (4.717867557545257 51.80313713309044)</t>
  </si>
  <si>
    <t>POINT (4.7201755393918186 51.80310615968324)</t>
  </si>
  <si>
    <t>POINT (4.7026978402134505 51.79670331777218)</t>
  </si>
  <si>
    <t>POINT (4.701601964354388 51.7965809472504)</t>
  </si>
  <si>
    <t>POINT (4.669729975752788 51.793351659680035)</t>
  </si>
  <si>
    <t>POINT (4.693389139966427 51.7954610733683)</t>
  </si>
  <si>
    <t>POINT (4.685352492179184 51.79209044311643)</t>
  </si>
  <si>
    <t>POINT (4.677544234834389 51.77774284691624)</t>
  </si>
  <si>
    <t>POINT (4.687905647457853 51.80759536795615)</t>
  </si>
  <si>
    <t>POINT (4.68550071389249 51.78079489296866)</t>
  </si>
  <si>
    <t>POINT (4.6723661772995815 51.778368854879425)</t>
  </si>
  <si>
    <t>POINT (4.6809734020559475 51.80490163543287)</t>
  </si>
  <si>
    <t>POINT (4.687114405606241 51.80575310570539)</t>
  </si>
  <si>
    <t>POINT (4.678082352099791 51.78463694772036)</t>
  </si>
  <si>
    <t>POINT (4.670949197493829 51.81812599305906)</t>
  </si>
  <si>
    <t>POINT (4.723315251177027 51.804201065858386)</t>
  </si>
  <si>
    <t>POINT (4.724135562725549 51.800561537888186)</t>
  </si>
  <si>
    <t>POINT (4.712954422996146 51.80873784755787)</t>
  </si>
  <si>
    <t>POINT (4.687723869020494 51.8077591636245)</t>
  </si>
  <si>
    <t>POINT (4.681337602819886 51.77681813035623)</t>
  </si>
  <si>
    <t>POINT (4.658875711610167 51.78021408381331)</t>
  </si>
  <si>
    <t>POINT (4.728453379617788 51.803647749045254)</t>
  </si>
  <si>
    <t>POINT (4.727623694457792 51.80426624348423)</t>
  </si>
  <si>
    <t>POINT (4.710961196224228 51.805634463094336)</t>
  </si>
  <si>
    <t>POINT (4.704225843977703 51.80746594762172)</t>
  </si>
  <si>
    <t>POINT (4.663610647562484 51.80181074051332)</t>
  </si>
  <si>
    <t>POINT (4.7169843150521675 51.814062998180376)</t>
  </si>
  <si>
    <t>POINT (4.705949158802906 51.79278948535941)</t>
  </si>
  <si>
    <t>POINT (4.673153797068435 51.77848260459685)</t>
  </si>
  <si>
    <t>POINT (4.6825478531088764 51.79875466686465)</t>
  </si>
  <si>
    <t>POINT (4.6818092610332265 51.77799484748014)</t>
  </si>
  <si>
    <t>POINT (4.674356352879483 51.77928818849867)</t>
  </si>
  <si>
    <t>POINT (4.653698209534228 51.811310754502244)</t>
  </si>
  <si>
    <t>POINT (4.687575673626684 51.80294997180665)</t>
  </si>
  <si>
    <t>POINT (4.65651746964527 51.7984815561131)</t>
  </si>
  <si>
    <t>POINT (4.70942968699861 51.80634479088487)</t>
  </si>
  <si>
    <t>POINT (4.659346100096948 51.80402303370894)</t>
  </si>
  <si>
    <t>POINT (4.6732971754032056 51.80849909466657)</t>
  </si>
  <si>
    <t>POINT (4.694561284887253 51.81862011983154)</t>
  </si>
  <si>
    <t>POINT (4.68403262987953 51.80017215453186)</t>
  </si>
  <si>
    <t>POINT (4.645639817874763 51.77973151873165)</t>
  </si>
  <si>
    <t>POINT (4.647670286896201 51.792591289755606)</t>
  </si>
  <si>
    <t>POINT (4.651064594409526 51.794311737987854)</t>
  </si>
  <si>
    <t>POINT (4.712712350170843 51.795445881435136)</t>
  </si>
  <si>
    <t>POINT (4.697360750418255 51.79747692171778)</t>
  </si>
  <si>
    <t>POINT (4.686613553811398 51.78258163900666)</t>
  </si>
  <si>
    <t>POINT (4.733971160826294 51.79168163033732)</t>
  </si>
  <si>
    <t>POINT (4.666325005254722 51.81702789386064)</t>
  </si>
  <si>
    <t>POINT (4.719252473369313 51.815337466190364)</t>
  </si>
  <si>
    <t>POINT (4.667364832306123 51.7713372432732)</t>
  </si>
  <si>
    <t>POINT (4.684999312378039 51.77606691121415)</t>
  </si>
  <si>
    <t>POINT (4.67908705292194 51.78190174280585)</t>
  </si>
  <si>
    <t>POINT (4.692659818289615 51.79604172301297)</t>
  </si>
  <si>
    <t>POINT (4.6839767666998116 51.81158645179696)</t>
  </si>
  <si>
    <t>POINT (4.7108571323456925 51.810467211415855)</t>
  </si>
  <si>
    <t>POINT (4.704547842976353 51.78508648853841)</t>
  </si>
  <si>
    <t>POINT (4.65350123965618 51.765478782212924)</t>
  </si>
  <si>
    <t>POINT (4.684649116601474 51.80348586400541)</t>
  </si>
  <si>
    <t>POINT (4.665090333484795 51.803720038529825)</t>
  </si>
  <si>
    <t>POINT (4.654337769973045 51.79354965567772)</t>
  </si>
  <si>
    <t>POINT (4.6834259192328656 51.79796763001915)</t>
  </si>
  <si>
    <t>POINT (4.6631600553000565 51.81333329057021)</t>
  </si>
  <si>
    <t>POINT (4.655544704965846 51.79034280865239)</t>
  </si>
  <si>
    <t>POINT (4.686844432501326 51.77536990372174)</t>
  </si>
  <si>
    <t>POINT (4.685564410895969 51.78505392806859)</t>
  </si>
  <si>
    <t>POINT (4.6771643194543 51.80992887178334)</t>
  </si>
  <si>
    <t>POINT (4.69365976912329 51.793237086599795)</t>
  </si>
  <si>
    <t>POINT (4.721021277564933 51.81124695951504)</t>
  </si>
  <si>
    <t>POINT (4.715082801128237 51.81493085246416)</t>
  </si>
  <si>
    <t>POINT (4.680235765221771 51.799810689620486)</t>
  </si>
  <si>
    <t>POINT (4.629881845610781 51.7234402823539)</t>
  </si>
  <si>
    <t>POINT (4.697924824976231 51.80008498178112)</t>
  </si>
  <si>
    <t>POINT (4.672726822652128 51.80911968922408)</t>
  </si>
  <si>
    <t>POINT (4.659133982248884 51.78229772582257)</t>
  </si>
  <si>
    <t>POINT (4.659265397566322 51.811721588307925)</t>
  </si>
  <si>
    <t>POINT (4.692247456802612 51.81844950879618)</t>
  </si>
  <si>
    <t>POINT (4.658802996678725 51.79842028961003)</t>
  </si>
  <si>
    <t>POINT (4.684474686013603 51.803558050186034)</t>
  </si>
  <si>
    <t>POINT (4.68462860501574 51.804432068601116)</t>
  </si>
  <si>
    <t>POINT (4.6637495749854345 51.78659130133603)</t>
  </si>
  <si>
    <t>POINT (4.726349100814683 51.79836048272103)</t>
  </si>
  <si>
    <t>POINT (4.717026345600684 51.80633779922677)</t>
  </si>
  <si>
    <t>POINT (4.69321537748568 51.796240909704906)</t>
  </si>
  <si>
    <t>POINT (4.677764944259041 51.78216834066298)</t>
  </si>
  <si>
    <t>POINT (4.68230098060693 51.81470590907853)</t>
  </si>
  <si>
    <t>POINT (4.664647288451776 51.78626466569168)</t>
  </si>
  <si>
    <t>POINT (4.65775208696313 51.81167104107581)</t>
  </si>
  <si>
    <t>POINT (4.662691817755035 51.813137917101415)</t>
  </si>
  <si>
    <t>POINT (4.673362908403837 51.81377655633975)</t>
  </si>
  <si>
    <t>POINT (4.7124845856009285 51.81633442244119)</t>
  </si>
  <si>
    <t>POINT (4.690127617527872 51.81796191396293)</t>
  </si>
  <si>
    <t>POINT (4.704714799690068 51.814873658849656)</t>
  </si>
  <si>
    <t>POINT (4.682250554879384 51.79063085905162)</t>
  </si>
  <si>
    <t>POINT (4.719902904582163 51.80389104398316)</t>
  </si>
  <si>
    <t>POINT (4.683626397715122 51.78136164732912)</t>
  </si>
  <si>
    <t>POINT (4.730137552391575 51.791104975073864)</t>
  </si>
  <si>
    <t>POINT (4.685562541259015 51.77552923410294)</t>
  </si>
  <si>
    <t>POINT (4.6598529913438265 51.81144095560297)</t>
  </si>
  <si>
    <t>POINT (4.721139007316211 51.80253802242818)</t>
  </si>
  <si>
    <t>POINT (4.659041805583808 51.80228464677061)</t>
  </si>
  <si>
    <t>POINT (4.6644613071212655 51.79789733561036)</t>
  </si>
  <si>
    <t>POINT (4.684153451525544 51.7772064201328)</t>
  </si>
  <si>
    <t>POINT (4.6595757362145624 51.79588592944401)</t>
  </si>
  <si>
    <t>POINT (4.703156043613464 51.81676935833333)</t>
  </si>
  <si>
    <t>POINT (4.662170827351903 51.80167793412175)</t>
  </si>
  <si>
    <t>POINT (4.65811385810759 51.801620669017865)</t>
  </si>
  <si>
    <t>POINT (4.681341036613327 51.78876864138206)</t>
  </si>
  <si>
    <t>POINT (4.683184242427082 51.780598712337834)</t>
  </si>
  <si>
    <t>POINT (4.727705840669411 51.803840311207466)</t>
  </si>
  <si>
    <t>POINT (4.673262468265628 51.77154160788023)</t>
  </si>
  <si>
    <t>POINT (4.724935915479697 51.79855663762918)</t>
  </si>
  <si>
    <t>POINT (4.727949863862366 51.8009854165611)</t>
  </si>
  <si>
    <t>POINT (4.716676495581706 51.795377666074245)</t>
  </si>
  <si>
    <t>POINT (4.671665909316069 51.78262671529446)</t>
  </si>
  <si>
    <t>POINT (4.689425686117778 51.809337835412585)</t>
  </si>
  <si>
    <t>POINT (4.680222669953366 51.80054714313909)</t>
  </si>
  <si>
    <t>POINT (4.627975669340854 51.723527957734014)</t>
  </si>
  <si>
    <t>POINT (4.6681073902706425 51.79197096682086)</t>
  </si>
  <si>
    <t>POINT (4.651366855443723 51.802467244659816)</t>
  </si>
  <si>
    <t>POINT (4.681406479162647 51.811591425460456)</t>
  </si>
  <si>
    <t>POINT (4.6831520597440575 51.81359170477149)</t>
  </si>
  <si>
    <t>POINT (4.725593469657726 51.79268772206114)</t>
  </si>
  <si>
    <t>POINT (4.6719840517680495 51.81760014802143)</t>
  </si>
  <si>
    <t>POINT (4.6775860395439475 51.80834120969563)</t>
  </si>
  <si>
    <t>POINT (4.683688626013949 51.78052128979345)</t>
  </si>
  <si>
    <t>POINT (4.681383185407557 51.80283755077567)</t>
  </si>
  <si>
    <t>POINT (4.674044889246922 51.77489871768304)</t>
  </si>
  <si>
    <t>POINT (4.704771100459523 51.816723561401176)</t>
  </si>
  <si>
    <t>POINT (4.685991306948899 51.79178589735946)</t>
  </si>
  <si>
    <t>POINT (4.6868682349969415 51.80976736836751)</t>
  </si>
  <si>
    <t>POINT (4.727086694992005 51.80582997012438)</t>
  </si>
  <si>
    <t>POINT (4.653528642272226 51.79034207342918)</t>
  </si>
  <si>
    <t>POINT (4.660754395887818 51.8053194811244)</t>
  </si>
  <si>
    <t>POINT (4.726048470730442 51.79978869355008)</t>
  </si>
  <si>
    <t>POINT (4.7348097466072785 51.803219124892045)</t>
  </si>
  <si>
    <t>POINT (4.655632746330034 51.787488686518024)</t>
  </si>
  <si>
    <t>POINT (4.709024468763753 51.80559510629164)</t>
  </si>
  <si>
    <t>POINT (4.705246612630485 51.78533263596533)</t>
  </si>
  <si>
    <t>POINT (4.672733993412388 51.78352701768405)</t>
  </si>
  <si>
    <t>POINT (4.666198817963224 51.77873598368373)</t>
  </si>
  <si>
    <t>POINT (4.6962743065399435 51.81794583930951)</t>
  </si>
  <si>
    <t>POINT (4.706279176810799 51.8091018600001)</t>
  </si>
  <si>
    <t>POINT (4.6638801794149 51.802637492383404)</t>
  </si>
  <si>
    <t>POINT (4.706447246524398 51.787376901424324)</t>
  </si>
  <si>
    <t>POINT (4.730596526503091 51.80478980347079)</t>
  </si>
  <si>
    <t>POINT (4.671692749013934 51.792832666778175)</t>
  </si>
  <si>
    <t>POINT (4.663038259504951 51.805808237125866)</t>
  </si>
  <si>
    <t>POINT (4.71093685723768 51.81044900146739)</t>
  </si>
  <si>
    <t>POINT (4.675549629142593 51.78326895377504)</t>
  </si>
  <si>
    <t>POINT (4.710828289072567 51.80125834512934)</t>
  </si>
  <si>
    <t>POINT (4.6868561220435225 51.77946298600476)</t>
  </si>
  <si>
    <t>POINT (4.668919752090184 51.77079454600307)</t>
  </si>
  <si>
    <t>POINT (4.6595851855322525 51.7711973245003)</t>
  </si>
  <si>
    <t>POINT (4.660475686994005 51.79208030644131)</t>
  </si>
  <si>
    <t>POINT (4.700334886564874 51.796934727682256)</t>
  </si>
  <si>
    <t>POINT (4.650953033311145 51.79017999624515)</t>
  </si>
  <si>
    <t>POINT (4.679283179679859 51.786151569237994)</t>
  </si>
  <si>
    <t>POINT (4.667803073836428 51.8142601014428)</t>
  </si>
  <si>
    <t>POINT (4.660523506727241 51.80743383626444)</t>
  </si>
  <si>
    <t>POINT (4.663883613064466 51.79980365745334)</t>
  </si>
  <si>
    <t>POINT (4.715379365282614 51.80329180085612)</t>
  </si>
  <si>
    <t>POINT (4.692740693871144 51.792695304386505)</t>
  </si>
  <si>
    <t>POINT (4.664384610776011 51.81774491362199)</t>
  </si>
  <si>
    <t>POINT (4.683636318039045 51.81844894399445)</t>
  </si>
  <si>
    <t>POINT (4.656894223761671 51.78721694395598)</t>
  </si>
  <si>
    <t>POINT (4.674479051105605 51.80484464224879)</t>
  </si>
  <si>
    <t>POINT (4.714147264111157 51.79574728702079)</t>
  </si>
  <si>
    <t>POINT (4.662331337360751 51.79490801915066)</t>
  </si>
  <si>
    <t>POINT (4.676756983183755 51.775160928805086)</t>
  </si>
  <si>
    <t>POINT (4.683178434175798 51.81060905546503)</t>
  </si>
  <si>
    <t>POINT (4.68611495176705 51.777874605950934)</t>
  </si>
  <si>
    <t>POINT (4.6805677660353044 51.78192349034207)</t>
  </si>
  <si>
    <t>POINT (4.671637404956932 51.800128557456084)</t>
  </si>
  <si>
    <t>POINT (4.73047490259512 51.79916753901147)</t>
  </si>
  <si>
    <t>POINT (4.698468916028628 51.795271302803116)</t>
  </si>
  <si>
    <t>POINT (4.668541948115066 51.814590036498814)</t>
  </si>
  <si>
    <t>POINT (4.641351143714229 51.77923706416673)</t>
  </si>
  <si>
    <t>POINT (4.6767609150003615 51.8180100114384)</t>
  </si>
  <si>
    <t>POINT (4.673231652578792 51.777813293936184)</t>
  </si>
  <si>
    <t>POINT (4.702664920250714 51.81247048815306)</t>
  </si>
  <si>
    <t>POINT (4.685222687732748 51.80350026305295)</t>
  </si>
  <si>
    <t>POINT (4.7234319875768165 51.80242762908248)</t>
  </si>
  <si>
    <t>POINT (4.663665233122232 51.80308502638809)</t>
  </si>
  <si>
    <t>POINT (4.719195285030039 51.80351189455091)</t>
  </si>
  <si>
    <t>POINT (4.669090275499189 51.77188413310261)</t>
  </si>
  <si>
    <t>POINT (4.6763128253786945 51.806901625303766)</t>
  </si>
  <si>
    <t>POINT (4.674953167011579 51.7885507604188)</t>
  </si>
  <si>
    <t>POINT (4.673733223393164 51.817607019473094)</t>
  </si>
  <si>
    <t>POINT (4.6699631413184886 51.772559637335114)</t>
  </si>
  <si>
    <t>POINT (4.66089345042343 51.77135201321415)</t>
  </si>
  <si>
    <t>POINT (4.66202144431118 51.769866047207046)</t>
  </si>
  <si>
    <t>POINT (4.642751498696111 51.76262646044309)</t>
  </si>
  <si>
    <t>POINT (4.670316697990374 51.79863781109252)</t>
  </si>
  <si>
    <t>POINT (4.67176227906324 51.80999679722623)</t>
  </si>
  <si>
    <t>POINT (4.721206029789208 51.795247279005494)</t>
  </si>
  <si>
    <t>POINT (4.661544356826362 51.816535487679886)</t>
  </si>
  <si>
    <t>POINT (4.664689383638708 51.8142269505098)</t>
  </si>
  <si>
    <t>POINT (4.676480589321153 51.789419298599626)</t>
  </si>
  <si>
    <t>POINT (4.68273770790474 51.814503733778324)</t>
  </si>
  <si>
    <t>POINT (4.675320176739727 51.81601290735509)</t>
  </si>
  <si>
    <t>POINT (4.66554365090777 51.801105743463864)</t>
  </si>
  <si>
    <t>POINT (4.673308758891363 51.782457616546445)</t>
  </si>
  <si>
    <t>POINT (4.7297969195886855 51.79563701224101)</t>
  </si>
  <si>
    <t>POINT (4.7259476574055235 51.79715903673109)</t>
  </si>
  <si>
    <t>POINT (4.657770143674514 51.79900593147341)</t>
  </si>
  <si>
    <t>POINT (4.65053728160784 51.80234059280871)</t>
  </si>
  <si>
    <t>POINT (4.657606752384045 51.78753591080134)</t>
  </si>
  <si>
    <t>POINT (4.7184266184822645 51.814164204633784)</t>
  </si>
  <si>
    <t>POINT (4.660527953738984 51.78724094838203)</t>
  </si>
  <si>
    <t>POINT (4.676378766033305 51.806930491908275)</t>
  </si>
  <si>
    <t>POINT (4.700934460354189 51.79864883323039)</t>
  </si>
  <si>
    <t>POINT (4.718003740750949 51.81572285005783)</t>
  </si>
  <si>
    <t>POINT (4.66971873013765 51.81201185137361)</t>
  </si>
  <si>
    <t>POINT (4.705986913229557 51.79682729575447)</t>
  </si>
  <si>
    <t>POINT (4.661413131147449 51.81285569019947)</t>
  </si>
  <si>
    <t>POINT (4.65936091427239 51.80198041780902)</t>
  </si>
  <si>
    <t>POINT (4.67766442215146 51.81404195687141)</t>
  </si>
  <si>
    <t>POINT (4.660667224418063 51.787240930148265)</t>
  </si>
  <si>
    <t>POINT (4.682611463039253 51.810734469194095)</t>
  </si>
  <si>
    <t>POINT (4.682339899530546 51.80445344316838)</t>
  </si>
  <si>
    <t>POINT (4.6948583768732055 51.79703148066204)</t>
  </si>
  <si>
    <t>POINT (4.682440130601985 51.78433159079612)</t>
  </si>
  <si>
    <t>POINT (4.678693301602 51.79192457324084)</t>
  </si>
  <si>
    <t>POINT (4.680789463116199 51.787126206263345)</t>
  </si>
  <si>
    <t>POINT (4.6828987322657385 51.775067167725)</t>
  </si>
  <si>
    <t>POINT (4.650975357013174 51.79469097800159)</t>
  </si>
  <si>
    <t>POINT (4.675489159897077 51.775762236192335)</t>
  </si>
  <si>
    <t>POINT (4.697021048938684 51.79709469419481)</t>
  </si>
  <si>
    <t>POINT (4.654188234080733 51.78971442507775)</t>
  </si>
  <si>
    <t>POINT (4.7305065751691515 51.79693738261208)</t>
  </si>
  <si>
    <t>POINT (4.70611583831658 51.789991957267205)</t>
  </si>
  <si>
    <t>POINT (4.733937767470525 51.79848515432215)</t>
  </si>
  <si>
    <t>POINT (4.662818377271984 51.80598839748471)</t>
  </si>
  <si>
    <t>POINT (4.715092604574285 51.81495713744833)</t>
  </si>
  <si>
    <t>POINT (4.669989171062191 51.80914395913029)</t>
  </si>
  <si>
    <t>3329KR</t>
  </si>
  <si>
    <t>Zuidhaven</t>
  </si>
  <si>
    <t>POINT (4.722637121814948 51.75266318142071)</t>
  </si>
  <si>
    <t>POINT (4.658384433797271 51.78191545492343)</t>
  </si>
  <si>
    <t>POINT (4.667707874984172 51.79539437937401)</t>
  </si>
  <si>
    <t>POINT (4.669012700513663 51.81874573867951)</t>
  </si>
  <si>
    <t>POINT (4.655599148839899 51.79183179544718)</t>
  </si>
  <si>
    <t>POINT (4.6591219069695065 51.78978504142771)</t>
  </si>
  <si>
    <t>POINT (4.671153289728188 51.78523592925344)</t>
  </si>
  <si>
    <t>POINT (4.679065915923147 51.79934321663177)</t>
  </si>
  <si>
    <t>POINT (4.68131415809785 51.80134056576247)</t>
  </si>
  <si>
    <t>POINT (4.698628860623038 51.8172374214583)</t>
  </si>
  <si>
    <t>POINT (4.667598933658156 51.77141122789472)</t>
  </si>
  <si>
    <t>POINT (4.732652566828274 51.80431149083389)</t>
  </si>
  <si>
    <t>POINT (4.6590870520538195 51.81420651823534)</t>
  </si>
  <si>
    <t>POINT (4.717515403693731 51.80245612136554)</t>
  </si>
  <si>
    <t>POINT (4.668176491322864 51.792360070665566)</t>
  </si>
  <si>
    <t>POINT (4.681383138967365 51.77492375642345)</t>
  </si>
  <si>
    <t>POINT (4.685966277712266 51.78007085130947)</t>
  </si>
  <si>
    <t>POINT (4.728580951012144 51.80064782381341)</t>
  </si>
  <si>
    <t>POINT (4.680044797693931 51.7847279942108)</t>
  </si>
  <si>
    <t>POINT (4.662652520785734 51.808323443423845)</t>
  </si>
  <si>
    <t>POINT (4.666720755441619 51.80283938110916)</t>
  </si>
  <si>
    <t>POINT (4.6298377911875175 51.7222256287839)</t>
  </si>
  <si>
    <t>POINT (4.689052032902304 51.807387733546236)</t>
  </si>
  <si>
    <t>POINT (4.663890085312082 51.813840834881134)</t>
  </si>
  <si>
    <t>POINT (4.686029458882612 51.78888356209082)</t>
  </si>
  <si>
    <t>POINT (4.695058489982695 51.79768910398281)</t>
  </si>
  <si>
    <t>POINT (4.718406394221269 51.81385777470097)</t>
  </si>
  <si>
    <t>POINT (4.6955973397366195 51.79356906094274)</t>
  </si>
  <si>
    <t>POINT (4.686977339229132 51.806984822957276)</t>
  </si>
  <si>
    <t>POINT (4.704340162250094 51.793862941845155)</t>
  </si>
  <si>
    <t>POINT (4.6978991875500355 51.790982148770084)</t>
  </si>
  <si>
    <t>POINT (4.713615942155351 51.81502861629116)</t>
  </si>
  <si>
    <t>POINT (4.6560240308539935 51.79002001035669)</t>
  </si>
  <si>
    <t>POINT (4.677248835334998 51.789938903729)</t>
  </si>
  <si>
    <t>POINT (4.665341616941533 51.773477749904536)</t>
  </si>
  <si>
    <t>POINT (4.68678325612481 51.81112113818497)</t>
  </si>
  <si>
    <t>POINT (4.731404049871065 51.79999089991275)</t>
  </si>
  <si>
    <t>POINT (4.697632409692409 51.8175748923425)</t>
  </si>
  <si>
    <t>POINT (4.667170060128046 51.81784843502747)</t>
  </si>
  <si>
    <t>POINT (4.6644811304172835 51.80943393724686)</t>
  </si>
  <si>
    <t>POINT (4.6840802840227 51.798105781317794)</t>
  </si>
  <si>
    <t>POINT (4.672391961337796 51.81277355978689)</t>
  </si>
  <si>
    <t>POINT (4.679534157500701 51.80533533284752)</t>
  </si>
  <si>
    <t>POINT (4.681497177303296 51.81791883942888)</t>
  </si>
  <si>
    <t>POINT (4.7324408582060995 51.798337962812205)</t>
  </si>
  <si>
    <t>POINT (4.669767597344002 51.79732519795115)</t>
  </si>
  <si>
    <t>POINT (4.683316025961604 51.7980171725521)</t>
  </si>
  <si>
    <t>POINT (4.655570210358825 51.80067305781311)</t>
  </si>
  <si>
    <t>POINT (4.677341444127786 51.8048079538427)</t>
  </si>
  <si>
    <t>POINT (4.6562842001564935 51.7845210603955)</t>
  </si>
  <si>
    <t>POINT (4.661436594566292 51.76986011914247)</t>
  </si>
  <si>
    <t>POINT (4.721477128533154 51.81090615356395)</t>
  </si>
  <si>
    <t>POINT (4.6799815364983814 51.807670042557326)</t>
  </si>
  <si>
    <t>POINT (4.669008523462213 51.7810177744535)</t>
  </si>
  <si>
    <t>POINT (4.674226827103214 51.819143494525825)</t>
  </si>
  <si>
    <t>POINT (4.675764447786188 51.815196751790786)</t>
  </si>
  <si>
    <t>POINT (4.664855670832098 51.77486227461084)</t>
  </si>
  <si>
    <t>POINT (4.67142861642183 51.78271331189353)</t>
  </si>
  <si>
    <t>POINT (4.68086053284533 51.81270170162283)</t>
  </si>
  <si>
    <t>POINT (4.701142250223715 51.796531060466144)</t>
  </si>
  <si>
    <t>POINT (4.676441196366196 51.783659579256046)</t>
  </si>
  <si>
    <t>POINT (4.662848526054847 51.79106185584744)</t>
  </si>
  <si>
    <t>POINT (4.696243151854272 51.79941674252149)</t>
  </si>
  <si>
    <t>POINT (4.680545234372132 51.808528728614306)</t>
  </si>
  <si>
    <t>POINT (4.640401265064513 51.77445105191926)</t>
  </si>
  <si>
    <t>POINT (4.66635365248494 51.815724352479755)</t>
  </si>
  <si>
    <t>POINT (4.651703720277699 51.76499245793629)</t>
  </si>
  <si>
    <t>POINT (4.710560685179113 51.815455178359684)</t>
  </si>
  <si>
    <t>POINT (4.702624946586253 51.80398287216411)</t>
  </si>
  <si>
    <t>POINT (4.673659520616262 51.8169452212062)</t>
  </si>
  <si>
    <t>POINT (4.668610104682928 51.8120973637382)</t>
  </si>
  <si>
    <t>POINT (4.6579688679417295 51.80450824936092)</t>
  </si>
  <si>
    <t>POINT (4.654456572968626 51.804221741043406)</t>
  </si>
  <si>
    <t>POINT (4.638311005705889 51.776915083240894)</t>
  </si>
  <si>
    <t>POINT (4.656613571240415 51.78718266620695)</t>
  </si>
  <si>
    <t>POINT (4.682367506131855 51.80504529740756)</t>
  </si>
  <si>
    <t>POINT (4.668163240228911 51.7901266572442)</t>
  </si>
  <si>
    <t>POINT (4.644509273724974 51.774131323443086)</t>
  </si>
  <si>
    <t>POINT (4.6808196785465865 51.77795749431348)</t>
  </si>
  <si>
    <t>POINT (4.673212647502391 51.81152863588859)</t>
  </si>
  <si>
    <t>POINT (4.663124769221477 51.80981003973353)</t>
  </si>
  <si>
    <t>POINT (4.671155335818099 51.805895165361015)</t>
  </si>
  <si>
    <t>POINT (4.6819601962446065 51.80770840475619)</t>
  </si>
  <si>
    <t>POINT (4.6536264434650905 51.78941469031231)</t>
  </si>
  <si>
    <t>POINT (4.6948524541335965 51.796926224327564)</t>
  </si>
  <si>
    <t>POINT (4.679209624906877 51.80783095012906)</t>
  </si>
  <si>
    <t>POINT (4.662134471738335 51.804731006313844)</t>
  </si>
  <si>
    <t>POINT (4.710123351518792 51.79255436321106)</t>
  </si>
  <si>
    <t>POINT (4.670725912569384 51.77811593573081)</t>
  </si>
  <si>
    <t>POINT (4.681409452518146 51.80052360977219)</t>
  </si>
  <si>
    <t>POINT (4.670502461789913 51.812632975972036)</t>
  </si>
  <si>
    <t>POINT (4.66084180929126 51.79073171530448)</t>
  </si>
  <si>
    <t>3316BV</t>
  </si>
  <si>
    <t>Eerste Tolstraat</t>
  </si>
  <si>
    <t>POINT (4.6482223816357635 51.801686309850034)</t>
  </si>
  <si>
    <t>POINT (4.678801463913633 51.8044199093942)</t>
  </si>
  <si>
    <t>POINT (4.708719866551764 51.8110396302041)</t>
  </si>
  <si>
    <t>POINT (4.712637521158044 51.81590303804312)</t>
  </si>
  <si>
    <t>POINT (4.670383569272723 51.81370781660973)</t>
  </si>
  <si>
    <t>POINT (4.663112056757548 51.791368145855856)</t>
  </si>
  <si>
    <t>POINT (4.66757811343099 51.81499322280493)</t>
  </si>
  <si>
    <t>POINT (4.660193647806363 51.799207650881534)</t>
  </si>
  <si>
    <t>POINT (4.698443161400861 51.793187973168514)</t>
  </si>
  <si>
    <t>POINT (4.6669394822585835 51.80347674555821)</t>
  </si>
  <si>
    <t>POINT (4.643900719982653 51.7700456994806)</t>
  </si>
  <si>
    <t>POINT (4.690589183988069 51.78728499810832)</t>
  </si>
  <si>
    <t>POINT (4.661787459378979 51.79225031169281)</t>
  </si>
  <si>
    <t>POINT (4.689252293305647 51.81036030725683)</t>
  </si>
  <si>
    <t>POINT (4.67471031345301 51.80555328499746)</t>
  </si>
  <si>
    <t>POINT (4.664200855569463 51.777789883115084)</t>
  </si>
  <si>
    <t>POINT (4.6322991235866855 51.766416405365824)</t>
  </si>
  <si>
    <t>POINT (4.681684613942627 51.77993108181166)</t>
  </si>
  <si>
    <t>POINT (4.669064663045905 51.81321435564035)</t>
  </si>
  <si>
    <t>POINT (4.659520701687612 51.78416001651141)</t>
  </si>
  <si>
    <t>POINT (4.669906017857926 51.78910028213466)</t>
  </si>
  <si>
    <t>POINT (4.669585715826357 51.80557962871732)</t>
  </si>
  <si>
    <t>POINT (4.65434474491278 51.79366995918136)</t>
  </si>
  <si>
    <t>POINT (4.65585771723119 51.78467134514494)</t>
  </si>
  <si>
    <t>POINT (4.677002117271491 51.77689244296153)</t>
  </si>
  <si>
    <t>POINT (4.656930361290145 51.78153035898715)</t>
  </si>
  <si>
    <t>POINT (4.6884203480394175 51.8073062575539)</t>
  </si>
  <si>
    <t>POINT (4.674258895130402 51.77910869393134)</t>
  </si>
  <si>
    <t>POINT (4.699873558065767 51.79268091574733)</t>
  </si>
  <si>
    <t>POINT (4.684871739962598 51.779475965368555)</t>
  </si>
  <si>
    <t>POINT (4.660663108035178 51.79777850650039)</t>
  </si>
  <si>
    <t>POINT (4.6706253561675215 51.80293785316958)</t>
  </si>
  <si>
    <t>POINT (4.687542055324569 51.80757470193425)</t>
  </si>
  <si>
    <t>POINT (4.699690528196071 51.80432776960557)</t>
  </si>
  <si>
    <t>POINT (4.681535962248707 51.777553925660136)</t>
  </si>
  <si>
    <t>POINT (4.673715111781588 51.77623819611171)</t>
  </si>
  <si>
    <t>POINT (4.668463825525222 51.80916636538565)</t>
  </si>
  <si>
    <t>POINT (4.688329600969755 51.80907761663936)</t>
  </si>
  <si>
    <t>POINT (4.668493205471721 51.80073643549148)</t>
  </si>
  <si>
    <t>POINT (4.698533396617621 51.790241539306145)</t>
  </si>
  <si>
    <t>POINT (4.682378889400114 51.779833108241085)</t>
  </si>
  <si>
    <t>POINT (4.729691117519658 51.80090145351038)</t>
  </si>
  <si>
    <t>POINT (4.65408594602175 51.78840322246666)</t>
  </si>
  <si>
    <t>POINT (4.667386064607078 51.77944380218098)</t>
  </si>
  <si>
    <t>POINT (4.722252221035118 51.80317731657651)</t>
  </si>
  <si>
    <t>POINT (4.675017756555109 51.777077146305224)</t>
  </si>
  <si>
    <t>POINT (4.681595159294541 51.81002632973451)</t>
  </si>
  <si>
    <t>POINT (4.694646207154839 51.794642297718795)</t>
  </si>
  <si>
    <t>POINT (4.686563956769693 51.782567940626635)</t>
  </si>
  <si>
    <t>POINT (4.667801030551293 51.79478253282894)</t>
  </si>
  <si>
    <t>POINT (4.670086342323931 51.784893674350876)</t>
  </si>
  <si>
    <t>POINT (4.662934954707005 51.787230351382576)</t>
  </si>
  <si>
    <t>POINT (4.690441415999926 51.80715188648216)</t>
  </si>
  <si>
    <t>POINT (4.672325072826773 51.80402468793911)</t>
  </si>
  <si>
    <t>POINT (4.67015937382227 51.785395187104186)</t>
  </si>
  <si>
    <t>POINT (4.657221532568074 51.79798450408243)</t>
  </si>
  <si>
    <t>POINT (4.6678911215040095 51.77160064191489)</t>
  </si>
  <si>
    <t>POINT (4.684195015331859 51.812668987861876)</t>
  </si>
  <si>
    <t>POINT (4.671778835648306 51.78229107373036)</t>
  </si>
  <si>
    <t>POINT (4.675781649334125 51.7848042918838)</t>
  </si>
  <si>
    <t>POINT (4.656819012003387 51.788864565052116)</t>
  </si>
  <si>
    <t>POINT (4.6687730683903705 51.776846460386416)</t>
  </si>
  <si>
    <t>POINT (4.688121531552967 51.80995387756689)</t>
  </si>
  <si>
    <t>POINT (4.670888849146854 51.81276813378018)</t>
  </si>
  <si>
    <t>POINT (4.669466770761399 51.81850904029744)</t>
  </si>
  <si>
    <t>POINT (4.6877441276882355 51.808478836027)</t>
  </si>
  <si>
    <t>POINT (4.661392319521165 51.805285172942135)</t>
  </si>
  <si>
    <t>POINT (4.687708928018432 51.808441889534265)</t>
  </si>
  <si>
    <t>POINT (4.672093661824572 51.819598259603616)</t>
  </si>
  <si>
    <t>POINT (4.663318922880275 51.792364993241975)</t>
  </si>
  <si>
    <t>POINT (4.752091416357286 51.79008632755199)</t>
  </si>
  <si>
    <t>POINT (4.657588760671872 51.79931001496655)</t>
  </si>
  <si>
    <t>POINT (4.648923835532367 51.78067296892481)</t>
  </si>
  <si>
    <t>POINT (4.668846498958827 51.81546573502682)</t>
  </si>
  <si>
    <t>POINT (4.686930693179565 51.80701839591504)</t>
  </si>
  <si>
    <t>POINT (4.664113514199785 51.81709367703066)</t>
  </si>
  <si>
    <t>POINT (4.733907644829908 51.79670531688028)</t>
  </si>
  <si>
    <t>POINT (4.705369060741742 51.797405614771876)</t>
  </si>
  <si>
    <t>POINT (4.714005017341845 51.804310930922554)</t>
  </si>
  <si>
    <t>POINT (4.666905371445871 51.81320006140743)</t>
  </si>
  <si>
    <t>POINT (4.6740355623099425 51.77538170529098)</t>
  </si>
  <si>
    <t>POINT (4.660027169922403 51.81331018023795)</t>
  </si>
  <si>
    <t>POINT (4.672928958192277 51.77569541874999)</t>
  </si>
  <si>
    <t>POINT (4.697024546581882 51.79779743092248)</t>
  </si>
  <si>
    <t>POINT (4.661052263141036 51.80541294658112)</t>
  </si>
  <si>
    <t>POINT (4.706822322201212 51.79358623816902)</t>
  </si>
  <si>
    <t>POINT (4.660578176014081 51.81075757106973)</t>
  </si>
  <si>
    <t>POINT (4.660196763620338 51.81087083019444)</t>
  </si>
  <si>
    <t>POINT (4.728302920085966 51.80466719545261)</t>
  </si>
  <si>
    <t>POINT (4.712772701221025 51.795422417421825)</t>
  </si>
  <si>
    <t>POINT (4.693317186367187 51.7967526617463)</t>
  </si>
  <si>
    <t>POINT (4.657844942801353 51.80657280215396)</t>
  </si>
  <si>
    <t>POINT (4.683694754264029 51.804807449237124)</t>
  </si>
  <si>
    <t>POINT (4.729414906489446 51.80492201499632)</t>
  </si>
  <si>
    <t>POINT (4.664613003247043 51.81331555854986)</t>
  </si>
  <si>
    <t>POINT (4.709543249504516 51.811913949242694)</t>
  </si>
  <si>
    <t>POINT (4.72152418386786 51.81307888345)</t>
  </si>
  <si>
    <t>POINT (4.696482301660123 51.78957878137798)</t>
  </si>
  <si>
    <t>POINT (4.632061640787472 51.76629490340482)</t>
  </si>
  <si>
    <t>POINT (4.686035984560933 51.78892252210858)</t>
  </si>
  <si>
    <t>POINT (4.6845699070586075 51.77834015249021)</t>
  </si>
  <si>
    <t>POINT (4.666479281195385 51.815618832982366)</t>
  </si>
  <si>
    <t>POINT (4.706515509508516 51.807978948800006)</t>
  </si>
  <si>
    <t>POINT (4.670419908137688 51.78013515047059)</t>
  </si>
  <si>
    <t>POINT (4.712164465406164 51.79619736419069)</t>
  </si>
  <si>
    <t>POINT (4.667747986592953 51.81428144442412)</t>
  </si>
  <si>
    <t>POINT (4.666868637652212 51.81534574755694)</t>
  </si>
  <si>
    <t>POINT (4.681951274959335 51.80425048080648)</t>
  </si>
  <si>
    <t>POINT (4.655029067597126 51.79883260727889)</t>
  </si>
  <si>
    <t>POINT (4.631499541738894 51.72367149927001)</t>
  </si>
  <si>
    <t>POINT (4.734205753858566 51.80314819762633)</t>
  </si>
  <si>
    <t>POINT (4.720806894251371 51.7974381625363)</t>
  </si>
  <si>
    <t>POINT (4.706376055982353 51.79286978740221)</t>
  </si>
  <si>
    <t>POINT (4.686400903937103 51.80869034301409)</t>
  </si>
  <si>
    <t>POINT (4.684378805644317 51.8047525198906)</t>
  </si>
  <si>
    <t>POINT (4.628812104035926 51.72275903353623)</t>
  </si>
  <si>
    <t>POINT (4.662775702687163 51.80910144661129)</t>
  </si>
  <si>
    <t>POINT (4.656164655783326 51.792974666494295)</t>
  </si>
  <si>
    <t>POINT (4.666740773214771 51.8109548745714)</t>
  </si>
  <si>
    <t>POINT (4.7287653732266985 51.793185992111226)</t>
  </si>
  <si>
    <t>POINT (4.671666344965174 51.793266327094436)</t>
  </si>
  <si>
    <t>POINT (4.654208085803999 51.79106455478955)</t>
  </si>
  <si>
    <t>POINT (4.681715792784292 51.78677520848496)</t>
  </si>
  <si>
    <t>POINT (4.6658478328895665 51.77315301000963)</t>
  </si>
  <si>
    <t>POINT (4.683266764632465 51.80680339666499)</t>
  </si>
  <si>
    <t>POINT (4.684601188890088 51.77647787234375)</t>
  </si>
  <si>
    <t>POINT (4.718872755483875 51.8123581249759)</t>
  </si>
  <si>
    <t>POINT (4.665702021499087 51.81621377248792)</t>
  </si>
  <si>
    <t>POINT (4.634092707120398 51.770355878612214)</t>
  </si>
  <si>
    <t>POINT (4.677414893556178 51.80738480438501)</t>
  </si>
  <si>
    <t>POINT (4.659531168867384 51.79766368097706)</t>
  </si>
  <si>
    <t>POINT (4.677071230068337 51.78993633662562)</t>
  </si>
  <si>
    <t>POINT (4.674645491215627 51.783418394152754)</t>
  </si>
  <si>
    <t>POINT (4.694670105686454 51.81830393011464)</t>
  </si>
  <si>
    <t>POINT (4.6428048963156865 51.798617834524315)</t>
  </si>
  <si>
    <t>POINT (4.709356730900841 51.818535513386045)</t>
  </si>
  <si>
    <t>POINT (4.650739744197765 51.79490449116527)</t>
  </si>
  <si>
    <t>POINT (4.659327689476105 51.77194967406613)</t>
  </si>
  <si>
    <t>POINT (4.674938135963631 51.78341210864909)</t>
  </si>
  <si>
    <t>POINT (4.66557245208944 51.796023749068596)</t>
  </si>
  <si>
    <t>POINT (4.674085799440082 51.81430393011159)</t>
  </si>
  <si>
    <t>POINT (4.652496859593141 51.78573978444694)</t>
  </si>
  <si>
    <t>POINT (4.685847081383484 51.786620432569435)</t>
  </si>
  <si>
    <t>POINT (4.657120010048925 51.80598484684977)</t>
  </si>
  <si>
    <t>POINT (4.651448466473307 51.79387253070099)</t>
  </si>
  <si>
    <t>POINT (4.721556972410545 51.79771082149902)</t>
  </si>
  <si>
    <t>POINT (4.678663305527974 51.78034568472582)</t>
  </si>
  <si>
    <t>POINT (4.734470837671465 51.798060990014285)</t>
  </si>
  <si>
    <t>POINT (4.680525267833371 51.80921982814326)</t>
  </si>
  <si>
    <t>POINT (4.674684387189969 51.81834318100059)</t>
  </si>
  <si>
    <t>POINT (4.665594719156556 51.79567938524124)</t>
  </si>
  <si>
    <t>POINT (4.685363736697642 51.78801995695089)</t>
  </si>
  <si>
    <t>POINT (4.692906644540384 51.7864569379923)</t>
  </si>
  <si>
    <t>POINT (4.677173510957716 51.80409251765753)</t>
  </si>
  <si>
    <t>POINT (4.6594450176431055 51.78416199190342)</t>
  </si>
  <si>
    <t>POINT (4.6670938300539255 51.780764526490934)</t>
  </si>
  <si>
    <t>POINT (4.66943116266265 51.81192433187168)</t>
  </si>
  <si>
    <t>POINT (4.657312357083152 51.772001229384124)</t>
  </si>
  <si>
    <t>POINT (4.662466779994265 51.81386922188876)</t>
  </si>
  <si>
    <t>POINT (4.670345435085204 51.78570271324205)</t>
  </si>
  <si>
    <t>POINT (4.697749818913634 51.800919764571724)</t>
  </si>
  <si>
    <t>POINT (4.720302309093056 51.80088981287474)</t>
  </si>
  <si>
    <t>POINT (4.663807696634884 51.80198422383653)</t>
  </si>
  <si>
    <t>POINT (4.665150921961054 51.790053827326076)</t>
  </si>
  <si>
    <t>POINT (4.666317262039129 51.80206435192746)</t>
  </si>
  <si>
    <t>POINT (4.685545719512782 51.777136969179395)</t>
  </si>
  <si>
    <t>POINT (4.704646824309895 51.79833477104208)</t>
  </si>
  <si>
    <t>POINT (4.707599001732024 51.81173513966425)</t>
  </si>
  <si>
    <t>POINT (4.672479704020672 51.78493628138674)</t>
  </si>
  <si>
    <t>POINT (4.726084813551981 51.79585729183871)</t>
  </si>
  <si>
    <t>POINT (4.6668529643330325 51.813497552582035)</t>
  </si>
  <si>
    <t>POINT (4.682081034181673 51.804754545478595)</t>
  </si>
  <si>
    <t>POINT (4.662819862457176 51.805418451878666)</t>
  </si>
  <si>
    <t>POINT (4.721641090652135 51.79520602706262)</t>
  </si>
  <si>
    <t>POINT (4.726998107485977 51.79648691185879)</t>
  </si>
  <si>
    <t>POINT (4.667864275910015 51.81571786435329)</t>
  </si>
  <si>
    <t>POINT (4.67054549535852 51.798948060226635)</t>
  </si>
  <si>
    <t>POINT (4.671361316300974 51.771223045338715)</t>
  </si>
  <si>
    <t>POINT (4.657132271847288 51.81379810751609)</t>
  </si>
  <si>
    <t>POINT (4.660976621539951 51.794004123655725)</t>
  </si>
  <si>
    <t>POINT (4.682138512448612 51.809652664822096)</t>
  </si>
  <si>
    <t>POINT (4.676479267073342 51.78380779988888)</t>
  </si>
  <si>
    <t>POINT (4.663427686358813 51.81280519360713)</t>
  </si>
  <si>
    <t>POINT (4.7074529985553335 51.80891981386593)</t>
  </si>
  <si>
    <t>POINT (4.654166534024927 51.79095985531882)</t>
  </si>
  <si>
    <t>POINT (4.698938715123087 51.800467882281154)</t>
  </si>
  <si>
    <t>POINT (4.717222727857315 51.80347458110035)</t>
  </si>
  <si>
    <t>POINT (4.683664810537299 51.78253039020211)</t>
  </si>
  <si>
    <t>POINT (4.652259582444026 51.78538790881617)</t>
  </si>
  <si>
    <t>POINT (4.666109570447694 51.8162809508391)</t>
  </si>
  <si>
    <t>POINT (4.719629691518914 51.79772664864229)</t>
  </si>
  <si>
    <t>POINT (4.6522988917663755 51.78570089059702)</t>
  </si>
  <si>
    <t>POINT (4.651915082420569 51.78439255927972)</t>
  </si>
  <si>
    <t>POINT (4.679106433096482 51.78180726272677)</t>
  </si>
  <si>
    <t>POINT (4.66874086940482 51.8151202828915)</t>
  </si>
  <si>
    <t>POINT (4.670455683148508 51.80896193935259)</t>
  </si>
  <si>
    <t>POINT (4.679019594408403 51.78099112179258)</t>
  </si>
  <si>
    <t>POINT (4.699633145748324 51.78414435460145)</t>
  </si>
  <si>
    <t>POINT (4.676130336367681 51.80543443941268)</t>
  </si>
  <si>
    <t>POINT (4.699726328012321 51.798746478440634)</t>
  </si>
  <si>
    <t>POINT (4.694622738247825 51.7923413460431)</t>
  </si>
  <si>
    <t>POINT (4.720953748297163 51.79489025555353)</t>
  </si>
  <si>
    <t>POINT (4.708459145695404 51.807757715758896)</t>
  </si>
  <si>
    <t>POINT (4.6648511792375045 51.81792931252609)</t>
  </si>
  <si>
    <t>POINT (4.673874515890965 51.77241429813225)</t>
  </si>
  <si>
    <t>POINT (4.651041380539312 51.79317334282369)</t>
  </si>
  <si>
    <t>POINT (4.684581540724224 51.79251615257753)</t>
  </si>
  <si>
    <t>POINT (4.715154345020694 51.805023541447405)</t>
  </si>
  <si>
    <t>POINT (4.670223525124128 51.77752068946964)</t>
  </si>
  <si>
    <t>POINT (4.663859191234324 51.81324544106577)</t>
  </si>
  <si>
    <t>POINT (4.655150434299783 51.80809263103865)</t>
  </si>
  <si>
    <t>POINT (4.6852343476074605 51.80828684436077)</t>
  </si>
  <si>
    <t>POINT (4.6635629037554684 51.7976515300073)</t>
  </si>
  <si>
    <t>POINT (4.673681252885196 51.8088032524754)</t>
  </si>
  <si>
    <t>POINT (4.678079255226346 51.808148786506464)</t>
  </si>
  <si>
    <t>POINT (4.6599611466226 51.81069726387868)</t>
  </si>
  <si>
    <t>POINT (4.663996394336349 51.79532159999644)</t>
  </si>
  <si>
    <t>POINT (4.663834477160766 51.8127999985041)</t>
  </si>
  <si>
    <t>POINT (4.662914809491233 51.816029648357876)</t>
  </si>
  <si>
    <t>POINT (4.719206057207894 51.81151189092032)</t>
  </si>
  <si>
    <t>POINT (4.708213180912888 51.80835357053228)</t>
  </si>
  <si>
    <t>POINT (4.6759011038865035 51.81455995100263)</t>
  </si>
  <si>
    <t>POINT (4.6701985847683325 51.80040263863019)</t>
  </si>
  <si>
    <t>POINT (4.721767222278834 51.79421253470298)</t>
  </si>
  <si>
    <t>POINT (4.681897823268998 51.780544107952856)</t>
  </si>
  <si>
    <t>POINT (4.666961389408142 51.787586996208795)</t>
  </si>
  <si>
    <t>POINT (4.667917258684266 51.775039382224485)</t>
  </si>
  <si>
    <t>POINT (4.69472646199617 51.817722661095544)</t>
  </si>
  <si>
    <t>POINT (4.673969635545592 51.803651580395176)</t>
  </si>
  <si>
    <t>POINT (4.690768187137205 51.80881385260042)</t>
  </si>
  <si>
    <t>POINT (4.7174915846706424 51.81208838514539)</t>
  </si>
  <si>
    <t>POINT (4.676167947480704 51.773331150067634)</t>
  </si>
  <si>
    <t>POINT (4.653538346018335 51.802757856507306)</t>
  </si>
  <si>
    <t>POINT (4.669555106854845 51.80441889458165)</t>
  </si>
  <si>
    <t>POINT (4.679680353129433 51.8067328386908)</t>
  </si>
  <si>
    <t>POINT (4.685742183747011 51.81040549846899)</t>
  </si>
  <si>
    <t>POINT (4.6795862298428625 51.77347119414177)</t>
  </si>
  <si>
    <t>POINT (4.660618320935709 51.78988612997162)</t>
  </si>
  <si>
    <t>POINT (4.665739746891004 51.81299648056787)</t>
  </si>
  <si>
    <t>POINT (4.679261708714002 51.800069029693994)</t>
  </si>
  <si>
    <t>POINT (4.656553075052474 51.81087671207982)</t>
  </si>
  <si>
    <t>POINT (4.681046234490748 51.779799016422736)</t>
  </si>
  <si>
    <t>POINT (4.660247040300213 51.793225255260154)</t>
  </si>
  <si>
    <t>POINT (4.733938304663636 51.799313900758634)</t>
  </si>
  <si>
    <t>POINT (4.666647066589742 51.7928239777956)</t>
  </si>
  <si>
    <t>POINT (4.684170324025656 51.78986967607737)</t>
  </si>
  <si>
    <t>POINT (4.65285863284334 51.78823454902342)</t>
  </si>
  <si>
    <t>POINT (4.67336945157823 51.77973675429808)</t>
  </si>
  <si>
    <t>POINT (4.669133114358294 51.80043637404238)</t>
  </si>
  <si>
    <t>POINT (4.646043857372779 51.778734085260716)</t>
  </si>
  <si>
    <t>POINT (4.682027353858339 51.779807444917914)</t>
  </si>
  <si>
    <t>POINT (4.697803417273107 51.790683521548964)</t>
  </si>
  <si>
    <t>POINT (4.676131885670522 51.817233545338105)</t>
  </si>
  <si>
    <t>POINT (4.660074061641538 51.807230352615754)</t>
  </si>
  <si>
    <t>POINT (4.711101463656678 51.80367907147832)</t>
  </si>
  <si>
    <t>POINT (4.669545044626979 51.796318990926885)</t>
  </si>
  <si>
    <t>POINT (4.671229160207644 51.80836321526318)</t>
  </si>
  <si>
    <t>POINT (4.660506176706557 51.78939118226732)</t>
  </si>
  <si>
    <t>POINT (4.721760152789939 51.80395808496507)</t>
  </si>
  <si>
    <t>POINT (4.67938971365933 51.78927101905871)</t>
  </si>
  <si>
    <t>POINT (4.684823957867727 51.80282871516841)</t>
  </si>
  <si>
    <t>POINT (4.693499627154227 51.7956950996435)</t>
  </si>
  <si>
    <t>POINT (4.637047913540974 51.767852729126645)</t>
  </si>
  <si>
    <t>POINT (4.671256443033143 51.81721462798181)</t>
  </si>
  <si>
    <t>POINT (4.733547811316167 51.795776727624904)</t>
  </si>
  <si>
    <t>POINT (4.728055653718608 51.797592852384454)</t>
  </si>
  <si>
    <t>POINT (4.653433035638684 51.80241337120781)</t>
  </si>
  <si>
    <t>POINT (4.656025479206028 51.784574360045085)</t>
  </si>
  <si>
    <t>POINT (4.695809477637701 51.79225865697187)</t>
  </si>
  <si>
    <t>POINT (4.65789805505532 51.802786770762694)</t>
  </si>
  <si>
    <t>POINT (4.666327911728407 51.787698268337415)</t>
  </si>
  <si>
    <t>POINT (4.668628658825987 51.8014827330343)</t>
  </si>
  <si>
    <t>POINT (4.711306488713849 51.807490936398686)</t>
  </si>
  <si>
    <t>POINT (4.660434199765907 51.782576034877046)</t>
  </si>
  <si>
    <t>POINT (4.655965300142863 51.80994808779411)</t>
  </si>
  <si>
    <t>POINT (4.655945865648118 51.789663830851985)</t>
  </si>
  <si>
    <t>POINT (4.660626880110769 51.78725854083388)</t>
  </si>
  <si>
    <t>POINT (4.630134901031366 51.722890454603544)</t>
  </si>
  <si>
    <t>POINT (4.679924439729292 51.778324654036716)</t>
  </si>
  <si>
    <t>POINT (4.678534044590692 51.77527546342456)</t>
  </si>
  <si>
    <t>POINT (4.671291133215792 51.786351252824275)</t>
  </si>
  <si>
    <t>POINT (4.703314470468925 51.79879361397536)</t>
  </si>
  <si>
    <t>POINT (4.711809361916646 51.79856524287134)</t>
  </si>
  <si>
    <t>POINT (4.660979857358575 51.79471524889849)</t>
  </si>
  <si>
    <t>POINT (4.696320626546888 51.792953328784044)</t>
  </si>
  <si>
    <t>POINT (4.674305780217772 51.80845391015502)</t>
  </si>
  <si>
    <t>POINT (4.655230520213273 51.8074334144924)</t>
  </si>
  <si>
    <t>POINT (4.6735229598916685 51.80362440620088)</t>
  </si>
  <si>
    <t>POINT (4.666555974610385 51.79626217021467)</t>
  </si>
  <si>
    <t>POINT (4.650974895214122 51.794313377349674)</t>
  </si>
  <si>
    <t>POINT (4.717197531273994 51.813614846795865)</t>
  </si>
  <si>
    <t>POINT (4.6503796869384075 51.79254829346962)</t>
  </si>
  <si>
    <t>POINT (4.666103325879777 51.79595966090039)</t>
  </si>
  <si>
    <t>POINT (4.695628808444821 51.762491570477856)</t>
  </si>
  <si>
    <t>POINT (4.683864388309192 51.78928294833288)</t>
  </si>
  <si>
    <t>POINT (4.703766014385941 51.80752045619792)</t>
  </si>
  <si>
    <t>POINT (4.681903615654827 51.78066306326491)</t>
  </si>
  <si>
    <t>POINT (4.683891903607899 51.81220280830114)</t>
  </si>
  <si>
    <t>POINT (4.667155014387001 51.775057113875846)</t>
  </si>
  <si>
    <t>POINT (4.66255422803777 51.79526463850553)</t>
  </si>
  <si>
    <t>POINT (4.668400115696223 51.81299538581768)</t>
  </si>
  <si>
    <t>POINT (4.660090009991116 51.81305016745686)</t>
  </si>
  <si>
    <t>POINT (4.674956887553546 51.779410838211945)</t>
  </si>
  <si>
    <t>POINT (4.697178105471661 51.79040151086067)</t>
  </si>
  <si>
    <t>POINT (4.658958493531508 51.78879022643187)</t>
  </si>
  <si>
    <t>POINT (4.725952115129678 51.797183268278694)</t>
  </si>
  <si>
    <t>POINT (4.682997858112194 51.803250268815084)</t>
  </si>
  <si>
    <t>POINT (4.630715154680211 51.72345971407365)</t>
  </si>
  <si>
    <t>POINT (4.701311095371425 51.81310405826948)</t>
  </si>
  <si>
    <t>POINT (4.675017890683911 51.80520643642907)</t>
  </si>
  <si>
    <t>POINT (4.659785837617426 51.79659947002155)</t>
  </si>
  <si>
    <t>POINT (4.6612292356403415 51.79466383988084)</t>
  </si>
  <si>
    <t>POINT (4.679244282598434 51.78527939506757)</t>
  </si>
  <si>
    <t>3311LV</t>
  </si>
  <si>
    <t>Waterbeekstraat</t>
  </si>
  <si>
    <t>POINT (4.6716984183035635 51.810842862516495)</t>
  </si>
  <si>
    <t>POINT (4.653886899340679 51.81120130996515)</t>
  </si>
  <si>
    <t>POINT (4.677123634525638 51.81436577460858)</t>
  </si>
  <si>
    <t>POINT (4.662860175670545 51.794447477501684)</t>
  </si>
  <si>
    <t>POINT (4.675118136115021 51.78079820811978)</t>
  </si>
  <si>
    <t>POINT (4.710648069451567 51.798496584438155)</t>
  </si>
  <si>
    <t>POINT (4.678442301373882 51.77256958653366)</t>
  </si>
  <si>
    <t>POINT (4.72213724453129 51.805767047600234)</t>
  </si>
  <si>
    <t>POINT (4.660507747557577 51.8099358477188)</t>
  </si>
  <si>
    <t>3311AX</t>
  </si>
  <si>
    <t>Venloostraat</t>
  </si>
  <si>
    <t>POINT (4.664103648780458 51.816798212406525)</t>
  </si>
  <si>
    <t>POINT (4.629110337157211 51.72716703845575)</t>
  </si>
  <si>
    <t>POINT (4.672957792162417 51.809488516418774)</t>
  </si>
  <si>
    <t>POINT (4.721692942148863 51.79440926148264)</t>
  </si>
  <si>
    <t>POINT (4.69724598700992 51.79197273502466)</t>
  </si>
  <si>
    <t>POINT (4.635473630098107 51.777660552302805)</t>
  </si>
  <si>
    <t>POINT (4.670126829816772 51.78590084542057)</t>
  </si>
  <si>
    <t>POINT (4.666183038976881 51.817077349339264)</t>
  </si>
  <si>
    <t>POINT (4.654006309534666 51.78770790609949)</t>
  </si>
  <si>
    <t>POINT (4.681850563045314 51.81867017756936)</t>
  </si>
  <si>
    <t>POINT (4.663235466572541 51.811301289109785)</t>
  </si>
  <si>
    <t>POINT (4.66850078561777 51.790593810004964)</t>
  </si>
  <si>
    <t>POINT (4.685478447214725 51.7848026743108)</t>
  </si>
  <si>
    <t>POINT (4.7152952930224945 51.80549847272941)</t>
  </si>
  <si>
    <t>POINT (4.6856122129993 51.80730100693729)</t>
  </si>
  <si>
    <t>POINT (4.718474495639419 51.80115580163397)</t>
  </si>
  <si>
    <t>POINT (4.6811068795286905 51.78570983632897)</t>
  </si>
  <si>
    <t>POINT (4.721027549246551 51.79787810664229)</t>
  </si>
  <si>
    <t>POINT (4.662007589599785 51.79434651670329)</t>
  </si>
  <si>
    <t>POINT (4.654666948020535 51.80276733496797)</t>
  </si>
  <si>
    <t>POINT (4.7319107357552435 51.80191448579432)</t>
  </si>
  <si>
    <t>POINT (4.712092689873008 51.80774267694365)</t>
  </si>
  <si>
    <t>POINT (4.67153190982943 51.77933098842446)</t>
  </si>
  <si>
    <t>POINT (4.653058693194772 51.79114818942567)</t>
  </si>
  <si>
    <t>POINT (4.695985537994465 51.797891232359554)</t>
  </si>
  <si>
    <t>POINT (4.734081259241492 51.79990998707807)</t>
  </si>
  <si>
    <t>POINT (4.65610410673662 51.78788273307807)</t>
  </si>
  <si>
    <t>POINT (4.680779907082913 51.80155377979967)</t>
  </si>
  <si>
    <t>POINT (4.671390753068564 51.81666330923191)</t>
  </si>
  <si>
    <t>POINT (4.68765084923134 51.80768508419836)</t>
  </si>
  <si>
    <t>POINT (4.725122498481167 51.79390755757241)</t>
  </si>
  <si>
    <t>POINT (4.70018383090502 51.79549269017684)</t>
  </si>
  <si>
    <t>POINT (4.714257499962946 51.81537312790307)</t>
  </si>
  <si>
    <t>POINT (4.704262618562957 51.816135811458814)</t>
  </si>
  <si>
    <t>POINT (4.703389874202503 51.79371666226743)</t>
  </si>
  <si>
    <t>POINT (4.682150052917328 51.79206163162948)</t>
  </si>
  <si>
    <t>POINT (4.676736227902889 51.77511343258571)</t>
  </si>
  <si>
    <t>POINT (4.667944072521671 51.814842389151785)</t>
  </si>
  <si>
    <t>POINT (4.7001601060551765 51.79633558042957)</t>
  </si>
  <si>
    <t>POINT (4.6693905324943215 51.77057269250091)</t>
  </si>
  <si>
    <t>POINT (4.67093144710218 51.78689918361657)</t>
  </si>
  <si>
    <t>POINT (4.6743107543796025 51.77877781125818)</t>
  </si>
  <si>
    <t>POINT (4.684199570169058 51.7809072807045)</t>
  </si>
  <si>
    <t>POINT (4.722200479516086 51.79878763426074)</t>
  </si>
  <si>
    <t>POINT (4.667754575939054 51.79241813971964)</t>
  </si>
  <si>
    <t>POINT (4.664755780538948 51.79884000490998)</t>
  </si>
  <si>
    <t>POINT (4.728603181169268 51.792821679660534)</t>
  </si>
  <si>
    <t>POINT (4.693404623877488 51.79544587520097)</t>
  </si>
  <si>
    <t>POINT (4.659688220232403 51.78990212718632)</t>
  </si>
  <si>
    <t>POINT (4.71165976025959 51.8077007342524)</t>
  </si>
  <si>
    <t>POINT (4.728636113082667 51.797681207452044)</t>
  </si>
  <si>
    <t>POINT (4.727373980882351 51.80085395652723)</t>
  </si>
  <si>
    <t>POINT (4.699675221135435 51.79781085436223)</t>
  </si>
  <si>
    <t>POINT (4.686259137739564 51.775752723579025)</t>
  </si>
  <si>
    <t>POINT (4.708540027056253 51.78793560148143)</t>
  </si>
  <si>
    <t>POINT (4.673614566837913 51.804895162865414)</t>
  </si>
  <si>
    <t>POINT (4.709032991206489 51.8075361555595)</t>
  </si>
  <si>
    <t>POINT (4.665351146801002 51.81470315316832)</t>
  </si>
  <si>
    <t>POINT (4.667152610315254 51.80214863567538)</t>
  </si>
  <si>
    <t>POINT (4.664942430347013 51.79974021219255)</t>
  </si>
  <si>
    <t>POINT (4.681119160058356 51.811367335403894)</t>
  </si>
  <si>
    <t>POINT (4.6586395248073 51.81344624638214)</t>
  </si>
  <si>
    <t>POINT (4.674970553222744 51.77697113448856)</t>
  </si>
  <si>
    <t>POINT (4.692268104095689 51.8183228910801)</t>
  </si>
  <si>
    <t>POINT (4.7282910468775645 51.804643263950936)</t>
  </si>
  <si>
    <t>POINT (4.658682334874296 51.81349652519028)</t>
  </si>
  <si>
    <t>POINT (4.674766180437901 51.818349178608095)</t>
  </si>
  <si>
    <t>POINT (4.666884972446748 51.79866979879019)</t>
  </si>
  <si>
    <t>POINT (4.669258910771458 51.77819133324541)</t>
  </si>
  <si>
    <t>POINT (4.683183481605733 51.80351716881211)</t>
  </si>
  <si>
    <t>POINT (4.671159533532996 51.81402693260441)</t>
  </si>
  <si>
    <t>POINT (4.709760721710588 51.79349831760288)</t>
  </si>
  <si>
    <t>POINT (4.66845638341871 51.792565631479505)</t>
  </si>
  <si>
    <t>POINT (4.680525237901363 51.77623918395479)</t>
  </si>
  <si>
    <t>POINT (4.652042085850257 51.7931904134581)</t>
  </si>
  <si>
    <t>POINT (4.655968634276589 51.78987501872808)</t>
  </si>
  <si>
    <t>POINT (4.657160940328259 51.80370023829466)</t>
  </si>
  <si>
    <t>POINT (4.719314006007224 51.81549131525675)</t>
  </si>
  <si>
    <t>POINT (4.675636534482942 51.78333457717011)</t>
  </si>
  <si>
    <t>POINT (4.6600298301948895 51.78751988236878)</t>
  </si>
  <si>
    <t>POINT (4.706510180404315 51.80709764361388)</t>
  </si>
  <si>
    <t>POINT (4.659535724533483 51.80021098057322)</t>
  </si>
  <si>
    <t>POINT (4.683693404272716 51.803526797967066)</t>
  </si>
  <si>
    <t>POINT (4.683201461001706 51.776712785181736)</t>
  </si>
  <si>
    <t>POINT (4.654318013051858 51.803676070698565)</t>
  </si>
  <si>
    <t>POINT (4.676481248668952 51.807326317776536)</t>
  </si>
  <si>
    <t>POINT (4.673139463436016 51.814956425164304)</t>
  </si>
  <si>
    <t>POINT (4.6958644597959855 51.79172508962553)</t>
  </si>
  <si>
    <t>POINT (4.65037331487982 51.792432559720964)</t>
  </si>
  <si>
    <t>POINT (4.6795628526500925 51.80328678887883)</t>
  </si>
  <si>
    <t>POINT (4.665330975035448 51.81206289242166)</t>
  </si>
  <si>
    <t>POINT (4.67155816321226 51.81512118220359)</t>
  </si>
  <si>
    <t>POINT (4.652349117579105 51.79208083797382)</t>
  </si>
  <si>
    <t>POINT (4.714701602641563 51.81431434931935)</t>
  </si>
  <si>
    <t>POINT (4.6852972960918535 51.792182552514035)</t>
  </si>
  <si>
    <t>POINT (4.6254363513655035 51.7960301702551)</t>
  </si>
  <si>
    <t>POINT (4.710211858032584 51.79221161489777)</t>
  </si>
  <si>
    <t>POINT (4.6830363272371525 51.80239760928466)</t>
  </si>
  <si>
    <t>POINT (4.7213179823110885 51.81123866607771)</t>
  </si>
  <si>
    <t>POINT (4.656213456638137 51.80055254668059)</t>
  </si>
  <si>
    <t>POINT (4.713311297083312 51.80923363473233)</t>
  </si>
  <si>
    <t>POINT (4.728633553575223 51.80554043689551)</t>
  </si>
  <si>
    <t>POINT (4.674313725562865 51.79703293896969)</t>
  </si>
  <si>
    <t>POINT (4.67796075733946 51.787911954101645)</t>
  </si>
  <si>
    <t>POINT (4.680089292301761 51.801689834185225)</t>
  </si>
  <si>
    <t>POINT (4.7105971791924155 51.803310614225644)</t>
  </si>
  <si>
    <t>POINT (4.6721537708736545 51.796049438584596)</t>
  </si>
  <si>
    <t>POINT (4.680890327720753 51.785412256267435)</t>
  </si>
  <si>
    <t>POINT (4.671558755923225 51.77592643553355)</t>
  </si>
  <si>
    <t>POINT (4.663280285464897 51.812535334088594)</t>
  </si>
  <si>
    <t>POINT (4.698232780635856 51.80092347339514)</t>
  </si>
  <si>
    <t>POINT (4.656514016756294 51.80970489210782)</t>
  </si>
  <si>
    <t>POINT (4.733240616875838 51.802545132328305)</t>
  </si>
  <si>
    <t>POINT (4.677207901563343 51.81446012613667)</t>
  </si>
  <si>
    <t>POINT (4.7205370028017715 51.81336643498629)</t>
  </si>
  <si>
    <t>POINT (4.693277064287015 51.796370702479464)</t>
  </si>
  <si>
    <t>POINT (4.701919659116256 51.79610481301569)</t>
  </si>
  <si>
    <t>POINT (4.666523673154239 51.800465039811805)</t>
  </si>
  <si>
    <t>POINT (4.668835354395628 51.81310342515728)</t>
  </si>
  <si>
    <t>POINT (4.674893869625929 51.81559019032007)</t>
  </si>
  <si>
    <t>POINT (4.704155122510236 51.79143322544306)</t>
  </si>
  <si>
    <t>POINT (4.665099106782409 51.809250588299285)</t>
  </si>
  <si>
    <t>POINT (4.73348187698848 51.79799968252944)</t>
  </si>
  <si>
    <t>POINT (4.697088837350995 51.79285725800269)</t>
  </si>
  <si>
    <t>POINT (4.668335227854432 51.77465480982904)</t>
  </si>
  <si>
    <t>POINT (4.661896401961921 51.80449510990491)</t>
  </si>
  <si>
    <t>POINT (4.661563876680642 51.79952641420175)</t>
  </si>
  <si>
    <t>POINT (4.652381237047898 51.78522956165688)</t>
  </si>
  <si>
    <t>POINT (4.733064789277257 51.79550997621721)</t>
  </si>
  <si>
    <t>POINT (4.680695400834909 51.77509753801136)</t>
  </si>
  <si>
    <t>POINT (4.6858936962994795 51.80969665907687)</t>
  </si>
  <si>
    <t>POINT (4.664382263438134 51.790424318129205)</t>
  </si>
  <si>
    <t>POINT (4.683130589120913 51.79794402461749)</t>
  </si>
  <si>
    <t>POINT (4.667576457021486 51.79588377184198)</t>
  </si>
  <si>
    <t>POINT (4.722888285863474 51.80208749596591)</t>
  </si>
  <si>
    <t>POINT (4.662980983307786 51.79523676601004)</t>
  </si>
  <si>
    <t>POINT (4.685417399103711 51.78459419392015)</t>
  </si>
  <si>
    <t>POINT (4.699738423703859 51.799442406808595)</t>
  </si>
  <si>
    <t>POINT (4.680519958175972 51.798802550391635)</t>
  </si>
  <si>
    <t>POINT (4.651726854536958 51.79090418108321)</t>
  </si>
  <si>
    <t>POINT (4.720103448542686 51.812578463546465)</t>
  </si>
  <si>
    <t>POINT (4.65686705364489 51.789913469177705)</t>
  </si>
  <si>
    <t>POINT (4.654177409617959 51.79098723996968)</t>
  </si>
  <si>
    <t>POINT (4.686017193909634 51.77607662337809)</t>
  </si>
  <si>
    <t>POINT (4.720495066547139 51.81307394032094)</t>
  </si>
  <si>
    <t>POINT (4.665415869161277 51.81203655643285)</t>
  </si>
  <si>
    <t>POINT (4.6711796521792595 51.80734068460803)</t>
  </si>
  <si>
    <t>POINT (4.654290574243692 51.803713948469635)</t>
  </si>
  <si>
    <t>POINT (4.659328012368956 51.77204286219561)</t>
  </si>
  <si>
    <t>POINT (4.664368247616718 51.78798258501571)</t>
  </si>
  <si>
    <t>POINT (4.710349005405429 51.79301395229663)</t>
  </si>
  <si>
    <t>POINT (4.6576380386077805 51.78124929010904)</t>
  </si>
  <si>
    <t>POINT (4.677388485911519 51.81571561389773)</t>
  </si>
  <si>
    <t>POINT (4.661775063465501 51.815578945537176)</t>
  </si>
  <si>
    <t>POINT (4.684819424637572 51.81005686365116)</t>
  </si>
  <si>
    <t>POINT (4.660417597784564 51.80726915474404)</t>
  </si>
  <si>
    <t>POINT (4.679931491936875 51.81056475805924)</t>
  </si>
  <si>
    <t>POINT (4.666171676163597 51.792586056424014)</t>
  </si>
  <si>
    <t>POINT (4.677327804904982 51.815746069002)</t>
  </si>
  <si>
    <t>POINT (4.664186420302099 51.81075025821139)</t>
  </si>
  <si>
    <t>POINT (4.68110673174373 51.78597396820911)</t>
  </si>
  <si>
    <t>POINT (4.713331687397225 51.816084479582976)</t>
  </si>
  <si>
    <t>POINT (4.676113291102121 51.807625218178295)</t>
  </si>
  <si>
    <t>POINT (4.675993965859751 51.815932301322405)</t>
  </si>
  <si>
    <t>POINT (4.701224515512621 51.7973005398396)</t>
  </si>
  <si>
    <t>POINT (4.664543225515434 51.78581403196996)</t>
  </si>
  <si>
    <t>POINT (4.718774103204458 51.80208097545938)</t>
  </si>
  <si>
    <t>POINT (4.719545230161431 51.79992939387094)</t>
  </si>
  <si>
    <t>POINT (4.676791049148302 51.78936014587209)</t>
  </si>
  <si>
    <t>POINT (4.709349519627895 51.80542827650196)</t>
  </si>
  <si>
    <t>POINT (4.673402296732252 51.7717964351505)</t>
  </si>
  <si>
    <t>POINT (4.670145279736636 51.812654883674696)</t>
  </si>
  <si>
    <t>POINT (4.730118429991195 51.799152195079415)</t>
  </si>
  <si>
    <t>POINT (4.663960415506975 51.79526547748759)</t>
  </si>
  <si>
    <t>POINT (4.66987104382795 51.794481358594325)</t>
  </si>
  <si>
    <t>POINT (4.6821620079078 51.782004786575214)</t>
  </si>
  <si>
    <t>POINT (4.66533188213986 51.80029646523242)</t>
  </si>
  <si>
    <t>POINT (4.726526217188129 51.79892042104804)</t>
  </si>
  <si>
    <t>POINT (4.667830392167344 51.794812096916765)</t>
  </si>
  <si>
    <t>POINT (4.656486621230779 51.80443295211399)</t>
  </si>
  <si>
    <t>POINT (4.6799318845133255 51.80489590152058)</t>
  </si>
  <si>
    <t>POINT (4.709067925960095 51.804304865767556)</t>
  </si>
  <si>
    <t>POINT (4.6298190958781955 51.72865617443088)</t>
  </si>
  <si>
    <t>POINT (4.665400853364948 51.80371950420977)</t>
  </si>
  <si>
    <t>POINT (4.71090885403734 51.79615720772459)</t>
  </si>
  <si>
    <t>POINT (4.659765501042986 51.80881389207695)</t>
  </si>
  <si>
    <t>POINT (4.690608178116999 51.81856454406546)</t>
  </si>
  <si>
    <t>POINT (4.712617545565881 51.79945980509647)</t>
  </si>
  <si>
    <t>POINT (4.71095643633236 51.79187610177748)</t>
  </si>
  <si>
    <t>POINT (4.667831066328871 51.78935306662672)</t>
  </si>
  <si>
    <t>POINT (4.68666760682301 51.7811628808671)</t>
  </si>
  <si>
    <t>POINT (4.66943768079176 51.78070622804669)</t>
  </si>
  <si>
    <t>POINT (4.7001946799425705 51.79597583169281)</t>
  </si>
  <si>
    <t>POINT (4.684612132691962 51.77464763155352)</t>
  </si>
  <si>
    <t>POINT (4.6556405381269474 51.80642379959996)</t>
  </si>
  <si>
    <t>POINT (4.686613170608375 51.78259511975684)</t>
  </si>
  <si>
    <t>POINT (4.691080081527777 51.80848697888024)</t>
  </si>
  <si>
    <t>POINT (4.696453617086889 51.7993587734222)</t>
  </si>
  <si>
    <t>POINT (4.72590557339133 51.797863050946106)</t>
  </si>
  <si>
    <t>POINT (4.705577357223656 51.79168959374827)</t>
  </si>
  <si>
    <t>POINT (4.646762109055413 51.78415050991538)</t>
  </si>
  <si>
    <t>POINT (4.662786021970106 51.79314443100507)</t>
  </si>
  <si>
    <t>POINT (4.666128791377148 51.818545612426846)</t>
  </si>
  <si>
    <t>POINT (4.666131952584158 51.799912758855875)</t>
  </si>
  <si>
    <t>POINT (4.651725413951369 51.79087518345006)</t>
  </si>
  <si>
    <t>POINT (4.679528738622087 51.81432851871274)</t>
  </si>
  <si>
    <t>POINT (4.7073736838463 51.789470135264075)</t>
  </si>
  <si>
    <t>POINT (4.671909360152442 51.81531406288341)</t>
  </si>
  <si>
    <t>POINT (4.655586369439243 51.79115128840376)</t>
  </si>
  <si>
    <t>POINT (4.659552149718367 51.80928940120786)</t>
  </si>
  <si>
    <t>POINT (4.6746028082215725 51.81825848887119)</t>
  </si>
  <si>
    <t>POINT (4.687467878614237 51.81074473235487)</t>
  </si>
  <si>
    <t>POINT (4.652414236415459 51.79276304861381)</t>
  </si>
  <si>
    <t>POINT (4.7200284162366275 51.80557422489448)</t>
  </si>
  <si>
    <t>POINT (4.6661560082814635 51.81454368920511)</t>
  </si>
  <si>
    <t>POINT (4.686242959713461 51.80283913342571)</t>
  </si>
  <si>
    <t>POINT (4.678168725511173 51.78923484586904)</t>
  </si>
  <si>
    <t>POINT (4.7090089624770295 51.80351107865848)</t>
  </si>
  <si>
    <t>3311EC</t>
  </si>
  <si>
    <t>Houtsteiger</t>
  </si>
  <si>
    <t>POINT (4.6694663982618705 51.81728994962562)</t>
  </si>
  <si>
    <t>POINT (4.730719363825189 51.793032378118895)</t>
  </si>
  <si>
    <t>POINT (4.679436472589401 51.80896510697639)</t>
  </si>
  <si>
    <t>POINT (4.677636677429952 51.79075844822016)</t>
  </si>
  <si>
    <t>POINT (4.732679804671281 51.795149739565716)</t>
  </si>
  <si>
    <t>POINT (4.6622818716247485 51.78902517338428)</t>
  </si>
  <si>
    <t>POINT (4.681002819665296 51.77328316752443)</t>
  </si>
  <si>
    <t>POINT (4.718140356598682 51.80379845550881)</t>
  </si>
  <si>
    <t>POINT (4.681484785949288 51.81787841482323)</t>
  </si>
  <si>
    <t>POINT (4.667808134530605 51.794915186619136)</t>
  </si>
  <si>
    <t>POINT (4.692815486790718 51.78837865516581)</t>
  </si>
  <si>
    <t>POINT (4.663319324676964 51.7898891832002)</t>
  </si>
  <si>
    <t>POINT (4.715912492617182 51.80143488498244)</t>
  </si>
  <si>
    <t>POINT (4.6737728734201465 51.804706230631815)</t>
  </si>
  <si>
    <t>POINT (4.673798173403702 51.804952863059846)</t>
  </si>
  <si>
    <t>POINT (4.664749184769384 51.79164166214892)</t>
  </si>
  <si>
    <t>POINT (4.717130796673394 51.79562344967193)</t>
  </si>
  <si>
    <t>POINT (4.671225611345619 51.818523019274686)</t>
  </si>
  <si>
    <t>POINT (4.72598073365478 51.79463069865405)</t>
  </si>
  <si>
    <t>POINT (4.653312181571154 51.794086773724)</t>
  </si>
  <si>
    <t>POINT (4.702600139624862 51.796464044726534)</t>
  </si>
  <si>
    <t>POINT (4.6654859509475175 51.78839301475789)</t>
  </si>
  <si>
    <t>POINT (4.6539527140572625 51.81142557557133)</t>
  </si>
  <si>
    <t>POINT (4.73291324631709 51.80127643101636)</t>
  </si>
  <si>
    <t>POINT (4.731241695915249 51.795107838647894)</t>
  </si>
  <si>
    <t>POINT (4.690478347588287 51.80576109191759)</t>
  </si>
  <si>
    <t>POINT (4.665494858969435 51.77588706727397)</t>
  </si>
  <si>
    <t>POINT (4.671032094745151 51.80246098788085)</t>
  </si>
  <si>
    <t>POINT (4.671819641148344 51.818900579221086)</t>
  </si>
  <si>
    <t>POINT (4.652196611005625 51.7952018324848)</t>
  </si>
  <si>
    <t>POINT (4.659937062937875 51.81316307036509)</t>
  </si>
  <si>
    <t>POINT (4.6838803989771325 51.804195121202035)</t>
  </si>
  <si>
    <t>POINT (4.709573526794922 51.804940722561554)</t>
  </si>
  <si>
    <t>POINT (4.73000184144077 51.79794030467192)</t>
  </si>
  <si>
    <t>POINT (4.654355313561879 51.81137601003144)</t>
  </si>
  <si>
    <t>POINT (4.6561288319483625 51.76949032544335)</t>
  </si>
  <si>
    <t>POINT (4.652512059602791 51.78523442602984)</t>
  </si>
  <si>
    <t>POINT (4.718529677475303 51.80069117830438)</t>
  </si>
  <si>
    <t>POINT (4.672238196484287 51.78257988618218)</t>
  </si>
  <si>
    <t>POINT (4.668824267131726 51.7712455723752)</t>
  </si>
  <si>
    <t>POINT (4.663227460275259 51.78995226531848)</t>
  </si>
  <si>
    <t>POINT (4.67023125306784 51.7987580250593)</t>
  </si>
  <si>
    <t>POINT (4.730272315629136 51.8030284993484)</t>
  </si>
  <si>
    <t>POINT (4.706424741266335 51.79461157884202)</t>
  </si>
  <si>
    <t>POINT (4.679667049692171 51.78135193440828)</t>
  </si>
  <si>
    <t>POINT (4.681587045461875 51.819135158873245)</t>
  </si>
  <si>
    <t>POINT (4.65936083726327 51.79979227192267)</t>
  </si>
  <si>
    <t>POINT (4.707602341734233 51.78687054355293)</t>
  </si>
  <si>
    <t>POINT (4.726646445646115 51.798875777240845)</t>
  </si>
  <si>
    <t>POINT (4.709612140778701 51.80645366344661)</t>
  </si>
  <si>
    <t>POINT (4.653693686764435 51.78532511936858)</t>
  </si>
  <si>
    <t>POINT (4.717393579176881 51.80225748699346)</t>
  </si>
  <si>
    <t>POINT (4.668125747494156 51.789960837592595)</t>
  </si>
  <si>
    <t>POINT (4.6934589552532495 51.79649312523708)</t>
  </si>
  <si>
    <t>POINT (4.725261835729851 51.804771587946426)</t>
  </si>
  <si>
    <t>POINT (4.70426683172754 51.79003933759087)</t>
  </si>
  <si>
    <t>POINT (4.7126773829373905 51.81631058722347)</t>
  </si>
  <si>
    <t>POINT (4.676902526935218 51.774898027704566)</t>
  </si>
  <si>
    <t>POINT (4.734700633250385 51.79826531255135)</t>
  </si>
  <si>
    <t>POINT (4.666361095231991 51.803376637215706)</t>
  </si>
  <si>
    <t>POINT (4.680794691766597 51.80888480667263)</t>
  </si>
  <si>
    <t>POINT (4.678995089980032 51.78093287986958)</t>
  </si>
  <si>
    <t>POINT (4.668268434362223 51.77395502434531)</t>
  </si>
  <si>
    <t>POINT (4.668384326769972 51.77422033555227)</t>
  </si>
  <si>
    <t>POINT (4.678463676706204 51.78631424196313)</t>
  </si>
  <si>
    <t>POINT (4.684760508733387 51.79249983119759)</t>
  </si>
  <si>
    <t>POINT (4.660987635560629 51.79093292244585)</t>
  </si>
  <si>
    <t>POINT (4.672044375659473 51.811269848091534)</t>
  </si>
  <si>
    <t>POINT (4.731976625811288 51.80084702165241)</t>
  </si>
  <si>
    <t>POINT (4.707940679573212 51.81140549977972)</t>
  </si>
  <si>
    <t>POINT (4.656451264857966 51.80450497407168)</t>
  </si>
  <si>
    <t>POINT (4.655532693146389 51.78790441971573)</t>
  </si>
  <si>
    <t>POINT (4.682922837391982 51.80967035433563)</t>
  </si>
  <si>
    <t>POINT (4.673684032011368 51.77783015010577)</t>
  </si>
  <si>
    <t>POINT (4.677136853510381 51.77744200126442)</t>
  </si>
  <si>
    <t>POINT (4.652272778431301 51.78562326221671)</t>
  </si>
  <si>
    <t>POINT (4.705470710683811 51.82097257531037)</t>
  </si>
  <si>
    <t>POINT (4.73377448205224 51.80220897433988)</t>
  </si>
  <si>
    <t>POINT (4.671077273823239 51.77411856305136)</t>
  </si>
  <si>
    <t>POINT (4.6701907646642296 51.79947645930018)</t>
  </si>
  <si>
    <t>POINT (4.666481423588016 51.7775825629566)</t>
  </si>
  <si>
    <t>POINT (4.711269096038675 51.79510059943037)</t>
  </si>
  <si>
    <t>POINT (4.683954979730472 51.777731554629526)</t>
  </si>
  <si>
    <t>POINT (4.668121483807592 51.80301279038046)</t>
  </si>
  <si>
    <t>POINT (4.686822483569338 51.815534750702795)</t>
  </si>
  <si>
    <t>POINT (4.658640784683874 51.814586055231345)</t>
  </si>
  <si>
    <t>POINT (4.717976263891962 51.81540883728014)</t>
  </si>
  <si>
    <t>POINT (4.672131332889277 51.80595970537739)</t>
  </si>
  <si>
    <t>POINT (4.696821489219727 51.817957724406675)</t>
  </si>
  <si>
    <t>POINT (4.692832062992338 51.79120142357293)</t>
  </si>
  <si>
    <t>POINT (4.704885044866546 51.80794264849926)</t>
  </si>
  <si>
    <t>POINT (4.7215850270987385 51.81096349288896)</t>
  </si>
  <si>
    <t>POINT (4.65957445857594 51.77275080644487)</t>
  </si>
  <si>
    <t>POINT (4.719735562703138 51.80218804735533)</t>
  </si>
  <si>
    <t>POINT (4.679698059461815 51.77667495823398)</t>
  </si>
  <si>
    <t>POINT (4.66509916026429 51.816232680155125)</t>
  </si>
  <si>
    <t>POINT (4.679301332337812 51.78533820184437)</t>
  </si>
  <si>
    <t>POINT (4.7288891335242065 51.804491800636534)</t>
  </si>
  <si>
    <t>POINT (4.677624940562928 51.80830920256283)</t>
  </si>
  <si>
    <t>POINT (4.691036366327577 51.791736915511585)</t>
  </si>
  <si>
    <t>POINT (4.69793943705768 51.80289312621857)</t>
  </si>
  <si>
    <t>POINT (4.70145052654774 51.798841196836406)</t>
  </si>
  <si>
    <t>POINT (4.6917003313862775 51.78885041762086)</t>
  </si>
  <si>
    <t>POINT (4.693355490935866 51.795485772998205)</t>
  </si>
  <si>
    <t>POINT (4.6824029213818505 51.80430263224081)</t>
  </si>
  <si>
    <t>POINT (4.735624868172798 51.798506472478415)</t>
  </si>
  <si>
    <t>POINT (4.72600146301282 51.79711795624063)</t>
  </si>
  <si>
    <t>POINT (4.663978849552182 51.817317941659226)</t>
  </si>
  <si>
    <t>POINT (4.66898735934118 51.81025894483833)</t>
  </si>
  <si>
    <t>POINT (4.682143852939263 51.80204793858058)</t>
  </si>
  <si>
    <t>POINT (4.683925598760142 51.78965762224451)</t>
  </si>
  <si>
    <t>POINT (4.674966159354896 51.78006934413753)</t>
  </si>
  <si>
    <t>POINT (4.673433249823769 51.813864147333575)</t>
  </si>
  <si>
    <t>POINT (4.658626828832925 51.771085658226234)</t>
  </si>
  <si>
    <t>POINT (4.654764275535028 51.78890738501941)</t>
  </si>
  <si>
    <t>POINT (4.669820524671658 51.793000171140925)</t>
  </si>
  <si>
    <t>POINT (4.674721462811151 51.7839111578213)</t>
  </si>
  <si>
    <t>POINT (4.682113314322217 51.78199924448237)</t>
  </si>
  <si>
    <t>POINT (4.666167875131138 51.772599439230284)</t>
  </si>
  <si>
    <t>POINT (4.720572102205796 51.8124422252935)</t>
  </si>
  <si>
    <t>POINT (4.68844187392409 51.80629611360271)</t>
  </si>
  <si>
    <t>POINT (4.701383420658782 51.79910512524808)</t>
  </si>
  <si>
    <t>POINT (4.668409761563856 51.81242402574011)</t>
  </si>
  <si>
    <t>POINT (4.663610498072815 51.79679392434283)</t>
  </si>
  <si>
    <t>POINT (4.725272709669079 51.80374823877986)</t>
  </si>
  <si>
    <t>POINT (4.671636125365441 51.81199567578504)</t>
  </si>
  <si>
    <t>POINT (4.664941252546824 51.792870710334185)</t>
  </si>
  <si>
    <t>POINT (4.67879020219751 51.78699436642286)</t>
  </si>
  <si>
    <t>POINT (4.66753579821275 51.778424493161886)</t>
  </si>
  <si>
    <t>POINT (4.666185426108747 51.817494833962556)</t>
  </si>
  <si>
    <t>POINT (4.728647622053204 51.796022121115065)</t>
  </si>
  <si>
    <t>POINT (4.721269883618079 51.80525310168093)</t>
  </si>
  <si>
    <t>POINT (4.667761351775046 51.79476271213306)</t>
  </si>
  <si>
    <t>POINT (4.654936848049612 51.80651632641061)</t>
  </si>
  <si>
    <t>POINT (4.7316515764783205 51.795546663067405)</t>
  </si>
  <si>
    <t>POINT (4.678381100943522 51.78464480275036)</t>
  </si>
  <si>
    <t>POINT (4.676069695276267 51.818309210567)</t>
  </si>
  <si>
    <t>POINT (4.6733018816655365 51.77305198773544)</t>
  </si>
  <si>
    <t>POINT (4.630902957068878 51.72208107371483)</t>
  </si>
  <si>
    <t>POINT (4.670860276742525 51.817395768163586)</t>
  </si>
  <si>
    <t>POINT (4.674781873032804 51.81414328759918)</t>
  </si>
  <si>
    <t>POINT (4.67764627978048 51.81467129656871)</t>
  </si>
  <si>
    <t>POINT (4.7041055477580755 51.81570342445676)</t>
  </si>
  <si>
    <t>POINT (4.702908200900124 51.8155280828182)</t>
  </si>
  <si>
    <t>POINT (4.666374912865779 51.81352940337396)</t>
  </si>
  <si>
    <t>POINT (4.671360706223209 51.81688044503259)</t>
  </si>
  <si>
    <t>POINT (4.67183872230002 51.78077597909638)</t>
  </si>
  <si>
    <t>POINT (4.668232833306743 51.770716746157355)</t>
  </si>
  <si>
    <t>POINT (4.650855890026673 51.80140989794873)</t>
  </si>
  <si>
    <t>POINT (4.685566952353961 51.813458232300555)</t>
  </si>
  <si>
    <t>POINT (4.663831792707362 51.788348039873135)</t>
  </si>
  <si>
    <t>POINT (4.707897852306229 51.80701960075307)</t>
  </si>
  <si>
    <t>POINT (4.709470187645061 51.80482991589138)</t>
  </si>
  <si>
    <t>POINT (4.658998924554538 51.78846384568549)</t>
  </si>
  <si>
    <t>POINT (4.678106903596384 51.81736122407669)</t>
  </si>
  <si>
    <t>POINT (4.6824145077244985 51.78532809423085)</t>
  </si>
  <si>
    <t>POINT (4.713539666791067 51.80381979905042)</t>
  </si>
  <si>
    <t>POINT (4.706310097667552 51.816026837963236)</t>
  </si>
  <si>
    <t>POINT (4.6762945412279375 51.77360154285208)</t>
  </si>
  <si>
    <t>POINT (4.694432304200729 51.80326071933501)</t>
  </si>
  <si>
    <t>POINT (4.675681599129615 51.77392872727585)</t>
  </si>
  <si>
    <t>POINT (4.6542038972186965 51.80383358592009)</t>
  </si>
  <si>
    <t>POINT (4.6676863998744125 51.810925323943515)</t>
  </si>
  <si>
    <t>POINT (4.701299028990141 51.79701839879685)</t>
  </si>
  <si>
    <t>POINT (4.658699696426291 51.8106612240246)</t>
  </si>
  <si>
    <t>POINT (4.708006208969356 51.818713024363)</t>
  </si>
  <si>
    <t>POINT (4.673923364130625 51.77500229266295)</t>
  </si>
  <si>
    <t>POINT (4.667052550981979 51.811082980383105)</t>
  </si>
  <si>
    <t>POINT (4.694790651737559 51.79091626567113)</t>
  </si>
  <si>
    <t>POINT (4.665005996501166 51.78944676402366)</t>
  </si>
  <si>
    <t>POINT (4.685949351646871 51.78748182777508)</t>
  </si>
  <si>
    <t>POINT (4.681061996084283 51.807450601195086)</t>
  </si>
  <si>
    <t>POINT (4.704545572568538 51.80861246794038)</t>
  </si>
  <si>
    <t>POINT (4.723625321643152 51.79888441927331)</t>
  </si>
  <si>
    <t>POINT (4.666413563041963 51.81677841782616)</t>
  </si>
  <si>
    <t>POINT (4.702087775078212 51.816281254762266)</t>
  </si>
  <si>
    <t>POINT (4.673076915116324 51.77254420297199)</t>
  </si>
  <si>
    <t>POINT (4.633876495038241 51.77719169921305)</t>
  </si>
  <si>
    <t>POINT (4.676077378354717 51.815879512978974)</t>
  </si>
  <si>
    <t>POINT (4.679252320245956 51.78532781174997)</t>
  </si>
  <si>
    <t>POINT (4.730642931167738 51.79883669967415)</t>
  </si>
  <si>
    <t>POINT (4.700536460615876 51.798791923221316)</t>
  </si>
  <si>
    <t>POINT (4.653432957297513 51.79025772712956)</t>
  </si>
  <si>
    <t>POINT (4.685493294706842 51.81182121714995)</t>
  </si>
  <si>
    <t>POINT (4.6722801073357525 51.77129181360944)</t>
  </si>
  <si>
    <t>POINT (4.676018665416353 51.80862713366488)</t>
  </si>
  <si>
    <t>POINT (4.682709274475991 51.774457494614474)</t>
  </si>
  <si>
    <t>POINT (4.708395852346792 51.78960728887844)</t>
  </si>
  <si>
    <t>POINT (4.673155592644205 51.817305792831284)</t>
  </si>
  <si>
    <t>POINT (4.678948971179197 51.778420825494294)</t>
  </si>
  <si>
    <t>POINT (4.679955775521737 51.816104475590585)</t>
  </si>
  <si>
    <t>POINT (4.728121343762676 51.79732468566938)</t>
  </si>
  <si>
    <t>POINT (4.66157486163468 51.8089971290837)</t>
  </si>
  <si>
    <t>POINT (4.710415400612517 51.7955063697879)</t>
  </si>
  <si>
    <t>POINT (4.663959711659488 51.79076159465008)</t>
  </si>
  <si>
    <t>POINT (4.700072070969206 51.79022764965702)</t>
  </si>
  <si>
    <t>POINT (4.720711964357813 51.80006679402655)</t>
  </si>
  <si>
    <t>POINT (4.637421430327651 51.77820720299177)</t>
  </si>
  <si>
    <t>POINT (4.672913750649818 51.8177779610312)</t>
  </si>
  <si>
    <t>POINT (4.680498642653808 51.80688566040826)</t>
  </si>
  <si>
    <t>POINT (4.667207525744046 51.80203088826365)</t>
  </si>
  <si>
    <t>POINT (4.675865418428916 51.785566412363075)</t>
  </si>
  <si>
    <t>POINT (4.654646784173363 51.787922818690966)</t>
  </si>
  <si>
    <t>POINT (4.732098500245703 51.79688306493895)</t>
  </si>
  <si>
    <t>POINT (4.704262892813789 51.789982605137205)</t>
  </si>
  <si>
    <t>POINT (4.675243901696061 51.81510309708803)</t>
  </si>
  <si>
    <t>POINT (4.665672203719341 51.801438495418374)</t>
  </si>
  <si>
    <t>POINT (4.670803469962854 51.81742386156558)</t>
  </si>
  <si>
    <t>POINT (4.717448631659327 51.81195555761573)</t>
  </si>
  <si>
    <t>POINT (4.733974318720835 51.795389697131604)</t>
  </si>
  <si>
    <t>POINT (4.678330088410257 51.78460498017081)</t>
  </si>
  <si>
    <t>POINT (4.661196214992321 51.772925125921276)</t>
  </si>
  <si>
    <t>POINT (4.711678178926379 51.816419238492415)</t>
  </si>
  <si>
    <t>POINT (4.711015366948664 51.814425004327)</t>
  </si>
  <si>
    <t>POINT (4.683624584118518 51.8097286756598)</t>
  </si>
  <si>
    <t>POINT (4.6795009851537275 51.788960663667396)</t>
  </si>
  <si>
    <t>POINT (4.6836554367269825 51.79803557670516)</t>
  </si>
  <si>
    <t>POINT (4.672612408975924 51.81657766746857)</t>
  </si>
  <si>
    <t>POINT (4.776861317513564 51.81206722562028)</t>
  </si>
  <si>
    <t>POINT (4.659415619737185 51.79068745158984)</t>
  </si>
  <si>
    <t>POINT (4.691230648820639 51.789616955367286)</t>
  </si>
  <si>
    <t>POINT (4.721130990075547 51.7993877082061)</t>
  </si>
  <si>
    <t>POINT (4.681930037580258 51.789095021769164)</t>
  </si>
  <si>
    <t>POINT (4.680556161452994 51.78575269497922)</t>
  </si>
  <si>
    <t>POINT (4.66778145247682 51.815669536916275)</t>
  </si>
  <si>
    <t>POINT (4.709167862372876 51.7953615861868)</t>
  </si>
  <si>
    <t>POINT (4.663009354796857 51.7717693570308)</t>
  </si>
  <si>
    <t>POINT (4.662869247251859 51.81684252785304)</t>
  </si>
  <si>
    <t>POINT (4.715747412078781 51.80583480912656)</t>
  </si>
  <si>
    <t>POINT (4.663038521867387 51.79188384126761)</t>
  </si>
  <si>
    <t>POINT (4.6666682370276735 51.802488436834615)</t>
  </si>
  <si>
    <t>POINT (4.700663443227187 51.81732431518824)</t>
  </si>
  <si>
    <t>POINT (4.673751666031651 51.78949262967194)</t>
  </si>
  <si>
    <t>POINT (4.667030312573652 51.77201055701887)</t>
  </si>
  <si>
    <t>POINT (4.664804013825779 51.80954935359708)</t>
  </si>
  <si>
    <t>POINT (4.717109422290621 51.79542483113168)</t>
  </si>
  <si>
    <t>POINT (4.6778423062176016 51.81786981263051)</t>
  </si>
  <si>
    <t>POINT (4.646479152450633 51.80041333002117)</t>
  </si>
  <si>
    <t>POINT (4.690414333420448 51.808782538839544)</t>
  </si>
  <si>
    <t>POINT (4.711694137003892 51.803170931856926)</t>
  </si>
  <si>
    <t>POINT (4.663601750674361 51.793898026228696)</t>
  </si>
  <si>
    <t>POINT (4.654995887299242 51.80033707294447)</t>
  </si>
  <si>
    <t>POINT (4.672937690552773 51.81065676908042)</t>
  </si>
  <si>
    <t>POINT (4.6773084222152015 51.77971925843006)</t>
  </si>
  <si>
    <t>POINT (4.657768944440411 51.81041574981966)</t>
  </si>
  <si>
    <t>POINT (4.704142500169194 51.79927442306732)</t>
  </si>
  <si>
    <t>POINT (4.714036980721755 51.80607145993269)</t>
  </si>
  <si>
    <t>POINT (4.685810213465836 51.786271504919796)</t>
  </si>
  <si>
    <t>POINT (4.656077039209607 51.79295262848992)</t>
  </si>
  <si>
    <t>POINT (4.660466081531845 51.80995592209404)</t>
  </si>
  <si>
    <t>POINT (4.657994108337247 51.781805856504825)</t>
  </si>
  <si>
    <t>POINT (4.693217323495918 51.79149455890456)</t>
  </si>
  <si>
    <t>POINT (4.685252379365751 51.7775018719835)</t>
  </si>
  <si>
    <t>POINT (4.676673017625351 51.78565045241833)</t>
  </si>
  <si>
    <t>POINT (4.685478530025675 51.778321313629476)</t>
  </si>
  <si>
    <t>POINT (4.659871630256124 51.80699897859414)</t>
  </si>
  <si>
    <t>POINT (4.651595734188722 51.80193195542928)</t>
  </si>
  <si>
    <t>POINT (4.660146509856482 51.805378349296504)</t>
  </si>
  <si>
    <t>POINT (4.684668423247087 51.804470014488)</t>
  </si>
  <si>
    <t>POINT (4.709234943314784 51.7959986856333)</t>
  </si>
  <si>
    <t>POINT (4.68557362630024 51.81344499594943)</t>
  </si>
  <si>
    <t>POINT (4.722313534882879 51.80624668271016)</t>
  </si>
  <si>
    <t>POINT (4.721612186863465 51.812383051163884)</t>
  </si>
  <si>
    <t>POINT (4.690606112427917 51.80842627024974)</t>
  </si>
  <si>
    <t>POINT (4.679849950277183 51.773966714461)</t>
  </si>
  <si>
    <t>POINT (4.655503706437558 51.80076964914869)</t>
  </si>
  <si>
    <t>POINT (4.664364311834417 51.8158107401914)</t>
  </si>
  <si>
    <t>POINT (4.664297713854701 51.817633152536814)</t>
  </si>
  <si>
    <t>POINT (4.6592534335532445 51.81175034080715)</t>
  </si>
  <si>
    <t>POINT (4.725021978347461 51.803829258908024)</t>
  </si>
  <si>
    <t>POINT (4.673581072812338 51.787695254809194)</t>
  </si>
  <si>
    <t>POINT (4.707016470043488 51.79817052110616)</t>
  </si>
  <si>
    <t>POINT (4.729750684700827 51.79539374514938)</t>
  </si>
  <si>
    <t>POINT (4.691415524541267 51.78834730405799)</t>
  </si>
  <si>
    <t>POINT (4.7061163480707116 51.80757930737658)</t>
  </si>
  <si>
    <t>POINT (4.700204689132725 51.809030032756745)</t>
  </si>
  <si>
    <t>POINT (4.666942145091928 51.79974953888447)</t>
  </si>
  <si>
    <t>POINT (4.671205184256178 51.81861195437926)</t>
  </si>
  <si>
    <t>POINT (4.669824168228371 51.81777022646982)</t>
  </si>
  <si>
    <t>POINT (4.66286302825827 51.793544013823066)</t>
  </si>
  <si>
    <t>POINT (4.678631571246654 51.789748137239066)</t>
  </si>
  <si>
    <t>POINT (4.717987828075954 51.80459177742501)</t>
  </si>
  <si>
    <t>POINT (4.669581382163646 51.8142377940225)</t>
  </si>
  <si>
    <t>POINT (4.65893936479813 51.809196566819246)</t>
  </si>
  <si>
    <t>POINT (4.72217466390658 51.79705188782312)</t>
  </si>
  <si>
    <t>POINT (4.719833232065499 51.81287364202486)</t>
  </si>
  <si>
    <t>POINT (4.666207011599104 51.77835826537527)</t>
  </si>
  <si>
    <t>POINT (4.68629570619246 51.802891367090375)</t>
  </si>
  <si>
    <t>POINT (4.685550943764427 51.81351123261078)</t>
  </si>
  <si>
    <t>POINT (4.698355683054161 51.795084464684194)</t>
  </si>
  <si>
    <t>POINT (4.71138193261511 51.810100280310934)</t>
  </si>
  <si>
    <t>POINT (4.660896072578529 51.79985752455825)</t>
  </si>
  <si>
    <t>POINT (4.714411018674766 51.80314690150764)</t>
  </si>
  <si>
    <t>POINT (4.672638901265157 51.80304041519936)</t>
  </si>
  <si>
    <t>3329LR</t>
  </si>
  <si>
    <t>Landbouwweg</t>
  </si>
  <si>
    <t>POINT (4.679816941625918 51.76982488676737)</t>
  </si>
  <si>
    <t>POINT (4.674433163719939 51.81802975782443)</t>
  </si>
  <si>
    <t>POINT (4.668808319277697 51.79545645732742)</t>
  </si>
  <si>
    <t>POINT (4.672673046014102 51.78063895312149)</t>
  </si>
  <si>
    <t>POINT (4.667818500779109 51.7827171051909)</t>
  </si>
  <si>
    <t>POINT (4.701349899254453 51.789903840715176)</t>
  </si>
  <si>
    <t>POINT (4.6867019488781185 51.80436228123912)</t>
  </si>
  <si>
    <t>POINT (4.684806871442927 51.792528279324955)</t>
  </si>
  <si>
    <t>POINT (4.661964007412821 51.79796337184638)</t>
  </si>
  <si>
    <t>POINT (4.676900458720362 51.808246204274646)</t>
  </si>
  <si>
    <t>POINT (4.666861298177722 51.79392043144657)</t>
  </si>
  <si>
    <t>POINT (4.688249700398288 51.81381198104127)</t>
  </si>
  <si>
    <t>POINT (4.680542000061791 51.811118533567026)</t>
  </si>
  <si>
    <t>POINT (4.665605007674984 51.80375344277763)</t>
  </si>
  <si>
    <t>POINT (4.656848536991507 51.806047129969805)</t>
  </si>
  <si>
    <t>POINT (4.717246107896069 51.803498453609045)</t>
  </si>
  <si>
    <t>POINT (4.677476560345659 51.77506896241402)</t>
  </si>
  <si>
    <t>POINT (4.6852219373232735 51.810380536065374)</t>
  </si>
  <si>
    <t>POINT (4.664203110362041 51.817707121841984)</t>
  </si>
  <si>
    <t>POINT (4.659929114816236 51.80874630456213)</t>
  </si>
  <si>
    <t>POINT (4.718916955072635 51.80234523739653)</t>
  </si>
  <si>
    <t>POINT (4.6265254988745985 51.79384146074769)</t>
  </si>
  <si>
    <t>POINT (4.653929960871811 51.80286640715713)</t>
  </si>
  <si>
    <t>POINT (4.657244581988435 51.80028850532499)</t>
  </si>
  <si>
    <t>POINT (4.667470655902572 51.800962686820654)</t>
  </si>
  <si>
    <t>POINT (4.686067450461136 51.78893844936776)</t>
  </si>
  <si>
    <t>POINT (4.659365706812978 51.809729032208715)</t>
  </si>
  <si>
    <t>POINT (4.665813017423159 51.81627605421019)</t>
  </si>
  <si>
    <t>POINT (4.666061869200611 51.77267134440317)</t>
  </si>
  <si>
    <t>POINT (4.673553070772457 51.80593806898835)</t>
  </si>
  <si>
    <t>POINT (4.727927425225907 51.797366894480426)</t>
  </si>
  <si>
    <t>POINT (4.709652903594494 51.808619893358006)</t>
  </si>
  <si>
    <t>POINT (4.692703223539811 51.791366726755506)</t>
  </si>
  <si>
    <t>POINT (4.660716105659061 51.80430046577129)</t>
  </si>
  <si>
    <t>POINT (4.678269973761119 51.80856695038273)</t>
  </si>
  <si>
    <t>POINT (4.657690992003678 51.81264703037708)</t>
  </si>
  <si>
    <t>POINT (4.662706750927505 51.79304389723516)</t>
  </si>
  <si>
    <t>POINT (4.688350453202216 51.80723541511242)</t>
  </si>
  <si>
    <t>POINT (4.685858071626803 51.786324590626435)</t>
  </si>
  <si>
    <t>POINT (4.675503821687759 51.80507171416393)</t>
  </si>
  <si>
    <t>POINT (4.682932799290191 51.77948440202555)</t>
  </si>
  <si>
    <t>POINT (4.712887204657731 51.80324621587105)</t>
  </si>
  <si>
    <t>POINT (4.674958450174473 51.81508810673154)</t>
  </si>
  <si>
    <t>POINT (4.649994744988306 51.79373157622805)</t>
  </si>
  <si>
    <t>POINT (4.70680295273276 51.81001313808916)</t>
  </si>
  <si>
    <t>POINT (4.7051270818044415 51.79755201784069)</t>
  </si>
  <si>
    <t>POINT (4.666804206505041 51.812262433673595)</t>
  </si>
  <si>
    <t>POINT (4.669545186972643 51.80561440075579)</t>
  </si>
  <si>
    <t>POINT (4.709484179559962 51.80487139843188)</t>
  </si>
  <si>
    <t>POINT (4.6893075905605155 51.80958804265309)</t>
  </si>
  <si>
    <t>POINT (4.6823797489326235 51.77412085631183)</t>
  </si>
  <si>
    <t>POINT (4.658483014400789 51.80209271162123)</t>
  </si>
  <si>
    <t>POINT (4.666488532292141 51.81109031315476)</t>
  </si>
  <si>
    <t>POINT (4.692966995343504 51.79517074981017)</t>
  </si>
  <si>
    <t>POINT (4.667282661790316 51.78942353559271)</t>
  </si>
  <si>
    <t>POINT (4.7186228750670915 51.799467365539854)</t>
  </si>
  <si>
    <t>POINT (4.666983649790138 51.774760683456925)</t>
  </si>
  <si>
    <t>POINT (4.672512205008518 51.785082195258234)</t>
  </si>
  <si>
    <t>POINT (4.720290835305268 51.80504438003658)</t>
  </si>
  <si>
    <t>POINT (4.644726314407136 51.787704025923674)</t>
  </si>
  <si>
    <t>POINT (4.685995943875923 51.781206651418124)</t>
  </si>
  <si>
    <t>POINT (4.662885944354829 51.80085019563372)</t>
  </si>
  <si>
    <t>POINT (4.652841478458235 51.79518765068784)</t>
  </si>
  <si>
    <t>POINT (4.671622867009265 51.79264801724947)</t>
  </si>
  <si>
    <t>POINT (4.653831270354159 51.78541516567784)</t>
  </si>
  <si>
    <t>POINT (4.66746586427553 51.77944220650139)</t>
  </si>
  <si>
    <t>POINT (4.667190858345763 51.78714545053839)</t>
  </si>
  <si>
    <t>POINT (4.661257027395488 51.7919667897377)</t>
  </si>
  <si>
    <t>POINT (4.647415706504002 51.79910533251498)</t>
  </si>
  <si>
    <t>POINT (4.678748545265813 51.773878323192314)</t>
  </si>
  <si>
    <t>POINT (4.681777574105175 51.775442323793875)</t>
  </si>
  <si>
    <t>POINT (4.715004340935967 51.81055779906502)</t>
  </si>
  <si>
    <t>POINT (4.63052446745373 51.72478259582612)</t>
  </si>
  <si>
    <t>POINT (4.717050871500332 51.7971841335833)</t>
  </si>
  <si>
    <t>POINT (4.682238829453521 51.788171725894536)</t>
  </si>
  <si>
    <t>3316BA</t>
  </si>
  <si>
    <t>Achthoevenstraat</t>
  </si>
  <si>
    <t>POINT (4.6347770903328325 51.783555044736026)</t>
  </si>
  <si>
    <t>POINT (4.729130231487643 51.805606269670555)</t>
  </si>
  <si>
    <t>POINT (4.6669224659142765 51.811088896546956)</t>
  </si>
  <si>
    <t>POINT (4.637262861525905 51.77844410315663)</t>
  </si>
  <si>
    <t>POINT (4.6667957111642195 51.79623912138047)</t>
  </si>
  <si>
    <t>POINT (4.71282463199517 51.80629041937014)</t>
  </si>
  <si>
    <t>POINT (4.662065115931493 51.810790606816106)</t>
  </si>
  <si>
    <t>POINT (4.664885103774175 51.79575993468168)</t>
  </si>
  <si>
    <t>POINT (4.660334257056152 51.802968035048416)</t>
  </si>
  <si>
    <t>POINT (4.651722177449618 51.79094123020417)</t>
  </si>
  <si>
    <t>POINT (4.660264974117926 51.78751113759012)</t>
  </si>
  <si>
    <t>POINT (4.653643567375655 51.79244873935919)</t>
  </si>
  <si>
    <t>POINT (4.671424207704718 51.81444305086226)</t>
  </si>
  <si>
    <t>POINT (4.661807848324146 51.79984523279415)</t>
  </si>
  <si>
    <t>POINT (4.667789240047146 51.81427000305774)</t>
  </si>
  <si>
    <t>POINT (4.67219887786563 51.80520402509491)</t>
  </si>
  <si>
    <t>POINT (4.671100741239557 51.805834185559846)</t>
  </si>
  <si>
    <t>POINT (4.6678058476560516 51.81425804206254)</t>
  </si>
  <si>
    <t>POINT (4.663249428787738 51.78989569115559)</t>
  </si>
  <si>
    <t>POINT (4.666117919019069 51.815132492119005)</t>
  </si>
  <si>
    <t>POINT (4.716964043888624 51.799172835302606)</t>
  </si>
  <si>
    <t>POINT (4.712253005557458 51.79564545761661)</t>
  </si>
  <si>
    <t>POINT (4.7055942802973 51.793057182951856)</t>
  </si>
  <si>
    <t>POINT (4.680473139282477 51.781030153681854)</t>
  </si>
  <si>
    <t>POINT (4.672771469219168 51.81931730302876)</t>
  </si>
  <si>
    <t>POINT (4.685521381736183 51.78531670674655)</t>
  </si>
  <si>
    <t>POINT (4.6831311292586575 51.801186855259495)</t>
  </si>
  <si>
    <t>POINT (4.684221745003381 51.812586038801946)</t>
  </si>
  <si>
    <t>POINT (4.666909289896407 51.79953459734559)</t>
  </si>
  <si>
    <t>POINT (4.666758145075547 51.79911840975554)</t>
  </si>
  <si>
    <t>POINT (4.674560325255823 51.797116854387724)</t>
  </si>
  <si>
    <t>POINT (4.702049984733022 51.798603263463214)</t>
  </si>
  <si>
    <t>POINT (4.6838166291881755 51.80783829662934)</t>
  </si>
  <si>
    <t>POINT (4.683680089916882 51.78227818714632)</t>
  </si>
  <si>
    <t>POINT (4.671436801493045 51.79939658950211)</t>
  </si>
  <si>
    <t>POINT (4.658782215461191 51.81114999275149)</t>
  </si>
  <si>
    <t>POINT (4.708326814271242 51.81854649513411)</t>
  </si>
  <si>
    <t>POINT (4.670750528832796 51.797462520213394)</t>
  </si>
  <si>
    <t>POINT (4.734460375662557 51.800511971409826)</t>
  </si>
  <si>
    <t>POINT (4.666473767867387 51.77438520259954)</t>
  </si>
  <si>
    <t>POINT (4.714191692469378 51.816159633695875)</t>
  </si>
  <si>
    <t>POINT (4.709406346705371 51.79539592561884)</t>
  </si>
  <si>
    <t>POINT (4.664921011681422 51.79921276762797)</t>
  </si>
  <si>
    <t>POINT (4.708400120850747 51.78923591979472)</t>
  </si>
  <si>
    <t>POINT (4.651630070222109 51.78139093023212)</t>
  </si>
  <si>
    <t>POINT (4.648374969390718 51.79056808228722)</t>
  </si>
  <si>
    <t>POINT (4.651719746173801 51.78455359904125)</t>
  </si>
  <si>
    <t>POINT (4.637968333676755 51.779040574141696)</t>
  </si>
  <si>
    <t>POINT (4.655335545701793 51.769870580581255)</t>
  </si>
  <si>
    <t>POINT (4.665986940129437 51.7787716516232)</t>
  </si>
  <si>
    <t>POINT (4.660058604528543 51.81570228122286)</t>
  </si>
  <si>
    <t>POINT (4.658227279977592 51.79863994831338)</t>
  </si>
  <si>
    <t>POINT (4.674959414989258 51.77943984213496)</t>
  </si>
  <si>
    <t>POINT (4.732504340265753 51.80138928558507)</t>
  </si>
  <si>
    <t>POINT (4.666680831548177 51.800260838152994)</t>
  </si>
  <si>
    <t>POINT (4.661139270211625 51.78854963354039)</t>
  </si>
  <si>
    <t>POINT (4.7194442691693 51.801110251224465)</t>
  </si>
  <si>
    <t>POINT (4.686771159219378 51.80459809867631)</t>
  </si>
  <si>
    <t>POINT (4.677084954987612 51.8072393938696)</t>
  </si>
  <si>
    <t>POINT (4.663564444931579 51.800911433499955)</t>
  </si>
  <si>
    <t>POINT (4.666799989230949 51.801375475327)</t>
  </si>
  <si>
    <t>POINT (4.642867311120642 51.77004692923462)</t>
  </si>
  <si>
    <t>POINT (4.677124469567581 51.81823423160729)</t>
  </si>
  <si>
    <t>POINT (4.665092980305985 51.780511939247994)</t>
  </si>
  <si>
    <t>POINT (4.687176103033126 51.810882684996656)</t>
  </si>
  <si>
    <t>POINT (4.718866957101203 51.803550078319056)</t>
  </si>
  <si>
    <t>POINT (4.680599310813163 51.80698780269179)</t>
  </si>
  <si>
    <t>POINT (4.684999626506597 51.77929612117094)</t>
  </si>
  <si>
    <t>POINT (4.65344842231303 51.79049572811974)</t>
  </si>
  <si>
    <t>POINT (4.676018657387251 51.79813729014031)</t>
  </si>
  <si>
    <t>POINT (4.655662832180114 51.790420884209354)</t>
  </si>
  <si>
    <t>POINT (4.667201535197206 51.80402987274805)</t>
  </si>
  <si>
    <t>POINT (4.660693962611093 51.80530052733904)</t>
  </si>
  <si>
    <t>POINT (4.708089572489624 51.80991949563666)</t>
  </si>
  <si>
    <t>POINT (4.687281173428813 51.810856921011705)</t>
  </si>
  <si>
    <t>POINT (4.67932514775213 51.808194960226395)</t>
  </si>
  <si>
    <t>POINT (4.6593386705908895 51.80470073508255)</t>
  </si>
  <si>
    <t>POINT (4.670917041245261 51.79851874619004)</t>
  </si>
  <si>
    <t>POINT (4.662244842063024 51.81398072193265)</t>
  </si>
  <si>
    <t>POINT (4.678351272440794 51.78922253792982)</t>
  </si>
  <si>
    <t>POINT (4.7045176427368816 51.8082515099829)</t>
  </si>
  <si>
    <t>POINT (4.66790100750445 51.803303238739666)</t>
  </si>
  <si>
    <t>POINT (4.694780525382712 51.79122944332778)</t>
  </si>
  <si>
    <t>POINT (4.726971410527952 51.79904870513644)</t>
  </si>
  <si>
    <t>POINT (4.718971316268043 51.80554845271259)</t>
  </si>
  <si>
    <t>POINT (4.662488164474709 51.816234176557195)</t>
  </si>
  <si>
    <t>POINT (4.671862645063944 51.772539903986456)</t>
  </si>
  <si>
    <t>POINT (4.671567435984103 51.77872551003267)</t>
  </si>
  <si>
    <t>POINT (4.675106991203684 51.78021509714202)</t>
  </si>
  <si>
    <t>POINT (4.658899229704795 51.80319121558842)</t>
  </si>
  <si>
    <t>POINT (4.686547925943546 51.80867818738778)</t>
  </si>
  <si>
    <t>POINT (4.6785308062985616 51.788499592406865)</t>
  </si>
  <si>
    <t>POINT (4.6554614690822875 51.798742370685396)</t>
  </si>
  <si>
    <t>POINT (4.671052446688164 51.808385768155105)</t>
  </si>
  <si>
    <t>POINT (4.662726682247413 51.81341848929703)</t>
  </si>
  <si>
    <t>POINT (4.657630028021035 51.80588787603018)</t>
  </si>
  <si>
    <t>POINT (4.670733934309842 51.81016764502671)</t>
  </si>
  <si>
    <t>POINT (4.6306165798956584 51.7229735747088)</t>
  </si>
  <si>
    <t>POINT (4.729959900109391 51.79159568601027)</t>
  </si>
  <si>
    <t>POINT (4.656552804311099 51.78222306040338)</t>
  </si>
  <si>
    <t>POINT (4.6640517976104 51.81735797729931)</t>
  </si>
  <si>
    <t>POINT (4.6581463326421275 51.78132774006584)</t>
  </si>
  <si>
    <t>POINT (4.663113170026421 51.78806119015503)</t>
  </si>
  <si>
    <t>POINT (4.681478171687751 51.78883408615305)</t>
  </si>
  <si>
    <t>POINT (4.686020859824971 51.808387141176986)</t>
  </si>
  <si>
    <t>POINT (4.6840429088473226 51.798132837967366)</t>
  </si>
  <si>
    <t>POINT (4.68451551873376 51.81254355603237)</t>
  </si>
  <si>
    <t>POINT (4.65226647220922 51.801180478487346)</t>
  </si>
  <si>
    <t>POINT (4.67522672707765 51.804002447706075)</t>
  </si>
  <si>
    <t>POINT (4.683548769545512 51.80076742318961)</t>
  </si>
  <si>
    <t>POINT (4.669107279165257 51.775103977476824)</t>
  </si>
  <si>
    <t>POINT (4.726466147101484 51.799188124139334)</t>
  </si>
  <si>
    <t>POINT (4.670575714798906 51.80298149567388)</t>
  </si>
  <si>
    <t>POINT (4.694249576636892 51.79045170001306)</t>
  </si>
  <si>
    <t>POINT (4.718598516610086 51.81332698493869)</t>
  </si>
  <si>
    <t>POINT (4.683265606005837 51.80087808312988)</t>
  </si>
  <si>
    <t>POINT (4.691168420858898 51.808526297962295)</t>
  </si>
  <si>
    <t>POINT (4.6595406964796195 51.7890527500466)</t>
  </si>
  <si>
    <t>POINT (4.674834000919209 51.807582286137176)</t>
  </si>
  <si>
    <t>POINT (4.6787978147056934 51.80755686300642)</t>
  </si>
  <si>
    <t>POINT (4.670972198416077 51.81874592008926)</t>
  </si>
  <si>
    <t>POINT (4.733371613577749 51.801632913632986)</t>
  </si>
  <si>
    <t>POINT (4.660006096317697 51.79855820568846)</t>
  </si>
  <si>
    <t>POINT (4.6697024480594305 51.80826453367343)</t>
  </si>
  <si>
    <t>POINT (4.669361420555574 51.818826567910584)</t>
  </si>
  <si>
    <t>POINT (4.684993460394808 51.80327766223849)</t>
  </si>
  <si>
    <t>POINT (4.653651582190713 51.78960958798692)</t>
  </si>
  <si>
    <t>POINT (4.6599886644315935 51.772366410927425)</t>
  </si>
  <si>
    <t>POINT (4.669562691220312 51.810822027864624)</t>
  </si>
  <si>
    <t>celfunctie</t>
  </si>
  <si>
    <t>POINT (4.710434474653193 51.81880313150213)</t>
  </si>
  <si>
    <t>POINT (4.67951483120724 51.788776523951874)</t>
  </si>
  <si>
    <t>POINT (4.657438831174023 51.79259932097607)</t>
  </si>
  <si>
    <t>POINT (4.648260096727933 51.80672700744628)</t>
  </si>
  <si>
    <t>POINT (4.671672880365391 51.775907212848246)</t>
  </si>
  <si>
    <t>POINT (4.712333070312967 51.80760736931298)</t>
  </si>
  <si>
    <t>POINT (4.714394317369925 51.81613507899656)</t>
  </si>
  <si>
    <t>POINT (4.67103692294054 51.80849401395957)</t>
  </si>
  <si>
    <t>POINT (4.689452426005404 51.79020538907751)</t>
  </si>
  <si>
    <t>POINT (4.713798395788826 51.803210397613796)</t>
  </si>
  <si>
    <t>POINT (4.66334301576296 51.8051270760918)</t>
  </si>
  <si>
    <t>POINT (4.656676883091655 51.79215495005773)</t>
  </si>
  <si>
    <t>POINT (4.664647472892262 51.812375518942744)</t>
  </si>
  <si>
    <t>POINT (4.655971730147387 51.79896626954807)</t>
  </si>
  <si>
    <t>POINT (4.663065703252156 51.81630564203741)</t>
  </si>
  <si>
    <t>POINT (4.679532453834811 51.788882939523866)</t>
  </si>
  <si>
    <t>POINT (4.67254077722995 51.78357745378323)</t>
  </si>
  <si>
    <t>POINT (4.7290010449591025 51.804761557187064)</t>
  </si>
  <si>
    <t>POINT (4.6541977119331595 51.79103840473036)</t>
  </si>
  <si>
    <t>POINT (4.643051242433004 51.77958208189184)</t>
  </si>
  <si>
    <t>POINT (4.681898971729938 51.7805837460308)</t>
  </si>
  <si>
    <t>POINT (4.675769968369327 51.77402537064767)</t>
  </si>
  <si>
    <t>POINT (4.666993480017843 51.79623239857875)</t>
  </si>
  <si>
    <t>POINT (4.664109630842491 51.79967631453983)</t>
  </si>
  <si>
    <t>POINT (4.6669416174738005 51.81555622486094)</t>
  </si>
  <si>
    <t>POINT (4.682423916323992 51.80216599753887)</t>
  </si>
  <si>
    <t>POINT (4.684795584956135 51.776022914078126)</t>
  </si>
  <si>
    <t>POINT (4.667779384072853 51.8142769178501)</t>
  </si>
  <si>
    <t>POINT (4.659024953430581 51.78133885182821)</t>
  </si>
  <si>
    <t>POINT (4.6749727649386745 51.780190704797235)</t>
  </si>
  <si>
    <t>POINT (4.661274111897256 51.812709986691544)</t>
  </si>
  <si>
    <t>POINT (4.67205137578584 51.80600119522961)</t>
  </si>
  <si>
    <t>POINT (4.720080513921833 51.80293565317383)</t>
  </si>
  <si>
    <t>POINT (4.665084094949762 51.803732961825524)</t>
  </si>
  <si>
    <t>POINT (4.654055263665248 51.79205914450136)</t>
  </si>
  <si>
    <t>POINT (4.71801062204077 51.80309477662771)</t>
  </si>
  <si>
    <t>POINT (4.696303888901671 51.7971675870109)</t>
  </si>
  <si>
    <t>POINT (4.668301071083036 51.81527059481474)</t>
  </si>
  <si>
    <t>POINT (4.6627518835379895 51.79318602665094)</t>
  </si>
  <si>
    <t>POINT (4.6588891472108855 51.78340331900312)</t>
  </si>
  <si>
    <t>POINT (4.668134543514509 51.80369046458278)</t>
  </si>
  <si>
    <t>POINT (4.659751235045815 51.8034999143124)</t>
  </si>
  <si>
    <t>POINT (4.685502131306743 51.776019556865094)</t>
  </si>
  <si>
    <t>POINT (4.663597091231835 51.793684246192896)</t>
  </si>
  <si>
    <t>POINT (4.668397986520887 51.81806336673042)</t>
  </si>
  <si>
    <t>POINT (4.658323134859629 51.8107262379396)</t>
  </si>
  <si>
    <t>POINT (4.679497404754116 51.775668154266405)</t>
  </si>
  <si>
    <t>POINT (4.666767969431451 51.774182480887774)</t>
  </si>
  <si>
    <t>POINT (4.665750622186004 51.77325198010303)</t>
  </si>
  <si>
    <t>POINT (4.693339180374076 51.81801429292427)</t>
  </si>
  <si>
    <t>POINT (4.730709038963089 51.7952409563963)</t>
  </si>
  <si>
    <t>POINT (4.676601471080431 51.789398242302816)</t>
  </si>
  <si>
    <t>POINT (4.688838857381185 51.80889469999539)</t>
  </si>
  <si>
    <t>POINT (4.692267242471478 51.78954871923896)</t>
  </si>
  <si>
    <t>POINT (4.677167877295457 51.773953042501034)</t>
  </si>
  <si>
    <t>POINT (4.668400771028823 51.780840245928)</t>
  </si>
  <si>
    <t>POINT (4.682522632430547 51.7853212023089)</t>
  </si>
  <si>
    <t>POINT (4.707559664579162 51.80726899211985)</t>
  </si>
  <si>
    <t>POINT (4.691537543682625 51.806936208173724)</t>
  </si>
  <si>
    <t>POINT (4.653870744795497 51.81119328098873)</t>
  </si>
  <si>
    <t>POINT (4.667540940962713 51.79874403489676)</t>
  </si>
  <si>
    <t>POINT (4.6659376226031215 51.810375168684445)</t>
  </si>
  <si>
    <t>POINT (4.686536796079855 51.81128781781838)</t>
  </si>
  <si>
    <t>POINT (4.655387753093844 51.801277893136614)</t>
  </si>
  <si>
    <t>POINT (4.6659668943752255 51.79896992710573)</t>
  </si>
  <si>
    <t>POINT (4.672259771521732 51.818307420420076)</t>
  </si>
  <si>
    <t>POINT (4.665496338748682 51.789374582210776)</t>
  </si>
  <si>
    <t>POINT (4.711928547149984 51.80661558089803)</t>
  </si>
  <si>
    <t>POINT (4.674032551009561 51.80384292734689)</t>
  </si>
  <si>
    <t>POINT (4.715269230669124 51.814976656448856)</t>
  </si>
  <si>
    <t>POINT (4.684598919903063 51.80982154168066)</t>
  </si>
  <si>
    <t>POINT (4.66526454794438 51.772481289363824)</t>
  </si>
  <si>
    <t>POINT (4.726011843366949 51.797166373655045)</t>
  </si>
  <si>
    <t>POINT (4.659151925647388 51.81406885454945)</t>
  </si>
  <si>
    <t>POINT (4.671521839422161 51.80026579298419)</t>
  </si>
  <si>
    <t>POINT (4.727873904351157 51.8011771039646)</t>
  </si>
  <si>
    <t>POINT (4.663939447198348 51.81121048488752)</t>
  </si>
  <si>
    <t>POINT (4.729342666282518 51.79809881958056)</t>
  </si>
  <si>
    <t>POINT (4.721236589482918 51.81123548963963)</t>
  </si>
  <si>
    <t>POINT (4.664185690810366 51.81486957703158)</t>
  </si>
  <si>
    <t>POINT (4.672507289719243 51.81659232607541)</t>
  </si>
  <si>
    <t>POINT (4.649968868595584 51.79323406815755)</t>
  </si>
  <si>
    <t>POINT (4.672538741210671 51.78353672255218)</t>
  </si>
  <si>
    <t>POINT (4.665074346352915 51.818077785537234)</t>
  </si>
  <si>
    <t>POINT (4.660656259718342 51.807322937891065)</t>
  </si>
  <si>
    <t>POINT (4.685809874692905 51.78652918165364)</t>
  </si>
  <si>
    <t>POINT (4.682893566504726 51.81294878556493)</t>
  </si>
  <si>
    <t>POINT (4.652495050248914 51.80094826669198)</t>
  </si>
  <si>
    <t>POINT (4.702805761722094 51.79591838295867)</t>
  </si>
  <si>
    <t>POINT (4.6581643765926115 51.79799591258052)</t>
  </si>
  <si>
    <t>POINT (4.698286777459708 51.792682403916324)</t>
  </si>
  <si>
    <t>POINT (4.68629413301773 51.78222696051512)</t>
  </si>
  <si>
    <t>POINT (4.717283575608514 51.7954310391003)</t>
  </si>
  <si>
    <t>POINT (4.668359905354735 51.777980839288)</t>
  </si>
  <si>
    <t>POINT (4.734337788505668 51.802006809537225)</t>
  </si>
  <si>
    <t>POINT (4.646384661651769 51.79950642888764)</t>
  </si>
  <si>
    <t>POINT (4.65961662343925 51.791117729396056)</t>
  </si>
  <si>
    <t>POINT (4.665352850858024 51.81453876074461)</t>
  </si>
  <si>
    <t>POINT (4.7333343654199185 51.79584180252184)</t>
  </si>
  <si>
    <t>POINT (4.679004888231131 51.78110174682567)</t>
  </si>
  <si>
    <t>POINT (4.667522399811849 51.77424405625904)</t>
  </si>
  <si>
    <t>POINT (4.655091097267674 51.800734401360884)</t>
  </si>
  <si>
    <t>POINT (4.693276818995174 51.795415115148415)</t>
  </si>
  <si>
    <t>POINT (4.66702985446447 51.787174996829286)</t>
  </si>
  <si>
    <t>POINT (4.672666052196042 51.80507772152314)</t>
  </si>
  <si>
    <t>POINT (4.6700926409585595 51.79895146846272)</t>
  </si>
  <si>
    <t>POINT (4.689267445522489 51.81036227600613)</t>
  </si>
  <si>
    <t>POINT (4.667600032604163 51.80818026252917)</t>
  </si>
  <si>
    <t>POINT (4.677587230851846 51.78134794558636)</t>
  </si>
  <si>
    <t>POINT (4.677354654234916 51.77245815517124)</t>
  </si>
  <si>
    <t>POINT (4.712898203802036 51.80975407720817)</t>
  </si>
  <si>
    <t>POINT (4.646925692477364 51.78066356596589)</t>
  </si>
  <si>
    <t>POINT (4.680051780658992 51.78131111773009)</t>
  </si>
  <si>
    <t>POINT (4.699040402387653 51.80066465632291)</t>
  </si>
  <si>
    <t>POINT (4.683946818918334 51.8079699519577)</t>
  </si>
  <si>
    <t>POINT (4.655608257553877 51.79195300207501)</t>
  </si>
  <si>
    <t>POINT (4.664139823668834 51.8122913322295)</t>
  </si>
  <si>
    <t>POINT (4.659289804212975 51.79646280341369)</t>
  </si>
  <si>
    <t>POINT (4.662157205070454 51.79042228152411)</t>
  </si>
  <si>
    <t>POINT (4.674430683751054 51.78200269872647)</t>
  </si>
  <si>
    <t>POINT (4.67768968168163 51.78036120139801)</t>
  </si>
  <si>
    <t>POINT (4.679210521423036 51.816073267748905)</t>
  </si>
  <si>
    <t>POINT (4.7013263965405345 51.79036099305273)</t>
  </si>
  <si>
    <t>POINT (4.681527727602139 51.80348124530674)</t>
  </si>
  <si>
    <t>POINT (4.653333218524862 51.803983791832486)</t>
  </si>
  <si>
    <t>POINT (4.7108528883313765 51.807189684005095)</t>
  </si>
  <si>
    <t>POINT (4.684977940464686 51.80276779475021)</t>
  </si>
  <si>
    <t>POINT (4.6652577674724505 51.81034597256234)</t>
  </si>
  <si>
    <t>POINT (4.663802541601792 51.81721247854165)</t>
  </si>
  <si>
    <t>POINT (4.674069093555139 51.780694055653605)</t>
  </si>
  <si>
    <t>POINT (4.65922832649166 51.7699497666042)</t>
  </si>
  <si>
    <t>POINT (4.712949853441072 51.795290996754815)</t>
  </si>
  <si>
    <t>POINT (4.651356429661845 51.803669570888445)</t>
  </si>
  <si>
    <t>POINT (4.700870952857458 51.79614753628449)</t>
  </si>
  <si>
    <t>POINT (4.684235871126939 51.803813075504486)</t>
  </si>
  <si>
    <t>POINT (4.676538498480166 51.783833560823595)</t>
  </si>
  <si>
    <t>POINT (4.671881818846851 51.81648402213439)</t>
  </si>
  <si>
    <t>POINT (4.670404390664265 51.81028113703518)</t>
  </si>
  <si>
    <t>POINT (4.687361284202455 51.80944395843551)</t>
  </si>
  <si>
    <t>POINT (4.695185642957266 51.79441217081847)</t>
  </si>
  <si>
    <t>POINT (4.726118656270828 51.79709613602643)</t>
  </si>
  <si>
    <t>POINT (4.666197625148604 51.80964085414337)</t>
  </si>
  <si>
    <t>POINT (4.6630822202256725 51.8038661155624)</t>
  </si>
  <si>
    <t>POINT (4.6538196879739315 51.81129919924949)</t>
  </si>
  <si>
    <t>POINT (4.672590088650973 51.81101219534857)</t>
  </si>
  <si>
    <t>POINT (4.655979981718242 51.79961353443402)</t>
  </si>
  <si>
    <t>POINT (4.727790719007997 51.797921246921156)</t>
  </si>
  <si>
    <t>POINT (4.656617123324965 51.81085728180109)</t>
  </si>
  <si>
    <t>POINT (4.667947918262746 51.7941962558696)</t>
  </si>
  <si>
    <t>POINT (4.6843889321777885 51.78261757095477)</t>
  </si>
  <si>
    <t>POINT (4.655642832994903 51.806209056024635)</t>
  </si>
  <si>
    <t>POINT (4.658591363350947 51.802804264488984)</t>
  </si>
  <si>
    <t>POINT (4.7302103587882804 51.79863661805792)</t>
  </si>
  <si>
    <t>POINT (4.683112558769781 51.80265498106177)</t>
  </si>
  <si>
    <t>POINT (4.666813010065901 51.77758817755146)</t>
  </si>
  <si>
    <t>POINT (4.656822371384141 51.79193478764909)</t>
  </si>
  <si>
    <t>POINT (4.660000641700186 51.80388323708149)</t>
  </si>
  <si>
    <t>POINT (4.664045830417588 51.81050613119962)</t>
  </si>
  <si>
    <t>POINT (4.656195305137208 51.802449723190435)</t>
  </si>
  <si>
    <t>POINT (4.703510248937888 51.79723333432033)</t>
  </si>
  <si>
    <t>POINT (4.678963019479451 51.79988283328774)</t>
  </si>
  <si>
    <t>POINT (4.67388436944187 51.77502263066397)</t>
  </si>
  <si>
    <t>POINT (4.656993275760496 51.80088122940344)</t>
  </si>
  <si>
    <t>POINT (4.7041463873146085 51.81547085627847)</t>
  </si>
  <si>
    <t>POINT (4.667395257572485 51.80939378195725)</t>
  </si>
  <si>
    <t>POINT (4.680624581493744 51.80275712955431)</t>
  </si>
  <si>
    <t>POINT (4.663742393582076 51.792818577619514)</t>
  </si>
  <si>
    <t>POINT (4.6651847506112265 51.8006745141851)</t>
  </si>
  <si>
    <t>POINT (4.71878944873325 51.815073152904304)</t>
  </si>
  <si>
    <t>POINT (4.669332060246862 51.80988586659421)</t>
  </si>
  <si>
    <t>POINT (4.6926150603045125 51.760592402932275)</t>
  </si>
  <si>
    <t>POINT (4.732636382997719 51.797657598014595)</t>
  </si>
  <si>
    <t>POINT (4.7221061045732196 51.79508481847756)</t>
  </si>
  <si>
    <t>POINT (4.664940255405214 51.81392856955115)</t>
  </si>
  <si>
    <t>POINT (4.664698437404853 51.7957505875828)</t>
  </si>
  <si>
    <t>POINT (4.6699651157372495 51.770722948788254)</t>
  </si>
  <si>
    <t>POINT (4.721993474341634 51.797799534225845)</t>
  </si>
  <si>
    <t>POINT (4.709179396464197 51.794048355411206)</t>
  </si>
  <si>
    <t>POINT (4.671836044718494 51.81790990331587)</t>
  </si>
  <si>
    <t>POINT (4.6683047340225645 51.79859239504852)</t>
  </si>
  <si>
    <t>POINT (4.730252277122955 51.80520633354238)</t>
  </si>
  <si>
    <t>POINT (4.661507649801302 51.79641720841514)</t>
  </si>
  <si>
    <t>POINT (4.670616936579451 51.77315513634011)</t>
  </si>
  <si>
    <t>POINT (4.682639844699021 51.81450098001734)</t>
  </si>
  <si>
    <t>POINT (4.681305471462885 51.80028935050033)</t>
  </si>
  <si>
    <t>POINT (4.630113773776013 51.72332748836246)</t>
  </si>
  <si>
    <t>POINT (4.7314064753505125 51.79357016450199)</t>
  </si>
  <si>
    <t>POINT (4.7223830961399145 51.80091848390261)</t>
  </si>
  <si>
    <t>POINT (4.697484748140594 51.795687593173625)</t>
  </si>
  <si>
    <t>POINT (4.730865867568653 51.80402055286363)</t>
  </si>
  <si>
    <t>POINT (4.723014159760704 51.79881909230816)</t>
  </si>
  <si>
    <t>POINT (4.650453670347885 51.794010178916025)</t>
  </si>
  <si>
    <t>POINT (4.700770096521389 51.80473243144751)</t>
  </si>
  <si>
    <t>POINT (4.6634780967682765 51.809572670951404)</t>
  </si>
  <si>
    <t>POINT (4.698215672825026 51.792600126507494)</t>
  </si>
  <si>
    <t>POINT (4.720361571621261 51.801021581685966)</t>
  </si>
  <si>
    <t>POINT (4.695491093922258 51.79969051946131)</t>
  </si>
  <si>
    <t>POINT (4.696122528824318 51.80011710319902)</t>
  </si>
  <si>
    <t>POINT (4.69050687609111 51.818754601054565)</t>
  </si>
  <si>
    <t>POINT (4.672263778659914 51.80421714868916)</t>
  </si>
  <si>
    <t>POINT (4.651450682553884 51.79391263424929)</t>
  </si>
  <si>
    <t>POINT (4.666066581409645 51.81040781712946)</t>
  </si>
  <si>
    <t>POINT (4.661275583792723 51.790383031797965)</t>
  </si>
  <si>
    <t>POINT (4.688909848752911 51.80896704975022)</t>
  </si>
  <si>
    <t>POINT (4.653233810123793 51.80851026406222)</t>
  </si>
  <si>
    <t>POINT (4.681455062623042 51.78772901227555)</t>
  </si>
  <si>
    <t>POINT (4.661525224507953 51.794366050707765)</t>
  </si>
  <si>
    <t>POINT (4.66831957751722 51.776544402469476)</t>
  </si>
  <si>
    <t>POINT (4.7160586065657615 51.815907002705586)</t>
  </si>
  <si>
    <t>POINT (4.718862888182627 51.802311123148186)</t>
  </si>
  <si>
    <t>POINT (4.656635669626672 51.79018061109023)</t>
  </si>
  <si>
    <t>POINT (4.665493871161166 51.81006177356149)</t>
  </si>
  <si>
    <t>POINT (4.686459747630172 51.808729516467324)</t>
  </si>
  <si>
    <t>POINT (4.682439236724869 51.77458522869484)</t>
  </si>
  <si>
    <t>POINT (4.68470061363568 51.77944335428217)</t>
  </si>
  <si>
    <t>POINT (4.66473226627894 51.79574733525922)</t>
  </si>
  <si>
    <t>POINT (4.677785731593245 51.782204852646366)</t>
  </si>
  <si>
    <t>POINT (4.67824626176838 51.775130597020585)</t>
  </si>
  <si>
    <t>POINT (4.668039259632887 51.79189568231444)</t>
  </si>
  <si>
    <t>POINT (4.661673849932868 51.81621863738855)</t>
  </si>
  <si>
    <t>POINT (4.664262365435119 51.81244316895116)</t>
  </si>
  <si>
    <t>POINT (4.66540627555925 51.79474020151701)</t>
  </si>
  <si>
    <t>POINT (4.684861282303981 51.78772710050302)</t>
  </si>
  <si>
    <t>POINT (4.683921435522171 51.781351497670975)</t>
  </si>
  <si>
    <t>POINT (4.679299533875288 51.78521542338147)</t>
  </si>
  <si>
    <t>POINT (4.675145299137478 51.780730804932645)</t>
  </si>
  <si>
    <t>POINT (4.695106205241308 51.79547979028297)</t>
  </si>
  <si>
    <t>POINT (4.6743705636169866 51.78079308302702)</t>
  </si>
  <si>
    <t>POINT (4.659718703527615 51.80356976150928)</t>
  </si>
  <si>
    <t>POINT (4.682081275644201 51.78193875570934)</t>
  </si>
  <si>
    <t>POINT (4.707657838991164 51.80218603716994)</t>
  </si>
  <si>
    <t>POINT (4.693016035110809 51.81009651428446)</t>
  </si>
  <si>
    <t>POINT (4.682741244659471 51.77452951538131)</t>
  </si>
  <si>
    <t>POINT (4.6817525511231795 51.78910637694827)</t>
  </si>
  <si>
    <t>POINT (4.670763726644162 51.78005517515798)</t>
  </si>
  <si>
    <t>POINT (4.667252534269441 51.80812997863655)</t>
  </si>
  <si>
    <t>POINT (4.679976881160136 51.803119533950664)</t>
  </si>
  <si>
    <t>POINT (4.670150188964818 51.78984081675379)</t>
  </si>
  <si>
    <t>POINT (4.644877866203496 51.76955754394748)</t>
  </si>
  <si>
    <t>POINT (4.6601447981993305 51.78966930087635)</t>
  </si>
  <si>
    <t>POINT (4.691949148295607 51.80716336421508)</t>
  </si>
  <si>
    <t>POINT (4.727345018087136 51.79742295447204)</t>
  </si>
  <si>
    <t>POINT (4.676819362414814 51.786602783372096)</t>
  </si>
  <si>
    <t>POINT (4.666033996770774 51.81850195625445)</t>
  </si>
  <si>
    <t>POINT (4.669852660845033 51.77176566238927)</t>
  </si>
  <si>
    <t>POINT (4.7056697283845415 51.80714267926704)</t>
  </si>
  <si>
    <t>POINT (4.72702474033057 51.79743563347891)</t>
  </si>
  <si>
    <t>POINT (4.659039844348325 51.8072316876056)</t>
  </si>
  <si>
    <t>POINT (4.670772137232507 51.7770516401111)</t>
  </si>
  <si>
    <t>POINT (4.6599873005837065 51.78258513914652)</t>
  </si>
  <si>
    <t>POINT (4.68044712838709 51.780952316617615)</t>
  </si>
  <si>
    <t>POINT (4.669942307537535 51.79977979206366)</t>
  </si>
  <si>
    <t>POINT (4.66755293042734 51.79056720835838)</t>
  </si>
  <si>
    <t>POINT (4.702766052516873 51.795764786694704)</t>
  </si>
  <si>
    <t>POINT (4.699352196248699 51.796210029888165)</t>
  </si>
  <si>
    <t>POINT (4.663862689420238 51.81267760275706)</t>
  </si>
  <si>
    <t>POINT (4.675694808374515 51.783360332728435)</t>
  </si>
  <si>
    <t>POINT (4.62995900248951 51.7213063544252)</t>
  </si>
  <si>
    <t>POINT (4.662926140664202 51.79147212106804)</t>
  </si>
  <si>
    <t>3312AW</t>
  </si>
  <si>
    <t>Wantijplantsoen</t>
  </si>
  <si>
    <t>POINT (4.69091778595245 51.81526708708069)</t>
  </si>
  <si>
    <t>POINT (4.680844855671134 51.78540160051773)</t>
  </si>
  <si>
    <t>POINT (4.673633093106294 51.81403720805186)</t>
  </si>
  <si>
    <t>POINT (4.655428592816466 51.791944708519495)</t>
  </si>
  <si>
    <t>POINT (4.6767509563306815 51.77649931087144)</t>
  </si>
  <si>
    <t>POINT (4.710933935374726 51.79562524164792)</t>
  </si>
  <si>
    <t>POINT (4.704013130112343 51.79821353807434)</t>
  </si>
  <si>
    <t>POINT (4.6740545642496425 51.81629867653169)</t>
  </si>
  <si>
    <t>POINT (4.714162365793562 51.809726773116374)</t>
  </si>
  <si>
    <t>POINT (4.686521384872281 51.78082129102403)</t>
  </si>
  <si>
    <t>POINT (4.670323838573261 51.80974838940149)</t>
  </si>
  <si>
    <t>POINT (4.6706975779978945 51.808585442654135)</t>
  </si>
  <si>
    <t>POINT (4.682604804345543 51.78594792915705)</t>
  </si>
  <si>
    <t>POINT (4.678597806089937 51.817586910171094)</t>
  </si>
  <si>
    <t>POINT (4.68051736376149 51.81142745156741)</t>
  </si>
  <si>
    <t>POINT (4.655475749074495 51.79198383388301)</t>
  </si>
  <si>
    <t>POINT (4.65668865203389 51.783836293673346)</t>
  </si>
  <si>
    <t>POINT (4.674286375082174 51.78244372435364)</t>
  </si>
  <si>
    <t>POINT (4.663970067856359 51.812755863850114)</t>
  </si>
  <si>
    <t>POINT (4.6690251693784655 51.808890254307265)</t>
  </si>
  <si>
    <t>POINT (4.679716323060008 51.81151200828029)</t>
  </si>
  <si>
    <t>POINT (4.67935150326001 51.785113975968855)</t>
  </si>
  <si>
    <t>POINT (4.677625168907608 51.78893556162165)</t>
  </si>
  <si>
    <t>POINT (4.672944465670241 51.78191487207289)</t>
  </si>
  <si>
    <t>POINT (4.658080192776806 51.81055507622248)</t>
  </si>
  <si>
    <t>POINT (4.694222773667865 51.789669562591676)</t>
  </si>
  <si>
    <t>POINT (4.654360652384347 51.78915727627844)</t>
  </si>
  <si>
    <t>POINT (4.71556223221862 51.81720257122587)</t>
  </si>
  <si>
    <t>POINT (4.663338695984366 51.789969176361964)</t>
  </si>
  <si>
    <t>POINT (4.660154442036356 51.7985900551648)</t>
  </si>
  <si>
    <t>POINT (4.696801925217274 51.7922986136861)</t>
  </si>
  <si>
    <t>POINT (4.685467723399253 51.784989925495125)</t>
  </si>
  <si>
    <t>POINT (4.669421648459623 51.81712915625709)</t>
  </si>
  <si>
    <t>POINT (4.673669443461117 51.78037786539986)</t>
  </si>
  <si>
    <t>POINT (4.661790781762836 51.80290015969548)</t>
  </si>
  <si>
    <t>POINT (4.677024170454906 51.79120121919556)</t>
  </si>
  <si>
    <t>POINT (4.699970558200995 51.79498570264024)</t>
  </si>
  <si>
    <t>POINT (4.683918091512754 51.80374547304073)</t>
  </si>
  <si>
    <t>POINT (4.662485939568814 51.81670546615264)</t>
  </si>
  <si>
    <t>POINT (4.664222541143579 51.817031850465796)</t>
  </si>
  <si>
    <t>POINT (4.672960619835237 51.81149511152492)</t>
  </si>
  <si>
    <t>POINT (4.782091181481395 51.810344724108006)</t>
  </si>
  <si>
    <t>POINT (4.6723721904551345 51.81644978791217)</t>
  </si>
  <si>
    <t>POINT (4.681284906627177 51.78839400555011)</t>
  </si>
  <si>
    <t>POINT (4.653907467470597 51.79185595679648)</t>
  </si>
  <si>
    <t>POINT (4.66856204297227 51.801578935461485)</t>
  </si>
  <si>
    <t>POINT (4.7193265645506415 51.80056747596805)</t>
  </si>
  <si>
    <t>POINT (4.718953590531981 51.796712097847006)</t>
  </si>
  <si>
    <t>POINT (4.705393794637286 51.816165408428745)</t>
  </si>
  <si>
    <t>POINT (4.710285648722187 51.81446847333684)</t>
  </si>
  <si>
    <t>POINT (4.7329656607041635 51.804615353867476)</t>
  </si>
  <si>
    <t>POINT (4.692561204625363 51.795556523807086)</t>
  </si>
  <si>
    <t>POINT (4.653262703130799 51.79284680428084)</t>
  </si>
  <si>
    <t>POINT (4.65843107671842 51.8097773973083)</t>
  </si>
  <si>
    <t>POINT (4.6619705965625755 51.7943500722712)</t>
  </si>
  <si>
    <t>POINT (4.66259335647417 51.80613541137489)</t>
  </si>
  <si>
    <t>POINT (4.659753883629222 51.78990464673386)</t>
  </si>
  <si>
    <t>POINT (4.653340063159423 51.80073162397225)</t>
  </si>
  <si>
    <t>POINT (4.72359717908333 51.80634858144058)</t>
  </si>
  <si>
    <t>POINT (4.659918765342778 51.79663589836103)</t>
  </si>
  <si>
    <t>POINT (4.668168796463133 51.77199182587407)</t>
  </si>
  <si>
    <t>POINT (4.697715005048343 51.81779215680631)</t>
  </si>
  <si>
    <t>POINT (4.6538743665334215 51.794134747324726)</t>
  </si>
  <si>
    <t>POINT (4.6554743162021355 51.79016779087646)</t>
  </si>
  <si>
    <t>POINT (4.731074570823241 51.80227927298805)</t>
  </si>
  <si>
    <t>POINT (4.682431687759038 51.78529989205644)</t>
  </si>
  <si>
    <t>POINT (4.717800702195643 51.80316263001677)</t>
  </si>
  <si>
    <t>POINT (4.667325038462659 51.77070270995581)</t>
  </si>
  <si>
    <t>POINT (4.733911276716552 51.79227955414899)</t>
  </si>
  <si>
    <t>POINT (4.686530044485149 51.78098597069166)</t>
  </si>
  <si>
    <t>POINT (4.677233748911998 51.80990225393573)</t>
  </si>
  <si>
    <t>POINT (4.708358157211559 51.8043225771302)</t>
  </si>
  <si>
    <t>POINT (4.669521665321994 51.79734831385237)</t>
  </si>
  <si>
    <t>POINT (4.680675368176076 51.809705499919495)</t>
  </si>
  <si>
    <t>POINT (4.7181915303617235 51.805808428361914)</t>
  </si>
  <si>
    <t>POINT (4.6760758871442265 51.81400836892982)</t>
  </si>
  <si>
    <t>POINT (4.683972742282127 51.78132881219924)</t>
  </si>
  <si>
    <t>POINT (4.675761418223528 51.784863054152574)</t>
  </si>
  <si>
    <t>POINT (4.680839304913848 51.807225469925385)</t>
  </si>
  <si>
    <t>POINT (4.66951882056422 51.8064001110347)</t>
  </si>
  <si>
    <t>POINT (4.628961658141743 51.72676651561329)</t>
  </si>
  <si>
    <t>POINT (4.66616468238453 51.81515293205359)</t>
  </si>
  <si>
    <t>POINT (4.657692754754943 51.80977226137831)</t>
  </si>
  <si>
    <t>POINT (4.65002352651018 51.79389434490964)</t>
  </si>
  <si>
    <t>POINT (4.681480511393023 51.77826624326023)</t>
  </si>
  <si>
    <t>POINT (4.698031370277321 51.79570332660307)</t>
  </si>
  <si>
    <t>POINT (4.686423357777425 51.815486786601845)</t>
  </si>
  <si>
    <t>POINT (4.672562805321431 51.78358298121209)</t>
  </si>
  <si>
    <t>POINT (4.66041469607349 51.81542688960482)</t>
  </si>
  <si>
    <t>POINT (4.717552429520821 51.80234699477691)</t>
  </si>
  <si>
    <t>POINT (4.6660533973090965 51.80004461656215)</t>
  </si>
  <si>
    <t>POINT (4.691969702831218 51.78805772944207)</t>
  </si>
  <si>
    <t>POINT (4.667304206519733 51.77944543910465)</t>
  </si>
  <si>
    <t>POINT (4.668490956742008 51.77503192401184)</t>
  </si>
  <si>
    <t>POINT (4.667007916750439 51.802389120888385)</t>
  </si>
  <si>
    <t>POINT (4.675875603176966 51.77501423012755)</t>
  </si>
  <si>
    <t>POINT (4.701008945473375 51.79904349371199)</t>
  </si>
  <si>
    <t>POINT (4.657802325037215 51.79880352624306)</t>
  </si>
  <si>
    <t>POINT (4.682265076843112 51.80384075711362)</t>
  </si>
  <si>
    <t>POINT (4.678596126565785 51.81736159919335)</t>
  </si>
  <si>
    <t>POINT (4.671823950801859 51.778720324327224)</t>
  </si>
  <si>
    <t>POINT (4.671665077621479 51.77292988764683)</t>
  </si>
  <si>
    <t>POINT (4.630520587594375 51.724007988104255)</t>
  </si>
  <si>
    <t>POINT (4.698866067032163 51.79113431429919)</t>
  </si>
  <si>
    <t>POINT (4.665736831485401 51.809888096133704)</t>
  </si>
  <si>
    <t>POINT (4.693683497624302 51.79290052904279)</t>
  </si>
  <si>
    <t>POINT (4.657322781400441 51.80717947409603)</t>
  </si>
  <si>
    <t>POINT (4.667491348079328 51.77340264759603)</t>
  </si>
  <si>
    <t>POINT (4.678367503724588 51.77548453208386)</t>
  </si>
  <si>
    <t>POINT (4.679188248120992 51.78929740757847)</t>
  </si>
  <si>
    <t>POINT (4.677682411969214 51.780227234746285)</t>
  </si>
  <si>
    <t>POINT (4.722342078800954 51.801838203302076)</t>
  </si>
  <si>
    <t>POINT (4.685514110000219 51.78974134516348)</t>
  </si>
  <si>
    <t>POINT (4.717132215460565 51.7955084209725)</t>
  </si>
  <si>
    <t>POINT (4.711829841299839 51.80350137179416)</t>
  </si>
  <si>
    <t>POINT (4.652303616360907 51.78539747004469)</t>
  </si>
  <si>
    <t>POINT (4.670882184888197 51.817668168679056)</t>
  </si>
  <si>
    <t>POINT (4.681286194780338 51.80024175632228)</t>
  </si>
  <si>
    <t>POINT (4.682104966794067 51.776536321023364)</t>
  </si>
  <si>
    <t>POINT (4.734325673985855 51.803084038905716)</t>
  </si>
  <si>
    <t>POINT (4.667532937162657 51.77971162323504)</t>
  </si>
  <si>
    <t>POINT (4.710774219263303 51.79438172851227)</t>
  </si>
  <si>
    <t>POINT (4.7021640564927445 51.79824678297037)</t>
  </si>
  <si>
    <t>POINT (4.6752345377823 51.817638230873335)</t>
  </si>
  <si>
    <t>POINT (4.670972068290341 51.810176055952496)</t>
  </si>
  <si>
    <t>POINT (4.716772706492255 51.8159709125665)</t>
  </si>
  <si>
    <t>POINT (4.676328420213742 51.818408970130626)</t>
  </si>
  <si>
    <t>POINT (4.69178594591793 51.81879467185258)</t>
  </si>
  <si>
    <t>POINT (4.67381672754879 51.774977931869266)</t>
  </si>
  <si>
    <t>POINT (4.673334126886336 51.79599155749202)</t>
  </si>
  <si>
    <t>POINT (4.723204942688922 51.793180288993405)</t>
  </si>
  <si>
    <t>POINT (4.673117807833293 51.785838822002674)</t>
  </si>
  <si>
    <t>POINT (4.70577663000804 51.794374075028294)</t>
  </si>
  <si>
    <t>POINT (4.667470169718343 51.78794207160709)</t>
  </si>
  <si>
    <t>POINT (4.6725159894474295 51.811462121634186)</t>
  </si>
  <si>
    <t>POINT (4.659195174369619 51.78317675257618)</t>
  </si>
  <si>
    <t>POINT (4.672435433714006 51.806527925913244)</t>
  </si>
  <si>
    <t>POINT (4.719660412186572 51.79448906599534)</t>
  </si>
  <si>
    <t>POINT (4.721643352386435 51.79522172509004)</t>
  </si>
  <si>
    <t>POINT (4.688071860447516 51.80722242986945)</t>
  </si>
  <si>
    <t>POINT (4.682588259074196 51.787515996936655)</t>
  </si>
  <si>
    <t>POINT (4.62970870052048 51.72468312313885)</t>
  </si>
  <si>
    <t>POINT (4.6910115081481365 51.78373959897672)</t>
  </si>
  <si>
    <t>POINT (4.6722409843630395 51.81119590078586)</t>
  </si>
  <si>
    <t>POINT (4.683840381054646 51.780316772213844)</t>
  </si>
  <si>
    <t>POINT (4.704432991893554 51.81510786372895)</t>
  </si>
  <si>
    <t>POINT (4.68218472036405 51.80652120895153)</t>
  </si>
  <si>
    <t>POINT (4.667694954915166 51.78913277272874)</t>
  </si>
  <si>
    <t>POINT (4.680510936057084 51.77761712894003)</t>
  </si>
  <si>
    <t>POINT (4.661117108034859 51.80521916517338)</t>
  </si>
  <si>
    <t>POINT (4.664178078665558 51.81143953984164)</t>
  </si>
  <si>
    <t>POINT (4.717263953259844 51.81449012580699)</t>
  </si>
  <si>
    <t>POINT (4.65565355865752 51.799824891376346)</t>
  </si>
  <si>
    <t>POINT (4.665771384659608 51.77478585290418)</t>
  </si>
  <si>
    <t>POINT (4.666205372355882 51.78886514788024)</t>
  </si>
  <si>
    <t>POINT (4.6700678656311 51.81930037382308)</t>
  </si>
  <si>
    <t>POINT (4.729402474059404 51.80320378546548)</t>
  </si>
  <si>
    <t>POINT (4.672285570367188 51.77267584839521)</t>
  </si>
  <si>
    <t>POINT (4.658946070453606 51.81386109822477)</t>
  </si>
  <si>
    <t>POINT (4.690447940056444 51.81822676112728)</t>
  </si>
  <si>
    <t>POINT (4.6527771119183985 51.803346752879804)</t>
  </si>
  <si>
    <t>POINT (4.658986014391414 51.80364858665046)</t>
  </si>
  <si>
    <t>POINT (4.6629969837144385 51.810584830771354)</t>
  </si>
  <si>
    <t>POINT (4.655985999462567 51.78347977360719)</t>
  </si>
  <si>
    <t>POINT (4.710509991350544 51.804006749908126)</t>
  </si>
  <si>
    <t>POINT (4.684906148117869 51.80900064814219)</t>
  </si>
  <si>
    <t>POINT (4.6654708835853675 51.773337737173954)</t>
  </si>
  <si>
    <t>POINT (4.65206382215796 51.79318996540047)</t>
  </si>
  <si>
    <t>POINT (4.672526390041457 51.782239424494236)</t>
  </si>
  <si>
    <t>POINT (4.667847956882397 51.8162152244892)</t>
  </si>
  <si>
    <t>POINT (4.667515343844822 51.79563547078252)</t>
  </si>
  <si>
    <t>POINT (4.65038809622846 51.792700821824916)</t>
  </si>
  <si>
    <t>POINT (4.68614506496877 51.78927159349777)</t>
  </si>
  <si>
    <t>POINT (4.6984666396133274 51.7913064761201)</t>
  </si>
  <si>
    <t>POINT (4.711441489550155 51.79307011924272)</t>
  </si>
  <si>
    <t>POINT (4.6678971611001785 51.7912694313825)</t>
  </si>
  <si>
    <t>POINT (4.679949284841532 51.781345025354604)</t>
  </si>
  <si>
    <t>POINT (4.668935790497217 51.78269296810709)</t>
  </si>
  <si>
    <t>POINT (4.679190130836098 51.81437870950174)</t>
  </si>
  <si>
    <t>POINT (4.67060249228147 51.81786201872002)</t>
  </si>
  <si>
    <t>POINT (4.734387821103036 51.80053148657418)</t>
  </si>
  <si>
    <t>POINT (4.651680623362675 51.80217816681412)</t>
  </si>
  <si>
    <t>POINT (4.687807879193922 51.809761008510975)</t>
  </si>
  <si>
    <t>POINT (4.671376989191697 51.817161107691334)</t>
  </si>
  <si>
    <t>POINT (4.6664799892139825 51.80959719587391)</t>
  </si>
  <si>
    <t>POINT (4.6621471402736745 51.80245779957058)</t>
  </si>
  <si>
    <t>POINT (4.667816883395802 51.77748145882053)</t>
  </si>
  <si>
    <t>POINT (4.730054798199938 51.798738415149835)</t>
  </si>
  <si>
    <t>POINT (4.671565705159412 51.805930917983865)</t>
  </si>
  <si>
    <t>POINT (4.678072259842507 51.784704598568595)</t>
  </si>
  <si>
    <t>POINT (4.705440041036306 51.79034702130844)</t>
  </si>
  <si>
    <t>POINT (4.677379340841761 51.81641063410981)</t>
  </si>
  <si>
    <t>POINT (4.72471535676888 51.80619485697831)</t>
  </si>
  <si>
    <t>POINT (4.68653132027332 51.80336108408975)</t>
  </si>
  <si>
    <t>POINT (4.706065872961393 51.798535420056766)</t>
  </si>
  <si>
    <t>POINT (4.704971557588802 51.79501783853314)</t>
  </si>
  <si>
    <t>POINT (4.6604704246573085 51.811165538438246)</t>
  </si>
  <si>
    <t>POINT (4.655168494185713 51.78193223736111)</t>
  </si>
  <si>
    <t>POINT (4.6715987975662365 51.77403248838769)</t>
  </si>
  <si>
    <t>POINT (4.677441134271485 51.777487582028016)</t>
  </si>
  <si>
    <t>POINT (4.62975807720021 51.72777129167331)</t>
  </si>
  <si>
    <t>POINT (4.691120556037859 51.80670015591009)</t>
  </si>
  <si>
    <t>POINT (4.668263571497177 51.792336928118054)</t>
  </si>
  <si>
    <t>POINT (4.684449949621719 51.81256535640772)</t>
  </si>
  <si>
    <t>POINT (4.691535211909295 51.78396238955763)</t>
  </si>
  <si>
    <t>POINT (4.670122789801685 51.78090396333938)</t>
  </si>
  <si>
    <t>POINT (4.665948537404035 51.77543318631623)</t>
  </si>
  <si>
    <t>POINT (4.705428975498177 51.7791459532072)</t>
  </si>
  <si>
    <t>POINT (4.668831209787026 51.79500401672195)</t>
  </si>
  <si>
    <t>POINT (4.686352591103677 51.80871812607807)</t>
  </si>
  <si>
    <t>POINT (4.680344278459039 51.789851412727465)</t>
  </si>
  <si>
    <t>POINT (4.661754588553616 51.81362664840735)</t>
  </si>
  <si>
    <t>POINT (4.6531361739866055 51.80174812124619)</t>
  </si>
  <si>
    <t>POINT (4.66402554759506 51.81051128256174)</t>
  </si>
  <si>
    <t>POINT (4.724966360130564 51.7983413606254)</t>
  </si>
  <si>
    <t>POINT (4.67947982363668 51.80761387666698)</t>
  </si>
  <si>
    <t>POINT (4.6762450581249 51.80547943076952)</t>
  </si>
  <si>
    <t>POINT (4.683239166156672 51.80009661970638)</t>
  </si>
  <si>
    <t>POINT (4.681941948105153 51.80652215003951)</t>
  </si>
  <si>
    <t>POINT (4.667871149303154 51.788852704657145)</t>
  </si>
  <si>
    <t>POINT (4.660332101286895 51.81117687038925)</t>
  </si>
  <si>
    <t>POINT (4.669081173013859 51.79549815443784)</t>
  </si>
  <si>
    <t>POINT (4.682187462976991 51.77672721563131)</t>
  </si>
  <si>
    <t>POINT (4.677353995724363 51.80579293707686)</t>
  </si>
  <si>
    <t>POINT (4.698123667199325 51.81854478527654)</t>
  </si>
  <si>
    <t>POINT (4.6804014425745555 51.77664574314053)</t>
  </si>
  <si>
    <t>POINT (4.666943530621327 51.7950100428043)</t>
  </si>
  <si>
    <t>POINT (4.684078894156365 51.8043847223767)</t>
  </si>
  <si>
    <t>POINT (4.665307079211869 51.787671954833755)</t>
  </si>
  <si>
    <t>POINT (4.684096897654076 51.7789986165226)</t>
  </si>
  <si>
    <t>POINT (4.718362196458254 51.801001105108696)</t>
  </si>
  <si>
    <t>POINT (4.667672666450938 51.774457938923845)</t>
  </si>
  <si>
    <t>POINT (4.694013127883257 51.7935192171839)</t>
  </si>
  <si>
    <t>POINT (4.656475841185065 51.81174371149764)</t>
  </si>
  <si>
    <t>POINT (4.661626805713647 51.77300520154072)</t>
  </si>
  <si>
    <t>POINT (4.676425716007729 51.80350480471247)</t>
  </si>
  <si>
    <t>POINT (4.671802108692798 51.787961289150616)</t>
  </si>
  <si>
    <t>POINT (4.68007654544739 51.805091899545424)</t>
  </si>
  <si>
    <t>POINT (4.7085589336766756 51.807709736225014)</t>
  </si>
  <si>
    <t>POINT (4.732629115369468 51.80229108350659)</t>
  </si>
  <si>
    <t>POINT (4.658573509186051 51.770421554334064)</t>
  </si>
  <si>
    <t>POINT (4.687000429477564 51.803147392290605)</t>
  </si>
  <si>
    <t>POINT (4.6609038805174245 51.78935302527915)</t>
  </si>
  <si>
    <t>POINT (4.657921662387677 51.77012123408184)</t>
  </si>
  <si>
    <t>POINT (4.708114966579665 51.81087153124999)</t>
  </si>
  <si>
    <t>POINT (4.686661232878499 51.80857743576917)</t>
  </si>
  <si>
    <t>POINT (4.6670507809127875 51.78756470472625)</t>
  </si>
  <si>
    <t>POINT (4.716117865894292 51.81508955560239)</t>
  </si>
  <si>
    <t>POINT (4.652200645519927 51.7947932040835)</t>
  </si>
  <si>
    <t>POINT (4.659814063899523 51.77087171644648)</t>
  </si>
  <si>
    <t>POINT (4.686367323086134 51.811408755013325)</t>
  </si>
  <si>
    <t>POINT (4.6524156754858526 51.79229470082156)</t>
  </si>
  <si>
    <t>POINT (4.667837913000567 51.791032611357046)</t>
  </si>
  <si>
    <t>POINT (4.662566513900721 51.808953513591966)</t>
  </si>
  <si>
    <t>POINT (4.671270981382503 51.815638948847806)</t>
  </si>
  <si>
    <t>POINT (4.703598444942078 51.79722493147677)</t>
  </si>
  <si>
    <t>POINT (4.713228816452949 51.80083982231677)</t>
  </si>
  <si>
    <t>POINT (4.643173752865691 51.766397196547324)</t>
  </si>
  <si>
    <t>POINT (4.665731660398161 51.8184614827339)</t>
  </si>
  <si>
    <t>POINT (4.70493330268868 51.79503026312497)</t>
  </si>
  <si>
    <t>POINT (4.660757052300202 51.794736808658016)</t>
  </si>
  <si>
    <t>POINT (4.66156882591558 51.7963370031119)</t>
  </si>
  <si>
    <t>POINT (4.658891605292121 51.80907948037734)</t>
  </si>
  <si>
    <t>POINT (4.672889817197796 51.81732231463048)</t>
  </si>
  <si>
    <t>POINT (4.67337079315313 51.81100065047539)</t>
  </si>
  <si>
    <t>POINT (4.706791025447477 51.790334019997104)</t>
  </si>
  <si>
    <t>POINT (4.727826348132307 51.80526884241443)</t>
  </si>
  <si>
    <t>POINT (4.666284231597082 51.81283736532941)</t>
  </si>
  <si>
    <t>POINT (4.6706885800027 51.77313997863944)</t>
  </si>
  <si>
    <t>POINT (4.691775955563224 51.80760078691989)</t>
  </si>
  <si>
    <t>POINT (4.669006135713273 51.795507510764615)</t>
  </si>
  <si>
    <t>POINT (4.682397399801114 51.77476372665779)</t>
  </si>
  <si>
    <t>POINT (4.677549623583177 51.79037129103367)</t>
  </si>
  <si>
    <t>POINT (4.669979654616854 51.799109652919334)</t>
  </si>
  <si>
    <t>POINT (4.651632391263244 51.79302083513175)</t>
  </si>
  <si>
    <t>POINT (4.653959551274995 51.79185491606247)</t>
  </si>
  <si>
    <t>POINT (4.677461014820924 51.81554979818601)</t>
  </si>
  <si>
    <t>POINT (4.672783087056188 51.806047243116964)</t>
  </si>
  <si>
    <t>POINT (4.710845106114432 51.80597034700287)</t>
  </si>
  <si>
    <t>POINT (4.675891243132455 51.77504974049697)</t>
  </si>
  <si>
    <t>POINT (4.680396778771805 51.787797426553176)</t>
  </si>
  <si>
    <t>POINT (4.6778022844455815 51.806564269789654)</t>
  </si>
  <si>
    <t>POINT (4.719164083799708 51.8115191575026)</t>
  </si>
  <si>
    <t>POINT (4.678804783128354 51.81724371411203)</t>
  </si>
  <si>
    <t>POINT (4.717272473997538 51.815648054337316)</t>
  </si>
  <si>
    <t>POINT (4.680150843048473 51.78983604489291)</t>
  </si>
  <si>
    <t>POINT (4.730981745710734 51.80407722712992)</t>
  </si>
  <si>
    <t>POINT (4.656852389928243 51.803095706951204)</t>
  </si>
  <si>
    <t>POINT (4.705398511254851 51.81506816521613)</t>
  </si>
  <si>
    <t>POINT (4.63260444505451 51.78186093072376)</t>
  </si>
  <si>
    <t>POINT (4.663114711443044 51.81142598113395)</t>
  </si>
  <si>
    <t>POINT (4.71453619188919 51.805419212218325)</t>
  </si>
  <si>
    <t>POINT (4.65163895942809 51.782524122358204)</t>
  </si>
  <si>
    <t>POINT (4.66132220541714 51.81569913748277)</t>
  </si>
  <si>
    <t>POINT (4.657994281015608 51.78419499545383)</t>
  </si>
  <si>
    <t>POINT (4.717814431943494 51.80444425549477)</t>
  </si>
  <si>
    <t>POINT (4.673103088787587 51.81354748133956)</t>
  </si>
  <si>
    <t>POINT (4.678227244908049 51.781335222654654)</t>
  </si>
  <si>
    <t>POINT (4.670568341462958 51.806304036508536)</t>
  </si>
  <si>
    <t>POINT (4.705849427767183 51.79269653865114)</t>
  </si>
  <si>
    <t>POINT (4.662873400955267 51.81237048779272)</t>
  </si>
  <si>
    <t>POINT (4.6555522087709 51.79048519168879)</t>
  </si>
  <si>
    <t>POINT (4.663617088580177 51.7922965859673)</t>
  </si>
  <si>
    <t>POINT (4.666967181056798 51.77851583378866)</t>
  </si>
  <si>
    <t>POINT (4.679251655077884 51.81630579194989)</t>
  </si>
  <si>
    <t>POINT (4.658948531644815 51.80928440723988)</t>
  </si>
  <si>
    <t>POINT (4.639617056651275 51.78165212871866)</t>
  </si>
  <si>
    <t>POINT (4.730043556928318 51.7956292974603)</t>
  </si>
  <si>
    <t>POINT (4.7188102825365 51.80220580914146)</t>
  </si>
  <si>
    <t>POINT (4.70949425839705 51.807618082346714)</t>
  </si>
  <si>
    <t>POINT (4.6611203449337015 51.809119943490366)</t>
  </si>
  <si>
    <t>POINT (4.659324015014857 51.809325801751186)</t>
  </si>
  <si>
    <t>POINT (4.732987986078973 51.79618978144036)</t>
  </si>
  <si>
    <t>POINT (4.672164311127798 51.80377109943288)</t>
  </si>
  <si>
    <t>POINT (4.683846895692173 51.78917589604257)</t>
  </si>
  <si>
    <t>POINT (4.67195352392775 51.80350325532247)</t>
  </si>
  <si>
    <t>POINT (4.6663527022196165 51.80395160100403)</t>
  </si>
  <si>
    <t>POINT (4.657346964751359 51.79080706627781)</t>
  </si>
  <si>
    <t>POINT (4.713004090283472 51.79284930538399)</t>
  </si>
  <si>
    <t>POINT (4.660612724644453 51.76975574611309)</t>
  </si>
  <si>
    <t>POINT (4.672196972265025 51.79356361839991)</t>
  </si>
  <si>
    <t>POINT (4.734485921832057 51.80366753766278)</t>
  </si>
  <si>
    <t>POINT (4.673896370944967 51.78037298052097)</t>
  </si>
  <si>
    <t>POINT (4.667541371096519 51.77381302884824)</t>
  </si>
  <si>
    <t>POINT (4.66305124993313 51.799256603630276)</t>
  </si>
  <si>
    <t>POINT (4.732852754743719 51.79727258103567)</t>
  </si>
  <si>
    <t>POINT (4.713865311420162 51.80381514242976)</t>
  </si>
  <si>
    <t>POINT (4.725151212684325 51.805724208939736)</t>
  </si>
  <si>
    <t>POINT (4.6750242094495364 51.81527053533271)</t>
  </si>
  <si>
    <t>POINT (4.669878528984502 51.78170643781029)</t>
  </si>
  <si>
    <t>POINT (4.710774273613843 51.80698830761728)</t>
  </si>
  <si>
    <t>POINT (4.683680144014282 51.80132087973599)</t>
  </si>
  <si>
    <t>POINT (4.701730339552408 51.79531269538603)</t>
  </si>
  <si>
    <t>POINT (4.729229941003108 51.803031692436754)</t>
  </si>
  <si>
    <t>POINT (4.6791725821321695 51.80531042827423)</t>
  </si>
  <si>
    <t>POINT (4.666045678088203 51.79600287477307)</t>
  </si>
  <si>
    <t>POINT (4.683388495205002 51.79799687041784)</t>
  </si>
  <si>
    <t>POINT (4.714332602498314 51.81483237070117)</t>
  </si>
  <si>
    <t>POINT (4.6669403700204874 51.79623749272197)</t>
  </si>
  <si>
    <t>POINT (4.667928519908833 51.79435006836466)</t>
  </si>
  <si>
    <t>POINT (4.659341969133434 51.81379461116435)</t>
  </si>
  <si>
    <t>POINT (4.668348696666214 51.79907044031702)</t>
  </si>
  <si>
    <t>POINT (4.684435920767721 51.81255454892147)</t>
  </si>
  <si>
    <t>POINT (4.673310844577969 51.7722461861267)</t>
  </si>
  <si>
    <t>POINT (4.672525151909251 51.783700216179824)</t>
  </si>
  <si>
    <t>POINT (4.7111725221076215 51.81648164729948)</t>
  </si>
  <si>
    <t>POINT (4.669877981685868 51.78021838077601)</t>
  </si>
  <si>
    <t>POINT (4.714120584033394 51.81411490434163)</t>
  </si>
  <si>
    <t>POINT (4.672276630410097 51.80994013930569)</t>
  </si>
  <si>
    <t>POINT (4.664574008351326 51.790958610393254)</t>
  </si>
  <si>
    <t>POINT (4.674102936628571 51.7749022975797)</t>
  </si>
  <si>
    <t>POINT (4.677946397662311 51.77725302207377)</t>
  </si>
  <si>
    <t>POINT (4.7109877589467235 51.81650444770526)</t>
  </si>
  <si>
    <t>POINT (4.734295342219667 51.79741153718109)</t>
  </si>
  <si>
    <t>POINT (4.668585665799068 51.80926797356947)</t>
  </si>
  <si>
    <t>POINT (4.659057186423751 51.809543011911686)</t>
  </si>
  <si>
    <t>POINT (4.665893496195782 51.81306181159358)</t>
  </si>
  <si>
    <t>POINT (4.661696059868252 51.78797931120674)</t>
  </si>
  <si>
    <t>POINT (4.687595772528751 51.789950450402934)</t>
  </si>
  <si>
    <t>POINT (4.68014927987837 51.776981641242116)</t>
  </si>
  <si>
    <t>POINT (4.66199030891118 51.813884417567174)</t>
  </si>
  <si>
    <t>POINT (4.660779107513084 51.807323707451744)</t>
  </si>
  <si>
    <t>POINT (4.712053005629479 51.799228551727914)</t>
  </si>
  <si>
    <t>POINT (4.719774458128608 51.8112463198419)</t>
  </si>
  <si>
    <t>POINT (4.680198691068469 51.80539232697277)</t>
  </si>
  <si>
    <t>POINT (4.666482506681402 51.81466141501544)</t>
  </si>
  <si>
    <t>POINT (4.668401069208247 51.796239017472764)</t>
  </si>
  <si>
    <t>POINT (4.6597637918426 51.80557709923775)</t>
  </si>
  <si>
    <t>POINT (4.672768372164189 51.81821690061518)</t>
  </si>
  <si>
    <t>POINT (4.689159734296686 51.810659995986555)</t>
  </si>
  <si>
    <t>POINT (4.688804624227921 51.80885987192625)</t>
  </si>
  <si>
    <t>POINT (4.675949033068998 51.7858383421145)</t>
  </si>
  <si>
    <t>POINT (4.694242948796098 51.79089735547815)</t>
  </si>
  <si>
    <t>POINT (4.709067153373721 51.80695862555758)</t>
  </si>
  <si>
    <t>POINT (4.678077653226626 51.78774028460381)</t>
  </si>
  <si>
    <t>POINT (4.6499854546725246 51.79311236633897)</t>
  </si>
  <si>
    <t>POINT (4.670233177229717 51.782306534910695)</t>
  </si>
  <si>
    <t>POINT (4.665568671934164 51.79733741471843)</t>
  </si>
  <si>
    <t>POINT (4.705821503225891 51.79305396359807)</t>
  </si>
  <si>
    <t>POINT (4.671042686107071 51.79934801861766)</t>
  </si>
  <si>
    <t>POINT (4.669755808121812 51.7822872566094)</t>
  </si>
  <si>
    <t>POINT (4.714985909057955 51.800319266062004)</t>
  </si>
  <si>
    <t>POINT (4.721997164944126 51.80285839202746)</t>
  </si>
  <si>
    <t>POINT (4.721726951147125 51.80551241030909)</t>
  </si>
  <si>
    <t>POINT (4.702272050717606 51.794470672757186)</t>
  </si>
  <si>
    <t>POINT (4.67445351760996 51.78616851623415)</t>
  </si>
  <si>
    <t>POINT (4.663315991563109 51.79295416658437)</t>
  </si>
  <si>
    <t>POINT (4.7229827896466885 51.79877562539933)</t>
  </si>
  <si>
    <t>POINT (4.676267493951167 51.8051967649267)</t>
  </si>
  <si>
    <t>POINT (4.66363861509799 51.794045245812875)</t>
  </si>
  <si>
    <t>POINT (4.6877833557993025 51.80746987642776)</t>
  </si>
  <si>
    <t>POINT (4.717489944662255 51.80228327717641)</t>
  </si>
  <si>
    <t>POINT (4.715717279776004 51.80529938084555)</t>
  </si>
  <si>
    <t>POINT (4.680749990603223 51.80524254332933)</t>
  </si>
  <si>
    <t>POINT (4.681930815996657 51.781171223098546)</t>
  </si>
  <si>
    <t>POINT (4.667890479304828 51.81528269448889)</t>
  </si>
  <si>
    <t>POINT (4.672464707583991 51.805613209394366)</t>
  </si>
  <si>
    <t>POINT (4.683648434080817 51.80469279964859)</t>
  </si>
  <si>
    <t>POINT (4.674932398966623 51.778432907045776)</t>
  </si>
  <si>
    <t>POINT (4.712538942701529 51.814125858120256)</t>
  </si>
  <si>
    <t>POINT (4.664509639771737 51.8103241362547)</t>
  </si>
  <si>
    <t>POINT (4.675613596504927 51.80495781023621)</t>
  </si>
  <si>
    <t>POINT (4.68316167076654 51.80993575768242)</t>
  </si>
  <si>
    <t>POINT (4.66852576969771 51.77349350283587)</t>
  </si>
  <si>
    <t>POINT (4.6316458547031605 51.7688237911562)</t>
  </si>
  <si>
    <t>POINT (4.684299259276804 51.782594921440875)</t>
  </si>
  <si>
    <t>POINT (4.676171714230546 51.81530057621314)</t>
  </si>
  <si>
    <t>POINT (4.664248967901973 51.80162091508457)</t>
  </si>
  <si>
    <t>POINT (4.67975312211051 51.789901988113535)</t>
  </si>
  <si>
    <t>POINT (4.727835543268872 51.80422643694029)</t>
  </si>
  <si>
    <t>POINT (4.665935943432608 51.79603796622329)</t>
  </si>
  <si>
    <t>POINT (4.651626564224865 51.80188801418447)</t>
  </si>
  <si>
    <t>POINT (4.6530573228376095 51.79120211312317)</t>
  </si>
  <si>
    <t>POINT (4.6638168742752475 51.817202328784724)</t>
  </si>
  <si>
    <t>POINT (4.6649968110834985 51.79804352646113)</t>
  </si>
  <si>
    <t>POINT (4.713445241023638 51.805627377382464)</t>
  </si>
  <si>
    <t>POINT (4.653100298351558 51.80322618745387)</t>
  </si>
  <si>
    <t>POINT (4.726962157946366 51.80582598861858)</t>
  </si>
  <si>
    <t>POINT (4.73196968363517 51.79717037764058)</t>
  </si>
  <si>
    <t>POINT (4.668275713052263 51.81540837067572)</t>
  </si>
  <si>
    <t>POINT (4.66257803328325 51.81627880297027)</t>
  </si>
  <si>
    <t>POINT (4.672124192032215 51.81774230383874)</t>
  </si>
  <si>
    <t>POINT (4.699337899956564 51.79713896083819)</t>
  </si>
  <si>
    <t>POINT (4.667317568993233 51.81110810285714)</t>
  </si>
  <si>
    <t>POINT (4.681620216973242 51.80690346589244)</t>
  </si>
  <si>
    <t>POINT (4.689432776246797 51.80912611366727)</t>
  </si>
  <si>
    <t>POINT (4.68730159339043 51.81029721089065)</t>
  </si>
  <si>
    <t>POINT (4.670145144284947 51.810147698275586)</t>
  </si>
  <si>
    <t>POINT (4.67272127865619 51.81860488838297)</t>
  </si>
  <si>
    <t>POINT (4.6856209398078965 51.81347806046208)</t>
  </si>
  <si>
    <t>POINT (4.679126701417399 51.78184643199202)</t>
  </si>
  <si>
    <t>POINT (4.65760005006984 51.787424256277525)</t>
  </si>
  <si>
    <t>POINT (4.7263447153718054 51.80040520362962)</t>
  </si>
  <si>
    <t>POINT (4.713350347181688 51.805556145756896)</t>
  </si>
  <si>
    <t>POINT (4.706297800623822 51.79722363076431)</t>
  </si>
  <si>
    <t>POINT (4.671674896593146 51.81340051832151)</t>
  </si>
  <si>
    <t>POINT (4.674259574918159 51.803279044766604)</t>
  </si>
  <si>
    <t>POINT (4.680163130682619 51.807823099358934)</t>
  </si>
  <si>
    <t>POINT (4.685497121184414 51.80074499753073)</t>
  </si>
  <si>
    <t>POINT (4.664260408682423 51.78754411655449)</t>
  </si>
  <si>
    <t>POINT (4.710823463753064 51.79520144568233)</t>
  </si>
  <si>
    <t>POINT (4.650872508064663 51.78947796653493)</t>
  </si>
  <si>
    <t>POINT (4.685508428732524 51.81183089854732)</t>
  </si>
  <si>
    <t>POINT (4.679419201876153 51.80867044404446)</t>
  </si>
  <si>
    <t>POINT (4.682650167686468 51.81003470013959)</t>
  </si>
  <si>
    <t>POINT (4.674824172159553 51.814285817036485)</t>
  </si>
  <si>
    <t>POINT (4.67769967280897 51.80824766854924)</t>
  </si>
  <si>
    <t>POINT (4.658519321611727 51.79524938157037)</t>
  </si>
  <si>
    <t>POINT (4.700433617609129 51.79539650871279)</t>
  </si>
  <si>
    <t>POINT (4.687234713957926 51.80393686284855)</t>
  </si>
  <si>
    <t>POINT (4.671340043649564 51.8052871204223)</t>
  </si>
  <si>
    <t>POINT (4.653519065445795 51.79021614459004)</t>
  </si>
  <si>
    <t>POINT (4.67629181628948 51.818474042067194)</t>
  </si>
  <si>
    <t>POINT (4.728281640013268 51.80040572414962)</t>
  </si>
  <si>
    <t>POINT (4.662721257805095 51.80593515113911)</t>
  </si>
  <si>
    <t>POINT (4.682148934776232 51.806485956095436)</t>
  </si>
  <si>
    <t>POINT (4.732264757478406 51.798823400182236)</t>
  </si>
  <si>
    <t>POINT (4.668504095902073 51.81457642954627)</t>
  </si>
  <si>
    <t>POINT (4.6673821426547235 51.78980292095)</t>
  </si>
  <si>
    <t>POINT (4.6675054583077 51.79559452056623)</t>
  </si>
  <si>
    <t>POINT (4.651723961365069 51.79084603293337)</t>
  </si>
  <si>
    <t>POINT (4.6611364016776315 51.788394641470724)</t>
  </si>
  <si>
    <t>POINT (4.660711314768392 51.79933176438744)</t>
  </si>
  <si>
    <t>POINT (4.66946605944671 51.808232751242656)</t>
  </si>
  <si>
    <t>POINT (4.677270447266913 51.77316914683123)</t>
  </si>
  <si>
    <t>POINT (4.7109842936383695 51.79157454887189)</t>
  </si>
  <si>
    <t>POINT (4.6847237494358955 51.79256120155506)</t>
  </si>
  <si>
    <t>POINT (4.667647637093503 51.77589160242229)</t>
  </si>
  <si>
    <t>POINT (4.665842755095637 51.81197679086745)</t>
  </si>
  <si>
    <t>POINT (4.6593397925592575 51.813781213515306)</t>
  </si>
  <si>
    <t>POINT (4.676485114357341 51.81597606729029)</t>
  </si>
  <si>
    <t>POINT (4.706217139358065 51.79458495406786)</t>
  </si>
  <si>
    <t>POINT (4.668150355607837 51.815199856437225)</t>
  </si>
  <si>
    <t>POINT (4.704590629442752 51.79141478074119)</t>
  </si>
  <si>
    <t>POINT (4.710541396332983 51.79120831378747)</t>
  </si>
  <si>
    <t>POINT (4.650715740504139 51.80328460999689)</t>
  </si>
  <si>
    <t>POINT (4.671883075212713 51.77611921737195)</t>
  </si>
  <si>
    <t>POINT (4.72141432905113 51.80586874438093)</t>
  </si>
  <si>
    <t>POINT (4.666863784762085 51.79420316821371)</t>
  </si>
  <si>
    <t>POINT (4.698934282622608 51.78889570750595)</t>
  </si>
  <si>
    <t>POINT (4.663528115765808 51.81466792582124)</t>
  </si>
  <si>
    <t>POINT (4.661923186304231 51.79873311827131)</t>
  </si>
  <si>
    <t>POINT (4.686422233082549 51.77624947889073)</t>
  </si>
  <si>
    <t>POINT (4.675130384544718 51.80709114602785)</t>
  </si>
  <si>
    <t>POINT (4.7316386810321625 51.80372033808719)</t>
  </si>
  <si>
    <t>POINT (4.699590717898883 51.790525329629936)</t>
  </si>
  <si>
    <t>POINT (4.717434439091574 51.81191132442932)</t>
  </si>
  <si>
    <t>POINT (4.680676702582239 51.809904445183875)</t>
  </si>
  <si>
    <t>POINT (4.680568466463667 51.806221826971296)</t>
  </si>
  <si>
    <t>POINT (4.685651204999905 51.813549872034876)</t>
  </si>
  <si>
    <t>POINT (4.64039558567285 51.78425775293959)</t>
  </si>
  <si>
    <t>POINT (4.6663125906673715 51.811200719054575)</t>
  </si>
  <si>
    <t>POINT (4.665612258355809 51.801001411215225)</t>
  </si>
  <si>
    <t>POINT (4.652428652202896 51.78213008944823)</t>
  </si>
  <si>
    <t>POINT (4.659609991223484 51.80071911376148)</t>
  </si>
  <si>
    <t>POINT (4.685216212600816 51.78599132481442)</t>
  </si>
  <si>
    <t>POINT (4.680387051905641 51.80704837539163)</t>
  </si>
  <si>
    <t>POINT (4.668813342911817 51.81853745556492)</t>
  </si>
  <si>
    <t>POINT (4.722191993916576 51.79424314059856)</t>
  </si>
  <si>
    <t>POINT (4.670144258437571 51.801918338621505)</t>
  </si>
  <si>
    <t>POINT (4.671626016469375 51.811962859413654)</t>
  </si>
  <si>
    <t>POINT (4.683857476856959 51.785072874050776)</t>
  </si>
  <si>
    <t>POINT (4.688450045563719 51.80676719534744)</t>
  </si>
  <si>
    <t>POINT (4.678492584985392 51.80753929873997)</t>
  </si>
  <si>
    <t>POINT (4.650355579492978 51.79211087710467)</t>
  </si>
  <si>
    <t>POINT (4.656347007841954 51.79969216231264)</t>
  </si>
  <si>
    <t>POINT (4.6675606060791965 51.81379959012464)</t>
  </si>
  <si>
    <t>POINT (4.653684352567037 51.785508808364234)</t>
  </si>
  <si>
    <t>POINT (4.660076514045334 51.787515434699664)</t>
  </si>
  <si>
    <t>POINT (4.685166619369413 51.78134849406766)</t>
  </si>
  <si>
    <t>POINT (4.660969818420385 51.79158050229868)</t>
  </si>
  <si>
    <t>POINT (4.728329411830332 51.8041639356102)</t>
  </si>
  <si>
    <t>POINT (4.6552339733995725 51.810583783732724)</t>
  </si>
  <si>
    <t>POINT (4.681857479639922 51.78076656935019)</t>
  </si>
  <si>
    <t>POINT (4.673242021751725 51.787076746777856)</t>
  </si>
  <si>
    <t>POINT (4.685137858656758 51.810392707094366)</t>
  </si>
  <si>
    <t>POINT (4.6576670138134855 51.78240079024779)</t>
  </si>
  <si>
    <t>POINT (4.682910443226292 51.77481345998527)</t>
  </si>
  <si>
    <t>POINT (4.663228052489216 51.805322859565585)</t>
  </si>
  <si>
    <t>POINT (4.678520010920155 51.807410674663764)</t>
  </si>
  <si>
    <t>POINT (4.704056983123528 51.79678836223696)</t>
  </si>
  <si>
    <t>POINT (4.671814021545864 51.81857199119952)</t>
  </si>
  <si>
    <t>POINT (4.668505597691283 51.79830837849866)</t>
  </si>
  <si>
    <t>POINT (4.685214221589023 51.80431985342813)</t>
  </si>
  <si>
    <t>POINT (4.730389240013915 51.80139735667261)</t>
  </si>
  <si>
    <t>POINT (4.706653586644175 51.80723499503132)</t>
  </si>
  <si>
    <t>POINT (4.660694875188572 51.783374238548575)</t>
  </si>
  <si>
    <t>POINT (4.71029458800749 51.792014179873895)</t>
  </si>
  <si>
    <t>POINT (4.699975432440729 51.797123506075295)</t>
  </si>
  <si>
    <t>POINT (4.709842410985336 51.81068175128914)</t>
  </si>
  <si>
    <t>POINT (4.678468495998697 51.80588172257775)</t>
  </si>
  <si>
    <t>POINT (4.683089977991471 51.81821856010108)</t>
  </si>
  <si>
    <t>POINT (4.686224769947945 51.81147521068806)</t>
  </si>
  <si>
    <t>POINT (4.66645577024982 51.81100797338028)</t>
  </si>
  <si>
    <t>POINT (4.670298564303209 51.79764620281144)</t>
  </si>
  <si>
    <t>POINT (4.720811082597084 51.81130074958188)</t>
  </si>
  <si>
    <t>POINT (4.680481757540362 51.78982839403087)</t>
  </si>
  <si>
    <t>POINT (4.680637465041326 51.80968591910004)</t>
  </si>
  <si>
    <t>POINT (4.669568853819863 51.79076671140092)</t>
  </si>
  <si>
    <t>POINT (4.735919502446044 51.80093272090509)</t>
  </si>
  <si>
    <t>POINT (4.722334077477597 51.80343720163862)</t>
  </si>
  <si>
    <t>POINT (4.658033757966876 51.79796983362672)</t>
  </si>
  <si>
    <t>POINT (4.7016734414378645 51.79035059920421)</t>
  </si>
  <si>
    <t>POINT (4.709451824840724 51.80483614682911)</t>
  </si>
  <si>
    <t>POINT (4.6683409605065735 51.77793842229553)</t>
  </si>
  <si>
    <t>POINT (4.703570552663407 51.78855685234314)</t>
  </si>
  <si>
    <t>POINT (4.71752777377048 51.81213181801841)</t>
  </si>
  <si>
    <t>POINT (4.750798804196413 51.79010918286027)</t>
  </si>
  <si>
    <t>POINT (4.670573705947203 51.80916256838933)</t>
  </si>
  <si>
    <t>POINT (4.696522098954952 51.791786023348195)</t>
  </si>
  <si>
    <t>POINT (4.709666273024004 51.795407961684596)</t>
  </si>
  <si>
    <t>POINT (4.634929828586287 51.77911894056838)</t>
  </si>
  <si>
    <t>POINT (4.726100651747655 51.7987755988851)</t>
  </si>
  <si>
    <t>POINT (4.671242227339613 51.818271321079)</t>
  </si>
  <si>
    <t>POINT (4.6663878850407 51.81190169633377)</t>
  </si>
  <si>
    <t>POINT (4.669673303549485 51.81951413074112)</t>
  </si>
  <si>
    <t>POINT (4.673660687206997 51.80573192989158)</t>
  </si>
  <si>
    <t>POINT (4.677287129101389 51.80858693181297)</t>
  </si>
  <si>
    <t>POINT (4.664329252512292 51.81771766955841)</t>
  </si>
  <si>
    <t>POINT (4.679290422317034 51.78593104834363)</t>
  </si>
  <si>
    <t>POINT (4.661125540607337 51.80520153659896)</t>
  </si>
  <si>
    <t>POINT (4.6335793570717865 51.78378455034512)</t>
  </si>
  <si>
    <t>POINT (4.711880545897445 51.80304229862903)</t>
  </si>
  <si>
    <t>POINT (4.703248603389735 51.7987270465079)</t>
  </si>
  <si>
    <t>POINT (4.726025874024269 51.79678675432886)</t>
  </si>
  <si>
    <t>POINT (4.657354134714521 51.80148862079408)</t>
  </si>
  <si>
    <t>POINT (4.667894420088666 51.81624459662507)</t>
  </si>
  <si>
    <t>POINT (4.698059729147178 51.800987193477866)</t>
  </si>
  <si>
    <t>POINT (4.667766614309159 51.77282094172302)</t>
  </si>
  <si>
    <t>POINT (4.653822918083658 51.801296239176004)</t>
  </si>
  <si>
    <t>POINT (4.673025221433948 51.785307951959176)</t>
  </si>
  <si>
    <t>POINT (4.662697756400212 51.79288279111318)</t>
  </si>
  <si>
    <t>POINT (4.733662424558584 51.803030324921984)</t>
  </si>
  <si>
    <t>POINT (4.683539929977199 51.78228790813506)</t>
  </si>
  <si>
    <t>POINT (4.7081904386479545 51.80386079442423)</t>
  </si>
  <si>
    <t>POINT (4.70528932186422 51.7929009405383)</t>
  </si>
  <si>
    <t>POINT (4.698275709433704 51.792941104829005)</t>
  </si>
  <si>
    <t>POINT (4.678981361891451 51.799880813689775)</t>
  </si>
  <si>
    <t>POINT (4.705488494167134 51.816341246062336)</t>
  </si>
  <si>
    <t>POINT (4.660787277609278 51.79044287613473)</t>
  </si>
  <si>
    <t>3319GZ</t>
  </si>
  <si>
    <t>POINT (4.714484231896719 51.80202268842185)</t>
  </si>
  <si>
    <t>POINT (4.67581926883204 51.77308811120695)</t>
  </si>
  <si>
    <t>POINT (4.665662223059565 51.8183894790545)</t>
  </si>
  <si>
    <t>POINT (4.663968372290705 51.80227783220934)</t>
  </si>
  <si>
    <t>POINT (4.720831067291983 51.8049256980656)</t>
  </si>
  <si>
    <t>POINT (4.679791256941447 51.77619173033045)</t>
  </si>
  <si>
    <t>POINT (4.668948029642788 51.81549599211835)</t>
  </si>
  <si>
    <t>3316GA</t>
  </si>
  <si>
    <t>Buys Ballotstraat</t>
  </si>
  <si>
    <t>POINT (4.63808811120238 51.78063239057459)</t>
  </si>
  <si>
    <t>POINT (4.7157932114817 51.80256195435618)</t>
  </si>
  <si>
    <t>POINT (4.717321623096793 51.80130089978508)</t>
  </si>
  <si>
    <t>POINT (4.626502893950377 51.79389423983384)</t>
  </si>
  <si>
    <t>POINT (4.724449904394612 51.79719335381285)</t>
  </si>
  <si>
    <t>POINT (4.732116598990691 51.79940402117826)</t>
  </si>
  <si>
    <t>POINT (4.667487125602413 51.811005062972775)</t>
  </si>
  <si>
    <t>POINT (4.710941547976525 51.80933086807608)</t>
  </si>
  <si>
    <t>POINT (4.7269726577671545 51.80077988873545)</t>
  </si>
  <si>
    <t>POINT (4.696007278530749 51.799084507318426)</t>
  </si>
  <si>
    <t>POINT (4.6574626740667355 51.79670435010807)</t>
  </si>
  <si>
    <t>POINT (4.661273923022503 51.797026814254885)</t>
  </si>
  <si>
    <t>POINT (4.656866314403281 51.79845144072541)</t>
  </si>
  <si>
    <t>POINT (4.721595630365522 51.80055721513417)</t>
  </si>
  <si>
    <t>POINT (4.669076502036586 51.81025321629563)</t>
  </si>
  <si>
    <t>POINT (4.656532457195306 51.80231544670926)</t>
  </si>
  <si>
    <t>POINT (4.692466081092584 51.769382420438916)</t>
  </si>
  <si>
    <t>3311XZ</t>
  </si>
  <si>
    <t>Lastig Eendstraat</t>
  </si>
  <si>
    <t>POINT (4.671545994277697 51.81466720704552)</t>
  </si>
  <si>
    <t>POINT (4.676386935730654 51.78367340766149)</t>
  </si>
  <si>
    <t>POINT (4.67774120191667 51.78207367188766)</t>
  </si>
  <si>
    <t>POINT (4.681711972614923 51.812521647816645)</t>
  </si>
  <si>
    <t>POINT (4.6668566369538524 51.81588894041406)</t>
  </si>
  <si>
    <t>POINT (4.674640370237741 51.81816598087155)</t>
  </si>
  <si>
    <t>POINT (4.681216897135065 51.807990844523324)</t>
  </si>
  <si>
    <t>POINT (4.729400876075656 51.79730231174554)</t>
  </si>
  <si>
    <t>POINT (4.682098897492246 51.77556230463347)</t>
  </si>
  <si>
    <t>POINT (4.664025423777436 51.795261437807774)</t>
  </si>
  <si>
    <t>POINT (4.671098168921924 51.81840144302622)</t>
  </si>
  <si>
    <t>POINT (4.6676503156527875 51.815731437943064)</t>
  </si>
  <si>
    <t>POINT (4.6603320705811955 51.8073882105003)</t>
  </si>
  <si>
    <t>POINT (4.702535088585434 51.79637456947585)</t>
  </si>
  <si>
    <t>POINT (4.672062386431667 51.78723280499374)</t>
  </si>
  <si>
    <t>POINT (4.711093859979412 51.81647760769346)</t>
  </si>
  <si>
    <t>POINT (4.677256855625202 51.815764560965185)</t>
  </si>
  <si>
    <t>POINT (4.672672448566852 51.81730714887344)</t>
  </si>
  <si>
    <t>POINT (4.6931438810992825 51.818271058461114)</t>
  </si>
  <si>
    <t>POINT (4.681624745051893 51.7856722426201)</t>
  </si>
  <si>
    <t>POINT (4.669162366362458 51.816300935985126)</t>
  </si>
  <si>
    <t>POINT (4.671752461233386 51.77211086565249)</t>
  </si>
  <si>
    <t>POINT (4.7189241946812785 51.802217711761514)</t>
  </si>
  <si>
    <t>POINT (4.654359857296312 51.78920622384311)</t>
  </si>
  <si>
    <t>POINT (4.712039595494086 51.80683100361521)</t>
  </si>
  <si>
    <t>POINT (4.666967031035415 51.794206426802795)</t>
  </si>
  <si>
    <t>POINT (4.672047083133158 51.77756171008589)</t>
  </si>
  <si>
    <t>POINT (4.671227764249387 51.81303721956201)</t>
  </si>
  <si>
    <t>POINT (4.681364159294156 51.800431068520396)</t>
  </si>
  <si>
    <t>POINT (4.6812562728014795 51.804316134485056)</t>
  </si>
  <si>
    <t>POINT (4.711160768038774 51.80390031825812)</t>
  </si>
  <si>
    <t>POINT (4.71432644289999 51.80819441336133)</t>
  </si>
  <si>
    <t>POINT (4.724831893842137 51.7983623990509)</t>
  </si>
  <si>
    <t>POINT (4.6943269061087625 51.81771693216824)</t>
  </si>
  <si>
    <t>POINT (4.711644826088434 51.798811483653104)</t>
  </si>
  <si>
    <t>POINT (4.665818228293513 51.80152384205341)</t>
  </si>
  <si>
    <t>POINT (4.6784871181712715 51.778182720428504)</t>
  </si>
  <si>
    <t>POINT (4.6361709785849206 51.77061777231967)</t>
  </si>
  <si>
    <t>POINT (4.6633078585322085 51.81420231110859)</t>
  </si>
  <si>
    <t>POINT (4.7175508048094885 51.79853204095462)</t>
  </si>
  <si>
    <t>POINT (4.702554624645043 51.79984758851835)</t>
  </si>
  <si>
    <t>POINT (4.696657444147728 51.80044357496257)</t>
  </si>
  <si>
    <t>POINT (4.661540324709215 51.805566679302636)</t>
  </si>
  <si>
    <t>POINT (4.661548132027922 51.80056987743166)</t>
  </si>
  <si>
    <t>POINT (4.697547508177569 51.798941302827984)</t>
  </si>
  <si>
    <t>POINT (4.6317626506616385 51.722118052712126)</t>
  </si>
  <si>
    <t>POINT (4.6646299666859825 51.79924571686252)</t>
  </si>
  <si>
    <t>POINT (4.664763810230235 51.81696545848085)</t>
  </si>
  <si>
    <t>POINT (4.6791093260888506 51.80010200646878)</t>
  </si>
  <si>
    <t>POINT (4.662772830353431 51.79689582839033)</t>
  </si>
  <si>
    <t>POINT (4.643840933025257 51.765554786769584)</t>
  </si>
  <si>
    <t>POINT (4.669170633251632 51.777143886533175)</t>
  </si>
  <si>
    <t>POINT (4.6816855940579725 51.81088872492776)</t>
  </si>
  <si>
    <t>POINT (4.671330890205214 51.80223762672304)</t>
  </si>
  <si>
    <t>POINT (4.6850759987517065 51.78564986820544)</t>
  </si>
  <si>
    <t>POINT (4.6537874349815604 51.78574288990554)</t>
  </si>
  <si>
    <t>POINT (4.652056977138291 51.793062067081095)</t>
  </si>
  <si>
    <t>POINT (4.655692337349097 51.8022474349237)</t>
  </si>
  <si>
    <t>POINT (4.677323975796895 51.81688906249188)</t>
  </si>
  <si>
    <t>POINT (4.689866200677671 51.81892506812978)</t>
  </si>
  <si>
    <t>POINT (4.661163094902023 51.79904145750727)</t>
  </si>
  <si>
    <t>POINT (4.664269021716983 51.78630916624469)</t>
  </si>
  <si>
    <t>POINT (4.675823310947527 51.80489747344097)</t>
  </si>
  <si>
    <t>POINT (4.655767666425972 51.811326404209304)</t>
  </si>
  <si>
    <t>POINT (4.734705882895199 51.79718587814177)</t>
  </si>
  <si>
    <t>POINT (4.660407164938931 51.791200552853205)</t>
  </si>
  <si>
    <t>POINT (4.715173164326399 51.80497689928029)</t>
  </si>
  <si>
    <t>POINT (4.682243140803698 51.78648766653447)</t>
  </si>
  <si>
    <t>POINT (4.6632981530742414 51.80961432918346)</t>
  </si>
  <si>
    <t>POINT (4.633699989309743 51.770451135616945)</t>
  </si>
  <si>
    <t>POINT (4.67009929676322 51.79690246519816)</t>
  </si>
  <si>
    <t>POINT (4.662694182269076 51.813412212306964)</t>
  </si>
  <si>
    <t>POINT (4.68327438934689 51.80230409036827)</t>
  </si>
  <si>
    <t>POINT (4.666125886084861 51.81511948052531)</t>
  </si>
  <si>
    <t>POINT (4.681113425460066 51.77695500926357)</t>
  </si>
  <si>
    <t>POINT (4.711283295751945 51.80694485934517)</t>
  </si>
  <si>
    <t>POINT (4.662908755559768 51.81625389647938)</t>
  </si>
  <si>
    <t>POINT (4.729058782287171 51.79875561859473)</t>
  </si>
  <si>
    <t>POINT (4.671518403307063 51.78103885934512)</t>
  </si>
  <si>
    <t>POINT (4.675542592156765 51.78333655105736)</t>
  </si>
  <si>
    <t>POINT (4.693462758162847 51.795521022713636)</t>
  </si>
  <si>
    <t>POINT (4.669869008969558 51.81753625580969)</t>
  </si>
  <si>
    <t>POINT (4.680897130590291 51.80810959316462)</t>
  </si>
  <si>
    <t>POINT (4.676104775467427 51.817008502647)</t>
  </si>
  <si>
    <t>POINT (4.7207277179849 51.80554265776051)</t>
  </si>
  <si>
    <t>POINT (4.691715329932857 51.8187991612156)</t>
  </si>
  <si>
    <t>POINT (4.685226264550476 51.80292769702463)</t>
  </si>
  <si>
    <t>POINT (4.688244360215046 51.80712941807369)</t>
  </si>
  <si>
    <t>POINT (4.721642430403974 51.797226593398534)</t>
  </si>
  <si>
    <t>POINT (4.704832150130891 51.815782275149886)</t>
  </si>
  <si>
    <t>POINT (4.712026282114394 51.81497245303138)</t>
  </si>
  <si>
    <t>POINT (4.665736386309101 51.81623961046489)</t>
  </si>
  <si>
    <t>POINT (4.668689721054253 51.80223288938175)</t>
  </si>
  <si>
    <t>POINT (4.6679418491986455 51.81665429440541)</t>
  </si>
  <si>
    <t>POINT (4.658034460566493 51.806886444895476)</t>
  </si>
  <si>
    <t>POINT (4.7321712414167365 51.796854356862774)</t>
  </si>
  <si>
    <t>POINT (4.6823952871492915 51.78673114961985)</t>
  </si>
  <si>
    <t>POINT (4.711806642934845 51.80027069864505)</t>
  </si>
  <si>
    <t>POINT (4.728114887312429 51.80309021558115)</t>
  </si>
  <si>
    <t>POINT (4.6558659270884455 51.78479789453699)</t>
  </si>
  <si>
    <t>POINT (4.668884297348797 51.77125989056594)</t>
  </si>
  <si>
    <t>POINT (4.652430379783337 51.76658685154758)</t>
  </si>
  <si>
    <t>POINT (4.708825407958453 51.79406663245761)</t>
  </si>
  <si>
    <t>POINT (4.67427054250941 51.8130880944327)</t>
  </si>
  <si>
    <t>POINT (4.685378369106732 51.80268371951305)</t>
  </si>
  <si>
    <t>POINT (4.668822486656351 51.77803773156341)</t>
  </si>
  <si>
    <t>POINT (4.728548713034068 51.80040223498397)</t>
  </si>
  <si>
    <t>POINT (4.654489685831385 51.79442602384878)</t>
  </si>
  <si>
    <t>POINT (4.653317043214604 51.8068700871698)</t>
  </si>
  <si>
    <t>POINT (4.721968426923049 51.8035504804485)</t>
  </si>
  <si>
    <t>POINT (4.688213605128123 51.81031451187311)</t>
  </si>
  <si>
    <t>POINT (4.69552428620395 51.79352052287881)</t>
  </si>
  <si>
    <t>POINT (4.666733219458882 51.79949532334192)</t>
  </si>
  <si>
    <t>POINT (4.659335805191812 51.811812172559584)</t>
  </si>
  <si>
    <t>POINT (4.6684818416651535 51.79834172484035)</t>
  </si>
  <si>
    <t>POINT (4.673617594759883 51.803948781042884)</t>
  </si>
  <si>
    <t>POINT (4.70518566381339 51.809208263289705)</t>
  </si>
  <si>
    <t>POINT (4.654093323001876 51.782801455178934)</t>
  </si>
  <si>
    <t>POINT (4.659922503008808 51.798545705605264)</t>
  </si>
  <si>
    <t>POINT (4.665861730908562 51.772333225354345)</t>
  </si>
  <si>
    <t>POINT (4.657106550648748 51.78803151041023)</t>
  </si>
  <si>
    <t>POINT (4.697308590754386 51.7999250830527)</t>
  </si>
  <si>
    <t>POINT (4.667291647234809 51.81682107452377)</t>
  </si>
  <si>
    <t>POINT (4.703999889268794 51.78924652853021)</t>
  </si>
  <si>
    <t>POINT (4.663558525658043 51.81119406923337)</t>
  </si>
  <si>
    <t>POINT (4.718439424841167 51.801185120466926)</t>
  </si>
  <si>
    <t>POINT (4.676728740153207 51.77644884852659)</t>
  </si>
  <si>
    <t>POINT (4.668042613056652 51.791909006145566)</t>
  </si>
  <si>
    <t>POINT (4.717447250248809 51.80228693455656)</t>
  </si>
  <si>
    <t>POINT (4.6723790948643025 51.81934726408719)</t>
  </si>
  <si>
    <t>POINT (4.669088317325617 51.816595688872525)</t>
  </si>
  <si>
    <t>POINT (4.678505881304318 51.78136646134511)</t>
  </si>
  <si>
    <t>POINT (4.669686590906526 51.81737455809548)</t>
  </si>
  <si>
    <t>POINT (4.710517401702122 51.81481989940312)</t>
  </si>
  <si>
    <t>POINT (4.633200107595867 51.77902333953553)</t>
  </si>
  <si>
    <t>POINT (4.671035621807827 51.81546320450373)</t>
  </si>
  <si>
    <t>POINT (4.6684003862504335 51.80097038178661)</t>
  </si>
  <si>
    <t>POINT (4.65074520716196 51.79500317655422)</t>
  </si>
  <si>
    <t>POINT (4.635118024276479 51.78123891912429)</t>
  </si>
  <si>
    <t>POINT (4.663240581746337 51.80387950614068)</t>
  </si>
  <si>
    <t>POINT (4.690425652399637 51.81791682591139)</t>
  </si>
  <si>
    <t>POINT (4.706799231030528 51.79409076384223)</t>
  </si>
  <si>
    <t>POINT (4.662367161723555 51.789017610575364)</t>
  </si>
  <si>
    <t>POINT (4.701709028320385 51.798090589949226)</t>
  </si>
  <si>
    <t>POINT (4.726323044224158 51.79784434279811)</t>
  </si>
  <si>
    <t>POINT (4.717554124153495 51.81341276815982)</t>
  </si>
  <si>
    <t>POINT (4.705919710702523 51.79617529042274)</t>
  </si>
  <si>
    <t>POINT (4.670505329299007 51.78513030988155)</t>
  </si>
  <si>
    <t>POINT (4.663799724437879 51.80044569702856)</t>
  </si>
  <si>
    <t>POINT (4.667875533781111 51.791182207263596)</t>
  </si>
  <si>
    <t>POINT (4.680849305471148 51.785428422611155)</t>
  </si>
  <si>
    <t>POINT (4.668499461490324 51.80946064831875)</t>
  </si>
  <si>
    <t>POINT (4.655634337979114 51.791607764569484)</t>
  </si>
  <si>
    <t>POINT (4.650364804454243 51.7922782419703)</t>
  </si>
  <si>
    <t>POINT (4.699824499856568 51.79635143019967)</t>
  </si>
  <si>
    <t>POINT (4.70878767098232 51.78662555101565)</t>
  </si>
  <si>
    <t>POINT (4.677695735118733 51.807043719706776)</t>
  </si>
  <si>
    <t>POINT (4.686955785937339 51.77569500672551)</t>
  </si>
  <si>
    <t>POINT (4.686187396914977 51.774854368584116)</t>
  </si>
  <si>
    <t>POINT (4.7166029946236945 51.80651136026664)</t>
  </si>
  <si>
    <t>POINT (4.700125079760047 51.790406457212534)</t>
  </si>
  <si>
    <t>POINT (4.6604104184123365 51.80424019116114)</t>
  </si>
  <si>
    <t>POINT (4.662897001914252 51.81504922421332)</t>
  </si>
  <si>
    <t>POINT (4.716503012681512 51.80299817895145)</t>
  </si>
  <si>
    <t>POINT (4.654385406851998 51.798746162347435)</t>
  </si>
  <si>
    <t>POINT (4.70952003954023 51.79928169648433)</t>
  </si>
  <si>
    <t>POINT (4.671421091501509 51.80204085740611)</t>
  </si>
  <si>
    <t>POINT (4.671952538052232 51.78830618599017)</t>
  </si>
  <si>
    <t>POINT (4.686722415285095 51.777521770650154)</t>
  </si>
  <si>
    <t>POINT (4.725352113682108 51.79851150810008)</t>
  </si>
  <si>
    <t>POINT (4.673614377997612 51.81404406946277)</t>
  </si>
  <si>
    <t>POINT (4.678937115280764 51.806922860840906)</t>
  </si>
  <si>
    <t>POINT (4.703778797594265 51.79883733480085)</t>
  </si>
  <si>
    <t>POINT (4.656145061296848 51.809853801869785)</t>
  </si>
  <si>
    <t>POINT (4.711610122300443 51.80707189039498)</t>
  </si>
  <si>
    <t>POINT (4.668882513437504 51.77202115218788)</t>
  </si>
  <si>
    <t>POINT (4.67695004714746 51.816997126981974)</t>
  </si>
  <si>
    <t>POINT (4.661412037042989 51.80552582326766)</t>
  </si>
  <si>
    <t>POINT (4.685602197990274 51.775366254508164)</t>
  </si>
  <si>
    <t>POINT (4.675707581467028 51.773882593042195)</t>
  </si>
  <si>
    <t>POINT (4.720200613490821 51.814088836628756)</t>
  </si>
  <si>
    <t>POINT (4.693352865893198 51.81809476832061)</t>
  </si>
  <si>
    <t>POINT (4.632826140616109 51.76899615344334)</t>
  </si>
  <si>
    <t>POINT (4.671311495285066 51.80588619468955)</t>
  </si>
  <si>
    <t>POINT (4.652135705971943 51.80389216171074)</t>
  </si>
  <si>
    <t>POINT (4.71509495264286 51.81499808514362)</t>
  </si>
  <si>
    <t>POINT (4.70320465496026 51.798684480672655)</t>
  </si>
  <si>
    <t>POINT (4.668342965183024 51.814535074515675)</t>
  </si>
  <si>
    <t>POINT (4.661307192510144 51.788981582407835)</t>
  </si>
  <si>
    <t>POINT (4.653917769102598 51.781924424999794)</t>
  </si>
  <si>
    <t>POINT (4.674729537650167 51.80444665260032)</t>
  </si>
  <si>
    <t>POINT (4.678638328854499 51.808599440055445)</t>
  </si>
  <si>
    <t>POINT (4.6761276865478685 51.77443912404863)</t>
  </si>
  <si>
    <t>3317AC</t>
  </si>
  <si>
    <t>POINT (4.649688967697562 51.79129433314946)</t>
  </si>
  <si>
    <t>POINT (4.685662837523671 51.811700704091834)</t>
  </si>
  <si>
    <t>POINT (4.675916489808868 51.772872126866396)</t>
  </si>
  <si>
    <t>POINT (4.672139931582737 51.77185603463396)</t>
  </si>
  <si>
    <t>POINT (4.706074457364433 51.791374380971064)</t>
  </si>
  <si>
    <t>POINT (4.6915963751046075 51.78959144838715)</t>
  </si>
  <si>
    <t>POINT (4.683247701823946 51.79823910660338)</t>
  </si>
  <si>
    <t>POINT (4.682903830999829 51.7758138449539)</t>
  </si>
  <si>
    <t>POINT (4.667978603599094 51.814808731456374)</t>
  </si>
  <si>
    <t>POINT (4.676973693077176 51.808370044066116)</t>
  </si>
  <si>
    <t>POINT (4.673854739648003 51.81885218503174)</t>
  </si>
  <si>
    <t>POINT (4.669008871126724 51.79549868263475)</t>
  </si>
  <si>
    <t>POINT (4.659073136104387 51.81261138995195)</t>
  </si>
  <si>
    <t>POINT (4.717903747152242 51.80451653930583)</t>
  </si>
  <si>
    <t>POINT (4.689842583790714 51.80783021826066)</t>
  </si>
  <si>
    <t>POINT (4.6661947122683065 51.81273662755126)</t>
  </si>
  <si>
    <t>POINT (4.657031555576536 51.793360314525195)</t>
  </si>
  <si>
    <t>POINT (4.7041494264881045 51.79678086460254)</t>
  </si>
  <si>
    <t>POINT (4.686346553276273 51.80932954398599)</t>
  </si>
  <si>
    <t>POINT (4.655950036104747 51.78965423892764)</t>
  </si>
  <si>
    <t>POINT (4.684137508202183 51.81926178048278)</t>
  </si>
  <si>
    <t>POINT (4.710722437971118 51.80988974157887)</t>
  </si>
  <si>
    <t>POINT (4.669065605753922 51.80196367829833)</t>
  </si>
  <si>
    <t>POINT (4.714085906532016 51.813998509330105)</t>
  </si>
  <si>
    <t>POINT (4.670495528289781 51.818332731366525)</t>
  </si>
  <si>
    <t>POINT (4.672565123902544 51.78362966468548)</t>
  </si>
  <si>
    <t>POINT (4.703210721473598 51.79726343534003)</t>
  </si>
  <si>
    <t>POINT (4.715046459725983 51.81496281465748)</t>
  </si>
  <si>
    <t>POINT (4.684824885498059 51.788054996686995)</t>
  </si>
  <si>
    <t>POINT (4.683435239803465 51.78576869105382)</t>
  </si>
  <si>
    <t>POINT (4.6734608268441855 51.773415820504475)</t>
  </si>
  <si>
    <t>POINT (4.671122344759102 51.81826643691896)</t>
  </si>
  <si>
    <t>POINT (4.726322898016047 51.79831836714992)</t>
  </si>
  <si>
    <t>POINT (4.66479233611072 51.8108909414147)</t>
  </si>
  <si>
    <t>POINT (4.653560888210356 51.78721822948666)</t>
  </si>
  <si>
    <t>POINT (4.6698814263267385 51.79667167899005)</t>
  </si>
  <si>
    <t>POINT (4.676591602988617 51.78650576413751)</t>
  </si>
  <si>
    <t>POINT (4.674476961048054 51.81810153763316)</t>
  </si>
  <si>
    <t>POINT (4.671424917449398 51.8044060102514)</t>
  </si>
  <si>
    <t>POINT (4.667582494674351 51.80290078576604)</t>
  </si>
  <si>
    <t>POINT (4.651264320709372 51.79093442174459)</t>
  </si>
  <si>
    <t>POINT (4.66239732457389 51.80004756192289)</t>
  </si>
  <si>
    <t>POINT (4.655378246508757 51.79394736632602)</t>
  </si>
  <si>
    <t>POINT (4.6804040619130065 51.780563529561384)</t>
  </si>
  <si>
    <t>POINT (4.6838193400162345 51.77504683194249)</t>
  </si>
  <si>
    <t>POINT (4.729678152288458 51.79753641116168)</t>
  </si>
  <si>
    <t>POINT (4.705420406373652 51.79613305558547)</t>
  </si>
  <si>
    <t>POINT (4.650167352256665 51.79518360055331)</t>
  </si>
  <si>
    <t>POINT (4.714564378628919 51.810605218975375)</t>
  </si>
  <si>
    <t>POINT (4.715186882708433 51.81495929529297)</t>
  </si>
  <si>
    <t>POINT (4.663664251939247 51.8129509836398)</t>
  </si>
  <si>
    <t>POINT (4.719564587692706 51.803617581552054)</t>
  </si>
  <si>
    <t>POINT (4.667774611791602 51.78252752482575)</t>
  </si>
  <si>
    <t>POINT (4.661672356633621 51.79119910801251)</t>
  </si>
  <si>
    <t>POINT (4.676445910094696 51.80735493940373)</t>
  </si>
  <si>
    <t>POINT (4.7013641616479 51.79699943594632)</t>
  </si>
  <si>
    <t>POINT (4.717385950103094 51.80503690358811)</t>
  </si>
  <si>
    <t>POINT (4.659684905811246 51.789873064116506)</t>
  </si>
  <si>
    <t>POINT (4.701606752735877 51.7948199875153)</t>
  </si>
  <si>
    <t>POINT (4.701921928439561 51.81691314999228)</t>
  </si>
  <si>
    <t>POINT (4.676578587539739 51.78372481571204)</t>
  </si>
  <si>
    <t>POINT (4.6589825435145125 51.798899944539066)</t>
  </si>
  <si>
    <t>POINT (4.6720668865797945 51.81052899483003)</t>
  </si>
  <si>
    <t>POINT (4.7203689954882675 51.812757606128706)</t>
  </si>
  <si>
    <t>POINT (4.631565479959818 51.72235393296318)</t>
  </si>
  <si>
    <t>POINT (4.670007513540563 51.81531671172285)</t>
  </si>
  <si>
    <t>POINT (4.663037602904031 51.799802277004176)</t>
  </si>
  <si>
    <t>POINT (4.727270148255416 51.80490131631776)</t>
  </si>
  <si>
    <t>POINT (4.712752748701549 51.80461472002335)</t>
  </si>
  <si>
    <t>POINT (4.731474561100017 51.79145403338575)</t>
  </si>
  <si>
    <t>POINT (4.665004886503364 51.818025394606366)</t>
  </si>
  <si>
    <t>POINT (4.689207677899128 51.80810996384095)</t>
  </si>
  <si>
    <t>POINT (4.704966017837801 51.79790200774602)</t>
  </si>
  <si>
    <t>POINT (4.6630824003307 51.792052623326214)</t>
  </si>
  <si>
    <t>POINT (4.665274116490593 51.780248867003884)</t>
  </si>
  <si>
    <t>POINT (4.66102631737695 51.79471075449434)</t>
  </si>
  <si>
    <t>POINT (4.685770865328852 51.78629751661563)</t>
  </si>
  <si>
    <t>POINT (4.728033680116063 51.79994263881499)</t>
  </si>
  <si>
    <t>POINT (4.675791433469151 51.78462863113702)</t>
  </si>
  <si>
    <t>POINT (4.733433402098545 51.80122505700158)</t>
  </si>
  <si>
    <t>POINT (4.660086013670066 51.800803205690734)</t>
  </si>
  <si>
    <t>POINT (4.6730908249378125 51.81723959271663)</t>
  </si>
  <si>
    <t>POINT (4.68394077336992 51.78539800008254)</t>
  </si>
  <si>
    <t>POINT (4.6555669992127235 51.78848455848919)</t>
  </si>
  <si>
    <t>POINT (4.654874073477759 51.79340927523694)</t>
  </si>
  <si>
    <t>POINT (4.677188515573933 51.81434385729101)</t>
  </si>
  <si>
    <t>POINT (4.669021494080374 51.790705088030236)</t>
  </si>
  <si>
    <t>POINT (4.6781167165581 51.77354738778286)</t>
  </si>
  <si>
    <t>POINT (4.683593416498596 51.80761213384004)</t>
  </si>
  <si>
    <t>POINT (4.6762225813740175 51.80734278208029)</t>
  </si>
  <si>
    <t>POINT (4.661733237716984 51.79500630800347)</t>
  </si>
  <si>
    <t>POINT (4.6666668498959885 51.79887001289711)</t>
  </si>
  <si>
    <t>POINT (4.653740421946257 51.79415090763696)</t>
  </si>
  <si>
    <t>POINT (4.675966222361223 51.789426868747384)</t>
  </si>
  <si>
    <t>POINT (4.666090562695602 51.812737326926495)</t>
  </si>
  <si>
    <t>POINT (4.705720490023318 51.796474300821124)</t>
  </si>
  <si>
    <t>POINT (4.6681309633428185 51.773138886940465)</t>
  </si>
  <si>
    <t>POINT (4.680484854836452 51.78810946931759)</t>
  </si>
  <si>
    <t>POINT (4.728147608630945 51.797318972612075)</t>
  </si>
  <si>
    <t>POINT (4.669045044756158 51.77227824512692)</t>
  </si>
  <si>
    <t>POINT (4.714734540491475 51.814553330185184)</t>
  </si>
  <si>
    <t>POINT (4.671433141412588 51.80039823954064)</t>
  </si>
  <si>
    <t>POINT (4.705278882525485 51.792981661007815)</t>
  </si>
  <si>
    <t>POINT (4.682581756521843 51.804447264398924)</t>
  </si>
  <si>
    <t>POINT (4.666936317401268 51.80028149879571)</t>
  </si>
  <si>
    <t>POINT (4.67329977651794 51.796701922365855)</t>
  </si>
  <si>
    <t>POINT (4.659526445624625 51.80310797967293)</t>
  </si>
  <si>
    <t>POINT (4.6747576137441245 51.81831398991223)</t>
  </si>
  <si>
    <t>POINT (4.665352846403642 51.800300072837246)</t>
  </si>
  <si>
    <t>POINT (4.718917655133005 51.81258984702408)</t>
  </si>
  <si>
    <t>POINT (4.702363732718084 51.797676368492255)</t>
  </si>
  <si>
    <t>POINT (4.700686753562042 51.79973592929464)</t>
  </si>
  <si>
    <t>POINT (4.667782647107594 51.79258760500803)</t>
  </si>
  <si>
    <t>POINT (4.6607136632856845 51.78723637284508)</t>
  </si>
  <si>
    <t>POINT (4.7101746380403275 51.805574512483005)</t>
  </si>
  <si>
    <t>POINT (4.671395037763919 51.805265361738144)</t>
  </si>
  <si>
    <t>POINT (4.68391993689878 51.777431481483134)</t>
  </si>
  <si>
    <t>POINT (4.652071727449504 51.79306867632689)</t>
  </si>
  <si>
    <t>POINT (4.669007105356588 51.812451404136354)</t>
  </si>
  <si>
    <t>POINT (4.67036228496265 51.81131054176721)</t>
  </si>
  <si>
    <t>POINT (4.66175658304855 51.77167199684299)</t>
  </si>
  <si>
    <t>POINT (4.65851777940973 51.76951463182928)</t>
  </si>
  <si>
    <t>POINT (4.67835221704078 51.80762359160251)</t>
  </si>
  <si>
    <t>POINT (4.680085897015615 51.816508491097125)</t>
  </si>
  <si>
    <t>POINT (4.669354960863813 51.78123198375278)</t>
  </si>
  <si>
    <t>POINT (4.67769335122646 51.78004300555018)</t>
  </si>
  <si>
    <t>POINT (4.65388936689119 51.795165738019634)</t>
  </si>
  <si>
    <t>POINT (4.663322545976895 51.7899025153494)</t>
  </si>
  <si>
    <t>POINT (4.680464876254389 51.80467886347477)</t>
  </si>
  <si>
    <t>POINT (4.725943166610192 51.79713508364489)</t>
  </si>
  <si>
    <t>POINT (4.661155671941327 51.77225961047547)</t>
  </si>
  <si>
    <t>POINT (4.681346004500041 51.77453536470637)</t>
  </si>
  <si>
    <t>POINT (4.688109684969199 51.807806451075926)</t>
  </si>
  <si>
    <t>POINT (4.667641668835952 51.79898759007264)</t>
  </si>
  <si>
    <t>POINT (4.656490533858174 51.80441966422187)</t>
  </si>
  <si>
    <t>POINT (4.6525597016624225 51.78569621421088)</t>
  </si>
  <si>
    <t>POINT (4.71070872498205 51.800999142147596)</t>
  </si>
  <si>
    <t>POINT (4.666841916996343 51.81184455677964)</t>
  </si>
  <si>
    <t>POINT (4.700806397297622 51.79094227835842)</t>
  </si>
  <si>
    <t>POINT (4.6792231237445465 51.77701771702873)</t>
  </si>
  <si>
    <t>POINT (4.659717149308524 51.78415562607247)</t>
  </si>
  <si>
    <t>POINT (4.6855368093765675 51.78465547406091)</t>
  </si>
  <si>
    <t>POINT (4.650916605507853 51.793966200101984)</t>
  </si>
  <si>
    <t>POINT (4.708732165183555 51.80654577304747)</t>
  </si>
  <si>
    <t>POINT (4.678551870729225 51.80478457398152)</t>
  </si>
  <si>
    <t>POINT (4.7230530552116194 51.80325354556288)</t>
  </si>
  <si>
    <t>POINT (4.712740473540637 51.790744551094605)</t>
  </si>
  <si>
    <t>POINT (4.671487253451011 51.80899365563412)</t>
  </si>
  <si>
    <t>POINT (4.71777801309235 51.80063951304154)</t>
  </si>
  <si>
    <t>POINT (4.6668820095173835 51.815333928626536)</t>
  </si>
  <si>
    <t>POINT (4.673897212875232 51.811609840883214)</t>
  </si>
  <si>
    <t>POINT (4.683580821017642 51.80189582904984)</t>
  </si>
  <si>
    <t>POINT (4.694768384593524 51.7909693472138)</t>
  </si>
  <si>
    <t>POINT (4.731342791884801 51.801424919457155)</t>
  </si>
  <si>
    <t>POINT (4.659609348584633 51.79067904437086)</t>
  </si>
  <si>
    <t>POINT (4.6882862932450715 51.80744102623318)</t>
  </si>
  <si>
    <t>POINT (4.71943169940671 51.80087621418952)</t>
  </si>
  <si>
    <t>POINT (4.675053688528835 51.80735037244669)</t>
  </si>
  <si>
    <t>POINT (4.726968387949607 51.805838203274256)</t>
  </si>
  <si>
    <t>POINT (4.655868039088486 51.78483033000435)</t>
  </si>
  <si>
    <t>POINT (4.6627576214007975 51.79523152183556)</t>
  </si>
  <si>
    <t>POINT (4.711557097251934 51.79854858165334)</t>
  </si>
  <si>
    <t>POINT (4.705986371771929 51.796254570988395)</t>
  </si>
  <si>
    <t>POINT (4.653681665238253 51.79415207734869)</t>
  </si>
  <si>
    <t>POINT (4.695381805463801 51.79309060839017)</t>
  </si>
  <si>
    <t>POINT (4.678697751077261 51.81376458050838)</t>
  </si>
  <si>
    <t>POINT (4.652205234574599 51.794878104225766)</t>
  </si>
  <si>
    <t>POINT (4.68720823942248 51.80915645102147)</t>
  </si>
  <si>
    <t>POINT (4.659804880339458 51.79067028846294)</t>
  </si>
  <si>
    <t>POINT (4.655570030285703 51.81009376663748)</t>
  </si>
  <si>
    <t>POINT (4.676025990953501 51.81339292699578)</t>
  </si>
  <si>
    <t>POINT (4.684711014731272 51.77446207682898)</t>
  </si>
  <si>
    <t>POINT (4.66782858971342 51.81172851614182)</t>
  </si>
  <si>
    <t>POINT (4.6555402686360505 51.790108705959234)</t>
  </si>
  <si>
    <t>POINT (4.728490927477436 51.80318944044279)</t>
  </si>
  <si>
    <t>POINT (4.664686189288368 51.81272322373164)</t>
  </si>
  <si>
    <t>POINT (4.676409829157769 51.81846971421408)</t>
  </si>
  <si>
    <t>POINT (4.72909001312194 51.797875050631355)</t>
  </si>
  <si>
    <t>POINT (4.648333658530106 51.8057525112572)</t>
  </si>
  <si>
    <t>POINT (4.673959176443385 51.80477767268747)</t>
  </si>
  <si>
    <t>POINT (4.730623186055935 51.80159632616328)</t>
  </si>
  <si>
    <t>POINT (4.653723161157675 51.785462705210136)</t>
  </si>
  <si>
    <t>POINT (4.7107075407651395 51.806003656932624)</t>
  </si>
  <si>
    <t>POINT (4.667605547414327 51.81593481983407)</t>
  </si>
  <si>
    <t>POINT (4.660108290129728 51.80134412166173)</t>
  </si>
  <si>
    <t>POINT (4.679256639687828 51.80452605327932)</t>
  </si>
  <si>
    <t>POINT (4.731381744418977 51.79995754424195)</t>
  </si>
  <si>
    <t>POINT (4.730192054556146 51.805205780637436)</t>
  </si>
  <si>
    <t>POINT (4.733706767134441 51.802182449288274)</t>
  </si>
  <si>
    <t>POINT (4.651983339380286 51.784372367000564)</t>
  </si>
  <si>
    <t>POINT (4.704183701396874 51.81662347147669)</t>
  </si>
  <si>
    <t>POINT (4.6796559030222955 51.77994349961701)</t>
  </si>
  <si>
    <t>POINT (4.728442221823348 51.79996776442903)</t>
  </si>
  <si>
    <t>POINT (4.716215765728922 51.80671082487706)</t>
  </si>
  <si>
    <t>POINT (4.721832891015913 51.79448952393522)</t>
  </si>
  <si>
    <t>POINT (4.661560266328613 51.793311416291594)</t>
  </si>
  <si>
    <t>POINT (4.669691948777396 51.81011443853452)</t>
  </si>
  <si>
    <t>POINT (4.672524320389623 51.785128911447046)</t>
  </si>
  <si>
    <t>POINT (4.659547125021417 51.80477639143117)</t>
  </si>
  <si>
    <t>POINT (4.696286941929682 51.78965283921935)</t>
  </si>
  <si>
    <t>POINT (4.681926682335556 51.77559117459014)</t>
  </si>
  <si>
    <t>POINT (4.669485649170495 51.80437009265048)</t>
  </si>
  <si>
    <t>POINT (4.656861653368327 51.80258368754177)</t>
  </si>
  <si>
    <t>POINT (4.69296081481947 51.793389004959465)</t>
  </si>
  <si>
    <t>POINT (4.651025844164276 51.792713050235776)</t>
  </si>
  <si>
    <t>POINT (4.656231523583419 51.79041977297952)</t>
  </si>
  <si>
    <t>POINT (4.7310438397463335 51.7983704454637)</t>
  </si>
  <si>
    <t>POINT (4.659300633316901 51.8127807908018)</t>
  </si>
  <si>
    <t>POINT (4.671608302080063 51.8119944184953)</t>
  </si>
  <si>
    <t>POINT (4.666787087964399 51.80005291703741)</t>
  </si>
  <si>
    <t>POINT (4.6354661388322045 51.78059917504241)</t>
  </si>
  <si>
    <t>POINT (4.662748479644022 51.80939959502748)</t>
  </si>
  <si>
    <t>POINT (4.6869902300005934 51.802219619617546)</t>
  </si>
  <si>
    <t>POINT (4.669434039702126 51.79873977550009)</t>
  </si>
  <si>
    <t>POINT (4.665684980149942 51.81237348009216)</t>
  </si>
  <si>
    <t>POINT (4.681784939266764 51.79218073010869)</t>
  </si>
  <si>
    <t>POINT (4.729612541322502 51.79744675925863)</t>
  </si>
  <si>
    <t>POINT (4.661425554937566 51.81452342812603)</t>
  </si>
  <si>
    <t>POINT (4.696412398953934 51.79293147840725)</t>
  </si>
  <si>
    <t>POINT (4.694847834651995 51.79170581798825)</t>
  </si>
  <si>
    <t>POINT (4.667310293154635 51.809219644374586)</t>
  </si>
  <si>
    <t>POINT (4.674159519231409 51.819075320073054)</t>
  </si>
  <si>
    <t>POINT (4.661781904823405 51.8056422848114)</t>
  </si>
  <si>
    <t>POINT (4.7105423204284325 51.81532791918663)</t>
  </si>
  <si>
    <t>POINT (4.678239119914535 51.773783694858146)</t>
  </si>
  <si>
    <t>POINT (4.678954835717107 51.7998934354747)</t>
  </si>
  <si>
    <t>POINT (4.638315497969403 51.77439306898627)</t>
  </si>
  <si>
    <t>POINT (4.682054303357003 51.804396240126906)</t>
  </si>
  <si>
    <t>POINT (4.71247134650268 51.79947856869654)</t>
  </si>
  <si>
    <t>POINT (4.652402635474419 51.79249457303359)</t>
  </si>
  <si>
    <t>POINT (4.709036297409423 51.796318837239916)</t>
  </si>
  <si>
    <t>POINT (4.672691320673546 51.81712485672777)</t>
  </si>
  <si>
    <t>POINT (4.667826077257316 51.81171784016781)</t>
  </si>
  <si>
    <t>POINT (4.6785045800970755 51.7862808354123)</t>
  </si>
  <si>
    <t>POINT (4.680914788107328 51.788568836979465)</t>
  </si>
  <si>
    <t>POINT (4.6814211404599115 51.777008968855455)</t>
  </si>
  <si>
    <t>POINT (4.652241287303558 51.78841691101762)</t>
  </si>
  <si>
    <t>POINT (4.659318827983359 51.80052138119463)</t>
  </si>
  <si>
    <t>POINT (4.672150977579093 51.81273364711775)</t>
  </si>
  <si>
    <t>POINT (4.686604126420375 51.78256811763759)</t>
  </si>
  <si>
    <t>POINT (4.636186463723216 51.76797410957907)</t>
  </si>
  <si>
    <t>POINT (4.666595116354456 51.8077858744303)</t>
  </si>
  <si>
    <t>POINT (4.71208800171717 51.8060974849099)</t>
  </si>
  <si>
    <t>POINT (4.659148318030827 51.8010341261794)</t>
  </si>
  <si>
    <t>POINT (4.668378809689063 51.77415825262899)</t>
  </si>
  <si>
    <t>POINT (4.666333808621172 51.77603841918466)</t>
  </si>
  <si>
    <t>POINT (4.661539941441598 51.790666741925776)</t>
  </si>
  <si>
    <t>POINT (4.674011247230206 51.78388017234411)</t>
  </si>
  <si>
    <t>POINT (4.684594000942868 51.79256585372756)</t>
  </si>
  <si>
    <t>POINT (4.6713751127519965 51.772311887809074)</t>
  </si>
  <si>
    <t>POINT (4.695480109379916 51.79566886089002)</t>
  </si>
  <si>
    <t>POINT (4.661606145591708 51.794991212023696)</t>
  </si>
  <si>
    <t>POINT (4.66009444716664 51.78961155994871)</t>
  </si>
  <si>
    <t>POINT (4.653672766536873 51.792985062537234)</t>
  </si>
  <si>
    <t>POINT (4.698230501932721 51.79271400120496)</t>
  </si>
  <si>
    <t>POINT (4.6889347198797315 51.81955777818381)</t>
  </si>
  <si>
    <t>POINT (4.671830881455513 51.818563356983425)</t>
  </si>
  <si>
    <t>POINT (4.697894578152907 51.80106612359789)</t>
  </si>
  <si>
    <t>POINT (4.698055026137622 51.7913813704711)</t>
  </si>
  <si>
    <t>POINT (4.657387239814128 51.81042675168641)</t>
  </si>
  <si>
    <t>POINT (4.7208599341936575 51.80488751644872)</t>
  </si>
  <si>
    <t>POINT (4.674111781458294 51.77498537108983)</t>
  </si>
  <si>
    <t>POINT (4.6935628115264585 51.78962427834466)</t>
  </si>
  <si>
    <t>POINT (4.662393222489964 51.81263081946915)</t>
  </si>
  <si>
    <t>POINT (4.66020020201057 51.81001185670901)</t>
  </si>
  <si>
    <t>POINT (4.667983550949314 51.81172324580779)</t>
  </si>
  <si>
    <t>POINT (4.66395499586151 51.795243655471545)</t>
  </si>
  <si>
    <t>3316EB</t>
  </si>
  <si>
    <t>POINT (4.643661497846318 51.77699201031523)</t>
  </si>
  <si>
    <t>POINT (4.672131987165973 51.773943426376896)</t>
  </si>
  <si>
    <t>POINT (4.656670647042052 51.811856141405215)</t>
  </si>
  <si>
    <t>POINT (4.661638989956868 51.81660126766475)</t>
  </si>
  <si>
    <t>POINT (4.674391546689897 51.81275702166936)</t>
  </si>
  <si>
    <t>POINT (4.684040291932602 51.80386432556352)</t>
  </si>
  <si>
    <t>POINT (4.6926086396796824 51.81137878064704)</t>
  </si>
  <si>
    <t>POINT (4.67330940886169 51.816325372762726)</t>
  </si>
  <si>
    <t>POINT (4.698960150001167 51.79120391727975)</t>
  </si>
  <si>
    <t>POINT (4.6992225059513375 51.79837827980462)</t>
  </si>
  <si>
    <t>POINT (4.684567148188711 51.80879887263918)</t>
  </si>
  <si>
    <t>POINT (4.664310014215497 51.79014254449893)</t>
  </si>
  <si>
    <t>POINT (4.650866112426049 51.78937161684741)</t>
  </si>
  <si>
    <t>POINT (4.692115160821219 51.805559457794544)</t>
  </si>
  <si>
    <t>POINT (4.6644919025648495 51.79677863816408)</t>
  </si>
  <si>
    <t>POINT (4.676905689613889 51.81608903927922)</t>
  </si>
  <si>
    <t>POINT (4.674041350063353 51.7794996205765)</t>
  </si>
  <si>
    <t>POINT (4.729647497945214 51.800072753106605)</t>
  </si>
  <si>
    <t>POINT (4.6849006398316595 51.79908043821687)</t>
  </si>
  <si>
    <t>POINT (4.6591740253270855 51.81112511655167)</t>
  </si>
  <si>
    <t>POINT (4.675187402674832 51.813403185725704)</t>
  </si>
  <si>
    <t>POINT (4.72581169548335 51.798082186300185)</t>
  </si>
  <si>
    <t>POINT (4.674401870819043 51.817997280482906)</t>
  </si>
  <si>
    <t>POINT (4.710375076325184 51.806097405947575)</t>
  </si>
  <si>
    <t>POINT (4.666102413973262 51.81038332744112)</t>
  </si>
  <si>
    <t>POINT (4.652661667529913 51.794470062014256)</t>
  </si>
  <si>
    <t>POINT (4.654924882758363 51.78969971798846)</t>
  </si>
  <si>
    <t>POINT (4.665142106756918 51.81626056659597)</t>
  </si>
  <si>
    <t>POINT (4.672295505741443 51.77965041168482)</t>
  </si>
  <si>
    <t>POINT (4.675925655439905 51.772790672819255)</t>
  </si>
  <si>
    <t>POINT (4.6726053610028 51.78356432824041)</t>
  </si>
  <si>
    <t>POINT (4.664509258556765 51.81589369049715)</t>
  </si>
  <si>
    <t>POINT (4.728297853196457 51.79853375974312)</t>
  </si>
  <si>
    <t>POINT (4.660974591793139 51.7961308917695)</t>
  </si>
  <si>
    <t>POINT (4.677576324505059 51.79039883210818)</t>
  </si>
  <si>
    <t>POINT (4.663070550453466 51.816275649763696)</t>
  </si>
  <si>
    <t>POINT (4.67186350670816 51.79287286285514)</t>
  </si>
  <si>
    <t>POINT (4.678975552739567 51.78059600022872)</t>
  </si>
  <si>
    <t>POINT (4.720924008854702 51.8129932674916)</t>
  </si>
  <si>
    <t>POINT (4.684236935661904 51.80859449712406)</t>
  </si>
  <si>
    <t>POINT (4.633451307033496 51.7836227482799)</t>
  </si>
  <si>
    <t>POINT (4.659452923827454 51.803087200249415)</t>
  </si>
  <si>
    <t>POINT (4.68293833886476 51.806104345554594)</t>
  </si>
  <si>
    <t>POINT (4.71666497957502 51.812946196639516)</t>
  </si>
  <si>
    <t>POINT (4.670854945596503 51.80976424387544)</t>
  </si>
  <si>
    <t>POINT (4.658489116372949 51.809801209232475)</t>
  </si>
  <si>
    <t>POINT (4.6655583749965555 51.80920357132552)</t>
  </si>
  <si>
    <t>POINT (4.6823330948253785 51.77817433703326)</t>
  </si>
  <si>
    <t>POINT (4.666966359302528 51.77804159320964)</t>
  </si>
  <si>
    <t>POINT (4.7084257502445075 51.79080795230022)</t>
  </si>
  <si>
    <t>POINT (4.7317316406911765 51.798482558110095)</t>
  </si>
  <si>
    <t>POINT (4.665600979805532 51.80146347742299)</t>
  </si>
  <si>
    <t>POINT (4.693062329542698 51.79090000262743)</t>
  </si>
  <si>
    <t>POINT (4.661165731168172 51.81481769238497)</t>
  </si>
  <si>
    <t>POINT (4.654670832981919 51.79413296365439)</t>
  </si>
  <si>
    <t>POINT (4.708692943840719 51.7940695787585)</t>
  </si>
  <si>
    <t>POINT (4.669649524701565 51.80249991130786)</t>
  </si>
  <si>
    <t>POINT (4.673103691140899 51.77575142175434)</t>
  </si>
  <si>
    <t>POINT (4.678232338610462 51.816406154334864)</t>
  </si>
  <si>
    <t>POINT (4.685822979663668 51.77764050250611)</t>
  </si>
  <si>
    <t>POINT (4.706211091594788 51.79423754303302)</t>
  </si>
  <si>
    <t>POINT (4.6960966153034756 51.792959775586404)</t>
  </si>
  <si>
    <t>POINT (4.664046660137771 51.79543509553336)</t>
  </si>
  <si>
    <t>POINT (4.670871791954791 51.81624305049146)</t>
  </si>
  <si>
    <t>POINT (4.72944329864489 51.80378262186061)</t>
  </si>
  <si>
    <t>POINT (4.652292317172166 51.785196033973826)</t>
  </si>
  <si>
    <t>POINT (4.709014936790503 51.806908625542206)</t>
  </si>
  <si>
    <t>POINT (4.639216796251596 51.77556124462823)</t>
  </si>
  <si>
    <t>POINT (4.677253984142426 51.77230436020234)</t>
  </si>
  <si>
    <t>POINT (4.678727164011644 51.78704547296055)</t>
  </si>
  <si>
    <t>POINT (4.6722073924709955 51.80372142083795)</t>
  </si>
  <si>
    <t>POINT (4.689279075762674 51.769046016247046)</t>
  </si>
  <si>
    <t>POINT (4.653623738014978 51.78926462479805)</t>
  </si>
  <si>
    <t>POINT (4.680294341426155 51.80562284252898)</t>
  </si>
  <si>
    <t>POINT (4.659552922295588 51.808791351784485)</t>
  </si>
  <si>
    <t>POINT (4.667765589285652 51.814284374781636)</t>
  </si>
  <si>
    <t>POINT (4.649975686988352 51.793352591227354)</t>
  </si>
  <si>
    <t>POINT (4.672230499670775 51.811432760397985)</t>
  </si>
  <si>
    <t>POINT (4.682755721270084 51.80485548683841)</t>
  </si>
  <si>
    <t>POINT (4.672151192991617 51.79954800941746)</t>
  </si>
  <si>
    <t>POINT (4.681045823199551 51.809350906570195)</t>
  </si>
  <si>
    <t>POINT (4.671438474256767 51.80592882061922)</t>
  </si>
  <si>
    <t>POINT (4.674180882033676 51.81595415335454)</t>
  </si>
  <si>
    <t>POINT (4.67259508839067 51.808657309511744)</t>
  </si>
  <si>
    <t>POINT (4.677952304226811 51.78771945504476)</t>
  </si>
  <si>
    <t>POINT (4.659955057857806 51.79093936165862)</t>
  </si>
  <si>
    <t>POINT (4.68573811926212 51.77591220522408)</t>
  </si>
  <si>
    <t>POINT (4.669779451490836 51.804295090067626)</t>
  </si>
  <si>
    <t>POINT (4.670260146018558 51.781721004601046)</t>
  </si>
  <si>
    <t>POINT (4.664203289051774 51.7922074547013)</t>
  </si>
  <si>
    <t>POINT (4.669351994280095 51.79648376812215)</t>
  </si>
  <si>
    <t>POINT (4.672767693916337 51.77878147401238)</t>
  </si>
  <si>
    <t>POINT (4.714606283691933 51.803494272694074)</t>
  </si>
  <si>
    <t>POINT (4.673541613947394 51.80782462403017)</t>
  </si>
  <si>
    <t>POINT (4.684464129868403 51.80504216951879)</t>
  </si>
  <si>
    <t>POINT (4.681046048715345 51.779876641717905)</t>
  </si>
  <si>
    <t>POINT (4.66415523773826 51.79221193155642)</t>
  </si>
  <si>
    <t>POINT (4.667909487987966 51.81053268181938)</t>
  </si>
  <si>
    <t>POINT (4.660738024656979 51.78938519359358)</t>
  </si>
  <si>
    <t>POINT (4.7188786302995345 51.80547344495814)</t>
  </si>
  <si>
    <t>POINT (4.726918955011703 51.8058622214112)</t>
  </si>
  <si>
    <t>POINT (4.7011270557540525 51.797327025857385)</t>
  </si>
  <si>
    <t>POINT (4.71575966715694 51.80141148498466)</t>
  </si>
  <si>
    <t>POINT (4.661021138976956 51.804713838301474)</t>
  </si>
  <si>
    <t>POINT (4.674068205814264 51.81905951150023)</t>
  </si>
  <si>
    <t>POINT (4.669825227218015 51.776346170861615)</t>
  </si>
  <si>
    <t>POINT (4.672821200958594 51.77123033818722)</t>
  </si>
  <si>
    <t>POINT (4.672816469353447 51.8039958877922)</t>
  </si>
  <si>
    <t>POINT (4.656125798035258 51.80343179070294)</t>
  </si>
  <si>
    <t>POINT (4.678548758287964 51.77530919705738)</t>
  </si>
  <si>
    <t>POINT (4.71960378677986 51.8052311132832)</t>
  </si>
  <si>
    <t>POINT (4.702950387835468 51.81560463340048)</t>
  </si>
  <si>
    <t>POINT (4.732519854752685 51.797012462305744)</t>
  </si>
  <si>
    <t>POINT (4.672864881967327 51.81875034522107)</t>
  </si>
  <si>
    <t>POINT (4.718853964993146 51.80235657284924)</t>
  </si>
  <si>
    <t>POINT (4.663091720565953 51.79723336304779)</t>
  </si>
  <si>
    <t>POINT (4.674317070827888 51.81916000658121)</t>
  </si>
  <si>
    <t>POINT (4.670247445677331 51.79330315619313)</t>
  </si>
  <si>
    <t>POINT (4.714692168791411 51.8049832580389)</t>
  </si>
  <si>
    <t>POINT (4.671389111906943 51.81066798013451)</t>
  </si>
  <si>
    <t>POINT (4.705465823955058 51.82112017630217)</t>
  </si>
  <si>
    <t>POINT (4.6723539308699475 51.7752602864413)</t>
  </si>
  <si>
    <t>POINT (4.684491872037943 51.80096631387725)</t>
  </si>
  <si>
    <t>POINT (4.728512750065473 51.79958083084148)</t>
  </si>
  <si>
    <t>POINT (4.677783874513604 51.79072514546588)</t>
  </si>
  <si>
    <t>POINT (4.694750784815508 51.818455316575445)</t>
  </si>
  <si>
    <t>POINT (4.669213385525285 51.77395554567417)</t>
  </si>
  <si>
    <t>POINT (4.733951269473228 51.78910522056731)</t>
  </si>
  <si>
    <t>POINT (4.684450025325294 51.807742011798396)</t>
  </si>
  <si>
    <t>POINT (4.677329582813832 51.773778714570796)</t>
  </si>
  <si>
    <t>POINT (4.728123938275354 51.79730983302631)</t>
  </si>
  <si>
    <t>POINT (4.702486262489857 51.79693238176783)</t>
  </si>
  <si>
    <t>POINT (4.6682250259146985 51.80412736582397)</t>
  </si>
  <si>
    <t>POINT (4.666695255234257 51.80244351548468)</t>
  </si>
  <si>
    <t>POINT (4.663735403376966 51.78819731608668)</t>
  </si>
  <si>
    <t>POINT (4.6823139318354405 51.778400179824196)</t>
  </si>
  <si>
    <t>POINT (4.657787247766958 51.80985713571129)</t>
  </si>
  <si>
    <t>POINT (4.641947209865759 51.76437140713838)</t>
  </si>
  <si>
    <t>POINT (4.62885855437995 51.79731225495741)</t>
  </si>
  <si>
    <t>POINT (4.70241622134995 51.79989967011201)</t>
  </si>
  <si>
    <t>POINT (4.675386794098191 51.80396774278114)</t>
  </si>
  <si>
    <t>POINT (4.66945637150365 51.81319750727661)</t>
  </si>
  <si>
    <t>POINT (4.679318876423398 51.80778992877111)</t>
  </si>
  <si>
    <t>POINT (4.707208934998256 51.80631709352599)</t>
  </si>
  <si>
    <t>POINT (4.73390187090005 51.792261425606966)</t>
  </si>
  <si>
    <t>POINT (4.6697650585655035 51.811041564273005)</t>
  </si>
  <si>
    <t>POINT (4.668870925282051 51.79547308323838)</t>
  </si>
  <si>
    <t>POINT (4.657525702977849 51.7933735732332)</t>
  </si>
  <si>
    <t>POINT (4.683301843114865 51.81167795488637)</t>
  </si>
  <si>
    <t>POINT (4.710882213928623 51.79590068861198)</t>
  </si>
  <si>
    <t>POINT (4.6614749655111645 51.78731542184386)</t>
  </si>
  <si>
    <t>POINT (4.676321228291264 51.772867542682505)</t>
  </si>
  <si>
    <t>POINT (4.683520885175838 51.77466168246269)</t>
  </si>
  <si>
    <t>POINT (4.657509510933671 51.80093229690921)</t>
  </si>
  <si>
    <t>POINT (4.6696365001028655 51.818998846032)</t>
  </si>
  <si>
    <t>POINT (4.674440269168692 51.81811606520311)</t>
  </si>
  <si>
    <t>POINT (4.6736896296268 51.804796231493405)</t>
  </si>
  <si>
    <t>POINT (4.729299751377115 51.79607145106027)</t>
  </si>
  <si>
    <t>POINT (4.660317869017909 51.799687652944264)</t>
  </si>
  <si>
    <t>POINT (4.705384468747726 51.815035823392286)</t>
  </si>
  <si>
    <t>POINT (4.670605087537111 51.7934005135934)</t>
  </si>
  <si>
    <t>POINT (4.710733809952513 51.80501996474625)</t>
  </si>
  <si>
    <t>POINT (4.678488331010086 51.78965897604254)</t>
  </si>
  <si>
    <t>POINT (4.655020510004764 51.810758216886306)</t>
  </si>
  <si>
    <t>POINT (4.684850308705661 51.78950274111513)</t>
  </si>
  <si>
    <t>POINT (4.631755194939993 51.769838399942735)</t>
  </si>
  <si>
    <t>POINT (4.66960688987354 51.77423172331911)</t>
  </si>
  <si>
    <t>POINT (4.6996091999114595 51.79107780093947)</t>
  </si>
  <si>
    <t>POINT (4.681398330487836 51.80139458172406)</t>
  </si>
  <si>
    <t>POINT (4.6626899129092765 51.794550775975985)</t>
  </si>
  <si>
    <t>POINT (4.677554486979611 51.79040029100851)</t>
  </si>
  <si>
    <t>POINT (4.65121679857704 51.79049242718117)</t>
  </si>
  <si>
    <t>POINT (4.6850434180243266 51.77639397744965)</t>
  </si>
  <si>
    <t>POINT (4.731224915794657 51.795067520645695)</t>
  </si>
  <si>
    <t>POINT (4.677558264540073 51.7812058477345)</t>
  </si>
  <si>
    <t>POINT (4.685379669727962 51.78946764442081)</t>
  </si>
  <si>
    <t>POINT (4.675986634302159 51.817806258879095)</t>
  </si>
  <si>
    <t>POINT (4.706858177850731 51.79430082021755)</t>
  </si>
  <si>
    <t>POINT (4.717189094717511 51.795562390104614)</t>
  </si>
  <si>
    <t>POINT (4.73013906679275 51.80173517821428)</t>
  </si>
  <si>
    <t>POINT (4.680483993894312 51.781228159227915)</t>
  </si>
  <si>
    <t>POINT (4.6784833674350885 51.772663443122575)</t>
  </si>
  <si>
    <t>POINT (4.697405188818537 51.7953901307705)</t>
  </si>
  <si>
    <t>POINT (4.666343858550627 51.80201497866366)</t>
  </si>
  <si>
    <t>POINT (4.709278126375764 51.79432432059073)</t>
  </si>
  <si>
    <t>POINT (4.7052957672267794 51.808176592609136)</t>
  </si>
  <si>
    <t>POINT (4.668261015534653 51.79198341392112)</t>
  </si>
  <si>
    <t>POINT (4.708331816263631 51.79079689202444)</t>
  </si>
  <si>
    <t>POINT (4.656499334290141 51.770789061181944)</t>
  </si>
  <si>
    <t>POINT (4.686902233519798 51.78258290442775)</t>
  </si>
  <si>
    <t>POINT (4.667141333884783 51.77111906330687)</t>
  </si>
  <si>
    <t>POINT (4.655975490588175 51.80122202534129)</t>
  </si>
  <si>
    <t>POINT (4.678528092420775 51.778277214564085)</t>
  </si>
  <si>
    <t>POINT (4.665684015342505 51.77547629615457)</t>
  </si>
  <si>
    <t>POINT (4.666205070475185 51.77909927400674)</t>
  </si>
  <si>
    <t>POINT (4.668410524749083 51.81361049073816)</t>
  </si>
  <si>
    <t>POINT (4.661577799415036 51.8161634732802)</t>
  </si>
  <si>
    <t>POINT (4.662573718843272 51.80892927065581)</t>
  </si>
  <si>
    <t>POINT (4.680170050969059 51.80834351323169)</t>
  </si>
  <si>
    <t>POINT (4.7171619968824565 51.80427153620976)</t>
  </si>
  <si>
    <t>POINT (4.708956016466043 51.796062304206636)</t>
  </si>
  <si>
    <t>POINT (4.657718435367164 51.811623128930414)</t>
  </si>
  <si>
    <t>POINT (4.656764162907942 51.80121147728226)</t>
  </si>
  <si>
    <t>POINT (4.675974093947214 51.77463423648936)</t>
  </si>
  <si>
    <t>POINT (4.653269884414112 51.79316540010609)</t>
  </si>
  <si>
    <t>POINT (4.680597753936444 51.79182664018395)</t>
  </si>
  <si>
    <t>POINT (4.6977185078934465 51.79704534839191)</t>
  </si>
  <si>
    <t>POINT (4.675881023012642 51.80546434374744)</t>
  </si>
  <si>
    <t>POINT (4.691234855405687 51.79147149795915)</t>
  </si>
  <si>
    <t>POINT (4.668729490843357 51.81509897299481)</t>
  </si>
  <si>
    <t>POINT (4.65369054275247 51.79264156226773)</t>
  </si>
  <si>
    <t>POINT (4.7159575980884 51.81510898931626)</t>
  </si>
  <si>
    <t>POINT (4.668012990770483 51.77326628874687)</t>
  </si>
  <si>
    <t>POINT (4.679089151411793 51.804800752298085)</t>
  </si>
  <si>
    <t>POINT (4.7267250997622074 51.7915558834667)</t>
  </si>
  <si>
    <t>POINT (4.667696179008965 51.81802188913871)</t>
  </si>
  <si>
    <t>POINT (4.699531740628771 51.79646268419503)</t>
  </si>
  <si>
    <t>POINT (4.660339185154744 51.78942094299915)</t>
  </si>
  <si>
    <t>POINT (4.679128117467766 51.781892876162246)</t>
  </si>
  <si>
    <t>POINT (4.662725518557726 51.804035489817316)</t>
  </si>
  <si>
    <t>POINT (4.665387321689874 51.813479090805615)</t>
  </si>
  <si>
    <t>POINT (4.658223421335945 51.79618413923155)</t>
  </si>
  <si>
    <t>POINT (4.702571354589023 51.78957048453449)</t>
  </si>
  <si>
    <t>POINT (4.674721906815925 51.8183295123025)</t>
  </si>
  <si>
    <t>POINT (4.667631860591511 51.811734896445)</t>
  </si>
  <si>
    <t>POINT (4.628211751681532 51.723989515819625)</t>
  </si>
  <si>
    <t>POINT (4.679913287721802 51.81651082171192)</t>
  </si>
  <si>
    <t>POINT (4.732427605814205 51.79992296344121)</t>
  </si>
  <si>
    <t>POINT (4.6442011078667935 51.771191555104956)</t>
  </si>
  <si>
    <t>POINT (4.6860863252132035 51.80831654884035)</t>
  </si>
  <si>
    <t>POINT (4.731335109452934 51.80425021155179)</t>
  </si>
  <si>
    <t>POINT (4.703987053162083 51.79021572016442)</t>
  </si>
  <si>
    <t>POINT (4.6758497075341285 51.78515274705961)</t>
  </si>
  <si>
    <t>POINT (4.728703251196142 51.80091525713734)</t>
  </si>
  <si>
    <t>POINT (4.666529607954727 51.773914402083655)</t>
  </si>
  <si>
    <t>POINT (4.71628464364184 51.800450805850396)</t>
  </si>
  <si>
    <t>POINT (4.684034708000667 51.77917586937776)</t>
  </si>
  <si>
    <t>POINT (4.674100281566228 51.77757768991789)</t>
  </si>
  <si>
    <t>POINT (4.672487361265309 51.817208036383356)</t>
  </si>
  <si>
    <t>POINT (4.665773592026308 51.81843059474455)</t>
  </si>
  <si>
    <t>POINT (4.6720997176219585 51.816557843673806)</t>
  </si>
  <si>
    <t>POINT (4.682206196218826 51.81926558380243)</t>
  </si>
  <si>
    <t>POINT (4.6657049447268655 51.775428793694175)</t>
  </si>
  <si>
    <t>POINT (4.676557698177421 51.80470287817365)</t>
  </si>
  <si>
    <t>POINT (4.65994926761164 51.797102475149444)</t>
  </si>
  <si>
    <t>POINT (4.665238629559123 51.81464558966345)</t>
  </si>
  <si>
    <t>POINT (4.652065389081338 51.793219233473515)</t>
  </si>
  <si>
    <t>POINT (4.659687383337671 51.791771467403876)</t>
  </si>
  <si>
    <t>POINT (4.712378349768541 51.806487608409995)</t>
  </si>
  <si>
    <t>POINT (4.722113396248577 51.801848035229554)</t>
  </si>
  <si>
    <t>POINT (4.720116278609243 51.80564513245465)</t>
  </si>
  <si>
    <t>POINT (4.655780298804523 51.79888708134201)</t>
  </si>
  <si>
    <t>POINT (4.684649286741814 51.7924736912622)</t>
  </si>
  <si>
    <t>POINT (4.721235919219295 51.81287135433561)</t>
  </si>
  <si>
    <t>POINT (4.673916864362631 51.77143340161425)</t>
  </si>
  <si>
    <t>POINT (4.666095877398449 51.80196323506541)</t>
  </si>
  <si>
    <t>POINT (4.671187119483333 51.81300315618848)</t>
  </si>
  <si>
    <t>POINT (4.67928789449478 51.782153209482686)</t>
  </si>
  <si>
    <t>POINT (4.712439256421873 51.801267908190894)</t>
  </si>
  <si>
    <t>POINT (4.660286565358019 51.802400768729406)</t>
  </si>
  <si>
    <t>POINT (4.6593754620105505 51.809752634086955)</t>
  </si>
  <si>
    <t>POINT (4.6694177369892556 51.81081559530195)</t>
  </si>
  <si>
    <t>POINT (4.663364666662377 51.81090164030763)</t>
  </si>
  <si>
    <t>POINT (4.658469590795907 51.80979806777912)</t>
  </si>
  <si>
    <t>POINT (4.674383167758076 51.783861174773406)</t>
  </si>
  <si>
    <t>POINT (4.669014356302256 51.79548103545147)</t>
  </si>
  <si>
    <t>POINT (4.702415603429462 51.795443805870704)</t>
  </si>
  <si>
    <t>POINT (4.667392922579317 51.78210736100307)</t>
  </si>
  <si>
    <t>POINT (4.72688804627649 51.79630687011502)</t>
  </si>
  <si>
    <t>POINT (4.683710200584215 51.78216688993827)</t>
  </si>
  <si>
    <t>POINT (4.703314357401151 51.788882744508555)</t>
  </si>
  <si>
    <t>POINT (4.675709186076531 51.81711126346841)</t>
  </si>
  <si>
    <t>POINT (4.6741614108358025 51.77771843821438)</t>
  </si>
  <si>
    <t>POINT (4.662683323952468 51.812386833364734)</t>
  </si>
  <si>
    <t>POINT (4.661018860748893 51.794263574350076)</t>
  </si>
  <si>
    <t>POINT (4.677512877431872 51.780968954546836)</t>
  </si>
  <si>
    <t>POINT (4.669494597179823 51.796564927567516)</t>
  </si>
  <si>
    <t>POINT (4.671539254960523 51.81495287986705)</t>
  </si>
  <si>
    <t>POINT (4.669956510826729 51.81929718551705)</t>
  </si>
  <si>
    <t>POINT (4.654107658480061 51.78971891030589)</t>
  </si>
  <si>
    <t>POINT (4.678081403483639 51.807527187766276)</t>
  </si>
  <si>
    <t>POINT (4.728288866256638 51.79728821586287)</t>
  </si>
  <si>
    <t>POINT (4.649472561681512 51.79495827311609)</t>
  </si>
  <si>
    <t>POINT (4.667694766263761 51.7779416779425)</t>
  </si>
  <si>
    <t>POINT (4.650968476231732 51.792060801809846)</t>
  </si>
  <si>
    <t>POINT (4.683095256953371 51.797952549581176)</t>
  </si>
  <si>
    <t>POINT (4.7180453452786 51.81416468292914)</t>
  </si>
  <si>
    <t>POINT (4.654089208992143 51.80399415361216)</t>
  </si>
  <si>
    <t>POINT (4.683395713763442 51.811862695654305)</t>
  </si>
  <si>
    <t>POINT (4.7207653154896345 51.80486860631495)</t>
  </si>
  <si>
    <t>POINT (4.669322389560157 51.796777220602195)</t>
  </si>
  <si>
    <t>POINT (4.667797383062329 51.810909600036894)</t>
  </si>
  <si>
    <t>POINT (4.697015953300822 51.79776120098116)</t>
  </si>
  <si>
    <t>POINT (4.661215880355425 51.78862026454936)</t>
  </si>
  <si>
    <t>POINT (4.6701105844231146 51.79346868249177)</t>
  </si>
  <si>
    <t>POINT (4.636188540236663 51.77603323516748)</t>
  </si>
  <si>
    <t>POINT (4.6843310066829105 51.808048073217876)</t>
  </si>
  <si>
    <t>POINT (4.680880582767097 51.814084117242224)</t>
  </si>
  <si>
    <t>POINT (4.671744276165708 51.81161751649381)</t>
  </si>
  <si>
    <t>POINT (4.680296124158142 51.78626146133205)</t>
  </si>
  <si>
    <t>POINT (4.666448372985591 51.81198324461998)</t>
  </si>
  <si>
    <t>POINT (4.671535786061287 51.81221232916111)</t>
  </si>
  <si>
    <t>POINT (4.723659133331602 51.80636950678312)</t>
  </si>
  <si>
    <t>POINT (4.682235516716084 51.78531240305373)</t>
  </si>
  <si>
    <t>POINT (4.666900960382057 51.78011811456344)</t>
  </si>
  <si>
    <t>POINT (4.70602725596434 51.7899817981064)</t>
  </si>
  <si>
    <t>POINT (4.66842997770588 51.79624433611652)</t>
  </si>
  <si>
    <t>POINT (4.7167899886354965 51.803092617750565)</t>
  </si>
  <si>
    <t>POINT (4.710025535617809 51.79399131951173)</t>
  </si>
  <si>
    <t>POINT (4.660651141960358 51.80994164345395)</t>
  </si>
  <si>
    <t>POINT (4.666932338810325 51.815821082134605)</t>
  </si>
  <si>
    <t>POINT (4.670489868340728 51.79298766908957)</t>
  </si>
  <si>
    <t>POINT (4.662636994480903 51.80590930971208)</t>
  </si>
  <si>
    <t>POINT (4.711485736229162 51.807141869903475)</t>
  </si>
  <si>
    <t>POINT (4.727905669170331 51.794865250115926)</t>
  </si>
  <si>
    <t>POINT (4.703270602680495 51.79776191818853)</t>
  </si>
  <si>
    <t>POINT (4.669785380492444 51.80405455316908)</t>
  </si>
  <si>
    <t>POINT (4.692373368260419 51.788016705746706)</t>
  </si>
  <si>
    <t>POINT (4.632168603172196 51.78102558884046)</t>
  </si>
  <si>
    <t>POINT (4.664600148899127 51.78603794977668)</t>
  </si>
  <si>
    <t>POINT (4.674080746478263 51.812540322146866)</t>
  </si>
  <si>
    <t>POINT (4.734189308214052 51.79698720462191)</t>
  </si>
  <si>
    <t>POINT (4.65821263237167 51.80912454031245)</t>
  </si>
  <si>
    <t>POINT (4.7170420952796706 51.79541256357179)</t>
  </si>
  <si>
    <t>POINT (4.663046051470868 51.793996430422524)</t>
  </si>
  <si>
    <t>POINT (4.678034817379427 51.81646538274273)</t>
  </si>
  <si>
    <t>POINT (4.711466836798731 51.79462462044674)</t>
  </si>
  <si>
    <t>POINT (4.657023014687975 51.79587872578747)</t>
  </si>
  <si>
    <t>POINT (4.671611484091986 51.79733509249299)</t>
  </si>
  <si>
    <t>POINT (4.652613123047523 51.80173780954015)</t>
  </si>
  <si>
    <t>POINT (4.654911013437348 51.787259069889366)</t>
  </si>
  <si>
    <t>POINT (4.663237708852088 51.785079100948806)</t>
  </si>
  <si>
    <t>POINT (4.707549177382649 51.77996402996884)</t>
  </si>
  <si>
    <t>POINT (4.6683606344190425 51.79624197869659)</t>
  </si>
  <si>
    <t>POINT (4.717233457068116 51.80132449496318)</t>
  </si>
  <si>
    <t>POINT (4.660809700590556 51.77135415517397)</t>
  </si>
  <si>
    <t>POINT (4.671923600449753 51.81151344215998)</t>
  </si>
  <si>
    <t>POINT (4.657395387817059 51.767415974588395)</t>
  </si>
  <si>
    <t>POINT (4.667505192126222 51.816475924843715)</t>
  </si>
  <si>
    <t>POINT (4.663679749099274 51.787810305657544)</t>
  </si>
  <si>
    <t>POINT (4.682699366124302 51.774428554390624)</t>
  </si>
  <si>
    <t>POINT (4.660140203463691 51.811215555407614)</t>
  </si>
  <si>
    <t>POINT (4.718845453631781 51.80225096170571)</t>
  </si>
  <si>
    <t>POINT (4.654104342868424 51.804435844911644)</t>
  </si>
  <si>
    <t>POINT (4.662955666085747 51.80531911123647)</t>
  </si>
  <si>
    <t>POINT (4.726898245305322 51.79966245143254)</t>
  </si>
  <si>
    <t>POINT (4.670781607195198 51.81174783079841)</t>
  </si>
  <si>
    <t>POINT (4.733646111217079 51.7992925974241)</t>
  </si>
  <si>
    <t>POINT (4.713113350477731 51.793473512545965)</t>
  </si>
  <si>
    <t>POINT (4.6698091037889204 51.81104492564871)</t>
  </si>
  <si>
    <t>POINT (4.681798764394368 51.788417249263986)</t>
  </si>
  <si>
    <t>POINT (4.684924783845963 51.80852846814591)</t>
  </si>
  <si>
    <t>POINT (4.728116616657882 51.79905007415034)</t>
  </si>
  <si>
    <t>POINT (4.669052229794457 51.790823953981295)</t>
  </si>
  <si>
    <t>POINT (4.67808799379842 51.787607080727305)</t>
  </si>
  <si>
    <t>POINT (4.6831493592532585 51.79798233914397)</t>
  </si>
  <si>
    <t>POINT (4.710717933255399 51.809378108900034)</t>
  </si>
  <si>
    <t>POINT (4.690394297913638 51.80694122700849)</t>
  </si>
  <si>
    <t>POINT (4.731726612048633 51.795426769314005)</t>
  </si>
  <si>
    <t>POINT (4.650882072605323 51.78963704593993)</t>
  </si>
  <si>
    <t>POINT (4.719018511805454 51.81119079180221)</t>
  </si>
  <si>
    <t>POINT (4.681995177741026 51.7743892124437)</t>
  </si>
  <si>
    <t>POINT (4.659698294508506 51.80881004175566)</t>
  </si>
  <si>
    <t>POINT (4.667552381579366 51.81647706814473)</t>
  </si>
  <si>
    <t>POINT (4.714458490928345 51.81607593312053)</t>
  </si>
  <si>
    <t>POINT (4.675972187308935 51.78946683269272)</t>
  </si>
  <si>
    <t>POINT (4.676966201542799 51.78994282883307)</t>
  </si>
  <si>
    <t>POINT (4.661956928916776 51.81055215158756)</t>
  </si>
  <si>
    <t>POINT (4.671263058543151 51.81362648064155)</t>
  </si>
  <si>
    <t>POINT (4.636225856186227 51.76753949508239)</t>
  </si>
  <si>
    <t>POINT (4.6608337461450775 51.790438480752)</t>
  </si>
  <si>
    <t>POINT (4.662556616851576 51.8089323290637)</t>
  </si>
  <si>
    <t>POINT (4.6747812577312455 51.7820616371236)</t>
  </si>
  <si>
    <t>POINT (4.661809209330523 51.81261682899935)</t>
  </si>
  <si>
    <t>POINT (4.706040004117589 51.80749869446214)</t>
  </si>
  <si>
    <t>POINT (4.664361954285909 51.80254806662158)</t>
  </si>
  <si>
    <t>POINT (4.6733427353738115 51.805192634727824)</t>
  </si>
  <si>
    <t>POINT (4.668596198746206 51.81393971449246)</t>
  </si>
  <si>
    <t>POINT (4.677389565313888 51.804677288910085)</t>
  </si>
  <si>
    <t>POINT (4.690563719350388 51.81914671783573)</t>
  </si>
  <si>
    <t>POINT (4.677953776235034 51.78774383229564)</t>
  </si>
  <si>
    <t>POINT (4.662613925073666 51.80389341762822)</t>
  </si>
  <si>
    <t>POINT (4.682599817700735 51.77614412456507)</t>
  </si>
  <si>
    <t>POINT (4.68086567546732 51.813424987588554)</t>
  </si>
  <si>
    <t>POINT (4.669440502313971 51.79728510324166)</t>
  </si>
  <si>
    <t>POINT (4.658380756137247 51.800174598581044)</t>
  </si>
  <si>
    <t>POINT (4.677949239837113 51.78767835818274)</t>
  </si>
  <si>
    <t>POINT (4.7003099755324325 51.79349084316963)</t>
  </si>
  <si>
    <t>POINT (4.728746521736633 51.80550651854686)</t>
  </si>
  <si>
    <t>POINT (4.663590112709827 51.80380532128002)</t>
  </si>
  <si>
    <t>POINT (4.680544825284311 51.80822636523668)</t>
  </si>
  <si>
    <t>POINT (4.671677796728631 51.799060228608134)</t>
  </si>
  <si>
    <t>POINT (4.709652688667213 51.81036252991625)</t>
  </si>
  <si>
    <t>POINT (4.67366085982952 51.80641469303235)</t>
  </si>
  <si>
    <t>POINT (4.732187787389347 51.80245638458641)</t>
  </si>
  <si>
    <t>POINT (4.679914038378138 51.777926868185155)</t>
  </si>
  <si>
    <t>POINT (4.7173768808018615 51.80129469847807)</t>
  </si>
  <si>
    <t>POINT (4.670039646107389 51.78021580083041)</t>
  </si>
  <si>
    <t>POINT (4.659220720122216 51.78457657979191)</t>
  </si>
  <si>
    <t>POINT (4.723312546103007 51.80439959164968)</t>
  </si>
  <si>
    <t>POINT (4.69979361079787 51.79333761807098)</t>
  </si>
  <si>
    <t>POINT (4.708127788914362 51.80870588983998)</t>
  </si>
  <si>
    <t>POINT (4.659747414756082 51.80221412082399)</t>
  </si>
  <si>
    <t>POINT (4.65552673511161 51.81120777063293)</t>
  </si>
  <si>
    <t>POINT (4.653538718387905 51.790186847444815)</t>
  </si>
  <si>
    <t>POINT (4.670514496996139 51.77772232281085)</t>
  </si>
  <si>
    <t>POINT (4.696901018448839 51.79535528259435)</t>
  </si>
  <si>
    <t>POINT (4.672655211757037 51.78369176814268)</t>
  </si>
  <si>
    <t>POINT (4.662998064234463 51.802734126708124)</t>
  </si>
  <si>
    <t>POINT (4.681134239505907 51.77700280165646)</t>
  </si>
  <si>
    <t>POINT (4.719689672698911 51.79793777375868)</t>
  </si>
  <si>
    <t>POINT (4.722862581338346 51.80411693193786)</t>
  </si>
  <si>
    <t>POINT (4.667898808603694 51.81167384597544)</t>
  </si>
  <si>
    <t>POINT (4.68592413498565 51.7887759581494)</t>
  </si>
  <si>
    <t>POINT (4.660649041382531 51.81525085917132)</t>
  </si>
  <si>
    <t>POINT (4.710240540760745 51.79351878593418)</t>
  </si>
  <si>
    <t>POINT (4.653939423642834 51.81143403178198)</t>
  </si>
  <si>
    <t>POINT (4.6769200942102085 51.80716721475399)</t>
  </si>
  <si>
    <t>POINT (4.656795355466382 51.79926933033653)</t>
  </si>
  <si>
    <t>POINT (4.729358472736757 51.79962031671018)</t>
  </si>
  <si>
    <t>POINT (4.665374873375134 51.7894118570907)</t>
  </si>
  <si>
    <t>POINT (4.675096753202547 51.80352522296435)</t>
  </si>
  <si>
    <t>POINT (4.725977476780854 51.79654792290189)</t>
  </si>
  <si>
    <t>POINT (4.670935676212412 51.81954469087597)</t>
  </si>
  <si>
    <t>POINT (4.635118292326094 51.76929075860533)</t>
  </si>
  <si>
    <t>POINT (4.69761201568131 51.79616243070441)</t>
  </si>
  <si>
    <t>POINT (4.696456284821805 51.79291392125607)</t>
  </si>
  <si>
    <t>POINT (4.687605128063005 51.81003009803699)</t>
  </si>
  <si>
    <t>POINT (4.67238883221534 51.805585691269165)</t>
  </si>
  <si>
    <t>POINT (4.733005929079568 51.79594714321915)</t>
  </si>
  <si>
    <t>POINT (4.699083608213674 51.79858349447674)</t>
  </si>
  <si>
    <t>POINT (4.664081546418678 51.81707574540646)</t>
  </si>
  <si>
    <t>POINT (4.724647023821612 51.79718013922568)</t>
  </si>
  <si>
    <t>POINT (4.709745357487568 51.80959962331238)</t>
  </si>
  <si>
    <t>POINT (4.6786287095942996 51.817328771571326)</t>
  </si>
  <si>
    <t>POINT (4.679039577385558 51.78172349791154)</t>
  </si>
  <si>
    <t>POINT (4.6828459703944265 51.81147196785537)</t>
  </si>
  <si>
    <t>POINT (4.659213625950727 51.81309934937513)</t>
  </si>
  <si>
    <t>POINT (4.733374652267621 51.791421088322)</t>
  </si>
  <si>
    <t>POINT (4.680450060802982 51.77392594607418)</t>
  </si>
  <si>
    <t>POINT (4.654708879441318 51.81208355997658)</t>
  </si>
  <si>
    <t>POINT (4.715397593349928 51.80964714665921)</t>
  </si>
  <si>
    <t>POINT (4.72786988126226 51.79874979754239)</t>
  </si>
  <si>
    <t>POINT (4.666900176887451 51.81886687634296)</t>
  </si>
  <si>
    <t>POINT (4.703062947250796 51.790877159222994)</t>
  </si>
  <si>
    <t>POINT (4.731148655531763 51.80370769385778)</t>
  </si>
  <si>
    <t>POINT (4.728625304536864 51.805518512260235)</t>
  </si>
  <si>
    <t>POINT (4.716068920514273 51.800200990995016)</t>
  </si>
  <si>
    <t>POINT (4.659048509113336 51.78911942141135)</t>
  </si>
  <si>
    <t>POINT (4.67827200497712 51.78560741717462)</t>
  </si>
  <si>
    <t>POINT (4.727205810025987 51.79355157923567)</t>
  </si>
  <si>
    <t>POINT (4.682153462244645 51.80198878791185)</t>
  </si>
  <si>
    <t>POINT (4.703353894279716 51.81642719909595)</t>
  </si>
  <si>
    <t>POINT (4.666008727972301 51.81852391311459)</t>
  </si>
  <si>
    <t>POINT (4.694684965513051 51.79637335836626)</t>
  </si>
  <si>
    <t>POINT (4.672477550274128 51.81875164545777)</t>
  </si>
  <si>
    <t>POINT (4.6597093236051 51.802814724965216)</t>
  </si>
  <si>
    <t>POINT (4.707438729862146 51.80714611788565)</t>
  </si>
  <si>
    <t>POINT (4.6721150697500935 51.8060087294078)</t>
  </si>
  <si>
    <t>POINT (4.680454884449295 51.774418322538615)</t>
  </si>
  <si>
    <t>POINT (4.660928699769989 51.80281458468407)</t>
  </si>
  <si>
    <t>POINT (4.656764213097421 51.792151637680654)</t>
  </si>
  <si>
    <t>POINT (4.718088174732307 51.80103094910998)</t>
  </si>
  <si>
    <t>POINT (4.669738987450094 51.8143357364678)</t>
  </si>
  <si>
    <t>POINT (4.668490813311701 51.79063929465081)</t>
  </si>
  <si>
    <t>POINT (4.719530187792663 51.80491184039897)</t>
  </si>
  <si>
    <t>POINT (4.660083058165659 51.811057890355045)</t>
  </si>
  <si>
    <t>POINT (4.680567511347563 51.77441374278014)</t>
  </si>
  <si>
    <t>POINT (4.671797617044617 51.791785619980935)</t>
  </si>
  <si>
    <t>POINT (4.6683540450227134 51.814647860364566)</t>
  </si>
  <si>
    <t>POINT (4.736789571728426 51.80085443822721)</t>
  </si>
  <si>
    <t>POINT (4.6572623778232405 51.79764816728503)</t>
  </si>
  <si>
    <t>POINT (4.671064109087244 51.80920630792388)</t>
  </si>
  <si>
    <t>POINT (4.674475988501653 51.775912658003236)</t>
  </si>
  <si>
    <t>POINT (4.668682308179948 51.814196652682675)</t>
  </si>
  <si>
    <t>POINT (4.680344228156269 51.7854602652748)</t>
  </si>
  <si>
    <t>POINT (4.653596722515349 51.806108812613765)</t>
  </si>
  <si>
    <t>POINT (4.678654532253712 51.789747107393836)</t>
  </si>
  <si>
    <t>POINT (4.684640543499284 51.778338705969354)</t>
  </si>
  <si>
    <t>POINT (4.6790684249301036 51.79987779764506)</t>
  </si>
  <si>
    <t>POINT (4.687557373150957 51.8107096888337)</t>
  </si>
  <si>
    <t>POINT (4.659801377170151 51.767626508968746)</t>
  </si>
  <si>
    <t>POINT (4.657400955905562 51.810693854963006)</t>
  </si>
  <si>
    <t>POINT (4.6654094619109285 51.813886090508966)</t>
  </si>
  <si>
    <t>POINT (4.669254062903876 51.81314862078996)</t>
  </si>
  <si>
    <t>POINT (4.732185265808685 51.79285468647888)</t>
  </si>
  <si>
    <t>POINT (4.66839652337814 51.814285823028904)</t>
  </si>
  <si>
    <t>POINT (4.669625374811325 51.799335844335396)</t>
  </si>
  <si>
    <t>POINT (4.678619095527207 51.78910741081874)</t>
  </si>
  <si>
    <t>POINT (4.661516475514615 51.79194081758371)</t>
  </si>
  <si>
    <t>POINT (4.632289305475025 51.76976543497093)</t>
  </si>
  <si>
    <t>POINT (4.664549550158375 51.815549744200005)</t>
  </si>
  <si>
    <t>POINT (4.694164936144881 51.811182564181294)</t>
  </si>
  <si>
    <t>POINT (4.65589445068422 51.812874129600225)</t>
  </si>
  <si>
    <t>POINT (4.682729558411791 51.800169560296254)</t>
  </si>
  <si>
    <t>POINT (4.64334090026222 51.768814440454385)</t>
  </si>
  <si>
    <t>POINT (4.720896789737134 51.81133090772781)</t>
  </si>
  <si>
    <t>POINT (4.6664349528460285 51.813240885037764)</t>
  </si>
  <si>
    <t>POINT (4.655821190789135 51.79176448824247)</t>
  </si>
  <si>
    <t>POINT (4.67014836320206 51.819119833884535)</t>
  </si>
  <si>
    <t>POINT (4.718343681825231 51.80120937440463)</t>
  </si>
  <si>
    <t>POINT (4.6554926310717155 51.812605074329234)</t>
  </si>
  <si>
    <t>POINT (4.656847697954801 51.78721789473317)</t>
  </si>
  <si>
    <t>POINT (4.6652138875809355 51.8172826160694)</t>
  </si>
  <si>
    <t>POINT (4.684809814236398 51.80245682301411)</t>
  </si>
  <si>
    <t>POINT (4.656602170004161 51.81185346792766)</t>
  </si>
  <si>
    <t>POINT (4.680752892058178 51.80152816121149)</t>
  </si>
  <si>
    <t>POINT (4.725425983110911 51.7971514932267)</t>
  </si>
  <si>
    <t>POINT (4.667883320287149 51.78890660363518)</t>
  </si>
  <si>
    <t>POINT (4.671843650090561 51.805070858929994)</t>
  </si>
  <si>
    <t>POINT (4.718384239004873 51.801164985944894)</t>
  </si>
  <si>
    <t>POINT (4.6836837578098365 51.79802483427257)</t>
  </si>
  <si>
    <t>POINT (4.65332107843594 51.79386959025753)</t>
  </si>
  <si>
    <t>POINT (4.675000247361701 51.80520076534989)</t>
  </si>
  <si>
    <t>POINT (4.719416499606155 51.80405401842507)</t>
  </si>
  <si>
    <t>POINT (4.702255532234582 51.78933964554303)</t>
  </si>
  <si>
    <t>POINT (4.677040245780688 51.815063608565495)</t>
  </si>
  <si>
    <t>POINT (4.723747046645648 51.79894027096476)</t>
  </si>
  <si>
    <t>POINT (4.671983184847371 51.80598007867616)</t>
  </si>
  <si>
    <t>POINT (4.669692373629924 51.81115207610847)</t>
  </si>
  <si>
    <t>POINT (4.704050616556769 51.796088827318336)</t>
  </si>
  <si>
    <t>POINT (4.665995675870953 51.81853470920233)</t>
  </si>
  <si>
    <t>POINT (4.693384263543772 51.79685251809872)</t>
  </si>
  <si>
    <t>POINT (4.6819105140258666 51.78119804914212)</t>
  </si>
  <si>
    <t>POINT (4.727319581764642 51.79940243435663)</t>
  </si>
  <si>
    <t>POINT (4.721048204858607 51.81338773759215)</t>
  </si>
  <si>
    <t>POINT (4.669776561867514 51.811014902274096)</t>
  </si>
  <si>
    <t>POINT (4.672466509206733 51.81873998283873)</t>
  </si>
  <si>
    <t>POINT (4.666753328018147 51.809554766898096)</t>
  </si>
  <si>
    <t>POINT (4.708481787701329 51.80403189816842)</t>
  </si>
  <si>
    <t>POINT (4.652470985694346 51.78971394732196)</t>
  </si>
  <si>
    <t>POINT (4.715926032085105 51.81553128359633)</t>
  </si>
  <si>
    <t>POINT (4.722809422025511 51.7994601899064)</t>
  </si>
  <si>
    <t>POINT (4.691878960946253 51.8181034473908)</t>
  </si>
  <si>
    <t>POINT (4.685457021660102 51.78887995041296)</t>
  </si>
  <si>
    <t>POINT (4.676247263896256 51.80846825082531)</t>
  </si>
  <si>
    <t>POINT (4.702105705538215 51.79780007419174)</t>
  </si>
  <si>
    <t>POINT (4.664570294919707 51.768441094863334)</t>
  </si>
  <si>
    <t>POINT (4.69013122230414 51.81776350186993)</t>
  </si>
  <si>
    <t>POINT (4.671667533471307 51.810443361256894)</t>
  </si>
  <si>
    <t>POINT (4.711262045037879 51.79547730948624)</t>
  </si>
  <si>
    <t>POINT (4.666279979550052 51.78931200337269)</t>
  </si>
  <si>
    <t>POINT (4.677009669592727 51.808340536263685)</t>
  </si>
  <si>
    <t>POINT (4.661855619395394 51.80544948368219)</t>
  </si>
  <si>
    <t>POINT (4.7316146349337345 51.795081195467354)</t>
  </si>
  <si>
    <t>POINT (4.729613207975916 51.800439863731604)</t>
  </si>
  <si>
    <t>POINT (4.655373294134494 51.7918383327504)</t>
  </si>
  <si>
    <t>POINT (4.724655019302345 51.804244035647585)</t>
  </si>
  <si>
    <t>POINT (4.666946147724507 51.796261501041954)</t>
  </si>
  <si>
    <t>POINT (4.669849119147423 51.80428148467362)</t>
  </si>
  <si>
    <t>POINT (4.700230538698064 51.79643499403967)</t>
  </si>
  <si>
    <t>POINT (4.662076882221791 51.81259358462731)</t>
  </si>
  <si>
    <t>POINT (4.626461517241057 51.79399082512751)</t>
  </si>
  <si>
    <t>POINT (4.673044869526589 51.779743515491134)</t>
  </si>
  <si>
    <t>POINT (4.676783427470051 51.78378914817261)</t>
  </si>
  <si>
    <t>POINT (4.728584336508284 51.80556365695328)</t>
  </si>
  <si>
    <t>POINT (4.682843478525483 51.775594814351884)</t>
  </si>
  <si>
    <t>POINT (4.662220052040197 51.790576664428706)</t>
  </si>
  <si>
    <t>POINT (4.666116863148002 51.79600787857164)</t>
  </si>
  <si>
    <t>POINT (4.693343315978079 51.81079433382892)</t>
  </si>
  <si>
    <t>POINT (4.680888106588368 51.789308436605495)</t>
  </si>
  <si>
    <t>POINT (4.689500475232557 51.808405778223545)</t>
  </si>
  <si>
    <t>POINT (4.657879193583224 51.80021899617237)</t>
  </si>
  <si>
    <t>POINT (4.668424864215793 51.79617495701562)</t>
  </si>
  <si>
    <t>POINT (4.7353357320971154 51.80079073057256)</t>
  </si>
  <si>
    <t>POINT (4.679042966099709 51.799895387643694)</t>
  </si>
  <si>
    <t>POINT (4.668330375168332 51.796255923518885)</t>
  </si>
  <si>
    <t>POINT (4.701882888758031 51.80407130343067)</t>
  </si>
  <si>
    <t>POINT (4.719811920725235 51.80513939963041)</t>
  </si>
  <si>
    <t>POINT (4.67237607260211 51.802259801018906)</t>
  </si>
  <si>
    <t>POINT (4.664212539055614 51.817642830003294)</t>
  </si>
  <si>
    <t>POINT (4.66261257350949 51.808949573330615)</t>
  </si>
  <si>
    <t>POINT (4.6809883666574565 51.79836852985564)</t>
  </si>
  <si>
    <t>POINT (4.668276314891787 51.79626971349952)</t>
  </si>
  <si>
    <t>POINT (4.693817960716157 51.80720609799217)</t>
  </si>
  <si>
    <t>POINT (4.634583484621179 51.770172593613815)</t>
  </si>
  <si>
    <t>POINT (4.711181747980831 51.810399006412716)</t>
  </si>
  <si>
    <t>POINT (4.660439906160084 51.80023227902538)</t>
  </si>
  <si>
    <t>POINT (4.659794837361261 51.81364147444597)</t>
  </si>
  <si>
    <t>POINT (4.72189439690176 51.7988514892055)</t>
  </si>
  <si>
    <t>POINT (4.693332042635222 51.79670667367321)</t>
  </si>
  <si>
    <t>POINT (4.68328087838162 51.79842538030481)</t>
  </si>
  <si>
    <t>POINT (4.655556994236421 51.790154365063074)</t>
  </si>
  <si>
    <t>POINT (4.6676137598131735 51.79523202361339)</t>
  </si>
  <si>
    <t>POINT (4.685672299341253 51.78211459677811)</t>
  </si>
  <si>
    <t>POINT (4.65526776608036 51.810498628923206)</t>
  </si>
  <si>
    <t>POINT (4.674220601156518 51.80774521077063)</t>
  </si>
  <si>
    <t>POINT (4.730363498814384 51.794436120658)</t>
  </si>
  <si>
    <t>POINT (4.673095958030781 51.813045474548815)</t>
  </si>
  <si>
    <t>POINT (4.655565204912333 51.80620522822905)</t>
  </si>
  <si>
    <t>POINT (4.704413711142584 51.7948802127617)</t>
  </si>
  <si>
    <t>POINT (4.734417246733587 51.79687261847079)</t>
  </si>
  <si>
    <t>POINT (4.680020193014397 51.787500013197004)</t>
  </si>
  <si>
    <t>POINT (4.677392021209969 51.808026277603965)</t>
  </si>
  <si>
    <t>POINT (4.672937470916885 51.785855117200356)</t>
  </si>
  <si>
    <t>POINT (4.67193429266481 51.78812225584584)</t>
  </si>
  <si>
    <t>POINT (4.656289425300143 51.80231137123778)</t>
  </si>
  <si>
    <t>POINT (4.688344294190385 51.810235605757065)</t>
  </si>
  <si>
    <t>POINT (4.626406136253684 51.79412012846363)</t>
  </si>
  <si>
    <t>POINT (4.666137207438263 51.798637349600895)</t>
  </si>
  <si>
    <t>POINT (4.656294914495428 51.78471048345186)</t>
  </si>
  <si>
    <t>POINT (4.6791751033168065 51.77997613963412)</t>
  </si>
  <si>
    <t>POINT (4.665137231600967 51.79923250734763)</t>
  </si>
  <si>
    <t>POINT (4.712839339082253 51.79262307567514)</t>
  </si>
  <si>
    <t>POINT (4.679086916715105 51.81425961614455)</t>
  </si>
  <si>
    <t>POINT (4.66747329740315 51.813999753856294)</t>
  </si>
  <si>
    <t>POINT (4.66607275112154 51.77516165490669)</t>
  </si>
  <si>
    <t>POINT (4.710164559538543 51.80798899408085)</t>
  </si>
  <si>
    <t>POINT (4.6670454120863925 51.816079292584824)</t>
  </si>
  <si>
    <t>POINT (4.719225628295251 51.80389972955356)</t>
  </si>
  <si>
    <t>POINT (4.679684520947235 51.773994651256345)</t>
  </si>
  <si>
    <t>POINT (4.658372968576039 51.81080562992914)</t>
  </si>
  <si>
    <t>POINT (4.730544903294987 51.800044359154754)</t>
  </si>
  <si>
    <t>POINT (4.684705267171255 51.79259195802444)</t>
  </si>
  <si>
    <t>POINT (4.721801905028495 51.79934372234905)</t>
  </si>
  <si>
    <t>POINT (4.72745593654947 51.79921376550666)</t>
  </si>
  <si>
    <t>POINT (4.668105717787683 51.770232526450165)</t>
  </si>
  <si>
    <t>POINT (4.671443030043417 51.80591585077606)</t>
  </si>
  <si>
    <t>POINT (4.663288484863701 51.79912406414964)</t>
  </si>
  <si>
    <t>POINT (4.656780228362268 51.79150091895864)</t>
  </si>
  <si>
    <t>POINT (4.661547257938001 51.813594634260355)</t>
  </si>
  <si>
    <t>POINT (4.672554684799104 51.8060199109503)</t>
  </si>
  <si>
    <t>POINT (4.653903501087756 51.79332698832974)</t>
  </si>
  <si>
    <t>POINT (4.672322514686765 51.80833206586697)</t>
  </si>
  <si>
    <t>POINT (4.68593336793062 51.774772913444345)</t>
  </si>
  <si>
    <t>POINT (4.670493386546208 51.77197895392767)</t>
  </si>
  <si>
    <t>POINT (4.680663265674814 51.77574063906759)</t>
  </si>
  <si>
    <t>POINT (4.685407056632467 51.784663731482276)</t>
  </si>
  <si>
    <t>POINT (4.667377277184729 51.81491805027176)</t>
  </si>
  <si>
    <t>POINT (4.732823542077352 51.79603857428333)</t>
  </si>
  <si>
    <t>POINT (4.681028468801222 51.78132513667753)</t>
  </si>
  <si>
    <t>POINT (4.713489659795464 51.79347243820524)</t>
  </si>
  <si>
    <t>POINT (4.664059717281631 51.81227677133921)</t>
  </si>
  <si>
    <t>POINT (4.665521827333668 51.773677599543845)</t>
  </si>
  <si>
    <t>POINT (4.712770886295804 51.79546333234978)</t>
  </si>
  <si>
    <t>POINT (4.665957827103127 51.8173323314677)</t>
  </si>
  <si>
    <t>POINT (4.662216998786494 51.79820863698396)</t>
  </si>
  <si>
    <t>POINT (4.67477096244046 51.78567216507609)</t>
  </si>
  <si>
    <t>POINT (4.674827143860057 51.78255065854519)</t>
  </si>
  <si>
    <t>POINT (4.681399326126483 51.80883757805723)</t>
  </si>
  <si>
    <t>POINT (4.643434910959217 51.770656668238736)</t>
  </si>
  <si>
    <t>POINT (4.683445635702359 51.80176216567293)</t>
  </si>
  <si>
    <t>POINT (4.677948408028822 51.78766488808896)</t>
  </si>
  <si>
    <t>POINT (4.6764084997498925 51.81848319814697)</t>
  </si>
  <si>
    <t>POINT (4.653644234124946 51.79445085269471)</t>
  </si>
  <si>
    <t>POINT (4.686729529375207 51.81115281713805)</t>
  </si>
  <si>
    <t>POINT (4.715012315781283 51.79636839179529)</t>
  </si>
  <si>
    <t>POINT (4.662257611998297 51.81244252284539)</t>
  </si>
  <si>
    <t>POINT (4.672081248852059 51.817497172879015)</t>
  </si>
  <si>
    <t>POINT (4.67455042892341 51.80771837867414)</t>
  </si>
  <si>
    <t>POINT (4.6783170347436505 51.80759160410615)</t>
  </si>
  <si>
    <t>POINT (4.6615868731661845 51.81657466254947)</t>
  </si>
  <si>
    <t>POINT (4.662530967353991 51.80000596079189)</t>
  </si>
  <si>
    <t>POINT (4.677379153358401 51.777345994375615)</t>
  </si>
  <si>
    <t>POINT (4.665894292576468 51.81262136224918)</t>
  </si>
  <si>
    <t>POINT (4.694958593955386 51.79223279454443)</t>
  </si>
  <si>
    <t>POINT (4.691181304084147 51.80707448062169)</t>
  </si>
  <si>
    <t>POINT (4.687220963473181 51.8109120668726)</t>
  </si>
  <si>
    <t>POINT (4.658719559470099 51.81491023570536)</t>
  </si>
  <si>
    <t>POINT (4.680395839998506 51.798665992758245)</t>
  </si>
  <si>
    <t>POINT (4.670343147092364 51.812702096575464)</t>
  </si>
  <si>
    <t>POINT (4.663974335187755 51.785533736576134)</t>
  </si>
  <si>
    <t>POINT (4.679663253173027 51.80416405996907)</t>
  </si>
  <si>
    <t>POINT (4.659036174326012 51.80120745142579)</t>
  </si>
  <si>
    <t>POINT (4.6612560691524045 51.79948541825727)</t>
  </si>
  <si>
    <t>POINT (4.676799976082686 51.7795832820585)</t>
  </si>
  <si>
    <t>POINT (4.713323801566226 51.820287177949524)</t>
  </si>
  <si>
    <t>POINT (4.664443683818343 51.8158561274784)</t>
  </si>
  <si>
    <t>POINT (4.719332128511113 51.81293073651071)</t>
  </si>
  <si>
    <t>POINT (4.698375383141829 51.79306055630493)</t>
  </si>
  <si>
    <t>POINT (4.68695460224741 51.77743650605403)</t>
  </si>
  <si>
    <t>POINT (4.6855449242041 51.78507774839287)</t>
  </si>
  <si>
    <t>POINT (4.667605746234135 51.77867347820962)</t>
  </si>
  <si>
    <t>POINT (4.655418452956357 51.791971988923024)</t>
  </si>
  <si>
    <t>POINT (4.683955058279671 51.78138579338507)</t>
  </si>
  <si>
    <t>POINT (4.654197388591556 51.79109398890086)</t>
  </si>
  <si>
    <t>POINT (4.67795182263862 51.7877058342607)</t>
  </si>
  <si>
    <t>POINT (4.68347107967987 51.77644904776591)</t>
  </si>
  <si>
    <t>POINT (4.658519781759009 51.810786676669984)</t>
  </si>
  <si>
    <t>POINT (4.661170557101787 51.7919743714236)</t>
  </si>
  <si>
    <t>POINT (4.7284411521823495 51.792596269468284)</t>
  </si>
  <si>
    <t>POINT (4.657862701734598 51.796272907958915)</t>
  </si>
  <si>
    <t>POINT (4.661698874368334 51.7940351539662)</t>
  </si>
  <si>
    <t>POINT (4.671265840895837 51.81894973203206)</t>
  </si>
  <si>
    <t>POINT (4.7290940706105555 51.795928681421636)</t>
  </si>
  <si>
    <t>POINT (4.668156082253127 51.79196626755855)</t>
  </si>
  <si>
    <t>POINT (4.710569680134158 51.80940883127456)</t>
  </si>
  <si>
    <t>POINT (4.707621187478546 51.80985912193241)</t>
  </si>
  <si>
    <t>POINT (4.719468681235004 51.80096061232607)</t>
  </si>
  <si>
    <t>POINT (4.651356558484019 51.78967835108543)</t>
  </si>
  <si>
    <t>POINT (4.702901172197769 51.81551532290245)</t>
  </si>
  <si>
    <t>POINT (4.6643001719612185 51.81768607501791)</t>
  </si>
  <si>
    <t>POINT (4.678445976712567 51.77808781178609)</t>
  </si>
  <si>
    <t>POINT (4.714552979198914 51.80640898533327)</t>
  </si>
  <si>
    <t>POINT (4.672119527354426 51.81161605543619)</t>
  </si>
  <si>
    <t>POINT (4.726126012613315 51.7971313051045)</t>
  </si>
  <si>
    <t>POINT (4.695483487809612 51.79730800093597)</t>
  </si>
  <si>
    <t>POINT (4.678913441698266 51.81698437285159)</t>
  </si>
  <si>
    <t>POINT (4.716744327686933 51.8030743795611)</t>
  </si>
  <si>
    <t>POINT (4.671020843084336 51.805865526851626)</t>
  </si>
  <si>
    <t>POINT (4.71388413199407 51.81020002001506)</t>
  </si>
  <si>
    <t>POINT (4.6532731790603235 51.79310990644453)</t>
  </si>
  <si>
    <t>POINT (4.65940864266444 51.801931941208444)</t>
  </si>
  <si>
    <t>POINT (4.6662638716137 51.81352020898887)</t>
  </si>
  <si>
    <t>POINT (4.6618081110377 51.79898788359041)</t>
  </si>
  <si>
    <t>POINT (4.663569398795797 51.799030418021225)</t>
  </si>
  <si>
    <t>POINT (4.71597902195709 51.8157428735196)</t>
  </si>
  <si>
    <t>POINT (4.703630595171771 51.78925659284442)</t>
  </si>
  <si>
    <t>POINT (4.6803858066394 51.80804732395069)</t>
  </si>
  <si>
    <t>POINT (4.651696885288451 51.7903845803555)</t>
  </si>
  <si>
    <t>POINT (4.68461925525043 51.80872402139552)</t>
  </si>
  <si>
    <t>POINT (4.666969958129717 51.815834778047304)</t>
  </si>
  <si>
    <t>POINT (4.674104506469005 51.81784487794491)</t>
  </si>
  <si>
    <t>POINT (4.677430407412887 51.80799472584335)</t>
  </si>
  <si>
    <t>POINT (4.680918724836664 51.80358425870595)</t>
  </si>
  <si>
    <t>POINT (4.66636429305901 51.813554155881285)</t>
  </si>
  <si>
    <t>POINT (4.667776134564879 51.782072049330296)</t>
  </si>
  <si>
    <t>POINT (4.686120781082398 51.78912646086287)</t>
  </si>
  <si>
    <t>POINT (4.684521851359562 51.810675461881)</t>
  </si>
  <si>
    <t>POINT (4.682433913055218 51.78531330756801)</t>
  </si>
  <si>
    <t>POINT (4.663507435253149 51.8017175563781)</t>
  </si>
  <si>
    <t>POINT (4.666264832150816 51.812829848471)</t>
  </si>
  <si>
    <t>POINT (4.666854793800984 51.796294845530745)</t>
  </si>
  <si>
    <t>POINT (4.652239714864235 51.80224767429958)</t>
  </si>
  <si>
    <t>POINT (4.636010511876843 51.775970674971255)</t>
  </si>
  <si>
    <t>POINT (4.656389753462769 51.800626758999165)</t>
  </si>
  <si>
    <t>POINT (4.684131404280254 51.78815375395006)</t>
  </si>
  <si>
    <t>POINT (4.718711097828114 51.79881655965196)</t>
  </si>
  <si>
    <t>POINT (4.664402950293032 51.802442612169905)</t>
  </si>
  <si>
    <t>POINT (4.668833009569448 51.79489100389371)</t>
  </si>
  <si>
    <t>POINT (4.693331468864899 51.79624262105498)</t>
  </si>
  <si>
    <t>POINT (4.667854247404078 51.77480542398038)</t>
  </si>
  <si>
    <t>POINT (4.65039026860487 51.792739990302344)</t>
  </si>
  <si>
    <t>POINT (4.660844063953518 51.7963091655982)</t>
  </si>
  <si>
    <t>POINT (4.676000177899427 51.80752295164573)</t>
  </si>
  <si>
    <t>POINT (4.715291026887468 51.805735164284286)</t>
  </si>
  <si>
    <t>POINT (4.708260694513396 51.79596865656969)</t>
  </si>
  <si>
    <t>POINT (4.646170381824779 51.801073758188785)</t>
  </si>
  <si>
    <t>POINT (4.69344719170422 51.79577816852794)</t>
  </si>
  <si>
    <t>POINT (4.6573022216695 51.790795255386655)</t>
  </si>
  <si>
    <t>POINT (4.652264497014433 51.802645112146834)</t>
  </si>
  <si>
    <t>POINT (4.6555125349732425 51.790445070322)</t>
  </si>
  <si>
    <t>POINT (4.681150963503646 51.78624453345186)</t>
  </si>
  <si>
    <t>POINT (4.6929954552136675 51.789357661837094)</t>
  </si>
  <si>
    <t>POINT (4.709371697812833 51.78721808050347)</t>
  </si>
  <si>
    <t>POINT (4.712548836900473 51.81632647732049)</t>
  </si>
  <si>
    <t>POINT (4.667202269583373 51.774157633415975)</t>
  </si>
  <si>
    <t>POINT (4.673183298811639 51.814943990884196)</t>
  </si>
  <si>
    <t>POINT (4.675108437578301 51.80504774252969)</t>
  </si>
  <si>
    <t>POINT (4.68154317379492 51.8018232420563)</t>
  </si>
  <si>
    <t>POINT (4.731560042322949 51.7943441451574)</t>
  </si>
  <si>
    <t>POINT (4.652194308393271 51.79428802587458)</t>
  </si>
  <si>
    <t>POINT (4.704218200414974 51.81601106925051)</t>
  </si>
  <si>
    <t>POINT (4.662738634154396 51.813492360149034)</t>
  </si>
  <si>
    <t>POINT (4.711611559516735 51.79508186210491)</t>
  </si>
  <si>
    <t>POINT (4.6606310880337025 51.79956015578026)</t>
  </si>
  <si>
    <t>POINT (4.653662153992961 51.792390581768785)</t>
  </si>
  <si>
    <t>POINT (4.684980251248753 51.804096172575825)</t>
  </si>
  <si>
    <t>POINT (4.720818796221357 51.804934841736326)</t>
  </si>
  <si>
    <t>POINT (4.658907995720765 51.79966139987742)</t>
  </si>
  <si>
    <t>POINT (4.677078309024379 51.80828382863989)</t>
  </si>
  <si>
    <t>POINT (4.707209558585668 51.80867866720538)</t>
  </si>
  <si>
    <t>POINT (4.666402243272233 51.81285221145212)</t>
  </si>
  <si>
    <t>POINT (4.693458152637574 51.78925063823869)</t>
  </si>
  <si>
    <t>POINT (4.674090695505933 51.818951703272)</t>
  </si>
  <si>
    <t>POINT (4.71085800270293 51.79096029059689)</t>
  </si>
  <si>
    <t>POINT (4.669144094300632 51.79117937215548)</t>
  </si>
  <si>
    <t>POINT (4.677768856036145 51.79076581836107)</t>
  </si>
  <si>
    <t>POINT (4.69320330004253 51.81844645480369)</t>
  </si>
  <si>
    <t>POINT (4.712689962848247 51.79533860792053)</t>
  </si>
  <si>
    <t>POINT (4.709221655938294 51.79650657601804)</t>
  </si>
  <si>
    <t>POINT (4.685288273934157 51.804392196813716)</t>
  </si>
  <si>
    <t>POINT (4.672604697377358 51.81311895977077)</t>
  </si>
  <si>
    <t>POINT (4.670940994518448 51.81955776588908)</t>
  </si>
  <si>
    <t>POINT (4.712260351503018 51.805792898307935)</t>
  </si>
  <si>
    <t>POINT (4.6639871481605 51.78877704890505)</t>
  </si>
  <si>
    <t>POINT (4.716911063521211 51.79914888350361)</t>
  </si>
  <si>
    <t>POINT (4.685665383947484 51.81351006511766)</t>
  </si>
  <si>
    <t>POINT (4.705300837038785 51.794447354657514)</t>
  </si>
  <si>
    <t>POINT (4.706846202362554 51.789430817004124)</t>
  </si>
  <si>
    <t>POINT (4.682679197259948 51.81035311819328)</t>
  </si>
  <si>
    <t>POINT (4.6620573961318135 51.809787385961606)</t>
  </si>
  <si>
    <t>POINT (4.670701986498171 51.808531582441425)</t>
  </si>
  <si>
    <t>POINT (4.672167126507336 51.799500421536344)</t>
  </si>
  <si>
    <t>POINT (4.656015326049995 51.79297621675357)</t>
  </si>
  <si>
    <t>POINT (4.7064523229323525 51.792397731745986)</t>
  </si>
  <si>
    <t>POINT (4.7050477182485295 51.81542397362115)</t>
  </si>
  <si>
    <t>POINT (4.686199413271329 51.80279666246718)</t>
  </si>
  <si>
    <t>POINT (4.659807544314216 51.8087506116659)</t>
  </si>
  <si>
    <t>POINT (4.680919871518902 51.78937645651305)</t>
  </si>
  <si>
    <t>POINT (4.6649320932299725 51.814339373812004)</t>
  </si>
  <si>
    <t>POINT (4.6548428376101105 51.808160392024035)</t>
  </si>
  <si>
    <t>POINT (4.665411304839496 51.79756494830257)</t>
  </si>
  <si>
    <t>POINT (4.704557659490879 51.798516254714194)</t>
  </si>
  <si>
    <t>POINT (4.6600116004177465 51.805051394567826)</t>
  </si>
  <si>
    <t>POINT (4.6727493286704505 51.80524024059224)</t>
  </si>
  <si>
    <t>POINT (4.671057782125006 51.786011071235066)</t>
  </si>
  <si>
    <t>POINT (4.668430929384147 51.791871485125434)</t>
  </si>
  <si>
    <t>POINT (4.6606514845815115 51.813447079633434)</t>
  </si>
  <si>
    <t>POINT (4.64472189074187 51.77911769585516)</t>
  </si>
  <si>
    <t>POINT (4.655619160569462 51.80780222627422)</t>
  </si>
  <si>
    <t>POINT (4.687527148892177 51.81069029985869)</t>
  </si>
  <si>
    <t>POINT (4.709142067209 51.78984951638379)</t>
  </si>
  <si>
    <t>POINT (4.671043328139694 51.802638304326095)</t>
  </si>
  <si>
    <t>POINT (4.660142742518656 51.80713542617046)</t>
  </si>
  <si>
    <t>POINT (4.643508307013521 51.770848521979595)</t>
  </si>
  <si>
    <t>POINT (4.670905915604882 51.802643407056145)</t>
  </si>
  <si>
    <t>POINT (4.654308858419935 51.79184593483199)</t>
  </si>
  <si>
    <t>POINT (4.676418084217081 51.804775541944856)</t>
  </si>
  <si>
    <t>POINT (4.718598799538857 51.805270325455126)</t>
  </si>
  <si>
    <t>POINT (4.661099289652989 51.788092481051216)</t>
  </si>
  <si>
    <t>POINT (4.665894326464235 51.8172039155221)</t>
  </si>
  <si>
    <t>POINT (4.682152605211778 51.80889143622353)</t>
  </si>
  <si>
    <t>POINT (4.652405735640389 51.792610376042354)</t>
  </si>
  <si>
    <t>POINT (4.692000858265259 51.790279934121806)</t>
  </si>
  <si>
    <t>POINT (4.6806287741062995 51.77997357977895)</t>
  </si>
  <si>
    <t>POINT (4.711128564073773 51.80376502430093)</t>
  </si>
  <si>
    <t>POINT (4.719348993363389 51.8153929630006)</t>
  </si>
  <si>
    <t>POINT (4.666901608182391 51.818009419771116)</t>
  </si>
  <si>
    <t>POINT (4.667815312850998 51.81616509231084)</t>
  </si>
  <si>
    <t>POINT (4.689107631441821 51.806589421407935)</t>
  </si>
  <si>
    <t>POINT (4.666029893501106 51.7775300888888)</t>
  </si>
  <si>
    <t>POINT (4.6972674874783955 51.79285486610351)</t>
  </si>
  <si>
    <t>POINT (4.702107824057251 51.79588624690288)</t>
  </si>
  <si>
    <t>POINT (4.676644151649762 51.81744012436163)</t>
  </si>
  <si>
    <t>POINT (4.715063550971835 51.80780275986904)</t>
  </si>
  <si>
    <t>POINT (4.728289317865642 51.79404488127565)</t>
  </si>
  <si>
    <t>POINT (4.658101746287124 51.80974860122564)</t>
  </si>
  <si>
    <t>POINT (4.664105528569723 51.79074631387214)</t>
  </si>
  <si>
    <t>POINT (4.6688179933976555 51.811668285653575)</t>
  </si>
  <si>
    <t>POINT (4.707501524062635 51.81164748413198)</t>
  </si>
  <si>
    <t>POINT (4.66609253544624 51.81434302249687)</t>
  </si>
  <si>
    <t>POINT (4.660663034731846 51.807430718263795)</t>
  </si>
  <si>
    <t>POINT (4.718682868687394 51.80251203655628)</t>
  </si>
  <si>
    <t>POINT (4.672656470898103 51.805379512069905)</t>
  </si>
  <si>
    <t>POINT (4.67603185036228 51.81520124889801)</t>
  </si>
  <si>
    <t>POINT (4.653931056715412 51.78770971885741)</t>
  </si>
  <si>
    <t>POINT (4.655087794584105 51.78725455538593)</t>
  </si>
  <si>
    <t>POINT (4.683874523040867 51.7853972163634)</t>
  </si>
  <si>
    <t>POINT (4.658365783947003 51.80185737849931)</t>
  </si>
  <si>
    <t>POINT (4.6909682501570895 51.81854661799001)</t>
  </si>
  <si>
    <t>POINT (4.654134300261829 51.79091150137077)</t>
  </si>
  <si>
    <t>POINT (4.673155369561248 51.81495113773157)</t>
  </si>
  <si>
    <t>POINT (4.660954627625713 51.81101429023672)</t>
  </si>
  <si>
    <t>POINT (4.67948531677638 51.809201246319965)</t>
  </si>
  <si>
    <t>POINT (4.680955706726487 51.802380996426365)</t>
  </si>
  <si>
    <t>3329KD</t>
  </si>
  <si>
    <t>Heerenweg</t>
  </si>
  <si>
    <t>POINT (4.752054160495157 51.78694022041754)</t>
  </si>
  <si>
    <t>POINT (4.718356369341729 51.813263880162275)</t>
  </si>
  <si>
    <t>POINT (4.7169283219722455 51.80133173192669)</t>
  </si>
  <si>
    <t>POINT (4.714700421941925 51.81032177784881)</t>
  </si>
  <si>
    <t>POINT (4.689290645002502 51.80955767704595)</t>
  </si>
  <si>
    <t>POINT (4.675803912071685 51.776429669709835)</t>
  </si>
  <si>
    <t>POINT (4.678254069197516 51.8139278228365)</t>
  </si>
  <si>
    <t>POINT (4.6793179211515765 51.786361215486)</t>
  </si>
  <si>
    <t>POINT (4.669950614822301 51.77212611580882)</t>
  </si>
  <si>
    <t>POINT (4.653035715239123 51.791148396186394)</t>
  </si>
  <si>
    <t>POINT (4.669691586194253 51.819028908345175)</t>
  </si>
  <si>
    <t>POINT (4.707089768635072 51.808561426171046)</t>
  </si>
  <si>
    <t>POINT (4.7302840328118965 51.79132730266527)</t>
  </si>
  <si>
    <t>POINT (4.734030865279217 51.8036790816615)</t>
  </si>
  <si>
    <t>POINT (4.630040804138303 51.72498096479801)</t>
  </si>
  <si>
    <t>POINT (4.671019729349846 51.81375589796532)</t>
  </si>
  <si>
    <t>POINT (4.63558819666037 51.775001355805536)</t>
  </si>
  <si>
    <t>POINT (4.667670378358199 51.77743087952143)</t>
  </si>
  <si>
    <t>POINT (4.681039481433436 51.80805587967809)</t>
  </si>
  <si>
    <t>POINT (4.672897719517045 51.77877886821321)</t>
  </si>
  <si>
    <t>POINT (4.679277297631186 51.77467623454244)</t>
  </si>
  <si>
    <t>POINT (4.66976780978796 51.803891274145066)</t>
  </si>
  <si>
    <t>POINT (4.713449684180409 51.79540845561956)</t>
  </si>
  <si>
    <t>POINT (4.683053422817139 51.81159306769923)</t>
  </si>
  <si>
    <t>POINT (4.664040727023358 51.81089845573769)</t>
  </si>
  <si>
    <t>POINT (4.685093312963227 51.810068516052475)</t>
  </si>
  <si>
    <t>POINT (4.676171784081307 51.77361831768576)</t>
  </si>
  <si>
    <t>POINT (4.695272711029318 51.817898168294285)</t>
  </si>
  <si>
    <t>POINT (4.660450311363005 51.79625033204755)</t>
  </si>
  <si>
    <t>POINT (4.6627800448935375 51.79492115465031)</t>
  </si>
  <si>
    <t>POINT (4.674371830082369 51.780301902944245)</t>
  </si>
  <si>
    <t>POINT (4.6860335123969765 51.788735587591525)</t>
  </si>
  <si>
    <t>POINT (4.66115386971554 51.807335132415844)</t>
  </si>
  <si>
    <t>POINT (4.724392428230716 51.80367069536712)</t>
  </si>
  <si>
    <t>POINT (4.679375933122092 51.78528338951991)</t>
  </si>
  <si>
    <t>POINT (4.673837980423728 51.80819987866107)</t>
  </si>
  <si>
    <t>POINT (4.645147128546548 51.77882454084482)</t>
  </si>
  <si>
    <t>POINT (4.675813652008134 51.77417719426668)</t>
  </si>
  <si>
    <t>POINT (4.662830501078862 51.78643575179557)</t>
  </si>
  <si>
    <t>POINT (4.713078987077343 51.80797036667876)</t>
  </si>
  <si>
    <t>POINT (4.692947751263795 51.78667336810686)</t>
  </si>
  <si>
    <t>POINT (4.676607994545118 51.80543083421721)</t>
  </si>
  <si>
    <t>POINT (4.667982669606497 51.81167667905403)</t>
  </si>
  <si>
    <t>POINT (4.698496945330577 51.79335663775146)</t>
  </si>
  <si>
    <t>POINT (4.6874359164071695 51.80467418103954)</t>
  </si>
  <si>
    <t>POINT (4.701434624395333 51.79571640109226)</t>
  </si>
  <si>
    <t>POINT (4.663938620574624 51.81153592400614)</t>
  </si>
  <si>
    <t>POINT (4.685037739075573 51.78254743470621)</t>
  </si>
  <si>
    <t>POINT (4.681932034212758 51.78161439119902)</t>
  </si>
  <si>
    <t>POINT (4.72268149869044 51.80088183772059)</t>
  </si>
  <si>
    <t>POINT (4.651724079613337 51.79467252825646)</t>
  </si>
  <si>
    <t>POINT (4.662563451679106 51.80190030394829)</t>
  </si>
  <si>
    <t>POINT (4.732214967879736 51.78867237153421)</t>
  </si>
  <si>
    <t>POINT (4.685338697095156 51.781342782333276)</t>
  </si>
  <si>
    <t>POINT (4.662404108252677 51.80246447481068)</t>
  </si>
  <si>
    <t>POINT (4.668610883944388 51.77006210464033)</t>
  </si>
  <si>
    <t>POINT (4.7297871339342095 51.80511692522204)</t>
  </si>
  <si>
    <t>POINT (4.685188276889145 51.78192469116088)</t>
  </si>
  <si>
    <t>POINT (4.670794283317132 51.80282273292134)</t>
  </si>
  <si>
    <t>POINT (4.70869323899796 51.79405573792459)</t>
  </si>
  <si>
    <t>POINT (4.678093018246478 51.8141428384873)</t>
  </si>
  <si>
    <t>POINT (4.657433263416316 51.79254565072684)</t>
  </si>
  <si>
    <t>POINT (4.703949334092244 51.79769728924799)</t>
  </si>
  <si>
    <t>POINT (4.6665711117379525 51.812427131272536)</t>
  </si>
  <si>
    <t>POINT (4.671948447207143 51.819181397207466)</t>
  </si>
  <si>
    <t>POINT (4.669072416232678 51.790987258392335)</t>
  </si>
  <si>
    <t>POINT (4.668336303434356 51.817456685069104)</t>
  </si>
  <si>
    <t>POINT (4.697664481686496 51.79981889765597)</t>
  </si>
  <si>
    <t>POINT (4.729734776751722 51.79534638472025)</t>
  </si>
  <si>
    <t>POINT (4.6693412951565545 51.809771245523635)</t>
  </si>
  <si>
    <t>POINT (4.658083189354463 51.810568847533325)</t>
  </si>
  <si>
    <t>POINT (4.660009451637622 51.81025572436365)</t>
  </si>
  <si>
    <t>POINT (4.669282200521412 51.77755349298671)</t>
  </si>
  <si>
    <t>POINT (4.691897704903473 51.81830245032337)</t>
  </si>
  <si>
    <t>POINT (4.659225336233596 51.81306477963034)</t>
  </si>
  <si>
    <t>POINT (4.666506680890553 51.796316024309576)</t>
  </si>
  <si>
    <t>POINT (4.726944121303043 51.80348480548108)</t>
  </si>
  <si>
    <t>POINT (4.655330807769272 51.80101409712666)</t>
  </si>
  <si>
    <t>POINT (4.653130002283679 51.79270034791357)</t>
  </si>
  <si>
    <t>POINT (4.720147993915717 51.80508510462185)</t>
  </si>
  <si>
    <t>POINT (4.667898318541383 51.81394514679852)</t>
  </si>
  <si>
    <t>POINT (4.685100902374981 51.77741382887909)</t>
  </si>
  <si>
    <t>POINT (4.643550381516358 51.78773644204735)</t>
  </si>
  <si>
    <t>POINT (4.662717394828889 51.798347106754946)</t>
  </si>
  <si>
    <t>POINT (4.73229360557838 51.80015145281417)</t>
  </si>
  <si>
    <t>POINT (4.688195319732117 51.80823886657769)</t>
  </si>
  <si>
    <t>POINT (4.730194444060953 51.79862743243687)</t>
  </si>
  <si>
    <t>POINT (4.688300796357893 51.808346432982056)</t>
  </si>
  <si>
    <t>POINT (4.6832208105877635 51.80316273565799)</t>
  </si>
  <si>
    <t>POINT (4.712446125643425 51.808327542546)</t>
  </si>
  <si>
    <t>POINT (4.669986297682405 51.81556091215826)</t>
  </si>
  <si>
    <t>POINT (4.683805545379603 51.79811614339788)</t>
  </si>
  <si>
    <t>POINT (4.661692343581082 51.7707342731852)</t>
  </si>
  <si>
    <t>POINT (4.669078121168427 51.81858863053585)</t>
  </si>
  <si>
    <t>POINT (4.686736593548631 51.808512016698515)</t>
  </si>
  <si>
    <t>POINT (4.669422806935341 51.8141088165255)</t>
  </si>
  <si>
    <t>POINT (4.674707592528459 51.807791206514764)</t>
  </si>
  <si>
    <t>POINT (4.6620893044975205 51.77109102784481)</t>
  </si>
  <si>
    <t>POINT (4.64041585542744 51.79852999658381)</t>
  </si>
  <si>
    <t>POINT (4.672099127071469 51.81771688397031)</t>
  </si>
  <si>
    <t>POINT (4.66937073121897 51.81900968809446)</t>
  </si>
  <si>
    <t>POINT (4.686594502587901 51.78987021937472)</t>
  </si>
  <si>
    <t>POINT (4.728432385788524 51.79935975344284)</t>
  </si>
  <si>
    <t>POINT (4.6660012917388585 51.796056237478886)</t>
  </si>
  <si>
    <t>POINT (4.6838621987502185 51.78088250780919)</t>
  </si>
  <si>
    <t>POINT (4.675908109904611 51.7858857790199)</t>
  </si>
  <si>
    <t>POINT (4.6696688234949235 51.80444629541114)</t>
  </si>
  <si>
    <t>POINT (4.68208370522384 51.78190012790585)</t>
  </si>
  <si>
    <t>POINT (4.69349457628866 51.796986876899)</t>
  </si>
  <si>
    <t>POINT (4.667404051010756 51.79277317347647)</t>
  </si>
  <si>
    <t>POINT (4.668249751303191 51.80415255980415)</t>
  </si>
  <si>
    <t>POINT (4.665433904190662 51.8001252380727)</t>
  </si>
  <si>
    <t>POINT (4.66889440700501 51.81077232156676)</t>
  </si>
  <si>
    <t>POINT (4.663160412180267 51.80386531270327)</t>
  </si>
  <si>
    <t>POINT (4.730667272474182 51.8002589375985)</t>
  </si>
  <si>
    <t>POINT (4.721257689573079 51.80529630379622)</t>
  </si>
  <si>
    <t>POINT (4.659598630791366 51.80277127038661)</t>
  </si>
  <si>
    <t>POINT (4.716719553312397 51.81572420349789)</t>
  </si>
  <si>
    <t>POINT (4.663856840420581 51.8009414430081)</t>
  </si>
  <si>
    <t>POINT (4.661475893689465 51.796468184650294)</t>
  </si>
  <si>
    <t>POINT (4.677641132995651 51.79067053879789)</t>
  </si>
  <si>
    <t>POINT (4.656615372948898 51.787211926700984)</t>
  </si>
  <si>
    <t>POINT (4.719348339666695 51.800971891301415)</t>
  </si>
  <si>
    <t>POINT (4.680248728477734 51.787485390821715)</t>
  </si>
  <si>
    <t>POINT (4.728605961064797 51.80142713546863)</t>
  </si>
  <si>
    <t>POINT (4.651719571087614 51.80176182056856)</t>
  </si>
  <si>
    <t>POINT (4.654376037459963 51.793431063995634)</t>
  </si>
  <si>
    <t>POINT (4.670170499032587 51.79757404101481)</t>
  </si>
  <si>
    <t>POINT (4.674630534203136 51.818208347653254)</t>
  </si>
  <si>
    <t>POINT (4.686096267095087 51.778836698361914)</t>
  </si>
  <si>
    <t>POINT (4.653559116118577 51.79517262605522)</t>
  </si>
  <si>
    <t>POINT (4.659723058497366 51.770199460316555)</t>
  </si>
  <si>
    <t>POINT (4.651720100454074 51.790384914668714)</t>
  </si>
  <si>
    <t>POINT (4.675242062524262 51.80822544854474)</t>
  </si>
  <si>
    <t>POINT (4.667800013151742 51.81426196131359)</t>
  </si>
  <si>
    <t>POINT (4.726831485548829 51.799574193749784)</t>
  </si>
  <si>
    <t>POINT (4.709058891101972 51.80896007110263)</t>
  </si>
  <si>
    <t>POINT (4.682325984497449 51.775524245176555)</t>
  </si>
  <si>
    <t>POINT (4.685562829727349 51.77722943940774)</t>
  </si>
  <si>
    <t>POINT (4.7084436810240184 51.811489991140434)</t>
  </si>
  <si>
    <t>POINT (4.663195804999924 51.811422301743995)</t>
  </si>
  <si>
    <t>POINT (4.734843787088499 51.80221998485061)</t>
  </si>
  <si>
    <t>POINT (4.682622745232626 51.780323459658334)</t>
  </si>
  <si>
    <t>POINT (4.727049164504486 51.80362256313216)</t>
  </si>
  <si>
    <t>POINT (4.711816064685682 51.814921302564315)</t>
  </si>
  <si>
    <t>POINT (4.6903188163187055 51.80641544523926)</t>
  </si>
  <si>
    <t>POINT (4.712480331029316 51.816321202662785)</t>
  </si>
  <si>
    <t>POINT (4.729627991724869 51.79746787028878)</t>
  </si>
  <si>
    <t>POINT (4.665417423413134 51.80888223091178)</t>
  </si>
  <si>
    <t>POINT (4.661102875555908 51.7879759376751)</t>
  </si>
  <si>
    <t>POINT (4.72965118864054 51.797499568409705)</t>
  </si>
  <si>
    <t>POINT (4.669486933367235 51.81720807156504)</t>
  </si>
  <si>
    <t>POINT (4.654805250031118 51.7896904678272)</t>
  </si>
  <si>
    <t>POINT (4.721531070465239 51.810934827691646)</t>
  </si>
  <si>
    <t>POINT (4.655549651767236 51.79025228723091)</t>
  </si>
  <si>
    <t>POINT (4.6587523566690106 51.79152096558925)</t>
  </si>
  <si>
    <t>POINT (4.696207622054034 51.800162170178304)</t>
  </si>
  <si>
    <t>POINT (4.717315951511416 51.80025957734866)</t>
  </si>
  <si>
    <t>POINT (4.675041980964756 51.80775747045857)</t>
  </si>
  <si>
    <t>POINT (4.659142690683498 51.78246128461951)</t>
  </si>
  <si>
    <t>POINT (4.663698297661175 51.787807822323444)</t>
  </si>
  <si>
    <t>POINT (4.726926714325166 51.79706608000076)</t>
  </si>
  <si>
    <t>POINT (4.675658994807984 51.80848731869888)</t>
  </si>
  <si>
    <t>POINT (4.669504661989252 51.81249248821515)</t>
  </si>
  <si>
    <t>POINT (4.665552686304243 51.809187536486206)</t>
  </si>
  <si>
    <t>POINT (4.735566518845069 51.8000315919474)</t>
  </si>
  <si>
    <t>POINT (4.667745502373527 51.8142844404007)</t>
  </si>
  <si>
    <t>POINT (4.669059130858472 51.77360401434046)</t>
  </si>
  <si>
    <t>POINT (4.661979590346841 51.80515470183925)</t>
  </si>
  <si>
    <t>POINT (4.716122670056554 51.80058838567096)</t>
  </si>
  <si>
    <t>POINT (4.685047363513579 51.81314482704407)</t>
  </si>
  <si>
    <t>POINT (4.674075857173945 51.80830828079258)</t>
  </si>
  <si>
    <t>POINT (4.726617027982284 51.8025938532136)</t>
  </si>
  <si>
    <t>POINT (4.67400079336959 51.77876120340851)</t>
  </si>
  <si>
    <t>POINT (4.681204033480057 51.77373881198114)</t>
  </si>
  <si>
    <t>POINT (4.680646379849652 51.78541407700438)</t>
  </si>
  <si>
    <t>POINT (4.699411759914124 51.8180628822744)</t>
  </si>
  <si>
    <t>POINT (4.661656254616399 51.77359878326561)</t>
  </si>
  <si>
    <t>POINT (4.663252165250806 51.81335995297089)</t>
  </si>
  <si>
    <t>POINT (4.682232986437599 51.80258609584662)</t>
  </si>
  <si>
    <t>POINT (4.662271322052593 51.78796421604343)</t>
  </si>
  <si>
    <t>POINT (4.705087272086121 51.79186730062479)</t>
  </si>
  <si>
    <t>POINT (4.671690198489774 51.77196761915836)</t>
  </si>
  <si>
    <t>POINT (4.684915583664606 51.788048807175464)</t>
  </si>
  <si>
    <t>POINT (4.659905828414051 51.81265946556588)</t>
  </si>
  <si>
    <t>POINT (4.669935638584408 51.77076719974363)</t>
  </si>
  <si>
    <t>POINT (4.663897290262125 51.80202443428531)</t>
  </si>
  <si>
    <t>POINT (4.728311240802852 51.80367494159848)</t>
  </si>
  <si>
    <t>POINT (4.675903101943997 51.785793416744845)</t>
  </si>
  <si>
    <t>POINT (4.720612872463007 51.81136582516807)</t>
  </si>
  <si>
    <t>POINT (4.666875605805686 51.81493233822858)</t>
  </si>
  <si>
    <t>POINT (4.669146530897582 51.816403705460935)</t>
  </si>
  <si>
    <t>POINT (4.659171498377634 51.80541439789526)</t>
  </si>
  <si>
    <t>POINT (4.651592538674048 51.78797900423655)</t>
  </si>
  <si>
    <t>POINT (4.685595367434817 51.8025301604061)</t>
  </si>
  <si>
    <t>POINT (4.688786130836904 51.78376570453518)</t>
  </si>
  <si>
    <t>POINT (4.674362398228105 51.81505732399351)</t>
  </si>
  <si>
    <t>POINT (4.665465214587943 51.809201308504925)</t>
  </si>
  <si>
    <t>POINT (4.69049718538411 51.80575903749931)</t>
  </si>
  <si>
    <t>POINT (4.660312506140782 51.78940892158427)</t>
  </si>
  <si>
    <t>POINT (4.710904498791059 51.80632117471123)</t>
  </si>
  <si>
    <t>POINT (4.67243460684966 51.781322044262495)</t>
  </si>
  <si>
    <t>POINT (4.728004358749775 51.8014062293042)</t>
  </si>
  <si>
    <t>POINT (4.661099707329155 51.78934987801708)</t>
  </si>
  <si>
    <t>POINT (4.681044137562178 51.800584386364896)</t>
  </si>
  <si>
    <t>POINT (4.639421141228612 51.78013472303891)</t>
  </si>
  <si>
    <t>POINT (4.666670420367018 51.81119939313322)</t>
  </si>
  <si>
    <t>POINT (4.663065522422518 51.8134665127818)</t>
  </si>
  <si>
    <t>POINT (4.657627902860762 51.80233220479839)</t>
  </si>
  <si>
    <t>POINT (4.676479991909897 51.808082230772214)</t>
  </si>
  <si>
    <t>POINT (4.6792972812118885 51.816276269753274)</t>
  </si>
  <si>
    <t>POINT (4.659060703543509 51.784173368615164)</t>
  </si>
  <si>
    <t>POINT (4.708796976450044 51.80379620473412)</t>
  </si>
  <si>
    <t>POINT (4.73002342870814 51.79289544085759)</t>
  </si>
  <si>
    <t>POINT (4.711479479222383 51.792233241928024)</t>
  </si>
  <si>
    <t>POINT (4.70389408166347 51.8161177474118)</t>
  </si>
  <si>
    <t>POINT (4.662306492664602 51.79962649162577)</t>
  </si>
  <si>
    <t>POINT (4.653927951777492 51.79206269035065)</t>
  </si>
  <si>
    <t>POINT (4.678612522229668 51.789627447864646)</t>
  </si>
  <si>
    <t>POINT (4.713143333506975 51.815834502583954)</t>
  </si>
  <si>
    <t>POINT (4.698334872552924 51.79723504337483)</t>
  </si>
  <si>
    <t>POINT (4.685736769372609 51.81029679314932)</t>
  </si>
  <si>
    <t>POINT (4.684483866273376 51.81068051975762)</t>
  </si>
  <si>
    <t>POINT (4.683657446013942 51.79801922036901)</t>
  </si>
  <si>
    <t>POINT (4.728591637660775 51.8015243750715)</t>
  </si>
  <si>
    <t>POINT (4.719764678677079 51.81128881642554)</t>
  </si>
  <si>
    <t>POINT (4.692387594049062 51.79180719967977)</t>
  </si>
  <si>
    <t>POINT (4.685167722092775 51.80697801932558)</t>
  </si>
  <si>
    <t>POINT (4.6816604338882355 51.80623661342272)</t>
  </si>
  <si>
    <t>POINT (4.644660093076862 51.773256011370734)</t>
  </si>
  <si>
    <t>POINT (4.667008865733513 51.773010573140205)</t>
  </si>
  <si>
    <t>POINT (4.690442933660663 51.8181856442756)</t>
  </si>
  <si>
    <t>POINT (4.66768787924799 51.79531382589792)</t>
  </si>
  <si>
    <t>POINT (4.6636589468050484 51.81458005920521)</t>
  </si>
  <si>
    <t>POINT (4.685208186436997 51.78643081474056)</t>
  </si>
  <si>
    <t>POINT (4.676788905125161 51.80444053243201)</t>
  </si>
  <si>
    <t>POINT (4.6559103462279205 51.807304872263906)</t>
  </si>
  <si>
    <t>POINT (4.671870005615944 51.818933047654596)</t>
  </si>
  <si>
    <t>POINT (4.6579413490772605 51.77033216018206)</t>
  </si>
  <si>
    <t>POINT (4.6674737247204074 51.81534377916324)</t>
  </si>
  <si>
    <t>POINT (4.661682784583799 51.8033279829258)</t>
  </si>
  <si>
    <t>POINT (4.719307685098381 51.80088195319048)</t>
  </si>
  <si>
    <t>POINT (4.6856935113792035 51.80298950210409)</t>
  </si>
  <si>
    <t>POINT (4.660388625085158 51.769510816862095)</t>
  </si>
  <si>
    <t>POINT (4.664459682366788 51.77739575008133)</t>
  </si>
  <si>
    <t>POINT (4.663514907921125 51.79355183008026)</t>
  </si>
  <si>
    <t>POINT (4.687422697580691 51.8059166058542)</t>
  </si>
  <si>
    <t>POINT (4.663983646332087 51.79527042066099)</t>
  </si>
  <si>
    <t>POINT (4.674047233301906 51.81659248052528)</t>
  </si>
  <si>
    <t>POINT (4.7066971244614235 51.80880634668711)</t>
  </si>
  <si>
    <t>POINT (4.67088132980492 51.797373414004404)</t>
  </si>
  <si>
    <t>POINT (4.67332895932972 51.77543406240153)</t>
  </si>
  <si>
    <t>POINT (4.6598243694221075 51.801559025399854)</t>
  </si>
  <si>
    <t>POINT (4.65788227033503 51.76945217368694)</t>
  </si>
  <si>
    <t>POINT (4.724529768966138 51.79716365699942)</t>
  </si>
  <si>
    <t>POINT (4.6676660755957435 51.79239397464939)</t>
  </si>
  <si>
    <t>POINT (4.6630755699273045 51.81682812482654)</t>
  </si>
  <si>
    <t>POINT (4.67607347431166 51.789513738508774)</t>
  </si>
  <si>
    <t>POINT (4.677617464729211 51.79038474399612)</t>
  </si>
  <si>
    <t>POINT (4.712318563959219 51.79396786778982)</t>
  </si>
  <si>
    <t>POINT (4.666447495052439 51.7740015824335)</t>
  </si>
  <si>
    <t>POINT (4.676883454159765 51.78658336039753)</t>
  </si>
  <si>
    <t>POINT (4.6677197130991965 51.779463646948344)</t>
  </si>
  <si>
    <t>POINT (4.671936230092463 51.81882430189043)</t>
  </si>
  <si>
    <t>POINT (4.660138425555402 51.789787714568845)</t>
  </si>
  <si>
    <t>POINT (4.670434329300658 51.81832774643481)</t>
  </si>
  <si>
    <t>POINT (4.661411097134211 51.80380137303681)</t>
  </si>
  <si>
    <t>POINT (4.675098806522547 51.78662307468188)</t>
  </si>
  <si>
    <t>POINT (4.666983992601299 51.81113627598178)</t>
  </si>
  <si>
    <t>POINT (4.642026774173245 51.78385973294323)</t>
  </si>
  <si>
    <t>POINT (4.682788958527971 51.80632270956005)</t>
  </si>
  <si>
    <t>POINT (4.726835139230311 51.80326655926734)</t>
  </si>
  <si>
    <t>POINT (4.663129132738712 51.78862082667406)</t>
  </si>
  <si>
    <t>POINT (4.651569418303824 51.78775958849038)</t>
  </si>
  <si>
    <t>POINT (4.69084206091884 51.81806538993347)</t>
  </si>
  <si>
    <t>POINT (4.685750471764925 51.79176432294892)</t>
  </si>
  <si>
    <t>POINT (4.7136497172380745 51.80751820734544)</t>
  </si>
  <si>
    <t>POINT (4.681589738677283 51.81431169763451)</t>
  </si>
  <si>
    <t>POINT (4.671220995636558 51.813188565510195)</t>
  </si>
  <si>
    <t>POINT (4.718198825350103 51.80047473329055)</t>
  </si>
  <si>
    <t>POINT (4.678634021252942 51.789625366504595)</t>
  </si>
  <si>
    <t>POINT (4.6659203885184555 51.80277363732562)</t>
  </si>
  <si>
    <t>POINT (4.6615098166775 51.812814194132606)</t>
  </si>
  <si>
    <t>POINT (4.691580173868641 51.81144600919767)</t>
  </si>
  <si>
    <t>POINT (4.660526973136951 51.80018145689383)</t>
  </si>
  <si>
    <t>POINT (4.677549973043408 51.781042877352675)</t>
  </si>
  <si>
    <t>POINT (4.733619946368697 51.80341228503384)</t>
  </si>
  <si>
    <t>POINT (4.726617470696134 51.79682042338145)</t>
  </si>
  <si>
    <t>POINT (4.668451982444258 51.77848109507697)</t>
  </si>
  <si>
    <t>POINT (4.682930896661027 51.78580537619716)</t>
  </si>
  <si>
    <t>POINT (4.674110540226513 51.818945990204654)</t>
  </si>
  <si>
    <t>POINT (4.7086803961573995 51.818536225397956)</t>
  </si>
  <si>
    <t>POINT (4.685170989765387 51.81302212536593)</t>
  </si>
  <si>
    <t>POINT (4.658734117701113 51.791347972531284)</t>
  </si>
  <si>
    <t>POINT (4.670482368550074 51.81259334802933)</t>
  </si>
  <si>
    <t>POINT (4.680077860048199 51.78781745494594)</t>
  </si>
  <si>
    <t>POINT (4.660425813689118 51.805002383774365)</t>
  </si>
  <si>
    <t>POINT (4.660421874034653 51.80422481954431)</t>
  </si>
  <si>
    <t>POINT (4.708345541547841 51.80830249878778)</t>
  </si>
  <si>
    <t>POINT (4.669879358720718 51.77678586123155)</t>
  </si>
  <si>
    <t>POINT (4.6754358635906 51.77902689886171)</t>
  </si>
  <si>
    <t>POINT (4.666483923094134 51.78930610151721)</t>
  </si>
  <si>
    <t>POINT (4.6698404931021145 51.8108347735011)</t>
  </si>
  <si>
    <t>POINT (4.65843141419688 51.8108393948714)</t>
  </si>
  <si>
    <t>POINT (4.674412379724877 51.81640167618524)</t>
  </si>
  <si>
    <t>POINT (4.667004943794551 51.815850830795775)</t>
  </si>
  <si>
    <t>POINT (4.650901222439233 51.802407398132004)</t>
  </si>
  <si>
    <t>POINT (4.671643400083205 51.81769020539439)</t>
  </si>
  <si>
    <t>POINT (4.679272999298245 51.78582587433688)</t>
  </si>
  <si>
    <t>POINT (4.663722454902379 51.787993372372284)</t>
  </si>
  <si>
    <t>POINT (4.674972316888295 51.78021542101462)</t>
  </si>
  <si>
    <t>POINT (4.716074363695347 51.815070664410115)</t>
  </si>
  <si>
    <t>POINT (4.679395663818437 51.78693311388967)</t>
  </si>
  <si>
    <t>POINT (4.655389585740254 51.7918652027569)</t>
  </si>
  <si>
    <t>POINT (4.662657623210809 51.804119159786836)</t>
  </si>
  <si>
    <t>POINT (4.668639752308357 51.81076305921535)</t>
  </si>
  <si>
    <t>POINT (4.652902868199399 51.79233280726762)</t>
  </si>
  <si>
    <t>POINT (4.672797699532069 51.795954782432965)</t>
  </si>
  <si>
    <t>POINT (4.680066558569236 51.789882197160956)</t>
  </si>
  <si>
    <t>POINT (4.715841457285284 51.815098527369315)</t>
  </si>
  <si>
    <t>POINT (4.722125291949619 51.79934341658289)</t>
  </si>
  <si>
    <t>POINT (4.655462571161339 51.7675185723963)</t>
  </si>
  <si>
    <t>POINT (4.704814455832176 51.80887695886681)</t>
  </si>
  <si>
    <t>POINT (4.6945560816014105 51.79553466451377)</t>
  </si>
  <si>
    <t>POINT (4.674616000589754 51.788528964632846)</t>
  </si>
  <si>
    <t>POINT (4.732800665702591 51.79538213198215)</t>
  </si>
  <si>
    <t>POINT (4.651745132526147 51.787742425200435)</t>
  </si>
  <si>
    <t>POINT (4.67644147301898 51.79501458481928)</t>
  </si>
  <si>
    <t>POINT (4.682048498214749 51.80001523232979)</t>
  </si>
  <si>
    <t>POINT (4.681360597569933 51.781292367488355)</t>
  </si>
  <si>
    <t>POINT (4.6657959749990905 51.814894947284834)</t>
  </si>
  <si>
    <t>POINT (4.696139874302873 51.792983149282534)</t>
  </si>
  <si>
    <t>POINT (4.67269939068783 51.77878283771199)</t>
  </si>
  <si>
    <t>POINT (4.6537736748632925 51.799262210538956)</t>
  </si>
  <si>
    <t>POINT (4.6610007268269165 51.80909480798848)</t>
  </si>
  <si>
    <t>POINT (4.662733394342458 51.79311065906335)</t>
  </si>
  <si>
    <t>POINT (4.6610614509593296 51.787192504033065)</t>
  </si>
  <si>
    <t>POINT (4.654381058065747 51.789385860883506)</t>
  </si>
  <si>
    <t>POINT (4.6696128168467865 51.81425733885503)</t>
  </si>
  <si>
    <t>POINT (4.678763172414961 51.78564385845061)</t>
  </si>
  <si>
    <t>POINT (4.69154186545966 51.780117454313626)</t>
  </si>
  <si>
    <t>POINT (4.698759987086584 51.79710349062799)</t>
  </si>
  <si>
    <t>POINT (4.726926706948763 51.79194342244097)</t>
  </si>
  <si>
    <t>POINT (4.672464717668619 51.819460350617504)</t>
  </si>
  <si>
    <t>POINT (4.669510684137795 51.770369509771456)</t>
  </si>
  <si>
    <t>POINT (4.714975377027094 51.8150127888243)</t>
  </si>
  <si>
    <t>POINT (4.703976367997631 51.79870719705952)</t>
  </si>
  <si>
    <t>POINT (4.656303047256694 51.807140758504474)</t>
  </si>
  <si>
    <t>POINT (4.666492280142015 51.79626828677238)</t>
  </si>
  <si>
    <t>POINT (4.672063790681392 51.80514795742725)</t>
  </si>
  <si>
    <t>POINT (4.666527249395451 51.79908894700188)</t>
  </si>
  <si>
    <t>POINT (4.663457013021174 51.81481045227766)</t>
  </si>
  <si>
    <t>POINT (4.671110054176364 51.80242078989631)</t>
  </si>
  <si>
    <t>POINT (4.71435473821547 51.81607487092643)</t>
  </si>
  <si>
    <t>POINT (4.731464331197146 51.795105640549444)</t>
  </si>
  <si>
    <t>POINT (4.6815854207059004 51.8178815457261)</t>
  </si>
  <si>
    <t>POINT (4.7232132111981855 51.7984712976553)</t>
  </si>
  <si>
    <t>POINT (4.645020320037748 51.770987295753436)</t>
  </si>
  <si>
    <t>POINT (4.684192371874761 51.81927605053239)</t>
  </si>
  <si>
    <t>POINT (4.670717736235331 51.80296561707063)</t>
  </si>
  <si>
    <t>POINT (4.677283166063694 51.77546592879644)</t>
  </si>
  <si>
    <t>POINT (4.676774103400444 51.786573979157886)</t>
  </si>
  <si>
    <t>POINT (4.6645687716571596 51.81041485464187)</t>
  </si>
  <si>
    <t>POINT (4.727912477056197 51.79251690516132)</t>
  </si>
  <si>
    <t>POINT (4.665826214557825 51.81385074777402)</t>
  </si>
  <si>
    <t>POINT (4.726589310209114 51.79215673831848)</t>
  </si>
  <si>
    <t>POINT (4.678660175673391 51.80577601380443)</t>
  </si>
  <si>
    <t>POINT (4.660262636069886 51.79328562115831)</t>
  </si>
  <si>
    <t>POINT (4.717290101692422 51.804382477435375)</t>
  </si>
  <si>
    <t>POINT (4.6817914325889305 51.79959841011405)</t>
  </si>
  <si>
    <t>POINT (4.657570682550373 51.78855102434405)</t>
  </si>
  <si>
    <t>POINT (4.662875973194878 51.80069380271513)</t>
  </si>
  <si>
    <t>POINT (4.654148399337885 51.78792251878476)</t>
  </si>
  <si>
    <t>POINT (4.680267149186452 51.77847539325882)</t>
  </si>
  <si>
    <t>POINT (4.686090365280374 51.7755218557727)</t>
  </si>
  <si>
    <t>POINT (4.6702303799007465 51.790895627272086)</t>
  </si>
  <si>
    <t>POINT (4.665928548584547 51.814433240816655)</t>
  </si>
  <si>
    <t>POINT (4.681664182913302 51.786263468437305)</t>
  </si>
  <si>
    <t>POINT (4.719329154491982 51.80348244576009)</t>
  </si>
  <si>
    <t>POINT (4.690119072875759 51.81901906355587)</t>
  </si>
  <si>
    <t>POINT (4.671119104510171 51.813998407553726)</t>
  </si>
  <si>
    <t>POINT (4.661249804731851 51.80239388750802)</t>
  </si>
  <si>
    <t>POINT (4.661158450726937 51.809075056059726)</t>
  </si>
  <si>
    <t>POINT (4.714557917868881 51.81605004047904)</t>
  </si>
  <si>
    <t>POINT (4.677037156373755 51.79030814539174)</t>
  </si>
  <si>
    <t>POINT (4.72529011325354 51.798431186364816)</t>
  </si>
  <si>
    <t>POINT (4.752336811015297 51.78719274910812)</t>
  </si>
  <si>
    <t>POINT (4.668151524833679 51.799310848112114)</t>
  </si>
  <si>
    <t>POINT (4.687203823539773 51.802427840271996)</t>
  </si>
  <si>
    <t>POINT (4.658718124031882 51.79926165323463)</t>
  </si>
  <si>
    <t>POINT (4.687013509999931 51.80430611896272)</t>
  </si>
  <si>
    <t>POINT (4.7206896274683245 51.801951109855445)</t>
  </si>
  <si>
    <t>POINT (4.699017537009044 51.79626172071999)</t>
  </si>
  <si>
    <t>POINT (4.662153937731143 51.8140404653921)</t>
  </si>
  <si>
    <t>POINT (4.684249156435695 51.78104523976966)</t>
  </si>
  <si>
    <t>POINT (4.664561973349832 51.81684026201375)</t>
  </si>
  <si>
    <t>POINT (4.675068391561972 51.78650417630618)</t>
  </si>
  <si>
    <t>3329LJ</t>
  </si>
  <si>
    <t>Zuidwestdijk</t>
  </si>
  <si>
    <t>POINT (4.671570756071428 51.74139937115654)</t>
  </si>
  <si>
    <t>POINT (4.6658191384898995 51.81487211461514)</t>
  </si>
  <si>
    <t>POINT (4.699647896818072 51.81802079679295)</t>
  </si>
  <si>
    <t>POINT (4.652582110589183 51.80178055440089)</t>
  </si>
  <si>
    <t>POINT (4.677096216036095 51.77734751764608)</t>
  </si>
  <si>
    <t>POINT (4.673216781486117 51.81740291911864)</t>
  </si>
  <si>
    <t>POINT (4.70584229985654 51.808754447644446)</t>
  </si>
  <si>
    <t>POINT (4.658753444288171 51.79632971350062)</t>
  </si>
  <si>
    <t>POINT (4.670208316311719 51.77432969324006)</t>
  </si>
  <si>
    <t>POINT (4.682381857134207 51.779889898696716)</t>
  </si>
  <si>
    <t>POINT (4.679345247778309 51.800164939575836)</t>
  </si>
  <si>
    <t>POINT (4.682578402093613 51.81026481957071)</t>
  </si>
  <si>
    <t>POINT (4.6544663632371215 51.791842388396766)</t>
  </si>
  <si>
    <t>POINT (4.703958501858504 51.79821850529931)</t>
  </si>
  <si>
    <t>POINT (4.651408893070927 51.79267986701278)</t>
  </si>
  <si>
    <t>POINT (4.659408322960032 51.783411656026296)</t>
  </si>
  <si>
    <t>POINT (4.690440938452033 51.80561376128902)</t>
  </si>
  <si>
    <t>POINT (4.689246635242858 51.80950987425817)</t>
  </si>
  <si>
    <t>POINT (4.672999844262308 51.78917732460575)</t>
  </si>
  <si>
    <t>POINT (4.667780236678651 51.81862474428134)</t>
  </si>
  <si>
    <t>POINT (4.675265787866328 51.81403953775677)</t>
  </si>
  <si>
    <t>POINT (4.719796457485225 51.81356708578264)</t>
  </si>
  <si>
    <t>POINT (4.679750908021498 51.780021177753156)</t>
  </si>
  <si>
    <t>POINT (4.62907723986854 51.72094062469456)</t>
  </si>
  <si>
    <t>POINT (4.660414056727039 51.80298973369735)</t>
  </si>
  <si>
    <t>POINT (4.68294554800367 51.81147038124719)</t>
  </si>
  <si>
    <t>POINT (4.704325395597223 51.816887816059264)</t>
  </si>
  <si>
    <t>POINT (4.672495799074492 51.80367526823005)</t>
  </si>
  <si>
    <t>POINT (4.654496500268314 51.80300385100419)</t>
  </si>
  <si>
    <t>POINT (4.70543742039724 51.792013855780226)</t>
  </si>
  <si>
    <t>POINT (4.6910111504202066 51.81892050374815)</t>
  </si>
  <si>
    <t>POINT (4.652340814471724 51.785284813766566)</t>
  </si>
  <si>
    <t>POINT (4.675948333021338 51.78502584940274)</t>
  </si>
  <si>
    <t>POINT (4.720658654076708 51.8138583188259)</t>
  </si>
  <si>
    <t>POINT (4.680082423070853 51.81357057017917)</t>
  </si>
  <si>
    <t>POINT (4.699305517163173 51.7935921207824)</t>
  </si>
  <si>
    <t>POINT (4.722556474053065 51.79931516367463)</t>
  </si>
  <si>
    <t>POINT (4.6904046623765465 51.8069742679639)</t>
  </si>
  <si>
    <t>POINT (4.638346588245435 51.77714075701134)</t>
  </si>
  <si>
    <t>POINT (4.655601585862886 51.8077664945125)</t>
  </si>
  <si>
    <t>POINT (4.680328483797449 51.77365183984019)</t>
  </si>
  <si>
    <t>POINT (4.672422828264806 51.815461450524914)</t>
  </si>
  <si>
    <t>POINT (4.6864801131912035 51.80413072088024)</t>
  </si>
  <si>
    <t>POINT (4.6764273898498026 51.8078712266144)</t>
  </si>
  <si>
    <t>POINT (4.697400373448425 51.79742744734574)</t>
  </si>
  <si>
    <t>POINT (4.6821646757198705 51.81338136574574)</t>
  </si>
  <si>
    <t>POINT (4.680499451701566 51.78835829233824)</t>
  </si>
  <si>
    <t>POINT (4.671521428554113 51.817278922189615)</t>
  </si>
  <si>
    <t>POINT (4.685543129880918 51.77443279305323)</t>
  </si>
  <si>
    <t>POINT (4.660437597921843 51.81067675515263)</t>
  </si>
  <si>
    <t>POINT (4.6814632455109955 51.80362055947623)</t>
  </si>
  <si>
    <t>POINT (4.667328469761916 51.781845232219865)</t>
  </si>
  <si>
    <t>POINT (4.662668435231589 51.79996268426722)</t>
  </si>
  <si>
    <t>POINT (4.70843976438811 51.786976577496105)</t>
  </si>
  <si>
    <t>POINT (4.6635399048102935 51.79957202968768)</t>
  </si>
  <si>
    <t>POINT (4.684198972757029 51.80223365236101)</t>
  </si>
  <si>
    <t>POINT (4.684540898125071 51.78114053317681)</t>
  </si>
  <si>
    <t>POINT (4.681466930628093 51.78912462288683)</t>
  </si>
  <si>
    <t>POINT (4.697243648370467 51.79707194078724)</t>
  </si>
  <si>
    <t>POINT (4.730521754044069 51.80000029312614)</t>
  </si>
  <si>
    <t>POINT (4.664490329051005 51.81080784213413)</t>
  </si>
  <si>
    <t>POINT (4.660632205130838 51.81331607606397)</t>
  </si>
  <si>
    <t>POINT (4.685190748339907 51.807001293917125)</t>
  </si>
  <si>
    <t>POINT (4.66685027919679 51.77170519216275)</t>
  </si>
  <si>
    <t>POINT (4.661605161692965 51.80537056951697)</t>
  </si>
  <si>
    <t>POINT (4.658876055174383 51.80745941529271)</t>
  </si>
  <si>
    <t>POINT (4.7116141678431696 51.795193237627174)</t>
  </si>
  <si>
    <t>POINT (4.68131026646421 51.787419748028775)</t>
  </si>
  <si>
    <t>POINT (4.72042688907424 51.81293494824561)</t>
  </si>
  <si>
    <t>POINT (4.693505797739862 51.79152986471891)</t>
  </si>
  <si>
    <t>POINT (4.712570926314729 51.807473997216285)</t>
  </si>
  <si>
    <t>POINT (4.678541561154962 51.78946755981824)</t>
  </si>
  <si>
    <t>POINT (4.7110824257670485 51.80894386474882)</t>
  </si>
  <si>
    <t>POINT (4.660402337346129 51.796786831059194)</t>
  </si>
  <si>
    <t>POINT (4.652465220900385 51.78556355121779)</t>
  </si>
  <si>
    <t>POINT (4.673327782748144 51.77697696734147)</t>
  </si>
  <si>
    <t>POINT (4.672178593928161 51.79637743438747)</t>
  </si>
  <si>
    <t>POINT (4.728629420708448 51.80138235091238)</t>
  </si>
  <si>
    <t>POINT (4.6755547206797665 51.78858915256966)</t>
  </si>
  <si>
    <t>POINT (4.6777293087651834 51.7905302013148)</t>
  </si>
  <si>
    <t>POINT (4.667248906049944 51.813883304427414)</t>
  </si>
  <si>
    <t>POINT (4.695411481192499 51.79703201970192)</t>
  </si>
  <si>
    <t>POINT (4.682873372772109 51.81803709171526)</t>
  </si>
  <si>
    <t>POINT (4.675000710691402 51.78908036641235)</t>
  </si>
  <si>
    <t>POINT (4.671923167010584 51.802372221926355)</t>
  </si>
  <si>
    <t>POINT (4.721274897311294 51.794794875563476)</t>
  </si>
  <si>
    <t>POINT (4.6819248493725665 51.78106062623681)</t>
  </si>
  <si>
    <t>POINT (4.710766136105313 51.80538681610003)</t>
  </si>
  <si>
    <t>POINT (4.655465433668569 51.79026235064427)</t>
  </si>
  <si>
    <t>POINT (4.667527952546744 51.80330495116615)</t>
  </si>
  <si>
    <t>POINT (4.724843556433836 51.798373781595366)</t>
  </si>
  <si>
    <t>POINT (4.66976242565053 51.77298347707749)</t>
  </si>
  <si>
    <t>POINT (4.736880990031761 51.80117863463213)</t>
  </si>
  <si>
    <t>POINT (4.728913988055925 51.80095843456692)</t>
  </si>
  <si>
    <t>POINT (4.694572473559516 51.81806562218352)</t>
  </si>
  <si>
    <t>POINT (4.674565887751914 51.77605013827083)</t>
  </si>
  <si>
    <t>POINT (4.701021855741533 51.79857605980375)</t>
  </si>
  <si>
    <t>POINT (4.731309218161427 51.79985245714824)</t>
  </si>
  <si>
    <t>POINT (4.661110608006567 51.81638438383898)</t>
  </si>
  <si>
    <t>POINT (4.667869873696763 51.794139786779084)</t>
  </si>
  <si>
    <t>POINT (4.719032402205384 51.80353357358601)</t>
  </si>
  <si>
    <t>POINT (4.6703016020755665 51.79865904901372)</t>
  </si>
  <si>
    <t>POINT (4.7092265593860505 51.804068706750954)</t>
  </si>
  <si>
    <t>POINT (4.675554779116266 51.7833632764943)</t>
  </si>
  <si>
    <t>POINT (4.690427666907509 51.81806048552884)</t>
  </si>
  <si>
    <t>POINT (4.666078061277557 51.81690887681297)</t>
  </si>
  <si>
    <t>POINT (4.693346482214228 51.803671800013554)</t>
  </si>
  <si>
    <t>POINT (4.656072027983725 51.81158816387828)</t>
  </si>
  <si>
    <t>POINT (4.663182913851331 51.7899155142305)</t>
  </si>
  <si>
    <t>POINT (4.658864015198743 51.80083621933204)</t>
  </si>
  <si>
    <t>POINT (4.674089120736024 51.81227034433583)</t>
  </si>
  <si>
    <t>POINT (4.6674875759050565 51.79029720033687)</t>
  </si>
  <si>
    <t>POINT (4.7038506773650886 51.815284193447425)</t>
  </si>
  <si>
    <t>POINT (4.656625962815647 51.79321726898203)</t>
  </si>
  <si>
    <t>POINT (4.672361600461216 51.81935656866749)</t>
  </si>
  <si>
    <t>POINT (4.666303630933335 51.80150034474224)</t>
  </si>
  <si>
    <t>POINT (4.66123983633529 51.788809607123305)</t>
  </si>
  <si>
    <t>POINT (4.670184921828291 51.774281874075115)</t>
  </si>
  <si>
    <t>POINT (4.665027048728052 51.81820822577522)</t>
  </si>
  <si>
    <t>POINT (4.666430731629737 51.77360229042766)</t>
  </si>
  <si>
    <t>POINT (4.731984163188274 51.79754681291105)</t>
  </si>
  <si>
    <t>POINT (4.674139116242839 51.796970233447695)</t>
  </si>
  <si>
    <t>POINT (4.707629281644095 51.797185166756115)</t>
  </si>
  <si>
    <t>POINT (4.672581395600266 51.78536856537398)</t>
  </si>
  <si>
    <t>POINT (4.681964656787889 51.776863708894005)</t>
  </si>
  <si>
    <t>POINT (4.666303044911285 51.7961002400239)</t>
  </si>
  <si>
    <t>POINT (4.6545657209343645 51.80290993785943)</t>
  </si>
  <si>
    <t>POINT (4.6737982884222875 51.787676261552456)</t>
  </si>
  <si>
    <t>POINT (4.712896446921645 51.8152520498411)</t>
  </si>
  <si>
    <t>POINT (4.671922507366144 51.77932262954937)</t>
  </si>
  <si>
    <t>POINT (4.676853131413059 51.78645554627496)</t>
  </si>
  <si>
    <t>POINT (4.69394302945285 51.790850577193936)</t>
  </si>
  <si>
    <t>POINT (4.65892806638719 51.8011325967331)</t>
  </si>
  <si>
    <t>POINT (4.7080402833657296 51.794338086941494)</t>
  </si>
  <si>
    <t>POINT (4.671461168128662 51.804364739621505)</t>
  </si>
  <si>
    <t>POINT (4.680236129731969 51.78589001051761)</t>
  </si>
  <si>
    <t>POINT (4.685480372068398 51.78899735650418)</t>
  </si>
  <si>
    <t>POINT (4.724351822523189 51.79672154291547)</t>
  </si>
  <si>
    <t>POINT (4.6609294198809 51.805374406833906)</t>
  </si>
  <si>
    <t>POINT (4.629513950837627 51.72123490210187)</t>
  </si>
  <si>
    <t>POINT (4.679019213988488 51.814181491604494)</t>
  </si>
  <si>
    <t>POINT (4.679693277912529 51.78923811797349)</t>
  </si>
  <si>
    <t>POINT (4.717293899270925 51.81557747204671)</t>
  </si>
  <si>
    <t>POINT (4.6651026293946805 51.8022992630475)</t>
  </si>
  <si>
    <t>POINT (4.709689232245547 51.811079513411826)</t>
  </si>
  <si>
    <t>POINT (4.677062787056523 51.81696453318034)</t>
  </si>
  <si>
    <t>POINT (4.660693958427417 51.79471561810457)</t>
  </si>
  <si>
    <t>POINT (4.630584983961407 51.72128753930804)</t>
  </si>
  <si>
    <t>POINT (4.679168741736862 51.80905865493067)</t>
  </si>
  <si>
    <t>POINT (4.668013270334394 51.77220025545447)</t>
  </si>
  <si>
    <t>POINT (4.6745777353004225 51.81511870305484)</t>
  </si>
  <si>
    <t>POINT (4.677654990577482 51.779810864967864)</t>
  </si>
  <si>
    <t>POINT (4.672678203673971 51.7824539569511)</t>
  </si>
  <si>
    <t>POINT (4.679402054619023 51.77730857480776)</t>
  </si>
  <si>
    <t>POINT (4.699138124122591 51.81751722259597)</t>
  </si>
  <si>
    <t>POINT (4.680476286331429 51.78821604156155)</t>
  </si>
  <si>
    <t>POINT (4.685962824551123 51.78773308821315)</t>
  </si>
  <si>
    <t>POINT (4.718906884566013 51.80215795552548)</t>
  </si>
  <si>
    <t>POINT (4.664453423288995 51.81017006557955)</t>
  </si>
  <si>
    <t>POINT (4.666287785304538 51.811776210705396)</t>
  </si>
  <si>
    <t>POINT (4.665703054320255 51.79604804876475)</t>
  </si>
  <si>
    <t>POINT (4.663145744440016 51.80139602859274)</t>
  </si>
  <si>
    <t>POINT (4.66423280307308 51.81156641965828)</t>
  </si>
  <si>
    <t>POINT (4.661990935529052 51.799269425162244)</t>
  </si>
  <si>
    <t>POINT (4.681452985984998 51.79964924621347)</t>
  </si>
  <si>
    <t>POINT (4.676688414012344 51.81688447038035)</t>
  </si>
  <si>
    <t>POINT (4.711522515323656 51.81574978551253)</t>
  </si>
  <si>
    <t>POINT (4.68242270560272 51.798707722353534)</t>
  </si>
  <si>
    <t>POINT (4.666811138227782 51.81347588480512)</t>
  </si>
  <si>
    <t>POINT (4.66455459575261 51.815693683984485)</t>
  </si>
  <si>
    <t>POINT (4.704688010126087 51.81493614491583)</t>
  </si>
  <si>
    <t>POINT (4.661792779885347 51.80009163663041)</t>
  </si>
  <si>
    <t>POINT (4.681359747862559 51.81434577484704)</t>
  </si>
  <si>
    <t>POINT (4.66350210152313 51.79908732384404)</t>
  </si>
  <si>
    <t>POINT (4.667700471814587 51.79527595285413)</t>
  </si>
  <si>
    <t>POINT (4.67705865134059 51.81438772722713)</t>
  </si>
  <si>
    <t>POINT (4.714649569755375 51.80623739743404)</t>
  </si>
  <si>
    <t>POINT (4.663237800814155 51.79471645818842)</t>
  </si>
  <si>
    <t>POINT (4.678084847350426 51.78467736700051)</t>
  </si>
  <si>
    <t>POINT (4.652413436834679 51.78202498788275)</t>
  </si>
  <si>
    <t>POINT (4.675828169167733 51.81811134452723)</t>
  </si>
  <si>
    <t>POINT (4.70090751551494 51.79619978555976)</t>
  </si>
  <si>
    <t>POINT (4.659122751049094 51.81277548060726)</t>
  </si>
  <si>
    <t>POINT (4.706676562133064 51.786669924612966)</t>
  </si>
  <si>
    <t>POINT (4.704226651392412 51.815454200039)</t>
  </si>
  <si>
    <t>POINT (4.714178629650918 51.80718960602732)</t>
  </si>
  <si>
    <t>POINT (4.668220648042074 51.80285047811081)</t>
  </si>
  <si>
    <t>POINT (4.715742573554738 51.80318481161287)</t>
  </si>
  <si>
    <t>POINT (4.693474955146158 51.793303669641745)</t>
  </si>
  <si>
    <t>POINT (4.652385546176141 51.78569470989686)</t>
  </si>
  <si>
    <t>POINT (4.672103655158544 51.817351899716435)</t>
  </si>
  <si>
    <t>POINT (4.71803693699262 51.80544090908825)</t>
  </si>
  <si>
    <t>POINT (4.663990566404857 51.80265323787586)</t>
  </si>
  <si>
    <t>POINT (4.663047312917391 51.816298445484385)</t>
  </si>
  <si>
    <t>POINT (4.718542770650664 51.80073606133215)</t>
  </si>
  <si>
    <t>POINT (4.672063314254337 51.805964297546915)</t>
  </si>
  <si>
    <t>POINT (4.683894489798481 51.77744832652748)</t>
  </si>
  <si>
    <t>POINT (4.696494499011698 51.79143864630426)</t>
  </si>
  <si>
    <t>POINT (4.685542932135087 51.81353773721544)</t>
  </si>
  <si>
    <t>POINT (4.669098590509307 51.8155401579958)</t>
  </si>
  <si>
    <t>POINT (4.6594209139757226 51.80456398788594)</t>
  </si>
  <si>
    <t>POINT (4.681451940563982 51.80693889399669)</t>
  </si>
  <si>
    <t>POINT (4.670296930031794 51.8002818922898)</t>
  </si>
  <si>
    <t>POINT (4.715602182455364 51.80572584460179)</t>
  </si>
  <si>
    <t>POINT (4.673351756059638 51.81750147396242)</t>
  </si>
  <si>
    <t>POINT (4.701065664060019 51.79093390748049)</t>
  </si>
  <si>
    <t>POINT (4.684062663991343 51.80189846588218)</t>
  </si>
  <si>
    <t>POINT (4.6591635575930415 51.80887980335555)</t>
  </si>
  <si>
    <t>POINT (4.72923573494985 51.80341964754314)</t>
  </si>
  <si>
    <t>POINT (4.655125908307647 51.78791050196808)</t>
  </si>
  <si>
    <t>POINT (4.690679673762556 51.818406426552315)</t>
  </si>
  <si>
    <t>POINT (4.69636113412724 51.80024961703574)</t>
  </si>
  <si>
    <t>POINT (4.696028235405352 51.81786945204764)</t>
  </si>
  <si>
    <t>POINT (4.66030841954647 51.797613991605736)</t>
  </si>
  <si>
    <t>POINT (4.691576799974819 51.7872210976061)</t>
  </si>
  <si>
    <t>POINT (4.685515193653376 51.78465684587165)</t>
  </si>
  <si>
    <t>POINT (4.651484178050016 51.793843586294074)</t>
  </si>
  <si>
    <t>POINT (4.708529562325923 51.80841166070024)</t>
  </si>
  <si>
    <t>POINT (4.724147293050749 51.805965557258894)</t>
  </si>
  <si>
    <t>POINT (4.656723969690642 51.790860159099765)</t>
  </si>
  <si>
    <t>POINT (4.682517982747739 51.77561756907711)</t>
  </si>
  <si>
    <t>POINT (4.676706155622314 51.78486493305413)</t>
  </si>
  <si>
    <t>POINT (4.6583392523965585 51.79364861521802)</t>
  </si>
  <si>
    <t>POINT (4.6734923460006295 51.78201413447371)</t>
  </si>
  <si>
    <t>POINT (4.6678183404640885 51.81169285814659)</t>
  </si>
  <si>
    <t>POINT (4.684739725835519 51.77469902020317)</t>
  </si>
  <si>
    <t>POINT (4.634114156888195 51.78026040878603)</t>
  </si>
  <si>
    <t>POINT (4.659429616406605 51.81377422909009)</t>
  </si>
  <si>
    <t>POINT (4.6733751929339915 51.81000555903697)</t>
  </si>
  <si>
    <t>POINT (4.6934036798007375 51.81883400763237)</t>
  </si>
  <si>
    <t>POINT (4.676392494280088 51.78361402603775)</t>
  </si>
  <si>
    <t>POINT (4.6577113865984 51.80591025134952)</t>
  </si>
  <si>
    <t>POINT (4.726253121926764 51.805947945794344)</t>
  </si>
  <si>
    <t>POINT (4.734990261427889 51.798640050239605)</t>
  </si>
  <si>
    <t>POINT (4.682416128403766 51.811795918360296)</t>
  </si>
  <si>
    <t>POINT (4.671628237308255 51.81739459248301)</t>
  </si>
  <si>
    <t>POINT (4.708760064954811 51.7940682680696)</t>
  </si>
  <si>
    <t>POINT (4.6768122712186635 51.78648612107705)</t>
  </si>
  <si>
    <t>POINT (4.63291619784332 51.77027937365915)</t>
  </si>
  <si>
    <t>POINT (4.656146376755226 51.79295141565588)</t>
  </si>
  <si>
    <t>POINT (4.63930538877108 51.7970591194514)</t>
  </si>
  <si>
    <t>POINT (4.673859031409339 51.81186640619357)</t>
  </si>
  <si>
    <t>POINT (4.7176438961956935 51.803467430213296)</t>
  </si>
  <si>
    <t>POINT (4.700064864296075 51.7993635648914)</t>
  </si>
  <si>
    <t>POINT (4.7307484931325945 51.79533689723177)</t>
  </si>
  <si>
    <t>POINT (4.683876418717667 51.802920089996945)</t>
  </si>
  <si>
    <t>POINT (4.669728337642831 51.7768115350953)</t>
  </si>
  <si>
    <t>POINT (4.682789960201101 51.813305472100886)</t>
  </si>
  <si>
    <t>POINT (4.685903710989895 51.786956831250265)</t>
  </si>
  <si>
    <t>POINT (4.70256784847167 51.79641962307686)</t>
  </si>
  <si>
    <t>POINT (4.661617690632106 51.80902544760761)</t>
  </si>
  <si>
    <t>POINT (4.710224536213693 51.79863146115705)</t>
  </si>
  <si>
    <t>POINT (4.663003066317033 51.78892216787512)</t>
  </si>
  <si>
    <t>POINT (4.665713178073127 51.787324226313885)</t>
  </si>
  <si>
    <t>POINT (4.665627677320606 51.81481216059683)</t>
  </si>
  <si>
    <t>POINT (4.661150436834922 51.788363717296335)</t>
  </si>
  <si>
    <t>POINT (4.700289547849308 51.797914739213816)</t>
  </si>
  <si>
    <t>POINT (4.692619348940887 51.81801357652423)</t>
  </si>
  <si>
    <t>POINT (4.725335203034911 51.79589386490129)</t>
  </si>
  <si>
    <t>POINT (4.710445639508766 51.80505344870847)</t>
  </si>
  <si>
    <t>POINT (4.7188399237850325 51.81225832593364)</t>
  </si>
  <si>
    <t>POINT (4.66558111648925 51.818277233202956)</t>
  </si>
  <si>
    <t>POINT (4.661838634050315 51.788434769822594)</t>
  </si>
  <si>
    <t>POINT (4.635034116108606 51.7788593044686)</t>
  </si>
  <si>
    <t>POINT (4.684736463457301 51.811167312139425)</t>
  </si>
  <si>
    <t>POINT (4.672302095735009 51.8191029056041)</t>
  </si>
  <si>
    <t>POINT (4.678521674659925 51.81383130088811)</t>
  </si>
  <si>
    <t>POINT (4.724805656319224 51.80619222971479)</t>
  </si>
  <si>
    <t>POINT (4.669487058695311 51.81231290366228)</t>
  </si>
  <si>
    <t>POINT (4.668467125225987 51.790564911853416)</t>
  </si>
  <si>
    <t>POINT (4.6903966104347266 51.80879025373742)</t>
  </si>
  <si>
    <t>POINT (4.681802502362861 51.7737240041663)</t>
  </si>
  <si>
    <t>POINT (4.661669011791618 51.797135549531056)</t>
  </si>
  <si>
    <t>POINT (4.659464824045773 51.78145750025476)</t>
  </si>
  <si>
    <t>POINT (4.664096097569673 51.81067303720145)</t>
  </si>
  <si>
    <t>POINT (4.6606647896375115 51.78988168971544)</t>
  </si>
  <si>
    <t>POINT (4.670065263704892 51.81766246062602)</t>
  </si>
  <si>
    <t>POINT (4.707372493917283 51.80884363611833)</t>
  </si>
  <si>
    <t>POINT (4.676671000988064 51.78379145146436)</t>
  </si>
  <si>
    <t>POINT (4.658004088648407 51.79215950381926)</t>
  </si>
  <si>
    <t>POINT (4.717474348511102 51.80063591049753)</t>
  </si>
  <si>
    <t>POINT (4.677506466311503 51.80598692712262)</t>
  </si>
  <si>
    <t>POINT (4.664026955657282 51.81537339412886)</t>
  </si>
  <si>
    <t>POINT (4.715426625373585 51.80328734340834)</t>
  </si>
  <si>
    <t>POINT (4.673897282428542 51.811848346755276)</t>
  </si>
  <si>
    <t>POINT (4.684446219184367 51.802629826145235)</t>
  </si>
  <si>
    <t>POINT (4.712012615970935 51.809931463613395)</t>
  </si>
  <si>
    <t>POINT (4.6694778625612114 51.81078078137068)</t>
  </si>
  <si>
    <t>POINT (4.66638859292986 51.78930159672107)</t>
  </si>
  <si>
    <t>POINT (4.669758295137783 51.80820493861723)</t>
  </si>
  <si>
    <t>POINT (4.7197106213057305 51.800577841117715)</t>
  </si>
  <si>
    <t>POINT (4.661845688008915 51.78880919309791)</t>
  </si>
  <si>
    <t>POINT (4.6532715874118935 51.7918561421339)</t>
  </si>
  <si>
    <t>POINT (4.660712003999498 51.79979570227031)</t>
  </si>
  <si>
    <t>POINT (4.670699261442184 51.81778711371113)</t>
  </si>
  <si>
    <t>POINT (4.659165449842546 51.7906984295593)</t>
  </si>
  <si>
    <t>POINT (4.718134966711679 51.802595159687044)</t>
  </si>
  <si>
    <t>POINT (4.653191602082068 51.80201532456548)</t>
  </si>
  <si>
    <t>POINT (4.685579693617675 51.7854039222469)</t>
  </si>
  <si>
    <t>POINT (4.697133571051051 51.7933319702779)</t>
  </si>
  <si>
    <t>POINT (4.730738249823406 51.79105217684733)</t>
  </si>
  <si>
    <t>POINT (4.6677219653845725 51.810754873954366)</t>
  </si>
  <si>
    <t>POINT (4.667046153446357 51.79418533065845)</t>
  </si>
  <si>
    <t>POINT (4.663347729771299 51.816981280956966)</t>
  </si>
  <si>
    <t>POINT (4.674330590444492 51.817975876981095)</t>
  </si>
  <si>
    <t>POINT (4.717649388663214 51.79922430722485)</t>
  </si>
  <si>
    <t>POINT (4.664905012617724 51.81571552641223)</t>
  </si>
  <si>
    <t>POINT (4.6749642018539435 51.80406147412079)</t>
  </si>
  <si>
    <t>POINT (4.667883068342752 51.79112420444132)</t>
  </si>
  <si>
    <t>POINT (4.710518286833357 51.80504536441393)</t>
  </si>
  <si>
    <t>POINT (4.715778138113971 51.81344898410593)</t>
  </si>
  <si>
    <t>POINT (4.7117481898345845 51.803054678198734)</t>
  </si>
  <si>
    <t>POINT (4.667578660716852 51.81288926474926)</t>
  </si>
  <si>
    <t>POINT (4.660521092973512 51.80053740880226)</t>
  </si>
  <si>
    <t>POINT (4.685347751678083 51.81188953251896)</t>
  </si>
  <si>
    <t>POINT (4.715081160663163 51.80520196937021)</t>
  </si>
  <si>
    <t>POINT (4.691080037743209 51.80631634227768)</t>
  </si>
  <si>
    <t>POINT (4.715796851016975 51.803197877092934)</t>
  </si>
  <si>
    <t>POINT (4.682120156653886 51.80440379983071)</t>
  </si>
  <si>
    <t>POINT (4.710683383698038 51.79186498154518)</t>
  </si>
  <si>
    <t>POINT (4.669456295411751 51.81376524050576)</t>
  </si>
  <si>
    <t>POINT (4.663018604784042 51.81455822201739)</t>
  </si>
  <si>
    <t>POINT (4.665397121121747 51.8139485488376)</t>
  </si>
  <si>
    <t>POINT (4.697177420579158 51.793351859455065)</t>
  </si>
  <si>
    <t>POINT (4.671222622971091 51.79906447200315)</t>
  </si>
  <si>
    <t>POINT (4.660572741202597 51.77192374098283)</t>
  </si>
  <si>
    <t>POINT (4.714727810971481 51.804898483641516)</t>
  </si>
  <si>
    <t>POINT (4.690775876119978 51.80814045865711)</t>
  </si>
  <si>
    <t>POINT (4.70663357304618 51.80809700738407)</t>
  </si>
  <si>
    <t>POINT (4.732355944031275 51.80014860079316)</t>
  </si>
  <si>
    <t>POINT (4.679010336421091 51.816366861131776)</t>
  </si>
  <si>
    <t>POINT (4.671143809731639 51.790660650751754)</t>
  </si>
  <si>
    <t>POINT (4.718340689545169 51.814834959136476)</t>
  </si>
  <si>
    <t>POINT (4.65161569217171 51.78272281597131)</t>
  </si>
  <si>
    <t>POINT (4.68294069362104 51.78553241246873)</t>
  </si>
  <si>
    <t>POINT (4.68093985668647 51.80495493411688)</t>
  </si>
  <si>
    <t>POINT (4.68316145768469 51.81927219894147)</t>
  </si>
  <si>
    <t>POINT (4.6774780662683755 51.8171990067429)</t>
  </si>
  <si>
    <t>POINT (4.672743962870546 51.813235033508406)</t>
  </si>
  <si>
    <t>POINT (4.692549119095611 51.79559671252324)</t>
  </si>
  <si>
    <t>POINT (4.692145551605987 51.792601380781356)</t>
  </si>
  <si>
    <t>POINT (4.666589085701492 51.77756643355811)</t>
  </si>
  <si>
    <t>POINT (4.6810686965999535 51.7985092547506)</t>
  </si>
  <si>
    <t>POINT (4.656320836295515 51.80226531106618)</t>
  </si>
  <si>
    <t>POINT (4.712869448013797 51.81159151403581)</t>
  </si>
  <si>
    <t>POINT (4.682649977504483 51.81129597074673)</t>
  </si>
  <si>
    <t>POINT (4.721786669757811 51.80527986227972)</t>
  </si>
  <si>
    <t>POINT (4.661571659442 51.77164699673411)</t>
  </si>
  <si>
    <t>POINT (4.656538630164065 51.77014529944933)</t>
  </si>
  <si>
    <t>POINT (4.663567474144222 51.7902243119678)</t>
  </si>
  <si>
    <t>POINT (4.68071273664273 51.79072475317136)</t>
  </si>
  <si>
    <t>POINT (4.667050815138563 51.796226889900346)</t>
  </si>
  <si>
    <t>POINT (4.722605176402867 51.80419877204743)</t>
  </si>
  <si>
    <t>POINT (4.66867539667413 51.77736566137419)</t>
  </si>
  <si>
    <t>POINT (4.68110445531186 51.808321795996896)</t>
  </si>
  <si>
    <t>POINT (4.6563809558126685 51.78422927829243)</t>
  </si>
  <si>
    <t>POINT (4.682679900147271 51.77546492487598)</t>
  </si>
  <si>
    <t>POINT (4.664870570753712 51.778807613008816)</t>
  </si>
  <si>
    <t>POINT (4.657938178637111 51.81123756770511)</t>
  </si>
  <si>
    <t>POINT (4.684257188428034 51.77487870761637)</t>
  </si>
  <si>
    <t>POINT (4.66177483869206 51.8041238355763)</t>
  </si>
  <si>
    <t>POINT (4.67933562666665 51.785024793194516)</t>
  </si>
  <si>
    <t>POINT (4.709966073630306 51.78846241706873)</t>
  </si>
  <si>
    <t>POINT (4.6758797433818025 51.81808381923093)</t>
  </si>
  <si>
    <t>POINT (4.704500621836769 51.79839017146324)</t>
  </si>
  <si>
    <t>POINT (4.700968651187065 51.79676174606479)</t>
  </si>
  <si>
    <t>POINT (4.6859776830381055 51.787647146300586)</t>
  </si>
  <si>
    <t>POINT (4.690611288964099 51.80652178293618)</t>
  </si>
  <si>
    <t>POINT (4.6754181856405035 51.77576052908704)</t>
  </si>
  <si>
    <t>POINT (4.709138994416517 51.80187134693635)</t>
  </si>
  <si>
    <t>POINT (4.663651228865071 51.81450612468188)</t>
  </si>
  <si>
    <t>POINT (4.712100199491362 51.793256848822864)</t>
  </si>
  <si>
    <t>POINT (4.659603259719068 51.80368316614971)</t>
  </si>
  <si>
    <t>POINT (4.668077689349457 51.81173089681643)</t>
  </si>
  <si>
    <t>POINT (4.673559112505513 51.802872677879414)</t>
  </si>
  <si>
    <t>POINT (4.666911360316607 51.814892962567015)</t>
  </si>
  <si>
    <t>POINT (4.6761112722853 51.808670885463314)</t>
  </si>
  <si>
    <t>POINT (4.676227082093882 51.772033889215166)</t>
  </si>
  <si>
    <t>POINT (4.652857444268171 51.78884097423485)</t>
  </si>
  <si>
    <t>POINT (4.684228394509192 51.8078262474168)</t>
  </si>
  <si>
    <t>POINT (4.668570794877078 51.8118996597595)</t>
  </si>
  <si>
    <t>POINT (4.680131895449437 51.79090258258523)</t>
  </si>
  <si>
    <t>POINT (4.663162042037989 51.81646940789315)</t>
  </si>
  <si>
    <t>POINT (4.685866612747382 51.78673643152299)</t>
  </si>
  <si>
    <t>POINT (4.66277975876734 51.80177816197921)</t>
  </si>
  <si>
    <t>POINT (4.705203542011415 51.79269736994448)</t>
  </si>
  <si>
    <t>POINT (4.663268799973862 51.789975684328624)</t>
  </si>
  <si>
    <t>POINT (4.7146982398749895 51.81609824171365)</t>
  </si>
  <si>
    <t>POINT (4.683982939438905 51.80161379315301)</t>
  </si>
  <si>
    <t>POINT (4.725538102826293 51.794163849555154)</t>
  </si>
  <si>
    <t>POINT (4.662798596142283 51.80366168787731)</t>
  </si>
  <si>
    <t>POINT (4.652421014198944 51.7855512384208)</t>
  </si>
  <si>
    <t>POINT (4.666289154153482 51.80394062190798)</t>
  </si>
  <si>
    <t>POINT (4.665833213809806 51.77211400382188)</t>
  </si>
  <si>
    <t>3314DB</t>
  </si>
  <si>
    <t>Weeskinderendijk Beneden</t>
  </si>
  <si>
    <t>POINT (4.650703759605081 51.80758086346401)</t>
  </si>
  <si>
    <t>POINT (4.6691288226207055 51.79103510894279)</t>
  </si>
  <si>
    <t>POINT (4.661599633782692 51.809047286326496)</t>
  </si>
  <si>
    <t>POINT (4.697396402306535 51.81747489996869)</t>
  </si>
  <si>
    <t>POINT (4.6656037039429545 51.800969727400215)</t>
  </si>
  <si>
    <t>POINT (4.657062801112481 51.80229844267202)</t>
  </si>
  <si>
    <t>POINT (4.686526044236649 51.802688151637206)</t>
  </si>
  <si>
    <t>POINT (4.7131077973343025 51.80891718025745)</t>
  </si>
  <si>
    <t>POINT (4.670445640783915 51.79443742815281)</t>
  </si>
  <si>
    <t>POINT (4.679737159991703 51.80787726845736)</t>
  </si>
  <si>
    <t>POINT (4.6600939669151105 51.79218468205291)</t>
  </si>
  <si>
    <t>POINT (4.674396523854432 51.81276692146232)</t>
  </si>
  <si>
    <t>POINT (4.661033223064815 51.79411609572526)</t>
  </si>
  <si>
    <t>POINT (4.660670330937559 51.78831171138794)</t>
  </si>
  <si>
    <t>POINT (4.67296911166067 51.78904943507295)</t>
  </si>
  <si>
    <t>POINT (4.661394512197838 51.801288705967785)</t>
  </si>
  <si>
    <t>POINT (4.684348263860626 51.80349794975683)</t>
  </si>
  <si>
    <t>POINT (4.65163790860059 51.793124293839654)</t>
  </si>
  <si>
    <t>POINT (4.6704881296871035 51.798996356598536)</t>
  </si>
  <si>
    <t>POINT (4.682813505398829 51.80178821489286)</t>
  </si>
  <si>
    <t>POINT (4.6908941666861 51.79191173735793)</t>
  </si>
  <si>
    <t>POINT (4.680270491837467 51.80231793128116)</t>
  </si>
  <si>
    <t>POINT (4.731555727341614 51.80021017149628)</t>
  </si>
  <si>
    <t>POINT (4.7229152267907715 51.79983808739525)</t>
  </si>
  <si>
    <t>POINT (4.631846836031203 51.78185966777255)</t>
  </si>
  <si>
    <t>POINT (4.683147419862576 51.81022712970961)</t>
  </si>
  <si>
    <t>POINT (4.632288515934013 51.78379367892658)</t>
  </si>
  <si>
    <t>POINT (4.688925671440496 51.78995280992127)</t>
  </si>
  <si>
    <t>POINT (4.674934888861409 51.805299576680056)</t>
  </si>
  <si>
    <t>POINT (4.707168208976114 51.80714179994353)</t>
  </si>
  <si>
    <t>POINT (4.6510588135656095 51.79387451778114)</t>
  </si>
  <si>
    <t>POINT (4.65148464581405 51.794728581694585)</t>
  </si>
  <si>
    <t>POINT (4.672799267818732 51.815100564443064)</t>
  </si>
  <si>
    <t>POINT (4.666435060759442 51.78929713620057)</t>
  </si>
  <si>
    <t>POINT (4.713298206545799 51.814038877985006)</t>
  </si>
  <si>
    <t>POINT (4.731212272032125 51.795823331974844)</t>
  </si>
  <si>
    <t>POINT (4.660245761540596 51.789200086821545)</t>
  </si>
  <si>
    <t>POINT (4.662234221295712 51.81074607004018)</t>
  </si>
  <si>
    <t>POINT (4.679037316962681 51.78167545764129)</t>
  </si>
  <si>
    <t>POINT (4.664576826788604 51.79577590582292)</t>
  </si>
  <si>
    <t>POINT (4.6709290866106725 51.81311899160715)</t>
  </si>
  <si>
    <t>POINT (4.712864080280751 51.80353245686911)</t>
  </si>
  <si>
    <t>POINT (4.6483685626784625 51.806818692052104)</t>
  </si>
  <si>
    <t>POINT (4.710623177603555 51.80540280067444)</t>
  </si>
  <si>
    <t>POINT (4.671070721324236 51.81452632267795)</t>
  </si>
  <si>
    <t>POINT (4.665540765127533 51.79888591420148)</t>
  </si>
  <si>
    <t>POINT (4.676420625155036 51.78376854146869)</t>
  </si>
  <si>
    <t>POINT (4.655600323637724 51.80619896634757)</t>
  </si>
  <si>
    <t>POINT (4.6673800496746995 51.81055167339422)</t>
  </si>
  <si>
    <t>POINT (4.660403751588071 51.79162295592771)</t>
  </si>
  <si>
    <t>POINT (4.678727107582996 51.78707214207667)</t>
  </si>
  <si>
    <t>POINT (4.659624542005805 51.77098574932251)</t>
  </si>
  <si>
    <t>POINT (4.683301265245868 51.77515503088962)</t>
  </si>
  <si>
    <t>POINT (4.652533760518384 51.80292319197573)</t>
  </si>
  <si>
    <t>POINT (4.672078360651156 51.81269835553893)</t>
  </si>
  <si>
    <t>POINT (4.659909969920424 51.796648230267294)</t>
  </si>
  <si>
    <t>POINT (4.655429939222098 51.81118535151698)</t>
  </si>
  <si>
    <t>POINT (4.659964955262357 51.81318704525129)</t>
  </si>
  <si>
    <t>POINT (4.663670369347316 51.78769746650307)</t>
  </si>
  <si>
    <t>POINT (4.717390752513864 51.813993948847575)</t>
  </si>
  <si>
    <t>POINT (4.6785689657698555 51.78963024990727)</t>
  </si>
  <si>
    <t>POINT (4.733774136483946 51.79675792997638)</t>
  </si>
  <si>
    <t>POINT (4.676495328424344 51.804020745106996)</t>
  </si>
  <si>
    <t>POINT (4.682951114736402 51.81081968916468)</t>
  </si>
  <si>
    <t>POINT (4.699451488393874 51.789974343690346)</t>
  </si>
  <si>
    <t>POINT (4.730152626556839 51.803145076970246)</t>
  </si>
  <si>
    <t>POINT (4.6820475811836095 51.80246718515044)</t>
  </si>
  <si>
    <t>POINT (4.678517558355654 51.8082300852822)</t>
  </si>
  <si>
    <t>POINT (4.665902198045928 51.81636390036974)</t>
  </si>
  <si>
    <t>POINT (4.659942868330512 51.77019355175795)</t>
  </si>
  <si>
    <t>3315LA</t>
  </si>
  <si>
    <t>Groenezoom</t>
  </si>
  <si>
    <t>POINT (4.704179504837426 51.804959515359684)</t>
  </si>
  <si>
    <t>POINT (4.667968404359224 51.81695428331496)</t>
  </si>
  <si>
    <t>POINT (4.667098506310349 51.78086289169575)</t>
  </si>
  <si>
    <t>POINT (4.676095175576357 51.78941790675769)</t>
  </si>
  <si>
    <t>POINT (4.722123184346768 51.794249851581824)</t>
  </si>
  <si>
    <t>POINT (4.708594416904272 51.81041422991802)</t>
  </si>
  <si>
    <t>POINT (4.676817675778772 51.807122370480684)</t>
  </si>
  <si>
    <t>POINT (4.72583775587634 51.79892691525572)</t>
  </si>
  <si>
    <t>POINT (4.658426972564769 51.810826198860745)</t>
  </si>
  <si>
    <t>POINT (4.662292828702925 51.8142063016562)</t>
  </si>
  <si>
    <t>POINT (4.701953337604423 51.7961523260644)</t>
  </si>
  <si>
    <t>POINT (4.679512957196104 51.8169182824099)</t>
  </si>
  <si>
    <t>POINT (4.668555155280891 51.800639107899144)</t>
  </si>
  <si>
    <t>POINT (4.676461670151541 51.805376222675875)</t>
  </si>
  <si>
    <t>POINT (4.665187293133765 51.7894023791863)</t>
  </si>
  <si>
    <t>POINT (4.6682787493711375 51.7991557278928)</t>
  </si>
  <si>
    <t>POINT (4.727132612476123 51.7982182165202)</t>
  </si>
  <si>
    <t>POINT (4.676841408217014 51.81610494665919)</t>
  </si>
  <si>
    <t>POINT (4.728967616568351 51.801312069866015)</t>
  </si>
  <si>
    <t>POINT (4.637282516251093 51.774425344746724)</t>
  </si>
  <si>
    <t>POINT (4.687046993261047 51.81011163124234)</t>
  </si>
  <si>
    <t>POINT (4.703753512691224 51.78886967253661)</t>
  </si>
  <si>
    <t>POINT (4.667154914676343 51.8189709373027)</t>
  </si>
  <si>
    <t>POINT (4.654010582799365 51.794772565519494)</t>
  </si>
  <si>
    <t>POINT (4.653153979449089 51.781347182875116)</t>
  </si>
  <si>
    <t>POINT (4.729083200083789 51.79879904485973)</t>
  </si>
  <si>
    <t>POINT (4.695799004238994 51.8176095793163)</t>
  </si>
  <si>
    <t>POINT (4.685887560100243 51.786990720925544)</t>
  </si>
  <si>
    <t>POINT (4.685843589376052 51.786729462467356)</t>
  </si>
  <si>
    <t>POINT (4.678977558603369 51.78173599528242)</t>
  </si>
  <si>
    <t>POINT (4.661503012086115 51.78737031861405)</t>
  </si>
  <si>
    <t>POINT (4.636064546789162 51.77590879198234)</t>
  </si>
  <si>
    <t>POINT (4.66867660147638 51.773468144001015)</t>
  </si>
  <si>
    <t>POINT (4.631281728014061 51.77718917960599)</t>
  </si>
  <si>
    <t>POINT (4.6605731580126974 51.810462468419615)</t>
  </si>
  <si>
    <t>POINT (4.722400732942176 51.81651375178493)</t>
  </si>
  <si>
    <t>POINT (4.714472525862531 51.808026848685756)</t>
  </si>
  <si>
    <t>POINT (4.71379971707564 51.802935478363175)</t>
  </si>
  <si>
    <t>POINT (4.650424876868064 51.793775266873524)</t>
  </si>
  <si>
    <t>POINT (4.662310112587236 51.794317312395364)</t>
  </si>
  <si>
    <t>POINT (4.673138021726316 51.8110891839688)</t>
  </si>
  <si>
    <t>POINT (4.676088658807243 51.81724593047752)</t>
  </si>
  <si>
    <t>POINT (4.72962643089989 51.80103047347813)</t>
  </si>
  <si>
    <t>POINT (4.674068446266949 51.807494185220975)</t>
  </si>
  <si>
    <t>POINT (4.720370800906284 51.803395957805186)</t>
  </si>
  <si>
    <t>POINT (4.667608051093048 51.815690747743766)</t>
  </si>
  <si>
    <t>POINT (4.706435535183919 51.80904153650641)</t>
  </si>
  <si>
    <t>POINT (4.674175674777601 51.80368130877628)</t>
  </si>
  <si>
    <t>POINT (4.711862941393488 51.81639643699799)</t>
  </si>
  <si>
    <t>POINT (4.6680276910422895 51.77387869031349)</t>
  </si>
  <si>
    <t>POINT (4.691084843984596 51.78711189709333)</t>
  </si>
  <si>
    <t>POINT (4.661118891084146 51.812530304424435)</t>
  </si>
  <si>
    <t>POINT (4.730814067393058 51.80367056025054)</t>
  </si>
  <si>
    <t>POINT (4.684638758766149 51.77819178398801)</t>
  </si>
  <si>
    <t>POINT (4.666776301931966 51.77976700492739)</t>
  </si>
  <si>
    <t>POINT (4.666454892204935 51.815453435394694)</t>
  </si>
  <si>
    <t>POINT (4.677196749034279 51.77302768580951)</t>
  </si>
  <si>
    <t>POINT (4.669814749300083 51.80427188136936)</t>
  </si>
  <si>
    <t>POINT (4.707256140353421 51.80161120457519)</t>
  </si>
  <si>
    <t>POINT (4.661280954151826 51.80430213695307)</t>
  </si>
  <si>
    <t>POINT (4.6712096002319905 51.77360927940174)</t>
  </si>
  <si>
    <t>POINT (4.7042591185838605 51.789928399458205)</t>
  </si>
  <si>
    <t>POINT (4.703334334004496 51.7993155395645)</t>
  </si>
  <si>
    <t>POINT (4.673473910346463 51.81804703798408)</t>
  </si>
  <si>
    <t>POINT (4.706868192512024 51.81102322006437)</t>
  </si>
  <si>
    <t>POINT (4.671949293876231 51.81655491354252)</t>
  </si>
  <si>
    <t>POINT (4.696560292073536 51.793355014551835)</t>
  </si>
  <si>
    <t>POINT (4.699121713374603 51.79896796543758)</t>
  </si>
  <si>
    <t>POINT (4.6606871327673085 51.79309539810636)</t>
  </si>
  <si>
    <t>POINT (4.672391770864508 51.815064923912715)</t>
  </si>
  <si>
    <t>POINT (4.676643820948296 51.78375044216974)</t>
  </si>
  <si>
    <t>POINT (4.702106281163269 51.815989213851466)</t>
  </si>
  <si>
    <t>POINT (4.678392614167129 51.77554085426873)</t>
  </si>
  <si>
    <t>POINT (4.729016830392836 51.80121721018005)</t>
  </si>
  <si>
    <t>POINT (4.701999343951351 51.80005580530561)</t>
  </si>
  <si>
    <t>POINT (4.709050554533851 51.79403599737926)</t>
  </si>
  <si>
    <t>POINT (4.680702709008644 51.787132362400975)</t>
  </si>
  <si>
    <t>POINT (4.704137017806561 51.80787168172961)</t>
  </si>
  <si>
    <t>POINT (4.675543861879694 51.814312008024054)</t>
  </si>
  <si>
    <t>POINT (4.653683354285486 51.78514050739307)</t>
  </si>
  <si>
    <t>POINT (4.678706070529188 51.785567163592425)</t>
  </si>
  <si>
    <t>POINT (4.682841952365108 51.774856967482776)</t>
  </si>
  <si>
    <t>POINT (4.715721795921479 51.803880144368094)</t>
  </si>
  <si>
    <t>POINT (4.660072834818522 51.81123502096268)</t>
  </si>
  <si>
    <t>POINT (4.672518761357377 51.78357207024393)</t>
  </si>
  <si>
    <t>POINT (4.715041179726148 51.8078589995112)</t>
  </si>
  <si>
    <t>POINT (4.668293371818878 51.798608532038834)</t>
  </si>
  <si>
    <t>POINT (4.675541750161667 51.80503234008867)</t>
  </si>
  <si>
    <t>POINT (4.660789178085217 51.80431959667654)</t>
  </si>
  <si>
    <t>POINT (4.680706031800099 51.81103390415992)</t>
  </si>
  <si>
    <t>POINT (4.651804060124289 51.803620566403794)</t>
  </si>
  <si>
    <t>POINT (4.651636782945456 51.78483756282663)</t>
  </si>
  <si>
    <t>Logieswoning</t>
  </si>
  <si>
    <t>POINT (4.628573318675519 51.72328038447766)</t>
  </si>
  <si>
    <t>POINT (4.650731027816814 51.803319788854274)</t>
  </si>
  <si>
    <t>POINT (4.726502343907692 51.792016834605924)</t>
  </si>
  <si>
    <t>POINT (4.6859955015575 51.78775216877785)</t>
  </si>
  <si>
    <t>POINT (4.685056279517291 51.78552933767074)</t>
  </si>
  <si>
    <t>POINT (4.68054628457502 51.78171831972843)</t>
  </si>
  <si>
    <t>POINT (4.671504109021484 51.80978443846451)</t>
  </si>
  <si>
    <t>POINT (4.713609086818764 51.80293555269433)</t>
  </si>
  <si>
    <t>POINT (4.706912032432037 51.80079839716665)</t>
  </si>
  <si>
    <t>POINT (4.660727075476414 51.79685734520193)</t>
  </si>
  <si>
    <t>POINT (4.672631270108317 51.80840917268801)</t>
  </si>
  <si>
    <t>POINT (4.685822654921498 51.786475298966586)</t>
  </si>
  <si>
    <t>POINT (4.731288959549914 51.79194406363915)</t>
  </si>
  <si>
    <t>POINT (4.734142214594783 51.80177687054806)</t>
  </si>
  <si>
    <t>POINT (4.650024826470228 51.793955835868175)</t>
  </si>
  <si>
    <t>POINT (4.673213964918298 51.78496633479722)</t>
  </si>
  <si>
    <t>POINT (4.682665196174914 51.81929304089279)</t>
  </si>
  <si>
    <t>POINT (4.668668898869409 51.79231732614287)</t>
  </si>
  <si>
    <t>POINT (4.7214242689668495 51.81088078438081)</t>
  </si>
  <si>
    <t>POINT (4.71263360482502 51.81557256626836)</t>
  </si>
  <si>
    <t>POINT (4.661863135836815 51.79499385284847)</t>
  </si>
  <si>
    <t>POINT (4.7179977649494305 51.8030857595982)</t>
  </si>
  <si>
    <t>POINT (4.667517714961041 51.81561701700355)</t>
  </si>
  <si>
    <t>POINT (4.682009421699857 51.80468501918215)</t>
  </si>
  <si>
    <t>POINT (4.66855676958439 51.81430255259405)</t>
  </si>
  <si>
    <t>POINT (4.70573643783187 51.79594069158257)</t>
  </si>
  <si>
    <t>POINT (4.697015840762161 51.79106828909233)</t>
  </si>
  <si>
    <t>POINT (4.672787231856078 51.80541861803336)</t>
  </si>
  <si>
    <t>POINT (4.67378996892395 51.782467897050346)</t>
  </si>
  <si>
    <t>POINT (4.680941494624724 51.812126033363086)</t>
  </si>
  <si>
    <t>POINT (4.659305306140241 51.8117799656875)</t>
  </si>
  <si>
    <t>POINT (4.661589999087945 51.80361046308059)</t>
  </si>
  <si>
    <t>POINT (4.70912010219809 51.818527809499926)</t>
  </si>
  <si>
    <t>POINT (4.675310864807008 51.817676194595236)</t>
  </si>
  <si>
    <t>POINT (4.71487721878941 51.807072632506355)</t>
  </si>
  <si>
    <t>POINT (4.715676153636738 51.80810787209094)</t>
  </si>
  <si>
    <t>POINT (4.6603410112327595 51.80685785231231)</t>
  </si>
  <si>
    <t>POINT (4.677950404052616 51.81783461016889)</t>
  </si>
  <si>
    <t>POINT (4.658996197516502 51.80000276282085)</t>
  </si>
  <si>
    <t>POINT (4.664772483109189 51.77974168237558)</t>
  </si>
  <si>
    <t>POINT (4.679682487261411 51.78752590472963)</t>
  </si>
  <si>
    <t>POINT (4.663577020948895 51.787033739850656)</t>
  </si>
  <si>
    <t>POINT (4.733194992253166 51.7958841172422)</t>
  </si>
  <si>
    <t>POINT (4.670024156402038 51.81248370923841)</t>
  </si>
  <si>
    <t>POINT (4.67605846218854 51.81778563369444)</t>
  </si>
  <si>
    <t>POINT (4.703136356760717 51.807398155017864)</t>
  </si>
  <si>
    <t>POINT (4.667127877952655 51.78131717267718)</t>
  </si>
  <si>
    <t>POINT (4.667614627118206 51.80823343019526)</t>
  </si>
  <si>
    <t>POINT (4.661409786880548 51.796570103066664)</t>
  </si>
  <si>
    <t>POINT (4.682624871940028 51.798695651313736)</t>
  </si>
  <si>
    <t>POINT (4.7110005652024185 51.81437921180848)</t>
  </si>
  <si>
    <t>POINT (4.668524896023926 51.813158827108936)</t>
  </si>
  <si>
    <t>POINT (4.66736184377694 51.77193803096148)</t>
  </si>
  <si>
    <t>POINT (4.673880981106167 51.77598789867899)</t>
  </si>
  <si>
    <t>POINT (4.678997428224806 51.79987878933914)</t>
  </si>
  <si>
    <t>POINT (4.698123026459366 51.79844512117231)</t>
  </si>
  <si>
    <t>POINT (4.713270193223391 51.80320337408487)</t>
  </si>
  <si>
    <t>POINT (4.661105025690811 51.79468949798358)</t>
  </si>
  <si>
    <t>POINT (4.652438444261385 51.79264911551195)</t>
  </si>
  <si>
    <t>POINT (4.659825774928665 51.799347670887904)</t>
  </si>
  <si>
    <t>POINT (4.6948891195760085 51.79062318671481)</t>
  </si>
  <si>
    <t>POINT (4.672663681903444 51.776519622732046)</t>
  </si>
  <si>
    <t>POINT (4.659969449425935 51.772016747208234)</t>
  </si>
  <si>
    <t>POINT (4.7128094217850105 51.803955719363444)</t>
  </si>
  <si>
    <t>POINT (4.659040454701764 51.79820888421825)</t>
  </si>
  <si>
    <t>POINT (4.656022909081018 51.801878738567005)</t>
  </si>
  <si>
    <t>POINT (4.682282041784209 51.78843667553661)</t>
  </si>
  <si>
    <t>POINT (4.681768051656227 51.80447831195114)</t>
  </si>
  <si>
    <t>POINT (4.681052713744038 51.807722964999535)</t>
  </si>
  <si>
    <t>POINT (4.67684858015211 51.818342852974546)</t>
  </si>
  <si>
    <t>POINT (4.686714044083794 51.78259556040507)</t>
  </si>
  <si>
    <t>POINT (4.661499860784866 51.804370780392894)</t>
  </si>
  <si>
    <t>POINT (4.67882592833218 51.77784017622596)</t>
  </si>
  <si>
    <t>POINT (4.71203278598442 51.8150591588992)</t>
  </si>
  <si>
    <t>POINT (4.658088768235628 51.78163376270017)</t>
  </si>
  <si>
    <t>POINT (4.669897133612358 51.776112400745774)</t>
  </si>
  <si>
    <t>POINT (4.665574834596851 51.77856384160606)</t>
  </si>
  <si>
    <t>POINT (4.661796020840849 51.814197209363165)</t>
  </si>
  <si>
    <t>POINT (4.656883357342843 51.7652050819333)</t>
  </si>
  <si>
    <t>POINT (4.677162396358471 51.817290444625186)</t>
  </si>
  <si>
    <t>POINT (4.667967056120729 51.81480440005453)</t>
  </si>
  <si>
    <t>POINT (4.724257700236306 51.80535853112839)</t>
  </si>
  <si>
    <t>POINT (4.654879676752572 51.79351772302479)</t>
  </si>
  <si>
    <t>POINT (4.6637637266652066 51.80285888498873)</t>
  </si>
  <si>
    <t>POINT (4.69831467501875 51.79276823877352)</t>
  </si>
  <si>
    <t>POINT (4.6844768564333785 51.779206878573035)</t>
  </si>
  <si>
    <t>POINT (4.679657464112805 51.77538883414494)</t>
  </si>
  <si>
    <t>POINT (4.71051708041627 51.79549460587259)</t>
  </si>
  <si>
    <t>POINT (4.723150573244982 51.80527709898238)</t>
  </si>
  <si>
    <t>POINT (4.693255902467187 51.79541877566316)</t>
  </si>
  <si>
    <t>POINT (4.683208269027413 51.78131773658681)</t>
  </si>
  <si>
    <t>POINT (4.720254185630962 51.795336953874106)</t>
  </si>
  <si>
    <t>POINT (4.715339400620099 51.800936006598974)</t>
  </si>
  <si>
    <t>POINT (4.70545099169601 51.815161493565355)</t>
  </si>
  <si>
    <t>POINT (4.6738333811897 51.77501704417037)</t>
  </si>
  <si>
    <t>POINT (4.693233172460332 51.788149012103844)</t>
  </si>
  <si>
    <t>POINT (4.666763978715615 51.80344640093114)</t>
  </si>
  <si>
    <t>POINT (4.680111819779633 51.78001355634296)</t>
  </si>
  <si>
    <t>POINT (4.65341362822194 51.76673523701412)</t>
  </si>
  <si>
    <t>POINT (4.659162707303941 51.78945911239079)</t>
  </si>
  <si>
    <t>POINT (4.664591971308793 51.8157125836061)</t>
  </si>
  <si>
    <t>POINT (4.687520790964648 51.802735345643995)</t>
  </si>
  <si>
    <t>POINT (4.658945635104152 51.81113903410291)</t>
  </si>
  <si>
    <t>POINT (4.6571168116828545 51.78197211068705)</t>
  </si>
  <si>
    <t>POINT (4.667344496027463 51.771154269902276)</t>
  </si>
  <si>
    <t>POINT (4.669851352261817 51.812688790339905)</t>
  </si>
  <si>
    <t>POINT (4.688834330495677 51.80680985116198)</t>
  </si>
  <si>
    <t>POINT (4.728896727546126 51.8014486590296)</t>
  </si>
  <si>
    <t>POINT (4.673902523563601 51.81607259538599)</t>
  </si>
  <si>
    <t>POINT (4.679009499618335 51.78812957833448)</t>
  </si>
  <si>
    <t>POINT (4.645025817705238 51.8010034499995)</t>
  </si>
  <si>
    <t>POINT (4.672719537974448 51.79486179398279)</t>
  </si>
  <si>
    <t>POINT (4.678380358720321 51.78628534324819)</t>
  </si>
  <si>
    <t>POINT (4.6893267653974595 51.816179594221886)</t>
  </si>
  <si>
    <t>POINT (4.675973856048491 51.78467180446585)</t>
  </si>
  <si>
    <t>POINT (4.660380005903739 51.79835171515107)</t>
  </si>
  <si>
    <t>POINT (4.629307503673787 51.726999036677476)</t>
  </si>
  <si>
    <t>POINT (4.643438081056714 51.770702566879756)</t>
  </si>
  <si>
    <t>POINT (4.663250467480673 51.79068093280137)</t>
  </si>
  <si>
    <t>POINT (4.666239389200262 51.775634865667996)</t>
  </si>
  <si>
    <t>POINT (4.7167878899347615 51.80367756891629)</t>
  </si>
  <si>
    <t>POINT (4.66071146166849 51.78987722373392)</t>
  </si>
  <si>
    <t>POINT (4.67015036349073 51.778139870031175)</t>
  </si>
  <si>
    <t>POINT (4.682465992660369 51.813419921263545)</t>
  </si>
  <si>
    <t>POINT (4.704681082792212 51.81492336771969)</t>
  </si>
  <si>
    <t>POINT (4.665418779456444 51.81470995111595)</t>
  </si>
  <si>
    <t>POINT (4.705186509313981 51.814763476762806)</t>
  </si>
  <si>
    <t>POINT (4.672286051083218 51.80563099725633)</t>
  </si>
  <si>
    <t>POINT (4.707803538376183 51.80643483739551)</t>
  </si>
  <si>
    <t>POINT (4.687645380897811 51.816293123961984)</t>
  </si>
  <si>
    <t>POINT (4.7174268936066595 51.81195751891516)</t>
  </si>
  <si>
    <t>POINT (4.671597940722554 51.81877775479937)</t>
  </si>
  <si>
    <t>POINT (4.695589080108969 51.79763724021705)</t>
  </si>
  <si>
    <t>POINT (4.71041750862759 51.80926778481269)</t>
  </si>
  <si>
    <t>POINT (4.666764618509314 51.81303643941587)</t>
  </si>
  <si>
    <t>POINT (4.66809187139411 51.79187695777215)</t>
  </si>
  <si>
    <t>POINT (4.688173803834375 51.80572535455472)</t>
  </si>
  <si>
    <t>POINT (4.6789796461271616 51.779397004059874)</t>
  </si>
  <si>
    <t>POINT (4.686006770950229 51.7917953739751)</t>
  </si>
  <si>
    <t>POINT (4.710351860860811 51.806050162529196)</t>
  </si>
  <si>
    <t>POINT (4.7343078961964755 51.79711610551628)</t>
  </si>
  <si>
    <t>POINT (4.6583835625678995 51.8038820307967)</t>
  </si>
  <si>
    <t>POINT (4.676866085225033 51.774815164812495)</t>
  </si>
  <si>
    <t>POINT (4.664785919081164 51.79188945518179)</t>
  </si>
  <si>
    <t>POINT (4.6649414105887335 51.81257284117887)</t>
  </si>
  <si>
    <t>POINT (4.7052933297287645 51.820974825722104)</t>
  </si>
  <si>
    <t>POINT (4.669093505428054 51.77140424520819)</t>
  </si>
  <si>
    <t>POINT (4.714774166441318 51.80847385697579)</t>
  </si>
  <si>
    <t>POINT (4.674490097252299 51.786325519376824)</t>
  </si>
  <si>
    <t>POINT (4.671634368921064 51.817164555896525)</t>
  </si>
  <si>
    <t>POINT (4.677375871333027 51.77391724107927)</t>
  </si>
  <si>
    <t>POINT (4.680515043329603 51.788442754126784)</t>
  </si>
  <si>
    <t>POINT (4.656617162204852 51.78724106127529)</t>
  </si>
  <si>
    <t>POINT (4.68825441803973 51.80936832964796)</t>
  </si>
  <si>
    <t>POINT (4.687367205790888 51.809864043006804)</t>
  </si>
  <si>
    <t>POINT (4.681029285091763 51.79841344988968)</t>
  </si>
  <si>
    <t>POINT (4.6638216941051684 51.8105381067479)</t>
  </si>
  <si>
    <t>POINT (4.662899946261058 51.79984562470298)</t>
  </si>
  <si>
    <t>POINT (4.729496057019048 51.79835556820562)</t>
  </si>
  <si>
    <t>POINT (4.6745783414436755 51.804663979589634)</t>
  </si>
  <si>
    <t>POINT (4.726271298295447 51.79271877826815)</t>
  </si>
  <si>
    <t>POINT (4.668497573708419 51.776529097910576)</t>
  </si>
  <si>
    <t>POINT (4.628738293625036 51.72496442527128)</t>
  </si>
  <si>
    <t>POINT (4.683070922652788 51.774066338680555)</t>
  </si>
  <si>
    <t>POINT (4.6608498600981365 51.80435363498514)</t>
  </si>
  <si>
    <t>POINT (4.666383512936208 51.815937567486145)</t>
  </si>
  <si>
    <t>POINT (4.713847285294333 51.80519527284693)</t>
  </si>
  <si>
    <t>POINT (4.713254353840334 51.809574085156655)</t>
  </si>
  <si>
    <t>POINT (4.720661862290385 51.79529489371097)</t>
  </si>
  <si>
    <t>POINT (4.664606214225972 51.81213218401655)</t>
  </si>
  <si>
    <t>POINT (4.67108401621032 51.81823601011602)</t>
  </si>
  <si>
    <t>POINT (4.665109478732176 51.8180458132612)</t>
  </si>
  <si>
    <t>POINT (4.671195240079004 51.80522755879669)</t>
  </si>
  <si>
    <t>POINT (4.664015282592115 51.814904985119824)</t>
  </si>
  <si>
    <t>POINT (4.661079861367394 51.7878605240212)</t>
  </si>
  <si>
    <t>POINT (4.669547278037659 51.81316970396677)</t>
  </si>
  <si>
    <t>POINT (4.73127381564238 51.80510094877108)</t>
  </si>
  <si>
    <t>POINT (4.701292098939792 51.795068869253605)</t>
  </si>
  <si>
    <t>POINT (4.723043677317618 51.79885841394414)</t>
  </si>
  <si>
    <t>POINT (4.719222794173003 51.811157402456104)</t>
  </si>
  <si>
    <t>POINT (4.686038581699673 51.80666837118752)</t>
  </si>
  <si>
    <t>POINT (4.659989547327092 51.80934279087918)</t>
  </si>
  <si>
    <t>POINT (4.632018164258108 51.765764071088256)</t>
  </si>
  <si>
    <t>POINT (4.636783177445409 51.76746607414143)</t>
  </si>
  <si>
    <t>POINT (4.70480352728738 51.79853393647612)</t>
  </si>
  <si>
    <t>POINT (4.680567804728087 51.775119672539745)</t>
  </si>
  <si>
    <t>POINT (4.6880783050733035 51.8088221899834)</t>
  </si>
  <si>
    <t>POINT (4.690889329591119 51.81825402759097)</t>
  </si>
  <si>
    <t>POINT (4.653478221410966 51.80343057233835)</t>
  </si>
  <si>
    <t>POINT (4.686615630531844 51.77465060074606)</t>
  </si>
  <si>
    <t>POINT (4.667438472485344 51.787540432642686)</t>
  </si>
  <si>
    <t>POINT (4.6933960473673615 51.79686019220055)</t>
  </si>
  <si>
    <t>POINT (4.680684138203164 51.781978015673225)</t>
  </si>
  <si>
    <t>POINT (4.6623547376535655 51.799605055025374)</t>
  </si>
  <si>
    <t>POINT (4.678950787424178 51.78081293680814)</t>
  </si>
  <si>
    <t>POINT (4.673335648032038 51.7816510799446)</t>
  </si>
  <si>
    <t>POINT (4.654807100265284 51.794619231593)</t>
  </si>
  <si>
    <t>POINT (4.672300990934234 51.81140078568267)</t>
  </si>
  <si>
    <t>POINT (4.666908062782349 51.80033675859864)</t>
  </si>
  <si>
    <t>POINT (4.681898908686472 51.78098277195017)</t>
  </si>
  <si>
    <t>POINT (4.7339878427199675 51.79170979476204)</t>
  </si>
  <si>
    <t>POINT (4.7143543410338165 51.810971731193725)</t>
  </si>
  <si>
    <t>POINT (4.730223218345569 51.797093852575976)</t>
  </si>
  <si>
    <t>POINT (4.665658837161826 51.8098450911334)</t>
  </si>
  <si>
    <t>POINT (4.695886040476268 51.79721045552861)</t>
  </si>
  <si>
    <t>POINT (4.6900633566007075 51.807456585936045)</t>
  </si>
  <si>
    <t>POINT (4.714018136846317 51.80435576066928)</t>
  </si>
  <si>
    <t>POINT (4.679136442453673 51.81632704720878)</t>
  </si>
  <si>
    <t>POINT (4.655612910800605 51.791394346844214)</t>
  </si>
  <si>
    <t>POINT (4.664941131890666 51.797731806324165)</t>
  </si>
  <si>
    <t>POINT (4.664793480648046 51.79268903770969)</t>
  </si>
  <si>
    <t>POINT (4.666373890980744 51.81570214892048)</t>
  </si>
  <si>
    <t>POINT (4.668613863457617 51.810064525284226)</t>
  </si>
  <si>
    <t>POINT (4.682543760319012 51.77560829480373)</t>
  </si>
  <si>
    <t>POINT (4.672717060769418 51.78245281837326)</t>
  </si>
  <si>
    <t>POINT (4.714167313773942 51.81573408873457)</t>
  </si>
  <si>
    <t>POINT (4.686949980106891 51.77734869483741)</t>
  </si>
  <si>
    <t>POINT (4.70769269248175 51.786453974622184)</t>
  </si>
  <si>
    <t>POINT (4.673225455892448 51.80892491035552)</t>
  </si>
  <si>
    <t>POINT (4.671350284195047 51.78104254351412)</t>
  </si>
  <si>
    <t>POINT (4.704005466268131 51.815279305957155)</t>
  </si>
  <si>
    <t>POINT (4.671240833133384 51.808283763643)</t>
  </si>
  <si>
    <t>POINT (4.664065367261761 51.8122897858104)</t>
  </si>
  <si>
    <t>POINT (4.668269027836607 51.81593670193172)</t>
  </si>
  <si>
    <t>POINT (4.671767784990617 51.81134415241489)</t>
  </si>
  <si>
    <t>POINT (4.720871355772446 51.79815791722633)</t>
  </si>
  <si>
    <t>POINT (4.685274664801124 51.784577978219325)</t>
  </si>
  <si>
    <t>POINT (4.662834721796693 51.788938009277786)</t>
  </si>
  <si>
    <t>POINT (4.666441889730542 51.79633452052568)</t>
  </si>
  <si>
    <t>POINT (4.669584379486628 51.77641031508278)</t>
  </si>
  <si>
    <t>POINT (4.710838850459408 51.804839691656795)</t>
  </si>
  <si>
    <t>POINT (4.714031262011586 51.804400212923476)</t>
  </si>
  <si>
    <t>POINT (4.675504812374152 51.775799706225)</t>
  </si>
  <si>
    <t>POINT (4.67326631077471 51.782018889205105)</t>
  </si>
  <si>
    <t>POINT (4.66082347672845 51.81102241324956)</t>
  </si>
  <si>
    <t>POINT (4.669426838715263 51.790089460947044)</t>
  </si>
  <si>
    <t>POINT (4.658251354705026 51.81250119247)</t>
  </si>
  <si>
    <t>POINT (4.671975289404499 51.818353515783535)</t>
  </si>
  <si>
    <t>POINT (4.668544411270846 51.80811159680881)</t>
  </si>
  <si>
    <t>POINT (4.72171354009986 51.79795255151752)</t>
  </si>
  <si>
    <t>POINT (4.674078235720304 51.789462669504324)</t>
  </si>
  <si>
    <t>POINT (4.694654025096922 51.792746973953825)</t>
  </si>
  <si>
    <t>POINT (4.665149978078156 51.796959281987235)</t>
  </si>
  <si>
    <t>POINT (4.658808881912841 51.783831923879625)</t>
  </si>
  <si>
    <t>POINT (4.678542081803557 51.78959128332346)</t>
  </si>
  <si>
    <t>POINT (4.6952117291535815 51.79332116258025)</t>
  </si>
  <si>
    <t>POINT (4.70381928891667 51.815231876536885)</t>
  </si>
  <si>
    <t>POINT (4.675320682686206 51.8043532257239)</t>
  </si>
  <si>
    <t>POINT (4.680077302245374 51.77429239797871)</t>
  </si>
  <si>
    <t>POINT (4.704705794059191 51.79601172449517)</t>
  </si>
  <si>
    <t>POINT (4.658151074641018 51.811772962356066)</t>
  </si>
  <si>
    <t>POINT (4.734845204163905 51.799355539327706)</t>
  </si>
  <si>
    <t>POINT (4.721807079690732 51.805194729747456)</t>
  </si>
  <si>
    <t>POINT (4.724169796001704 51.80400014763763)</t>
  </si>
  <si>
    <t>POINT (4.655638006442688 51.79465122913155)</t>
  </si>
  <si>
    <t>POINT (4.718259297262874 51.80392320391462)</t>
  </si>
  <si>
    <t>POINT (4.6560903155567255 51.78967382777539)</t>
  </si>
  <si>
    <t>POINT (4.664874343618156 51.814316798361624)</t>
  </si>
  <si>
    <t>POINT (4.659858573316867 51.81130528801887)</t>
  </si>
  <si>
    <t>POINT (4.644317441063884 51.76911541647365)</t>
  </si>
  <si>
    <t>POINT (4.659771318461707 51.80350516237881)</t>
  </si>
  <si>
    <t>POINT (4.710146424040632 51.81418078875651)</t>
  </si>
  <si>
    <t>POINT (4.67289313899171 51.80601895158349)</t>
  </si>
  <si>
    <t>POINT (4.665045951018619 51.81810295887698)</t>
  </si>
  <si>
    <t>POINT (4.65610681810883 51.801033164193655)</t>
  </si>
  <si>
    <t>POINT (4.665646176013398 51.79606578422075)</t>
  </si>
  <si>
    <t>POINT (4.685114821182105 51.810125120521334)</t>
  </si>
  <si>
    <t>POINT (4.65670916229828 51.803271640978444)</t>
  </si>
  <si>
    <t>POINT (4.69899723743075 51.79129452495447)</t>
  </si>
  <si>
    <t>POINT (4.68063890821627 51.781860494649116)</t>
  </si>
  <si>
    <t>POINT (4.716918770920393 51.80135980284783)</t>
  </si>
  <si>
    <t>POINT (4.685987820887098 51.78104299962656)</t>
  </si>
  <si>
    <t>POINT (4.726528420323947 51.79823555269873)</t>
  </si>
  <si>
    <t>POINT (4.67687683599871 51.789975456031954)</t>
  </si>
  <si>
    <t>POINT (4.657950271083366 51.806602355443985)</t>
  </si>
  <si>
    <t>POINT (4.701148204483088 51.78962000353341)</t>
  </si>
  <si>
    <t>POINT (4.696104288251206 51.78386529119758)</t>
  </si>
  <si>
    <t>POINT (4.666873593577427 51.816951622607455)</t>
  </si>
  <si>
    <t>POINT (4.669509083404678 51.80443182645407)</t>
  </si>
  <si>
    <t>POINT (4.677014940478172 51.789953362024015)</t>
  </si>
  <si>
    <t>POINT (4.676312674748123 51.777778597599145)</t>
  </si>
  <si>
    <t>POINT (4.679893065821461 51.77787907462115)</t>
  </si>
  <si>
    <t>POINT (4.684524222406765 51.77596003062496)</t>
  </si>
  <si>
    <t>POINT (4.674152880551622 51.819173166300764)</t>
  </si>
  <si>
    <t>POINT (4.654366513816953 51.793670194041596)</t>
  </si>
  <si>
    <t>POINT (4.711635797816554 51.80575005981835)</t>
  </si>
  <si>
    <t>POINT (4.665533949701786 51.7898196195672)</t>
  </si>
  <si>
    <t>POINT (4.684893672470374 51.7888800577338)</t>
  </si>
  <si>
    <t>POINT (4.674272742517444 51.78944486761649)</t>
  </si>
  <si>
    <t>POINT (4.6743646472009335 51.81277985129789)</t>
  </si>
  <si>
    <t>POINT (4.704132339424254 51.79768041346726)</t>
  </si>
  <si>
    <t>POINT (4.686292974466927 51.78060718192723)</t>
  </si>
  <si>
    <t>POINT (4.669158150934015 51.81681416335767)</t>
  </si>
  <si>
    <t>POINT (4.713831896801597 51.80900002414162)</t>
  </si>
  <si>
    <t>POINT (4.699252563336538 51.79922581755762)</t>
  </si>
  <si>
    <t>POINT (4.663257997348534 51.81705807502881)</t>
  </si>
  <si>
    <t>POINT (4.683249733635729 51.812508635381405)</t>
  </si>
  <si>
    <t>POINT (4.6853061588407225 51.79206197740124)</t>
  </si>
  <si>
    <t>POINT (4.668495361868979 51.817815156670704)</t>
  </si>
  <si>
    <t>POINT (4.682991129473032 51.81366223501356)</t>
  </si>
  <si>
    <t>POINT (4.65983182517879 51.78462795703841)</t>
  </si>
  <si>
    <t>POINT (4.671726592835381 51.81674347766755)</t>
  </si>
  <si>
    <t>POINT (4.691089670276577 51.80637803469339)</t>
  </si>
  <si>
    <t>POINT (4.659495553649395 51.80323256014954)</t>
  </si>
  <si>
    <t>POINT (4.682169485642022 51.8147300447432)</t>
  </si>
  <si>
    <t>POINT (4.659778345648667 51.812678117935306)</t>
  </si>
  <si>
    <t>POINT (4.661888528857591 51.80514687612552)</t>
  </si>
  <si>
    <t>POINT (4.66234035958816 51.79792155415074)</t>
  </si>
  <si>
    <t>POINT (4.658711714893739 51.77108490914927)</t>
  </si>
  <si>
    <t>POINT (4.664176847683393 51.8177286227551)</t>
  </si>
  <si>
    <t>POINT (4.663268928468535 51.8138233419391)</t>
  </si>
  <si>
    <t>POINT (4.6646681655745175 51.80318699011302)</t>
  </si>
  <si>
    <t>POINT (4.652722857262411 51.76525846740302)</t>
  </si>
  <si>
    <t>POINT (4.653579770180187 51.78721843746261)</t>
  </si>
  <si>
    <t>POINT (4.663144737525352 51.80275914856869)</t>
  </si>
  <si>
    <t>POINT (4.666726102451998 51.77235655201199)</t>
  </si>
  <si>
    <t>POINT (4.698525284415813 51.79689165252893)</t>
  </si>
  <si>
    <t>POINT (4.720551184077869 51.812488766467034)</t>
  </si>
  <si>
    <t>POINT (4.67420385072185 51.81789380459444)</t>
  </si>
  <si>
    <t>POINT (4.653908114122607 51.81121027841784)</t>
  </si>
  <si>
    <t>POINT (4.721511159658413 51.81100852941849)</t>
  </si>
  <si>
    <t>POINT (4.668316863970738 51.77581505053748)</t>
  </si>
  <si>
    <t>POINT (4.673282789943164 51.77947408020585)</t>
  </si>
  <si>
    <t>POINT (4.668760498345674 51.809267300295204)</t>
  </si>
  <si>
    <t>POINT (4.725884107525668 51.799339988990084)</t>
  </si>
  <si>
    <t>POINT (4.672811930159863 51.80422476592981)</t>
  </si>
  <si>
    <t>POINT (4.673432532488383 51.806387974271814)</t>
  </si>
  <si>
    <t>POINT (4.673191581698809 51.80857880198862)</t>
  </si>
  <si>
    <t>POINT (4.683345267726598 51.80256267031362)</t>
  </si>
  <si>
    <t>POINT (4.675293872465399 51.80344218618147)</t>
  </si>
  <si>
    <t>POINT (4.652597148818157 51.80402157651975)</t>
  </si>
  <si>
    <t>POINT (4.66671737488777 51.775621012006184)</t>
  </si>
  <si>
    <t>POINT (4.652033686436787 51.793033372983565)</t>
  </si>
  <si>
    <t>POINT (4.671244648645202 51.81381318890938)</t>
  </si>
  <si>
    <t>POINT (4.7150912924847175 51.810370847987905)</t>
  </si>
  <si>
    <t>POINT (4.662459125933534 51.814763934788125)</t>
  </si>
  <si>
    <t>POINT (4.636090749111294 51.782735385818874)</t>
  </si>
  <si>
    <t>POINT (4.635562811881424 51.78111341108092)</t>
  </si>
  <si>
    <t>POINT (4.690754354175483 51.80805617906402)</t>
  </si>
  <si>
    <t>POINT (4.693269053769194 51.796381612292436)</t>
  </si>
  <si>
    <t>POINT (4.671676857356176 51.81335464310032)</t>
  </si>
  <si>
    <t>POINT (4.662341408662564 51.81075818376908)</t>
  </si>
  <si>
    <t>POINT (4.662171790738391 51.794936965639174)</t>
  </si>
  <si>
    <t>POINT (4.720745113855183 51.81133619466833)</t>
  </si>
  <si>
    <t>POINT (4.6610775397417346 51.770848741826676)</t>
  </si>
  <si>
    <t>POINT (4.718884885729834 51.80215827067077)</t>
  </si>
  <si>
    <t>POINT (4.651615422168175 51.78179257137906)</t>
  </si>
  <si>
    <t>POINT (4.660098126358552 51.81119539375286)</t>
  </si>
  <si>
    <t>POINT (4.674649085134579 51.80710474554477)</t>
  </si>
  <si>
    <t>POINT (4.678594132604659 51.78631143460875)</t>
  </si>
  <si>
    <t>POINT (4.666866524045024 51.811199347631046)</t>
  </si>
  <si>
    <t>POINT (4.676673287431787 51.77777138952196)</t>
  </si>
  <si>
    <t>POINT (4.66861380109998 51.794976357401104)</t>
  </si>
  <si>
    <t>POINT (4.661918517621648 51.77107273137942)</t>
  </si>
  <si>
    <t>POINT (4.667591590868713 51.77540530163043)</t>
  </si>
  <si>
    <t>POINT (4.683144957167166 51.81160324376428)</t>
  </si>
  <si>
    <t>POINT (4.696984595289074 51.79424836098413)</t>
  </si>
  <si>
    <t>POINT (4.660509203818688 51.81368909983055)</t>
  </si>
  <si>
    <t>POINT (4.6618562543276685 51.79118291497576)</t>
  </si>
  <si>
    <t>POINT (4.659715925876363 51.79323561682837)</t>
  </si>
  <si>
    <t>POINT (4.73287063814398 51.79722300954393)</t>
  </si>
  <si>
    <t>POINT (4.7049428544400875 51.788259747991084)</t>
  </si>
  <si>
    <t>POINT (4.680906917735853 51.77565067349565)</t>
  </si>
  <si>
    <t>POINT (4.667528798799204 51.80153838250782)</t>
  </si>
  <si>
    <t>POINT (4.661657280519434 51.77440028701227)</t>
  </si>
  <si>
    <t>POINT (4.698869469568664 51.796516265122996)</t>
  </si>
  <si>
    <t>POINT (4.665591635263698 51.79608329133214)</t>
  </si>
  <si>
    <t>POINT (4.654736097314731 51.79907306911713)</t>
  </si>
  <si>
    <t>POINT (4.660917331847366 51.81114291220978)</t>
  </si>
  <si>
    <t>POINT (4.712159601915588 51.8045331259424)</t>
  </si>
  <si>
    <t>POINT (4.728173796011042 51.797853368750765)</t>
  </si>
  <si>
    <t>POINT (4.717717685100118 51.80372206812931)</t>
  </si>
  <si>
    <t>POINT (4.6516254095314045 51.78247787130856)</t>
  </si>
  <si>
    <t>POINT (4.733877424890939 51.79520458484098)</t>
  </si>
  <si>
    <t>POINT (4.670009297586618 51.79748432834882)</t>
  </si>
  <si>
    <t>POINT (4.665030727162627 51.77245848360265)</t>
  </si>
  <si>
    <t>POINT (4.67445333475721 51.78883619881657)</t>
  </si>
  <si>
    <t>POINT (4.651112535002702 51.80119873672668)</t>
  </si>
  <si>
    <t>POINT (4.683878233257045 51.79808274576706)</t>
  </si>
  <si>
    <t>POINT (4.677571569521831 51.781039870955645)</t>
  </si>
  <si>
    <t>POINT (4.653496115490346 51.790175443981965)</t>
  </si>
  <si>
    <t>POINT (4.712436769663974 51.79964331165609)</t>
  </si>
  <si>
    <t>POINT (4.669128266202844 51.81518852290834)</t>
  </si>
  <si>
    <t>POINT (4.716817444154032 51.7953824625023)</t>
  </si>
  <si>
    <t>POINT (4.6963167042096075 51.792926438538586)</t>
  </si>
  <si>
    <t>POINT (4.665122441030892 51.778085680198544)</t>
  </si>
  <si>
    <t>POINT (4.661599004854191 51.79193402025134)</t>
  </si>
  <si>
    <t>POINT (4.722134371022382 51.80349514323862)</t>
  </si>
  <si>
    <t>POINT (4.66909441303432 51.791072354223246)</t>
  </si>
  <si>
    <t>POINT (4.715098841790471 51.80515679483399)</t>
  </si>
  <si>
    <t>POINT (4.673741725223209 51.806430303698264)</t>
  </si>
  <si>
    <t>POINT (4.680436601451344 51.78076023658851)</t>
  </si>
  <si>
    <t>POINT (4.657058661862409 51.81207143532291)</t>
  </si>
  <si>
    <t>POINT (4.657956306657835 51.789512778267365)</t>
  </si>
  <si>
    <t>POINT (4.658306029654896 51.793068080008126)</t>
  </si>
  <si>
    <t>POINT (4.666680073009038 51.79631163316891)</t>
  </si>
  <si>
    <t>POINT (4.68165206749912 51.77374942718909)</t>
  </si>
  <si>
    <t>POINT (4.653217195207142 51.803063639032345)</t>
  </si>
  <si>
    <t>POINT (4.730534081630991 51.79987252568673)</t>
  </si>
  <si>
    <t>POINT (4.675903218008598 51.784988964870955)</t>
  </si>
  <si>
    <t>POINT (4.6636611368473035 51.81304207369738)</t>
  </si>
  <si>
    <t>POINT (4.6576492021856 51.78085637276843)</t>
  </si>
  <si>
    <t>POINT (4.665794176163444 51.788061654443425)</t>
  </si>
  <si>
    <t>POINT (4.679915239681152 51.80769509889252)</t>
  </si>
  <si>
    <t>POINT (4.681137692766981 51.77785371998118)</t>
  </si>
  <si>
    <t>POINT (4.685007679036555 51.80456204877801)</t>
  </si>
  <si>
    <t>POINT (4.676506137837285 51.80516201317818)</t>
  </si>
  <si>
    <t>POINT (4.669785557142094 51.77716632801343)</t>
  </si>
  <si>
    <t>POINT (4.676465633752201 51.8107566696098)</t>
  </si>
  <si>
    <t>POINT (4.678985306430556 51.78076400400919)</t>
  </si>
  <si>
    <t>POINT (4.669019073788997 51.77838069527788)</t>
  </si>
  <si>
    <t>POINT (4.686709320119739 51.804805295883256)</t>
  </si>
  <si>
    <t>POINT (4.669657842132955 51.77135842323068)</t>
  </si>
  <si>
    <t>POINT (4.665670537316451 51.8161900915158)</t>
  </si>
  <si>
    <t>POINT (4.664901151903771 51.813038198000974)</t>
  </si>
  <si>
    <t>POINT (4.671160441613048 51.8154790940773)</t>
  </si>
  <si>
    <t>POINT (4.710224467973221 51.803541719976934)</t>
  </si>
  <si>
    <t>POINT (4.636967312149759 51.76786362022674)</t>
  </si>
  <si>
    <t>POINT (4.697100195386819 51.796094514085134)</t>
  </si>
  <si>
    <t>POINT (4.673301704491176 51.776775146914254)</t>
  </si>
  <si>
    <t>POINT (4.672818195019453 51.80491114383235)</t>
  </si>
  <si>
    <t>POINT (4.663564524153142 51.81468194795009)</t>
  </si>
  <si>
    <t>POINT (4.711799272133789 51.80668100232306)</t>
  </si>
  <si>
    <t>POINT (4.679084744955518 51.77491446836207)</t>
  </si>
  <si>
    <t>POINT (4.667836812070261 51.81616109829429)</t>
  </si>
  <si>
    <t>POINT (4.669825888358648 51.815803839347396)</t>
  </si>
  <si>
    <t>POINT (4.707244056093145 51.78795185386861)</t>
  </si>
  <si>
    <t>POINT (4.664583697084801 51.794903648929086)</t>
  </si>
  <si>
    <t>POINT (4.672372034645301 51.81138060743163)</t>
  </si>
  <si>
    <t>POINT (4.679607669709249 51.77651593309744)</t>
  </si>
  <si>
    <t>POINT (4.68048719692932 51.78128643428518)</t>
  </si>
  <si>
    <t>POINT (4.675587539681476 51.77650987570299)</t>
  </si>
  <si>
    <t>POINT (4.630604967822536 51.72374946676076)</t>
  </si>
  <si>
    <t>POINT (4.667872684582327 51.81624521845151)</t>
  </si>
  <si>
    <t>POINT (4.7201242176564655 51.803082371607175)</t>
  </si>
  <si>
    <t>POINT (4.666114487743984 51.79599596293831)</t>
  </si>
  <si>
    <t>POINT (4.713654312240362 51.815151180849334)</t>
  </si>
  <si>
    <t>POINT (4.65706879985067 51.77025273584864)</t>
  </si>
  <si>
    <t>POINT (4.6596302848617475 51.80477872282471)</t>
  </si>
  <si>
    <t>POINT (4.731668270188055 51.79550318838808)</t>
  </si>
  <si>
    <t>POINT (4.663976551306219 51.79524188274897)</t>
  </si>
  <si>
    <t>POINT (4.689138409774993 51.80803969189957)</t>
  </si>
  <si>
    <t>POINT (4.662138588230535 51.80086507607073)</t>
  </si>
  <si>
    <t>POINT (4.6373127464626265 51.769690302931316)</t>
  </si>
  <si>
    <t>POINT (4.685435815741922 51.78480596980685)</t>
  </si>
  <si>
    <t>POINT (4.705030882343732 51.79741860611843)</t>
  </si>
  <si>
    <t>POINT (4.731549625959993 51.800167135754954)</t>
  </si>
  <si>
    <t>POINT (4.659705096531245 51.77106676108086)</t>
  </si>
  <si>
    <t>POINT (4.717521141770218 51.8121799772445)</t>
  </si>
  <si>
    <t>POINT (4.679156924086894 51.78898257834183)</t>
  </si>
  <si>
    <t>POINT (4.66868855161992 51.794875746340544)</t>
  </si>
  <si>
    <t>POINT (4.664053791249029 51.79173408709123)</t>
  </si>
  <si>
    <t>POINT (4.681895776158686 51.78092450634965)</t>
  </si>
  <si>
    <t>POINT (4.723634324184298 51.79878590069427)</t>
  </si>
  <si>
    <t>POINT (4.655679490655734 51.8013152177602)</t>
  </si>
  <si>
    <t>POINT (4.659092412622678 51.81341844171412)</t>
  </si>
  <si>
    <t>POINT (4.712920866635714 51.80699640137164)</t>
  </si>
  <si>
    <t>POINT (4.625853777782978 51.797031806516884)</t>
  </si>
  <si>
    <t>POINT (4.676288227326124 51.78943166999406)</t>
  </si>
  <si>
    <t>POINT (4.666649801175223 51.812512269833874)</t>
  </si>
  <si>
    <t>POINT (4.67335538093687 51.793920296907324)</t>
  </si>
  <si>
    <t>POINT (4.667384629699577 51.81456292584209)</t>
  </si>
  <si>
    <t>POINT (4.684582737179992 51.789519763391354)</t>
  </si>
  <si>
    <t>POINT (4.707359217707491 51.80706779756218)</t>
  </si>
  <si>
    <t>POINT (4.661728327987479 51.78803221156552)</t>
  </si>
  <si>
    <t>POINT (4.666931123764897 51.812578472635565)</t>
  </si>
  <si>
    <t>POINT (4.6662307343476 51.81705959309636)</t>
  </si>
  <si>
    <t>POINT (4.736483103072678 51.801318341241455)</t>
  </si>
  <si>
    <t>POINT (4.667691324665698 51.79259676173438)</t>
  </si>
  <si>
    <t>POINT (4.660243246415419 51.81101436184962)</t>
  </si>
  <si>
    <t>POINT (4.679327909484434 51.80578558993616)</t>
  </si>
  <si>
    <t>POINT (4.677140239407244 51.81580958079401)</t>
  </si>
  <si>
    <t>POINT (4.645142209989886 51.80037425744483)</t>
  </si>
  <si>
    <t>POINT (4.671270692655349 51.804120829216224)</t>
  </si>
  <si>
    <t>POINT (4.678821848599154 51.80759887733713)</t>
  </si>
  <si>
    <t>POINT (4.685842186021794 51.78659130691373)</t>
  </si>
  <si>
    <t>POINT (4.662385580730787 51.80316891202539)</t>
  </si>
  <si>
    <t>POINT (4.67919288388142 51.81606415470416)</t>
  </si>
  <si>
    <t>POINT (4.635890730274165 51.74392280796022)</t>
  </si>
  <si>
    <t>POINT (4.6732180946448585 51.779475403251105)</t>
  </si>
  <si>
    <t>POINT (4.703127306261365 51.79029296529738)</t>
  </si>
  <si>
    <t>POINT (4.716319645992091 51.80138618511222)</t>
  </si>
  <si>
    <t>POINT (4.706975730874192 51.8084464475394)</t>
  </si>
  <si>
    <t>POINT (4.668305889221517 51.782492508224664)</t>
  </si>
  <si>
    <t>POINT (4.678049761425549 51.808603327261295)</t>
  </si>
  <si>
    <t>POINT (4.66299999032742 51.81446120019723)</t>
  </si>
  <si>
    <t>POINT (4.644924425778603 51.77848295309542)</t>
  </si>
  <si>
    <t>POINT (4.660708035415701 51.8097423839414)</t>
  </si>
  <si>
    <t>POINT (4.667629433436823 51.775850052762316)</t>
  </si>
  <si>
    <t>POINT (4.694037606823049 51.79331195712049)</t>
  </si>
  <si>
    <t>POINT (4.687894826463759 51.80863531899384)</t>
  </si>
  <si>
    <t>POINT (4.685893024680736 51.80444889995624)</t>
  </si>
  <si>
    <t>POINT (4.685145319625268 51.812011771944185)</t>
  </si>
  <si>
    <t>POINT (4.684842629027068 51.77978124495824)</t>
  </si>
  <si>
    <t>POINT (4.66468539684656 51.80314766283793)</t>
  </si>
  <si>
    <t>POINT (4.6656358097924056 51.77173652157955)</t>
  </si>
  <si>
    <t>POINT (4.653556458387381 51.7918644048435)</t>
  </si>
  <si>
    <t>POINT (4.680362020639389 51.80780993367664)</t>
  </si>
  <si>
    <t>POINT (4.713206723586247 51.799544511414695)</t>
  </si>
  <si>
    <t>POINT (4.693333756896989 51.795343731276)</t>
  </si>
  <si>
    <t>POINT (4.675052331163596 51.80686065210273)</t>
  </si>
  <si>
    <t>POINT (4.714422047299391 51.805477819968495)</t>
  </si>
  <si>
    <t>POINT (4.711007377393854 51.81577278673898)</t>
  </si>
  <si>
    <t>POINT (4.684257296157372 51.777264660118036)</t>
  </si>
  <si>
    <t>POINT (4.684016582447522 51.798127224057346)</t>
  </si>
  <si>
    <t>POINT (4.6883342606958855 51.81984809719522)</t>
  </si>
  <si>
    <t>POINT (4.6547291360268925 51.79251263656677)</t>
  </si>
  <si>
    <t>POINT (4.662026298162127 51.81322389100324)</t>
  </si>
  <si>
    <t>POINT (4.657799472575322 51.80632708327261)</t>
  </si>
  <si>
    <t>POINT (4.669764255773333 51.80546897317838)</t>
  </si>
  <si>
    <t>POINT (4.679231617995512 51.804928469149644)</t>
  </si>
  <si>
    <t>POINT (4.689267608929755 51.807608707898396)</t>
  </si>
  <si>
    <t>POINT (4.683159946710902 51.81925379009611)</t>
  </si>
  <si>
    <t>POINT (4.734759496500653 51.79996777318571)</t>
  </si>
  <si>
    <t>POINT (4.676600633492829 51.81692262612794)</t>
  </si>
  <si>
    <t>POINT (4.6694297794768165 51.8120467401966)</t>
  </si>
  <si>
    <t>POINT (4.685365055568759 51.79214008188035)</t>
  </si>
  <si>
    <t>POINT (4.653562689755864 51.7826916121859)</t>
  </si>
  <si>
    <t>POINT (4.6672483496764725 51.79906852935035)</t>
  </si>
  <si>
    <t>POINT (4.672648827715563 51.78099606170963)</t>
  </si>
  <si>
    <t>POINT (4.674379944000569 51.81792190318508)</t>
  </si>
  <si>
    <t>POINT (4.63973534816608 51.77795430560742)</t>
  </si>
  <si>
    <t>POINT (4.665566227123089 51.78062550285304)</t>
  </si>
  <si>
    <t>POINT (4.677222974990364 51.80048277426233)</t>
  </si>
  <si>
    <t>POINT (4.717777488625916 51.80318711748471)</t>
  </si>
  <si>
    <t>POINT (4.712736696732013 51.81628949920158)</t>
  </si>
  <si>
    <t>POINT (4.649987749750469 51.793602580203824)</t>
  </si>
  <si>
    <t>POINT (4.673419006717106 51.81580980216709)</t>
  </si>
  <si>
    <t>POINT (4.6666759691076 51.80393922261265)</t>
  </si>
  <si>
    <t>POINT (4.705438684300517 51.79364902746032)</t>
  </si>
  <si>
    <t>POINT (4.667641072586389 51.77804290302842)</t>
  </si>
  <si>
    <t>POINT (4.722117516937767 51.79806263406056)</t>
  </si>
  <si>
    <t>POINT (4.680155730189804 51.798817919905616)</t>
  </si>
  <si>
    <t>POINT (4.685023273480901 51.80982544794879)</t>
  </si>
  <si>
    <t>POINT (4.661027332124984 51.79420919120591)</t>
  </si>
  <si>
    <t>POINT (4.7217306070543215 51.812844902542565)</t>
  </si>
  <si>
    <t>POINT (4.683819209931413 51.80961285491216)</t>
  </si>
  <si>
    <t>POINT (4.704945854205261 51.788308663812444)</t>
  </si>
  <si>
    <t>POINT (4.668504693881921 51.78084824449411)</t>
  </si>
  <si>
    <t>POINT (4.6673243408887455 51.802815607408725)</t>
  </si>
  <si>
    <t>POINT (4.654693632309349 51.795149009700715)</t>
  </si>
  <si>
    <t>POINT (4.713094423868576 51.809183203244245)</t>
  </si>
  <si>
    <t>POINT (4.664555782203682 51.81051686810431)</t>
  </si>
  <si>
    <t>POINT (4.679600751596286 51.808900390515404)</t>
  </si>
  <si>
    <t>POINT (4.685212624469051 51.786103643992824)</t>
  </si>
  <si>
    <t>POINT (4.722849263639605 51.80086259025653)</t>
  </si>
  <si>
    <t>POINT (4.676672226164957 51.81707784440341)</t>
  </si>
  <si>
    <t>POINT (4.661616113872703 51.79503118350684)</t>
  </si>
  <si>
    <t>POINT (4.632805812541068 51.77009203917086)</t>
  </si>
  <si>
    <t>POINT (4.655787081721124 51.7675324529732)</t>
  </si>
  <si>
    <t>POINT (4.667090981631846 51.81310848230528)</t>
  </si>
  <si>
    <t>POINT (4.724621572082407 51.806185994991786)</t>
  </si>
  <si>
    <t>POINT (4.670083783483016 51.81752851676566)</t>
  </si>
  <si>
    <t>POINT (4.683517562734284 51.77509783934207)</t>
  </si>
  <si>
    <t>POINT (4.680923597223378 51.788620898584)</t>
  </si>
  <si>
    <t>POINT (4.6897012291452445 51.81832169528815)</t>
  </si>
  <si>
    <t>POINT (4.7281806181288895 51.80113900738236)</t>
  </si>
  <si>
    <t>POINT (4.672209696078969 51.793080032318294)</t>
  </si>
  <si>
    <t>POINT (4.674197661528919 51.79693035588737)</t>
  </si>
  <si>
    <t>POINT (4.661659502858248 51.80408747330949)</t>
  </si>
  <si>
    <t>POINT (4.723168172965878 51.80602957466488)</t>
  </si>
  <si>
    <t>POINT (4.666823597976928 51.789259891599116)</t>
  </si>
  <si>
    <t>POINT (4.665931292169866 51.79600156936364)</t>
  </si>
  <si>
    <t>POINT (4.664003267474065 51.78873896426062)</t>
  </si>
  <si>
    <t>POINT (4.669902872088171 51.78152066425053)</t>
  </si>
  <si>
    <t>POINT (4.665546983260441 51.80917149256964)</t>
  </si>
  <si>
    <t>POINT (4.718221642204974 51.798783954577615)</t>
  </si>
  <si>
    <t>POINT (4.665248532903433 51.7805092204102)</t>
  </si>
  <si>
    <t>POINT (4.66047933993877 51.811192721500724)</t>
  </si>
  <si>
    <t>POINT (4.630748673623369 51.72800274219152)</t>
  </si>
  <si>
    <t>POINT (4.673315161107724 51.803554747227885)</t>
  </si>
  <si>
    <t>POINT (4.687774323352157 51.804482987254005)</t>
  </si>
  <si>
    <t>POINT (4.730947470344578 51.79823835772164)</t>
  </si>
  <si>
    <t>POINT (4.723470493918365 51.8030434700239)</t>
  </si>
  <si>
    <t>POINT (4.694750091480118 51.81786501892338)</t>
  </si>
  <si>
    <t>POINT (4.729063097421927 51.7938844985624)</t>
  </si>
  <si>
    <t>POINT (4.665004306666206 51.7751167437334)</t>
  </si>
  <si>
    <t>POINT (4.681512406574742 51.789135278397964)</t>
  </si>
  <si>
    <t>POINT (4.66569141958583 51.79601232804371)</t>
  </si>
  <si>
    <t>POINT (4.654849758512189 51.80644507782042)</t>
  </si>
  <si>
    <t>POINT (4.663283719183192 51.79489925708375)</t>
  </si>
  <si>
    <t>POINT (4.660564919117864 51.77135929942756)</t>
  </si>
  <si>
    <t>POINT (4.673998151082059 51.81898713154398)</t>
  </si>
  <si>
    <t>POINT (4.7290484474608405 51.79115777277594)</t>
  </si>
  <si>
    <t>POINT (4.635108067164709 51.77492707801909)</t>
  </si>
  <si>
    <t>POINT (4.718717765373371 51.802508217448995)</t>
  </si>
  <si>
    <t>POINT (4.683261351351631 51.79837888156327)</t>
  </si>
  <si>
    <t>POINT (4.674201310253607 51.819013561166464)</t>
  </si>
  <si>
    <t>POINT (4.663000397993378 51.79399498907064)</t>
  </si>
  <si>
    <t>POINT (4.6675978815601935 51.79074605362231)</t>
  </si>
  <si>
    <t>POINT (4.712767232325848 51.8149056762512)</t>
  </si>
  <si>
    <t>POINT (4.693443970288512 51.818397756983536)</t>
  </si>
  <si>
    <t>POINT (4.667263426237091 51.79459541617539)</t>
  </si>
  <si>
    <t>POINT (4.65284808127977 51.78864594140793)</t>
  </si>
  <si>
    <t>POINT (4.719193357867069 51.80544010946272)</t>
  </si>
  <si>
    <t>POINT (4.659245976901834 51.79847690822568)</t>
  </si>
  <si>
    <t>POINT (4.6611253848757705 51.79790506174207)</t>
  </si>
  <si>
    <t>POINT (4.730820556693685 51.79806438273967)</t>
  </si>
  <si>
    <t>POINT (4.667720467556813 51.795356506328396)</t>
  </si>
  <si>
    <t>POINT (4.66374509463497 51.817198866131676)</t>
  </si>
  <si>
    <t>POINT (4.656866013445376 51.81203697838176)</t>
  </si>
  <si>
    <t>POINT (4.661968856601609 51.812440388128955)</t>
  </si>
  <si>
    <t>POINT (4.659614289321126 51.79243171092032)</t>
  </si>
  <si>
    <t>POINT (4.720803237281257 51.80555012477449)</t>
  </si>
  <si>
    <t>POINT (4.685197311549998 51.78587499692499)</t>
  </si>
  <si>
    <t>POINT (4.703843232217275 51.79147920185947)</t>
  </si>
  <si>
    <t>POINT (4.670966327201272 51.79034068425118)</t>
  </si>
  <si>
    <t>POINT (4.668827210024388 51.81009231218774)</t>
  </si>
  <si>
    <t>POINT (4.680953186423769 51.79198245107436)</t>
  </si>
  <si>
    <t>POINT (4.6453657937522586 51.80353260434473)</t>
  </si>
  <si>
    <t>POINT (4.675798272919519 51.78477486482508)</t>
  </si>
  <si>
    <t>POINT (4.695603647274655 51.790667149182184)</t>
  </si>
  <si>
    <t>POINT (4.711154705270633 51.81014548771498)</t>
  </si>
  <si>
    <t>POINT (4.662269666227827 51.814124361586856)</t>
  </si>
  <si>
    <t>POINT (4.6749663433319535 51.78009441475258)</t>
  </si>
  <si>
    <t>POINT (4.657779805127534 51.811710134383176)</t>
  </si>
  <si>
    <t>POINT (4.676411180167278 51.78939784452084)</t>
  </si>
  <si>
    <t>POINT (4.68282233123459 51.77390727395637)</t>
  </si>
  <si>
    <t>POINT (4.667026632259148 51.78716166477605)</t>
  </si>
  <si>
    <t>POINT (4.676001712712546 51.78536502003352)</t>
  </si>
  <si>
    <t>POINT (4.688527637256113 51.81530074658546)</t>
  </si>
  <si>
    <t>POINT (4.671117118577002 51.804599231584326)</t>
  </si>
  <si>
    <t>POINT (4.6847607975722285 51.80783032555682)</t>
  </si>
  <si>
    <t>POINT (4.684340255379402 51.78506904424615)</t>
  </si>
  <si>
    <t>POINT (4.72190468774016 51.80230045496396)</t>
  </si>
  <si>
    <t>POINT (4.654384692331125 51.79398334835085)</t>
  </si>
  <si>
    <t>POINT (4.686195534796075 51.80475776958146)</t>
  </si>
  <si>
    <t>POINT (4.666034840213909 51.80122420531206)</t>
  </si>
  <si>
    <t>POINT (4.664422590072154 51.8108044317008)</t>
  </si>
  <si>
    <t>POINT (4.655760192406981 51.81010750031521)</t>
  </si>
  <si>
    <t>POINT (4.673007769086456 51.818028382203586)</t>
  </si>
  <si>
    <t>POINT (4.711971765086115 51.80615700408524)</t>
  </si>
  <si>
    <t>POINT (4.66105695269166 51.8008193490193)</t>
  </si>
  <si>
    <t>POINT (4.686001149177945 51.809980992455216)</t>
  </si>
  <si>
    <t>POINT (4.668954905371219 51.77127960381894)</t>
  </si>
  <si>
    <t>POINT (4.679812970467001 51.801561194514086)</t>
  </si>
  <si>
    <t>POINT (4.714913243329961 51.81496544031896)</t>
  </si>
  <si>
    <t>POINT (4.668669391836642 51.81559486971312)</t>
  </si>
  <si>
    <t>POINT (4.660423656875141 51.80454513364343)</t>
  </si>
  <si>
    <t>POINT (4.683566466989667 51.8188429744934)</t>
  </si>
  <si>
    <t>POINT (4.69716922525267 51.79483527474557)</t>
  </si>
  <si>
    <t>POINT (4.644092129865224 51.79845813040588)</t>
  </si>
  <si>
    <t>POINT (4.666469829612315 51.81675792763986)</t>
  </si>
  <si>
    <t>POINT (4.681237900676728 51.78681569488112)</t>
  </si>
  <si>
    <t>POINT (4.685749826812328 51.776689797770395)</t>
  </si>
  <si>
    <t>POINT (4.677581471270238 51.81469319660092)</t>
  </si>
  <si>
    <t>POINT (4.653652060007744 51.785326162425584)</t>
  </si>
  <si>
    <t>POINT (4.677726578064006 51.805527615508794)</t>
  </si>
  <si>
    <t>POINT (4.675705145930892 51.814851254393474)</t>
  </si>
  <si>
    <t>POINT (4.705069261947685 51.80879446834719)</t>
  </si>
  <si>
    <t>POINT (4.657201144516535 51.79693411929348)</t>
  </si>
  <si>
    <t>POINT (4.701506162798281 51.795688837501125)</t>
  </si>
  <si>
    <t>POINT (4.663511729557871 51.81465969002014)</t>
  </si>
  <si>
    <t>POINT (4.676222458332933 51.80753635246313)</t>
  </si>
  <si>
    <t>POINT (4.7077079773458035 51.78831754940539)</t>
  </si>
  <si>
    <t>POINT (4.6709929238123244 51.81098378887362)</t>
  </si>
  <si>
    <t>POINT (4.663372528272315 51.79062855376743)</t>
  </si>
  <si>
    <t>POINT (4.735862328815923 51.80118524483648)</t>
  </si>
  <si>
    <t>POINT (4.706446965961435 51.810545340759404)</t>
  </si>
  <si>
    <t>POINT (4.723086767744708 51.80545879379093)</t>
  </si>
  <si>
    <t>POINT (4.6717136807119655 51.776604859922905)</t>
  </si>
  <si>
    <t>POINT (4.652068254233974 51.793660731954695)</t>
  </si>
  <si>
    <t>POINT (4.663347058081507 51.81085852983326)</t>
  </si>
  <si>
    <t>POINT (4.717548813426724 51.8122657339392)</t>
  </si>
  <si>
    <t>POINT (4.6810120461301725 51.81108163324839)</t>
  </si>
  <si>
    <t>POINT (4.711538505340825 51.816462424846506)</t>
  </si>
  <si>
    <t>POINT (4.678912226073012 51.814058042776814)</t>
  </si>
  <si>
    <t>POINT (4.713249686482841 51.81626597466436)</t>
  </si>
  <si>
    <t>POINT (4.674810796345393 51.818370132353564)</t>
  </si>
  <si>
    <t>POINT (4.699874159306649 51.79548702923908)</t>
  </si>
  <si>
    <t>POINT (4.6516393410680825 51.784884230324245)</t>
  </si>
  <si>
    <t>POINT (4.685919259703054 51.80976576389942)</t>
  </si>
  <si>
    <t>POINT (4.674739948949058 51.80443650467682)</t>
  </si>
  <si>
    <t>POINT (4.672465519469334 51.81937410924977)</t>
  </si>
  <si>
    <t>POINT (4.6708805190080716 51.78194185412024)</t>
  </si>
  <si>
    <t>POINT (4.66069874995794 51.804137573098764)</t>
  </si>
  <si>
    <t>POINT (4.681926095729368 51.818376522569096)</t>
  </si>
  <si>
    <t>POINT (4.665961665962655 51.810428628329355)</t>
  </si>
  <si>
    <t>POINT (4.729604709439659 51.79743606382083)</t>
  </si>
  <si>
    <t>POINT (4.6628293077334115 51.81237638186289)</t>
  </si>
  <si>
    <t>POINT (4.668889844239808 51.77409613456248)</t>
  </si>
  <si>
    <t>POINT (4.728670582042725 51.80548407023683)</t>
  </si>
  <si>
    <t>POINT (4.660125561431017 51.78752441281668)</t>
  </si>
  <si>
    <t>POINT (4.660962101805825 51.79403441558847)</t>
  </si>
  <si>
    <t>POINT (4.719249934737458 51.80451114065627)</t>
  </si>
  <si>
    <t>POINT (4.68533152008495 51.7882843372419)</t>
  </si>
  <si>
    <t>POINT (4.660711749821165 51.80263309919578)</t>
  </si>
  <si>
    <t>POINT (4.660607850573735 51.80304355374202)</t>
  </si>
  <si>
    <t>POINT (4.68333472552099 51.781953178352104)</t>
  </si>
  <si>
    <t>POINT (4.6991524239204026 51.7959008347913)</t>
  </si>
  <si>
    <t>POINT (4.6652620702224965 51.80920419367912)</t>
  </si>
  <si>
    <t>POINT (4.6640503316953925 51.81255723224715)</t>
  </si>
  <si>
    <t>POINT (4.665122076411544 51.778789539270555)</t>
  </si>
  <si>
    <t>POINT (4.702762184818577 51.79054715659336)</t>
  </si>
  <si>
    <t>POINT (4.6385380004636305 51.777167426116684)</t>
  </si>
  <si>
    <t>POINT (4.6625442569812146 51.80047456959438)</t>
  </si>
  <si>
    <t>POINT (4.653523841415704 51.80228676691843)</t>
  </si>
  <si>
    <t>POINT (4.657881164808308 51.807427105803974)</t>
  </si>
  <si>
    <t>POINT (4.662924363060078 51.78711548221075)</t>
  </si>
  <si>
    <t>POINT (4.653718186148697 51.80036801341108)</t>
  </si>
  <si>
    <t>POINT (4.696220904289208 51.79024248501874)</t>
  </si>
  <si>
    <t>POINT (4.665964001785371 51.81231685875515)</t>
  </si>
  <si>
    <t>POINT (4.669983132698309 51.81927851694774)</t>
  </si>
  <si>
    <t>POINT (4.682166678434111 51.80324863920886)</t>
  </si>
  <si>
    <t>POINT (4.6616415450044 51.80087434492801)</t>
  </si>
  <si>
    <t>POINT (4.684729566286809 51.79248087755048)</t>
  </si>
  <si>
    <t>POINT (4.665051354299433 51.77250590027789)</t>
  </si>
  <si>
    <t>POINT (4.688703122951788 51.81407625064968)</t>
  </si>
  <si>
    <t>POINT (4.733526870748655 51.8016402504905)</t>
  </si>
  <si>
    <t>POINT (4.678591667244283 51.77909929198941)</t>
  </si>
  <si>
    <t>POINT (4.680017836822918 51.77816351942843)</t>
  </si>
  <si>
    <t>POINT (4.663768398112137 51.803899013128856)</t>
  </si>
  <si>
    <t>POINT (4.680695347332683 51.798751697025466)</t>
  </si>
  <si>
    <t>POINT (4.675326544635239 51.77424507868481)</t>
  </si>
  <si>
    <t>POINT (4.711627334781688 51.806768892308945)</t>
  </si>
  <si>
    <t>POINT (4.716514534431832 51.802989723571564)</t>
  </si>
  <si>
    <t>POINT (4.728594373435493 51.80376943768086)</t>
  </si>
  <si>
    <t>POINT (4.675498308892341 51.81597023091553)</t>
  </si>
  <si>
    <t>POINT (4.666417940124132 51.81544066924585)</t>
  </si>
  <si>
    <t>POINT (4.692877339810823 51.81026366480701)</t>
  </si>
  <si>
    <t>POINT (4.719799402417858 51.811332402057054)</t>
  </si>
  <si>
    <t>POINT (4.638790818892974 51.769345579421845)</t>
  </si>
  <si>
    <t>POINT (4.732415063854013 51.79498074998063)</t>
  </si>
  <si>
    <t>POINT (4.661964411639226 51.813424405591945)</t>
  </si>
  <si>
    <t>POINT (4.704614235159668 51.80751360021372)</t>
  </si>
  <si>
    <t>POINT (4.726599512261683 51.79835053124326)</t>
  </si>
  <si>
    <t>POINT (4.701316597946115 51.799721231095106)</t>
  </si>
  <si>
    <t>POINT (4.652446876539117 51.785236669424904)</t>
  </si>
  <si>
    <t>POINT (4.684898353050966 51.788664105566426)</t>
  </si>
  <si>
    <t>POINT (4.66575855982249 51.81645358735319)</t>
  </si>
  <si>
    <t>POINT (4.726225339745839 51.7926401832563)</t>
  </si>
  <si>
    <t>POINT (4.693959980963235 51.818454513259134)</t>
  </si>
  <si>
    <t>POINT (4.667937949420791 51.79415597932478)</t>
  </si>
  <si>
    <t>POINT (4.652301552645795 51.78574841264448)</t>
  </si>
  <si>
    <t>POINT (4.692429693668331 51.81831793324202)</t>
  </si>
  <si>
    <t>POINT (4.678553739629154 51.78967221602084)</t>
  </si>
  <si>
    <t>POINT (4.679959012622625 51.798817111793106)</t>
  </si>
  <si>
    <t>POINT (4.681932005163115 51.80397144642137)</t>
  </si>
  <si>
    <t>POINT (4.663441989786983 51.81293138402408)</t>
  </si>
  <si>
    <t>POINT (4.662648517114855 51.803851177653996)</t>
  </si>
  <si>
    <t>POINT (4.658698277321618 51.80019149176259)</t>
  </si>
  <si>
    <t>POINT (4.662592082074865 51.79997939912733)</t>
  </si>
  <si>
    <t>POINT (4.658027242846248 51.800496300860104)</t>
  </si>
  <si>
    <t>POINT (4.66650835876183 51.81779066619291)</t>
  </si>
  <si>
    <t>POINT (4.701653931764556 51.80412005976442)</t>
  </si>
  <si>
    <t>POINT (4.671697037319042 51.792781637147016)</t>
  </si>
  <si>
    <t>POINT (4.652280594814859 51.78537472817272)</t>
  </si>
  <si>
    <t>POINT (4.652530059831489 51.785555768604745)</t>
  </si>
  <si>
    <t>POINT (4.721074755250134 51.79924037962192)</t>
  </si>
  <si>
    <t>POINT (4.668202690483669 51.79366387100286)</t>
  </si>
  <si>
    <t>POINT (4.720750809650259 51.802606576781265)</t>
  </si>
  <si>
    <t>POINT (4.706348674297945 51.789600405098945)</t>
  </si>
  <si>
    <t>POINT (4.65350746564299 51.77639131303167)</t>
  </si>
  <si>
    <t>POINT (4.717331810435553 51.815803851448045)</t>
  </si>
  <si>
    <t>POINT (4.6742067258950994 51.789450938255904)</t>
  </si>
  <si>
    <t>POINT (4.673399988710526 51.813811487144434)</t>
  </si>
  <si>
    <t>POINT (4.735826999699953 51.80125130393783)</t>
  </si>
  <si>
    <t>POINT (4.66818501006302 51.793761811347146)</t>
  </si>
  <si>
    <t>POINT (4.662542985608344 51.805664326724134)</t>
  </si>
  <si>
    <t>POINT (4.657337182614352 51.80490924452168)</t>
  </si>
  <si>
    <t>POINT (4.656442572545069 51.80437568047312)</t>
  </si>
  <si>
    <t>POINT (4.673016519891896 51.8147965146555)</t>
  </si>
  <si>
    <t>POINT (4.695891089806979 51.797532711117)</t>
  </si>
  <si>
    <t>POINT (4.670809348783118 51.781594050897496)</t>
  </si>
  <si>
    <t>POINT (4.6660082837403145 51.803058076358134)</t>
  </si>
  <si>
    <t>POINT (4.677603685398866 51.79056319404992)</t>
  </si>
  <si>
    <t>POINT (4.717491691680355 51.802210542024056)</t>
  </si>
  <si>
    <t>POINT (4.657553189858602 51.79954620555307)</t>
  </si>
  <si>
    <t>POINT (4.686918074408333 51.77899122465439)</t>
  </si>
  <si>
    <t>POINT (4.674270302064232 51.77249007962102)</t>
  </si>
  <si>
    <t>POINT (4.663655464470509 51.79899284573499)</t>
  </si>
  <si>
    <t>POINT (4.675551614724734 51.78330937902179)</t>
  </si>
  <si>
    <t>POINT (4.702289003740571 51.79661642036597)</t>
  </si>
  <si>
    <t>POINT (4.675776984457623 51.8077034485848)</t>
  </si>
  <si>
    <t>POINT (4.664699399199746 51.793012500987636)</t>
  </si>
  <si>
    <t>POINT (4.724752341457133 51.79788703480462)</t>
  </si>
  <si>
    <t>POINT (4.672173669445824 51.819614540152)</t>
  </si>
  <si>
    <t>POINT (4.661676131249898 51.787825148461124)</t>
  </si>
  <si>
    <t>POINT (4.673626120938907 51.81306942732902)</t>
  </si>
  <si>
    <t>POINT (4.672921061798026 51.77357486156643)</t>
  </si>
  <si>
    <t>POINT (4.710295132286225 51.791873573345775)</t>
  </si>
  <si>
    <t>POINT (4.68101596076147 51.81057523525117)</t>
  </si>
  <si>
    <t>POINT (4.725211008348385 51.80445601571061)</t>
  </si>
  <si>
    <t>POINT (4.6555692953350025 51.79102341639448)</t>
  </si>
  <si>
    <t>POINT (4.674863943671368 51.783413356980006)</t>
  </si>
  <si>
    <t>POINT (4.664571450887628 51.77855396962493)</t>
  </si>
  <si>
    <t>POINT (4.666892151855641 51.81590454701079)</t>
  </si>
  <si>
    <t>POINT (4.668509104164668 51.79061573946226)</t>
  </si>
  <si>
    <t>POINT (4.684468435736299 51.812572109730255)</t>
  </si>
  <si>
    <t>POINT (4.667079341967023 51.81416949720275)</t>
  </si>
  <si>
    <t>POINT (4.68357257974869 51.78213554785408)</t>
  </si>
  <si>
    <t>POINT (4.685606122944945 51.802904971472515)</t>
  </si>
  <si>
    <t>POINT (4.678638061626751 51.786278244040105)</t>
  </si>
  <si>
    <t>POINT (4.675470106118788 51.80349093126879)</t>
  </si>
  <si>
    <t>POINT (4.684891143939285 51.80483884060088)</t>
  </si>
  <si>
    <t>POINT (4.714251970183531 51.8055651042239)</t>
  </si>
  <si>
    <t>POINT (4.655362775503506 51.80199158389369)</t>
  </si>
  <si>
    <t>POINT (4.710973803235922 51.79665102350141)</t>
  </si>
  <si>
    <t>POINT (4.674379515174444 51.78537858908317)</t>
  </si>
  <si>
    <t>POINT (4.6534551244273 51.7902547646753)</t>
  </si>
  <si>
    <t>POINT (4.6724712300241125 51.783491286795176)</t>
  </si>
  <si>
    <t>POINT (4.728565057187669 51.80157536224033)</t>
  </si>
  <si>
    <t>POINT (4.666057767586709 51.814376004037754)</t>
  </si>
  <si>
    <t>POINT (4.702702349394521 51.79949079157139)</t>
  </si>
  <si>
    <t>POINT (4.661759816027521 51.814781645289635)</t>
  </si>
  <si>
    <t>POINT (4.676532051518677 51.78948418514874)</t>
  </si>
  <si>
    <t>POINT (4.697618168529065 51.78384274928703)</t>
  </si>
  <si>
    <t>POINT (4.688663668870697 51.806634599037494)</t>
  </si>
  <si>
    <t>POINT (4.679272876320837 51.773735917171116)</t>
  </si>
  <si>
    <t>POINT (4.706341980981866 51.79990448538791)</t>
  </si>
  <si>
    <t>POINT (4.650166475197306 51.79501547918786)</t>
  </si>
  <si>
    <t>POINT (4.6846614621105 51.8092119811829)</t>
  </si>
  <si>
    <t>POINT (4.666665179212235 51.81260716784502)</t>
  </si>
  <si>
    <t>POINT (4.707732639666852 51.79403466403759)</t>
  </si>
  <si>
    <t>POINT (4.675661716044231 51.80737758433143)</t>
  </si>
  <si>
    <t>POINT (4.682053483571381 51.779695108437174)</t>
  </si>
  <si>
    <t>POINT (4.730574101008526 51.79761357162381)</t>
  </si>
  <si>
    <t>POINT (4.661496314152842 51.790883765013135)</t>
  </si>
  <si>
    <t>POINT (4.650692073439293 51.80328668164969)</t>
  </si>
  <si>
    <t>POINT (4.656417958134955 51.80445587712408)</t>
  </si>
  <si>
    <t>POINT (4.666604673716005 51.773612437896645)</t>
  </si>
  <si>
    <t>POINT (4.708681087570229 51.820839450518825)</t>
  </si>
  <si>
    <t>POINT (4.668107903808999 51.77915901807871)</t>
  </si>
  <si>
    <t>POINT (4.679020500491858 51.81515576285397)</t>
  </si>
  <si>
    <t>POINT (4.71446352337829 51.80767680624564)</t>
  </si>
  <si>
    <t>POINT (4.685549222853089 51.78481156502939)</t>
  </si>
  <si>
    <t>POINT (4.6628399650951735 51.79526463228746)</t>
  </si>
  <si>
    <t>POINT (4.652457473961514 51.80093740674102)</t>
  </si>
  <si>
    <t>POINT (4.676150243552247 51.81490469307306)</t>
  </si>
  <si>
    <t>POINT (4.684207755752329 51.808233930666056)</t>
  </si>
  <si>
    <t>POINT (4.6770728303272 51.815100623319026)</t>
  </si>
  <si>
    <t>POINT (4.696050785473448 51.81831424427049)</t>
  </si>
  <si>
    <t>POINT (4.708875169488888 51.788330866056675)</t>
  </si>
  <si>
    <t>POINT (4.698094799928956 51.79492660167802)</t>
  </si>
  <si>
    <t>POINT (4.728420578113815 51.80537908189668)</t>
  </si>
  <si>
    <t>POINT (4.672093316838701 51.7968369468179)</t>
  </si>
  <si>
    <t>POINT (4.721548817903094 51.80092647279636)</t>
  </si>
  <si>
    <t>POINT (4.670414196255614 51.81340509435553)</t>
  </si>
  <si>
    <t>POINT (4.671778401310762 51.81035340440295)</t>
  </si>
  <si>
    <t>POINT (4.656210326110975 51.80149706868607)</t>
  </si>
  <si>
    <t>POINT (4.712982139570507 51.8144474119122)</t>
  </si>
  <si>
    <t>POINT (4.685493964298588 51.78475452482939)</t>
  </si>
  <si>
    <t>POINT (4.68494816792233 51.815539522889225)</t>
  </si>
  <si>
    <t>POINT (4.6935182123241175 51.795638491002094)</t>
  </si>
  <si>
    <t>POINT (4.678435497498301 51.80785479794642)</t>
  </si>
  <si>
    <t>POINT (4.658964757841788 51.79967644872705)</t>
  </si>
  <si>
    <t>POINT (4.668550323209103 51.81789930360261)</t>
  </si>
  <si>
    <t>POINT (4.672417674541884 51.803932560788944)</t>
  </si>
  <si>
    <t>POINT (4.726944479495082 51.79639811685557)</t>
  </si>
  <si>
    <t>POINT (4.672507955232411 51.773187852656136)</t>
  </si>
  <si>
    <t>POINT (4.662125086919605 51.794309103885666)</t>
  </si>
  <si>
    <t>POINT (4.681694621573235 51.81251096384632)</t>
  </si>
  <si>
    <t>POINT (4.67123748273921 51.80587743757405)</t>
  </si>
  <si>
    <t>POINT (4.680002876557081 51.77621544232667)</t>
  </si>
  <si>
    <t>POINT (4.6593193041598315 51.80889720985723)</t>
  </si>
  <si>
    <t>POINT (4.668435422031047 51.815586389855724)</t>
  </si>
  <si>
    <t>POINT (4.722140752975471 51.80228861586922)</t>
  </si>
  <si>
    <t>POINT (4.666373783601144 51.81280093600849)</t>
  </si>
  <si>
    <t>POINT (4.7211410772579905 51.80192173675084)</t>
  </si>
  <si>
    <t>POINT (4.671866340739407 51.80873896288032)</t>
  </si>
  <si>
    <t>POINT (4.652288489093122 51.78551559489972)</t>
  </si>
  <si>
    <t>POINT (4.712750181292093 51.80302677942588)</t>
  </si>
  <si>
    <t>POINT (4.711021553811397 51.79351301592914)</t>
  </si>
  <si>
    <t>POINT (4.723068042136752 51.798512201323945)</t>
  </si>
  <si>
    <t>POINT (4.731529827838193 51.80017271493004)</t>
  </si>
  <si>
    <t>POINT (4.673433890794062 51.78883933968237)</t>
  </si>
  <si>
    <t>POINT (4.659798563342937 51.79624454017686)</t>
  </si>
  <si>
    <t>POINT (4.713038581033299 51.80028546886486)</t>
  </si>
  <si>
    <t>POINT (4.72723704797932 51.79574331311673)</t>
  </si>
  <si>
    <t>POINT (4.701587222975889 51.79565760820251)</t>
  </si>
  <si>
    <t>POINT (4.66952173394082 51.81001793788334)</t>
  </si>
  <si>
    <t>POINT (4.665002715420772 51.81373220975708)</t>
  </si>
  <si>
    <t>POINT (4.690575962198944 51.805985228570066)</t>
  </si>
  <si>
    <t>POINT (4.654772860643741 51.79282650764609)</t>
  </si>
  <si>
    <t>POINT (4.657325252519407 51.790807892984986)</t>
  </si>
  <si>
    <t>POINT (4.652411427423368 51.78536832086582)</t>
  </si>
  <si>
    <t>POINT (4.6841887091502485 51.8121331538187)</t>
  </si>
  <si>
    <t>POINT (4.715506577546379 51.806769004877545)</t>
  </si>
  <si>
    <t>POINT (4.631473962937984 51.76897396428365)</t>
  </si>
  <si>
    <t>POINT (4.714684016925123 51.807516193632715)</t>
  </si>
  <si>
    <t>POINT (4.6818807255907275 51.78064502013605)</t>
  </si>
  <si>
    <t>POINT (4.722533457204958 51.79716030163791)</t>
  </si>
  <si>
    <t>POINT (4.65558467216352 51.789491593249416)</t>
  </si>
  <si>
    <t>POINT (4.6592975588383645 51.81368799059916)</t>
  </si>
  <si>
    <t>POINT (4.730949373728648 51.80077490858399)</t>
  </si>
  <si>
    <t>POINT (4.661078928601007 51.804893331563804)</t>
  </si>
  <si>
    <t>POINT (4.650628815480097 51.802027866223575)</t>
  </si>
  <si>
    <t>POINT (4.671457030874855 51.80861291763012)</t>
  </si>
  <si>
    <t>POINT (4.6565780128142205 51.81182109308177)</t>
  </si>
  <si>
    <t>POINT (4.652457647885779 51.78155263781137)</t>
  </si>
  <si>
    <t>POINT (4.670765034034398 51.799709951927454)</t>
  </si>
  <si>
    <t>POINT (4.679043094495448 51.77306233637381)</t>
  </si>
  <si>
    <t>POINT (4.674963152209619 51.777631094396696)</t>
  </si>
  <si>
    <t>POINT (4.659181134806354 51.788446504840806)</t>
  </si>
  <si>
    <t>POINT (4.660509697133636 51.80578312168969)</t>
  </si>
  <si>
    <t>POINT (4.667020055588158 51.803229628752305)</t>
  </si>
  <si>
    <t>POINT (4.7105768459942245 51.79398716565086)</t>
  </si>
  <si>
    <t>POINT (4.6982985228758265 51.792923234483496)</t>
  </si>
  <si>
    <t>POINT (4.676984362328347 51.78467618325299)</t>
  </si>
  <si>
    <t>POINT (4.6783820680677835 51.78632875998845)</t>
  </si>
  <si>
    <t>POINT (4.653077102410147 51.79125682535156)</t>
  </si>
  <si>
    <t>POINT (4.678040714191991 51.787635711545825)</t>
  </si>
  <si>
    <t>POINT (4.722992272185724 51.80363873334445)</t>
  </si>
  <si>
    <t>POINT (4.707424173196756 51.78713022763639)</t>
  </si>
  <si>
    <t>POINT (4.714095048831718 51.81613410003107)</t>
  </si>
  <si>
    <t>POINT (4.652098674135965 51.793945801765275)</t>
  </si>
  <si>
    <t>POINT (4.671246339273892 51.799865535802184)</t>
  </si>
  <si>
    <t>POINT (4.663668348341099 51.787772878275035)</t>
  </si>
  <si>
    <t>POINT (4.692857722837595 51.78617292062859)</t>
  </si>
  <si>
    <t>POINT (4.710316272052047 51.7933000703218)</t>
  </si>
  <si>
    <t>POINT (4.651013105292244 51.79339593263667)</t>
  </si>
  <si>
    <t>POINT (4.668057358426847 51.78114872781602)</t>
  </si>
  <si>
    <t>POINT (4.729965393247224 51.79070920226759)</t>
  </si>
  <si>
    <t>POINT (4.658583656313454 51.80677301236438)</t>
  </si>
  <si>
    <t>POINT (4.707305089990157 51.79614536780546)</t>
  </si>
  <si>
    <t>POINT (4.642210153478939 51.76885037259422)</t>
  </si>
  <si>
    <t>POINT (4.717684475781663 51.79878362311994)</t>
  </si>
  <si>
    <t>POINT (4.7072799637927645 51.79774784653401)</t>
  </si>
  <si>
    <t>POINT (4.715546155626115 51.80538611266741)</t>
  </si>
  <si>
    <t>POINT (4.677612744964061 51.79061846638353)</t>
  </si>
  <si>
    <t>POINT (4.671627728751516 51.776175025709335)</t>
  </si>
  <si>
    <t>POINT (4.6725206834522295 51.803812245526764)</t>
  </si>
  <si>
    <t>POINT (4.73456993152765 51.798979353108244)</t>
  </si>
  <si>
    <t>POINT (4.705120508107644 51.7915893664936)</t>
  </si>
  <si>
    <t>POINT (4.677591065890078 51.78179340387392)</t>
  </si>
  <si>
    <t>POINT (4.701471319033276 51.7954081155248)</t>
  </si>
  <si>
    <t>POINT (4.6717919845024385 51.77932542000374)</t>
  </si>
  <si>
    <t>POINT (4.669457521594805 51.7704736962584)</t>
  </si>
  <si>
    <t>POINT (4.689136154984126 51.80930182167846)</t>
  </si>
  <si>
    <t>POINT (4.725244550637122 51.79834015298487)</t>
  </si>
  <si>
    <t>POINT (4.66347466069548 51.80448627550754)</t>
  </si>
  <si>
    <t>POINT (4.666035260739246 51.810475695932176)</t>
  </si>
  <si>
    <t>POINT (4.68532399211241 51.78079930973699)</t>
  </si>
  <si>
    <t>POINT (4.656636640968031 51.80290992474592)</t>
  </si>
  <si>
    <t>POINT (4.704101068766511 51.80783357630724)</t>
  </si>
  <si>
    <t>POINT (4.6663454374031135 51.81115984256363)</t>
  </si>
  <si>
    <t>POINT (4.722276739498724 51.8053790165287)</t>
  </si>
  <si>
    <t>POINT (4.733596240821527 51.80164354025959)</t>
  </si>
  <si>
    <t>POINT (4.693256914699074 51.818561763623144)</t>
  </si>
  <si>
    <t>POINT (4.725080884361839 51.79692345477086)</t>
  </si>
  <si>
    <t>POINT (4.667969280967298 51.80364790598033)</t>
  </si>
  <si>
    <t>POINT (4.653745423637115 51.78546264666167)</t>
  </si>
  <si>
    <t>POINT (4.709282499323412 51.79438058791836)</t>
  </si>
  <si>
    <t>POINT (4.668406684074114 51.80987366718971)</t>
  </si>
  <si>
    <t>POINT (4.721616676592171 51.79405867588083)</t>
  </si>
  <si>
    <t>POINT (4.683274449320394 51.797974361712306)</t>
  </si>
  <si>
    <t>POINT (4.668866006035893 51.802403288664564)</t>
  </si>
  <si>
    <t>POINT (4.698754012021183 51.79041777177954)</t>
  </si>
  <si>
    <t>POINT (4.728291667965964 51.80263986192932)</t>
  </si>
  <si>
    <t>POINT (4.6750702361595735 51.78690062504288)</t>
  </si>
  <si>
    <t>POINT (4.671332718748971 51.80488449063815)</t>
  </si>
  <si>
    <t>POINT (4.666920228953079 51.81486435211292)</t>
  </si>
  <si>
    <t>POINT (4.672403412541622 51.80567298826926)</t>
  </si>
  <si>
    <t>POINT (4.632162266344555 51.78092708538075)</t>
  </si>
  <si>
    <t>POINT (4.6794990779237535 51.80763433415812)</t>
  </si>
  <si>
    <t>POINT (4.661446611401323 51.803264940819815)</t>
  </si>
  <si>
    <t>POINT (4.691879123876051 51.78767347470294)</t>
  </si>
  <si>
    <t>POINT (4.684352722644111 51.80039021414832)</t>
  </si>
  <si>
    <t>POINT (4.666892253283053 51.81468010131719)</t>
  </si>
  <si>
    <t>POINT (4.70856222373743 51.79407511474445)</t>
  </si>
  <si>
    <t>POINT (4.666141385558929 51.81510975113531)</t>
  </si>
  <si>
    <t>POINT (4.675840947154768 51.78472201838922)</t>
  </si>
  <si>
    <t>POINT (4.659754500449136 51.79338563480424)</t>
  </si>
  <si>
    <t>POINT (4.65649530341969 51.80439286266808)</t>
  </si>
  <si>
    <t>POINT (4.653290427741628 51.801147319619176)</t>
  </si>
  <si>
    <t>POINT (4.722966302984953 51.79943737508903)</t>
  </si>
  <si>
    <t>POINT (4.720384367116921 51.81280469503982)</t>
  </si>
  <si>
    <t>POINT (4.684207661377488 51.7772361291248)</t>
  </si>
  <si>
    <t>POINT (4.717787629647069 51.804921444567086)</t>
  </si>
  <si>
    <t>POINT (4.660092956385254 51.813994168193325)</t>
  </si>
  <si>
    <t>POINT (4.717966482689036 51.813916461524265)</t>
  </si>
  <si>
    <t>POINT (4.670164798619196 51.772865237351674)</t>
  </si>
  <si>
    <t>POINT (4.671861804656 51.816462992497776)</t>
  </si>
  <si>
    <t>POINT (4.706666571589486 51.79000460047346)</t>
  </si>
  <si>
    <t>POINT (4.6372850347598975 51.77446126189017)</t>
  </si>
  <si>
    <t>POINT (4.653742587839214 51.79412379325552)</t>
  </si>
  <si>
    <t>POINT (4.669416034920993 51.818863458858715)</t>
  </si>
  <si>
    <t>POINT (4.657142066305019 51.79984699873975)</t>
  </si>
  <si>
    <t>POINT (4.691606734447668 51.78746802346807)</t>
  </si>
  <si>
    <t>POINT (4.665154602937103 51.772743209006656)</t>
  </si>
  <si>
    <t>POINT (4.720877435378436 51.813846491745885)</t>
  </si>
  <si>
    <t>POINT (4.698212669589039 51.79961298772787)</t>
  </si>
  <si>
    <t>POINT (4.675849953457077 51.77420996257026)</t>
  </si>
  <si>
    <t>POINT (4.660314818246156 51.80746808498549)</t>
  </si>
  <si>
    <t>POINT (4.712238865648896 51.79790605054699)</t>
  </si>
  <si>
    <t>POINT (4.6598406589239785 51.78752423761188)</t>
  </si>
  <si>
    <t>POINT (4.707212858743478 51.81065984722849)</t>
  </si>
  <si>
    <t>POINT (4.665063776762051 51.81599250973499)</t>
  </si>
  <si>
    <t>POINT (4.656438229863832 51.80366033300265)</t>
  </si>
  <si>
    <t>POINT (4.676901146417881 51.77793571690761)</t>
  </si>
  <si>
    <t>POINT (4.664471195151938 51.81452003114891)</t>
  </si>
  <si>
    <t>POINT (4.659743896102072 51.80876079679238)</t>
  </si>
  <si>
    <t>POINT (4.654226638878663 51.79147942781945)</t>
  </si>
  <si>
    <t>POINT (4.692720944926543 51.79599121795618)</t>
  </si>
  <si>
    <t>POINT (4.68344749122485 51.81271327989756)</t>
  </si>
  <si>
    <t>POINT (4.6541521703292075 51.80444957283375)</t>
  </si>
  <si>
    <t>POINT (4.668594901006062 51.81430863771995)</t>
  </si>
  <si>
    <t>POINT (4.663230965828528 51.790304662148266)</t>
  </si>
  <si>
    <t>POINT (4.673952167595157 51.81661248685309)</t>
  </si>
  <si>
    <t>POINT (4.6766007382208645 51.785166503527066)</t>
  </si>
  <si>
    <t>POINT (4.7132062219791075 51.81602630374555)</t>
  </si>
  <si>
    <t>POINT (4.724881086309033 51.798577397517825)</t>
  </si>
  <si>
    <t>POINT (4.682611225438958 51.802565788221266)</t>
  </si>
  <si>
    <t>POINT (4.730037244812186 51.798001895399366)</t>
  </si>
  <si>
    <t>POINT (4.705411356786148 51.790367115068335)</t>
  </si>
  <si>
    <t>POINT (4.685435289376384 51.8043898312561)</t>
  </si>
  <si>
    <t>POINT (4.685680160270733 51.7818941960718)</t>
  </si>
  <si>
    <t>POINT (4.696397661020782 51.792404906995706)</t>
  </si>
  <si>
    <t>POINT (4.707241995857631 51.797712274098686)</t>
  </si>
  <si>
    <t>POINT (4.728314463439939 51.805399438609136)</t>
  </si>
  <si>
    <t>POINT (4.6565936530366745 51.787212438612855)</t>
  </si>
  <si>
    <t>POINT (4.718675933013633 51.81479369690367)</t>
  </si>
  <si>
    <t>POINT (4.731852108251691 51.80063308879066)</t>
  </si>
  <si>
    <t>POINT (4.668294215382936 51.81592968326619)</t>
  </si>
  <si>
    <t>POINT (4.677740520615538 51.805961160735876)</t>
  </si>
  <si>
    <t>POINT (4.713559273366685 51.80534247175111)</t>
  </si>
  <si>
    <t>POINT (4.666881705655396 51.79353660452473)</t>
  </si>
  <si>
    <t>POINT (4.683498743791212 51.79803790887062)</t>
  </si>
  <si>
    <t>POINT (4.6567313407487285 51.781879697734645)</t>
  </si>
  <si>
    <t>POINT (4.668896472306539 51.797317126258754)</t>
  </si>
  <si>
    <t>POINT (4.723855592708569 51.803805583426154)</t>
  </si>
  <si>
    <t>POINT (4.6804421695536425 51.77443453345338)</t>
  </si>
  <si>
    <t>POINT (4.718518870515392 51.81527770290503)</t>
  </si>
  <si>
    <t>POINT (4.705317474130826 51.79678463883431)</t>
  </si>
  <si>
    <t>POINT (4.687317509696164 51.805971240833415)</t>
  </si>
  <si>
    <t>POINT (4.67814643368344 51.81449118443043)</t>
  </si>
  <si>
    <t>POINT (4.727405321152172 51.797404408462384)</t>
  </si>
  <si>
    <t>POINT (4.656589239317588 51.80113375951376)</t>
  </si>
  <si>
    <t>POINT (4.657545337682725 51.8108412774038)</t>
  </si>
  <si>
    <t>POINT (4.674221665634867 51.79703507616173)</t>
  </si>
  <si>
    <t>POINT (4.670535061973925 51.777769603248245)</t>
  </si>
  <si>
    <t>POINT (4.664568584977803 51.78873447506484)</t>
  </si>
  <si>
    <t>POINT (4.630072681084215 51.727857064161846)</t>
  </si>
  <si>
    <t>POINT (4.673522146926074 51.79576708526866)</t>
  </si>
  <si>
    <t>POINT (4.676767838211117 51.783814617618006)</t>
  </si>
  <si>
    <t>POINT (4.68707347857509 51.804526528420624)</t>
  </si>
  <si>
    <t>POINT (4.696313589169907 51.79291308999031)</t>
  </si>
  <si>
    <t>POINT (4.691066600967362 51.79169760765499)</t>
  </si>
  <si>
    <t>POINT (4.679112855261057 51.79944504506075)</t>
  </si>
  <si>
    <t>POINT (4.716734209044868 51.79952530648224)</t>
  </si>
  <si>
    <t>POINT (4.667639431464814 51.79975211847308)</t>
  </si>
  <si>
    <t>POINT (4.688286336997745 51.8198482163086)</t>
  </si>
  <si>
    <t>POINT (4.704474981312629 51.798622567931915)</t>
  </si>
  <si>
    <t>POINT (4.704229632662945 51.81670868145307)</t>
  </si>
  <si>
    <t>POINT (4.669152130536879 51.79112526443572)</t>
  </si>
  <si>
    <t>POINT (4.684459685349493 51.80895322970881)</t>
  </si>
  <si>
    <t>POINT (4.671717584591161 51.800063267213815)</t>
  </si>
  <si>
    <t>POINT (4.6964658189110855 51.79295394103521)</t>
  </si>
  <si>
    <t>POINT (4.660480680768241 51.80376158297278)</t>
  </si>
  <si>
    <t>POINT (4.674253884700834 51.789001888939886)</t>
  </si>
  <si>
    <t>POINT (4.70074451350809 51.799408181020134)</t>
  </si>
  <si>
    <t>POINT (4.719389050520813 51.801061955558104)</t>
  </si>
  <si>
    <t>POINT (4.67240594636946 51.799248872156475)</t>
  </si>
  <si>
    <t>POINT (4.666710323551332 51.81272060348954)</t>
  </si>
  <si>
    <t>POINT (4.666888314577524 51.78759406207596)</t>
  </si>
  <si>
    <t>POINT (4.684257406583764 51.789154347834895)</t>
  </si>
  <si>
    <t>POINT (4.663209083089883 51.7906575494684)</t>
  </si>
  <si>
    <t>POINT (4.662762898704702 51.79525765760628)</t>
  </si>
  <si>
    <t>POINT (4.656029051016044 51.801144876539965)</t>
  </si>
  <si>
    <t>POINT (4.685466831282886 51.77798983932808)</t>
  </si>
  <si>
    <t>POINT (4.6696480764198185 51.80421657956209)</t>
  </si>
  <si>
    <t>POINT (4.6598904175580085 51.78753314832778)</t>
  </si>
  <si>
    <t>POINT (4.668088387370626 51.79186364213057)</t>
  </si>
  <si>
    <t>POINT (4.679772841472307 51.776194405754914)</t>
  </si>
  <si>
    <t>POINT (4.6640230233449005 51.79551695373051)</t>
  </si>
  <si>
    <t>POINT (4.672603622386621 51.78352952237804)</t>
  </si>
  <si>
    <t>POINT (4.668304385610308 51.78244225213118)</t>
  </si>
  <si>
    <t>POINT (4.6722013146898735 51.8075788492119)</t>
  </si>
  <si>
    <t>POINT (4.665814688872373 51.81361396908622)</t>
  </si>
  <si>
    <t>POINT (4.6685889704852865 51.809430931609185)</t>
  </si>
  <si>
    <t>POINT (4.668374281884355 51.79186330888264)</t>
  </si>
  <si>
    <t>POINT (4.6697868080903815 51.81260652691999)</t>
  </si>
  <si>
    <t>POINT (4.662288267758922 51.80461727886118)</t>
  </si>
  <si>
    <t>POINT (4.715656251986087 51.80322931477943)</t>
  </si>
  <si>
    <t>POINT (4.68033926626138 51.80973596987045)</t>
  </si>
  <si>
    <t>POINT (4.67369868119928 51.79537415776122)</t>
  </si>
  <si>
    <t>POINT (4.671480520463598 51.819106410527915)</t>
  </si>
  <si>
    <t>POINT (4.667812978675231 51.813958385353814)</t>
  </si>
  <si>
    <t>POINT (4.6663183748521035 51.77798626881178)</t>
  </si>
  <si>
    <t>POINT (4.730951440995937 51.7971434015789)</t>
  </si>
  <si>
    <t>POINT (4.718067738083628 51.80125532405202)</t>
  </si>
  <si>
    <t>POINT (4.667529215531632 51.80040290681917)</t>
  </si>
  <si>
    <t>POINT (4.701817254099653 51.81688196836653)</t>
  </si>
  <si>
    <t>POINT (4.653586610953102 51.80219999597212)</t>
  </si>
  <si>
    <t>POINT (4.6807389635430265 51.78810576849079)</t>
  </si>
  <si>
    <t>POINT (4.680827316065493 51.81396931700149)</t>
  </si>
  <si>
    <t>POINT (4.706369930618242 51.816014762779794)</t>
  </si>
  <si>
    <t>POINT (4.6647852558963185 51.772032919880054)</t>
  </si>
  <si>
    <t>POINT (4.677665915715975 51.816937188206005)</t>
  </si>
  <si>
    <t>POINT (4.673780763200026 51.81700234420273)</t>
  </si>
  <si>
    <t>POINT (4.6633899463721304 51.80098725541751)</t>
  </si>
  <si>
    <t>POINT (4.663531876550148 51.80056120392314)</t>
  </si>
  <si>
    <t>POINT (4.663023189169714 51.77459345619636)</t>
  </si>
  <si>
    <t>POINT (4.672781952908002 51.79645107797323)</t>
  </si>
  <si>
    <t>POINT (4.693346030625121 51.79637220698695)</t>
  </si>
  <si>
    <t>POINT (4.667955386600301 51.8148349889049)</t>
  </si>
  <si>
    <t>POINT (4.6758336358895045 51.78538157377877)</t>
  </si>
  <si>
    <t>POINT (4.662691275113452 51.804077687022605)</t>
  </si>
  <si>
    <t>POINT (4.671724759903613 51.81885742152329)</t>
  </si>
  <si>
    <t>POINT (4.666808623628855 51.79629928110611)</t>
  </si>
  <si>
    <t>POINT (4.681507585730595 51.810195994572915)</t>
  </si>
  <si>
    <t>POINT (4.684359207523394 51.788597497344334)</t>
  </si>
  <si>
    <t>POINT (4.666548846677473 51.80041572966639)</t>
  </si>
  <si>
    <t>POINT (4.6633281083006946 51.813447854330285)</t>
  </si>
  <si>
    <t>POINT (4.674673109614923 51.815318444087495)</t>
  </si>
  <si>
    <t>POINT (4.733789166600453 51.79930303000109)</t>
  </si>
  <si>
    <t>POINT (4.666831094383579 51.77165355097836)</t>
  </si>
  <si>
    <t>POINT (4.732970334567507 51.804505062434494)</t>
  </si>
  <si>
    <t>POINT (4.659293807127107 51.78809915220813)</t>
  </si>
  <si>
    <t>POINT (4.6545598279154055 51.78724400520832)</t>
  </si>
  <si>
    <t>POINT (4.665119101058521 51.80221134716131)</t>
  </si>
  <si>
    <t>POINT (4.677407046407759 51.791585061379166)</t>
  </si>
  <si>
    <t>POINT (4.670655676711318 51.772514666361836)</t>
  </si>
  <si>
    <t>POINT (4.671866222129637 51.809910905896245)</t>
  </si>
  <si>
    <t>POINT (4.674317422102959 51.8080642408658)</t>
  </si>
  <si>
    <t>POINT (4.6719726460753 51.812613064946106)</t>
  </si>
  <si>
    <t>POINT (4.670722335278401 51.78190463654156)</t>
  </si>
  <si>
    <t>POINT (4.6694999276871965 51.81373822672831)</t>
  </si>
  <si>
    <t>POINT (4.662453258326318 51.80585128559542)</t>
  </si>
  <si>
    <t>POINT (4.653078457667062 51.791202937514626)</t>
  </si>
  <si>
    <t>POINT (4.684750686373211 51.81224906613318)</t>
  </si>
  <si>
    <t>POINT (4.70842693197237 51.79710307057505)</t>
  </si>
  <si>
    <t>POINT (4.666586130267035 51.776522735699)</t>
  </si>
  <si>
    <t>POINT (4.718146583172184 51.8137026420734)</t>
  </si>
  <si>
    <t>POINT (4.6996892372619286 51.81730057207659)</t>
  </si>
  <si>
    <t>POINT (4.674589994906434 51.78842547260297)</t>
  </si>
  <si>
    <t>POINT (4.652454854315263 51.7853786692423)</t>
  </si>
  <si>
    <t>POINT (4.664728406632264 51.80045931126678)</t>
  </si>
  <si>
    <t>POINT (4.662995316893721 51.81443795359845)</t>
  </si>
  <si>
    <t>POINT (4.652387286403187 51.783152971540346)</t>
  </si>
  <si>
    <t>POINT (4.662575279658125 51.813857900993455)</t>
  </si>
  <si>
    <t>POINT (4.65979067244346 51.79022818069092)</t>
  </si>
  <si>
    <t>POINT (4.723911586926969 51.79684277466637)</t>
  </si>
  <si>
    <t>POINT (4.681494295046269 51.77951802073461)</t>
  </si>
  <si>
    <t>POINT (4.704182080196551 51.78924192657635)</t>
  </si>
  <si>
    <t>POINT (4.660071445323436 51.79970957752449)</t>
  </si>
  <si>
    <t>POINT (4.68192307141616 51.77676807072888)</t>
  </si>
  <si>
    <t>POINT (4.671540215948344 51.81195700590849)</t>
  </si>
  <si>
    <t>POINT (4.6931639095909965 51.787740776860296)</t>
  </si>
  <si>
    <t>POINT (4.690262104561266 51.81878586648466)</t>
  </si>
  <si>
    <t>POINT (4.659032770054855 51.789471339537016)</t>
  </si>
  <si>
    <t>POINT (4.661429700500292 51.793621545827634)</t>
  </si>
  <si>
    <t>POINT (4.731627441121177 51.801734712585706)</t>
  </si>
  <si>
    <t>POINT (4.705073580847797 51.80786867139399)</t>
  </si>
  <si>
    <t>POINT (4.6727711096739615 51.77564745536625)</t>
  </si>
  <si>
    <t>POINT (4.685401326369337 51.81185749373784)</t>
  </si>
  <si>
    <t>POINT (4.689536128008357 51.80844164822725)</t>
  </si>
  <si>
    <t>POINT (4.658883181003618 51.8005148575434)</t>
  </si>
  <si>
    <t>POINT (4.667341941236625 51.794156413616626)</t>
  </si>
  <si>
    <t>POINT (4.691214109773522 51.81786140616463)</t>
  </si>
  <si>
    <t>POINT (4.709683382394245 51.7993502884482)</t>
  </si>
  <si>
    <t>POINT (4.663342087209537 51.79306595828565)</t>
  </si>
  <si>
    <t>POINT (4.658308009765219 51.771354732226065)</t>
  </si>
  <si>
    <t>POINT (4.71487183199073 51.8108211621804)</t>
  </si>
  <si>
    <t>POINT (4.668805568205131 51.79500114512539)</t>
  </si>
  <si>
    <t>POINT (4.660068878030076 51.81102268369679)</t>
  </si>
  <si>
    <t>POINT (4.696283323404948 51.79678203173768)</t>
  </si>
  <si>
    <t>POINT (4.718435851915449 51.813948449131395)</t>
  </si>
  <si>
    <t>POINT (4.663866722985058 51.81155574134521)</t>
  </si>
  <si>
    <t>POINT (4.727442866743283 51.80259491316332)</t>
  </si>
  <si>
    <t>POINT (4.6731468626170445 51.809626276964174)</t>
  </si>
  <si>
    <t>POINT (4.673641018273486 51.81695230863438)</t>
  </si>
  <si>
    <t>POINT (4.691753043378236 51.81923326685098)</t>
  </si>
  <si>
    <t>POINT (4.702281869032479 51.79547378443232)</t>
  </si>
  <si>
    <t>POINT (4.679205563536355 51.785047145154714)</t>
  </si>
  <si>
    <t>POINT (4.6710571873572455 51.80250327100322)</t>
  </si>
  <si>
    <t>POINT (4.663984697599705 51.81090726092132)</t>
  </si>
  <si>
    <t>POINT (4.717487926300139 51.79618603924931)</t>
  </si>
  <si>
    <t>POINT (4.653067825487879 51.79136995315963)</t>
  </si>
  <si>
    <t>POINT (4.681707065099109 51.81353403862926)</t>
  </si>
  <si>
    <t>POINT (4.736636656037155 51.800589441486345)</t>
  </si>
  <si>
    <t>POINT (4.650965485515931 51.794576381904534)</t>
  </si>
  <si>
    <t>POINT (4.672241863572421 51.81157392485927)</t>
  </si>
  <si>
    <t>POINT (4.654951012920023 51.79918891770937)</t>
  </si>
  <si>
    <t>POINT (4.711401626127703 51.796488717476116)</t>
  </si>
  <si>
    <t>POINT (4.668754180979028 51.81377355533603)</t>
  </si>
  <si>
    <t>POINT (4.669204204591681 51.818965496871016)</t>
  </si>
  <si>
    <t>POINT (4.68427759852424 51.789266827424626)</t>
  </si>
  <si>
    <t>POINT (4.710019885603258 51.78666558725325)</t>
  </si>
  <si>
    <t>POINT (4.714706979580129 51.81440888665917)</t>
  </si>
  <si>
    <t>POINT (4.717005920378293 51.79519250341827)</t>
  </si>
  <si>
    <t>POINT (4.7324145366573225 51.796588959004296)</t>
  </si>
  <si>
    <t>POINT (4.6599579914401446 51.81520193206851)</t>
  </si>
  <si>
    <t>POINT (4.668523768953806 51.779478508899665)</t>
  </si>
  <si>
    <t>POINT (4.6684259908120085 51.80049728416071)</t>
  </si>
  <si>
    <t>POINT (4.6797777536534015 51.78979442516936)</t>
  </si>
  <si>
    <t>POINT (4.669425713408587 51.811958734161266)</t>
  </si>
  <si>
    <t>POINT (4.710872316493257 51.7920688012093)</t>
  </si>
  <si>
    <t>POINT (4.672225730462232 51.819614183164646)</t>
  </si>
  <si>
    <t>POINT (4.682068211662044 51.77821922545858)</t>
  </si>
  <si>
    <t>POINT (4.6679414417151355 51.816279877722906)</t>
  </si>
  <si>
    <t>POINT (4.711276831385131 51.81524911482947)</t>
  </si>
  <si>
    <t>POINT (4.66290531092589 51.791475749744286)</t>
  </si>
  <si>
    <t>POINT (4.697665552664297 51.78917593053972)</t>
  </si>
  <si>
    <t>POINT (4.673334775150531 51.81583078174007)</t>
  </si>
  <si>
    <t>POINT (4.703994362115286 51.79032555035344)</t>
  </si>
  <si>
    <t>POINT (4.67538214094277 51.81633023259425)</t>
  </si>
  <si>
    <t>POINT (4.659298607089782 51.80956129158612)</t>
  </si>
  <si>
    <t>POINT (4.701301195863014 51.817248305878636)</t>
  </si>
  <si>
    <t>POINT (4.664711920936952 51.80049560496891)</t>
  </si>
  <si>
    <t>POINT (4.727319680759412 51.7989358794009)</t>
  </si>
  <si>
    <t>POINT (4.681335867059623 51.80656748500879)</t>
  </si>
  <si>
    <t>POINT (4.678098398633136 51.80862623668127)</t>
  </si>
  <si>
    <t>POINT (4.684330128939688 51.78644481962522)</t>
  </si>
  <si>
    <t>POINT (4.683786095510448 51.80513030364803)</t>
  </si>
  <si>
    <t>POINT (4.663184437993334 51.795177222204096)</t>
  </si>
  <si>
    <t>POINT (4.666886523002479 51.793906689799805)</t>
  </si>
  <si>
    <t>POINT (4.673668712312939 51.795357058782265)</t>
  </si>
  <si>
    <t>POINT (4.664821496763619 51.79576605086888)</t>
  </si>
  <si>
    <t>POINT (4.663091848988415 51.805689135139666)</t>
  </si>
  <si>
    <t>POINT (4.663536352105695 51.79355152191348)</t>
  </si>
  <si>
    <t>POINT (4.683528255898269 51.80249664044421)</t>
  </si>
  <si>
    <t>POINT (4.724435562633604 51.80387688674074)</t>
  </si>
  <si>
    <t>POINT (4.684213952563465 51.78115058304584)</t>
  </si>
  <si>
    <t>POINT (4.731631767254869 51.793260946808815)</t>
  </si>
  <si>
    <t>POINT (4.665034847935799 51.81379133727243)</t>
  </si>
  <si>
    <t>POINT (4.733536402663106 51.7997011400803)</t>
  </si>
  <si>
    <t>POINT (4.674777087147108 51.818307887966604)</t>
  </si>
  <si>
    <t>POINT (4.701842707057475 51.79529221051022)</t>
  </si>
  <si>
    <t>POINT (4.699497532222238 51.80054244804904)</t>
  </si>
  <si>
    <t>POINT (4.719861698091193 51.80385774940466)</t>
  </si>
  <si>
    <t>POINT (4.676728475492809 51.789377717341196)</t>
  </si>
  <si>
    <t>POINT (4.729765520496064 51.795543516187756)</t>
  </si>
  <si>
    <t>POINT (4.717101524770381 51.80353359157825)</t>
  </si>
  <si>
    <t>POINT (4.665986607416531 51.798925725038906)</t>
  </si>
  <si>
    <t>POINT (4.671903000847492 51.77586859878582)</t>
  </si>
  <si>
    <t>POINT (4.670535109912355 51.77220281221519)</t>
  </si>
  <si>
    <t>POINT (4.701759435892445 51.8168186113096)</t>
  </si>
  <si>
    <t>POINT (4.710721751010737 51.80685419083805)</t>
  </si>
  <si>
    <t>POINT (4.6639886549761895 51.80265670471773)</t>
  </si>
  <si>
    <t>POINT (4.661209248093817 51.78698684929931)</t>
  </si>
  <si>
    <t>POINT (4.661985879711204 51.801523246257865)</t>
  </si>
  <si>
    <t>POINT (4.675651176137529 51.80354101776571)</t>
  </si>
  <si>
    <t>POINT (4.667650464900262 51.79260112233143)</t>
  </si>
  <si>
    <t>POINT (4.657741230918891 51.79216933026419)</t>
  </si>
  <si>
    <t>POINT (4.720928795258513 51.799837008289174)</t>
  </si>
  <si>
    <t>POINT (4.6639313516772205 51.791762941067844)</t>
  </si>
  <si>
    <t>POINT (4.668204961758568 51.803730698007826)</t>
  </si>
  <si>
    <t>POINT (4.6380312229662914 51.77501214180284)</t>
  </si>
  <si>
    <t>POINT (4.68207339178717 51.80641167820582)</t>
  </si>
  <si>
    <t>POINT (4.674937897846608 51.77699278773263)</t>
  </si>
  <si>
    <t>POINT (4.659226705038503 51.78978848729451)</t>
  </si>
  <si>
    <t>POINT (4.692669896658254 51.81507823575404)</t>
  </si>
  <si>
    <t>POINT (4.652382885211115 51.78564718785087)</t>
  </si>
  <si>
    <t>POINT (4.678527559155765 51.78631268635635)</t>
  </si>
  <si>
    <t>POINT (4.697682209743986 51.791975335673094)</t>
  </si>
  <si>
    <t>POINT (4.672949917742802 51.782036450536516)</t>
  </si>
  <si>
    <t>POINT (4.720340141983663 51.803372008603134)</t>
  </si>
  <si>
    <t>POINT (4.651138156623253 51.79521729974023)</t>
  </si>
  <si>
    <t>POINT (4.66851803341915 51.818122483334676)</t>
  </si>
  <si>
    <t>POINT (4.706123110049258 51.81017101697673)</t>
  </si>
  <si>
    <t>POINT (4.657034587144519 51.78211967900913)</t>
  </si>
  <si>
    <t>POINT (4.665668451233301 51.81844799765054)</t>
  </si>
  <si>
    <t>POINT (4.675841765274171 51.785031405390534)</t>
  </si>
  <si>
    <t>POINT (4.702593535609202 51.790252189032344)</t>
  </si>
  <si>
    <t>POINT (4.705481553730945 51.790150383723685)</t>
  </si>
  <si>
    <t>POINT (4.682062729562357 51.80986970827309)</t>
  </si>
  <si>
    <t>POINT (4.714033300754398 51.8143854740528)</t>
  </si>
  <si>
    <t>POINT (4.700433072622894 51.81691394803371)</t>
  </si>
  <si>
    <t>POINT (4.717276833887386 51.81452997404393)</t>
  </si>
  <si>
    <t>POINT (4.684698515173343 51.80426021029213)</t>
  </si>
  <si>
    <t>POINT (4.7133420203709715 51.816254783679824)</t>
  </si>
  <si>
    <t>POINT (4.6657600223067 51.81486598947348)</t>
  </si>
  <si>
    <t>POINT (4.665618756708476 51.79889799829426)</t>
  </si>
  <si>
    <t>POINT (4.659545098000014 51.791106490328424)</t>
  </si>
  <si>
    <t>POINT (4.676366673429907 51.77264258800045)</t>
  </si>
  <si>
    <t>POINT (4.690953587531277 51.80584378602584)</t>
  </si>
  <si>
    <t>POINT (4.677782198463047 51.81511177192833)</t>
  </si>
  <si>
    <t>POINT (4.634052524555746 51.78378216921808)</t>
  </si>
  <si>
    <t>POINT (4.65615862318781 51.8009587369603)</t>
  </si>
  <si>
    <t>POINT (4.674907776035575 51.77692460522826)</t>
  </si>
  <si>
    <t>POINT (4.668082769186679 51.7923533928782)</t>
  </si>
  <si>
    <t>POINT (4.659319139854006 51.78976584303526)</t>
  </si>
  <si>
    <t>POINT (4.730199536718065 51.79844402076066)</t>
  </si>
  <si>
    <t>POINT (4.665173740428766 51.79008799900154)</t>
  </si>
  <si>
    <t>POINT (4.669716196705011 51.77939454679183)</t>
  </si>
  <si>
    <t>POINT (4.6781830040126335 51.784661924504114)</t>
  </si>
  <si>
    <t>POINT (4.6999128711715885 51.799620469542965)</t>
  </si>
  <si>
    <t>POINT (4.720971081618561 51.80401335491371)</t>
  </si>
  <si>
    <t>POINT (4.66535142210579 51.81816395662361)</t>
  </si>
  <si>
    <t>POINT (4.725180630458127 51.80636830292028)</t>
  </si>
  <si>
    <t>POINT (4.6767009775078465 51.78371008755623)</t>
  </si>
  <si>
    <t>POINT (4.655156622677324 51.80408604878242)</t>
  </si>
  <si>
    <t>POINT (4.667962264927443 51.814808370651086)</t>
  </si>
  <si>
    <t>POINT (4.654349999214303 51.80203521269883)</t>
  </si>
  <si>
    <t>POINT (4.654310816015118 51.802524627366694)</t>
  </si>
  <si>
    <t>POINT (4.667829225487923 51.816246623961526)</t>
  </si>
  <si>
    <t>POINT (4.6793658708274615 51.78925898315677)</t>
  </si>
  <si>
    <t>POINT (4.665828065342267 51.773779734739534)</t>
  </si>
  <si>
    <t>POINT (4.688105835816299 51.81034237294455)</t>
  </si>
  <si>
    <t>POINT (4.6658030025813275 51.80065476673772)</t>
  </si>
  <si>
    <t>POINT (4.669756784846408 51.81357916969588)</t>
  </si>
  <si>
    <t>POINT (4.665878282351767 51.79603122974811)</t>
  </si>
  <si>
    <t>POINT (4.669435979062158 51.81322590361855)</t>
  </si>
  <si>
    <t>POINT (4.728451115628056 51.80379678591905)</t>
  </si>
  <si>
    <t>POINT (4.716218521284956 51.79586643058506)</t>
  </si>
  <si>
    <t>POINT (4.717167409630807 51.79900728432627)</t>
  </si>
  <si>
    <t>POINT (4.710029555555077 51.80391466700453)</t>
  </si>
  <si>
    <t>POINT (4.674044139394989 51.77494067242581)</t>
  </si>
  <si>
    <t>POINT (4.666690305171207 51.81507119933813)</t>
  </si>
  <si>
    <t>POINT (4.661769196612062 51.79434237320948)</t>
  </si>
  <si>
    <t>POINT (4.671095817509718 51.812089053129576)</t>
  </si>
  <si>
    <t>POINT (4.722949080796953 51.80261984197689)</t>
  </si>
  <si>
    <t>POINT (4.68534965427938 51.78710929157537)</t>
  </si>
  <si>
    <t>POINT (4.730198466170016 51.797043512401615)</t>
  </si>
  <si>
    <t>POINT (4.68315828777884 51.81924485440793)</t>
  </si>
  <si>
    <t>POINT (4.6856596643702115 51.80840406528241)</t>
  </si>
  <si>
    <t>POINT (4.724962203604731 51.804829141403005)</t>
  </si>
  <si>
    <t>POINT (4.684821667758374 51.777917654496044)</t>
  </si>
  <si>
    <t>POINT (4.656604831530683 51.78739390046573)</t>
  </si>
  <si>
    <t>POINT (4.705334506428632 51.81494478376828)</t>
  </si>
  <si>
    <t>POINT (4.655657560982972 51.78887236600325)</t>
  </si>
  <si>
    <t>POINT (4.66352348610447 51.793586372640476)</t>
  </si>
  <si>
    <t>POINT (4.654808803906102 51.80641157302191)</t>
  </si>
  <si>
    <t>POINT (4.6760628634796815 51.81337310570858)</t>
  </si>
  <si>
    <t>POINT (4.662846693232164 51.7934066914502)</t>
  </si>
  <si>
    <t>POINT (4.675330376557717 51.81400493667798)</t>
  </si>
  <si>
    <t>POINT (4.6665631572589605 51.77647228470767)</t>
  </si>
  <si>
    <t>POINT (4.666037332184384 51.7845621024552)</t>
  </si>
  <si>
    <t>POINT (4.679489431199622 51.81526011860619)</t>
  </si>
  <si>
    <t>POINT (4.7190523524255 51.79475795188738)</t>
  </si>
  <si>
    <t>POINT (4.669180550313596 51.81676459304809)</t>
  </si>
  <si>
    <t>POINT (4.669784104111273 51.77464787936562)</t>
  </si>
  <si>
    <t>POINT (4.6971735183527805 51.79289053779516)</t>
  </si>
  <si>
    <t>POINT (4.6821982212374 51.773668370469885)</t>
  </si>
  <si>
    <t>POINT (4.682771676173731 51.81298877261275)</t>
  </si>
  <si>
    <t>POINT (4.670336656562442 51.8091546846001)</t>
  </si>
  <si>
    <t>POINT (4.656506507630019 51.78984410527843)</t>
  </si>
  <si>
    <t>POINT (4.65864331972256 51.81079826610242)</t>
  </si>
  <si>
    <t>POINT (4.667363740393172 51.7926141138183)</t>
  </si>
  <si>
    <t>POINT (4.679479572974075 51.78856361181851)</t>
  </si>
  <si>
    <t>POINT (4.70055249356169 51.79522563780595)</t>
  </si>
  <si>
    <t>POINT (4.656099992271777 51.80258827437619)</t>
  </si>
  <si>
    <t>POINT (4.660124563655379 51.800354477178686)</t>
  </si>
  <si>
    <t>POINT (4.673529046443175 51.813494378712406)</t>
  </si>
  <si>
    <t>POINT (4.684477052896998 51.79036132537776)</t>
  </si>
  <si>
    <t>POINT (4.66165375517988 51.812481271446245)</t>
  </si>
  <si>
    <t>POINT (4.674809827863615 51.803308957416796)</t>
  </si>
  <si>
    <t>POINT (4.680805390301199 51.801605923736204)</t>
  </si>
  <si>
    <t>POINT (4.681229010924593 51.78916693927933)</t>
  </si>
  <si>
    <t>POINT (4.6614279187308085 51.792284420264025)</t>
  </si>
  <si>
    <t>POINT (4.66743256376878 51.804124385987286)</t>
  </si>
  <si>
    <t>POINT (4.703074358080438 51.78910477657121)</t>
  </si>
  <si>
    <t>POINT (4.678069668579359 51.779773435967925)</t>
  </si>
  <si>
    <t>POINT (4.660676640074369 51.78985326890693)</t>
  </si>
  <si>
    <t>POINT (4.6781407915500095 51.79664692980351)</t>
  </si>
  <si>
    <t>POINT (4.657330654885759 51.79767799409873)</t>
  </si>
  <si>
    <t>POINT (4.671229601479222 51.81804716554029)</t>
  </si>
  <si>
    <t>POINT (4.6555374461333 51.78799832748367)</t>
  </si>
  <si>
    <t>POINT (4.719177441907124 51.81142798090698)</t>
  </si>
  <si>
    <t>POINT (4.682479120292482 51.80344867149681)</t>
  </si>
  <si>
    <t>POINT (4.7267667410986896 51.805321426394606)</t>
  </si>
  <si>
    <t>POINT (4.681394373908622 51.809719031115755)</t>
  </si>
  <si>
    <t>POINT (4.664494097011419 51.7937680759952)</t>
  </si>
  <si>
    <t>POINT (4.662758256597217 51.794827312912325)</t>
  </si>
  <si>
    <t>POINT (4.663195827750501 51.789968852007796)</t>
  </si>
  <si>
    <t>POINT (4.653716507219198 51.80201702510491)</t>
  </si>
  <si>
    <t>POINT (4.734778470896436 51.800296727948556)</t>
  </si>
  <si>
    <t>POINT (4.681926062752525 51.81239838772183)</t>
  </si>
  <si>
    <t>POINT (4.67368363495666 51.787277113206116)</t>
  </si>
  <si>
    <t>POINT (4.732891931340726 51.80309642095717)</t>
  </si>
  <si>
    <t>POINT (4.677024142837558 51.80511712297631)</t>
  </si>
  <si>
    <t>POINT (4.674171066385223 51.7764909449406)</t>
  </si>
  <si>
    <t>POINT (4.685482165282256 51.80854092608145)</t>
  </si>
  <si>
    <t>POINT (4.667665022882334 51.79522176732007)</t>
  </si>
  <si>
    <t>POINT (4.669375197346329 51.80285780775997)</t>
  </si>
  <si>
    <t>POINT (4.6684236763656735 51.77037271317842)</t>
  </si>
  <si>
    <t>POINT (4.667988207387771 51.814943988968864)</t>
  </si>
  <si>
    <t>POINT (4.6816285153848405 51.81907658640754)</t>
  </si>
  <si>
    <t>POINT (4.633581771840491 51.778696400025225)</t>
  </si>
  <si>
    <t>POINT (4.6623696351479 51.79155932604852)</t>
  </si>
  <si>
    <t>POINT (4.662908226427343 51.813992215808625)</t>
  </si>
  <si>
    <t>POINT (4.712519928563712 51.80003289970945)</t>
  </si>
  <si>
    <t>POINT (4.650440691993285 51.794534984218075)</t>
  </si>
  <si>
    <t>POINT (4.692704033337961 51.803914639222604)</t>
  </si>
  <si>
    <t>POINT (4.654131374301529 51.80315650856472)</t>
  </si>
  <si>
    <t>POINT (4.661172512079997 51.78844923766255)</t>
  </si>
  <si>
    <t>POINT (4.683284939903563 51.798389935344645)</t>
  </si>
  <si>
    <t>POINT (4.732508174859991 51.80197307396649)</t>
  </si>
  <si>
    <t>POINT (4.666190164478347 51.789334255721535)</t>
  </si>
  <si>
    <t>POINT (4.673435837511032 51.795158619120805)</t>
  </si>
  <si>
    <t>POINT (4.685725673657182 51.81350233571465)</t>
  </si>
  <si>
    <t>POINT (4.728194852226282 51.804190280709996)</t>
  </si>
  <si>
    <t>POINT (4.679969648473134 51.78987476357815)</t>
  </si>
  <si>
    <t>POINT (4.722723263281093 51.80582495554236)</t>
  </si>
  <si>
    <t>POINT (4.668339216281793 51.771509511227464)</t>
  </si>
  <si>
    <t>POINT (4.671865492347417 51.79624779647308)</t>
  </si>
  <si>
    <t>POINT (4.697719845928444 51.80046300921114)</t>
  </si>
  <si>
    <t>POINT (4.6724848543763144 51.809485241368215)</t>
  </si>
  <si>
    <t>POINT (4.677993338985822 51.789245291210776)</t>
  </si>
  <si>
    <t>POINT (4.66378626396499 51.788164713105274)</t>
  </si>
  <si>
    <t>POINT (4.730967935794811 51.796404213938175)</t>
  </si>
  <si>
    <t>POINT (4.704008464479328 51.795555455165825)</t>
  </si>
  <si>
    <t>POINT (4.669849628300762 51.80387759023908)</t>
  </si>
  <si>
    <t>POINT (4.66838271047809 51.79848172763961)</t>
  </si>
  <si>
    <t>POINT (4.711455669676406 51.80685695439673)</t>
  </si>
  <si>
    <t>POINT (4.683257185386627 51.81162084269068)</t>
  </si>
  <si>
    <t>POINT (4.688547036042109 51.80621315417805)</t>
  </si>
  <si>
    <t>POINT (4.68291166812305 51.81154121534394)</t>
  </si>
  <si>
    <t>POINT (4.652420550491465 51.78228053686779)</t>
  </si>
  <si>
    <t>POINT (4.697346257133019 51.79229173947898)</t>
  </si>
  <si>
    <t>POINT (4.6798230426365555 51.78979113874652)</t>
  </si>
  <si>
    <t>POINT (4.693399453485436 51.796836671009714)</t>
  </si>
  <si>
    <t>POINT (4.671984080701438 51.78823373164209)</t>
  </si>
  <si>
    <t>POINT (4.698633528324479 51.79630121099443)</t>
  </si>
  <si>
    <t>POINT (4.672214126691327 51.81815664509451)</t>
  </si>
  <si>
    <t>POINT (4.671004165934616 51.77413186936457)</t>
  </si>
  <si>
    <t>POINT (4.690139035257252 51.80891128437764)</t>
  </si>
  <si>
    <t>POINT (4.66722696843291 51.77196067257989)</t>
  </si>
  <si>
    <t>POINT (4.680806815819352 51.807192708389294)</t>
  </si>
  <si>
    <t>POINT (4.692479974388126 51.81914538444761)</t>
  </si>
  <si>
    <t>POINT (4.6856567369626285 51.81353732996794)</t>
  </si>
  <si>
    <t>POINT (4.7321406570753926 51.79811486098097)</t>
  </si>
  <si>
    <t>POINT (4.675139520382683 51.78096937499793)</t>
  </si>
  <si>
    <t>POINT (4.727026625808579 51.80582779850592)</t>
  </si>
  <si>
    <t>POINT (4.667843846105079 51.7994414823524)</t>
  </si>
  <si>
    <t>POINT (4.6767182294309855 51.80476580027213)</t>
  </si>
  <si>
    <t>POINT (4.6919397841466255 51.80712837878872)</t>
  </si>
  <si>
    <t>POINT (4.629693248734874 51.72761648111852)</t>
  </si>
  <si>
    <t>POINT (4.673417498259171 51.80340704757386)</t>
  </si>
  <si>
    <t>POINT (4.7249530483807245 51.7983307238309)</t>
  </si>
  <si>
    <t>POINT (4.651828818217126 51.790179961412086)</t>
  </si>
  <si>
    <t>POINT (4.660563903536696 51.81103850494696)</t>
  </si>
  <si>
    <t>POINT (4.6805036894503536 51.78180921749701)</t>
  </si>
  <si>
    <t>POINT (4.655980502950743 51.770624452695714)</t>
  </si>
  <si>
    <t>POINT (4.678703556448724 51.78990839095551)</t>
  </si>
  <si>
    <t>POINT (4.725111646138148 51.798987619225144)</t>
  </si>
  <si>
    <t>POINT (4.661686905225231 51.799283904956816)</t>
  </si>
  <si>
    <t>POINT (4.69156856349911 51.818822785477735)</t>
  </si>
  <si>
    <t>POINT (4.683046378163204 51.78142379324094)</t>
  </si>
  <si>
    <t>POINT (4.65988448540899 51.79203871928709)</t>
  </si>
  <si>
    <t>POINT (4.683337339823579 51.819303365881396)</t>
  </si>
  <si>
    <t>POINT (4.638129294922736 51.78016716290111)</t>
  </si>
  <si>
    <t>POINT (4.6990536456183305 51.79539621584029)</t>
  </si>
  <si>
    <t>POINT (4.682061342101842 51.78649924790957)</t>
  </si>
  <si>
    <t>POINT (4.652626565221198 51.8002253467641)</t>
  </si>
  <si>
    <t>POINT (4.654950902873685 51.78967813671531)</t>
  </si>
  <si>
    <t>POINT (4.65748184522244 51.81043394671024)</t>
  </si>
  <si>
    <t>3315SB</t>
  </si>
  <si>
    <t>POINT (4.726278759347922 51.80414922111727)</t>
  </si>
  <si>
    <t>POINT (4.67352735472462 51.80391839877731)</t>
  </si>
  <si>
    <t>POINT (4.660969109940674 51.79406281832739)</t>
  </si>
  <si>
    <t>POINT (4.702346866327355 51.816228142978396)</t>
  </si>
  <si>
    <t>POINT (4.717055701460758 51.79895690314584)</t>
  </si>
  <si>
    <t>POINT (4.695035186679942 51.79603723527867)</t>
  </si>
  <si>
    <t>POINT (4.678635290106389 51.7895030470574)</t>
  </si>
  <si>
    <t>POINT (4.672920270000381 51.77272669071816)</t>
  </si>
  <si>
    <t>POINT (4.6773438332213155 51.77256304185944)</t>
  </si>
  <si>
    <t>POINT (4.675189110701031 51.77782084265225)</t>
  </si>
  <si>
    <t>POINT (4.652162632291087 51.8050200166383)</t>
  </si>
  <si>
    <t>POINT (4.671041473848797 51.81867257283611)</t>
  </si>
  <si>
    <t>POINT (4.675714289979731 51.803558487966136)</t>
  </si>
  <si>
    <t>POINT (4.63032663204016 51.73056376498198)</t>
  </si>
  <si>
    <t>POINT (4.683533195977674 51.800102257594624)</t>
  </si>
  <si>
    <t>POINT (4.7188942801397875 51.802343229622494)</t>
  </si>
  <si>
    <t>POINT (4.659958591726139 51.813160794815644)</t>
  </si>
  <si>
    <t>POINT (4.6341726924615285 51.770226765473616)</t>
  </si>
  <si>
    <t>POINT (4.734745301426957 51.801953238855795)</t>
  </si>
  <si>
    <t>POINT (4.669334282466986 51.80175109504898)</t>
  </si>
  <si>
    <t>POINT (4.683655130403591 51.79805521513233)</t>
  </si>
  <si>
    <t>POINT (4.6633256591081995 51.79874632785918)</t>
  </si>
  <si>
    <t>POINT (4.71524641978122 51.80546020684979)</t>
  </si>
  <si>
    <t>POINT (4.6655682470585536 51.78698399321306)</t>
  </si>
  <si>
    <t>POINT (4.6616127911104295 51.795017859679234)</t>
  </si>
  <si>
    <t>POINT (4.682436124001346 51.78532671400461)</t>
  </si>
  <si>
    <t>POINT (4.6757986148893576 51.78723416572346)</t>
  </si>
  <si>
    <t>POINT (4.670723510658596 51.78602367261329)</t>
  </si>
  <si>
    <t>POINT (4.662665095363083 51.80042147358195)</t>
  </si>
  <si>
    <t>POINT (4.664096530906745 51.79554702457786)</t>
  </si>
  <si>
    <t>POINT (4.679492614197409 51.814279483428315)</t>
  </si>
  <si>
    <t>POINT (4.699614765087916 51.796035543905234)</t>
  </si>
  <si>
    <t>POINT (4.680211882077908 51.774926922076645)</t>
  </si>
  <si>
    <t>POINT (4.6523568781533315 51.79222999133712)</t>
  </si>
  <si>
    <t>POINT (4.701602052394887 51.79494898338499)</t>
  </si>
  <si>
    <t>POINT (4.679551755823954 51.815245851898055)</t>
  </si>
  <si>
    <t>POINT (4.713137139302232 51.79918917669669)</t>
  </si>
  <si>
    <t>POINT (4.690740134463341 51.80855528903542)</t>
  </si>
  <si>
    <t>POINT (4.659269532004984 51.81320709296702)</t>
  </si>
  <si>
    <t>POINT (4.717141507034985 51.80041516353753)</t>
  </si>
  <si>
    <t>POINT (4.658402028142205 51.80901233343051)</t>
  </si>
  <si>
    <t>POINT (4.673006479352969 51.77666150305514)</t>
  </si>
  <si>
    <t>POINT (4.651005781590619 51.79325224706429)</t>
  </si>
  <si>
    <t>POINT (4.696306282186891 51.79079684315518)</t>
  </si>
  <si>
    <t>POINT (4.706670579469772 51.80813630465367)</t>
  </si>
  <si>
    <t>POINT (4.661738974781871 51.81345419392058)</t>
  </si>
  <si>
    <t>POINT (4.667507089738473 51.77385024750596)</t>
  </si>
  <si>
    <t>POINT (4.670214245826761 51.81027421367378)</t>
  </si>
  <si>
    <t>POINT (4.681941128863117 51.802826209231)</t>
  </si>
  <si>
    <t>POINT (4.7054011790273025 51.790467027898146)</t>
  </si>
  <si>
    <t>POINT (4.727850172527528 51.79965273075756)</t>
  </si>
  <si>
    <t>POINT (4.665746699071395 51.78004941186898)</t>
  </si>
  <si>
    <t>POINT (4.671912893882798 51.81839010590834)</t>
  </si>
  <si>
    <t>POINT (4.6670054670698855 51.81060985990761)</t>
  </si>
  <si>
    <t>POINT (4.674486556915077 51.7851843554986)</t>
  </si>
  <si>
    <t>POINT (4.673719589839424 51.77307949128998)</t>
  </si>
  <si>
    <t>POINT (4.660887812944807 51.79469686348689)</t>
  </si>
  <si>
    <t>POINT (4.7306078594264775 51.798796045541465)</t>
  </si>
  <si>
    <t>POINT (4.671225137958114 51.773434489825114)</t>
  </si>
  <si>
    <t>POINT (4.660007246211986 51.80197746813857)</t>
  </si>
  <si>
    <t>POINT (4.701784665103897 51.799001331802394)</t>
  </si>
  <si>
    <t>POINT (4.656226583374706 51.802403815024746)</t>
  </si>
  <si>
    <t>POINT (4.670071797787916 51.79071192672618)</t>
  </si>
  <si>
    <t>POINT (4.71607504259972 51.81606064054361)</t>
  </si>
  <si>
    <t>POINT (4.69475691968431 51.81790958897822)</t>
  </si>
  <si>
    <t>POINT (4.676519480572483 51.80729535862924)</t>
  </si>
  <si>
    <t>POINT (4.6610751770122265 51.77099562095575)</t>
  </si>
  <si>
    <t>POINT (4.7066217480162 51.7903134517671)</t>
  </si>
  <si>
    <t>POINT (4.668293882968692 51.80113682000751)</t>
  </si>
  <si>
    <t>POINT (4.718671512288801 51.802472206082015)</t>
  </si>
  <si>
    <t>POINT (4.66367574173641 51.79419149621947)</t>
  </si>
  <si>
    <t>POINT (4.698526453814114 51.79351266555388)</t>
  </si>
  <si>
    <t>POINT (4.672650628617471 51.81107462180872)</t>
  </si>
  <si>
    <t>POINT (4.676705944054281 51.789472968899815)</t>
  </si>
  <si>
    <t>POINT (4.6697199489048735 51.813601973476864)</t>
  </si>
  <si>
    <t>POINT (4.705077539823903 51.79685164783374)</t>
  </si>
  <si>
    <t>POINT (4.685852468972988 51.77978602019608)</t>
  </si>
  <si>
    <t>POINT (4.716697633866783 51.812860658583666)</t>
  </si>
  <si>
    <t>POINT (4.724412882597103 51.79821820096511)</t>
  </si>
  <si>
    <t>POINT (4.7120046925864125 51.794878734403184)</t>
  </si>
  <si>
    <t>POINT (4.668096783803825 51.81532342807167)</t>
  </si>
  <si>
    <t>POINT (4.688648102376796 51.81635426906354)</t>
  </si>
  <si>
    <t>POINT (4.65863388608936 51.800249302743445)</t>
  </si>
  <si>
    <t>POINT (4.680685508859613 51.782064486216484)</t>
  </si>
  <si>
    <t>POINT (4.659566479936091 51.80998018979415)</t>
  </si>
  <si>
    <t>POINT (4.666175863596136 51.798447431359904)</t>
  </si>
  <si>
    <t>POINT (4.657014030760468 51.771046504170435)</t>
  </si>
  <si>
    <t>POINT (4.667562265060252 51.78832458458152)</t>
  </si>
  <si>
    <t>POINT (4.701371926012489 51.79782931491834)</t>
  </si>
  <si>
    <t>POINT (4.628049170912461 51.72617923983978)</t>
  </si>
  <si>
    <t>POINT (4.680843322588374 51.80632750775977)</t>
  </si>
  <si>
    <t>POINT (4.71706267417396 51.801329955553136)</t>
  </si>
  <si>
    <t>POINT (4.724040328557994 51.79897089939741)</t>
  </si>
  <si>
    <t>POINT (4.662833394983398 51.79343773721459)</t>
  </si>
  <si>
    <t>POINT (4.657481455485282 51.81119811759024)</t>
  </si>
  <si>
    <t>POINT (4.698330737044308 51.79288587795961)</t>
  </si>
  <si>
    <t>POINT (4.663080850225781 51.81078220946985)</t>
  </si>
  <si>
    <t>POINT (4.69511696354463 51.797905959016845)</t>
  </si>
  <si>
    <t>POINT (4.665765492953688 51.77375751625389)</t>
  </si>
  <si>
    <t>POINT (4.683649837069846 51.78227682817423)</t>
  </si>
  <si>
    <t>POINT (4.7336878692502 51.795925245160554)</t>
  </si>
  <si>
    <t>POINT (4.6683104976462575 51.79234755268738)</t>
  </si>
  <si>
    <t>POINT (4.733860130321033 51.803116314578865)</t>
  </si>
  <si>
    <t>POINT (4.73475041026321 51.79923589482116)</t>
  </si>
  <si>
    <t>POINT (4.642173636346318 51.77037299555988)</t>
  </si>
  <si>
    <t>POINT (4.655746327161805 51.8012231766846)</t>
  </si>
  <si>
    <t>POINT (4.653639371490288 51.79148820644362)</t>
  </si>
  <si>
    <t>POINT (4.664877582492201 51.812104299890024)</t>
  </si>
  <si>
    <t>POINT (4.704909849661935 51.79839024185593)</t>
  </si>
  <si>
    <t>POINT (4.66667518775664 51.796299827975794)</t>
  </si>
  <si>
    <t>POINT (4.684692518833183 51.812283566985094)</t>
  </si>
  <si>
    <t>POINT (4.677667555713192 51.79081347499122)</t>
  </si>
  <si>
    <t>POINT (4.75716368683783 51.79142152311503)</t>
  </si>
  <si>
    <t>POINT (4.672779421991463 51.783565810973116)</t>
  </si>
  <si>
    <t>POINT (4.680641364626769 51.81163852406787)</t>
  </si>
  <si>
    <t>POINT (4.684187576415843 51.788489045095375)</t>
  </si>
  <si>
    <t>POINT (4.668285595072557 51.77840939709706)</t>
  </si>
  <si>
    <t>POINT (4.731826348222572 51.798962685034404)</t>
  </si>
  <si>
    <t>POINT (4.682456485316898 51.80213503841304)</t>
  </si>
  <si>
    <t>POINT (4.684803882668608 51.7925684857911)</t>
  </si>
  <si>
    <t>POINT (4.723677311498272 51.79895719773999)</t>
  </si>
  <si>
    <t>POINT (4.674240241855579 51.78178085066967)</t>
  </si>
  <si>
    <t>POINT (4.675249017389874 51.816383482925325)</t>
  </si>
  <si>
    <t>POINT (4.67309092601534 51.80409275758752)</t>
  </si>
  <si>
    <t>POINT (4.671829721389313 51.80920816434433)</t>
  </si>
  <si>
    <t>POINT (4.680387732864132 51.78986160705655)</t>
  </si>
  <si>
    <t>POINT (4.678564117952285 51.78958822545352)</t>
  </si>
  <si>
    <t>POINT (4.692095059032601 51.80769883832464)</t>
  </si>
  <si>
    <t>POINT (4.665382633475433 51.80199714123768)</t>
  </si>
  <si>
    <t>POINT (4.661511702247208 51.78746351337501)</t>
  </si>
  <si>
    <t>POINT (4.665271439136086 51.80047677504252)</t>
  </si>
  <si>
    <t>POINT (4.6530139161328234 51.791120700368765)</t>
  </si>
  <si>
    <t>POINT (4.69044121637217 51.810451083921556)</t>
  </si>
  <si>
    <t>POINT (4.730807909672743 51.80399202232602)</t>
  </si>
  <si>
    <t>POINT (4.663380127342167 51.81699952104856)</t>
  </si>
  <si>
    <t>POINT (4.670413011470604 51.77071835238256)</t>
  </si>
  <si>
    <t>POINT (4.64302652318171 51.799745741902726)</t>
  </si>
  <si>
    <t>POINT (4.721805093456726 51.794393807921935)</t>
  </si>
  <si>
    <t>POINT (4.673541278645289 51.804121492835456)</t>
  </si>
  <si>
    <t>POINT (4.6689304103132745 51.81536299573701)</t>
  </si>
  <si>
    <t>POINT (4.6909845612455925 51.806219291505094)</t>
  </si>
  <si>
    <t>POINT (4.6850789283034615 51.78865248547448)</t>
  </si>
  <si>
    <t>POINT (4.659490005394553 51.781779560398725)</t>
  </si>
  <si>
    <t>POINT (4.681610324476405 51.78594471104422)</t>
  </si>
  <si>
    <t>POINT (4.677920921821426 51.815617503781674)</t>
  </si>
  <si>
    <t>POINT (4.66866367320691 51.79498240663485)</t>
  </si>
  <si>
    <t>POINT (4.717935887902635 51.815410818238874)</t>
  </si>
  <si>
    <t>POINT (4.679508166123318 51.80922366703766)</t>
  </si>
  <si>
    <t>POINT (4.686631154412834 51.77576673048048)</t>
  </si>
  <si>
    <t>POINT (4.664862065871401 51.817068902708925)</t>
  </si>
  <si>
    <t>POINT (4.680476342572148 51.78108841076495)</t>
  </si>
  <si>
    <t>POINT (4.6860364832135915 51.78861904005667)</t>
  </si>
  <si>
    <t>POINT (4.707915767159173 51.81855780648273)</t>
  </si>
  <si>
    <t>POINT (4.666476587906982 51.81124514171629)</t>
  </si>
  <si>
    <t>POINT (4.654576903443066 51.78755807867217)</t>
  </si>
  <si>
    <t>POINT (4.656628720519887 51.787428610849105)</t>
  </si>
  <si>
    <t>POINT (4.643971437390591 51.77062292823961)</t>
  </si>
  <si>
    <t>POINT (4.686985031216272 51.780259947287654)</t>
  </si>
  <si>
    <t>POINT (4.70914682894262 51.80828178357296)</t>
  </si>
  <si>
    <t>POINT (4.672810239971099 51.77248318143456)</t>
  </si>
  <si>
    <t>POINT (4.679607280044178 51.81486005163133)</t>
  </si>
  <si>
    <t>POINT (4.672645455188926 51.806030773758245)</t>
  </si>
  <si>
    <t>POINT (4.6759399870675 51.80711849190603)</t>
  </si>
  <si>
    <t>POINT (4.666385811939317 51.816124851657186)</t>
  </si>
  <si>
    <t>POINT (4.660852785496245 51.783736167257025)</t>
  </si>
  <si>
    <t>POINT (4.683447917128266 51.81074148394909)</t>
  </si>
  <si>
    <t>POINT (4.7006385397119885 51.79602305868554)</t>
  </si>
  <si>
    <t>POINT (4.669491939303816 51.81304482744239)</t>
  </si>
  <si>
    <t>POINT (4.680725242913556 51.78205543122649)</t>
  </si>
  <si>
    <t>POINT (4.669149794182394 51.815057033485544)</t>
  </si>
  <si>
    <t>POINT (4.704500153200543 51.79764531425472)</t>
  </si>
  <si>
    <t>POINT (4.673728359049495 51.81696409345416)</t>
  </si>
  <si>
    <t>POINT (4.667861296304517 51.791125149585184)</t>
  </si>
  <si>
    <t>POINT (4.655706391495016 51.79036441010186)</t>
  </si>
  <si>
    <t>POINT (4.7235195471669815 51.79863229171149)</t>
  </si>
  <si>
    <t>POINT (4.733417726549064 51.80126927464623)</t>
  </si>
  <si>
    <t>POINT (4.697189418830283 51.79026929105876)</t>
  </si>
  <si>
    <t>POINT (4.656932592486125 51.79579143097995)</t>
  </si>
  <si>
    <t>POINT (4.664794489096032 51.799639221278895)</t>
  </si>
  <si>
    <t>POINT (4.699991307886867 51.79691979003111)</t>
  </si>
  <si>
    <t>POINT (4.666718430648025 51.779453410812536)</t>
  </si>
  <si>
    <t>POINT (4.702558778959015 51.78940679033561)</t>
  </si>
  <si>
    <t>POINT (4.66698734935402 51.800181678044574)</t>
  </si>
  <si>
    <t>POINT (4.651743676523505 51.790181728771756)</t>
  </si>
  <si>
    <t>POINT (4.728163251458074 51.814144752290346)</t>
  </si>
  <si>
    <t>POINT (4.656752212655001 51.8001437791295)</t>
  </si>
  <si>
    <t>POINT (4.718910913117305 51.80224810762749)</t>
  </si>
  <si>
    <t>POINT (4.66854148339943 51.81819177677553)</t>
  </si>
  <si>
    <t>POINT (4.709569929558894 51.7866736764401)</t>
  </si>
  <si>
    <t>POINT (4.679001583403974 51.78757017313088)</t>
  </si>
  <si>
    <t>POINT (4.70397563225512 51.79004433857377)</t>
  </si>
  <si>
    <t>POINT (4.669340024952637 51.81199048835406)</t>
  </si>
  <si>
    <t>POINT (4.6327997945442645 51.78378898633517)</t>
  </si>
  <si>
    <t>POINT (4.652961825807282 51.80200043081012)</t>
  </si>
  <si>
    <t>POINT (4.6635880297043535 51.804281214615955)</t>
  </si>
  <si>
    <t>POINT (4.671636921618925 51.81334987829555)</t>
  </si>
  <si>
    <t>POINT (4.672353263772317 51.815019350507185)</t>
  </si>
  <si>
    <t>POINT (4.6687994922435925 51.80926722442222)</t>
  </si>
  <si>
    <t>POINT (4.6925070404290485 51.81868883135484)</t>
  </si>
  <si>
    <t>POINT (4.664391756265131 51.79578005111198)</t>
  </si>
  <si>
    <t>POINT (4.667000411640987 51.79626857568386)</t>
  </si>
  <si>
    <t>POINT (4.695503871415334 51.81800290935077)</t>
  </si>
  <si>
    <t>POINT (4.6608779362505475 51.79783731936672)</t>
  </si>
  <si>
    <t>POINT (4.6847730278209205 51.792549487736956)</t>
  </si>
  <si>
    <t>POINT (4.66158803166456 51.78949451662566)</t>
  </si>
  <si>
    <t>POINT (4.708492372167083 51.81870078083152)</t>
  </si>
  <si>
    <t>POINT (4.729490526232983 51.80141420078744)</t>
  </si>
  <si>
    <t>POINT (4.651073141898546 51.793805727194226)</t>
  </si>
  <si>
    <t>POINT (4.675820881586553 51.7741937863335)</t>
  </si>
  <si>
    <t>POINT (4.652298853657337 51.78531259568913)</t>
  </si>
  <si>
    <t>POINT (4.708140722166959 51.803914672338436)</t>
  </si>
  <si>
    <t>POINT (4.673206103766577 51.80534116831765)</t>
  </si>
  <si>
    <t>POINT (4.704157161807614 51.80737657816904)</t>
  </si>
  <si>
    <t>POINT (4.7318620055340315 51.80068131418056)</t>
  </si>
  <si>
    <t>POINT (4.682209466291949 51.78801114624816)</t>
  </si>
  <si>
    <t>POINT (4.66668111520785 51.81259093326221)</t>
  </si>
  <si>
    <t>POINT (4.709325131893068 51.7864683630992)</t>
  </si>
  <si>
    <t>3311BK</t>
  </si>
  <si>
    <t>Mattenkade</t>
  </si>
  <si>
    <t>POINT (4.669815701214365 51.81878528313686)</t>
  </si>
  <si>
    <t>POINT (4.678283329843742 51.7847002834007)</t>
  </si>
  <si>
    <t>POINT (4.701771862225026 51.8168893885626)</t>
  </si>
  <si>
    <t>POINT (4.703983050769752 51.79015554467056)</t>
  </si>
  <si>
    <t>POINT (4.6594221564657365 51.7987010467901)</t>
  </si>
  <si>
    <t>POINT (4.672895041089818 51.809658218189135)</t>
  </si>
  <si>
    <t>POINT (4.666310807479476 51.78884131961401)</t>
  </si>
  <si>
    <t>POINT (4.682625360810759 51.8093662707093)</t>
  </si>
  <si>
    <t>POINT (4.650438594398872 51.79210642773226)</t>
  </si>
  <si>
    <t>POINT (4.659215578755651 51.78809312072844)</t>
  </si>
  <si>
    <t>POINT (4.697234297016224 51.79834288350514)</t>
  </si>
  <si>
    <t>POINT (4.666010672064397 51.78124381932993)</t>
  </si>
  <si>
    <t>POINT (4.681257303175549 51.81331770933466)</t>
  </si>
  <si>
    <t>POINT (4.674163119369486 51.81902652450598)</t>
  </si>
  <si>
    <t>POINT (4.7160195192908985 51.80817433903206)</t>
  </si>
  <si>
    <t>POINT (4.669892396070622 51.80394350505086)</t>
  </si>
  <si>
    <t>POINT (4.731504572856735 51.80013979223349)</t>
  </si>
  <si>
    <t>POINT (4.669065056618195 51.79095879107488)</t>
  </si>
  <si>
    <t>POINT (4.730823522635948 51.79719409206346)</t>
  </si>
  <si>
    <t>POINT (4.725987806893317 51.7980525096649)</t>
  </si>
  <si>
    <t>POINT (4.716576515531888 51.8127932798164)</t>
  </si>
  <si>
    <t>POINT (4.6776644184783125 51.80849210010837)</t>
  </si>
  <si>
    <t>POINT (4.658230295279117 51.80515464178664)</t>
  </si>
  <si>
    <t>POINT (4.664905680985898 51.81703880740409)</t>
  </si>
  <si>
    <t>POINT (4.6865155331871495 51.803104318303966)</t>
  </si>
  <si>
    <t>POINT (4.68245082084567 51.80214681551031)</t>
  </si>
  <si>
    <t>POINT (4.670882313717161 51.78173384843393)</t>
  </si>
  <si>
    <t>POINT (4.725462218085286 51.80421020016181)</t>
  </si>
  <si>
    <t>POINT (4.629226939224329 51.72463327538925)</t>
  </si>
  <si>
    <t>POINT (4.680756213314696 51.785961790453364)</t>
  </si>
  <si>
    <t>POINT (4.651240439373306 51.79051021135424)</t>
  </si>
  <si>
    <t>POINT (4.733091181948825 51.80121147347177)</t>
  </si>
  <si>
    <t>POINT (4.67093792711749 51.77371322895408)</t>
  </si>
  <si>
    <t>POINT (4.677203522202361 51.80494081696395)</t>
  </si>
  <si>
    <t>POINT (4.666934555081395 51.81589023662101)</t>
  </si>
  <si>
    <t>POINT (4.675507793502432 51.78336425883264)</t>
  </si>
  <si>
    <t>POINT (4.710244221028633 51.8144101407926)</t>
  </si>
  <si>
    <t>POINT (4.674077719125025 51.78083692063949)</t>
  </si>
  <si>
    <t>POINT (4.67890513147724 51.78930189172252)</t>
  </si>
  <si>
    <t>POINT (4.671386635458098 51.80588054978113)</t>
  </si>
  <si>
    <t>POINT (4.667531189842168 51.789148720865775)</t>
  </si>
  <si>
    <t>POINT (4.6720435904699285 51.806224210874916)</t>
  </si>
  <si>
    <t>POINT (4.665619347083165 51.81379861803786)</t>
  </si>
  <si>
    <t>POINT (4.666435370219508 51.81109937981204)</t>
  </si>
  <si>
    <t>POINT (4.666198289817286 51.799630103626235)</t>
  </si>
  <si>
    <t>POINT (4.684258800654066 51.78101686632122)</t>
  </si>
  <si>
    <t>POINT (4.672656500440611 51.80824541778912)</t>
  </si>
  <si>
    <t>POINT (4.661495253352959 51.793884475385724)</t>
  </si>
  <si>
    <t>POINT (4.655677647892476 51.7905172996212)</t>
  </si>
  <si>
    <t>POINT (4.6536251913935285 51.78917524112859)</t>
  </si>
  <si>
    <t>POINT (4.664544342866332 51.80958574091771)</t>
  </si>
  <si>
    <t>POINT (4.672980148897502 51.81129857617287)</t>
  </si>
  <si>
    <t>POINT (4.670749355405429 51.780563326914624)</t>
  </si>
  <si>
    <t>POINT (4.652770994134039 51.79446845434673)</t>
  </si>
  <si>
    <t>POINT (4.66039612495887 51.799708524103245)</t>
  </si>
  <si>
    <t>POINT (4.669908463689309 51.81634188462687)</t>
  </si>
  <si>
    <t>POINT (4.667757073720988 51.789361161117974)</t>
  </si>
  <si>
    <t>POINT (4.733868749433443 51.79850093159783)</t>
  </si>
  <si>
    <t>POINT (4.674530831217428 51.777355346430134)</t>
  </si>
  <si>
    <t>POINT (4.660473443858986 51.80719141588417)</t>
  </si>
  <si>
    <t>POINT (4.674874953348791 51.77684760636657)</t>
  </si>
  <si>
    <t>POINT (4.678990517114516 51.788700838994785)</t>
  </si>
  <si>
    <t>POINT (4.665717277741617 51.81343543037759)</t>
  </si>
  <si>
    <t>POINT (4.684942888082141 51.777122943396854)</t>
  </si>
  <si>
    <t>POINT (4.659044655070943 51.799974569392774)</t>
  </si>
  <si>
    <t>POINT (4.725285476378231 51.7983786755057)</t>
  </si>
  <si>
    <t>POINT (4.707700319292917 51.78990965896881)</t>
  </si>
  <si>
    <t>POINT (4.678605888221463 51.815016102131985)</t>
  </si>
  <si>
    <t>POINT (4.716200121238533 51.80004441303136)</t>
  </si>
  <si>
    <t>POINT (4.69279341612122 51.81933672910931)</t>
  </si>
  <si>
    <t>POINT (4.651037331678734 51.793796289061206)</t>
  </si>
  <si>
    <t>POINT (4.6629090105603055 51.79524389917133)</t>
  </si>
  <si>
    <t>POINT (4.678031200117858 51.78510027549567)</t>
  </si>
  <si>
    <t>POINT (4.733667396806211 51.80091425712527)</t>
  </si>
  <si>
    <t>POINT (4.66142055695274 51.80904862379281)</t>
  </si>
  <si>
    <t>POINT (4.726383821744477 51.79840896527887)</t>
  </si>
  <si>
    <t>POINT (4.718432996430082 51.801172796345426)</t>
  </si>
  <si>
    <t>POINT (4.680407478787376 51.78747522841472)</t>
  </si>
  <si>
    <t>POINT (4.65638417162754 51.80439881319379)</t>
  </si>
  <si>
    <t>POINT (4.661101136798691 51.79467623355726)</t>
  </si>
  <si>
    <t>POINT (4.662979541285609 51.79522365158449)</t>
  </si>
  <si>
    <t>POINT (4.664820144040049 51.80150513514942)</t>
  </si>
  <si>
    <t>POINT (4.693537911034559 51.81859002216351)</t>
  </si>
  <si>
    <t>POINT (4.672953917849918 51.819220131432296)</t>
  </si>
  <si>
    <t>POINT (4.707983382736808 51.81034781028893)</t>
  </si>
  <si>
    <t>POINT (4.675408047266108 51.77573450816731)</t>
  </si>
  <si>
    <t>POINT (4.707232313306513 51.78973120079209)</t>
  </si>
  <si>
    <t>POINT (4.660825726180901 51.80385179072451)</t>
  </si>
  <si>
    <t>POINT (4.6588927703691105 51.79305272189846)</t>
  </si>
  <si>
    <t>POINT (4.707014193771874 51.80848535763888)</t>
  </si>
  <si>
    <t>POINT (4.685730997263728 51.77825648722498)</t>
  </si>
  <si>
    <t>POINT (4.6757591092372435 51.80709205631025)</t>
  </si>
  <si>
    <t>POINT (4.678450397434804 51.787104250062384)</t>
  </si>
  <si>
    <t>POINT (4.676978368332999 51.817681335740595)</t>
  </si>
  <si>
    <t>POINT (4.659440566280732 51.797940150734924)</t>
  </si>
  <si>
    <t>POINT (4.641943623035461 51.77607236386356)</t>
  </si>
  <si>
    <t>POINT (4.6793447131179455 51.78810949835538)</t>
  </si>
  <si>
    <t>POINT (4.719231177015509 51.811650665641885)</t>
  </si>
  <si>
    <t>POINT (4.675471371093282 51.78339200168885)</t>
  </si>
  <si>
    <t>POINT (4.732801734416045 51.80129886499681)</t>
  </si>
  <si>
    <t>POINT (4.717134099591583 51.813340609890695)</t>
  </si>
  <si>
    <t>POINT (4.734809178701914 51.79980751239321)</t>
  </si>
  <si>
    <t>POINT (4.669649156151187 51.80414872159689)</t>
  </si>
  <si>
    <t>POINT (4.672736029465264 51.7835677578999)</t>
  </si>
  <si>
    <t>POINT (4.659178391288364 51.78910695121465)</t>
  </si>
  <si>
    <t>POINT (4.653721987742041 51.78117779318444)</t>
  </si>
  <si>
    <t>POINT (4.685377961018282 51.811908939941404)</t>
  </si>
  <si>
    <t>POINT (4.683929488280663 51.78584958722022)</t>
  </si>
  <si>
    <t>POINT (4.6682206936420085 51.79013323855067)</t>
  </si>
  <si>
    <t>POINT (4.6648478795858805 51.79922130608935)</t>
  </si>
  <si>
    <t>POINT (4.652502299875236 51.78773854968542)</t>
  </si>
  <si>
    <t>POINT (4.717380792123054 51.80445582117177)</t>
  </si>
  <si>
    <t>POINT (4.684999993754957 51.782542336878834)</t>
  </si>
  <si>
    <t>POINT (4.716599994497749 51.80617195889541)</t>
  </si>
  <si>
    <t>POINT (4.672678020787666 51.78073845244922)</t>
  </si>
  <si>
    <t>POINT (4.6692657956315475 51.77337972576192)</t>
  </si>
  <si>
    <t>POINT (4.7268605150078375 51.8055131244724)</t>
  </si>
  <si>
    <t>POINT (4.730980300248351 51.78925841684347)</t>
  </si>
  <si>
    <t>POINT (4.734323296902339 51.8014264496024)</t>
  </si>
  <si>
    <t>POINT (4.675900851822946 51.78494783621306)</t>
  </si>
  <si>
    <t>POINT (4.651981232781075 51.78118752384772)</t>
  </si>
  <si>
    <t>POINT (4.671067800230357 51.80434305874425)</t>
  </si>
  <si>
    <t>POINT (4.697214701172285 51.79332167902832)</t>
  </si>
  <si>
    <t>POINT (4.659871721211314 51.792419536536755)</t>
  </si>
  <si>
    <t>POINT (4.670927062129129 51.80917344481395)</t>
  </si>
  <si>
    <t>POINT (4.673334148522902 51.787308191176805)</t>
  </si>
  <si>
    <t>POINT (4.660600634682278 51.80198500045657)</t>
  </si>
  <si>
    <t>POINT (4.6728631123237765 51.81734820124875)</t>
  </si>
  <si>
    <t>POINT (4.668367589199981 51.79183667031528)</t>
  </si>
  <si>
    <t>POINT (4.65806986935191 51.780765649660594)</t>
  </si>
  <si>
    <t>POINT (4.67444048902383 51.8164409745757)</t>
  </si>
  <si>
    <t>POINT (4.662924110616769 51.80382350409183)</t>
  </si>
  <si>
    <t>POINT (4.662035971051465 51.81600441915907)</t>
  </si>
  <si>
    <t>POINT (4.6693790335856304 51.816216779156555)</t>
  </si>
  <si>
    <t>POINT (4.694149325149127 51.8183546530356)</t>
  </si>
  <si>
    <t>POINT (4.659029506429535 51.78945801598977)</t>
  </si>
  <si>
    <t>POINT (4.725945497136468 51.797147186508845)</t>
  </si>
  <si>
    <t>POINT (4.671472859575012 51.81945278703609)</t>
  </si>
  <si>
    <t>POINT (4.699306452443168 51.79071318930675)</t>
  </si>
  <si>
    <t>POINT (4.676592374695693 51.816910153786345)</t>
  </si>
  <si>
    <t>POINT (4.671242391817757 51.80586413731281)</t>
  </si>
  <si>
    <t>POINT (4.679024111139869 51.78104405655412)</t>
  </si>
  <si>
    <t>POINT (4.69984355367186 51.79388999483571)</t>
  </si>
  <si>
    <t>POINT (4.68271674828648 51.78797537164086)</t>
  </si>
  <si>
    <t>POINT (4.668342867125207 51.818960466978496)</t>
  </si>
  <si>
    <t>POINT (4.655703394419996 51.79041337089827)</t>
  </si>
  <si>
    <t>POINT (4.682530227639633 51.80142407253072)</t>
  </si>
  <si>
    <t>POINT (4.716503755626543 51.806765935738234)</t>
  </si>
  <si>
    <t>POINT (4.66838391149596 51.79851370777356)</t>
  </si>
  <si>
    <t>POINT (4.696090399708245 51.79293308755169)</t>
  </si>
  <si>
    <t>POINT (4.658962314480343 51.78811710364403)</t>
  </si>
  <si>
    <t>POINT (4.670180408603518 51.8060908820544)</t>
  </si>
  <si>
    <t>POINT (4.720735266821712 51.80528990408049)</t>
  </si>
  <si>
    <t>POINT (4.7087984546363 51.787142192258464)</t>
  </si>
  <si>
    <t>POINT (4.664664543892925 51.79927464868136)</t>
  </si>
  <si>
    <t>POINT (4.64723330995536 51.774783560146666)</t>
  </si>
  <si>
    <t>POINT (4.652218310274934 51.80336533011756)</t>
  </si>
  <si>
    <t>POINT (4.698085401757051 51.79335076945829)</t>
  </si>
  <si>
    <t>POINT (4.658875208447311 51.80427638838373)</t>
  </si>
  <si>
    <t>POINT (4.656469580522261 51.81179535746769)</t>
  </si>
  <si>
    <t>POINT (4.690382239008585 51.80690711532745)</t>
  </si>
  <si>
    <t>POINT (4.7072488575651095 51.789676942206356)</t>
  </si>
  <si>
    <t>POINT (4.660747460507267 51.78864526564516)</t>
  </si>
  <si>
    <t>POINT (4.709387901231738 51.80477028627911)</t>
  </si>
  <si>
    <t>POINT (4.70994643482428 51.79625430658695)</t>
  </si>
  <si>
    <t>POINT (4.719369283601045 51.80077254343661)</t>
  </si>
  <si>
    <t>POINT (4.677531646771342 51.78068220267379)</t>
  </si>
  <si>
    <t>POINT (4.715283384961295 51.80906811862726)</t>
  </si>
  <si>
    <t>POINT (4.675791995623851 51.78465916017004)</t>
  </si>
  <si>
    <t>POINT (4.657907062114397 51.79819338614614)</t>
  </si>
  <si>
    <t>POINT (4.6833374928904865 51.8134908586957)</t>
  </si>
  <si>
    <t>POINT (4.666273150900742 51.80336174196688)</t>
  </si>
  <si>
    <t>POINT (4.668476904195929 51.77032462615233)</t>
  </si>
  <si>
    <t>POINT (4.653927804801233 51.79337281187192)</t>
  </si>
  <si>
    <t>POINT (4.682983507577561 51.80706705160505)</t>
  </si>
  <si>
    <t>POINT (4.71937303455759 51.80558510328638)</t>
  </si>
  <si>
    <t>POINT (4.684443882319583 51.80894189024666)</t>
  </si>
  <si>
    <t>POINT (4.685281789540133 51.774958668309836)</t>
  </si>
  <si>
    <t>POINT (4.654629019876906 51.792046450202484)</t>
  </si>
  <si>
    <t>POINT (4.66093178474796 51.8037420930653)</t>
  </si>
  <si>
    <t>POINT (4.629046399761067 51.72698949162831)</t>
  </si>
  <si>
    <t>POINT (4.675231063814717 51.80802203999084)</t>
  </si>
  <si>
    <t>POINT (4.629585584851106 51.72674961581425)</t>
  </si>
  <si>
    <t>POINT (4.663038160481639 51.79179438346504)</t>
  </si>
  <si>
    <t>POINT (4.66503298875925 51.813747155466146)</t>
  </si>
  <si>
    <t>POINT (4.681851285782743 51.78873465011997)</t>
  </si>
  <si>
    <t>POINT (4.718937092486783 51.80233845779557)</t>
  </si>
  <si>
    <t>POINT (4.660938993731356 51.79385714116601)</t>
  </si>
  <si>
    <t>POINT (4.6792831942016315 51.814037836447305)</t>
  </si>
  <si>
    <t>POINT (4.705581407745973 51.79503634937339)</t>
  </si>
  <si>
    <t>POINT (4.660515768448529 51.797209247534056)</t>
  </si>
  <si>
    <t>POINT (4.659791023520951 51.81362887563859)</t>
  </si>
  <si>
    <t>POINT (4.677181272541291 51.80359309971255)</t>
  </si>
  <si>
    <t>POINT (4.661088729255528 51.81321090264851)</t>
  </si>
  <si>
    <t>POINT (4.724172011495524 51.80570446013098)</t>
  </si>
  <si>
    <t>POINT (4.667425915302137 51.79324345248481)</t>
  </si>
  <si>
    <t>POINT (4.664169630441385 51.79668961497087)</t>
  </si>
  <si>
    <t>POINT (4.664744135610028 51.79160666500488)</t>
  </si>
  <si>
    <t>POINT (4.6791195086750275 51.77304951243866)</t>
  </si>
  <si>
    <t>POINT (4.686452966429863 51.777404881073615)</t>
  </si>
  <si>
    <t>POINT (4.731462494880404 51.796928212487714)</t>
  </si>
  <si>
    <t>POINT (4.69834113322357 51.792849615778344)</t>
  </si>
  <si>
    <t>POINT (4.719456250035 51.8118125644738)</t>
  </si>
  <si>
    <t>POINT (4.67610212928124 51.78945767893837)</t>
  </si>
  <si>
    <t>POINT (4.67372474654424 51.81554380796209)</t>
  </si>
  <si>
    <t>POINT (4.667744213054125 51.81078923924617)</t>
  </si>
  <si>
    <t>POINT (4.679863360268703 51.80924139496424)</t>
  </si>
  <si>
    <t>POINT (4.680582373482489 51.81449847924058)</t>
  </si>
  <si>
    <t>POINT (4.700910564211151 51.79992109274569)</t>
  </si>
  <si>
    <t>POINT (4.685746142157991 51.80491530699911)</t>
  </si>
  <si>
    <t>POINT (4.684281328237646 51.8126263503183)</t>
  </si>
  <si>
    <t>POINT (4.6813431659778235 51.80038291571663)</t>
  </si>
  <si>
    <t>POINT (4.657875990427018 51.81183946818084)</t>
  </si>
  <si>
    <t>POINT (4.714906881800539 51.816034862741205)</t>
  </si>
  <si>
    <t>POINT (4.713017554887015 51.79533826166701)</t>
  </si>
  <si>
    <t>POINT (4.733941535867108 51.79223398841818)</t>
  </si>
  <si>
    <t>POINT (4.723630141724594 51.79331624812722)</t>
  </si>
  <si>
    <t>POINT (4.6661364013138495 51.81748051942201)</t>
  </si>
  <si>
    <t>POINT (4.652398340698583 51.79243965207243)</t>
  </si>
  <si>
    <t>POINT (4.705645824773514 51.79234346766283)</t>
  </si>
  <si>
    <t>POINT (4.7185279721115725 51.81512655696811)</t>
  </si>
  <si>
    <t>POINT (4.69212129805791 51.8188956953755)</t>
  </si>
  <si>
    <t>POINT (4.6669070563059405 51.815598942653416)</t>
  </si>
  <si>
    <t>POINT (4.681455016023316 51.7773659253062)</t>
  </si>
  <si>
    <t>POINT (4.71679721272082 51.81596725935386)</t>
  </si>
  <si>
    <t>POINT (4.713548295606737 51.8087843588443)</t>
  </si>
  <si>
    <t>POINT (4.688449791069715 51.81484758736301)</t>
  </si>
  <si>
    <t>POINT (4.732564747811328 51.80226571802414)</t>
  </si>
  <si>
    <t>POINT (4.679697879333454 51.775482012178344)</t>
  </si>
  <si>
    <t>POINT (4.68355540051649 51.79801642416129)</t>
  </si>
  <si>
    <t>POINT (4.697006707129224 51.79290549345859)</t>
  </si>
  <si>
    <t>POINT (4.671033073936694 51.805825790630905)</t>
  </si>
  <si>
    <t>POINT (4.671201075709872 51.78247659886592)</t>
  </si>
  <si>
    <t>POINT (4.669916839747199 51.80397005424585)</t>
  </si>
  <si>
    <t>POINT (4.668209222203636 51.81256184308618)</t>
  </si>
  <si>
    <t>POINT (4.675099319517464 51.78701942544114)</t>
  </si>
  <si>
    <t>POINT (4.65412316600798 51.80655931732303)</t>
  </si>
  <si>
    <t>POINT (4.654726293413459 51.793080507481484)</t>
  </si>
  <si>
    <t>POINT (4.663957137665835 51.788549665365856)</t>
  </si>
  <si>
    <t>POINT (4.6674799695033995 51.78874968577751)</t>
  </si>
  <si>
    <t>POINT (4.695234854032559 51.79637510174973)</t>
  </si>
  <si>
    <t>POINT (4.669554536382524 51.77793810572285)</t>
  </si>
  <si>
    <t>POINT (4.671911997959974 51.77112981257749)</t>
  </si>
  <si>
    <t>POINT (4.649907026736965 51.794764151557644)</t>
  </si>
  <si>
    <t>POINT (4.665788054536104 51.80068833747889)</t>
  </si>
  <si>
    <t>POINT (4.678440746042051 51.78561869295275)</t>
  </si>
  <si>
    <t>POINT (4.7073852652292 51.79612070009804)</t>
  </si>
  <si>
    <t>POINT (4.66549977149449 51.797432316019034)</t>
  </si>
  <si>
    <t>POINT (4.666565555362232 51.781981193896186)</t>
  </si>
  <si>
    <t>POINT (4.731388014639347 51.7921837064318)</t>
  </si>
  <si>
    <t>POINT (4.673332401676919 51.817507396622)</t>
  </si>
  <si>
    <t>POINT (4.663071548229503 51.79791104921854)</t>
  </si>
  <si>
    <t>POINT (4.663449906971902 51.78482576924888)</t>
  </si>
  <si>
    <t>POINT (4.681215500061524 51.80940352247295)</t>
  </si>
  <si>
    <t>POINT (4.681925488289336 51.77440184498971)</t>
  </si>
  <si>
    <t>POINT (4.632910408583694 51.76883277659929)</t>
  </si>
  <si>
    <t>POINT (4.67793470793755 51.80707157313043)</t>
  </si>
  <si>
    <t>POINT (4.667287293813203 51.817790233471456)</t>
  </si>
  <si>
    <t>POINT (4.673236867328401 51.81739751328205)</t>
  </si>
  <si>
    <t>POINT (4.698903218548472 51.817734323205364)</t>
  </si>
  <si>
    <t>POINT (4.719340095249071 51.80506204646444)</t>
  </si>
  <si>
    <t>POINT (4.64345813894647 51.77055624052287)</t>
  </si>
  <si>
    <t>POINT (4.713593069391627 51.81095404271689)</t>
  </si>
  <si>
    <t>POINT (4.712420624388535 51.80885432824338)</t>
  </si>
  <si>
    <t>POINT (4.668439074606843 51.80090988222498)</t>
  </si>
  <si>
    <t>POINT (4.721073524071117 51.81204410755241)</t>
  </si>
  <si>
    <t>POINT (4.684030383213763 51.798145859403206)</t>
  </si>
  <si>
    <t>POINT (4.677428913369261 51.81746251778922)</t>
  </si>
  <si>
    <t>POINT (4.6593358801370375 51.799216831427124)</t>
  </si>
  <si>
    <t>POINT (4.729965158457799 51.80158004907443)</t>
  </si>
  <si>
    <t>POINT (4.715508340075751 51.80322508842414)</t>
  </si>
  <si>
    <t>POINT (4.665157457500221 51.81605189904896)</t>
  </si>
  <si>
    <t>POINT (4.675526543157813 51.783377352276084)</t>
  </si>
  <si>
    <t>POINT (4.693296105678854 51.796627486653996)</t>
  </si>
  <si>
    <t>POINT (4.674023574521562 51.816259045938885)</t>
  </si>
  <si>
    <t>POINT (4.67067836435331 51.7987299881688)</t>
  </si>
  <si>
    <t>POINT (4.665492293707967 51.801606142605564)</t>
  </si>
  <si>
    <t>POINT (4.702395056177905 51.78984948862848)</t>
  </si>
  <si>
    <t>POINT (4.726129570910197 51.79715558550911)</t>
  </si>
  <si>
    <t>POINT (4.663308876769424 51.81239573646753)</t>
  </si>
  <si>
    <t>POINT (4.659827272555331 51.799851712405086)</t>
  </si>
  <si>
    <t>POINT (4.683489706825568 51.80381494885316)</t>
  </si>
  <si>
    <t>POINT (4.666927987010054 51.81549436204311)</t>
  </si>
  <si>
    <t>POINT (4.672093075313615 51.81956666086841)</t>
  </si>
  <si>
    <t>POINT (4.665138413828352 51.815860017469184)</t>
  </si>
  <si>
    <t>POINT (4.668564242025901 51.81173941443368)</t>
  </si>
  <si>
    <t>POINT (4.663010761158192 51.80011959202267)</t>
  </si>
  <si>
    <t>POINT (4.676794153053692 51.78654603787054)</t>
  </si>
  <si>
    <t>POINT (4.7050750983805685 51.79197260399772)</t>
  </si>
  <si>
    <t>POINT (4.7130471671160805 51.795363725911066)</t>
  </si>
  <si>
    <t>POINT (4.662862251936352 51.812484943769284)</t>
  </si>
  <si>
    <t>POINT (4.671521550269282 51.81067996084314)</t>
  </si>
  <si>
    <t>POINT (4.718919630430105 51.80227818834433)</t>
  </si>
  <si>
    <t>POINT (4.664956780367639 51.79486867916287)</t>
  </si>
  <si>
    <t>POINT (4.660385275270259 51.79146339980036)</t>
  </si>
  <si>
    <t>POINT (4.657415637710793 51.80622188400333)</t>
  </si>
  <si>
    <t>POINT (4.6819526884653895 51.78160954463575)</t>
  </si>
  <si>
    <t>POINT (4.673647371448235 51.81370042644873)</t>
  </si>
  <si>
    <t>POINT (4.715978698724297 51.81564379894192)</t>
  </si>
  <si>
    <t>POINT (4.710541604917363 51.80839048051689)</t>
  </si>
  <si>
    <t>POINT (4.6833142249024196 51.81899563540248)</t>
  </si>
  <si>
    <t>POINT (4.677598887776339 51.79053461694425)</t>
  </si>
  <si>
    <t>POINT (4.672634943416732 51.80838508742335)</t>
  </si>
  <si>
    <t>POINT (4.716804563858433 51.81494530264241)</t>
  </si>
  <si>
    <t>POINT (4.677197784076882 51.815242519392946)</t>
  </si>
  <si>
    <t>POINT (4.666601798523029 51.800311956859645)</t>
  </si>
  <si>
    <t>POINT (4.729513254454333 51.801370796208246)</t>
  </si>
  <si>
    <t>POINT (4.657810407858267 51.78377471742713)</t>
  </si>
  <si>
    <t>POINT (4.686674566513157 51.80858627931787)</t>
  </si>
  <si>
    <t>POINT (4.665033189936603 51.81273056408692)</t>
  </si>
  <si>
    <t>POINT (4.684967756439856 51.81213590364164)</t>
  </si>
  <si>
    <t>POINT (4.666104499222585 51.772630330322194)</t>
  </si>
  <si>
    <t>POINT (4.682857130299212 51.775707021415386)</t>
  </si>
  <si>
    <t>POINT (4.6819065542839695 51.808229748820494)</t>
  </si>
  <si>
    <t>POINT (4.691799538922953 51.819228841287675)</t>
  </si>
  <si>
    <t>POINT (4.726559553054493 51.80105889898684)</t>
  </si>
  <si>
    <t>POINT (4.688829184400005 51.8156242544276)</t>
  </si>
  <si>
    <t>POINT (4.675573528784911 51.783376369930245)</t>
  </si>
  <si>
    <t>POINT (4.680211515287769 51.785468535077946)</t>
  </si>
  <si>
    <t>POINT (4.64877486269324 51.80709797571751)</t>
  </si>
  <si>
    <t>POINT (4.692111377865337 51.80554619508283)</t>
  </si>
  <si>
    <t>POINT (4.721696425677594 51.80294242037738)</t>
  </si>
  <si>
    <t>POINT (4.69641874760479 51.817544537448704)</t>
  </si>
  <si>
    <t>POINT (4.686423038766773 51.779797007976235)</t>
  </si>
  <si>
    <t>POINT (4.710487137571885 51.8063626331383)</t>
  </si>
  <si>
    <t>POINT (4.677035941163665 51.77397575813998)</t>
  </si>
  <si>
    <t>POINT (4.662904149017853 51.81089160786169)</t>
  </si>
  <si>
    <t>POINT (4.665959502401821 51.7886396289856)</t>
  </si>
  <si>
    <t>POINT (4.719078999527787 51.804149300399395)</t>
  </si>
  <si>
    <t>POINT (4.664114842122273 51.81066434379611)</t>
  </si>
  <si>
    <t>POINT (4.665253415503039 51.81206044677586)</t>
  </si>
  <si>
    <t>POINT (4.662435030793339 51.804646095360745)</t>
  </si>
  <si>
    <t>POINT (4.670843855731581 51.78082072047069)</t>
  </si>
  <si>
    <t>POINT (4.682493330043304 51.77556129549169)</t>
  </si>
  <si>
    <t>POINT (4.676055035657737 51.80861041043391)</t>
  </si>
  <si>
    <t>POINT (4.667949778107404 51.8172854107264)</t>
  </si>
  <si>
    <t>POINT (4.6792568125669565 51.785354634164655)</t>
  </si>
  <si>
    <t>POINT (4.6603021966730935 51.79862171202772)</t>
  </si>
  <si>
    <t>POINT (4.678998231487548 51.78173183249173)</t>
  </si>
  <si>
    <t>POINT (4.658245365999006 51.8133003122925)</t>
  </si>
  <si>
    <t>POINT (4.684042247992318 51.81837926973715)</t>
  </si>
  <si>
    <t>POINT (4.71160799356445 51.79485923741381)</t>
  </si>
  <si>
    <t>POINT (4.659276544703905 51.79890043864227)</t>
  </si>
  <si>
    <t>POINT (4.672081729005961 51.80965535898283)</t>
  </si>
  <si>
    <t>POINT (4.66618330711943 51.80231303688431)</t>
  </si>
  <si>
    <t>POINT (4.664199035972959 51.79028588657568)</t>
  </si>
  <si>
    <t>POINT (4.657064528001325 51.79257700112462)</t>
  </si>
  <si>
    <t>POINT (4.665701925825292 51.816432700069385)</t>
  </si>
  <si>
    <t>POINT (4.662625388100331 51.80900035763292)</t>
  </si>
  <si>
    <t>POINT (4.687499926248602 51.809077688144946)</t>
  </si>
  <si>
    <t>POINT (4.658966104228366 51.80413361884625)</t>
  </si>
  <si>
    <t>POINT (4.669364278804209 51.802870621749335)</t>
  </si>
  <si>
    <t>POINT (4.682547506573016 51.804414034334776)</t>
  </si>
  <si>
    <t>POINT (4.653821120744036 51.78527633440099)</t>
  </si>
  <si>
    <t>POINT (4.685478160687662 51.81181153575062)</t>
  </si>
  <si>
    <t>POINT (4.694140869141148 51.79498698648527)</t>
  </si>
  <si>
    <t>POINT (4.726373163176493 51.79658055184624)</t>
  </si>
  <si>
    <t>POINT (4.718881591268882 51.80237569624943)</t>
  </si>
  <si>
    <t>POINT (4.671970052000252 51.7924118800833)</t>
  </si>
  <si>
    <t>POINT (4.702350024145307 51.79992452390407)</t>
  </si>
  <si>
    <t>POINT (4.670940297737393 51.797226799936674)</t>
  </si>
  <si>
    <t>POINT (4.710142206430371 51.79573598186793)</t>
  </si>
  <si>
    <t>POINT (4.660642558999453 51.79306838066794)</t>
  </si>
  <si>
    <t>POINT (4.714567529368913 51.813887546514046)</t>
  </si>
  <si>
    <t>POINT (4.679031158113057 51.781179549827364)</t>
  </si>
  <si>
    <t>POINT (4.662816027386978 51.79110434253278)</t>
  </si>
  <si>
    <t>POINT (4.664830443336189 51.81296196123819)</t>
  </si>
  <si>
    <t>POINT (4.682451159705193 51.80215760395672)</t>
  </si>
  <si>
    <t>POINT (4.702221962307129 51.81596497256646)</t>
  </si>
  <si>
    <t>POINT (4.706256761335777 51.78940954553053)</t>
  </si>
  <si>
    <t>POINT (4.6870184243749105 51.80739808837263)</t>
  </si>
  <si>
    <t>POINT (4.698580344517614 51.79331163563936)</t>
  </si>
  <si>
    <t>POINT (4.667989907320598 51.81480107047119)</t>
  </si>
  <si>
    <t>POINT (4.690006230579177 51.80800584040863)</t>
  </si>
  <si>
    <t>POINT (4.7296307057253975 51.80293884825047)</t>
  </si>
  <si>
    <t>POINT (4.653869988546048 51.80395808734258)</t>
  </si>
  <si>
    <t>POINT (4.664517995568519 51.78852754904437)</t>
  </si>
  <si>
    <t>POINT (4.686734599375858 51.81041576802195)</t>
  </si>
  <si>
    <t>POINT (4.6580632923685705 51.80510875955644)</t>
  </si>
  <si>
    <t>POINT (4.675648750479794 51.783361302773166)</t>
  </si>
  <si>
    <t>POINT (4.670622094028894 51.793678646788905)</t>
  </si>
  <si>
    <t>POINT (4.688669348711376 51.80756060023516)</t>
  </si>
  <si>
    <t>POINT (4.664894141013716 51.79801551485746)</t>
  </si>
  <si>
    <t>POINT (4.681789212358211 51.81911872942364)</t>
  </si>
  <si>
    <t>POINT (4.716531140056708 51.81267623114621)</t>
  </si>
  <si>
    <t>POINT (4.67674936660513 51.7837488522802)</t>
  </si>
  <si>
    <t>POINT (4.71330473780188 51.81399098806985)</t>
  </si>
  <si>
    <t>POINT (4.663329003075577 51.78992917973682)</t>
  </si>
  <si>
    <t>POINT (4.7116884042797915 51.807969416976285)</t>
  </si>
  <si>
    <t>POINT (4.683044266572818 51.80497013447995)</t>
  </si>
  <si>
    <t>POINT (4.690127023995165 51.81809690202566)</t>
  </si>
  <si>
    <t>POINT (4.6820590129624815 51.81233455815984)</t>
  </si>
  <si>
    <t>POINT (4.636208919136669 51.77589878620794)</t>
  </si>
  <si>
    <t>POINT (4.671320194578528 51.805846041391995)</t>
  </si>
  <si>
    <t>POINT (4.679141935073018 51.805079252362106)</t>
  </si>
  <si>
    <t>POINT (4.678072837342186 51.80592445528837)</t>
  </si>
  <si>
    <t>POINT (4.655583468349691 51.79131319293244)</t>
  </si>
  <si>
    <t>POINT (4.724929226601583 51.79803569886523)</t>
  </si>
  <si>
    <t>POINT (4.719445614388943 51.81296934130951)</t>
  </si>
  <si>
    <t>POINT (4.6542829879715955 51.792879771477075)</t>
  </si>
  <si>
    <t>POINT (4.721543817157534 51.81103992320796)</t>
  </si>
  <si>
    <t>POINT (4.709060447450024 51.81852883109889)</t>
  </si>
  <si>
    <t>POINT (4.6692473360727575 51.81729468605547)</t>
  </si>
  <si>
    <t>POINT (4.717789468020718 51.80319568009876)</t>
  </si>
  <si>
    <t>POINT (4.657512839826356 51.79869329550618)</t>
  </si>
  <si>
    <t>POINT (4.654421255471994 51.78970506746834)</t>
  </si>
  <si>
    <t>POINT (4.701066120813023 51.78962201333195)</t>
  </si>
  <si>
    <t>POINT (4.666891603028604 51.8166132916074)</t>
  </si>
  <si>
    <t>POINT (4.6693678029615695 51.81244726505383)</t>
  </si>
  <si>
    <t>POINT (4.666143506863063 51.816246543965164)</t>
  </si>
  <si>
    <t>POINT (4.663412305742639 51.81264041712406)</t>
  </si>
  <si>
    <t>POINT (4.65221239348374 51.80111021661821)</t>
  </si>
  <si>
    <t>POINT (4.70741508426021 51.80888197674254)</t>
  </si>
  <si>
    <t>POINT (4.654697419980803 51.80388161142585)</t>
  </si>
  <si>
    <t>POINT (4.67611850761082 51.81834276438126)</t>
  </si>
  <si>
    <t>POINT (4.712793286601203 51.795490247317176)</t>
  </si>
  <si>
    <t>POINT (4.670161670651339 51.778921219895786)</t>
  </si>
  <si>
    <t>POINT (4.657392050407188 51.79621933882111)</t>
  </si>
  <si>
    <t>POINT (4.651007566503187 51.79329298611844)</t>
  </si>
  <si>
    <t>POINT (4.687357353500333 51.804682952843166)</t>
  </si>
  <si>
    <t>POINT (4.719162773454774 51.81322837503195)</t>
  </si>
  <si>
    <t>POINT (4.667050923247108 51.81360078902534)</t>
  </si>
  <si>
    <t>POINT (4.655904824320127 51.770540736173054)</t>
  </si>
  <si>
    <t>POINT (4.678598416214242 51.78556986610934)</t>
  </si>
  <si>
    <t>POINT (4.666369274972477 51.801967773406794)</t>
  </si>
  <si>
    <t>POINT (4.67866558467905 51.77312568286529)</t>
  </si>
  <si>
    <t>POINT (4.678846258649585 51.805085018270255)</t>
  </si>
  <si>
    <t>POINT (4.723729212424102 51.80638714324698)</t>
  </si>
  <si>
    <t>POINT (4.6687626785537635 51.771229033382085)</t>
  </si>
  <si>
    <t>POINT (4.649861167142219 51.76468737735412)</t>
  </si>
  <si>
    <t>POINT (4.678566669707647 51.77530446036681)</t>
  </si>
  <si>
    <t>POINT (4.660174700364186 51.79672077392342)</t>
  </si>
  <si>
    <t>POINT (4.722594881791706 51.802743677291936)</t>
  </si>
  <si>
    <t>POINT (4.684896905943359 51.777792721669506)</t>
  </si>
  <si>
    <t>POINT (4.686016672401089 51.78098713657975)</t>
  </si>
  <si>
    <t>POINT (4.687839480132247 51.803962410326946)</t>
  </si>
  <si>
    <t>POINT (4.666901030340838 51.80210152784266)</t>
  </si>
  <si>
    <t>POINT (4.654773264060755 51.80335584156926)</t>
  </si>
  <si>
    <t>POINT (4.631064628022647 51.77898654486879)</t>
  </si>
  <si>
    <t>POINT (4.696484611492923 51.790210860772895)</t>
  </si>
  <si>
    <t>POINT (4.680719855532365 51.81223398346894)</t>
  </si>
  <si>
    <t>POINT (4.665662894237693 51.80146487390884)</t>
  </si>
  <si>
    <t>POINT (4.680791331948782 51.786173694675014)</t>
  </si>
  <si>
    <t>POINT (4.721538532761615 51.80585501327635)</t>
  </si>
  <si>
    <t>POINT (4.6439355806316565 51.76900552746412)</t>
  </si>
  <si>
    <t>POINT (4.678739384360128 51.785645081065155)</t>
  </si>
  <si>
    <t>POINT (4.674530697896136 51.780993946907984)</t>
  </si>
  <si>
    <t>POINT (4.6627609004947175 51.80399191537285)</t>
  </si>
  <si>
    <t>POINT (4.67902840201918 51.8081105548528)</t>
  </si>
  <si>
    <t>POINT (4.674006804080733 51.77887509990831)</t>
  </si>
  <si>
    <t>POINT (4.719489263106509 51.80113724850584)</t>
  </si>
  <si>
    <t>POINT (4.669965397702402 51.80391168193029)</t>
  </si>
  <si>
    <t>POINT (4.66092572288895 51.8111684470634)</t>
  </si>
  <si>
    <t>POINT (4.680427734079862 51.80681371945392)</t>
  </si>
  <si>
    <t>POINT (4.6695504530281395 51.78014499792655)</t>
  </si>
  <si>
    <t>POINT (4.682197744883214 51.80607673446512)</t>
  </si>
  <si>
    <t>POINT (4.661114620423924 51.80910893288313)</t>
  </si>
  <si>
    <t>POINT (4.66589849579547 51.789362215301786)</t>
  </si>
  <si>
    <t>POINT (4.691887427169023 51.78743846086389)</t>
  </si>
  <si>
    <t>POINT (4.670084938064862 51.77150980784942)</t>
  </si>
  <si>
    <t>POINT (4.702569398785538 51.78954367788772)</t>
  </si>
  <si>
    <t>POINT (4.690682226725689 51.8085885988832)</t>
  </si>
  <si>
    <t>POINT (4.667334500157683 51.809269275566805)</t>
  </si>
  <si>
    <t>POINT (4.653219492796143 51.801976398193474)</t>
  </si>
  <si>
    <t>POINT (4.6604157861015105 51.81269378872704)</t>
  </si>
  <si>
    <t>POINT (4.664130559909098 51.81326228631268)</t>
  </si>
  <si>
    <t>POINT (4.672810294403946 51.81475890927911)</t>
  </si>
  <si>
    <t>POINT (4.702738861283912 51.79947696428509)</t>
  </si>
  <si>
    <t>POINT (4.683197666660347 51.79817442047328)</t>
  </si>
  <si>
    <t>POINT (4.653693944808273 51.785647132797365)</t>
  </si>
  <si>
    <t>POINT (4.7016375526137075 51.79663157263677)</t>
  </si>
  <si>
    <t>POINT (4.682556791463763 51.77766746001264)</t>
  </si>
  <si>
    <t>POINT (4.678470956802826 51.80685990301099)</t>
  </si>
  <si>
    <t>POINT (4.683715960900193 51.77621689147881)</t>
  </si>
  <si>
    <t>POINT (4.675678230262191 51.817314696039816)</t>
  </si>
  <si>
    <t>POINT (4.652497191761439 51.790001435696794)</t>
  </si>
  <si>
    <t>POINT (4.660394334829976 51.79150297926718)</t>
  </si>
  <si>
    <t>POINT (4.729392796349333 51.801600904254784)</t>
  </si>
  <si>
    <t>POINT (4.693423440583288 51.79567770549428)</t>
  </si>
  <si>
    <t>POINT (4.672508065274162 51.77558844185999)</t>
  </si>
  <si>
    <t>POINT (4.635990217818237 51.76733838163203)</t>
  </si>
  <si>
    <t>POINT (4.701256743238817 51.788971458230016)</t>
  </si>
  <si>
    <t>POINT (4.724476501247579 51.798193194369745)</t>
  </si>
  <si>
    <t>POINT (4.657004759064976 51.79908575417562)</t>
  </si>
  <si>
    <t>POINT (4.690375619707472 51.816615506667965)</t>
  </si>
  <si>
    <t>POINT (4.702077643167054 51.815938287791894)</t>
  </si>
  <si>
    <t>POINT (4.662769225140397 51.8093954085326)</t>
  </si>
  <si>
    <t>POINT (4.682607674227342 51.77408245081273)</t>
  </si>
  <si>
    <t>POINT (4.677579711415391 51.790420335569955)</t>
  </si>
  <si>
    <t>POINT (4.664715895462029 51.81789546438635)</t>
  </si>
  <si>
    <t>POINT (4.659507478103617 51.812966566360586)</t>
  </si>
  <si>
    <t>POINT (4.701923588662402 51.79644349295133)</t>
  </si>
  <si>
    <t>POINT (4.663310850696902 51.799143276156784)</t>
  </si>
  <si>
    <t>POINT (4.6759095171479075 51.81816760325195)</t>
  </si>
  <si>
    <t>POINT (4.6627634192422205 51.81331631703531)</t>
  </si>
  <si>
    <t>POINT (4.661865399143191 51.81322828983408)</t>
  </si>
  <si>
    <t>POINT (4.706567623899628 51.798342388040695)</t>
  </si>
  <si>
    <t>POINT (4.654527999733258 51.79515245179897)</t>
  </si>
  <si>
    <t>POINT (4.6743308752621875 51.812774154073054)</t>
  </si>
  <si>
    <t>POINT (4.680584452623349 51.781833317368765)</t>
  </si>
  <si>
    <t>POINT (4.666913565700178 51.81581421642069)</t>
  </si>
  <si>
    <t>POINT (4.683285257833727 51.79795804918603)</t>
  </si>
  <si>
    <t>POINT (4.661293362464844 51.788929488166985)</t>
  </si>
  <si>
    <t>POINT (4.713986469743618 51.813753412047475)</t>
  </si>
  <si>
    <t>POINT (4.6681979634720525 51.772099096288045)</t>
  </si>
  <si>
    <t>POINT (4.711355711066888 51.815415535329414)</t>
  </si>
  <si>
    <t>POINT (4.661853210132626 51.7889264163941)</t>
  </si>
  <si>
    <t>POINT (4.670641556533553 51.77321154713606)</t>
  </si>
  <si>
    <t>POINT (4.671133958418129 51.803555145971615)</t>
  </si>
  <si>
    <t>POINT (4.711251118648323 51.81154638385679)</t>
  </si>
  <si>
    <t>POINT (4.659698546151526 51.80356460286236)</t>
  </si>
  <si>
    <t>POINT (4.686014677535482 51.808996374001005)</t>
  </si>
  <si>
    <t>POINT (4.6555925921211205 51.79139502911439)</t>
  </si>
  <si>
    <t>POINT (4.678582168203425 51.78464155917753)</t>
  </si>
  <si>
    <t>POINT (4.66561867821752 51.77513745099596)</t>
  </si>
  <si>
    <t>POINT (4.689224344716941 51.807565322952065)</t>
  </si>
  <si>
    <t>POINT (4.670052159435901 51.78926379919216)</t>
  </si>
  <si>
    <t>POINT (4.679978631133575 51.78904284245913)</t>
  </si>
  <si>
    <t>POINT (4.6853988987448885 51.792118864307575)</t>
  </si>
  <si>
    <t>POINT (4.663081994254857 51.81511627979371)</t>
  </si>
  <si>
    <t>POINT (4.7181295829760055 51.80048257206805)</t>
  </si>
  <si>
    <t>POINT (4.639271567938265 51.776233682001504)</t>
  </si>
  <si>
    <t>POINT (4.656155112123304 51.79838917812512)</t>
  </si>
  <si>
    <t>POINT (4.65607780170187 51.79016069521944)</t>
  </si>
  <si>
    <t>POINT (4.6902484825539785 51.81866222758272)</t>
  </si>
  <si>
    <t>POINT (4.67659254577806 51.778634607093146)</t>
  </si>
  <si>
    <t>POINT (4.664613231107391 51.78609438955996)</t>
  </si>
  <si>
    <t>POINT (4.676299759366874 51.81843389287634)</t>
  </si>
  <si>
    <t>POINT (4.724217636486949 51.80552433392119)</t>
  </si>
  <si>
    <t>POINT (4.6787502174056534 51.787093854514154)</t>
  </si>
  <si>
    <t>POINT (4.659346852370475 51.79823057854474)</t>
  </si>
  <si>
    <t>POINT (4.723101412508442 51.80605740320305)</t>
  </si>
  <si>
    <t>POINT (4.679453946702035 51.77697952385384)</t>
  </si>
  <si>
    <t>POINT (4.662406382591259 51.79171526440465)</t>
  </si>
  <si>
    <t>POINT (4.657150557575921 51.7985754381125)</t>
  </si>
  <si>
    <t>POINT (4.652416769239594 51.79279443507954)</t>
  </si>
  <si>
    <t>POINT (4.678072930934815 51.78771521355456)</t>
  </si>
  <si>
    <t>POINT (4.655576440998032 51.79106365847104)</t>
  </si>
  <si>
    <t>POINT (4.672082690570766 51.77902922609105)</t>
  </si>
  <si>
    <t>POINT (4.65367227960024 51.792576414757704)</t>
  </si>
  <si>
    <t>POINT (4.691036227501422 51.787524575702186)</t>
  </si>
  <si>
    <t>POINT (4.652296677753149 51.785273562028195)</t>
  </si>
  <si>
    <t>POINT (4.675097660152681 51.78230149836548)</t>
  </si>
  <si>
    <t>POINT (4.717108532615666 51.79999207722344)</t>
  </si>
  <si>
    <t>POINT (4.6534493374776265 51.803470795918486)</t>
  </si>
  <si>
    <t>POINT (4.65837427660479 51.81328498727212)</t>
  </si>
  <si>
    <t>POINT (4.697234063988501 51.79861399832672)</t>
  </si>
  <si>
    <t>POINT (4.677894591417181 51.80742705743025)</t>
  </si>
  <si>
    <t>POINT (4.674891926532043 51.805348241262934)</t>
  </si>
  <si>
    <t>POINT (4.728040517670284 51.79576364101573)</t>
  </si>
  <si>
    <t>POINT (4.700248863058826 51.79787229023545)</t>
  </si>
  <si>
    <t>POINT (4.72773936498357 51.79846796219772)</t>
  </si>
  <si>
    <t>POINT (4.680995240669809 51.812099013287956)</t>
  </si>
  <si>
    <t>POINT (4.665745987385421 51.81298894147712)</t>
  </si>
  <si>
    <t>POINT (4.675994543828097 51.81340988680003)</t>
  </si>
  <si>
    <t>POINT (4.72065484874769 51.811278882820886)</t>
  </si>
  <si>
    <t>POINT (4.661262032358968 51.788805672596695)</t>
  </si>
  <si>
    <t>POINT (4.659336569450968 51.801130709171545)</t>
  </si>
  <si>
    <t>POINT (4.686931483306267 51.77700079370605)</t>
  </si>
  <si>
    <t>POINT (4.683722135918151 51.804041131321824)</t>
  </si>
  <si>
    <t>POINT (4.636860787581485 51.778213622126096)</t>
  </si>
  <si>
    <t>POINT (4.721423926887626 51.80021179604176)</t>
  </si>
  <si>
    <t>POINT (4.669529383249154 51.81420548534891)</t>
  </si>
  <si>
    <t>POINT (4.653421218592764 51.79185366244295)</t>
  </si>
  <si>
    <t>POINT (4.6804568117572005 51.80286570909033)</t>
  </si>
  <si>
    <t>POINT (4.721849423702443 51.806129905313085)</t>
  </si>
  <si>
    <t>POINT (4.675797182551569 51.7847171687393)</t>
  </si>
  <si>
    <t>POINT (4.7153970728371 51.80879057106148)</t>
  </si>
  <si>
    <t>POINT (4.661792014798229 51.79603784614769)</t>
  </si>
  <si>
    <t>POINT (4.7169132978079364 51.81370107864776)</t>
  </si>
  <si>
    <t>POINT (4.710432996845756 51.78657261051693)</t>
  </si>
  <si>
    <t>POINT (4.662636472503624 51.80905323460248)</t>
  </si>
  <si>
    <t>POINT (4.680574554038015 51.77329104184011)</t>
  </si>
  <si>
    <t>POINT (4.663515760954905 51.8034276882931)</t>
  </si>
  <si>
    <t>POINT (4.647879485880372 51.79086832987702)</t>
  </si>
  <si>
    <t>POINT (4.656761026185752 51.79129477819398)</t>
  </si>
  <si>
    <t>POINT (4.711401559588863 51.80584659739765)</t>
  </si>
  <si>
    <t>POINT (4.679502003641392 51.81645474291497)</t>
  </si>
  <si>
    <t>POINT (4.686875880980548 51.77788622596175)</t>
  </si>
  <si>
    <t>POINT (4.685954664431322 51.77928318333461)</t>
  </si>
  <si>
    <t>POINT (4.663996524671197 51.78881781655768)</t>
  </si>
  <si>
    <t>POINT (4.666200614000141 51.80825418846815)</t>
  </si>
  <si>
    <t>POINT (4.728125895459723 51.8028836106407)</t>
  </si>
  <si>
    <t>POINT (4.661927544497256 51.78613809328806)</t>
  </si>
  <si>
    <t>POINT (4.6702281199661195 51.801817863204505)</t>
  </si>
  <si>
    <t>POINT (4.653530973137788 51.80427783536036)</t>
  </si>
  <si>
    <t>POINT (4.715311093690417 51.804799021819676)</t>
  </si>
  <si>
    <t>POINT (4.673225752319661 51.81280547573642)</t>
  </si>
  <si>
    <t>POINT (4.71076684829607 51.793984881567106)</t>
  </si>
  <si>
    <t>POINT (4.655608777829499 51.791354240413)</t>
  </si>
  <si>
    <t>POINT (4.662754623205765 51.80910476813118)</t>
  </si>
  <si>
    <t>POINT (4.709388892211525 51.80556194045812)</t>
  </si>
  <si>
    <t>POINT (4.671589015324597 51.8019502510368)</t>
  </si>
  <si>
    <t>POINT (4.661073324659393 51.801666482027485)</t>
  </si>
  <si>
    <t>POINT (4.69632682345424 51.760155736113234)</t>
  </si>
  <si>
    <t>POINT (4.651834600794477 51.79429534469595)</t>
  </si>
  <si>
    <t>POINT (4.732777532297478 51.79255314181165)</t>
  </si>
  <si>
    <t>POINT (4.679550018787453 51.80546014636977)</t>
  </si>
  <si>
    <t>POINT (4.711264738232053 51.79493383468241)</t>
  </si>
  <si>
    <t>POINT (4.721330883416292 51.79485266677179)</t>
  </si>
  <si>
    <t>POINT (4.682007447098223 51.780176257400804)</t>
  </si>
  <si>
    <t>POINT (4.698550234886753 51.793478899879695)</t>
  </si>
  <si>
    <t>POINT (4.683501303940738 51.78899769011971)</t>
  </si>
  <si>
    <t>POINT (4.661220464406505 51.80913397406394)</t>
  </si>
  <si>
    <t>POINT (4.710296124365022 51.8040303160292)</t>
  </si>
  <si>
    <t>POINT (4.71609483206135 51.807999122710726)</t>
  </si>
  <si>
    <t>POINT (4.678991715152825 51.78087459473511)</t>
  </si>
  <si>
    <t>POINT (4.667501912720065 51.79557869668972)</t>
  </si>
  <si>
    <t>POINT (4.6525674902461684 51.8009718572009)</t>
  </si>
  <si>
    <t>POINT (4.712035222047135 51.81624350681952)</t>
  </si>
  <si>
    <t>POINT (4.680827674606637 51.78542980245744)</t>
  </si>
  <si>
    <t>POINT (4.675280949000241 51.809873317527305)</t>
  </si>
  <si>
    <t>POINT (4.652789968291935 51.793372480888465)</t>
  </si>
  <si>
    <t>POINT (4.67018257984971 51.814306169251594)</t>
  </si>
  <si>
    <t>POINT (4.667937917648955 51.81515544494168)</t>
  </si>
  <si>
    <t>POINT (4.6650637469258065 51.79568820798212)</t>
  </si>
  <si>
    <t>POINT (4.630736032716349 51.73157718871695)</t>
  </si>
  <si>
    <t>POINT (4.653757260630387 51.78527743623968)</t>
  </si>
  <si>
    <t>POINT (4.720163420179033 51.79977702882474)</t>
  </si>
  <si>
    <t>POINT (4.66950584890015 51.804318018913925)</t>
  </si>
  <si>
    <t>POINT (4.6600983409370835 51.81310909495039)</t>
  </si>
  <si>
    <t>POINT (4.713066609106553 51.80299138481424)</t>
  </si>
  <si>
    <t>POINT (4.671390101474704 51.80444640873161)</t>
  </si>
  <si>
    <t>POINT (4.670024490188309 51.79342061500679)</t>
  </si>
  <si>
    <t>POINT (4.67025265586299 51.81137151638132)</t>
  </si>
  <si>
    <t>POINT (4.670954304654041 51.77393117047192)</t>
  </si>
  <si>
    <t>POINT (4.655643073163155 51.78860291090821)</t>
  </si>
  <si>
    <t>POINT (4.710322542014271 51.804389645933355)</t>
  </si>
  <si>
    <t>POINT (4.658645546301792 51.8027395767159)</t>
  </si>
  <si>
    <t>POINT (4.663552998985249 51.814385331381196)</t>
  </si>
  <si>
    <t>POINT (4.664174249659681 51.777724820573226)</t>
  </si>
  <si>
    <t>POINT (4.714416543748173 51.81387801598997)</t>
  </si>
  <si>
    <t>POINT (4.630581599646172 51.72816651816673)</t>
  </si>
  <si>
    <t>POINT (4.722030031423885 51.803527962584226)</t>
  </si>
  <si>
    <t>POINT (4.682108914676202 51.811110466839466)</t>
  </si>
  <si>
    <t>POINT (4.724098566013048 51.8029605593564)</t>
  </si>
  <si>
    <t>POINT (4.669231923222864 51.81892714999484)</t>
  </si>
  <si>
    <t>POINT (4.685442340991735 51.809558726283484)</t>
  </si>
  <si>
    <t>POINT (4.67505818988264 51.805574291009414)</t>
  </si>
  <si>
    <t>POINT (4.67049447567114 51.79621485402864)</t>
  </si>
  <si>
    <t>POINT (4.734504896271713 51.79888717240898)</t>
  </si>
  <si>
    <t>POINT (4.729219512678383 51.79080919071093)</t>
  </si>
  <si>
    <t>POINT (4.661380099974279 51.804826422450354)</t>
  </si>
  <si>
    <t>POINT (4.666972997226818 51.78168713189871)</t>
  </si>
  <si>
    <t>POINT (4.66203272280756 51.815672608979625)</t>
  </si>
  <si>
    <t>POINT (4.659629153313514 51.7713189900363)</t>
  </si>
  <si>
    <t>POINT (4.656126409228242 51.78865220699127)</t>
  </si>
  <si>
    <t>POINT (4.671767474361712 51.80254812507039)</t>
  </si>
  <si>
    <t>POINT (4.722986756093505 51.80602245360347)</t>
  </si>
  <si>
    <t>POINT (4.664564609560128 51.78870576761859)</t>
  </si>
  <si>
    <t>POINT (4.677139319600742 51.80362764101612)</t>
  </si>
  <si>
    <t>POINT (4.682049857493642 51.787690360312794)</t>
  </si>
  <si>
    <t>POINT (4.665661068564356 51.809824358975895)</t>
  </si>
  <si>
    <t>POINT (4.628801304948806 51.725047691810836)</t>
  </si>
  <si>
    <t>POINT (4.718162698890632 51.79895087929129)</t>
  </si>
  <si>
    <t>POINT (4.67600661252652 51.804384450144155)</t>
  </si>
  <si>
    <t>POINT (4.668075527109575 51.77276696242704)</t>
  </si>
  <si>
    <t>POINT (4.677466576284519 51.80572352438101)</t>
  </si>
  <si>
    <t>POINT (4.703128731501394 51.80419409543925)</t>
  </si>
  <si>
    <t>POINT (4.668981915591667 51.79914628173477)</t>
  </si>
  <si>
    <t>POINT (4.7037471078578275 51.79561106490031)</t>
  </si>
  <si>
    <t>POINT (4.655127091914563 51.793657873073684)</t>
  </si>
  <si>
    <t>POINT (4.709454940727421 51.80478993619348)</t>
  </si>
  <si>
    <t>POINT (4.709255438714848 51.809517145579974)</t>
  </si>
  <si>
    <t>POINT (4.636756096259251 51.777226833594604)</t>
  </si>
  <si>
    <t>POINT (4.68524572120511 51.81304524180563)</t>
  </si>
  <si>
    <t>POINT (4.657287379278512 51.805795939030695)</t>
  </si>
  <si>
    <t>POINT (4.6604499316959345 51.78740574942729)</t>
  </si>
  <si>
    <t>POINT (4.644829999536857 51.76930722809293)</t>
  </si>
  <si>
    <t>POINT (4.709334436016406 51.79609589760685)</t>
  </si>
  <si>
    <t>POINT (4.674291210444142 51.81795403801096)</t>
  </si>
  <si>
    <t>POINT (4.673735652013165 51.80815305473786)</t>
  </si>
  <si>
    <t>POINT (4.6637886001058 51.79771354161739)</t>
  </si>
  <si>
    <t>POINT (4.697738256852195 51.791419931303096)</t>
  </si>
  <si>
    <t>POINT (4.652243712755255 51.80332972319783)</t>
  </si>
  <si>
    <t>POINT (4.714395632362142 51.81611110485631)</t>
  </si>
  <si>
    <t>POINT (4.661886617004752 51.815949573106515)</t>
  </si>
  <si>
    <t>POINT (4.664419029830474 51.790567689758966)</t>
  </si>
  <si>
    <t>POINT (4.6743863202255485 51.797018620624144)</t>
  </si>
  <si>
    <t>POINT (4.660961672269059 51.81350464857276)</t>
  </si>
  <si>
    <t>POINT (4.683559916124009 51.78221996562683)</t>
  </si>
  <si>
    <t>POINT (4.657221387822577 51.80253484339384)</t>
  </si>
  <si>
    <t>POINT (4.665367370277121 51.809219888519706)</t>
  </si>
  <si>
    <t>POINT (4.655088255572587 51.79461368761884)</t>
  </si>
  <si>
    <t>POINT (4.662947654848523 51.78918670496718)</t>
  </si>
  <si>
    <t>POINT (4.657743187199004 51.81059968702882)</t>
  </si>
  <si>
    <t>POINT (4.6564866317234035 51.80128074193641)</t>
  </si>
  <si>
    <t>POINT (4.701544765787024 51.80184100349147)</t>
  </si>
  <si>
    <t>POINT (4.680091503966635 51.805047828330416)</t>
  </si>
  <si>
    <t>POINT (4.681032189797649 51.79836126111336)</t>
  </si>
  <si>
    <t>POINT (4.692082462620921 51.807656229357704)</t>
  </si>
  <si>
    <t>POINT (4.6645362204726855 51.81031960785834)</t>
  </si>
  <si>
    <t>POINT (4.667870755920869 51.77367321658282)</t>
  </si>
  <si>
    <t>POINT (4.662335763082145 51.80068283513181)</t>
  </si>
  <si>
    <t>POINT (4.651737139345197 51.790673415393535)</t>
  </si>
  <si>
    <t>POINT (4.676593869372376 51.78381918177421)</t>
  </si>
  <si>
    <t>POINT (4.703709095522575 51.79636513626353)</t>
  </si>
  <si>
    <t>POINT (4.6948607888061415 51.79403429393157)</t>
  </si>
  <si>
    <t>POINT (4.653293506490811 51.79377162960897)</t>
  </si>
  <si>
    <t>POINT (4.664697576364618 51.78899649034036)</t>
  </si>
  <si>
    <t>POINT (4.664800285097384 51.79185135964272)</t>
  </si>
  <si>
    <t>POINT (4.704592156241278 51.80832650432049)</t>
  </si>
  <si>
    <t>POINT (4.660093990518314 51.79635604261387)</t>
  </si>
  <si>
    <t>POINT (4.709644687149705 51.787213185735176)</t>
  </si>
  <si>
    <t>POINT (4.671350785912852 51.77225615310613)</t>
  </si>
  <si>
    <t>POINT (4.668628082018928 51.7995425029578)</t>
  </si>
  <si>
    <t>POINT (4.669965861429693 51.8020984421864)</t>
  </si>
  <si>
    <t>POINT (4.663302054834227 51.81483018847025)</t>
  </si>
  <si>
    <t>POINT (4.68558393579708 51.80981726901136)</t>
  </si>
  <si>
    <t>POINT (4.67841066246391 51.78425570785385)</t>
  </si>
  <si>
    <t>POINT (4.657635868362124 51.80314383472504)</t>
  </si>
  <si>
    <t>POINT (4.707411501058181 51.806535190326244)</t>
  </si>
  <si>
    <t>POINT (4.663887781646588 51.81408023415051)</t>
  </si>
  <si>
    <t>POINT (4.634021441352956 51.74945720930587)</t>
  </si>
  <si>
    <t>POINT (4.684991480358542 51.77755097956516)</t>
  </si>
  <si>
    <t>POINT (4.658759763516847 51.80261145089609)</t>
  </si>
  <si>
    <t>POINT (4.682257937787315 51.787357851837314)</t>
  </si>
  <si>
    <t>POINT (4.66385612867466 51.81066953580132)</t>
  </si>
  <si>
    <t>POINT (4.693333208295688 51.79150890716323)</t>
  </si>
  <si>
    <t>POINT (4.6791276769872505 51.781804577507046)</t>
  </si>
  <si>
    <t>POINT (4.720495539642574 51.812209344268446)</t>
  </si>
  <si>
    <t>POINT (4.66364572631385 51.79398599121626)</t>
  </si>
  <si>
    <t>POINT (4.680650829532818 51.785440899105076)</t>
  </si>
  <si>
    <t>POINT (4.6569712796495235 51.805708552731154)</t>
  </si>
  <si>
    <t>POINT (4.659539551509213 51.814977740326896)</t>
  </si>
  <si>
    <t>POINT (4.659705379664005 51.81433217657669)</t>
  </si>
  <si>
    <t>POINT (4.66847099748359 51.79057569505102)</t>
  </si>
  <si>
    <t>POINT (4.681090325288136 51.776637488077704)</t>
  </si>
  <si>
    <t>POINT (4.660365415369332 51.79146529921487)</t>
  </si>
  <si>
    <t>POINT (4.68135202540946 51.80430132191814)</t>
  </si>
  <si>
    <t>POINT (4.7274897970000405 51.80555756235724)</t>
  </si>
  <si>
    <t>POINT (4.654213241687488 51.80317928502773)</t>
  </si>
  <si>
    <t>POINT (4.678752306346628 51.80892319907997)</t>
  </si>
  <si>
    <t>POINT (4.661449281500421 51.79464254979636)</t>
  </si>
  <si>
    <t>POINT (4.650463115807824 51.79416674967657)</t>
  </si>
  <si>
    <t>POINT (4.6976662216195875 51.79685353752053)</t>
  </si>
  <si>
    <t>POINT (4.711342980594777 51.81537277497273)</t>
  </si>
  <si>
    <t>POINT (4.690257258485091 51.818741892188015)</t>
  </si>
  <si>
    <t>POINT (4.657465528157918 51.80646581481942)</t>
  </si>
  <si>
    <t>POINT (4.671765341644353 51.792531107333105)</t>
  </si>
  <si>
    <t>POINT (4.668662042534241 51.81258827475412)</t>
  </si>
  <si>
    <t>POINT (4.667825656127195 51.782315542570664)</t>
  </si>
  <si>
    <t>POINT (4.664881597709821 51.809989926080846)</t>
  </si>
  <si>
    <t>POINT (4.702558685504449 51.79906910417562)</t>
  </si>
  <si>
    <t>POINT (4.729529980714783 51.803082191816316)</t>
  </si>
  <si>
    <t>POINT (4.655614442389472 51.80253575614016)</t>
  </si>
  <si>
    <t>POINT (4.658210623400923 51.80013422506293)</t>
  </si>
  <si>
    <t>POINT (4.667665336092494 51.7989889486935)</t>
  </si>
  <si>
    <t>POINT (4.672232132345904 51.814911773258856)</t>
  </si>
  <si>
    <t>POINT (4.695286081891908 51.81847182176812)</t>
  </si>
  <si>
    <t>POINT (4.658425096081631 51.80610655888799)</t>
  </si>
  <si>
    <t>POINT (4.6645129517793364 51.815515847247944)</t>
  </si>
  <si>
    <t>POINT (4.642863766177397 51.77000095628298)</t>
  </si>
  <si>
    <t>POINT (4.639212376764467 51.78013997164963)</t>
  </si>
  <si>
    <t>POINT (4.666006198916808 51.7911043216622)</t>
  </si>
  <si>
    <t>POINT (4.669702303482526 51.80822349946423)</t>
  </si>
  <si>
    <t>POINT (4.65701646403699 51.79708934649999)</t>
  </si>
  <si>
    <t>POINT (4.671202430950775 51.80521482975827)</t>
  </si>
  <si>
    <t>POINT (4.688148839072565 51.808894025126094)</t>
  </si>
  <si>
    <t>POINT (4.718850549733188 51.8059554178399)</t>
  </si>
  <si>
    <t>POINT (4.65500607891042 51.800712172111346)</t>
  </si>
  <si>
    <t>POINT (4.667604719445374 51.78777471841731)</t>
  </si>
  <si>
    <t>POINT (4.652102599434898 51.79346386069679)</t>
  </si>
  <si>
    <t>POINT (4.665386918541862 51.80193685348607)</t>
  </si>
  <si>
    <t>POINT (4.666367263965821 51.8128694795765)</t>
  </si>
  <si>
    <t>POINT (4.674530471630682 51.78518247401168)</t>
  </si>
  <si>
    <t>POINT (4.681147806880824 51.79990963687151)</t>
  </si>
  <si>
    <t>POINT (4.679040590457124 51.78134219438531)</t>
  </si>
  <si>
    <t>POINT (4.698396569392773 51.79998816674823)</t>
  </si>
  <si>
    <t>POINT (4.725040343050704 51.80481414888225)</t>
  </si>
  <si>
    <t>POINT (4.694844131165336 51.79605650325729)</t>
  </si>
  <si>
    <t>POINT (4.6712024677069435 51.814743295128835)</t>
  </si>
  <si>
    <t>POINT (4.668163203250353 51.802957828544855)</t>
  </si>
  <si>
    <t>POINT (4.663810384661063 51.80263014080944)</t>
  </si>
  <si>
    <t>POINT (4.667139125729519 51.80812910300262)</t>
  </si>
  <si>
    <t>POINT (4.6676593781446085 51.79511034478455)</t>
  </si>
  <si>
    <t>POINT (4.68590569794881 51.8035630972201)</t>
  </si>
  <si>
    <t>POINT (4.66464964053583 51.81328720013464)</t>
  </si>
  <si>
    <t>POINT (4.659293959165848 51.81036747609257)</t>
  </si>
  <si>
    <t>POINT (4.661554597840073 51.79597247726786)</t>
  </si>
  <si>
    <t>POINT (4.714739671622635 51.804870273331005)</t>
  </si>
  <si>
    <t>POINT (4.666067791653129 51.809363825158215)</t>
  </si>
  <si>
    <t>POINT (4.712998716022556 51.8087857868034)</t>
  </si>
  <si>
    <t>POINT (4.674291113534302 51.77615274642169)</t>
  </si>
  <si>
    <t>POINT (4.724473176370226 51.8032738265768)</t>
  </si>
  <si>
    <t>POINT (4.673494499814671 51.81264440653915)</t>
  </si>
  <si>
    <t>POINT (4.707108268624692 51.807690569206315)</t>
  </si>
  <si>
    <t>POINT (4.734999339152239 51.80077038956379)</t>
  </si>
  <si>
    <t>POINT (4.663070309003442 51.81479912306042)</t>
  </si>
  <si>
    <t>POINT (4.685338739244764 51.78885167448544)</t>
  </si>
  <si>
    <t>POINT (4.669898057283295 51.800439965434244)</t>
  </si>
  <si>
    <t>POINT (4.656598132808455 51.79008277790343)</t>
  </si>
  <si>
    <t>POINT (4.664063481469603 51.803211058005736)</t>
  </si>
  <si>
    <t>POINT (4.663398428745844 51.814857937703835)</t>
  </si>
  <si>
    <t>POINT (4.674282174017549 51.812733121562154)</t>
  </si>
  <si>
    <t>POINT (4.662793142366422 51.80274567060189)</t>
  </si>
  <si>
    <t>POINT (4.673201584339089 51.795258028847634)</t>
  </si>
  <si>
    <t>POINT (4.666413772435481 51.81322683148667)</t>
  </si>
  <si>
    <t>POINT (4.667240288775936 51.817717523392815)</t>
  </si>
  <si>
    <t>POINT (4.670747687169944 51.81322077763436)</t>
  </si>
  <si>
    <t>POINT (4.652156323701545 51.78118925043004)</t>
  </si>
  <si>
    <t>POINT (4.66094556516292 51.81254197783766)</t>
  </si>
  <si>
    <t>POINT (4.656131976330594 51.80254176839084)</t>
  </si>
  <si>
    <t>POINT (4.714799552011578 51.81608596846378)</t>
  </si>
  <si>
    <t>POINT (4.631757411187917 51.722864565603075)</t>
  </si>
  <si>
    <t>POINT (4.690420351378941 51.81795482542886)</t>
  </si>
  <si>
    <t>POINT (4.683577817743153 51.818891662191795)</t>
  </si>
  <si>
    <t>POINT (4.678719216551971 51.77845969830755)</t>
  </si>
  <si>
    <t>POINT (4.669318657994306 51.81655826702447)</t>
  </si>
  <si>
    <t>POINT (4.662904884121963 51.81247792607231)</t>
  </si>
  <si>
    <t>POINT (4.668597222359993 51.79821363262572)</t>
  </si>
  <si>
    <t>POINT (4.689019256762131 51.80658177659029)</t>
  </si>
  <si>
    <t>POINT (4.663858133891185 51.796978254511586)</t>
  </si>
  <si>
    <t>POINT (4.659736353710468 51.80718804406738)</t>
  </si>
  <si>
    <t>POINT (4.678927283004654 51.79915808488552)</t>
  </si>
  <si>
    <t>POINT (4.658335362837884 51.80394511967204)</t>
  </si>
  <si>
    <t>POINT (4.701089464061669 51.799014931209356)</t>
  </si>
  <si>
    <t>POINT (4.6508859434947025 51.80341513348698)</t>
  </si>
  <si>
    <t>POINT (4.68633587190543 51.77575117766503)</t>
  </si>
  <si>
    <t>POINT (4.664252518465262 51.78750556929861)</t>
  </si>
  <si>
    <t>POINT (4.685664160721802 51.78131160601669)</t>
  </si>
  <si>
    <t>POINT (4.671336448736992 51.80533820813569)</t>
  </si>
  <si>
    <t>POINT (4.685129489713973 51.78258559259863)</t>
  </si>
  <si>
    <t>POINT (4.675907739166214 51.77509069422496)</t>
  </si>
  <si>
    <t>POINT (4.651353674156394 51.78962236026308)</t>
  </si>
  <si>
    <t>POINT (4.732444754125719 51.79983225591281)</t>
  </si>
  <si>
    <t>POINT (4.682892242429443 51.77922043905935)</t>
  </si>
  <si>
    <t>POINT (4.651604898371047 51.784831340439126)</t>
  </si>
  <si>
    <t>POINT (4.71689257140814 51.79526196737821)</t>
  </si>
  <si>
    <t>POINT (4.656298518516083 51.78477429882611)</t>
  </si>
  <si>
    <t>POINT (4.661509187962712 51.80904306862551)</t>
  </si>
  <si>
    <t>POINT (4.681163042127199 51.798784516612315)</t>
  </si>
  <si>
    <t>POINT (4.7086706239884135 51.807016269640854)</t>
  </si>
  <si>
    <t>POINT (4.6723069816965515 51.77272455392657)</t>
  </si>
  <si>
    <t>POINT (4.682892704991907 51.811480562869995)</t>
  </si>
  <si>
    <t>POINT (4.684087225871649 51.81242608862184)</t>
  </si>
  <si>
    <t>POINT (4.669161165146094 51.81292082768783)</t>
  </si>
  <si>
    <t>POINT (4.662189609987294 51.8047483176663)</t>
  </si>
  <si>
    <t>POINT (4.662395905448372 51.791589681415225)</t>
  </si>
  <si>
    <t>POINT (4.669803013505874 51.804303243046036)</t>
  </si>
  <si>
    <t>POINT (4.671026793467059 51.77188576353416)</t>
  </si>
  <si>
    <t>POINT (4.6887081662792065 51.80703168655306)</t>
  </si>
  <si>
    <t>POINT (4.674144464190338 51.812616645627315)</t>
  </si>
  <si>
    <t>POINT (4.699661095522801 51.79999958346705)</t>
  </si>
  <si>
    <t>POINT (4.693458860082441 51.79703845844319)</t>
  </si>
  <si>
    <t>POINT (4.676914006482386 51.773015789561974)</t>
  </si>
  <si>
    <t>POINT (4.672689754177372 51.77649006489118)</t>
  </si>
  <si>
    <t>POINT (4.677991522709632 51.8143019088331)</t>
  </si>
  <si>
    <t>POINT (4.692071537413448 51.787424612802305)</t>
  </si>
  <si>
    <t>POINT (4.630950792852392 51.783702347506775)</t>
  </si>
  <si>
    <t>POINT (4.719398044956939 51.81564728783047)</t>
  </si>
  <si>
    <t>POINT (4.656197192769304 51.80280107617479)</t>
  </si>
  <si>
    <t>POINT (4.673676325935438 51.807491747582446)</t>
  </si>
  <si>
    <t>POINT (4.638657925939967 51.791445704392494)</t>
  </si>
  <si>
    <t>POINT (4.709622108408446 51.81030639004459)</t>
  </si>
  <si>
    <t>POINT (4.67592880128005 51.77513613404125)</t>
  </si>
  <si>
    <t>POINT (4.674013308298171 51.78946860283715)</t>
  </si>
  <si>
    <t>POINT (4.675548778487555 51.7832824586319)</t>
  </si>
  <si>
    <t>POINT (4.675689107813332 51.773840287962436)</t>
  </si>
  <si>
    <t>POINT (4.705483634297645 51.79835397311676)</t>
  </si>
  <si>
    <t>POINT (4.652245385425324 51.78552276750014)</t>
  </si>
  <si>
    <t>POINT (4.667754440843111 51.811705931450014)</t>
  </si>
  <si>
    <t>POINT (4.7125049922283315 51.81408907019157)</t>
  </si>
  <si>
    <t>POINT (4.67393433307009 51.8036908351022)</t>
  </si>
  <si>
    <t>POINT (4.657872237020461 51.81313290775421)</t>
  </si>
  <si>
    <t>POINT (4.6858871923588765 51.78649687116475)</t>
  </si>
  <si>
    <t>POINT (4.719436991479858 51.81240007794942)</t>
  </si>
  <si>
    <t>POINT (4.683638180036654 51.80128037682287)</t>
  </si>
  <si>
    <t>POINT (4.666775454747157 51.7938958505751)</t>
  </si>
  <si>
    <t>POINT (4.7261081550668385 51.79522310348739)</t>
  </si>
  <si>
    <t>POINT (4.719528988018986 51.804416055962164)</t>
  </si>
  <si>
    <t>POINT (4.668357230820626 51.79309620205335)</t>
  </si>
  <si>
    <t>POINT (4.6966491181371595 51.79993915391743)</t>
  </si>
  <si>
    <t>POINT (4.673882329848585 51.78328552286939)</t>
  </si>
  <si>
    <t>POINT (4.693479131544518 51.795699661554515)</t>
  </si>
  <si>
    <t>POINT (4.6661649691266645 51.786746136072864)</t>
  </si>
  <si>
    <t>POINT (4.663592621483582 51.81440148566145)</t>
  </si>
  <si>
    <t>POINT (4.678955169418275 51.788487323908825)</t>
  </si>
  <si>
    <t>POINT (4.663470026879605 51.81470896046643)</t>
  </si>
  <si>
    <t>POINT (4.663796359688651 51.8138478975426)</t>
  </si>
  <si>
    <t>POINT (4.678709946987566 51.7935043729071)</t>
  </si>
  <si>
    <t>POINT (4.717527266472382 51.802422724337305)</t>
  </si>
  <si>
    <t>POINT (4.679249100163178 51.77529242892881)</t>
  </si>
  <si>
    <t>POINT (4.696548908990009 51.819543344895436)</t>
  </si>
  <si>
    <t>POINT (4.6550696563175835 51.80730380968322)</t>
  </si>
  <si>
    <t>POINT (4.678959878253273 51.780952073866516)</t>
  </si>
  <si>
    <t>POINT (4.664063042782979 51.813058564325786)</t>
  </si>
  <si>
    <t>POINT (4.657755359266452 51.796391808332324)</t>
  </si>
  <si>
    <t>POINT (4.680433041282141 51.77474265622564)</t>
  </si>
  <si>
    <t>POINT (4.713898666242588 51.80596765648747)</t>
  </si>
  <si>
    <t>POINT (4.728775776731165 51.799862132548235)</t>
  </si>
  <si>
    <t>POINT (4.704718391247373 51.798306423643744)</t>
  </si>
  <si>
    <t>POINT (4.700784766933769 51.79716805471411)</t>
  </si>
  <si>
    <t>POINT (4.71135329656433 51.80975757613695)</t>
  </si>
  <si>
    <t>POINT (4.671209153195086 51.81803152635084)</t>
  </si>
  <si>
    <t>POINT (4.670232479120805 51.776437136995625)</t>
  </si>
  <si>
    <t>POINT (4.669825063915938 51.808270020377364)</t>
  </si>
  <si>
    <t>POINT (4.7158407944249765 51.81350498222483)</t>
  </si>
  <si>
    <t>POINT (4.707219170960508 51.81138169008669)</t>
  </si>
  <si>
    <t>POINT (4.668887445302727 51.77511453235067)</t>
  </si>
  <si>
    <t>POINT (4.667535222380719 51.80818710095673)</t>
  </si>
  <si>
    <t>POINT (4.656136659057246 51.78886673254921)</t>
  </si>
  <si>
    <t>POINT (4.669410315198285 51.813204650227355)</t>
  </si>
  <si>
    <t>POINT (4.670057602540806 51.81027525197477)</t>
  </si>
  <si>
    <t>POINT (4.674000905978549 51.814448536299814)</t>
  </si>
  <si>
    <t>POINT (4.711472280679422 51.79792588042782)</t>
  </si>
  <si>
    <t>POINT (4.680137436680978 51.801736371070334)</t>
  </si>
  <si>
    <t>POINT (4.652147722311693 51.79456977274126)</t>
  </si>
  <si>
    <t>POINT (4.741811359372744 51.78934990952594)</t>
  </si>
  <si>
    <t>POINT (4.6691116036052955 51.79113885896687)</t>
  </si>
  <si>
    <t>POINT (4.72878689804844 51.80407679694869)</t>
  </si>
  <si>
    <t>POINT (4.661566469356292 51.815963647815686)</t>
  </si>
  <si>
    <t>POINT (4.672500093326095 51.81133237218116)</t>
  </si>
  <si>
    <t>POINT (4.663903720554998 51.81112159133831)</t>
  </si>
  <si>
    <t>POINT (4.716988414223317 51.79554046211338)</t>
  </si>
  <si>
    <t>POINT (4.672579341566509 51.789218952191696)</t>
  </si>
  <si>
    <t>POINT (4.663051369969479 51.81479994102005)</t>
  </si>
  <si>
    <t>POINT (4.714077692909086 51.80741410273292)</t>
  </si>
  <si>
    <t>POINT (4.663961523333242 51.792264292159146)</t>
  </si>
  <si>
    <t>POINT (4.6620494961535375 51.81245964583492)</t>
  </si>
  <si>
    <t>POINT (4.680419718173243 51.77844984998679)</t>
  </si>
  <si>
    <t>POINT (4.680193300856942 51.80764123356841)</t>
  </si>
  <si>
    <t>POINT (4.6642652952342605 51.79054072016978)</t>
  </si>
  <si>
    <t>POINT (4.669754054851863 51.804555363930994)</t>
  </si>
  <si>
    <t>POINT (4.6803211206511675 51.80925253079223)</t>
  </si>
  <si>
    <t>POINT (4.675385236856843 51.807439376541325)</t>
  </si>
  <si>
    <t>POINT (4.63254793587944 51.780343861030225)</t>
  </si>
  <si>
    <t>POINT (4.674285086219681 51.81912628457859)</t>
  </si>
  <si>
    <t>POINT (4.666479768924364 51.777983800009416)</t>
  </si>
  <si>
    <t>POINT (4.72369317258839 51.79831261273267)</t>
  </si>
  <si>
    <t>POINT (4.675201953875999 51.79891254570034)</t>
  </si>
  <si>
    <t>POINT (4.664295239327819 51.790084952715056)</t>
  </si>
  <si>
    <t>POINT (4.659713713888801 51.79330806105713)</t>
  </si>
  <si>
    <t>POINT (4.668070574937405 51.8040950038699)</t>
  </si>
  <si>
    <t>POINT (4.665155734998028 51.81584523879192)</t>
  </si>
  <si>
    <t>POINT (4.6791506918986565 51.81284075339619)</t>
  </si>
  <si>
    <t>POINT (4.669745262853978 51.80553904967571)</t>
  </si>
  <si>
    <t>POINT (4.660172027456609 51.7875199907256)</t>
  </si>
  <si>
    <t>POINT (4.670042636378573 51.81715205352825)</t>
  </si>
  <si>
    <t>POINT (4.670288406223881 51.81438902619033)</t>
  </si>
  <si>
    <t>POINT (4.722369879355759 51.80227931672492)</t>
  </si>
  <si>
    <t>POINT (4.682366684324833 51.81332052145754)</t>
  </si>
  <si>
    <t>POINT (4.716948776584973 51.79564223893009)</t>
  </si>
  <si>
    <t>POINT (4.727508738821786 51.79182099046032)</t>
  </si>
  <si>
    <t>POINT (4.711698233237066 51.81640301257994)</t>
  </si>
  <si>
    <t>POINT (4.670307670367539 51.77437719471217)</t>
  </si>
  <si>
    <t>POINT (4.660616859750717 51.79602286185841)</t>
  </si>
  <si>
    <t>POINT (4.672779926129766 51.811225430020464)</t>
  </si>
  <si>
    <t>POINT (4.666883113879758 51.79421459467457)</t>
  </si>
  <si>
    <t>POINT (4.676546865667409 51.81093726758621)</t>
  </si>
  <si>
    <t>POINT (4.707847132843446 51.818714845210636)</t>
  </si>
  <si>
    <t>POINT (4.671759214281034 51.78570132212801)</t>
  </si>
  <si>
    <t>POINT (4.68957251608544 51.79020433251703)</t>
  </si>
  <si>
    <t>POINT (4.673501851214382 51.77517853185658)</t>
  </si>
  <si>
    <t>POINT (4.698266474716595 51.78991520224185)</t>
  </si>
  <si>
    <t>POINT (4.669570437856756 51.809346781433135)</t>
  </si>
  <si>
    <t>POINT (4.652423884228392 51.78207580365402)</t>
  </si>
  <si>
    <t>POINT (4.718073429747613 51.80303718501092)</t>
  </si>
  <si>
    <t>POINT (4.700416240457427 51.79610938812431)</t>
  </si>
  <si>
    <t>POINT (4.6831942686303005 51.777528727299774)</t>
  </si>
  <si>
    <t>POINT (4.6709098729450895 51.78441825984844)</t>
  </si>
  <si>
    <t>POINT (4.6971482475977755 51.79646432993093)</t>
  </si>
  <si>
    <t>POINT (4.708029583143532 51.807706152290656)</t>
  </si>
  <si>
    <t>POINT (4.685312745448738 51.79219203812181)</t>
  </si>
  <si>
    <t>POINT (4.667808329782404 51.79238056401746)</t>
  </si>
  <si>
    <t>POINT (4.630861444486141 51.72277504670794)</t>
  </si>
  <si>
    <t>POINT (4.719430424643362 51.800935873575405)</t>
  </si>
  <si>
    <t>POINT (4.658318965894352 51.78044897924402)</t>
  </si>
  <si>
    <t>POINT (4.731153333955153 51.80112259711954)</t>
  </si>
  <si>
    <t>POINT (4.679793800287739 51.7739761734868)</t>
  </si>
  <si>
    <t>POINT (4.667711372223981 51.81791871143428)</t>
  </si>
  <si>
    <t>POINT (4.660620800033447 51.787245487522824)</t>
  </si>
  <si>
    <t>POINT (4.67688934565276 51.77561037490515)</t>
  </si>
  <si>
    <t>POINT (4.676958578238028 51.789970395944415)</t>
  </si>
  <si>
    <t>POINT (4.660366275775347 51.80734058457454)</t>
  </si>
  <si>
    <t>POINT (4.681436908452734 51.77912521980406)</t>
  </si>
  <si>
    <t>POINT (4.679395760984249 51.77282301061488)</t>
  </si>
  <si>
    <t>POINT (4.665112702903961 51.786837820064534)</t>
  </si>
  <si>
    <t>POINT (4.686766432296871 51.778153282770205)</t>
  </si>
  <si>
    <t>POINT (4.661859662301431 51.799452261728526)</t>
  </si>
  <si>
    <t>POINT (4.671543318794626 51.81198353243283)</t>
  </si>
  <si>
    <t>POINT (4.683924964863812 51.781411437480244)</t>
  </si>
  <si>
    <t>POINT (4.703834013509545 51.8159156655276)</t>
  </si>
  <si>
    <t>POINT (4.693352456428814 51.79528723119878)</t>
  </si>
  <si>
    <t>POINT (4.659314139250559 51.78909385210662)</t>
  </si>
  <si>
    <t>POINT (4.691149261348199 51.80851436422586)</t>
  </si>
  <si>
    <t>POINT (4.735335704206434 51.79927796996866)</t>
  </si>
  <si>
    <t>POINT (4.6570457368441724 51.8008055834037)</t>
  </si>
  <si>
    <t>POINT (4.727359469050509 51.80328176947562)</t>
  </si>
  <si>
    <t>POINT (4.719454516764409 51.81179936828259)</t>
  </si>
  <si>
    <t>POINT (4.668395635678066 51.77580116936683)</t>
  </si>
  <si>
    <t>POINT (4.684250042463537 51.780746478791514)</t>
  </si>
  <si>
    <t>POINT (4.664478043389809 51.78550947048667)</t>
  </si>
  <si>
    <t>POINT (4.665682071623676 51.818435227584516)</t>
  </si>
  <si>
    <t>POINT (4.670490937912566 51.80151373669925)</t>
  </si>
  <si>
    <t>POINT (4.688982765627464 51.811058273441326)</t>
  </si>
  <si>
    <t>POINT (4.682514664937005 51.809905123844935)</t>
  </si>
  <si>
    <t>POINT (4.65725215866913 51.79688128650134)</t>
  </si>
  <si>
    <t>POINT (4.685468440468995 51.787978992672834)</t>
  </si>
  <si>
    <t>POINT (4.683506862710308 51.80670631195301)</t>
  </si>
  <si>
    <t>POINT (4.672666779085071 51.783487534370096)</t>
  </si>
  <si>
    <t>POINT (4.6695349927236816 51.81025541895563)</t>
  </si>
  <si>
    <t>POINT (4.686005222671038 51.78869716264665)</t>
  </si>
  <si>
    <t>POINT (4.698205442571122 51.792636910996364)</t>
  </si>
  <si>
    <t>POINT (4.685867189951435 51.809479352487216)</t>
  </si>
  <si>
    <t>POINT (4.658625851361715 51.78339318955148)</t>
  </si>
  <si>
    <t>POINT (4.669474885269514 51.810805661798284)</t>
  </si>
  <si>
    <t>POINT (4.6750378764542075 51.80812936100756)</t>
  </si>
  <si>
    <t>POINT (4.726867946821982 51.80115462919733)</t>
  </si>
  <si>
    <t>POINT (4.71439572786064 51.808203997021714)</t>
  </si>
  <si>
    <t>POINT (4.664790106792931 51.8178984020879)</t>
  </si>
  <si>
    <t>POINT (4.685951211544799 51.80464834676642)</t>
  </si>
  <si>
    <t>POINT (4.66493361503165 51.795700710189735)</t>
  </si>
  <si>
    <t>POINT (4.669057724426118 51.790930422800365)</t>
  </si>
  <si>
    <t>POINT (4.710194665317443 51.81432715044682)</t>
  </si>
  <si>
    <t>POINT (4.685793425677571 51.786301624514984)</t>
  </si>
  <si>
    <t>POINT (4.657702042875884 51.80098539487647)</t>
  </si>
  <si>
    <t>POINT (4.66747120385739 51.795554508487)</t>
  </si>
  <si>
    <t>POINT (4.711759432092153 51.81422338634038)</t>
  </si>
  <si>
    <t>POINT (4.72330580889219 51.79322420310723)</t>
  </si>
  <si>
    <t>POINT (4.721885119741118 51.80185981954982)</t>
  </si>
  <si>
    <t>POINT (4.669428836218443 51.805610201478046)</t>
  </si>
  <si>
    <t>POINT (4.693376195893406 51.787412183959184)</t>
  </si>
  <si>
    <t>POINT (4.732418445982036 51.79878033048999)</t>
  </si>
  <si>
    <t>POINT (4.65936459148433 51.790690541726086)</t>
  </si>
  <si>
    <t>POINT (4.678696767569963 51.78986812555849)</t>
  </si>
  <si>
    <t>POINT (4.662987131341555 51.78728638552987)</t>
  </si>
  <si>
    <t>POINT (4.669527913125842 51.804254469038824)</t>
  </si>
  <si>
    <t>POINT (4.680234595001102 51.77619007991223)</t>
  </si>
  <si>
    <t>POINT (4.716168848182281 51.807821355139104)</t>
  </si>
  <si>
    <t>POINT (4.685861536749091 51.7866172920559)</t>
  </si>
  <si>
    <t>POINT (4.661606034961993 51.80489727542622)</t>
  </si>
  <si>
    <t>POINT (4.686156622564402 51.77980217544505)</t>
  </si>
  <si>
    <t>POINT (4.650160599230363 51.794909321553206)</t>
  </si>
  <si>
    <t>POINT (4.657217218282562 51.78878183070272)</t>
  </si>
  <si>
    <t>POINT (4.658038319982027 51.80261345057695)</t>
  </si>
  <si>
    <t>POINT (4.6613265857960355 51.794071448599205)</t>
  </si>
  <si>
    <t>POINT (4.670043424507143 51.799657013453036)</t>
  </si>
  <si>
    <t>POINT (4.7066665870212505 51.794572604867604)</t>
  </si>
  <si>
    <t>POINT (4.650008998441867 51.79320178119358)</t>
  </si>
  <si>
    <t>POINT (4.741907485699162 51.789636699591384)</t>
  </si>
  <si>
    <t>POINT (4.692163495543549 51.784992765757615)</t>
  </si>
  <si>
    <t>POINT (4.662788882382681 51.79836688285371)</t>
  </si>
  <si>
    <t>POINT (4.715417788501469 51.80325180563317)</t>
  </si>
  <si>
    <t>POINT (4.680956028292689 51.77956552215011)</t>
  </si>
  <si>
    <t>POINT (4.652618099357687 51.80151151417409)</t>
  </si>
  <si>
    <t>POINT (4.676617803502301 51.783804944846146)</t>
  </si>
  <si>
    <t>POINT (4.734873843313367 51.800954911745855)</t>
  </si>
  <si>
    <t>POINT (4.66568754226403 51.796000061594235)</t>
  </si>
  <si>
    <t>POINT (4.69743726226704 51.78924640798814)</t>
  </si>
  <si>
    <t>POINT (4.663976431220636 51.78656686216892)</t>
  </si>
  <si>
    <t>POINT (4.668302361626846 51.79195213494236)</t>
  </si>
  <si>
    <t>POINT (4.700538853735031 51.804870061089645)</t>
  </si>
  <si>
    <t>POINT (4.660955037126502 51.809122578916075)</t>
  </si>
  <si>
    <t>POINT (4.669827923912403 51.79991992752961)</t>
  </si>
  <si>
    <t>POINT (4.683070694878915 51.811530807975394)</t>
  </si>
  <si>
    <t>POINT (4.710296893973132 51.79277630599233)</t>
  </si>
  <si>
    <t>POINT (4.662550392139602 51.81266974031742)</t>
  </si>
  <si>
    <t>POINT (4.652261487803509 51.8029801201553)</t>
  </si>
  <si>
    <t>POINT (4.673609616641399 51.80515759323675)</t>
  </si>
  <si>
    <t>POINT (4.684092642540146 51.8111125805745)</t>
  </si>
  <si>
    <t>POINT (4.686682098660928 51.80914122156212)</t>
  </si>
  <si>
    <t>POINT (4.695433015713366 51.81830571479326)</t>
  </si>
  <si>
    <t>POINT (4.655736833235344 51.8127683661334)</t>
  </si>
  <si>
    <t>POINT (4.673816812429158 51.81667920500716)</t>
  </si>
  <si>
    <t>POINT (4.658925684207444 51.8092418478248)</t>
  </si>
  <si>
    <t>POINT (4.71674103960469 51.79530797736)</t>
  </si>
  <si>
    <t>POINT (4.662213185613063 51.80205981083174)</t>
  </si>
  <si>
    <t>POINT (4.660481868189742 51.770185000955706)</t>
  </si>
  <si>
    <t>POINT (4.66255813042342 51.80002708120698)</t>
  </si>
  <si>
    <t>POINT (4.668535817517619 51.792310919998634)</t>
  </si>
  <si>
    <t>POINT (4.705020306766591 51.79844759360486)</t>
  </si>
  <si>
    <t>POINT (4.670816511848119 51.7719107712272)</t>
  </si>
  <si>
    <t>POINT (4.687152472099797 51.810934588386544)</t>
  </si>
  <si>
    <t>POINT (4.6573647205040745 51.783163346176075)</t>
  </si>
  <si>
    <t>POINT (4.69266008715659 51.78770508515991)</t>
  </si>
  <si>
    <t>POINT (4.689219227498801 51.80839988998553)</t>
  </si>
  <si>
    <t>POINT (4.6946810361124065 51.79463885391107)</t>
  </si>
  <si>
    <t>POINT (4.6505150669825985 51.80218632404441)</t>
  </si>
  <si>
    <t>POINT (4.66076879183408 51.78256913678329)</t>
  </si>
  <si>
    <t>POINT (4.673127600083646 51.78327950156423)</t>
  </si>
  <si>
    <t>POINT (4.7282760313655565 51.80064573430482)</t>
  </si>
  <si>
    <t>POINT (4.6832162458910975 51.77762565852871)</t>
  </si>
  <si>
    <t>POINT (4.674499202502763 51.77975551648755)</t>
  </si>
  <si>
    <t>POINT (4.664080851959551 51.79740399279557)</t>
  </si>
  <si>
    <t>POINT (4.66558575654988 51.79605930029791)</t>
  </si>
  <si>
    <t>POINT (4.67037950862785 51.80015154849904)</t>
  </si>
  <si>
    <t>POINT (4.669301957809456 51.799704074045735)</t>
  </si>
  <si>
    <t>POINT (4.667052956284275 51.77252743956805)</t>
  </si>
  <si>
    <t>POINT (4.6739539158536205 51.811529970615034)</t>
  </si>
  <si>
    <t>POINT (4.683645162831678 51.810922736625166)</t>
  </si>
  <si>
    <t>POINT (4.668032567285049 51.7918690347406)</t>
  </si>
  <si>
    <t>POINT (4.6850624870780795 51.80992862078528)</t>
  </si>
  <si>
    <t>POINT (4.6826202050517844 51.77834950806731)</t>
  </si>
  <si>
    <t>POINT (4.714478861077711 51.8032089346386)</t>
  </si>
  <si>
    <t>POINT (4.676106833117694 51.772215460238435)</t>
  </si>
  <si>
    <t>POINT (4.656904435838071 51.796636939922756)</t>
  </si>
  <si>
    <t>POINT (4.735113716275642 51.7989351592484)</t>
  </si>
  <si>
    <t>POINT (4.682998313802109 51.812224622198215)</t>
  </si>
  <si>
    <t>POINT (4.716939616018765 51.799916192000204)</t>
  </si>
  <si>
    <t>POINT (4.681943871043708 51.776815907832656)</t>
  </si>
  <si>
    <t>POINT (4.718092284432235 51.813533768628986)</t>
  </si>
  <si>
    <t>POINT (4.669208396925194 51.816800079904795)</t>
  </si>
  <si>
    <t>POINT (4.682312414041863 51.77812717487697)</t>
  </si>
  <si>
    <t>POINT (4.6705495552902105 51.81408228278199)</t>
  </si>
  <si>
    <t>POINT (4.685460949467155 51.80397635303262)</t>
  </si>
  <si>
    <t>POINT (4.654288016598261 51.7949711517222)</t>
  </si>
  <si>
    <t>POINT (4.637752777348909 51.777040613802285)</t>
  </si>
  <si>
    <t>POINT (4.7261653154614836 51.79614789896472)</t>
  </si>
  <si>
    <t>POINT (4.688124517048391 51.8081666523289)</t>
  </si>
  <si>
    <t>POINT (4.6631131606255485 51.795183487877765)</t>
  </si>
  <si>
    <t>POINT (4.683585877235899 51.81201857585457)</t>
  </si>
  <si>
    <t>POINT (4.675230152465419 51.80342455926761)</t>
  </si>
  <si>
    <t>POINT (4.706018222337568 51.797508152945824)</t>
  </si>
  <si>
    <t>POINT (4.674042150127245 51.81449443141038)</t>
  </si>
  <si>
    <t>POINT (4.65235234000704 51.79214285330468)</t>
  </si>
  <si>
    <t>POINT (4.667868544139507 51.79982818343564)</t>
  </si>
  <si>
    <t>POINT (4.65670702551214 51.81000736768099)</t>
  </si>
  <si>
    <t>POINT (4.721739015942755 51.79925716455201)</t>
  </si>
  <si>
    <t>POINT (4.673049293210115 51.8166340790377)</t>
  </si>
  <si>
    <t>POINT (4.666216258904911 51.8151589747146)</t>
  </si>
  <si>
    <t>POINT (4.675992702839085 51.81748229023732)</t>
  </si>
  <si>
    <t>POINT (4.696785666519886 51.79673174904489)</t>
  </si>
  <si>
    <t>POINT (4.675799636449084 51.81681117686693)</t>
  </si>
  <si>
    <t>POINT (4.730086320075229 51.80026656169791)</t>
  </si>
  <si>
    <t>POINT (4.6618050078241495 51.812590439223)</t>
  </si>
  <si>
    <t>POINT (4.684310999478848 51.80675577829499)</t>
  </si>
  <si>
    <t>POINT (4.67092116778292 51.77702905385199)</t>
  </si>
  <si>
    <t>POINT (4.661007739522249 51.78935892665013)</t>
  </si>
  <si>
    <t>POINT (4.655526353426355 51.791900635410755)</t>
  </si>
  <si>
    <t>POINT (4.656606523310202 51.799436737712675)</t>
  </si>
  <si>
    <t>POINT (4.715175290328808 51.80579358387577)</t>
  </si>
  <si>
    <t>POINT (4.652977008749578 51.806183093247505)</t>
  </si>
  <si>
    <t>POINT (4.665271418641375 51.81812327616485)</t>
  </si>
  <si>
    <t>POINT (4.712679825927774 51.80462287602351)</t>
  </si>
  <si>
    <t>POINT (4.683046799055763 51.80121991290855)</t>
  </si>
  <si>
    <t>POINT (4.7319532727560185 51.801872656526214)</t>
  </si>
  <si>
    <t>POINT (4.675956546156911 51.78597682260839)</t>
  </si>
  <si>
    <t>POINT (4.714370842606871 51.803162446216966)</t>
  </si>
  <si>
    <t>POINT (4.662238516544427 51.79699256319579)</t>
  </si>
  <si>
    <t>POINT (4.68142450545776 51.77890274674295)</t>
  </si>
  <si>
    <t>POINT (4.719711821716308 51.80210819200226)</t>
  </si>
  <si>
    <t>POINT (4.7090086982444 51.81003736694627)</t>
  </si>
  <si>
    <t>POINT (4.6980930163093575 51.793419757300725)</t>
  </si>
  <si>
    <t>POINT (4.684910403827916 51.77380571138706)</t>
  </si>
  <si>
    <t>POINT (4.7291016504050685 51.79404686103037)</t>
  </si>
  <si>
    <t>POINT (4.665573497160395 51.77218219446684)</t>
  </si>
  <si>
    <t>POINT (4.682430786013015 51.81467851821333)</t>
  </si>
  <si>
    <t>POINT (4.674161705071326 51.81590764632438)</t>
  </si>
  <si>
    <t>POINT (4.649630302932893 51.79483457352104)</t>
  </si>
  <si>
    <t>POINT (4.67404230680867 51.80468655635106)</t>
  </si>
  <si>
    <t>POINT (4.660552182813235 51.81021542832717)</t>
  </si>
  <si>
    <t>POINT (4.719445576289723 51.813951052742446)</t>
  </si>
  <si>
    <t>POINT (4.6922987399065414 51.785705416955935)</t>
  </si>
  <si>
    <t>POINT (4.677797300520138 51.79080510016895)</t>
  </si>
  <si>
    <t>POINT (4.721140750101839 51.805051949014846)</t>
  </si>
  <si>
    <t>POINT (4.6769109755903076 51.78486182293641)</t>
  </si>
  <si>
    <t>POINT (4.65434812953397 51.79333313745493)</t>
  </si>
  <si>
    <t>POINT (4.685430466435302 51.787750686531886)</t>
  </si>
  <si>
    <t>POINT (4.688602734055196 51.81907502649611)</t>
  </si>
  <si>
    <t>POINT (4.669819718036379 51.79104736279641)</t>
  </si>
  <si>
    <t>POINT (4.660345778042904 51.791046744300274)</t>
  </si>
  <si>
    <t>POINT (4.67392405721408 51.818842799696206)</t>
  </si>
  <si>
    <t>POINT (4.67376263945798 51.81764623607716)</t>
  </si>
  <si>
    <t>POINT (4.6696582440692165 51.81362006793362)</t>
  </si>
  <si>
    <t>POINT (4.671345013845589 51.81685394959229)</t>
  </si>
  <si>
    <t>POINT (4.664305574458405 51.79219710982717)</t>
  </si>
  <si>
    <t>POINT (4.672799269925175 51.79708945229121)</t>
  </si>
  <si>
    <t>POINT (4.650990067028544 51.80164289118173)</t>
  </si>
  <si>
    <t>POINT (4.664896238834302 51.77710609037883)</t>
  </si>
  <si>
    <t>POINT (4.656091194958366 51.79902676194306)</t>
  </si>
  <si>
    <t>POINT (4.663189504387531 51.79520386900908)</t>
  </si>
  <si>
    <t>POINT (4.671810986975904 51.775858662349755)</t>
  </si>
  <si>
    <t>POINT (4.668896755566938 51.79987643303188)</t>
  </si>
  <si>
    <t>POINT (4.720664499895097 51.79531063883709)</t>
  </si>
  <si>
    <t>POINT (4.674842931418943 51.81292329344722)</t>
  </si>
  <si>
    <t>POINT (4.661895505660675 51.80184274804579)</t>
  </si>
  <si>
    <t>POINT (4.710485642586564 51.81515795878342)</t>
  </si>
  <si>
    <t>POINT (4.676668714752046 51.784894737511344)</t>
  </si>
  <si>
    <t>POINT (4.7082405742206355 51.796906650710845)</t>
  </si>
  <si>
    <t>POINT (4.70313999024948 51.8167338854633)</t>
  </si>
  <si>
    <t>POINT (4.674282879535708 51.81459606378951)</t>
  </si>
  <si>
    <t>POINT (4.712276934211443 51.8008532898267)</t>
  </si>
  <si>
    <t>POINT (4.675531221067151 51.77570088281096)</t>
  </si>
  <si>
    <t>POINT (4.668366245682366 51.81519878802357)</t>
  </si>
  <si>
    <t>POINT (4.6825643337467024 51.81928571185992)</t>
  </si>
  <si>
    <t>POINT (4.668353109241134 51.777043787221196)</t>
  </si>
  <si>
    <t>POINT (4.711531506865022 51.793069154582675)</t>
  </si>
  <si>
    <t>POINT (4.663580722296546 51.81441277398075)</t>
  </si>
  <si>
    <t>POINT (4.684551454410813 51.80435856468081)</t>
  </si>
  <si>
    <t>POINT (4.6725989986138545 51.81653709185974)</t>
  </si>
  <si>
    <t>POINT (4.663988809097622 51.802035011826675)</t>
  </si>
  <si>
    <t>POINT (4.703847360949893 51.81645401019276)</t>
  </si>
  <si>
    <t>POINT (4.6630048251388745 51.81508830724586)</t>
  </si>
  <si>
    <t>POINT (4.653730472556955 51.78523315211394)</t>
  </si>
  <si>
    <t>POINT (4.6613593714861175 51.797440975882125)</t>
  </si>
  <si>
    <t>POINT (4.693792323312881 51.79413351074023)</t>
  </si>
  <si>
    <t>POINT (4.6771041753980604 51.8151362283314)</t>
  </si>
  <si>
    <t>POINT (4.670914373870735 51.81949239963179)</t>
  </si>
  <si>
    <t>POINT (4.666834033712196 51.79389941025914)</t>
  </si>
  <si>
    <t>POINT (4.65380687969327 51.78541597497768)</t>
  </si>
  <si>
    <t>POINT (4.661735900024265 51.79665607449811)</t>
  </si>
  <si>
    <t>POINT (4.68184723907041 51.80062430890138)</t>
  </si>
  <si>
    <t>POINT (4.661165158438438 51.788420733900196)</t>
  </si>
  <si>
    <t>POINT (4.698918767651824 51.81809994666372)</t>
  </si>
  <si>
    <t>POINT (4.663186135112762 51.78992884638329)</t>
  </si>
  <si>
    <t>POINT (4.668138890273271 51.819349208853644)</t>
  </si>
  <si>
    <t>POINT (4.683361894689342 51.79969593963568)</t>
  </si>
  <si>
    <t>POINT (4.690444887955036 51.80689715936563)</t>
  </si>
  <si>
    <t>POINT (4.732742874303207 51.79974205527553)</t>
  </si>
  <si>
    <t>POINT (4.67428195225324 51.81796626927857)</t>
  </si>
  <si>
    <t>POINT (4.6681758698648625 51.80412942863538)</t>
  </si>
  <si>
    <t>POINT (4.669584845786271 51.81735565304965)</t>
  </si>
  <si>
    <t>POINT (4.6723486681879525 51.811361687752516)</t>
  </si>
  <si>
    <t>POINT (4.653461900646139 51.802375160980056)</t>
  </si>
  <si>
    <t>POINT (4.688057440640053 51.81212196099463)</t>
  </si>
  <si>
    <t>POINT (4.668347235676029 51.79193414488584)</t>
  </si>
  <si>
    <t>POINT (4.663807223630727 51.80130777689429)</t>
  </si>
  <si>
    <t>POINT (4.699289805430446 51.79890847536065)</t>
  </si>
  <si>
    <t>POINT (4.6736014782953506 51.81828562685616)</t>
  </si>
  <si>
    <t>POINT (4.722657237730657 51.80617975873778)</t>
  </si>
  <si>
    <t>POINT (4.654739321282361 51.81136482562785)</t>
  </si>
  <si>
    <t>POINT (4.707151193412685 51.78999718167455)</t>
  </si>
  <si>
    <t>POINT (4.660237281734227 51.80125864744457)</t>
  </si>
  <si>
    <t>POINT (4.7027506491028435 51.8164857580769)</t>
  </si>
  <si>
    <t>POINT (4.733710553399115 51.80027615149362)</t>
  </si>
  <si>
    <t>POINT (4.6834418549304475 51.77467585086662)</t>
  </si>
  <si>
    <t>POINT (4.716038246941768 51.81509926644295)</t>
  </si>
  <si>
    <t>POINT (4.665672928289204 51.809879766224256)</t>
  </si>
  <si>
    <t>POINT (4.679722985670284 51.80809215608087)</t>
  </si>
  <si>
    <t>POINT (4.679750840944642 51.7813186872454)</t>
  </si>
  <si>
    <t>POINT (4.642802424069848 51.769084542097616)</t>
  </si>
  <si>
    <t>POINT (4.6924431084420135 51.80401721028223)</t>
  </si>
  <si>
    <t>POINT (4.671080555334291 51.813723721169076)</t>
  </si>
  <si>
    <t>POINT (4.658873726649755 51.803634676326006)</t>
  </si>
  <si>
    <t>POINT (4.704885740212498 51.81588275616856)</t>
  </si>
  <si>
    <t>POINT (4.66829351722993 51.79623001697384)</t>
  </si>
  <si>
    <t>POINT (4.666322265678617 51.81118786175573)</t>
  </si>
  <si>
    <t>POINT (4.659489138574767 51.80351959228382)</t>
  </si>
  <si>
    <t>POINT (4.681927292481222 51.77762088123512)</t>
  </si>
  <si>
    <t>POINT (4.690456319757274 51.805525727742655)</t>
  </si>
  <si>
    <t>POINT (4.702662058619756 51.79665388707739)</t>
  </si>
  <si>
    <t>POINT (4.715805099764162 51.815116018000516)</t>
  </si>
  <si>
    <t>POINT (4.672062323883119 51.77135341579928)</t>
  </si>
  <si>
    <t>POINT (4.669601437012902 51.816324340432445)</t>
  </si>
  <si>
    <t>POINT (4.66207763919418 51.79972791712898)</t>
  </si>
  <si>
    <t>POINT (4.664273767703264 51.79008707656266)</t>
  </si>
  <si>
    <t>POINT (4.69132356519634 51.81921169221287)</t>
  </si>
  <si>
    <t>POINT (4.685367956010174 51.792099928803744)</t>
  </si>
  <si>
    <t>POINT (4.67417154629328 51.81792896075792)</t>
  </si>
  <si>
    <t>POINT (4.66057591491129 51.78313970524112)</t>
  </si>
  <si>
    <t>POINT (4.686645001525477 51.81126009561154)</t>
  </si>
  <si>
    <t>POINT (4.679110511654531 51.80472763248055)</t>
  </si>
  <si>
    <t>POINT (4.667778417726392 51.782119730457055)</t>
  </si>
  <si>
    <t>POINT (4.665796741637998 51.80980340455835)</t>
  </si>
  <si>
    <t>POINT (4.678054641665798 51.78861417014953)</t>
  </si>
  <si>
    <t>POINT (4.676410106885107 51.77485755254987)</t>
  </si>
  <si>
    <t>POINT (4.729503399934533 51.800621870460496)</t>
  </si>
  <si>
    <t>POINT (4.693247426449834 51.78821927106222)</t>
  </si>
  <si>
    <t>POINT (4.680294134396897 51.8139168665941)</t>
  </si>
  <si>
    <t>POINT (4.732015040504466 51.79721454943614)</t>
  </si>
  <si>
    <t>POINT (4.6882217053074084 51.81025315856733)</t>
  </si>
  <si>
    <t>POINT (4.684044518252557 51.779673461611736)</t>
  </si>
  <si>
    <t>POINT (4.68242006269016 51.8021509633027)</t>
  </si>
  <si>
    <t>POINT (4.673684633230901 51.807281984380175)</t>
  </si>
  <si>
    <t>POINT (4.674405633584775 51.81502870600895)</t>
  </si>
  <si>
    <t>POINT (4.726237076101472 51.79818173270724)</t>
  </si>
  <si>
    <t>POINT (4.654724371381802 51.79442101747626)</t>
  </si>
  <si>
    <t>POINT (4.682766909459006 51.8114152691879)</t>
  </si>
  <si>
    <t>POINT (4.661057194158109 51.78652492216416)</t>
  </si>
  <si>
    <t>POINT (4.727501562761679 51.79822437242711)</t>
  </si>
  <si>
    <t>POINT (4.678286978029388 51.80707680296508)</t>
  </si>
  <si>
    <t>POINT (4.657182682270826 51.79794047838858)</t>
  </si>
  <si>
    <t>POINT (4.677346231905511 51.806684054402965)</t>
  </si>
  <si>
    <t>POINT (4.670302423870179 51.81819422307549)</t>
  </si>
  <si>
    <t>POINT (4.6716771881905546 51.81198508582324)</t>
  </si>
  <si>
    <t>POINT (4.732347614070191 51.80413223686132)</t>
  </si>
  <si>
    <t>POINT (4.661438540579827 51.782638253122364)</t>
  </si>
  <si>
    <t>POINT (4.65253867378937 51.78532136082014)</t>
  </si>
  <si>
    <t>POINT (4.668568047160223 51.77962364225922)</t>
  </si>
  <si>
    <t>POINT (4.730951384448467 51.79977881683516)</t>
  </si>
  <si>
    <t>POINT (4.729553305771298 51.79669016773149)</t>
  </si>
  <si>
    <t>POINT (4.663660536530875 51.81299273112991)</t>
  </si>
  <si>
    <t>POINT (4.690914653442242 51.807662887582644)</t>
  </si>
  <si>
    <t>POINT (4.684001586505365 51.81074171094547)</t>
  </si>
  <si>
    <t>POINT (4.712786198715141 51.809228613626566)</t>
  </si>
  <si>
    <t>POINT (4.657923133476706 51.804367714521604)</t>
  </si>
  <si>
    <t>POINT (4.731847353926321 51.799826826320036)</t>
  </si>
  <si>
    <t>POINT (4.6715170535790165 51.81195994776649)</t>
  </si>
  <si>
    <t>POINT (4.670181545676484 51.80537739435652)</t>
  </si>
  <si>
    <t>POINT (4.675010805999238 51.77877561916812)</t>
  </si>
  <si>
    <t>POINT (4.684786332530174 51.81044134450266)</t>
  </si>
  <si>
    <t>POINT (4.654992153990822 51.77669134959986)</t>
  </si>
  <si>
    <t>POINT (4.709112612146677 51.79403594259875)</t>
  </si>
  <si>
    <t>POINT (4.691459319528589 51.81837272334574)</t>
  </si>
  <si>
    <t>POINT (4.672039680682966 51.77723693881055)</t>
  </si>
  <si>
    <t>POINT (4.685897502247894 51.791861839323516)</t>
  </si>
  <si>
    <t>POINT (4.660285690718413 51.805721986355)</t>
  </si>
  <si>
    <t>POINT (4.714832941538494 51.816043904186884)</t>
  </si>
  <si>
    <t>POINT (4.665192878829053 51.772246188617686)</t>
  </si>
  <si>
    <t>POINT (4.669208992318184 51.796730980984464)</t>
  </si>
  <si>
    <t>POINT (4.677674521452078 51.80779568281053)</t>
  </si>
  <si>
    <t>POINT (4.681935521706334 51.78125864850259)</t>
  </si>
  <si>
    <t>POINT (4.6676312547595735 51.811725607425444)</t>
  </si>
  <si>
    <t>POINT (4.698617780403041 51.78989233023166)</t>
  </si>
  <si>
    <t>POINT (4.700398753436851 51.816654361850745)</t>
  </si>
  <si>
    <t>POINT (4.653097043481219 51.8085403655894)</t>
  </si>
  <si>
    <t>POINT (4.686487686023244 51.778828152090526)</t>
  </si>
  <si>
    <t>POINT (4.699452259118279 51.7964928696618)</t>
  </si>
  <si>
    <t>POINT (4.674576881413943 51.7883729349077)</t>
  </si>
  <si>
    <t>POINT (4.659844804246655 51.81133090132723)</t>
  </si>
  <si>
    <t>POINT (4.683960722878353 51.80378704049487)</t>
  </si>
  <si>
    <t>POINT (4.669065650203611 51.772325463194754)</t>
  </si>
  <si>
    <t>POINT (4.666061135346329 51.81034848533289)</t>
  </si>
  <si>
    <t>POINT (4.675982200963597 51.80391801444582)</t>
  </si>
  <si>
    <t>POINT (4.716311917339161 51.80137456354149)</t>
  </si>
  <si>
    <t>POINT (4.667078406591065 51.81404011744587)</t>
  </si>
  <si>
    <t>POINT (4.66406788804459 51.81055668464825)</t>
  </si>
  <si>
    <t>POINT (4.662914221243359 51.79985588802813)</t>
  </si>
  <si>
    <t>POINT (4.673146116094768 51.8099288851773)</t>
  </si>
  <si>
    <t>POINT (4.676645182363082 51.79948554168876)</t>
  </si>
  <si>
    <t>POINT (4.66181134715531 51.81624246240128)</t>
  </si>
  <si>
    <t>POINT (4.667367522987007 51.77693042620118)</t>
  </si>
  <si>
    <t>POINT (4.67219324464917 51.8037175593796)</t>
  </si>
  <si>
    <t>POINT (4.6814307387731935 51.81188240866453)</t>
  </si>
  <si>
    <t>POINT (4.723956705681285 51.7992736856484)</t>
  </si>
  <si>
    <t>POINT (4.684432225563339 51.78264981212141)</t>
  </si>
  <si>
    <t>POINT (4.65506328749611 51.80024513464132)</t>
  </si>
  <si>
    <t>POINT (4.716722120973712 51.81293911648037)</t>
  </si>
  <si>
    <t>POINT (4.67878602746604 51.78560698102821)</t>
  </si>
  <si>
    <t>POINT (4.706402582547274 51.807858780595076)</t>
  </si>
  <si>
    <t>POINT (4.733198608083553 51.79612565321158)</t>
  </si>
  <si>
    <t>POINT (4.686697805787247 51.8154916340393)</t>
  </si>
  <si>
    <t>POINT (4.664085922914011 51.786978568286294)</t>
  </si>
  <si>
    <t>POINT (4.659918899674328 51.802057935664784)</t>
  </si>
  <si>
    <t>POINT (4.733686350302583 51.79573491120475)</t>
  </si>
  <si>
    <t>POINT (4.652052099536737 51.793375598709474)</t>
  </si>
  <si>
    <t>POINT (4.731946934070505 51.80080409689233)</t>
  </si>
  <si>
    <t>POINT (4.672393647262871 51.7883155443042)</t>
  </si>
  <si>
    <t>POINT (4.657460871775461 51.77204041860148)</t>
  </si>
  <si>
    <t>POINT (4.6674895766904125 51.77809255300233)</t>
  </si>
  <si>
    <t>POINT (4.6721523556760385 51.807582892413805)</t>
  </si>
  <si>
    <t>POINT (4.665448676117597 51.79926376274225)</t>
  </si>
  <si>
    <t>POINT (4.681883858081399 51.780703285738724)</t>
  </si>
  <si>
    <t>POINT (4.685124073625575 51.81316754192072)</t>
  </si>
  <si>
    <t>POINT (4.6648933878163135 51.80994009348824)</t>
  </si>
  <si>
    <t>POINT (4.7216486667648425 51.794221920509926)</t>
  </si>
  <si>
    <t>POINT (4.711856549802297 51.798706663355)</t>
  </si>
  <si>
    <t>POINT (4.704226475241057 51.79633288667979)</t>
  </si>
  <si>
    <t>POINT (4.665515347341293 51.77584451491733)</t>
  </si>
  <si>
    <t>POINT (4.708987325651222 51.80805126477962)</t>
  </si>
  <si>
    <t>POINT (4.676233778686221 51.77740845883523)</t>
  </si>
  <si>
    <t>POINT (4.678961383712976 51.78097526481564)</t>
  </si>
  <si>
    <t>POINT (4.728243149444624 51.80036296474952)</t>
  </si>
  <si>
    <t>POINT (4.65808439548494 51.81060187047712)</t>
  </si>
  <si>
    <t>POINT (4.664706464194613 51.795777099739624)</t>
  </si>
  <si>
    <t>POINT (4.677319469804896 51.80450172946531)</t>
  </si>
  <si>
    <t>POINT (4.677225862645277 51.81727206025128)</t>
  </si>
  <si>
    <t>POINT (4.6830499936375185 51.81802528876774)</t>
  </si>
  <si>
    <t>POINT (4.696326006132268 51.792966465950954)</t>
  </si>
  <si>
    <t>POINT (4.671848709569098 51.792882741090395)</t>
  </si>
  <si>
    <t>POINT (4.659831262038697 51.809123088114305)</t>
  </si>
  <si>
    <t>POINT (4.673198945914399 51.8161582755636)</t>
  </si>
  <si>
    <t>POINT (4.683647353468744 51.79810209839157)</t>
  </si>
  <si>
    <t>POINT (4.680007785856161 51.798714233699265)</t>
  </si>
  <si>
    <t>POINT (4.6767483402203975 51.77796066091281)</t>
  </si>
  <si>
    <t>POINT (4.71091979523779 51.79243384384847)</t>
  </si>
  <si>
    <t>POINT (4.698357300772264 51.79276289810971)</t>
  </si>
  <si>
    <t>POINT (4.658975924632808 51.793602699651586)</t>
  </si>
  <si>
    <t>POINT (4.670249555268894 51.80179190901735)</t>
  </si>
  <si>
    <t>POINT (4.658102468355141 51.80772208766905)</t>
  </si>
  <si>
    <t>3316AH</t>
  </si>
  <si>
    <t>Faradaystraat</t>
  </si>
  <si>
    <t>POINT (4.6437134718949205 51.79977388115151)</t>
  </si>
  <si>
    <t>POINT (4.674459533780102 51.81797823314459)</t>
  </si>
  <si>
    <t>POINT (4.73002513695671 51.7968548318346)</t>
  </si>
  <si>
    <t>POINT (4.693224987268114 51.79633428695238)</t>
  </si>
  <si>
    <t>POINT (4.676508498926258 51.777392299183624)</t>
  </si>
  <si>
    <t>POINT (4.674113567241406 51.781086638058895)</t>
  </si>
  <si>
    <t>POINT (4.659317867472422 51.8117438551549)</t>
  </si>
  <si>
    <t>POINT (4.7178223489389906 51.80318313975754)</t>
  </si>
  <si>
    <t>POINT (4.6819634268717785 51.80466017670298)</t>
  </si>
  <si>
    <t>POINT (4.715006256710158 51.81384729234175)</t>
  </si>
  <si>
    <t>POINT (4.677754047378155 51.79080789475907)</t>
  </si>
  <si>
    <t>POINT (4.66069842825683 51.81063201559691)</t>
  </si>
  <si>
    <t>POINT (4.678561129418856 51.805420713559606)</t>
  </si>
  <si>
    <t>POINT (4.710645120647096 51.80939287994115)</t>
  </si>
  <si>
    <t>POINT (4.687886827020003 51.80675476157926)</t>
  </si>
  <si>
    <t>POINT (4.68512220014632 51.78593228175716)</t>
  </si>
  <si>
    <t>POINT (4.6654019437633725 51.78840112704422)</t>
  </si>
  <si>
    <t>POINT (4.65758851890317 51.800818910425875)</t>
  </si>
  <si>
    <t>POINT (4.692429696088851 51.79426223877969)</t>
  </si>
  <si>
    <t>POINT (4.67625503087578 51.815780725231285)</t>
  </si>
  <si>
    <t>POINT (4.665855629124932 51.79828987762432)</t>
  </si>
  <si>
    <t>POINT (4.682717274474367 51.81465775769397)</t>
  </si>
  <si>
    <t>POINT (4.668114349411886 51.772724746753156)</t>
  </si>
  <si>
    <t>POINT (4.689578998664158 51.807928515575675)</t>
  </si>
  <si>
    <t>POINT (4.658297418520086 51.81062701388251)</t>
  </si>
  <si>
    <t>POINT (4.688565188762275 51.8037480481786)</t>
  </si>
  <si>
    <t>POINT (4.6629591518745395 51.80498741416611)</t>
  </si>
  <si>
    <t>POINT (4.630675092257145 51.724595154104726)</t>
  </si>
  <si>
    <t>POINT (4.686690018464492 51.805849960627064)</t>
  </si>
  <si>
    <t>POINT (4.685635262114558 51.81103486577994)</t>
  </si>
  <si>
    <t>POINT (4.6593712436950305 51.79550618271099)</t>
  </si>
  <si>
    <t>POINT (4.663262342904265 51.789949019938)</t>
  </si>
  <si>
    <t>POINT (4.730356564961053 51.803494573371175)</t>
  </si>
  <si>
    <t>POINT (4.6981651044783135 51.79754692402719)</t>
  </si>
  <si>
    <t>POINT (4.702749910363827 51.80423245214122)</t>
  </si>
  <si>
    <t>POINT (4.65170068445667 51.79044227576522)</t>
  </si>
  <si>
    <t>POINT (4.667118964007173 51.77497444803508)</t>
  </si>
  <si>
    <t>POINT (4.659195473745536 51.81309279188116)</t>
  </si>
  <si>
    <t>POINT (4.71942006177007 51.81563837054517)</t>
  </si>
  <si>
    <t>POINT (4.727317972345159 51.79794182467275)</t>
  </si>
  <si>
    <t>POINT (4.695369271249288 51.81818480127752)</t>
  </si>
  <si>
    <t>POINT (4.6566703467708015 51.803327255076965)</t>
  </si>
  <si>
    <t>POINT (4.666806328303481 51.79422278830075)</t>
  </si>
  <si>
    <t>POINT (4.722827784146833 51.80583527307737)</t>
  </si>
  <si>
    <t>POINT (4.705711280861987 51.80718041226216)</t>
  </si>
  <si>
    <t>POINT (4.665780701536461 51.78890615919962)</t>
  </si>
  <si>
    <t>POINT (4.733412623647002 51.801285245985135)</t>
  </si>
  <si>
    <t>POINT (4.668604468974383 51.81008076423118)</t>
  </si>
  <si>
    <t>POINT (4.68816981013556 51.80705585119179)</t>
  </si>
  <si>
    <t>POINT (4.659980477706381 51.7722594212971)</t>
  </si>
  <si>
    <t>POINT (4.664329493659228 51.796733485133345)</t>
  </si>
  <si>
    <t>POINT (4.660475569816529 51.79216316359669)</t>
  </si>
  <si>
    <t>POINT (4.671394121328874 51.81492127144329)</t>
  </si>
  <si>
    <t>POINT (4.6592150223203745 51.76960234156733)</t>
  </si>
  <si>
    <t>POINT (4.668403060189346 51.77002510086849)</t>
  </si>
  <si>
    <t>POINT (4.728583175411705 51.805038552324135)</t>
  </si>
  <si>
    <t>POINT (4.6971512031422575 51.7983738641514)</t>
  </si>
  <si>
    <t>POINT (4.675066182826856 51.815690866451384)</t>
  </si>
  <si>
    <t>POINT (4.655577094817691 51.78931084591754)</t>
  </si>
  <si>
    <t>POINT (4.724643184118124 51.804548261236356)</t>
  </si>
  <si>
    <t>POINT (4.712804579395667 51.81495395311746)</t>
  </si>
  <si>
    <t>POINT (4.692261892264418 51.818886703352604)</t>
  </si>
  <si>
    <t>POINT (4.728571127362485 51.79902716158995)</t>
  </si>
  <si>
    <t>POINT (4.73129336685035 51.79676332326195)</t>
  </si>
  <si>
    <t>POINT (4.686769715944569 51.77947480253878)</t>
  </si>
  <si>
    <t>POINT (4.674467921079228 51.81678087684727)</t>
  </si>
  <si>
    <t>POINT (4.7125327490292905 51.811471548953485)</t>
  </si>
  <si>
    <t>POINT (4.661559118519208 51.81064753415805)</t>
  </si>
  <si>
    <t>POINT (4.673342625121438 51.78201710649799)</t>
  </si>
  <si>
    <t>POINT (4.6573009029076715 51.7907818000729)</t>
  </si>
  <si>
    <t>POINT (4.667754099238962 51.81922097336066)</t>
  </si>
  <si>
    <t>POINT (4.658948426392344 51.79820078049203)</t>
  </si>
  <si>
    <t>POINT (4.674312177909778 51.787408726973645)</t>
  </si>
  <si>
    <t>POINT (4.657784695845995 51.8105822822764)</t>
  </si>
  <si>
    <t>POINT (4.699091005870424 51.81742388689206)</t>
  </si>
  <si>
    <t>POINT (4.662897456589071 51.79810032822429)</t>
  </si>
  <si>
    <t>POINT (4.677688114321083 51.790415013770314)</t>
  </si>
  <si>
    <t>POINT (4.736026695167728 51.799092479281306)</t>
  </si>
  <si>
    <t>POINT (4.708220609113584 51.789587425496926)</t>
  </si>
  <si>
    <t>POINT (4.711918724325688 51.80618415917671)</t>
  </si>
  <si>
    <t>POINT (4.6821953405319165 51.80076038628668)</t>
  </si>
  <si>
    <t>POINT (4.661480712537146 51.80554801864203)</t>
  </si>
  <si>
    <t>POINT (4.708912010502039 51.79718408626545)</t>
  </si>
  <si>
    <t>POINT (4.67572659801229 51.816738591072)</t>
  </si>
  <si>
    <t>POINT (4.687595994353346 51.8083224939958)</t>
  </si>
  <si>
    <t>POINT (4.666123794051018 51.81047185350767)</t>
  </si>
  <si>
    <t>POINT (4.720750644262398 51.8048782756654)</t>
  </si>
  <si>
    <t>POINT (4.680790522314214 51.80319196718393)</t>
  </si>
  <si>
    <t>POINT (4.693437776414331 51.7970576504299)</t>
  </si>
  <si>
    <t>POINT (4.670346313349292 51.81132000815404)</t>
  </si>
  <si>
    <t>POINT (4.660694340510776 51.79045166684492)</t>
  </si>
  <si>
    <t>POINT (4.702036063280334 51.78985949122234)</t>
  </si>
  <si>
    <t>POINT (4.656905140939802 51.800681608144)</t>
  </si>
  <si>
    <t>POINT (4.667850377351303 51.774328207264915)</t>
  </si>
  <si>
    <t>POINT (4.6803473826294635 51.80229264195885)</t>
  </si>
  <si>
    <t>POINT (4.732596237869641 51.80072845935362)</t>
  </si>
  <si>
    <t>POINT (4.671878780903836 51.80241007234598)</t>
  </si>
  <si>
    <t>POINT (4.673451352291029 51.810061446462136)</t>
  </si>
  <si>
    <t>POINT (4.68549976526584 51.775973223937186)</t>
  </si>
  <si>
    <t>POINT (4.723665696890615 51.79274877089772)</t>
  </si>
  <si>
    <t>POINT (4.653317203397451 51.80603969444839)</t>
  </si>
  <si>
    <t>POINT (4.672406914704714 51.79575913634627)</t>
  </si>
  <si>
    <t>POINT (4.714057266195724 51.81539802864954)</t>
  </si>
  <si>
    <t>POINT (4.656555180955808 51.769470960111896)</t>
  </si>
  <si>
    <t>POINT (4.662232076441673 51.80138792384881)</t>
  </si>
  <si>
    <t>POINT (4.716630277736861 51.81266335066619)</t>
  </si>
  <si>
    <t>POINT (4.696420322934839 51.79113983046915)</t>
  </si>
  <si>
    <t>POINT (4.714357009453704 51.803123661771956)</t>
  </si>
  <si>
    <t>POINT (4.6651883607179085 51.7777224025861)</t>
  </si>
  <si>
    <t>POINT (4.679987893812959 51.77846714804195)</t>
  </si>
  <si>
    <t>POINT (4.665563994122258 51.777897836992985)</t>
  </si>
  <si>
    <t>POINT (4.679419265266693 51.80035118212766)</t>
  </si>
  <si>
    <t>POINT (4.649664772187076 51.79208893621581)</t>
  </si>
  <si>
    <t>POINT (4.675261544380494 51.81774285198651)</t>
  </si>
  <si>
    <t>POINT (4.655577567340765 51.79127306648454)</t>
  </si>
  <si>
    <t>POINT (4.674385640516849 51.80459640972781)</t>
  </si>
  <si>
    <t>POINT (4.679002828124984 51.78070205181205)</t>
  </si>
  <si>
    <t>POINT (4.660802887186053 51.801504404805726)</t>
  </si>
  <si>
    <t>POINT (4.674606836849183 51.780991227494575)</t>
  </si>
  <si>
    <t>POINT (4.666826921863344 51.789273215290045)</t>
  </si>
  <si>
    <t>POINT (4.667825954285018 51.80035417417677)</t>
  </si>
  <si>
    <t>POINT (4.6523153171159 51.801216047112305)</t>
  </si>
  <si>
    <t>POINT (4.661210525892003 51.81643534757376)</t>
  </si>
  <si>
    <t>POINT (4.668174972249383 51.80370467176467)</t>
  </si>
  <si>
    <t>POINT (4.674324787322321 51.81272352884748)</t>
  </si>
  <si>
    <t>POINT (4.682824700280554 51.80494425060036)</t>
  </si>
  <si>
    <t>POINT (4.658172577902094 51.798284078362045)</t>
  </si>
  <si>
    <t>POINT (4.682832535217952 51.77565073926117)</t>
  </si>
  <si>
    <t>POINT (4.677086815228965 51.790030965051876)</t>
  </si>
  <si>
    <t>POINT (4.654684544381695 51.79911589303531)</t>
  </si>
  <si>
    <t>POINT (4.6691197486683995 51.79108520135004)</t>
  </si>
  <si>
    <t>POINT (4.672733663225346 51.81882095244562)</t>
  </si>
  <si>
    <t>POINT (4.6611007657258705 51.78840153096758)</t>
  </si>
  <si>
    <t>POINT (4.664615953896009 51.78925653418517)</t>
  </si>
  <si>
    <t>POINT (4.666806101909043 51.80814584532424)</t>
  </si>
  <si>
    <t>POINT (4.7126362017072845 51.810728171748416)</t>
  </si>
  <si>
    <t>POINT (4.690597796249171 51.80745621829075)</t>
  </si>
  <si>
    <t>POINT (4.660143201576972 51.81122837387077)</t>
  </si>
  <si>
    <t>POINT (4.711770645748946 51.807923248295445)</t>
  </si>
  <si>
    <t>POINT (4.680444664471898 51.813181655461925)</t>
  </si>
  <si>
    <t>POINT (4.684199982103815 51.8104782643339)</t>
  </si>
  <si>
    <t>POINT (4.7365748789720605 51.793892977249946)</t>
  </si>
  <si>
    <t>POINT (4.669407065722271 51.80165718608167)</t>
  </si>
  <si>
    <t>POINT (4.665895245967269 51.81476892500324)</t>
  </si>
  <si>
    <t>POINT (4.692822029439692 51.80994937266552)</t>
  </si>
  <si>
    <t>POINT (4.692733483386591 51.79251115561414)</t>
  </si>
  <si>
    <t>POINT (4.681440795162283 51.809615032768455)</t>
  </si>
  <si>
    <t>POINT (4.658903388345455 51.80420946270005)</t>
  </si>
  <si>
    <t>POINT (4.7131660248276015 51.814744598863726)</t>
  </si>
  <si>
    <t>POINT (4.680878818374154 51.78937955313289)</t>
  </si>
  <si>
    <t>POINT (4.696733374365913 51.797123976513014)</t>
  </si>
  <si>
    <t>POINT (4.664219241499976 51.790367295948826)</t>
  </si>
  <si>
    <t>POINT (4.668553863705735 51.79230913393207)</t>
  </si>
  <si>
    <t>POINT (4.682082716527372 51.80207088782148)</t>
  </si>
  <si>
    <t>POINT (4.724711637830376 51.803602530473064)</t>
  </si>
  <si>
    <t>POINT (4.7104363275012595 51.811209899008894)</t>
  </si>
  <si>
    <t>POINT (4.6535318200640186 51.790533489959756)</t>
  </si>
  <si>
    <t>POINT (4.674237030274657 51.81905044292908)</t>
  </si>
  <si>
    <t>POINT (4.652624481115033 51.7827525535214)</t>
  </si>
  <si>
    <t>POINT (4.673454582811891 51.77284675201797)</t>
  </si>
  <si>
    <t>POINT (4.660225331962058 51.79314122017881)</t>
  </si>
  <si>
    <t>POINT (4.7088002637527335 51.786969818006305)</t>
  </si>
  <si>
    <t>POINT (4.7142419854243425 51.816116138449345)</t>
  </si>
  <si>
    <t>POINT (4.73059167214288 51.798834453302696)</t>
  </si>
  <si>
    <t>POINT (4.671495941896642 51.80432699252438)</t>
  </si>
  <si>
    <t>POINT (4.677043461346036 51.80831256128022)</t>
  </si>
  <si>
    <t>POINT (4.728378659999067 51.799320899494994)</t>
  </si>
  <si>
    <t>POINT (4.662035314828763 51.81685664066047)</t>
  </si>
  <si>
    <t>POINT (4.671402755554637 51.80043374824425)</t>
  </si>
  <si>
    <t>POINT (4.6385346415453625 51.761490292799216)</t>
  </si>
  <si>
    <t>POINT (4.679025879774541 51.788914345165196)</t>
  </si>
  <si>
    <t>POINT (4.672897375110121 51.81336717504413)</t>
  </si>
  <si>
    <t>POINT (4.673170077024817 51.81494736208894)</t>
  </si>
  <si>
    <t>POINT (4.669221030372112 51.81895631450994)</t>
  </si>
  <si>
    <t>POINT (4.656300292805868 51.80265171507499)</t>
  </si>
  <si>
    <t>POINT (4.703174680932616 51.81680180809976)</t>
  </si>
  <si>
    <t>POINT (4.698726031291218 51.79629170452234)</t>
  </si>
  <si>
    <t>POINT (4.663498100282628 51.793405893715864)</t>
  </si>
  <si>
    <t>POINT (4.660813295118171 51.78231720703814)</t>
  </si>
  <si>
    <t>POINT (4.669565668327575 51.80590273016063)</t>
  </si>
  <si>
    <t>POINT (4.676495171334293 51.77717950068848)</t>
  </si>
  <si>
    <t>POINT (4.694367727335445 51.80328519170492)</t>
  </si>
  <si>
    <t>POINT (4.706437064239917 51.80701645642573)</t>
  </si>
  <si>
    <t>POINT (4.649989961029287 51.793233993963845)</t>
  </si>
  <si>
    <t>POINT (4.678513889058987 51.77315113020074)</t>
  </si>
  <si>
    <t>POINT (4.666350620447155 51.81614253195652)</t>
  </si>
  <si>
    <t>POINT (4.653529355980103 51.790502292705646)</t>
  </si>
  <si>
    <t>POINT (4.661893872540191 51.81247433337845)</t>
  </si>
  <si>
    <t>POINT (4.657345631482423 51.79079361087437)</t>
  </si>
  <si>
    <t>POINT (4.666729698812752 51.796306859317205)</t>
  </si>
  <si>
    <t>POINT (4.667853609993606 51.80021186401039)</t>
  </si>
  <si>
    <t>POINT (4.65980953086091 51.80246555118099)</t>
  </si>
  <si>
    <t>POINT (4.686689264060692 51.81027046531163)</t>
  </si>
  <si>
    <t>POINT (4.629406238288934 51.72244571620904)</t>
  </si>
  <si>
    <t>POINT (4.714596924336925 51.80345394989959)</t>
  </si>
  <si>
    <t>POINT (4.668573957427797 51.814360625809094)</t>
  </si>
  <si>
    <t>POINT (4.667525846032184 51.77778366269111)</t>
  </si>
  <si>
    <t>POINT (4.6765014689641635 51.80468084793369)</t>
  </si>
  <si>
    <t>POINT (4.702243621409642 51.78952080562145)</t>
  </si>
  <si>
    <t>POINT (4.708079056464108 51.78738716867069)</t>
  </si>
  <si>
    <t>POINT (4.685315733882788 51.792151822652244)</t>
  </si>
  <si>
    <t>POINT (4.650526959211917 51.79453315292698)</t>
  </si>
  <si>
    <t>POINT (4.721188151779125 51.79936822171269)</t>
  </si>
  <si>
    <t>POINT (4.719369933834797 51.805837558624916)</t>
  </si>
  <si>
    <t>POINT (4.664567299587276 51.77737339308049)</t>
  </si>
  <si>
    <t>POINT (4.664689467601179 51.815262356798776)</t>
  </si>
  <si>
    <t>POINT (4.693489241389846 51.7970217573579)</t>
  </si>
  <si>
    <t>POINT (4.6294898217571445 51.724046361890075)</t>
  </si>
  <si>
    <t>POINT (4.7048982534155686 51.78806921637804)</t>
  </si>
  <si>
    <t>POINT (4.6777037483885175 51.81733014963904)</t>
  </si>
  <si>
    <t>POINT (4.6518976524328375 51.783120483104994)</t>
  </si>
  <si>
    <t>POINT (4.676783898107293 51.786377177027106)</t>
  </si>
  <si>
    <t>POINT (4.6774123194406725 51.78992879196574)</t>
  </si>
  <si>
    <t>POINT (4.664950252681922 51.80350673767695)</t>
  </si>
  <si>
    <t>POINT (4.6508773593961745 51.80828133645834)</t>
  </si>
  <si>
    <t>POINT (4.689261304576287 51.81036647314225)</t>
  </si>
  <si>
    <t>POINT (4.681339424925265 51.78131831629125)</t>
  </si>
  <si>
    <t>POINT (4.667736846638617 51.813839924286796)</t>
  </si>
  <si>
    <t>POINT (4.663227266370417 51.81113644900213)</t>
  </si>
  <si>
    <t>POINT (4.669422525475737 51.77410958904668)</t>
  </si>
  <si>
    <t>POINT (4.684592058913621 51.802572273158184)</t>
  </si>
  <si>
    <t>POINT (4.683407182401335 51.80700687053784)</t>
  </si>
  <si>
    <t>POINT (4.678846749713552 51.80435222839391)</t>
  </si>
  <si>
    <t>POINT (4.702581476626644 51.79008308668428)</t>
  </si>
  <si>
    <t>POINT (4.682221578510159 51.77372122064034)</t>
  </si>
  <si>
    <t>POINT (4.6594367086962984 51.8093217367157)</t>
  </si>
  <si>
    <t>POINT (4.668789746250499 51.81853375161178)</t>
  </si>
  <si>
    <t>POINT (4.68318438779004 51.77748495594001)</t>
  </si>
  <si>
    <t>POINT (4.713153149686561 51.80614131563797)</t>
  </si>
  <si>
    <t>POINT (4.683767938531457 51.802962881960376)</t>
  </si>
  <si>
    <t>POINT (4.671333328323881 51.80918636878928)</t>
  </si>
  <si>
    <t>POINT (4.685985089593283 51.77612568052724)</t>
  </si>
  <si>
    <t>POINT (4.689761037732475 51.80911995734967)</t>
  </si>
  <si>
    <t>POINT (4.661587676627865 51.78439049163238)</t>
  </si>
  <si>
    <t>POINT (4.728001716970064 51.79803977932969)</t>
  </si>
  <si>
    <t>POINT (4.657644858963021 51.79116768556807)</t>
  </si>
  <si>
    <t>POINT (4.662297137669507 51.79915317899478)</t>
  </si>
  <si>
    <t>POINT (4.706668688609297 51.786501997504836)</t>
  </si>
  <si>
    <t>POINT (4.680362180619839 51.77728001012527)</t>
  </si>
  <si>
    <t>POINT (4.704224676763989 51.81674191059075)</t>
  </si>
  <si>
    <t>POINT (4.698868259559504 51.790763562336096)</t>
  </si>
  <si>
    <t>POINT (4.677384880780459 51.77700026049166)</t>
  </si>
  <si>
    <t>POINT (4.674429560872215 51.802912035928316)</t>
  </si>
  <si>
    <t>POINT (4.730337034057248 51.80454781527172)</t>
  </si>
  <si>
    <t>POINT (4.733408220247356 51.7970613165237)</t>
  </si>
  <si>
    <t>POINT (4.671271611023354 51.78761537648969)</t>
  </si>
  <si>
    <t>POINT (4.659230120306448 51.808869645612184)</t>
  </si>
  <si>
    <t>POINT (4.673247170576713 51.816470412832274)</t>
  </si>
  <si>
    <t>POINT (4.667028622007428 51.80349216898644)</t>
  </si>
  <si>
    <t>POINT (4.728492687973356 51.800873122984385)</t>
  </si>
  <si>
    <t>POINT (4.689688868081721 51.776531780767094)</t>
  </si>
  <si>
    <t>POINT (4.676258464187544 51.8073136784287)</t>
  </si>
  <si>
    <t>POINT (4.722651765748057 51.79946083412144)</t>
  </si>
  <si>
    <t>POINT (4.67763391873197 51.79035417410267)</t>
  </si>
  <si>
    <t>POINT (4.667284134364732 51.80916601921677)</t>
  </si>
  <si>
    <t>POINT (4.666011841710414 51.81373212353894)</t>
  </si>
  <si>
    <t>POINT (4.666868941290664 51.81465508656367)</t>
  </si>
  <si>
    <t>POINT (4.657496514690692 51.810776578858054)</t>
  </si>
  <si>
    <t>POINT (4.638269882241154 51.778021406344436)</t>
  </si>
  <si>
    <t>POINT (4.70763997233678 51.807856469981324)</t>
  </si>
  <si>
    <t>POINT (4.695929340641249 51.79767787879006)</t>
  </si>
  <si>
    <t>POINT (4.667872229959438 51.7784247142699)</t>
  </si>
  <si>
    <t>POINT (4.660014407024645 51.80869059991977)</t>
  </si>
  <si>
    <t>POINT (4.672283719536919 51.81911020032878)</t>
  </si>
  <si>
    <t>POINT (4.66451144569343 51.7890142650381)</t>
  </si>
  <si>
    <t>POINT (4.712924704824462 51.80980688495523)</t>
  </si>
  <si>
    <t>POINT (4.667761842150334 51.77179769063389)</t>
  </si>
  <si>
    <t>POINT (4.654766990695752 51.806377370719765)</t>
  </si>
  <si>
    <t>POINT (4.6611641752431705 51.809086066664946)</t>
  </si>
  <si>
    <t>POINT (4.66047440223122 51.8107937101538)</t>
  </si>
  <si>
    <t>POINT (4.658033570603183 51.81057305154694)</t>
  </si>
  <si>
    <t>POINT (4.667344529873394 51.79894023064738)</t>
  </si>
  <si>
    <t>POINT (4.669347260112566 51.81669203161745)</t>
  </si>
  <si>
    <t>POINT (4.677561620202188 51.78084409076852)</t>
  </si>
  <si>
    <t>POINT (4.651655457871977 51.78857905402384)</t>
  </si>
  <si>
    <t>POINT (4.653806393163571 51.79185768000739)</t>
  </si>
  <si>
    <t>POINT (4.671876238410346 51.811543607097526)</t>
  </si>
  <si>
    <t>POINT (4.717303376711641 51.80021600048997)</t>
  </si>
  <si>
    <t>POINT (4.662496025787216 51.800840659863525)</t>
  </si>
  <si>
    <t>POINT (4.6777844737526415 51.782113402989665)</t>
  </si>
  <si>
    <t>POINT (4.7081579951844335 51.79656611378985)</t>
  </si>
  <si>
    <t>POINT (4.633577103225664 51.77865142631755)</t>
  </si>
  <si>
    <t>POINT (4.718056291779315 51.80484400271819)</t>
  </si>
  <si>
    <t>POINT (4.66290653451174 51.79371617336472)</t>
  </si>
  <si>
    <t>POINT (4.682669742176159 51.81133963949621)</t>
  </si>
  <si>
    <t>POINT (4.659827572113055 51.80343609143502)</t>
  </si>
  <si>
    <t>POINT (4.659039280321934 51.7963985346271)</t>
  </si>
  <si>
    <t>POINT (4.675460604869596 51.78336524890906)</t>
  </si>
  <si>
    <t>POINT (4.6670616474074444 51.799937659674455)</t>
  </si>
  <si>
    <t>POINT (4.679585143394801 51.789245007265635)</t>
  </si>
  <si>
    <t>POINT (4.686920266561217 51.8040614302355)</t>
  </si>
  <si>
    <t>POINT (4.698265572090388 51.795094119732184)</t>
  </si>
  <si>
    <t>POINT (4.649788989951594 51.79483120255039)</t>
  </si>
  <si>
    <t>POINT (4.653319735221165 51.79345674840904)</t>
  </si>
  <si>
    <t>POINT (4.673695393398253 51.787802016845404)</t>
  </si>
  <si>
    <t>POINT (4.679831238119395 51.813344573442734)</t>
  </si>
  <si>
    <t>POINT (4.651838833989218 51.78439354645769)</t>
  </si>
  <si>
    <t>POINT (4.66487933205906 51.78897856256735)</t>
  </si>
  <si>
    <t>POINT (4.667417012773737 51.7899494260215)</t>
  </si>
  <si>
    <t>POINT (4.670949303358394 51.80265661562658)</t>
  </si>
  <si>
    <t>POINT (4.678850468613435 51.78564270474597)</t>
  </si>
  <si>
    <t>POINT (4.651582867139341 51.789494009644265)</t>
  </si>
  <si>
    <t>POINT (4.664785648845042 51.8123961716991)</t>
  </si>
  <si>
    <t>POINT (4.684105424853008 51.788001617487765)</t>
  </si>
  <si>
    <t>POINT (4.674168381651098 51.796950294627194)</t>
  </si>
  <si>
    <t>POINT (4.659644208580498 51.77112832467684)</t>
  </si>
  <si>
    <t>POINT (4.667682530057417 51.81103787443219)</t>
  </si>
  <si>
    <t>POINT (4.676327899905784 51.77277328255382)</t>
  </si>
  <si>
    <t>POINT (4.708231879440868 51.78644417995737)</t>
  </si>
  <si>
    <t>POINT (4.66236578872686 51.81342525844859)</t>
  </si>
  <si>
    <t>POINT (4.66745537738724 51.7988148802483)</t>
  </si>
  <si>
    <t>POINT (4.733676549958541 51.79646739492021)</t>
  </si>
  <si>
    <t>POINT (4.672491668079233 51.78697620513885)</t>
  </si>
  <si>
    <t>POINT (4.668715014337638 51.81839323267239)</t>
  </si>
  <si>
    <t>POINT (4.672744185458862 51.806028858115624)</t>
  </si>
  <si>
    <t>POINT (4.669555022140016 51.77700903541514)</t>
  </si>
  <si>
    <t>POINT (4.683606092529313 51.80392820296943)</t>
  </si>
  <si>
    <t>POINT (4.655515903745994 51.79513124660334)</t>
  </si>
  <si>
    <t>POINT (4.657771954096233 51.796346329797345)</t>
  </si>
  <si>
    <t>POINT (4.662573423109193 51.80588883641437)</t>
  </si>
  <si>
    <t>POINT (4.668596449991786 51.79958150890198)</t>
  </si>
  <si>
    <t>POINT (4.703001905370408 51.81643480136993)</t>
  </si>
  <si>
    <t>POINT (4.654268912404669 51.80295923888429)</t>
  </si>
  <si>
    <t>POINT (4.667888113487729 51.81052175539726)</t>
  </si>
  <si>
    <t>POINT (4.67283652278129 51.78245080442801)</t>
  </si>
  <si>
    <t>POINT (4.632341174345336 51.76556503638845)</t>
  </si>
  <si>
    <t>POINT (4.679011642895868 51.781218002515814)</t>
  </si>
  <si>
    <t>POINT (4.6592257956908 51.803040730972775)</t>
  </si>
  <si>
    <t>POINT (4.628652102044383 51.72214938420877)</t>
  </si>
  <si>
    <t>POINT (4.667806494893181 51.810247639662066)</t>
  </si>
  <si>
    <t>POINT (4.666496874538691 51.81687064091148)</t>
  </si>
  <si>
    <t>POINT (4.708283936823359 51.808862494706574)</t>
  </si>
  <si>
    <t>POINT (4.671625920230165 51.775890620823304)</t>
  </si>
  <si>
    <t>POINT (4.683428321677657 51.77981087953629)</t>
  </si>
  <si>
    <t>POINT (4.717743934686961 51.79947481209533)</t>
  </si>
  <si>
    <t>POINT (4.6919293549901 51.81164537956779)</t>
  </si>
  <si>
    <t>POINT (4.662830457637872 51.795224780612635)</t>
  </si>
  <si>
    <t>POINT (4.659803477403602 51.79627961759006)</t>
  </si>
  <si>
    <t>POINT (4.708186126262101 51.811614773658576)</t>
  </si>
  <si>
    <t>POINT (4.718028139648467 51.814226633367056)</t>
  </si>
  <si>
    <t>POINT (4.672049727832601 51.799638266628584)</t>
  </si>
  <si>
    <t>POINT (4.680583897516356 51.81454188568897)</t>
  </si>
  <si>
    <t>POINT (4.660077380505562 51.78914072451528)</t>
  </si>
  <si>
    <t>POINT (4.660567261061137 51.78866283710824)</t>
  </si>
  <si>
    <t>POINT (4.7174503999645605 51.812096194936466)</t>
  </si>
  <si>
    <t>POINT (4.708388455554401 51.80492878531946)</t>
  </si>
  <si>
    <t>POINT (4.731572468730742 51.79158910468698)</t>
  </si>
  <si>
    <t>POINT (4.679451583787925 51.77825658865114)</t>
  </si>
  <si>
    <t>POINT (4.6659650427197565 51.78104944552229)</t>
  </si>
  <si>
    <t>POINT (4.671798982321022 51.81131918330638)</t>
  </si>
  <si>
    <t>POINT (4.677853764282144 51.81414337007824)</t>
  </si>
  <si>
    <t>POINT (4.67687182706898 51.78639208243396)</t>
  </si>
  <si>
    <t>POINT (4.641523257056741 51.76234225214442)</t>
  </si>
  <si>
    <t>POINT (4.662596682330264 51.7977808913624)</t>
  </si>
  <si>
    <t>POINT (4.666285168059839 51.81585324288637)</t>
  </si>
  <si>
    <t>POINT (4.669006331162732 51.79073157478551)</t>
  </si>
  <si>
    <t>POINT (4.68949241860312 51.809090450726885)</t>
  </si>
  <si>
    <t>POINT (4.667523722816749 51.78033576078207)</t>
  </si>
  <si>
    <t>POINT (4.684200123879675 51.78260756768293)</t>
  </si>
  <si>
    <t>POINT (4.714673092206888 51.80374041426178)</t>
  </si>
  <si>
    <t>POINT (4.684419400982179 51.80489411888561)</t>
  </si>
  <si>
    <t>POINT (4.659755293809092 51.805275170334184)</t>
  </si>
  <si>
    <t>POINT (4.635316362162159 51.76941315209901)</t>
  </si>
  <si>
    <t>POINT (4.669055678272516 51.790752101455205)</t>
  </si>
  <si>
    <t>POINT (4.665040628690286 51.77309749879042)</t>
  </si>
  <si>
    <t>POINT (4.683724627674039 51.77624653426713)</t>
  </si>
  <si>
    <t>POINT (4.660218508110386 51.78751555971805)</t>
  </si>
  <si>
    <t>POINT (4.6633188038013405 51.80512423011898)</t>
  </si>
  <si>
    <t>POINT (4.673704237543177 51.7765475033693)</t>
  </si>
  <si>
    <t>POINT (4.726574815374028 51.80269629279017)</t>
  </si>
  <si>
    <t>POINT (4.690585563294573 51.80741458208909)</t>
  </si>
  <si>
    <t>POINT (4.699507796841856 51.79014474849768)</t>
  </si>
  <si>
    <t>POINT (4.673705063122249 51.77629454812494)</t>
  </si>
  <si>
    <t>POINT (4.6798738758378455 51.77978303564891)</t>
  </si>
  <si>
    <t>POINT (4.732647777844323 51.798189052012)</t>
  </si>
  <si>
    <t>POINT (4.6517026010953 51.79047141121562)</t>
  </si>
  <si>
    <t>POINT (4.668164258969296 51.803716399270186)</t>
  </si>
  <si>
    <t>POINT (4.712035550529157 51.81500045202976)</t>
  </si>
  <si>
    <t>POINT (4.711253303841087 51.792561562232834)</t>
  </si>
  <si>
    <t>POINT (4.717843217617623 51.8031613175208)</t>
  </si>
  <si>
    <t>POINT (4.6590612812373875 51.78913183319811)</t>
  </si>
  <si>
    <t>POINT (4.678665503298024 51.787096533852484)</t>
  </si>
  <si>
    <t>POINT (4.708784359615388 51.78833214764944)</t>
  </si>
  <si>
    <t>POINT (4.674415552672595 51.814721470619816)</t>
  </si>
  <si>
    <t>POINT (4.6653942437672455 51.803731157833894)</t>
  </si>
  <si>
    <t>POINT (4.653795007639393 51.78518427947575)</t>
  </si>
  <si>
    <t>POINT (4.6677181538352706 51.794619077519826)</t>
  </si>
  <si>
    <t>POINT (4.660197816918833 51.808647071584346)</t>
  </si>
  <si>
    <t>POINT (4.7115925856417915 51.81602608615606)</t>
  </si>
  <si>
    <t>POINT (4.660806317167439 51.797817712065864)</t>
  </si>
  <si>
    <t>POINT (4.669533668385395 51.81079505512556)</t>
  </si>
  <si>
    <t>POINT (4.6814521340514155 51.813632073230735)</t>
  </si>
  <si>
    <t>POINT (4.694419151410515 51.79407715156725)</t>
  </si>
  <si>
    <t>POINT (4.713964653987459 51.808676376734155)</t>
  </si>
  <si>
    <t>POINT (4.724971568125723 51.79652130593863)</t>
  </si>
  <si>
    <t>POINT (4.679083774996359 51.781764312765496)</t>
  </si>
  <si>
    <t>POINT (4.676567776834727 51.81452913179911)</t>
  </si>
  <si>
    <t>POINT (4.6723766249649845 51.81936673647218)</t>
  </si>
  <si>
    <t>POINT (4.6831764660631885 51.80234217213162)</t>
  </si>
  <si>
    <t>POINT (4.7157108339495535 51.80503116771195)</t>
  </si>
  <si>
    <t>POINT (4.657080315958012 51.77186341702519)</t>
  </si>
  <si>
    <t>POINT (4.675163258881769 51.813317646869784)</t>
  </si>
  <si>
    <t>POINT (4.707828244644867 51.78941032430685)</t>
  </si>
  <si>
    <t>POINT (4.731009968732489 51.79712020565321)</t>
  </si>
  <si>
    <t>POINT (4.659579394316923 51.806465270063164)</t>
  </si>
  <si>
    <t>POINT (4.682390933895219 51.77838827411141)</t>
  </si>
  <si>
    <t>POINT (4.6814016285568885 51.80668208165636)</t>
  </si>
  <si>
    <t>POINT (4.6660052369563285 51.810419880469055)</t>
  </si>
  <si>
    <t>POINT (4.704343921909858 51.79856342387353)</t>
  </si>
  <si>
    <t>POINT (4.655113254061075 51.79559486204165)</t>
  </si>
  <si>
    <t>POINT (4.6708762850785925 51.81071570876057)</t>
  </si>
  <si>
    <t>POINT (4.680417357771352 51.79861302624408)</t>
  </si>
  <si>
    <t>POINT (4.6768265494362415 51.818336382620956)</t>
  </si>
  <si>
    <t>POINT (4.734268947479538 51.79707375002773)</t>
  </si>
  <si>
    <t>POINT (4.694798633858237 51.79118288998467)</t>
  </si>
  <si>
    <t>POINT (4.718567038359736 51.80081931765612)</t>
  </si>
  <si>
    <t>POINT (4.663523930966491 51.78703191122635)</t>
  </si>
  <si>
    <t>POINT (4.677730492738942 51.781933536191964)</t>
  </si>
  <si>
    <t>POINT (4.663139146132442 51.80021492747081)</t>
  </si>
  <si>
    <t>POINT (4.681152250439266 51.77325794603369)</t>
  </si>
  <si>
    <t>POINT (4.731961193443653 51.79944536406236)</t>
  </si>
  <si>
    <t>POINT (4.6655820666959995 51.77783332831364)</t>
  </si>
  <si>
    <t>POINT (4.66304890758603 51.79183734389567)</t>
  </si>
  <si>
    <t>POINT (4.6816024268458145 51.79223739382307)</t>
  </si>
  <si>
    <t>POINT (4.7280683775588805 51.79733621717805)</t>
  </si>
  <si>
    <t>POINT (4.674668467036791 51.81827405139712)</t>
  </si>
  <si>
    <t>POINT (4.684708058802454 51.78082692109333)</t>
  </si>
  <si>
    <t>POINT (4.653622923021848 51.79415324712163)</t>
  </si>
  <si>
    <t>POINT (4.6939168251146475 51.81837388183722)</t>
  </si>
  <si>
    <t>POINT (4.655549939281762 51.80265899348049)</t>
  </si>
  <si>
    <t>POINT (4.6851316048442975 51.78744131432528)</t>
  </si>
  <si>
    <t>POINT (4.683400451305642 51.77722048373524)</t>
  </si>
  <si>
    <t>POINT (4.717452702915948 51.81589290866928)</t>
  </si>
  <si>
    <t>POINT (4.650000940896445 51.79344469546368)</t>
  </si>
  <si>
    <t>POINT (4.724700478207974 51.797120612640136)</t>
  </si>
  <si>
    <t>POINT (4.663831301028662 51.81056026015071)</t>
  </si>
  <si>
    <t>POINT (4.682120936777888 51.785637788238716)</t>
  </si>
  <si>
    <t>POINT (4.691976660528295 51.81921198522946)</t>
  </si>
  <si>
    <t>POINT (4.669058359936347 51.79084770369555)</t>
  </si>
  <si>
    <t>POINT (4.6798257996969905 51.80819714337899)</t>
  </si>
  <si>
    <t>POINT (4.727183581484419 51.80223378354486)</t>
  </si>
  <si>
    <t>POINT (4.677700604572621 51.79075353153775)</t>
  </si>
  <si>
    <t>POINT (4.711364658456655 51.80530767716881)</t>
  </si>
  <si>
    <t>POINT (4.720796196340905 51.80498064534903)</t>
  </si>
  <si>
    <t>POINT (4.664532891796961 51.7885847909994)</t>
  </si>
  <si>
    <t>POINT (4.661873849042921 51.81590573730685)</t>
  </si>
  <si>
    <t>POINT (4.659783667811329 51.769337835223304)</t>
  </si>
  <si>
    <t>POINT (4.689434643096492 51.81576328788663)</t>
  </si>
  <si>
    <t>POINT (4.667495830311663 51.81911170559998)</t>
  </si>
  <si>
    <t>POINT (4.673217596590041 51.78773182033234)</t>
  </si>
  <si>
    <t>POINT (4.715612508170813 51.80914203765604)</t>
  </si>
  <si>
    <t>POINT (4.673369226404545 51.807992715419836)</t>
  </si>
  <si>
    <t>POINT (4.694838075025648 51.796873223166344)</t>
  </si>
  <si>
    <t>POINT (4.691048512312139 51.80641232497125)</t>
  </si>
  <si>
    <t>POINT (4.651710112922703 51.79058855428973)</t>
  </si>
  <si>
    <t>POINT (4.699290779636358 51.78936169511378)</t>
  </si>
  <si>
    <t>POINT (4.664954527311329 51.81256697140126)</t>
  </si>
  <si>
    <t>POINT (4.715845039060667 51.815111212846055)</t>
  </si>
  <si>
    <t>POINT (4.717448648980454 51.80221715468156)</t>
  </si>
  <si>
    <t>POINT (4.697624497561523 51.79022332843408)</t>
  </si>
  <si>
    <t>POINT (4.652916786820316 51.803482583393034)</t>
  </si>
  <si>
    <t>POINT (4.679174227827314 51.80641352837045)</t>
  </si>
  <si>
    <t>POINT (4.656885536913697 51.810775303845524)</t>
  </si>
  <si>
    <t>POINT (4.674656532975429 51.818314266140476)</t>
  </si>
  <si>
    <t>POINT (4.671311321046809 51.79667491166274)</t>
  </si>
  <si>
    <t>POINT (4.655980258028545 51.800886848472814)</t>
  </si>
  <si>
    <t>POINT (4.704345470656951 51.78885243684068)</t>
  </si>
  <si>
    <t>POINT (4.679628408856577 51.78924224803552)</t>
  </si>
  <si>
    <t>POINT (4.688068340730462 51.81038414459642)</t>
  </si>
  <si>
    <t>POINT (4.659298629210507 51.799206461074505)</t>
  </si>
  <si>
    <t>POINT (4.661058227353954 51.77053976962116)</t>
  </si>
  <si>
    <t>POINT (4.682781155713312 51.80249855751514)</t>
  </si>
  <si>
    <t>POINT (4.666028391018605 51.78934975558223)</t>
  </si>
  <si>
    <t>POINT (4.654762258858644 51.812282713963306)</t>
  </si>
  <si>
    <t>POINT (4.660234214177508 51.80997903399795)</t>
  </si>
  <si>
    <t>POINT (4.693143452169143 51.78764227469949)</t>
  </si>
  <si>
    <t>POINT (4.657963363759907 51.80635404329536)</t>
  </si>
  <si>
    <t>POINT (4.729703169856953 51.80056500436354)</t>
  </si>
  <si>
    <t>POINT (4.674416922720657 51.80433635050246)</t>
  </si>
  <si>
    <t>POINT (4.659416964302528 51.795499059652315)</t>
  </si>
  <si>
    <t>POINT (4.679951143218062 51.78888239039042)</t>
  </si>
  <si>
    <t>POINT (4.679937090064385 51.809213165509206)</t>
  </si>
  <si>
    <t>POINT (4.630473076549336 51.72760058412439)</t>
  </si>
  <si>
    <t>POINT (4.666710152391041 51.787192224537286)</t>
  </si>
  <si>
    <t>POINT (4.6860044219519565 51.80715498433426)</t>
  </si>
  <si>
    <t>POINT (4.684604422671094 51.808745325615625)</t>
  </si>
  <si>
    <t>POINT (4.693726172286083 51.80352814063066)</t>
  </si>
  <si>
    <t>POINT (4.659224376668817 51.805220498307484)</t>
  </si>
  <si>
    <t>POINT (4.661850309274846 51.78891482100273)</t>
  </si>
  <si>
    <t>POINT (4.6758897551845084 51.78561404723487)</t>
  </si>
  <si>
    <t>POINT (4.670866820814821 51.7742039290423)</t>
  </si>
  <si>
    <t>POINT (4.661417924248434 51.804505993853304)</t>
  </si>
  <si>
    <t>POINT (4.685132150681968 51.81114297475999)</t>
  </si>
  <si>
    <t>POINT (4.676288924808252 51.776738154675456)</t>
  </si>
  <si>
    <t>POINT (4.697275140885374 51.79288141871011)</t>
  </si>
  <si>
    <t>POINT (4.675980458422902 51.7847963379827)</t>
  </si>
  <si>
    <t>POINT (4.712657075995571 51.805035854543675)</t>
  </si>
  <si>
    <t>POINT (4.676966361482616 51.772379139625855)</t>
  </si>
  <si>
    <t>POINT (4.6759540556201244 51.785930704475184)</t>
  </si>
  <si>
    <t>POINT (4.6741554541486945 51.81912324990321)</t>
  </si>
  <si>
    <t>POINT (4.726839290918911 51.802796872297584)</t>
  </si>
  <si>
    <t>POINT (4.659634724213787 51.78415772157602)</t>
  </si>
  <si>
    <t>POINT (4.665977906039584 51.81045771663893)</t>
  </si>
  <si>
    <t>POINT (4.674924086992872 51.786367849476996)</t>
  </si>
  <si>
    <t>POINT (4.685834517100461 51.80013638720597)</t>
  </si>
  <si>
    <t>POINT (4.724988753447831 51.80539974619735)</t>
  </si>
  <si>
    <t>POINT (4.66653023033844 51.81679635660479)</t>
  </si>
  <si>
    <t>POINT (4.707619668349972 51.79667051024149)</t>
  </si>
  <si>
    <t>POINT (4.711318111435185 51.79970647210459)</t>
  </si>
  <si>
    <t>POINT (4.662263652810917 51.79432182528483)</t>
  </si>
  <si>
    <t>POINT (4.730720452829587 51.79792700656528)</t>
  </si>
  <si>
    <t>POINT (4.676704533538518 51.79124313062077)</t>
  </si>
  <si>
    <t>POINT (4.657203220990601 51.802594855761654)</t>
  </si>
  <si>
    <t>POINT (4.728111660651341 51.800797033739485)</t>
  </si>
  <si>
    <t>POINT (4.684114519635313 51.78007566702916)</t>
  </si>
  <si>
    <t>POINT (4.700505545847809 51.79586136521811)</t>
  </si>
  <si>
    <t>POINT (4.680202701362047 51.81069004047554)</t>
  </si>
  <si>
    <t>POINT (4.6596076623602976 51.801731586054515)</t>
  </si>
  <si>
    <t>POINT (4.6699550823649 51.79719692508733)</t>
  </si>
  <si>
    <t>POINT (4.683160746798776 51.79792893382253)</t>
  </si>
  <si>
    <t>POINT (4.659317475398648 51.78910717609624)</t>
  </si>
  <si>
    <t>POINT (4.685146043354596 51.80150082242313)</t>
  </si>
  <si>
    <t>POINT (4.6883240955373315 51.80972190023566)</t>
  </si>
  <si>
    <t>POINT (4.72021645447783 51.81347586592506)</t>
  </si>
  <si>
    <t>POINT (4.684658904460726 51.792563509857146)</t>
  </si>
  <si>
    <t>POINT (4.665437387087482 51.78939288006497)</t>
  </si>
  <si>
    <t>POINT (4.675458218048722 51.78333832225518)</t>
  </si>
  <si>
    <t>POINT (4.717485382928254 51.80242742005407)</t>
  </si>
  <si>
    <t>POINT (4.685701184700659 51.81029951972566)</t>
  </si>
  <si>
    <t>POINT (4.667485603286954 51.770745160413576)</t>
  </si>
  <si>
    <t>POINT (4.65251978315885 51.78537246921357)</t>
  </si>
  <si>
    <t>POINT (4.664255082235123 51.790505079943856)</t>
  </si>
  <si>
    <t>POINT (4.658461249449406 51.77108591483841)</t>
  </si>
  <si>
    <t>POINT (4.666320320001826 51.79627560775965)</t>
  </si>
  <si>
    <t>POINT (4.675901553072831 51.80855486499492)</t>
  </si>
  <si>
    <t>POINT (4.653013231513512 51.79114762626611)</t>
  </si>
  <si>
    <t>POINT (4.66805088064882 51.77429478537875)</t>
  </si>
  <si>
    <t>POINT (4.6878892973051585 51.80400926854865)</t>
  </si>
  <si>
    <t>POINT (4.717152620770057 51.803523708221476)</t>
  </si>
  <si>
    <t>POINT (4.675043246354196 51.78678142386496)</t>
  </si>
  <si>
    <t>POINT (4.675715156255537 51.80457605668513)</t>
  </si>
  <si>
    <t>POINT (4.660399830932906 51.80002554244496)</t>
  </si>
  <si>
    <t>POINT (4.6740831639827185 51.772795367104735)</t>
  </si>
  <si>
    <t>POINT (4.683801645896348 51.80411848810511)</t>
  </si>
  <si>
    <t>POINT (4.659939392677678 51.769755509498864)</t>
  </si>
  <si>
    <t>POINT (4.7064786634191185 51.79250804069389)</t>
  </si>
  <si>
    <t>POINT (4.656241062469981 51.79294869781006)</t>
  </si>
  <si>
    <t>POINT (4.660812838795609 51.78724029485552)</t>
  </si>
  <si>
    <t>POINT (4.666737980609501 51.78169080316992)</t>
  </si>
  <si>
    <t>POINT (4.666223580940869 51.78726767943205)</t>
  </si>
  <si>
    <t>POINT (4.661459612051223 51.76961886933073)</t>
  </si>
  <si>
    <t>POINT (4.692809297080365 51.81168663418338)</t>
  </si>
  <si>
    <t>POINT (4.675237472076916 51.81594550299863)</t>
  </si>
  <si>
    <t>POINT (4.672351386308061 51.81794465653742)</t>
  </si>
  <si>
    <t>POINT (4.666278797042553 51.81353001743977)</t>
  </si>
  <si>
    <t>POINT (4.705191607428913 51.80835513109432)</t>
  </si>
  <si>
    <t>POINT (4.67344671427876 51.80533626817635)</t>
  </si>
  <si>
    <t>POINT (4.709996122365828 51.80986214592618)</t>
  </si>
  <si>
    <t>POINT (4.6811291671521476 51.79860172568933)</t>
  </si>
  <si>
    <t>POINT (4.673976118467705 51.80541255624437)</t>
  </si>
  <si>
    <t>POINT (4.670956312747948 51.779507653601335)</t>
  </si>
  <si>
    <t>POINT (4.66427103315422 51.81765449808843)</t>
  </si>
  <si>
    <t>POINT (4.722682586643658 51.80417322430222)</t>
  </si>
  <si>
    <t>POINT (4.669675704721223 51.804226141690506)</t>
  </si>
  <si>
    <t>POINT (4.676064968899214 51.80864900507931)</t>
  </si>
  <si>
    <t>POINT (4.695179304721801 51.79575323442363)</t>
  </si>
  <si>
    <t>POINT (4.663390947201674 51.81238099789508)</t>
  </si>
  <si>
    <t>POINT (4.674268639997693 51.81908310200581)</t>
  </si>
  <si>
    <t>POINT (4.684126470901226 51.80226028284413)</t>
  </si>
  <si>
    <t>POINT (4.704665392366144 51.79639302229309)</t>
  </si>
  <si>
    <t>POINT (4.65863371475524 51.81075819782364)</t>
  </si>
  <si>
    <t>POINT (4.665634036066702 51.81840979993262)</t>
  </si>
  <si>
    <t>POINT (4.674050435778923 51.774911749085156)</t>
  </si>
  <si>
    <t>POINT (4.661042694682072 51.81265927897691)</t>
  </si>
  <si>
    <t>POINT (4.6624202392210075 51.80198941418111)</t>
  </si>
  <si>
    <t>POINT (4.658893847443552 51.79819429342976)</t>
  </si>
  <si>
    <t>POINT (4.652914899295595 51.795186051827855)</t>
  </si>
  <si>
    <t>POINT (4.6656265158775145 51.78468905838082)</t>
  </si>
  <si>
    <t>POINT (4.6718404790197 51.78223204333893)</t>
  </si>
  <si>
    <t>POINT (4.667702586171454 51.78816983289508)</t>
  </si>
  <si>
    <t>POINT (4.629452859279126 51.721037346706254)</t>
  </si>
  <si>
    <t>POINT (4.7313617921010405 51.79759779780601)</t>
  </si>
  <si>
    <t>POINT (4.668465726936087 51.802530750899294)</t>
  </si>
  <si>
    <t>POINT (4.71310089353172 51.80480365750543)</t>
  </si>
  <si>
    <t>POINT (4.698694592513664 51.79903232647258)</t>
  </si>
  <si>
    <t>POINT (4.716224671884144 51.807688013233346)</t>
  </si>
  <si>
    <t>POINT (4.667542959010946 51.79416171876003)</t>
  </si>
  <si>
    <t>POINT (4.668048091805059 51.7893330221468)</t>
  </si>
  <si>
    <t>POINT (4.680155203369359 51.80930981374756)</t>
  </si>
  <si>
    <t>POINT (4.685069781204071 51.81097901690276)</t>
  </si>
  <si>
    <t>POINT (4.670880105252404 51.7789004143877)</t>
  </si>
  <si>
    <t>POINT (4.682953436400634 51.802735724174866)</t>
  </si>
  <si>
    <t>POINT (4.669177491385334 51.81600875285604)</t>
  </si>
  <si>
    <t>POINT (4.6596953530067236 51.792033196028626)</t>
  </si>
  <si>
    <t>POINT (4.677864281046355 51.782188114328164)</t>
  </si>
  <si>
    <t>POINT (4.6667732701182585 51.817961037013504)</t>
  </si>
  <si>
    <t>POINT (4.663654573916254 51.787732532898154)</t>
  </si>
  <si>
    <t>POINT (4.722834191353445 51.7976221158738)</t>
  </si>
  <si>
    <t>POINT (4.675573369304549 51.78866851902874)</t>
  </si>
  <si>
    <t>POINT (4.682693143427113 51.803767652430366)</t>
  </si>
  <si>
    <t>POINT (4.675103412635336 51.80511069570829)</t>
  </si>
  <si>
    <t>POINT (4.634551929529066 51.77066785995901)</t>
  </si>
  <si>
    <t>POINT (4.65436796284464 51.78924707424786)</t>
  </si>
  <si>
    <t>POINT (4.660911329213629 51.79755334837861)</t>
  </si>
  <si>
    <t>POINT (4.68355051954702 51.818482029224)</t>
  </si>
  <si>
    <t>POINT (4.660199869528296 51.8154338645331)</t>
  </si>
  <si>
    <t>POINT (4.707246212835422 51.7904092606447)</t>
  </si>
  <si>
    <t>POINT (4.678020791760487 51.78854263124458)</t>
  </si>
  <si>
    <t>POINT (4.671143105060417 51.7848795099512)</t>
  </si>
  <si>
    <t>POINT (4.684508007241594 51.77780747989732)</t>
  </si>
  <si>
    <t>POINT (4.6838471517263365 51.78897538690787)</t>
  </si>
  <si>
    <t>POINT (4.674227737533916 51.817947944627015)</t>
  </si>
  <si>
    <t>POINT (4.725825392472987 51.80452553774301)</t>
  </si>
  <si>
    <t>POINT (4.631309161482288 51.7244736361965)</t>
  </si>
  <si>
    <t>POINT (4.668565178115379 51.80923782591126)</t>
  </si>
  <si>
    <t>POINT (4.668033469247651 51.80408424171073)</t>
  </si>
  <si>
    <t>POINT (4.677325078293076 51.81633736288378)</t>
  </si>
  <si>
    <t>POINT (4.667005841208511 51.79629259984096)</t>
  </si>
  <si>
    <t>POINT (4.71644812746508 51.799695911895284)</t>
  </si>
  <si>
    <t>POINT (4.675345031557367 51.77574544249823)</t>
  </si>
  <si>
    <t>POINT (4.7133871528909665 51.816222818552134)</t>
  </si>
  <si>
    <t>POINT (4.664871202188066 51.792148791994855)</t>
  </si>
  <si>
    <t>POINT (4.672900382325326 51.77751655514159)</t>
  </si>
  <si>
    <t>POINT (4.661637561961266 51.79865355510095)</t>
  </si>
  <si>
    <t>POINT (4.6784310689394655 51.80844742137245)</t>
  </si>
  <si>
    <t>POINT (4.710481402616742 51.79398831401515)</t>
  </si>
  <si>
    <t>POINT (4.731907217974012 51.80417820901826)</t>
  </si>
  <si>
    <t>POINT (4.676752453269176 51.78657561881066)</t>
  </si>
  <si>
    <t>POINT (4.669094876096511 51.819265804578116)</t>
  </si>
  <si>
    <t>POINT (4.68094344233103 51.77824186912113)</t>
  </si>
  <si>
    <t>POINT (4.6841950619830355 51.804496329656324)</t>
  </si>
  <si>
    <t>POINT (4.667282383204242 51.814543179740234)</t>
  </si>
  <si>
    <t>POINT (4.718017607824406 51.80124720904484)</t>
  </si>
  <si>
    <t>POINT (4.7112182043952675 51.81647600489706)</t>
  </si>
  <si>
    <t>POINT (4.668294220342554 51.79011079494182)</t>
  </si>
  <si>
    <t>POINT (4.6918213155029616 51.81786233583523)</t>
  </si>
  <si>
    <t>POINT (4.677737787358626 51.78202630774911)</t>
  </si>
  <si>
    <t>POINT (4.678434853967715 51.816550432148624)</t>
  </si>
  <si>
    <t>POINT (4.675476194877207 51.807549733936575)</t>
  </si>
  <si>
    <t>POINT (4.66821401505569 51.7699734433882)</t>
  </si>
  <si>
    <t>POINT (4.66095282202007 51.797857531110076)</t>
  </si>
  <si>
    <t>POINT (4.702059055188462 51.789526154733906)</t>
  </si>
  <si>
    <t>POINT (4.710985498642443 51.814762966872976)</t>
  </si>
  <si>
    <t>POINT (4.63020172812986 51.72820331917501)</t>
  </si>
  <si>
    <t>POINT (4.65640129011666 51.80371557218089)</t>
  </si>
  <si>
    <t>POINT (4.671042205231856 51.808457237557946)</t>
  </si>
  <si>
    <t>POINT (4.665616203205246 51.771690504535236)</t>
  </si>
  <si>
    <t>POINT (4.667962566973542 51.81678383129775)</t>
  </si>
  <si>
    <t>POINT (4.672399352847348 51.81824629376953)</t>
  </si>
  <si>
    <t>POINT (4.6572806000323315 51.80707559007385)</t>
  </si>
  <si>
    <t>POINT (4.703006987542356 51.7898321874664)</t>
  </si>
  <si>
    <t>POINT (4.67627112545259 51.777684135132034)</t>
  </si>
  <si>
    <t>POINT (4.711800716146465 51.81627300649538)</t>
  </si>
  <si>
    <t>POINT (4.684709774034409 51.77833727795162)</t>
  </si>
  <si>
    <t>POINT (4.717195659246971 51.80350673173515)</t>
  </si>
  <si>
    <t>POINT (4.640073390921026 51.751186495666936)</t>
  </si>
  <si>
    <t>POINT (4.6568915603273755 51.801027849192145)</t>
  </si>
  <si>
    <t>POINT (4.663438478272897 51.81290350644592)</t>
  </si>
  <si>
    <t>POINT (4.662519967806752 51.80485091491394)</t>
  </si>
  <si>
    <t>POINT (4.6724897149685125 51.78498592406337)</t>
  </si>
  <si>
    <t>POINT (4.665934513995289 51.796025822695654)</t>
  </si>
  <si>
    <t>POINT (4.651246606552843 51.79061996629244)</t>
  </si>
  <si>
    <t>POINT (4.711268200172365 51.79504623085429)</t>
  </si>
  <si>
    <t>POINT (4.710147944908237 51.804047627177894)</t>
  </si>
  <si>
    <t>POINT (4.677356282371601 51.773837958957955)</t>
  </si>
  <si>
    <t>POINT (4.655647975867748 51.790326976391476)</t>
  </si>
  <si>
    <t>POINT (4.666044775996547 51.81223349977664)</t>
  </si>
  <si>
    <t>POINT (4.662858727170626 51.79118664608886)</t>
  </si>
  <si>
    <t>POINT (4.660827893265017 51.77155795237595)</t>
  </si>
  <si>
    <t>POINT (4.71598294623767 51.80142664095838)</t>
  </si>
  <si>
    <t>POINT (4.707405372464059 51.789363102056036)</t>
  </si>
  <si>
    <t>POINT (4.667773446608148 51.798844273502766)</t>
  </si>
  <si>
    <t>POINT (4.680952840246894 51.779510887610265)</t>
  </si>
  <si>
    <t>POINT (4.674404900314708 51.814541246017356)</t>
  </si>
  <si>
    <t>POINT (4.652285872445911 51.78546891806725)</t>
  </si>
  <si>
    <t>POINT (4.654874451512734 51.7989594256941)</t>
  </si>
  <si>
    <t>POINT (4.669562154747422 51.80942168737261)</t>
  </si>
  <si>
    <t>POINT (4.672559692607333 51.81144684636923)</t>
  </si>
  <si>
    <t>POINT (4.732060501854652 51.79844426956719)</t>
  </si>
  <si>
    <t>POINT (4.658082755025363 51.801665760797306)</t>
  </si>
  <si>
    <t>POINT (4.676979694913771 51.79602419075942)</t>
  </si>
  <si>
    <t>POINT (4.6329700701306535 51.78362504812097)</t>
  </si>
  <si>
    <t>POINT (4.698918121651087 51.79523267200178)</t>
  </si>
  <si>
    <t>POINT (4.693515406141126 51.79207956118786)</t>
  </si>
  <si>
    <t>POINT (4.673873276592145 51.77499655885633)</t>
  </si>
  <si>
    <t>POINT (4.7182033479372345 51.79970849471637)</t>
  </si>
  <si>
    <t>POINT (4.672370773122949 51.799290167623525)</t>
  </si>
  <si>
    <t>POINT (4.705131853425072 51.79889020559197)</t>
  </si>
  <si>
    <t>POINT (4.71914807133978 51.80540322292478)</t>
  </si>
  <si>
    <t>POINT (4.683133261965059 51.7767234858423)</t>
  </si>
  <si>
    <t>POINT (4.667810179887613 51.80255470625883)</t>
  </si>
  <si>
    <t>POINT (4.681952390190817 51.781695393891695)</t>
  </si>
  <si>
    <t>POINT (4.716780063627496 51.79548256229477)</t>
  </si>
  <si>
    <t>POINT (4.669664377687597 51.78376093506819)</t>
  </si>
  <si>
    <t>POINT (4.669618084714099 51.81025812033187)</t>
  </si>
  <si>
    <t>POINT (4.698644682819136 51.79335678584121)</t>
  </si>
  <si>
    <t>POINT (4.663192591990226 51.7899555197659)</t>
  </si>
  <si>
    <t>POINT (4.724550432218246 51.79817870876683)</t>
  </si>
  <si>
    <t>POINT (4.669566934646681 51.81367768430148)</t>
  </si>
  <si>
    <t>POINT (4.668345775510434 51.7930500468112)</t>
  </si>
  <si>
    <t>POINT (4.65251476474545 51.78528280227966)</t>
  </si>
  <si>
    <t>POINT (4.734431113402763 51.79801806398912)</t>
  </si>
  <si>
    <t>POINT (4.653402571739118 51.78174293873648)</t>
  </si>
  <si>
    <t>POINT (4.663461860653332 51.81441273313737)</t>
  </si>
  <si>
    <t>POINT (4.662737128150352 51.799948106311255)</t>
  </si>
  <si>
    <t>POINT (4.671601883276035 51.79919939590522)</t>
  </si>
  <si>
    <t>POINT (4.732079737441128 51.80220233778521)</t>
  </si>
  <si>
    <t>POINT (4.652486730870074 51.78555897585794)</t>
  </si>
  <si>
    <t>POINT (4.654288221967304 51.79298409118162)</t>
  </si>
  <si>
    <t>POINT (4.698804563620231 51.800518357626956)</t>
  </si>
  <si>
    <t>POINT (4.707056764328811 51.78642320635038)</t>
  </si>
  <si>
    <t>POINT (4.660894833071866 51.8160430698347)</t>
  </si>
  <si>
    <t>POINT (4.706936797415906 51.789441050142536)</t>
  </si>
  <si>
    <t>POINT (4.668964883947062 51.807912932596906)</t>
  </si>
  <si>
    <t>POINT (4.668974017563177 51.77775449941428)</t>
  </si>
  <si>
    <t>POINT (4.704619123612429 51.815290499093486)</t>
  </si>
  <si>
    <t>POINT (4.676585378562789 51.78640220360729)</t>
  </si>
  <si>
    <t>POINT (4.732353824731411 51.80474597047726)</t>
  </si>
  <si>
    <t>POINT (4.660766196752154 51.78724486891719)</t>
  </si>
  <si>
    <t>POINT (4.6667132324277665 51.779355123264835)</t>
  </si>
  <si>
    <t>POINT (4.67897849229885 51.77607608448364)</t>
  </si>
  <si>
    <t>POINT (4.727816415453193 51.80132214519971)</t>
  </si>
  <si>
    <t>POINT (4.67461255886956 51.818294925203645)</t>
  </si>
  <si>
    <t>POINT (4.683513276203917 51.804914566674526)</t>
  </si>
  <si>
    <t>POINT (4.665278391618607 51.774422227938274)</t>
  </si>
  <si>
    <t>POINT (4.672849843343809 51.8096260781985)</t>
  </si>
  <si>
    <t>POINT (4.66573980404502 51.77430679366503)</t>
  </si>
  <si>
    <t>POINT (4.675094338324625 51.80770901564778)</t>
  </si>
  <si>
    <t>POINT (4.6636535487698 51.81504561249929)</t>
  </si>
  <si>
    <t>POINT (4.673997513355548 51.81045883961848)</t>
  </si>
  <si>
    <t>POINT (4.671195017259814 51.80918196542436)</t>
  </si>
  <si>
    <t>POINT (4.678222013521905 51.817155809459734)</t>
  </si>
  <si>
    <t>POINT (4.6755853555500515 51.783241224649736)</t>
  </si>
  <si>
    <t>POINT (4.669325600381746 51.812185103835866)</t>
  </si>
  <si>
    <t>POINT (4.715138749277059 51.81495146920892)</t>
  </si>
  <si>
    <t>POINT (4.668283345035583 51.8041626172366)</t>
  </si>
  <si>
    <t>POINT (4.666604378012178 51.812454409448314)</t>
  </si>
  <si>
    <t>POINT (4.682017096696473 51.781730632103965)</t>
  </si>
  <si>
    <t>POINT (4.662474923673051 51.81584532547469)</t>
  </si>
  <si>
    <t>POINT (4.678982452152293 51.78073626562184)</t>
  </si>
  <si>
    <t>POINT (4.666425551128251 51.81435234912884)</t>
  </si>
  <si>
    <t>POINT (4.6677577277141875 51.7883984931244)</t>
  </si>
  <si>
    <t>POINT (4.656197564687178 51.79835133952838)</t>
  </si>
  <si>
    <t>POINT (4.68156984345074 51.80322016184115)</t>
  </si>
  <si>
    <t>POINT (4.66675625958886 51.793909629226306)</t>
  </si>
  <si>
    <t>POINT (4.677680900107742 51.79050230426942)</t>
  </si>
  <si>
    <t>POINT (4.7322917759746765 51.80475739030458)</t>
  </si>
  <si>
    <t>POINT (4.680301894558702 51.80695762512898)</t>
  </si>
  <si>
    <t>POINT (4.6754418413897465 51.7791348445465)</t>
  </si>
  <si>
    <t>POINT (4.693386912939243 51.79637868689816)</t>
  </si>
  <si>
    <t>POINT (4.6718122277669405 51.819279963641684)</t>
  </si>
  <si>
    <t>POINT (4.695121627950142 51.79553751662956)</t>
  </si>
  <si>
    <t>POINT (4.6725420503418436 51.8060321305153)</t>
  </si>
  <si>
    <t>POINT (4.7163882645186606 51.79966875651147)</t>
  </si>
  <si>
    <t>POINT (4.652126872400587 51.80530402425612)</t>
  </si>
  <si>
    <t>POINT (4.676030923323497 51.776838441608724)</t>
  </si>
  <si>
    <t>POINT (4.6657241397566205 51.81485077576854)</t>
  </si>
  <si>
    <t>POINT (4.651187828211839 51.803266655552974)</t>
  </si>
  <si>
    <t>POINT (4.656406772663366 51.80324662108529)</t>
  </si>
  <si>
    <t>POINT (4.661944065476696 51.81633707052683)</t>
  </si>
  <si>
    <t>POINT (4.660812729972808 51.813505848077796)</t>
  </si>
  <si>
    <t>POINT (4.670600818306453 51.78268224427372)</t>
  </si>
  <si>
    <t>POINT (4.736404765010371 51.790722215722425)</t>
  </si>
  <si>
    <t>POINT (4.657595408805063 51.802323409551995)</t>
  </si>
  <si>
    <t>POINT (4.659927440939089 51.812856955050094)</t>
  </si>
  <si>
    <t>POINT (4.677947576221007 51.78765141799514)</t>
  </si>
  <si>
    <t>POINT (4.733883891431866 51.795856090631474)</t>
  </si>
  <si>
    <t>POINT (4.684726650477042 51.79252104849737)</t>
  </si>
  <si>
    <t>POINT (4.7174326653821 51.804139842798484)</t>
  </si>
  <si>
    <t>POINT (4.657805794201932 51.79630927302621)</t>
  </si>
  <si>
    <t>POINT (4.709822381791645 51.80814912960992)</t>
  </si>
  <si>
    <t>POINT (4.672357070606478 51.780177902681864)</t>
  </si>
  <si>
    <t>POINT (4.6741323062417255 51.81640560170955)</t>
  </si>
  <si>
    <t>POINT (4.718637940424597 51.81563934678202)</t>
  </si>
  <si>
    <t>POINT (4.6910221117599065 51.81901558779941)</t>
  </si>
  <si>
    <t>POINT (4.714664801423392 51.80620193464071)</t>
  </si>
  <si>
    <t>POINT (4.720256638908838 51.79817608716464)</t>
  </si>
  <si>
    <t>POINT (4.692014845010983 51.80740435297948)</t>
  </si>
  <si>
    <t>POINT (4.650535355245077 51.80244875975186)</t>
  </si>
  <si>
    <t>POINT (4.654965900072661 51.80038116414297)</t>
  </si>
  <si>
    <t>POINT (4.7083817548360845 51.80844275141854)</t>
  </si>
  <si>
    <t>POINT (4.672640078488009 51.80835019768067)</t>
  </si>
  <si>
    <t>POINT (4.684601745690472 51.777697759106324)</t>
  </si>
  <si>
    <t>POINT (4.678662547915663 51.78564558775988)</t>
  </si>
  <si>
    <t>242A</t>
  </si>
  <si>
    <t>POINT (4.628616927732181 51.723149232537175)</t>
  </si>
  <si>
    <t>POINT (4.7095607446952314 51.80490073913523)</t>
  </si>
  <si>
    <t>POINT (4.6899620626539935 51.809017665482855)</t>
  </si>
  <si>
    <t>POINT (4.672289702995916 51.78049237548)</t>
  </si>
  <si>
    <t>POINT (4.6580007394733824 51.77178134170779)</t>
  </si>
  <si>
    <t>POINT (4.718613584061122 51.813373937522705)</t>
  </si>
  <si>
    <t>POINT (4.631749209002711 51.72182079637078)</t>
  </si>
  <si>
    <t>POINT (4.663710953758858 51.79463066753634)</t>
  </si>
  <si>
    <t>POINT (4.677390549976421 51.77233980234736)</t>
  </si>
  <si>
    <t>POINT (4.7015494893918515 51.818010429702895)</t>
  </si>
  <si>
    <t>POINT (4.6527412010457905 51.79486931705721)</t>
  </si>
  <si>
    <t>POINT (4.667521285480703 51.799338048874695)</t>
  </si>
  <si>
    <t>POINT (4.705133177157411 51.81540614247996)</t>
  </si>
  <si>
    <t>POINT (4.680802764739211 51.77541359836333)</t>
  </si>
  <si>
    <t>POINT (4.697418801227784 51.80061150329318)</t>
  </si>
  <si>
    <t>POINT (4.666713534069343 51.79624702118036)</t>
  </si>
  <si>
    <t>POINT (4.663974656896121 51.800522559126456)</t>
  </si>
  <si>
    <t>POINT (4.691344200051848 51.81850636725623)</t>
  </si>
  <si>
    <t>POINT (4.6933522179343425 51.795382842313856)</t>
  </si>
  <si>
    <t>POINT (4.721522503577885 51.81104264271706)</t>
  </si>
  <si>
    <t>POINT (4.710926327807519 51.792202099842584)</t>
  </si>
  <si>
    <t>POINT (4.7031578595586465 51.81561837303235)</t>
  </si>
  <si>
    <t>POINT (4.672765502680577 51.817816851499)</t>
  </si>
  <si>
    <t>POINT (4.670617450507817 51.77148635732073)</t>
  </si>
  <si>
    <t>POINT (4.716728531123607 51.80308365546972)</t>
  </si>
  <si>
    <t>POINT (4.660868827845902 51.805355398224584)</t>
  </si>
  <si>
    <t>POINT (4.629725901838723 51.7234234991335)</t>
  </si>
  <si>
    <t>POINT (4.672659252355028 51.779396845531046)</t>
  </si>
  <si>
    <t>POINT (4.67018851566153 51.815716528256246)</t>
  </si>
  <si>
    <t>POINT (4.7363067971150015 51.801289777230586)</t>
  </si>
  <si>
    <t>POINT (4.6629580954057595 51.810855410808394)</t>
  </si>
  <si>
    <t>POINT (4.662450740439253 51.80278356480916)</t>
  </si>
  <si>
    <t>POINT (4.654900955891588 51.79412764080719)</t>
  </si>
  <si>
    <t>POINT (4.630142388587183 51.72161898328496)</t>
  </si>
  <si>
    <t>POINT (4.669065864903785 51.772912113149054)</t>
  </si>
  <si>
    <t>POINT (4.716469297275368 51.8142197928671)</t>
  </si>
  <si>
    <t>POINT (4.675377662611383 51.775821729966815)</t>
  </si>
  <si>
    <t>POINT (4.662711778171642 51.81286864056909)</t>
  </si>
  <si>
    <t>POINT (4.678229210861323 51.807051824987326)</t>
  </si>
  <si>
    <t>POINT (4.662967023086155 51.812356144409044)</t>
  </si>
  <si>
    <t>POINT (4.678868811404982 51.81619542915268)</t>
  </si>
  <si>
    <t>POINT (4.688121057883948 51.81035199161017)</t>
  </si>
  <si>
    <t>POINT (4.70300860782177 51.79377583198543)</t>
  </si>
  <si>
    <t>POINT (4.704775011154167 51.79454879047033)</t>
  </si>
  <si>
    <t>POINT (4.654460734668549 51.7830913719763)</t>
  </si>
  <si>
    <t>POINT (4.662599756724669 51.792115422556535)</t>
  </si>
  <si>
    <t>POINT (4.684671306241274 51.79261324660305)</t>
  </si>
  <si>
    <t>POINT (4.633176022369901 51.78363299692759)</t>
  </si>
  <si>
    <t>POINT (4.6715539674637565 51.801941435102655)</t>
  </si>
  <si>
    <t>POINT (4.70177282957841 51.79091456294142)</t>
  </si>
  <si>
    <t>POINT (4.66373957562912 51.78806909095858)</t>
  </si>
  <si>
    <t>POINT (4.672076786622491 51.7875441265142)</t>
  </si>
  <si>
    <t>POINT (4.66542191449333 51.80147414221261)</t>
  </si>
  <si>
    <t>POINT (4.669700010960916 51.8111350712846)</t>
  </si>
  <si>
    <t>POINT (4.6768884949995675 51.80901762972437)</t>
  </si>
  <si>
    <t>POINT (4.697434971869267 51.79756054822059)</t>
  </si>
  <si>
    <t>POINT (4.711478952717019 51.806375332916126)</t>
  </si>
  <si>
    <t>POINT (4.667991978780692 51.77371656654683)</t>
  </si>
  <si>
    <t>POINT (4.685311801834478 51.787429466912656)</t>
  </si>
  <si>
    <t>POINT (4.698005417489679 51.79512199370389)</t>
  </si>
  <si>
    <t>POINT (4.676917628253668 51.80746460812087)</t>
  </si>
  <si>
    <t>POINT (4.680148354266426 51.789770106835604)</t>
  </si>
  <si>
    <t>POINT (4.69096774850791 51.80614746220555)</t>
  </si>
  <si>
    <t>POINT (4.677180006711796 51.818207367914525)</t>
  </si>
  <si>
    <t>POINT (4.693457706882773 51.79704745827384)</t>
  </si>
  <si>
    <t>POINT (4.66174188968745 51.80108235256962)</t>
  </si>
  <si>
    <t>POINT (4.663913357087424 51.81148541370182)</t>
  </si>
  <si>
    <t>POINT (4.656313294357665 51.80073657407589)</t>
  </si>
  <si>
    <t>POINT (4.680836348288442 51.8016352873618)</t>
  </si>
  <si>
    <t>POINT (4.683805290140648 51.798132510252096)</t>
  </si>
  <si>
    <t>POINT (4.6500260792624255 51.79357847063762)</t>
  </si>
  <si>
    <t>POINT (4.712562815299204 51.80496511129297)</t>
  </si>
  <si>
    <t>POINT (4.673666668864835 51.78329002688133)</t>
  </si>
  <si>
    <t>POINT (4.67858916848748 51.807928848887386)</t>
  </si>
  <si>
    <t>POINT (4.659214735209507 51.78878047313667)</t>
  </si>
  <si>
    <t>POINT (4.673157876995487 51.782031065033394)</t>
  </si>
  <si>
    <t>POINT (4.6611082753856685 51.7907069650528)</t>
  </si>
  <si>
    <t>POINT (4.716916303894404 51.79411162694051)</t>
  </si>
  <si>
    <t>POINT (4.680318127832761 51.80452074061124)</t>
  </si>
  <si>
    <t>POINT (4.7128678286398165 51.80479608921746)</t>
  </si>
  <si>
    <t>POINT (4.652466110268042 51.78140049376861)</t>
  </si>
  <si>
    <t>POINT (4.653943120121209 51.78210787248738)</t>
  </si>
  <si>
    <t>POINT (4.678342615855251 51.78003800538403)</t>
  </si>
  <si>
    <t>POINT (4.7023751201976465 51.79448194399024)</t>
  </si>
  <si>
    <t>POINT (4.661494903271229 51.80907469236977)</t>
  </si>
  <si>
    <t>POINT (4.680813486091431 51.80395207100577)</t>
  </si>
  <si>
    <t>POINT (4.6690577734573235 51.777602437869156)</t>
  </si>
  <si>
    <t>POINT (4.658449306596845 51.80979520924929)</t>
  </si>
  <si>
    <t>POINT (4.664472844313456 51.8141195327694)</t>
  </si>
  <si>
    <t>POINT (4.668338973392421 51.79623671343172)</t>
  </si>
  <si>
    <t>POINT (4.733316507294583 51.79964279202593)</t>
  </si>
  <si>
    <t>POINT (4.668132392500882 51.79236486101218)</t>
  </si>
  <si>
    <t>POINT (4.694587164084006 51.79405981567028)</t>
  </si>
  <si>
    <t>POINT (4.7043314986180755 51.81626949586515)</t>
  </si>
  <si>
    <t>POINT (4.6788420168337135 51.81397703561754)</t>
  </si>
  <si>
    <t>POINT (4.712949726765418 51.80323921345276)</t>
  </si>
  <si>
    <t>POINT (4.721745187473245 51.799970844182276)</t>
  </si>
  <si>
    <t>POINT (4.676637382379135 51.78500416489601)</t>
  </si>
  <si>
    <t>POINT (4.714173840080746 51.81613821027608)</t>
  </si>
  <si>
    <t>POINT (4.661628425783801 51.81619254107487)</t>
  </si>
  <si>
    <t>POINT (4.660012640156072 51.79631257242303)</t>
  </si>
  <si>
    <t>POINT (4.721498211004148 51.80020117947094)</t>
  </si>
  <si>
    <t>POINT (4.709065186705967 51.79025559343759)</t>
  </si>
  <si>
    <t>POINT (4.653270677028112 51.7930079857856)</t>
  </si>
  <si>
    <t>POINT (4.682144603801118 51.786249035769245)</t>
  </si>
  <si>
    <t>POINT (4.657745247580976 51.81282784247294)</t>
  </si>
  <si>
    <t>POINT (4.662924694319285 51.798632240679176)</t>
  </si>
  <si>
    <t>POINT (4.680406771350088 51.7789841412979)</t>
  </si>
  <si>
    <t>POINT (4.668650044204204 51.80228531112537)</t>
  </si>
  <si>
    <t>POINT (4.704769661151884 51.79457664219115)</t>
  </si>
  <si>
    <t>POINT (4.674237219573955 51.815986657079705)</t>
  </si>
  <si>
    <t>POINT (4.672511969836081 51.81873688893244)</t>
  </si>
  <si>
    <t>POINT (4.689195419708709 51.8092662285508)</t>
  </si>
  <si>
    <t>POINT (4.692823522349605 51.78842536297649)</t>
  </si>
  <si>
    <t>POINT (4.729317217993003 51.79805250223313)</t>
  </si>
  <si>
    <t>POINT (4.731737260063748 51.79599488408225)</t>
  </si>
  <si>
    <t>POINT (4.6553872311719475 51.79185219039495)</t>
  </si>
  <si>
    <t>POINT (4.731352166270732 51.80126381457337)</t>
  </si>
  <si>
    <t>POINT (4.661130886387037 51.792300218116935)</t>
  </si>
  <si>
    <t>POINT (4.732892620112594 51.80041466526512)</t>
  </si>
  <si>
    <t>POINT (4.69705079197843 51.797408600673165)</t>
  </si>
  <si>
    <t>POINT (4.678437847523577 51.77292428105563)</t>
  </si>
  <si>
    <t>POINT (4.676692335948452 51.783696534185765)</t>
  </si>
  <si>
    <t>POINT (4.6963945543406895 51.795765591677885)</t>
  </si>
  <si>
    <t>POINT (4.6668409891815426 51.78085834416491)</t>
  </si>
  <si>
    <t>POINT (4.664055021415679 51.810475563397034)</t>
  </si>
  <si>
    <t>POINT (4.664598189368034 51.81334586704698)</t>
  </si>
  <si>
    <t>POINT (4.662542976847844 51.81673818658247)</t>
  </si>
  <si>
    <t>POINT (4.682893839132121 51.8024539849693)</t>
  </si>
  <si>
    <t>POINT (4.6883426422321 51.80945806758404)</t>
  </si>
  <si>
    <t>POINT (4.665678140387097 51.7811116536864)</t>
  </si>
  <si>
    <t>POINT (4.70794589982299 51.8020634549367)</t>
  </si>
  <si>
    <t>POINT (4.657240851165962 51.80617026236876)</t>
  </si>
  <si>
    <t>POINT (4.665256711853085 51.788941937601365)</t>
  </si>
  <si>
    <t>POINT (4.67436313885397 51.81273308306646)</t>
  </si>
  <si>
    <t>POINT (4.672969260106979 51.779117746698475)</t>
  </si>
  <si>
    <t>POINT (4.692734510614171 51.79258566884192)</t>
  </si>
  <si>
    <t>POINT (4.685394122281917 51.789173099708925)</t>
  </si>
  <si>
    <t>POINT (4.675864902347896 51.77498803504879)</t>
  </si>
  <si>
    <t>POINT (4.663613528541377 51.78726160406243)</t>
  </si>
  <si>
    <t>POINT (4.661217019913612 51.796997266862896)</t>
  </si>
  <si>
    <t>POINT (4.728676068917685 51.80549557052804)</t>
  </si>
  <si>
    <t>POINT (4.654176598402642 51.79104162559346)</t>
  </si>
  <si>
    <t>POINT (4.661657036760506 51.7877435027784)</t>
  </si>
  <si>
    <t>POINT (4.698566313586032 51.79127567279765)</t>
  </si>
  <si>
    <t>POINT (4.656329053223357 51.810643534697796)</t>
  </si>
  <si>
    <t>POINT (4.664331078407352 51.78768266353139)</t>
  </si>
  <si>
    <t>POINT (4.652220507482543 51.80148506038344)</t>
  </si>
  <si>
    <t>POINT (4.663469820140734 51.79958575458856)</t>
  </si>
  <si>
    <t>POINT (4.666200811786391 51.81871189589804)</t>
  </si>
  <si>
    <t>POINT (4.660852494466332 51.80093044216179)</t>
  </si>
  <si>
    <t>POINT (4.667662805202664 51.795429859995096)</t>
  </si>
  <si>
    <t>POINT (4.676222517531781 51.78633340762186)</t>
  </si>
  <si>
    <t>POINT (4.68032271823782 51.81495742278323)</t>
  </si>
  <si>
    <t>POINT (4.672622098055313 51.77372345752774)</t>
  </si>
  <si>
    <t>POINT (4.662211793678392 51.81609442145945)</t>
  </si>
  <si>
    <t>POINT (4.713248034617043 51.82011135671965)</t>
  </si>
  <si>
    <t>POINT (4.652672622952956 51.79463230489548)</t>
  </si>
  <si>
    <t>POINT (4.665931923079909 51.79601378888047)</t>
  </si>
  <si>
    <t>POINT (4.703783625882921 51.79796756602152)</t>
  </si>
  <si>
    <t>POINT (4.714969349331281 51.814999783695974)</t>
  </si>
  <si>
    <t>POINT (4.672320952831516 51.803030613379406)</t>
  </si>
  <si>
    <t>POINT (4.675490058060054 51.78339161170613)</t>
  </si>
  <si>
    <t>3316GW</t>
  </si>
  <si>
    <t>Stephensonstraat</t>
  </si>
  <si>
    <t>POINT (4.638506798812667 51.78171317276047)</t>
  </si>
  <si>
    <t>POINT (4.7145309365209425 51.80749007609846)</t>
  </si>
  <si>
    <t>POINT (4.734707337188469 51.801530858547125)</t>
  </si>
  <si>
    <t>POINT (4.671823596108805 51.79993875515511)</t>
  </si>
  <si>
    <t>POINT (4.633543547081743 51.783622208394526)</t>
  </si>
  <si>
    <t>POINT (4.714919569639414 51.81073269082244)</t>
  </si>
  <si>
    <t>POINT (4.660658593694608 51.795725063983845)</t>
  </si>
  <si>
    <t>POINT (4.673238922739509 51.77911241323302)</t>
  </si>
  <si>
    <t>POINT (4.672855291116472 51.77130733643583)</t>
  </si>
  <si>
    <t>POINT (4.671432648159956 51.819395625567466)</t>
  </si>
  <si>
    <t>POINT (4.66797608505193 51.78933929525496)</t>
  </si>
  <si>
    <t>POINT (4.658426406020063 51.79942117975707)</t>
  </si>
  <si>
    <t>POINT (4.70257145533233 51.8176341716466)</t>
  </si>
  <si>
    <t>POINT (4.673672614819247 51.81824465756993)</t>
  </si>
  <si>
    <t>POINT (4.712136814284453 51.797669151645124)</t>
  </si>
  <si>
    <t>POINT (4.660843559718204 51.79356413884165)</t>
  </si>
  <si>
    <t>POINT (4.662177063359589 51.79049621051456)</t>
  </si>
  <si>
    <t>POINT (4.660096301848949 51.78235368131291)</t>
  </si>
  <si>
    <t>POINT (4.693525142029707 51.79703359197703)</t>
  </si>
  <si>
    <t>POINT (4.652386468803976 51.792251893414004)</t>
  </si>
  <si>
    <t>POINT (4.679817409668533 51.777423304579216)</t>
  </si>
  <si>
    <t>POINT (4.733051729540233 51.8024621660084)</t>
  </si>
  <si>
    <t>POINT (4.724058406857447 51.79708457227451)</t>
  </si>
  <si>
    <t>POINT (4.6640710316013445 51.812302809358485)</t>
  </si>
  <si>
    <t>POINT (4.6698320429181575 51.804306764319115)</t>
  </si>
  <si>
    <t>POINT (4.657590090820463 51.78726842893971)</t>
  </si>
  <si>
    <t>POINT (4.654758761338985 51.80707593867131)</t>
  </si>
  <si>
    <t>POINT (4.7308082107367815 51.79547883845028)</t>
  </si>
  <si>
    <t>POINT (4.669176418580776 51.8124092496255)</t>
  </si>
  <si>
    <t>POINT (4.6819516701701875 51.78909364172335)</t>
  </si>
  <si>
    <t>POINT (4.730076201141582 51.796963835486565)</t>
  </si>
  <si>
    <t>POINT (4.670705611066797 51.7712546994198)</t>
  </si>
  <si>
    <t>POINT (4.675853580269781 51.774962645184814)</t>
  </si>
  <si>
    <t>POINT (4.711230377191872 51.810129645199396)</t>
  </si>
  <si>
    <t>POINT (4.669287284387088 51.81178089134483)</t>
  </si>
  <si>
    <t>POINT (4.721638291808533 51.79519037992007)</t>
  </si>
  <si>
    <t>POINT (4.686088312242172 51.80608951044895)</t>
  </si>
  <si>
    <t>POINT (4.713957135938973 51.81541088330682)</t>
  </si>
  <si>
    <t>POINT (4.678770462514475 51.786279861687916)</t>
  </si>
  <si>
    <t>POINT (4.676606942607482 51.77629927565021)</t>
  </si>
  <si>
    <t>POINT (4.726502344202379 51.80120235917175)</t>
  </si>
  <si>
    <t>POINT (4.687331873027231 51.808054980360794)</t>
  </si>
  <si>
    <t>POINT (4.684244739086191 51.8126440815114)</t>
  </si>
  <si>
    <t>POINT (4.688053089663661 51.810374525751214)</t>
  </si>
  <si>
    <t>POINT (4.681278065171633 51.81794333712489)</t>
  </si>
  <si>
    <t>POINT (4.658553777210251 51.770105540845265)</t>
  </si>
  <si>
    <t>POINT (4.698074346368658 51.793324835120856)</t>
  </si>
  <si>
    <t>POINT (4.72463015030701 51.80419390939881)</t>
  </si>
  <si>
    <t>POINT (4.709023793712532 51.798768399276106)</t>
  </si>
  <si>
    <t>POINT (4.658685107704039 51.806180092011864)</t>
  </si>
  <si>
    <t>POINT (4.6794247733862715 51.8085076478621)</t>
  </si>
  <si>
    <t>POINT (4.652318904788773 51.78566987905691)</t>
  </si>
  <si>
    <t>POINT (4.696434155701432 51.79336889650341)</t>
  </si>
  <si>
    <t>POINT (4.660837125603116 51.79471541695918)</t>
  </si>
  <si>
    <t>POINT (4.662790360995994 51.810245122498046)</t>
  </si>
  <si>
    <t>POINT (4.660691004696488 51.811030626812354)</t>
  </si>
  <si>
    <t>POINT (4.68065609985262 51.81039747547383)</t>
  </si>
  <si>
    <t>POINT (4.660060671736521 51.804129386938186)</t>
  </si>
  <si>
    <t>POINT (4.669250797300481 51.81930751312294)</t>
  </si>
  <si>
    <t>POINT (4.657200978983735 51.788457911324684)</t>
  </si>
  <si>
    <t>POINT (4.6793950527168375 51.785332151711394)</t>
  </si>
  <si>
    <t>POINT (4.7056082149307 51.79633413557733)</t>
  </si>
  <si>
    <t>POINT (4.708079731969958 51.804196293404594)</t>
  </si>
  <si>
    <t>POINT (4.719702577778537 51.79447459147705)</t>
  </si>
  <si>
    <t>POINT (4.673315943348225 51.77769888636749)</t>
  </si>
  <si>
    <t>POINT (4.6773048816780936 51.77960900853241)</t>
  </si>
  <si>
    <t>POINT (4.654744671136534 51.79204507796672)</t>
  </si>
  <si>
    <t>POINT (4.693073210366088 51.81793537284252)</t>
  </si>
  <si>
    <t>POINT (4.67431597944835 51.77644075198906)</t>
  </si>
  <si>
    <t>POINT (4.659898656817542 51.77095028121992)</t>
  </si>
  <si>
    <t>POINT (4.713604393248694 51.81492314025778)</t>
  </si>
  <si>
    <t>POINT (4.683989487938076 51.79817180730873)</t>
  </si>
  <si>
    <t>POINT (4.711947877602076 51.803907052745345)</t>
  </si>
  <si>
    <t>POINT (4.711848017401842 51.80787982003341)</t>
  </si>
  <si>
    <t>POINT (4.669016092202339 51.81287772912356)</t>
  </si>
  <si>
    <t>POINT (4.666199395672671 51.77962771252668)</t>
  </si>
  <si>
    <t>POINT (4.662809679608065 51.79333214432456)</t>
  </si>
  <si>
    <t>POINT (4.6788439037193434 51.80888834566523)</t>
  </si>
  <si>
    <t>POINT (4.713603805616434 51.80867358684889)</t>
  </si>
  <si>
    <t>POINT (4.707751648242773 51.81109981621835)</t>
  </si>
  <si>
    <t>POINT (4.6693401479533785 51.81656305460803)</t>
  </si>
  <si>
    <t>POINT (4.664845236094985 51.795750125245576)</t>
  </si>
  <si>
    <t>POINT (4.692758054715634 51.79277188281884)</t>
  </si>
  <si>
    <t>POINT (4.704536915252917 51.798376315384125)</t>
  </si>
  <si>
    <t>POINT (4.683805959728493 51.807527647194185)</t>
  </si>
  <si>
    <t>POINT (4.7070676348045 51.793575561831425)</t>
  </si>
  <si>
    <t>POINT (4.702485429295883 51.79513553360726)</t>
  </si>
  <si>
    <t>POINT (4.6595915521470745 51.80002250123432)</t>
  </si>
  <si>
    <t>POINT (4.68098781433985 51.80737552182529)</t>
  </si>
  <si>
    <t>POINT (4.731730282801279 51.800522297472)</t>
  </si>
  <si>
    <t>POINT (4.656336247443323 51.79926559940899)</t>
  </si>
  <si>
    <t>POINT (4.696736560002331 51.79208969174909)</t>
  </si>
  <si>
    <t>POINT (4.678404757906017 51.77509143838529)</t>
  </si>
  <si>
    <t>POINT (4.7316860323219005 51.805054138405445)</t>
  </si>
  <si>
    <t>POINT (4.631623822930224 51.72189142197074)</t>
  </si>
  <si>
    <t>POINT (4.677325980085071 51.77232275545091)</t>
  </si>
  <si>
    <t>POINT (4.6621183847465675 51.79034402861519)</t>
  </si>
  <si>
    <t>POINT (4.680135115799332 51.77437285388638)</t>
  </si>
  <si>
    <t>POINT (4.68511917389032 51.78552878828654)</t>
  </si>
  <si>
    <t>POINT (4.682601500024436 51.807193431226466)</t>
  </si>
  <si>
    <t>POINT (4.686778949039089 51.809397005859445)</t>
  </si>
  <si>
    <t>POINT (4.692633913151235 51.81810000769676)</t>
  </si>
  <si>
    <t>POINT (4.670072705605797 51.798946079243095)</t>
  </si>
  <si>
    <t>POINT (4.6653258162430395 51.790044647564855)</t>
  </si>
  <si>
    <t>POINT (4.664972640703543 51.80952336259482)</t>
  </si>
  <si>
    <t>POINT (4.663536591228438 51.80040471288126)</t>
  </si>
  <si>
    <t>POINT (4.663969885246445 51.81352210274353)</t>
  </si>
  <si>
    <t>POINT (4.660086142965898 51.813023779688585)</t>
  </si>
  <si>
    <t>POINT (4.66695126828787 51.815898950344945)</t>
  </si>
  <si>
    <t>POINT (4.662493593418468 51.78708675446687)</t>
  </si>
  <si>
    <t>POINT (4.719298794651931 51.815329658026144)</t>
  </si>
  <si>
    <t>POINT (4.679171460207113 51.80876363616676)</t>
  </si>
  <si>
    <t>POINT (4.724516229375701 51.79814740588575)</t>
  </si>
  <si>
    <t>POINT (4.67310894830401 51.793771211839015)</t>
  </si>
  <si>
    <t>POINT (4.660991187474914 51.81265005245981)</t>
  </si>
  <si>
    <t>POINT (4.692294321611093 51.791972560252006)</t>
  </si>
  <si>
    <t>POINT (4.662501882727181 51.78794134415536)</t>
  </si>
  <si>
    <t>POINT (4.690502439183218 51.81871510554633)</t>
  </si>
  <si>
    <t>POINT (4.67288914429734 51.81144095116831)</t>
  </si>
  <si>
    <t>POINT (4.664576280843488 51.800717095970974)</t>
  </si>
  <si>
    <t>POINT (4.673521931379348 51.77170107387448)</t>
  </si>
  <si>
    <t>POINT (4.683378739170434 51.810679685461196)</t>
  </si>
  <si>
    <t>POINT (4.697107054266628 51.79006783775184)</t>
  </si>
  <si>
    <t>POINT (4.717240128735226 51.815495107867605)</t>
  </si>
  <si>
    <t>POINT (4.672803572795755 51.81878978284775)</t>
  </si>
  <si>
    <t>POINT (4.6830561927228445 51.8043604953856)</t>
  </si>
  <si>
    <t>POINT (4.6965774160283695 51.79142788063868)</t>
  </si>
  <si>
    <t>POINT (4.733145968465116 51.79549398857413)</t>
  </si>
  <si>
    <t>POINT (4.668085430308476 51.81400224802444)</t>
  </si>
  <si>
    <t>POINT (4.708945526009461 51.81853227482609)</t>
  </si>
  <si>
    <t>POINT (4.663358531418916 51.790657141369564)</t>
  </si>
  <si>
    <t>POINT (4.6610758239120065 51.786986571781476)</t>
  </si>
  <si>
    <t>POINT (4.679410189260358 51.77816197545672)</t>
  </si>
  <si>
    <t>POINT (4.679939787477013 51.78846490504987)</t>
  </si>
  <si>
    <t>POINT (4.680310319685263 51.80952525388819)</t>
  </si>
  <si>
    <t>POINT (4.659975330426062 51.80325270314151)</t>
  </si>
  <si>
    <t>POINT (4.689230320263602 51.810373668548074)</t>
  </si>
  <si>
    <t>POINT (4.681649894641608 51.808563456323135)</t>
  </si>
  <si>
    <t>POINT (4.685194331787004 51.78202920299428)</t>
  </si>
  <si>
    <t>POINT (4.668351897113476 51.796205332189274)</t>
  </si>
  <si>
    <t>POINT (4.678582018580336 51.78461509554901)</t>
  </si>
  <si>
    <t>POINT (4.663670225852278 51.817158351045364)</t>
  </si>
  <si>
    <t>POINT (4.668786607900625 51.80126128415331)</t>
  </si>
  <si>
    <t>POINT (4.722582670466793 51.79772725179)</t>
  </si>
  <si>
    <t>POINT (4.668694804303056 51.801386006345055)</t>
  </si>
  <si>
    <t>POINT (4.666303645550372 51.81284488227367)</t>
  </si>
  <si>
    <t>POINT (4.732031955332832 51.79622367309373)</t>
  </si>
  <si>
    <t>POINT (4.663927009638606 51.79688596971705)</t>
  </si>
  <si>
    <t>POINT (4.680470298063511 51.780978388620724)</t>
  </si>
  <si>
    <t>POINT (4.697902215740002 51.78995765532545)</t>
  </si>
  <si>
    <t>POINT (4.68509867631795 51.810082615403296)</t>
  </si>
  <si>
    <t>POINT (4.703119537592628 51.79018395932241)</t>
  </si>
  <si>
    <t>POINT (4.683946156515817 51.798128986193525)</t>
  </si>
  <si>
    <t>POINT (4.679733362341777 51.789876341067895)</t>
  </si>
  <si>
    <t>POINT (4.681177620946824 51.81254586763607)</t>
  </si>
  <si>
    <t>POINT (4.660312496429388 51.7910027361209)</t>
  </si>
  <si>
    <t>POINT (4.673998428440501 51.80630030593294)</t>
  </si>
  <si>
    <t>POINT (4.673289243273749 51.785284992994676)</t>
  </si>
  <si>
    <t>POINT (4.682365704754337 51.80219197570177)</t>
  </si>
  <si>
    <t>POINT (4.6683096621255835 51.80195509407284)</t>
  </si>
  <si>
    <t>POINT (4.6788097807050795 51.80645459124877)</t>
  </si>
  <si>
    <t>POINT (4.662146818376173 51.80554124221618)</t>
  </si>
  <si>
    <t>POINT (4.660983179873752 51.79411989379673)</t>
  </si>
  <si>
    <t>POINT (4.651971590253904 51.80338615727649)</t>
  </si>
  <si>
    <t>POINT (4.687856948421098 51.806299999661455)</t>
  </si>
  <si>
    <t>POINT (4.698318345162267 51.79284779209958)</t>
  </si>
  <si>
    <t>POINT (4.676812575916263 51.80492968679029)</t>
  </si>
  <si>
    <t>POINT (4.643705764761178 51.763400864184035)</t>
  </si>
  <si>
    <t>POINT (4.660787418274717 51.81365919112668)</t>
  </si>
  <si>
    <t>POINT (4.691392683810271 51.791995503395505)</t>
  </si>
  <si>
    <t>POINT (4.714167697245597 51.81024490002678)</t>
  </si>
  <si>
    <t>POINT (4.725889000499299 51.797151308470205)</t>
  </si>
  <si>
    <t>POINT (4.663682198585093 51.80407538803819)</t>
  </si>
  <si>
    <t>POINT (4.70416558032958 51.81581793862919)</t>
  </si>
  <si>
    <t>POINT (4.673757457460544 51.77145924532335)</t>
  </si>
  <si>
    <t>POINT (4.6837910212424205 51.782201396844926)</t>
  </si>
  <si>
    <t>POINT (4.668526255747361 51.79059181774351)</t>
  </si>
  <si>
    <t>POINT (4.6841998160675296 51.80307803546579)</t>
  </si>
  <si>
    <t>POINT (4.684801618553156 51.78888570878452)</t>
  </si>
  <si>
    <t>POINT (4.665802997750578 51.798274857507934)</t>
  </si>
  <si>
    <t>POINT (4.661289496403718 51.799471279118464)</t>
  </si>
  <si>
    <t>POINT (4.6729543535535045 51.80404455597466)</t>
  </si>
  <si>
    <t>POINT (4.727970216748209 51.796624178494284)</t>
  </si>
  <si>
    <t>POINT (4.674476732765759 51.78912769158651)</t>
  </si>
  <si>
    <t>POINT (4.653341292495889 51.7938522426548)</t>
  </si>
  <si>
    <t>POINT (4.716324857359313 51.80141498757547)</t>
  </si>
  <si>
    <t>POINT (4.681754982681442 51.788152745441785)</t>
  </si>
  <si>
    <t>POINT (4.705850170940757 51.80850704480062)</t>
  </si>
  <si>
    <t>POINT (4.663809039087464 51.80080501454761)</t>
  </si>
  <si>
    <t>POINT (4.667261009117798 51.817713308972905)</t>
  </si>
  <si>
    <t>POINT (4.713920902670397 51.8039927265603)</t>
  </si>
  <si>
    <t>POINT (4.667263345726808 51.81775317009059)</t>
  </si>
  <si>
    <t>POINT (4.6679544122204435 51.792382511403154)</t>
  </si>
  <si>
    <t>POINT (4.7039684327318145 51.78993590226102)</t>
  </si>
  <si>
    <t>POINT (4.732639209779214 51.79629597847439)</t>
  </si>
  <si>
    <t>POINT (4.677694537972737 51.790583518685565)</t>
  </si>
  <si>
    <t>POINT (4.669194693020533 51.80047152812995)</t>
  </si>
  <si>
    <t>POINT (4.670492180807465 51.81028750690395)</t>
  </si>
  <si>
    <t>POINT (4.712187398516471 51.80457661113941)</t>
  </si>
  <si>
    <t>POINT (4.682016954689185 51.80279577089253)</t>
  </si>
  <si>
    <t>3319PJ</t>
  </si>
  <si>
    <t>POINT (4.698106955187721 51.79351599099971)</t>
  </si>
  <si>
    <t>POINT (4.65763787797139 51.80056749784361)</t>
  </si>
  <si>
    <t>POINT (4.706412970874397 51.79222465133519)</t>
  </si>
  <si>
    <t>POINT (4.670726999355085 51.77109110958915)</t>
  </si>
  <si>
    <t>POINT (4.652475351007301 51.789761857543134)</t>
  </si>
  <si>
    <t>POINT (4.653784360075051 51.78569666867393)</t>
  </si>
  <si>
    <t>POINT (4.663202824973548 51.811368943292415)</t>
  </si>
  <si>
    <t>POINT (4.684034369374835 51.80433900883532)</t>
  </si>
  <si>
    <t>POINT (4.667570215291879 51.79585702814372)</t>
  </si>
  <si>
    <t>POINT (4.7192308010467 51.81212728592187)</t>
  </si>
  <si>
    <t>POINT (4.652054783238688 51.78437005524172)</t>
  </si>
  <si>
    <t>POINT (4.70408513574393 51.8081540368663)</t>
  </si>
  <si>
    <t>POINT (4.684002772777593 51.80192066853262)</t>
  </si>
  <si>
    <t>POINT (4.6768127548087834 51.77988171250712)</t>
  </si>
  <si>
    <t>POINT (4.6790384850172275 51.815571147694186)</t>
  </si>
  <si>
    <t>POINT (4.681131481657151 51.81279089972297)</t>
  </si>
  <si>
    <t>POINT (4.675271650784762 51.81762638423383)</t>
  </si>
  <si>
    <t>POINT (4.664819178041018 51.81385691262857)</t>
  </si>
  <si>
    <t>POINT (4.6676088454859075 51.80824771371086)</t>
  </si>
  <si>
    <t>POINT (4.677405085590732 51.789902141666516)</t>
  </si>
  <si>
    <t>POINT (4.679127186857657 51.790334298072786)</t>
  </si>
  <si>
    <t>POINT (4.6805316213242465 51.80797987028659)</t>
  </si>
  <si>
    <t>POINT (4.728140219890927 51.80465854251847)</t>
  </si>
  <si>
    <t>POINT (4.666706268521061 51.81451337922437)</t>
  </si>
  <si>
    <t>POINT (4.653687683057158 51.792859331842955)</t>
  </si>
  <si>
    <t>POINT (4.656783942096034 51.77104894549925)</t>
  </si>
  <si>
    <t>POINT (4.7050995392392085 51.79175006084149)</t>
  </si>
  <si>
    <t>POINT (4.668450339257229 51.77350618209162)</t>
  </si>
  <si>
    <t>POINT (4.677162697966938 51.804440394966456)</t>
  </si>
  <si>
    <t>POINT (4.669738055923106 51.81775685526262)</t>
  </si>
  <si>
    <t>POINT (4.6689378753929285 51.77487199308732)</t>
  </si>
  <si>
    <t>POINT (4.734609719450101 51.79789370199193)</t>
  </si>
  <si>
    <t>POINT (4.672999479673192 51.819202440357934)</t>
  </si>
  <si>
    <t>POINT (4.6647250061817305 51.79851757071554)</t>
  </si>
  <si>
    <t>POINT (4.718003554769967 51.815489171506556)</t>
  </si>
  <si>
    <t>POINT (4.669169276049139 51.78194793039926)</t>
  </si>
  <si>
    <t>POINT (4.679273400448132 51.815935113774)</t>
  </si>
  <si>
    <t>POINT (4.7143308348105 51.80800309728435)</t>
  </si>
  <si>
    <t>POINT (4.657896021922267 51.792823250283575)</t>
  </si>
  <si>
    <t>POINT (4.676428463410088 51.808124165437576)</t>
  </si>
  <si>
    <t>POINT (4.657829058825124 51.811795806080646)</t>
  </si>
  <si>
    <t>POINT (4.683204879057988 51.809979710817785)</t>
  </si>
  <si>
    <t>POINT (4.682658500761701 51.786271943475775)</t>
  </si>
  <si>
    <t>POINT (4.73107604765433 51.80099083197417)</t>
  </si>
  <si>
    <t>POINT (4.704240973065163 51.798763748215066)</t>
  </si>
  <si>
    <t>POINT (4.6869739851705985 51.77987912921753)</t>
  </si>
  <si>
    <t>POINT (4.734373365757477 51.800005696761566)</t>
  </si>
  <si>
    <t>POINT (4.672095175112167 51.79961377081252)</t>
  </si>
  <si>
    <t>POINT (4.71888556283153 51.802313148904055)</t>
  </si>
  <si>
    <t>POINT (4.703717464182656 51.78925438441795)</t>
  </si>
  <si>
    <t>POINT (4.660250711560068 51.80354749493563)</t>
  </si>
  <si>
    <t>POINT (4.650644122478317 51.80303298015586)</t>
  </si>
  <si>
    <t>POINT (4.67541173243174 51.780555946837595)</t>
  </si>
  <si>
    <t>POINT (4.7131826783448805 51.81595779197641)</t>
  </si>
  <si>
    <t>POINT (4.687950268531967 51.809979517547816)</t>
  </si>
  <si>
    <t>POINT (4.719313391515321 51.80052206224499)</t>
  </si>
  <si>
    <t>POINT (4.683852193723457 51.79805966853623)</t>
  </si>
  <si>
    <t>POINT (4.677689276659798 51.80683214118144)</t>
  </si>
  <si>
    <t>POINT (4.657802512839246 51.78364091624337)</t>
  </si>
  <si>
    <t>POINT (4.660853183014266 51.78722268410574)</t>
  </si>
  <si>
    <t>POINT (4.66193131149142 51.770770618550706)</t>
  </si>
  <si>
    <t>POINT (4.683591598459064 51.7750843600181)</t>
  </si>
  <si>
    <t>POINT (4.661786575674864 51.80364927826141)</t>
  </si>
  <si>
    <t>POINT (4.652998829583739 51.80136077469345)</t>
  </si>
  <si>
    <t>POINT (4.669370052842784 51.81408843113161)</t>
  </si>
  <si>
    <t>POINT (4.717528000423991 51.8042089343402)</t>
  </si>
  <si>
    <t>POINT (4.660992580997634 51.79127042501779)</t>
  </si>
  <si>
    <t>POINT (4.668099120805061 51.77345690129112)</t>
  </si>
  <si>
    <t>POINT (4.666339694712637 51.81282963420398)</t>
  </si>
  <si>
    <t>POINT (4.681626014348642 51.80875421410627)</t>
  </si>
  <si>
    <t>POINT (4.685999426965777 51.78866253054768)</t>
  </si>
  <si>
    <t>POINT (4.663660238273595 51.79404373424058)</t>
  </si>
  <si>
    <t>POINT (4.749665384201045 51.81526534634689)</t>
  </si>
  <si>
    <t>POINT (4.658129084068076 51.81132135996209)</t>
  </si>
  <si>
    <t>POINT (4.694712278631949 51.796070151902235)</t>
  </si>
  <si>
    <t>POINT (4.662908908890451 51.814005703040536)</t>
  </si>
  <si>
    <t>POINT (4.700434327906419 51.79848143223567)</t>
  </si>
  <si>
    <t>POINT (4.68528184674147 51.79217306690418)</t>
  </si>
  <si>
    <t>POINT (4.709127677888283 51.79503279140401)</t>
  </si>
  <si>
    <t>POINT (4.664352810035275 51.79030943180359)</t>
  </si>
  <si>
    <t>POINT (4.709534815295315 51.78990614025267)</t>
  </si>
  <si>
    <t>POINT (4.654473682490039 51.7885984169541)</t>
  </si>
  <si>
    <t>POINT (4.7117934475710666 51.798517556328086)</t>
  </si>
  <si>
    <t>POINT (4.720788970566556 51.79841092022835)</t>
  </si>
  <si>
    <t>POINT (4.659252754457689 51.80518533082469)</t>
  </si>
  <si>
    <t>POINT (4.631734144958555 51.783525166686665)</t>
  </si>
  <si>
    <t>POINT (4.653468201039197 51.791852563052544)</t>
  </si>
  <si>
    <t>POINT (4.677603972524209 51.79069514978369)</t>
  </si>
  <si>
    <t>POINT (4.709831602456747 51.794392460559486)</t>
  </si>
  <si>
    <t>POINT (4.7005939735032065 51.799641302046844)</t>
  </si>
  <si>
    <t>POINT (4.6764588907657085 51.81840561655148)</t>
  </si>
  <si>
    <t>POINT (4.706539606293885 51.790679515119955)</t>
  </si>
  <si>
    <t>POINT (4.674749824080418 51.805479916610736)</t>
  </si>
  <si>
    <t>POINT (4.727239033389511 51.802245007658655)</t>
  </si>
  <si>
    <t>POINT (4.659131930313422 51.78260274516004)</t>
  </si>
  <si>
    <t>POINT (4.667512667171659 51.7891386567381)</t>
  </si>
  <si>
    <t>POINT (4.722265220116782 51.80542274390859)</t>
  </si>
  <si>
    <t>POINT (4.668513529711202 51.783278926256315)</t>
  </si>
  <si>
    <t>POINT (4.730273216877413 51.798485475456474)</t>
  </si>
  <si>
    <t>POINT (4.654229601363854 51.80829309237222)</t>
  </si>
  <si>
    <t>POINT (4.67782421382582 51.78215378686871)</t>
  </si>
  <si>
    <t>POINT (4.662802490140485 51.793214770408795)</t>
  </si>
  <si>
    <t>POINT (4.6685535821128346 51.819031311759204)</t>
  </si>
  <si>
    <t>POINT (4.680282048633745 51.77503563195698)</t>
  </si>
  <si>
    <t>POINT (4.673487362255567 51.79574649630426)</t>
  </si>
  <si>
    <t>POINT (4.682299315374677 51.7885426481271)</t>
  </si>
  <si>
    <t>POINT (4.660373385920116 51.769760824775894)</t>
  </si>
  <si>
    <t>POINT (4.701699680856339 51.799597511753475)</t>
  </si>
  <si>
    <t>POINT (4.651618296662551 51.776708710014766)</t>
  </si>
  <si>
    <t>POINT (4.67898637010553 51.80881558835626)</t>
  </si>
  <si>
    <t>POINT (4.658995463044178 51.80346480851641)</t>
  </si>
  <si>
    <t>POINT (4.65161153281808 51.7820996197394)</t>
  </si>
  <si>
    <t>POINT (4.711652792504203 51.80609939360895)</t>
  </si>
  <si>
    <t>POINT (4.661655197920074 51.787826304374605)</t>
  </si>
  <si>
    <t>POINT (4.719545721639982 51.80114097647882)</t>
  </si>
  <si>
    <t>POINT (4.682619391687981 51.804483768679845)</t>
  </si>
  <si>
    <t>POINT (4.660347227277641 51.801682021994054)</t>
  </si>
  <si>
    <t>POINT (4.642763407353315 51.768528475451355)</t>
  </si>
  <si>
    <t>POINT (4.710253629066838 51.805784286896056)</t>
  </si>
  <si>
    <t>POINT (4.661575453876562 51.813076314477435)</t>
  </si>
  <si>
    <t>POINT (4.650728338580675 51.79469832641271)</t>
  </si>
  <si>
    <t>POINT (4.683045475081283 51.77532599764874)</t>
  </si>
  <si>
    <t>POINT (4.628091056951586 51.72626900363495)</t>
  </si>
  <si>
    <t>POINT (4.662744530908059 51.79629750970911)</t>
  </si>
  <si>
    <t>POINT (4.66753401916367 51.778510612091836)</t>
  </si>
  <si>
    <t>POINT (4.656002168764841 51.80118348626256)</t>
  </si>
  <si>
    <t>POINT (4.663926194628172 51.79521635002354)</t>
  </si>
  <si>
    <t>POINT (4.669809465127416 51.80407359463932)</t>
  </si>
  <si>
    <t>POINT (4.731199744998479 51.80042866407365)</t>
  </si>
  <si>
    <t>POINT (4.667808402975387 51.78997171882195)</t>
  </si>
  <si>
    <t>POINT (4.668931560575022 51.774190762582215)</t>
  </si>
  <si>
    <t>POINT (4.680965447607021 51.78022482810515)</t>
  </si>
  <si>
    <t>POINT (4.665216309194171 51.8103586162545)</t>
  </si>
  <si>
    <t>POINT (4.666272428207985 51.80310311498466)</t>
  </si>
  <si>
    <t>POINT (4.711355966541657 51.793071037815096)</t>
  </si>
  <si>
    <t>POINT (4.66169758026652 51.80459380801754)</t>
  </si>
  <si>
    <t>POINT (4.6650095030236205 51.80928247703323)</t>
  </si>
  <si>
    <t>POINT (4.672837970139689 51.785298820806176)</t>
  </si>
  <si>
    <t>POINT (4.6832485688150935 51.798352611858384)</t>
  </si>
  <si>
    <t>POINT (4.697789450653012 51.79865048517509)</t>
  </si>
  <si>
    <t>POINT (4.665600926081747 51.797295833647055)</t>
  </si>
  <si>
    <t>POINT (4.663966736614153 51.81160568766341)</t>
  </si>
  <si>
    <t>POINT (4.655660255666327 51.79484802278472)</t>
  </si>
  <si>
    <t>POINT (4.700942691015419 51.799620016620594)</t>
  </si>
  <si>
    <t>POINT (4.712616853744651 51.81894734305206)</t>
  </si>
  <si>
    <t>POINT (4.680862043423236 51.80979776881497)</t>
  </si>
  <si>
    <t>POINT (4.673644213482491 51.78247111830136)</t>
  </si>
  <si>
    <t>POINT (4.7268790151525995 51.803354517327584)</t>
  </si>
  <si>
    <t>POINT (4.720478081501945 51.81302414567037)</t>
  </si>
  <si>
    <t>POINT (4.669989172707837 51.8039994219866)</t>
  </si>
  <si>
    <t>POINT (4.660566307183975 51.771977804256174)</t>
  </si>
  <si>
    <t>POINT (4.651884265523453 51.78940684805939)</t>
  </si>
  <si>
    <t>POINT (4.668190237712016 51.77372380461334)</t>
  </si>
  <si>
    <t>POINT (4.628370282231092 51.72085033164966)</t>
  </si>
  <si>
    <t>POINT (4.667202463618075 51.81456927794694)</t>
  </si>
  <si>
    <t>POINT (4.6509915835857765 51.803280093945006)</t>
  </si>
  <si>
    <t>POINT (4.65948497226766 51.79601270043916)</t>
  </si>
  <si>
    <t>POINT (4.6659959194131115 51.81089994460142)</t>
  </si>
  <si>
    <t>POINT (4.718394835678517 51.81441111207245)</t>
  </si>
  <si>
    <t>POINT (4.666207770601435 51.780627326784156)</t>
  </si>
  <si>
    <t>POINT (4.67597738260266 51.8055023297364)</t>
  </si>
  <si>
    <t>POINT (4.667428661606851 51.80408362532335)</t>
  </si>
  <si>
    <t>POINT (4.6964663202363575 51.79603578221128)</t>
  </si>
  <si>
    <t>POINT (4.643264517857214 51.76857195198774)</t>
  </si>
  <si>
    <t>POINT (4.657643556123876 51.79779477089374)</t>
  </si>
  <si>
    <t>POINT (4.680244506249073 51.80336888364144)</t>
  </si>
  <si>
    <t>POINT (4.675191746308449 51.78608991689964)</t>
  </si>
  <si>
    <t>POINT (4.656968531092212 51.7697285090172)</t>
  </si>
  <si>
    <t>POINT (4.654755470655084 51.79251464367359)</t>
  </si>
  <si>
    <t>POINT (4.702772164073446 51.78959795714011)</t>
  </si>
  <si>
    <t>POINT (4.657656319250905 51.79932796303278)</t>
  </si>
  <si>
    <t>POINT (4.684034595608825 51.81238259173582)</t>
  </si>
  <si>
    <t>POINT (4.661324034330584 51.80106542225188)</t>
  </si>
  <si>
    <t>POINT (4.680948186272311 51.77760352006565)</t>
  </si>
  <si>
    <t>POINT (4.666815750228336 51.81663968418154)</t>
  </si>
  <si>
    <t>POINT (4.6697711720578425 51.81102918828565)</t>
  </si>
  <si>
    <t>POINT (4.713556247683143 51.81076982487039)</t>
  </si>
  <si>
    <t>POINT (4.726964668327205 51.80025109591222)</t>
  </si>
  <si>
    <t>POINT (4.630892870093036 51.73195573008516)</t>
  </si>
  <si>
    <t>POINT (4.657285468162272 51.78166941357367)</t>
  </si>
  <si>
    <t>POINT (4.668459365060894 51.800444527252324)</t>
  </si>
  <si>
    <t>POINT (4.678614295905512 51.789078006780116)</t>
  </si>
  <si>
    <t>POINT (4.709920599997152 51.79944724338729)</t>
  </si>
  <si>
    <t>POINT (4.723716660435468 51.798949114750656)</t>
  </si>
  <si>
    <t>POINT (4.68244928169632 51.78701933687467)</t>
  </si>
  <si>
    <t>POINT (4.683931636835755 51.80511663236758)</t>
  </si>
  <si>
    <t>POINT (4.68088050869462 51.790700118690154)</t>
  </si>
  <si>
    <t>POINT (4.685116798973339 51.78679726702611)</t>
  </si>
  <si>
    <t>POINT (4.689575794929224 51.808764478192074)</t>
  </si>
  <si>
    <t>POINT (4.735691519096771 51.798594311025255)</t>
  </si>
  <si>
    <t>POINT (4.675830013847668 51.77421468654388)</t>
  </si>
  <si>
    <t>POINT (4.714271218704083 51.803174288238495)</t>
  </si>
  <si>
    <t>POINT (4.669539500024216 51.81694256206751)</t>
  </si>
  <si>
    <t>POINT (4.6705352751002565 51.81538656882973)</t>
  </si>
  <si>
    <t>POINT (4.680914227816277 51.8004089723738)</t>
  </si>
  <si>
    <t>POINT (4.655848586515261 51.80990216530836)</t>
  </si>
  <si>
    <t>POINT (4.679354387025483 51.78537544756977)</t>
  </si>
  <si>
    <t>POINT (4.668265341888665 51.79188748607887)</t>
  </si>
  <si>
    <t>POINT (4.6831662958515015 51.797911502116044)</t>
  </si>
  <si>
    <t>POINT (4.6571547050154685 51.80144326356044)</t>
  </si>
  <si>
    <t>POINT (4.645262277104097 51.80401428378329)</t>
  </si>
  <si>
    <t>POINT (4.70802364020835 51.78717867922151)</t>
  </si>
  <si>
    <t>POINT (4.6935145212509575 51.79567866652622)</t>
  </si>
  <si>
    <t>POINT (4.713412831997814 51.81471332444434)</t>
  </si>
  <si>
    <t>POINT (4.715923598949801 51.801459190911004)</t>
  </si>
  <si>
    <t>POINT (4.690221635141021 51.808225265891416)</t>
  </si>
  <si>
    <t>POINT (4.729863053187149 51.796202957281366)</t>
  </si>
  <si>
    <t>POINT (4.6649427763282345 51.78718480764974)</t>
  </si>
  <si>
    <t>POINT (4.712975298907876 51.79559620006522)</t>
  </si>
  <si>
    <t>POINT (4.662118332124926 51.773694557374164)</t>
  </si>
  <si>
    <t>POINT (4.691996825905019 51.789567125822614)</t>
  </si>
  <si>
    <t>POINT (4.647973992661432 51.79356100080358)</t>
  </si>
  <si>
    <t>POINT (4.660982116827289 51.81465093984323)</t>
  </si>
  <si>
    <t>POINT (4.658391935637774 51.81307175950229)</t>
  </si>
  <si>
    <t>POINT (4.685077910024179 51.7855279750201)</t>
  </si>
  <si>
    <t>POINT (4.686642436490388 51.778356666545264)</t>
  </si>
  <si>
    <t>POINT (4.668835523747514 51.80923009704002)</t>
  </si>
  <si>
    <t>POINT (4.732185423889124 51.79884563565293)</t>
  </si>
  <si>
    <t>POINT (4.652979572600189 51.76711415496361)</t>
  </si>
  <si>
    <t>POINT (4.674137934951662 51.77976278587393)</t>
  </si>
  <si>
    <t>POINT (4.6882094054508885 51.80709448664257)</t>
  </si>
  <si>
    <t>POINT (4.73331599070211 51.79851040946883)</t>
  </si>
  <si>
    <t>POINT (4.669563555856673 51.8081209890349)</t>
  </si>
  <si>
    <t>POINT (4.65950228859215 51.79774647654065)</t>
  </si>
  <si>
    <t>POINT (4.705387646106797 51.792129754032636)</t>
  </si>
  <si>
    <t>POINT (4.677990029796732 51.80822280831988)</t>
  </si>
  <si>
    <t>POINT (4.656405401041871 51.78384296072141)</t>
  </si>
  <si>
    <t>POINT (4.682403348240552 51.80674026389105)</t>
  </si>
  <si>
    <t>POINT (4.717267590476018 51.799327196184)</t>
  </si>
  <si>
    <t>POINT (4.658699937304788 51.80445348318882)</t>
  </si>
  <si>
    <t>POINT (4.712127972410303 51.81536095168687)</t>
  </si>
  <si>
    <t>POINT (4.662409059217633 51.800058924214575)</t>
  </si>
  <si>
    <t>POINT (4.680435435053872 51.789844914822375)</t>
  </si>
  <si>
    <t>POINT (4.675037547792071 51.779771586306815)</t>
  </si>
  <si>
    <t>POINT (4.670895368962131 51.77273739680469)</t>
  </si>
  <si>
    <t>POINT (4.674211831905372 51.819103026347925)</t>
  </si>
  <si>
    <t>POINT (4.7128704624355295 51.815189708157774)</t>
  </si>
  <si>
    <t>POINT (4.665023528953726 51.77967660401235)</t>
  </si>
  <si>
    <t>POINT (4.702577674854899 51.789654493597205)</t>
  </si>
  <si>
    <t>POINT (4.673166395506865 51.81760534298251)</t>
  </si>
  <si>
    <t>POINT (4.680414271918266 51.774408028427516)</t>
  </si>
  <si>
    <t>POINT (4.666885986626186 51.815459884374626)</t>
  </si>
  <si>
    <t>POINT (4.71701896678678 51.79536619381655)</t>
  </si>
  <si>
    <t>POINT (4.677347882971105 51.775104471087886)</t>
  </si>
  <si>
    <t>POINT (4.660466313557495 51.80359415149316)</t>
  </si>
  <si>
    <t>POINT (4.685327033844258 51.80713920434676)</t>
  </si>
  <si>
    <t>POINT (4.717478674769341 51.80224843577426)</t>
  </si>
  <si>
    <t>POINT (4.655624620309762 51.81085472991959)</t>
  </si>
  <si>
    <t>POINT (4.658567922563527 51.80397959750875)</t>
  </si>
  <si>
    <t>POINT (4.699825521044095 51.81806367938279)</t>
  </si>
  <si>
    <t>POINT (4.672283385308962 51.8188185160594)</t>
  </si>
  <si>
    <t>POINT (4.669037928868986 51.81854325248773)</t>
  </si>
  <si>
    <t>POINT (4.661736109902595 51.813441169588074)</t>
  </si>
  <si>
    <t>POINT (4.727150404087632 51.79634261110537)</t>
  </si>
  <si>
    <t>POINT (4.676039920406804 51.807684934741175)</t>
  </si>
  <si>
    <t>POINT (4.665575223868247 51.78701265617165)</t>
  </si>
  <si>
    <t>POINT (4.708870111170752 51.80834000375477)</t>
  </si>
  <si>
    <t>POINT (4.664241322660054 51.801650144146386)</t>
  </si>
  <si>
    <t>POINT (4.662145406282383 51.79724848930544)</t>
  </si>
  <si>
    <t>POINT (4.6750597989156555 51.779010782542684)</t>
  </si>
  <si>
    <t>POINT (4.665023062470483 51.81595928873721)</t>
  </si>
  <si>
    <t>POINT (4.680485099061513 51.78164617633984)</t>
  </si>
  <si>
    <t>POINT (4.675749196882365 51.774029559227294)</t>
  </si>
  <si>
    <t>POINT (4.671032686267544 51.787073508392545)</t>
  </si>
  <si>
    <t>POINT (4.64449312385831 51.77390377915646)</t>
  </si>
  <si>
    <t>POINT (4.685747155839568 51.81345171413912)</t>
  </si>
  <si>
    <t>POINT (4.693468773500623 51.79577461977645)</t>
  </si>
  <si>
    <t>POINT (4.665763713324173 51.80980943965279)</t>
  </si>
  <si>
    <t>POINT (4.726861742405881 51.796263783308945)</t>
  </si>
  <si>
    <t>POINT (4.7214221730459 51.79484527484281)</t>
  </si>
  <si>
    <t>POINT (4.673155086383176 51.817688437326545)</t>
  </si>
  <si>
    <t>POINT (4.66618731358721 51.815129826381515)</t>
  </si>
  <si>
    <t>POINT (4.67448400094742 51.81805623256654)</t>
  </si>
  <si>
    <t>POINT (4.660370622288226 51.78988256409276)</t>
  </si>
  <si>
    <t>POINT (4.684677894499963 51.78921902349923)</t>
  </si>
  <si>
    <t>POINT (4.713620143887729 51.805311298000596)</t>
  </si>
  <si>
    <t>POINT (4.652310194706425 51.766460471834314)</t>
  </si>
  <si>
    <t>POINT (4.670396244270735 51.77247404301281)</t>
  </si>
  <si>
    <t>POINT (4.664249244482127 51.79671146273001)</t>
  </si>
  <si>
    <t>POINT (4.672439802824732 51.817956385939965)</t>
  </si>
  <si>
    <t>POINT (4.669807385438168 51.811074541823785)</t>
  </si>
  <si>
    <t>POINT (4.677654813296777 51.790617264667205)</t>
  </si>
  <si>
    <t>POINT (4.727028721203282 51.79744890514109)</t>
  </si>
  <si>
    <t>POINT (4.6738552968372264 51.77493041842994)</t>
  </si>
  <si>
    <t>POINT (4.75133242372166 51.79009253509101)</t>
  </si>
  <si>
    <t>POINT (4.7166843074808575 51.812943484640726)</t>
  </si>
  <si>
    <t>POINT (4.675094596618388 51.807128897020434)</t>
  </si>
  <si>
    <t>POINT (4.681897349807255 51.78095363020566)</t>
  </si>
  <si>
    <t>POINT (4.6538547447403 51.785783724001725)</t>
  </si>
  <si>
    <t>POINT (4.699062402723806 51.78879365563686)</t>
  </si>
  <si>
    <t>POINT (4.733518085711143 51.79541915563222)</t>
  </si>
  <si>
    <t>POINT (4.672050516684409 51.81860606138356)</t>
  </si>
  <si>
    <t>POINT (4.654906634221842 51.78943985725685)</t>
  </si>
  <si>
    <t>POINT (4.694975778900196 51.81767626732047)</t>
  </si>
  <si>
    <t>POINT (4.672870953027472 51.77233368240986)</t>
  </si>
  <si>
    <t>POINT (4.667795357153263 51.794582904045626)</t>
  </si>
  <si>
    <t>POINT (4.664282594799503 51.7901214588187)</t>
  </si>
  <si>
    <t>POINT (4.690871470968357 51.788567354779104)</t>
  </si>
  <si>
    <t>POINT (4.678579376948591 51.81759583250454)</t>
  </si>
  <si>
    <t>POINT (4.663649076118266 51.79727728675671)</t>
  </si>
  <si>
    <t>POINT (4.665995775620011 51.796032221728886)</t>
  </si>
  <si>
    <t>POINT (4.66582003285214 51.79603681312899)</t>
  </si>
  <si>
    <t>POINT (4.707349082129537 51.78751110088282)</t>
  </si>
  <si>
    <t>POINT (4.7197479788008785 51.80222980732267)</t>
  </si>
  <si>
    <t>POINT (4.682283066976659 51.79972342217812)</t>
  </si>
  <si>
    <t>POINT (4.685804964872739 51.786500055909485)</t>
  </si>
  <si>
    <t>POINT (4.731527624597901 51.79589928702064)</t>
  </si>
  <si>
    <t>POINT (4.684933446589943 51.77526004160548)</t>
  </si>
  <si>
    <t>POINT (4.670650307279216 51.782577423688295)</t>
  </si>
  <si>
    <t>POINT (4.657018237237879 51.76987108315193)</t>
  </si>
  <si>
    <t>POINT (4.664076681587969 51.812315823829124)</t>
  </si>
  <si>
    <t>POINT (4.714025770107157 51.81615630908997)</t>
  </si>
  <si>
    <t>POINT (4.67539791918148 51.78036043060685)</t>
  </si>
  <si>
    <t>POINT (4.711281613101226 51.81518651852375)</t>
  </si>
  <si>
    <t>POINT (4.663993526578262 51.78869922806279)</t>
  </si>
  <si>
    <t>POINT (4.658280333402023 51.798565932397075)</t>
  </si>
  <si>
    <t>POINT (4.679000511009622 51.8068701383889)</t>
  </si>
  <si>
    <t>POINT (4.6919975965027305 51.7895171173676)</t>
  </si>
  <si>
    <t>POINT (4.686140563211064 51.80752806344589)</t>
  </si>
  <si>
    <t>POINT (4.676493586349001 51.81313881863214)</t>
  </si>
  <si>
    <t>POINT (4.67109245804615 51.80977148224399)</t>
  </si>
  <si>
    <t>POINT (4.665128586300325 51.78895437140084)</t>
  </si>
  <si>
    <t>POINT (4.661422436920434 51.81290641695508)</t>
  </si>
  <si>
    <t>POINT (4.669157854064548 51.770420275601026)</t>
  </si>
  <si>
    <t>POINT (4.667524093987623 51.79566036022334)</t>
  </si>
  <si>
    <t>POINT (4.661327480792981 51.81271888302928)</t>
  </si>
  <si>
    <t>POINT (4.650155026239031 51.79480857702432)</t>
  </si>
  <si>
    <t>POINT (4.73351695355717 51.79404977454242)</t>
  </si>
  <si>
    <t>POINT (4.681295826808156 51.776722724521434)</t>
  </si>
  <si>
    <t>POINT (4.674148033724482 51.78901192415353)</t>
  </si>
  <si>
    <t>POINT (4.660514364783218 51.80994814926519)</t>
  </si>
  <si>
    <t>POINT (4.670038919471706 51.79749954750091)</t>
  </si>
  <si>
    <t>POINT (4.678082479952253 51.787880438538195)</t>
  </si>
  <si>
    <t>POINT (4.650762941341185 51.803249562684115)</t>
  </si>
  <si>
    <t>POINT (4.717375551111971 51.81573844812595)</t>
  </si>
  <si>
    <t>POINT (4.72253278949483 51.7998834894713)</t>
  </si>
  <si>
    <t>POINT (4.659506160820832 51.77157773147681)</t>
  </si>
  <si>
    <t>POINT (4.654362918228448 51.795155879128345)</t>
  </si>
  <si>
    <t>POINT (4.67275746304025 51.78356140759402)</t>
  </si>
  <si>
    <t>POINT (4.659631751994138 51.808820757187775)</t>
  </si>
  <si>
    <t>POINT (4.630258078756623 51.724587229838086)</t>
  </si>
  <si>
    <t>POINT (4.726388320570139 51.805921966046476)</t>
  </si>
  <si>
    <t>POINT (4.678034153265395 51.784651415777056)</t>
  </si>
  <si>
    <t>POINT (4.728911620819829 51.80453656436156)</t>
  </si>
  <si>
    <t>POINT (4.667332962162404 51.81567883156369)</t>
  </si>
  <si>
    <t>POINT (4.650391923126205 51.79523277716512)</t>
  </si>
  <si>
    <t>POINT (4.648331925161864 51.80678746832062)</t>
  </si>
  <si>
    <t>POINT (4.663633274430234 51.7938287380052)</t>
  </si>
  <si>
    <t>POINT (4.669534679510117 51.79863234708135)</t>
  </si>
  <si>
    <t>POINT (4.6835006998129805 51.80004320484087)</t>
  </si>
  <si>
    <t>POINT (4.667633517023693 51.80809467089456)</t>
  </si>
  <si>
    <t>POINT (4.71180045154858 51.81428101488042)</t>
  </si>
  <si>
    <t>POINT (4.665991704823417 51.80023073473868)</t>
  </si>
  <si>
    <t>POINT (4.6853097277415765 51.792232271393445)</t>
  </si>
  <si>
    <t>POINT (4.667212957874424 51.79416902425677)</t>
  </si>
  <si>
    <t>POINT (4.689793570731657 51.80914101338827)</t>
  </si>
  <si>
    <t>POINT (4.731991381548648 51.80410361492291)</t>
  </si>
  <si>
    <t>POINT (4.667526310086567 51.81426643141063)</t>
  </si>
  <si>
    <t>POINT (4.662562314843252 51.791958437293374)</t>
  </si>
  <si>
    <t>POINT (4.669320209896461 51.805600781974775)</t>
  </si>
  <si>
    <t>POINT (4.720895868412319 51.802135514734815)</t>
  </si>
  <si>
    <t>POINT (4.7057604408320755 51.815698402676375)</t>
  </si>
  <si>
    <t>POINT (4.698511699615743 51.793434647159984)</t>
  </si>
  <si>
    <t>POINT (4.670327866145402 51.782539327892536)</t>
  </si>
  <si>
    <t>POINT (4.69144843158247 51.78810633287024)</t>
  </si>
  <si>
    <t>POINT (4.661652105954965 51.76987093577181)</t>
  </si>
  <si>
    <t>POINT (4.674954490135526 51.77437311118)</t>
  </si>
  <si>
    <t>POINT (4.7147202662585626 51.8145856704045)</t>
  </si>
  <si>
    <t>POINT (4.730355468324684 51.791468375000655)</t>
  </si>
  <si>
    <t>POINT (4.6615643102562 51.79863620332697)</t>
  </si>
  <si>
    <t>POINT (4.666804839465172 51.79389121307546)</t>
  </si>
  <si>
    <t>POINT (4.723211883201948 51.79908246417445)</t>
  </si>
  <si>
    <t>POINT (4.660425808793505 51.80672462585241)</t>
  </si>
  <si>
    <t>POINT (4.675951538087909 51.785884460336156)</t>
  </si>
  <si>
    <t>POINT (4.668110150084055 51.81676030445809)</t>
  </si>
  <si>
    <t>POINT (4.693464196965258 51.791021794362315)</t>
  </si>
  <si>
    <t>POINT (4.678712884897404 51.81307379392722)</t>
  </si>
  <si>
    <t>POINT (4.662052740062841 51.79722244262395)</t>
  </si>
  <si>
    <t>POINT (4.6974746321239875 51.798968622456385)</t>
  </si>
  <si>
    <t>POINT (4.681743324857298 51.80702471719691)</t>
  </si>
  <si>
    <t>POINT (4.7301358606443875 51.80521632425811)</t>
  </si>
  <si>
    <t>POINT (4.662363183119371 51.80974109582799)</t>
  </si>
  <si>
    <t>POINT (4.711447599908098 51.800698621585006)</t>
  </si>
  <si>
    <t>POINT (4.717423610784908 51.81579427216731)</t>
  </si>
  <si>
    <t>POINT (4.726072263980994 51.79716158162018)</t>
  </si>
  <si>
    <t>POINT (4.671735138031106 51.81038852905458)</t>
  </si>
  <si>
    <t>POINT (4.672189283801794 51.8052147081072)</t>
  </si>
  <si>
    <t>POINT (4.66939571870868 51.79879287994685)</t>
  </si>
  <si>
    <t>POINT (4.67956533299745 51.816512391559165)</t>
  </si>
  <si>
    <t>POINT (4.676091364467795 51.80862757424332)</t>
  </si>
  <si>
    <t>POINT (4.657475196375302 51.80052443703137)</t>
  </si>
  <si>
    <t>POINT (4.685115543118354 51.7858915950555)</t>
  </si>
  <si>
    <t>POINT (4.7251488588121235 51.79908357625344)</t>
  </si>
  <si>
    <t>POINT (4.726471540984507 51.79605875768078)</t>
  </si>
  <si>
    <t>POINT (4.71576097388271 51.80325581037195)</t>
  </si>
  <si>
    <t>POINT (4.673031657072897 51.810722787528995)</t>
  </si>
  <si>
    <t>POINT (4.682898291526403 51.81440826724623)</t>
  </si>
  <si>
    <t>POINT (4.667607337178165 51.808206841912984)</t>
  </si>
  <si>
    <t>POINT (4.72827525607629 51.796340331790766)</t>
  </si>
  <si>
    <t>POINT (4.6769074811375075 51.808424519154485)</t>
  </si>
  <si>
    <t>POINT (4.666938425052117 51.77732949753866)</t>
  </si>
  <si>
    <t>POINT (4.698390325685194 51.79313855784933)</t>
  </si>
  <si>
    <t>POINT (4.674604554723519 51.78389437586563)</t>
  </si>
  <si>
    <t>POINT (4.685281227194771 51.784618223906065)</t>
  </si>
  <si>
    <t>POINT (4.663048512800248 51.78366155501817)</t>
  </si>
  <si>
    <t>POINT (4.721453511139652 51.81122204201344)</t>
  </si>
  <si>
    <t>POINT (4.673783952475747 51.77756386519471)</t>
  </si>
  <si>
    <t>POINT (4.715374133663967 51.80299770727704)</t>
  </si>
  <si>
    <t>POINT (4.668572999866014 51.809171042975194)</t>
  </si>
  <si>
    <t>POINT (4.660924899012782 51.79388804695748)</t>
  </si>
  <si>
    <t>POINT (4.660070604304436 51.80866766746112)</t>
  </si>
  <si>
    <t>POINT (4.680469943431162 51.78779283369708)</t>
  </si>
  <si>
    <t>POINT (4.683391455861399 51.79803289682796)</t>
  </si>
  <si>
    <t>POINT (4.678274809285864 51.81435286937126)</t>
  </si>
  <si>
    <t>POINT (4.663487877014507 51.8170597624965)</t>
  </si>
  <si>
    <t>POINT (4.675793599638858 51.7846870348665)</t>
  </si>
  <si>
    <t>POINT (4.679222419570922 51.78516256287432)</t>
  </si>
  <si>
    <t>POINT (4.720499304150981 51.81387789876414)</t>
  </si>
  <si>
    <t>POINT (4.661053489204089 51.81253470869362)</t>
  </si>
  <si>
    <t>POINT (4.6547441922268735 51.79232633170335)</t>
  </si>
  <si>
    <t>POINT (4.714239525242838 51.81025724887403)</t>
  </si>
  <si>
    <t>POINT (4.662459421528433 51.816688709296905)</t>
  </si>
  <si>
    <t>POINT (4.6848333526187345 51.80439085885255)</t>
  </si>
  <si>
    <t>POINT (4.6322909879326035 51.77654249492481)</t>
  </si>
  <si>
    <t>POINT (4.668087235435088 51.778142546671106)</t>
  </si>
  <si>
    <t>POINT (4.663553683373918 51.79958251459056)</t>
  </si>
  <si>
    <t>POINT (4.655808051959691 51.786790507160475)</t>
  </si>
  <si>
    <t>POINT (4.6678861535136145 51.80134749681897)</t>
  </si>
  <si>
    <t>POINT (4.71136182319963 51.81131902454419)</t>
  </si>
  <si>
    <t>POINT (4.65665919459647 51.80136280467502)</t>
  </si>
  <si>
    <t>POINT (4.662987577882235 51.813471640730185)</t>
  </si>
  <si>
    <t>POINT (4.669504430091494 51.79948287863311)</t>
  </si>
  <si>
    <t>POINT (4.698459490357168 51.794672422258564)</t>
  </si>
  <si>
    <t>POINT (4.664597882239452 51.81359937287025)</t>
  </si>
  <si>
    <t>POINT (4.652500319369249 51.785413380807036)</t>
  </si>
  <si>
    <t>POINT (4.690452244196174 51.80886472256614)</t>
  </si>
  <si>
    <t>POINT (4.680735166595607 51.80926703308772)</t>
  </si>
  <si>
    <t>POINT (4.724948613348605 51.79491032069326)</t>
  </si>
  <si>
    <t>POINT (4.6724478682912265 51.7754524623327)</t>
  </si>
  <si>
    <t>POINT (4.662796428914158 51.790847153566794)</t>
  </si>
  <si>
    <t>POINT (4.65865378432771 51.80726445503856)</t>
  </si>
  <si>
    <t>POINT (4.69341633587095 51.79561465287855)</t>
  </si>
  <si>
    <t>POINT (4.655294844524773 51.79192151024602)</t>
  </si>
  <si>
    <t>POINT (4.6701198781931605 51.77691302115656)</t>
  </si>
  <si>
    <t>POINT (4.669430473571518 51.80616048068466)</t>
  </si>
  <si>
    <t>POINT (4.659559359378173 51.81367414464501)</t>
  </si>
  <si>
    <t>POINT (4.706389627864138 51.79211360471462)</t>
  </si>
  <si>
    <t>POINT (4.669987035783489 51.800929260291404)</t>
  </si>
  <si>
    <t>POINT (4.7175339295407825 51.80097706417925)</t>
  </si>
  <si>
    <t>POINT (4.710520621445005 51.795334897806576)</t>
  </si>
  <si>
    <t>POINT (4.665961554225247 51.78934269303622)</t>
  </si>
  <si>
    <t>POINT (4.6859039145402654 51.78764401769648)</t>
  </si>
  <si>
    <t>POINT (4.667227943788431 51.77944696649813)</t>
  </si>
  <si>
    <t>POINT (4.655260453866451 51.791841592793624)</t>
  </si>
  <si>
    <t>POINT (4.674156787347874 51.77497799532585)</t>
  </si>
  <si>
    <t>POINT (4.677775681196551 51.79080649750983)</t>
  </si>
  <si>
    <t>POINT (4.677632547238559 51.78182532201053)</t>
  </si>
  <si>
    <t>POINT (4.666935571186585 51.81115904374215)</t>
  </si>
  <si>
    <t>POINT (4.687112479364252 51.80466489899526)</t>
  </si>
  <si>
    <t>POINT (4.654444938369617 51.80680001294677)</t>
  </si>
  <si>
    <t>POINT (4.654055543133913 51.811466676142686)</t>
  </si>
  <si>
    <t>POINT (4.669387545900984 51.81323568368207)</t>
  </si>
  <si>
    <t>POINT (4.676246879563193 51.81840257065385)</t>
  </si>
  <si>
    <t>POINT (4.670208377375889 51.781867150160885)</t>
  </si>
  <si>
    <t>POINT (4.664424639905619 51.788203578242495)</t>
  </si>
  <si>
    <t>POINT (4.664298590801231 51.787612531196224)</t>
  </si>
  <si>
    <t>POINT (4.670850417692244 51.77364161172478)</t>
  </si>
  <si>
    <t>POINT (4.662842578896947 51.78760003485728)</t>
  </si>
  <si>
    <t>POINT (4.6803621553112045 51.77367693250753)</t>
  </si>
  <si>
    <t>POINT (4.672008405109953 51.7763219310604)</t>
  </si>
  <si>
    <t>POINT (4.689016937910021 51.806409387146516)</t>
  </si>
  <si>
    <t>POINT (4.6725949005265965 51.78542821577125)</t>
  </si>
  <si>
    <t>POINT (4.695568465746993 51.790324113622425)</t>
  </si>
  <si>
    <t>POINT (4.6640462723943745 51.81156804783392)</t>
  </si>
  <si>
    <t>POINT (4.671083476819224 51.78160324838302)</t>
  </si>
  <si>
    <t>POINT (4.686482551981175 51.81081250599929)</t>
  </si>
  <si>
    <t>POINT (4.661338469280895 51.79123481312286)</t>
  </si>
  <si>
    <t>POINT (4.67177606341933 51.80591654245215)</t>
  </si>
  <si>
    <t>POINT (4.666054807048145 51.81672608406324)</t>
  </si>
  <si>
    <t>POINT (4.723270148906646 51.80046027684921)</t>
  </si>
  <si>
    <t>POINT (4.710632122404617 51.799740441593535)</t>
  </si>
  <si>
    <t>POINT (4.667238189037769 51.77235724286401)</t>
  </si>
  <si>
    <t>POINT (4.662619814559852 51.800000271361306)</t>
  </si>
  <si>
    <t>POINT (4.681900007876634 51.809305536351644)</t>
  </si>
  <si>
    <t>POINT (4.668828478293767 51.802452775335055)</t>
  </si>
  <si>
    <t>POINT (4.666111372752626 51.81486717808651)</t>
  </si>
  <si>
    <t>POINT (4.673979178191596 51.7836580822616)</t>
  </si>
  <si>
    <t>POINT (4.661688474252528 51.81662653514674)</t>
  </si>
  <si>
    <t>POINT (4.654673093572409 51.788909071837644)</t>
  </si>
  <si>
    <t>POINT (4.7236508033331 51.79382636310516)</t>
  </si>
  <si>
    <t>POINT (4.6665752324204925 51.80036404495771)</t>
  </si>
  <si>
    <t>POINT (4.6947590423858605 51.79606556504014)</t>
  </si>
  <si>
    <t>POINT (4.675946652791645 51.7854707887939)</t>
  </si>
  <si>
    <t>POINT (4.681914252218437 51.781267635152744)</t>
  </si>
  <si>
    <t>POINT (4.69809942554777 51.79428409168479)</t>
  </si>
  <si>
    <t>POINT (4.7014055139829125 51.78957683432163)</t>
  </si>
  <si>
    <t>POINT (4.692827254475976 51.79519692480648)</t>
  </si>
  <si>
    <t>POINT (4.6610804583502174 51.81350743303974)</t>
  </si>
  <si>
    <t>POINT (4.678241367573447 51.80757530892421)</t>
  </si>
  <si>
    <t>POINT (4.721231639632286 51.80538919737848)</t>
  </si>
  <si>
    <t>POINT (4.685393834012239 51.80065016048021)</t>
  </si>
  <si>
    <t>POINT (4.66888009617747 51.79927209332173)</t>
  </si>
  <si>
    <t>POINT (4.7339997377699 51.79543826046777)</t>
  </si>
  <si>
    <t>POINT (4.662981638353885 51.8098474302868)</t>
  </si>
  <si>
    <t>POINT (4.721168533571916 51.811258132290504)</t>
  </si>
  <si>
    <t>POINT (4.6832623716963795 51.80643182361405)</t>
  </si>
  <si>
    <t>POINT (4.651620948654627 51.78257549681292)</t>
  </si>
  <si>
    <t>POINT (4.65176383496667 51.80135016376337)</t>
  </si>
  <si>
    <t>POINT (4.669441896536667 51.81375510310215)</t>
  </si>
  <si>
    <t>POINT (4.666888915150446 51.7939184706923)</t>
  </si>
  <si>
    <t>POINT (4.667442483558057 51.80055130840242)</t>
  </si>
  <si>
    <t>POINT (4.650995434588014 51.8013549357962)</t>
  </si>
  <si>
    <t>POINT (4.678970023854192 51.77922526174507)</t>
  </si>
  <si>
    <t>POINT (4.658146700357395 51.81038796726528)</t>
  </si>
  <si>
    <t>POINT (4.69558591060653 51.79517301330931)</t>
  </si>
  <si>
    <t>POINT (4.629848409909976 51.72791318830878)</t>
  </si>
  <si>
    <t>POINT (4.665454463606542 51.78868876513289)</t>
  </si>
  <si>
    <t>POINT (4.682324120346653 51.799818310617255)</t>
  </si>
  <si>
    <t>POINT (4.6594753068555566 51.80017174771268)</t>
  </si>
  <si>
    <t>POINT (4.6569997845694715 51.77044487171093)</t>
  </si>
  <si>
    <t>POINT (4.721070870931085 51.80084231422421)</t>
  </si>
  <si>
    <t>POINT (4.669935353968393 51.8021642416425)</t>
  </si>
  <si>
    <t>POINT (4.654229324868778 51.81087823847019)</t>
  </si>
  <si>
    <t>POINT (4.669623691583905 51.8173425423951)</t>
  </si>
  <si>
    <t>POINT (4.6739234082698955 51.774932567500784)</t>
  </si>
  <si>
    <t>POINT (4.7085610155306075 51.79404557999745)</t>
  </si>
  <si>
    <t>POINT (4.65703939019371 51.770776622654765)</t>
  </si>
  <si>
    <t>POINT (4.683087700999123 51.797985241007126)</t>
  </si>
  <si>
    <t>POINT (4.664939899406788 51.78944057735355)</t>
  </si>
  <si>
    <t>POINT (4.665949129174974 51.810401917813266)</t>
  </si>
  <si>
    <t>POINT (4.687106932347484 51.78162101489179)</t>
  </si>
  <si>
    <t>POINT (4.714681998170915 51.81447360550865)</t>
  </si>
  <si>
    <t>POINT (4.705243418047379 51.821676692095515)</t>
  </si>
  <si>
    <t>POINT (4.714345031461302 51.809484956504704)</t>
  </si>
  <si>
    <t>POINT (4.692511904322703 51.79564017713018)</t>
  </si>
  <si>
    <t>POINT (4.657107587994453 51.793357479878)</t>
  </si>
  <si>
    <t>POINT (4.660243936975275 51.7894158674263)</t>
  </si>
  <si>
    <t>POINT (4.698206497222996 51.79273110050397)</t>
  </si>
  <si>
    <t>POINT (4.662369250256138 51.80447451740025)</t>
  </si>
  <si>
    <t>POINT (4.655211540730229 51.79929841681767)</t>
  </si>
  <si>
    <t>POINT (4.6663319405406245 51.8111750134438)</t>
  </si>
  <si>
    <t>POINT (4.68695688227463 51.77747914407026)</t>
  </si>
  <si>
    <t>POINT (4.700143246503945 51.799178390011306)</t>
  </si>
  <si>
    <t>POINT (4.67648979865052 51.808813330059294)</t>
  </si>
  <si>
    <t>POINT (4.667053929626118 51.7935202687126)</t>
  </si>
  <si>
    <t>POINT (4.671544784940692 51.81730504187129)</t>
  </si>
  <si>
    <t>POINT (4.693163101429334 51.793824327917065)</t>
  </si>
  <si>
    <t>POINT (4.670354333004127 51.81761140021836)</t>
  </si>
  <si>
    <t>POINT (4.684667612712733 51.77466165368771)</t>
  </si>
  <si>
    <t>POINT (4.671252348771922 51.77792685487232)</t>
  </si>
  <si>
    <t>POINT (4.679081218684907 51.78171573138825)</t>
  </si>
  <si>
    <t>POINT (4.676836456747516 51.780600161302594)</t>
  </si>
  <si>
    <t>POINT (4.730072190600591 51.80181546773555)</t>
  </si>
  <si>
    <t>POINT (4.651460273836861 51.79408713830845)</t>
  </si>
  <si>
    <t>POINT (4.672844076398349 51.81732945187277)</t>
  </si>
  <si>
    <t>POINT (4.666640849954048 51.8125460662345)</t>
  </si>
  <si>
    <t>POINT (4.686429934028882 51.80259288200596)</t>
  </si>
  <si>
    <t>POINT (4.6667583141100755 51.814668807336524)</t>
  </si>
  <si>
    <t>POINT (4.659332043534224 51.811115472158065)</t>
  </si>
  <si>
    <t>POINT (4.6644007173602695 51.81335016999243)</t>
  </si>
  <si>
    <t>POINT (4.708772069471279 51.78640428555743)</t>
  </si>
  <si>
    <t>POINT (4.680010011466231 51.80844320398636)</t>
  </si>
  <si>
    <t>POINT (4.724093476886843 51.80532515421525)</t>
  </si>
  <si>
    <t>POINT (4.663261066081296 51.79066630167569)</t>
  </si>
  <si>
    <t>POINT (4.666353137743059 51.81115167421177)</t>
  </si>
  <si>
    <t>POINT (4.709945896054377 51.807764894715916)</t>
  </si>
  <si>
    <t>POINT (4.656827518110171 51.80079262978113)</t>
  </si>
  <si>
    <t>POINT (4.728107265235943 51.79768397257312)</t>
  </si>
  <si>
    <t>POINT (4.69494067365872 51.8183963746236)</t>
  </si>
  <si>
    <t>POINT (4.655406967736779 51.79191778727169)</t>
  </si>
  <si>
    <t>POINT (4.677115730613889 51.77739291190402)</t>
  </si>
  <si>
    <t>POINT (4.677483877573453 51.81743604599114)</t>
  </si>
  <si>
    <t>POINT (4.680749397666083 51.78658315578263)</t>
  </si>
  <si>
    <t>POINT (4.672488681612799 51.81793798718486)</t>
  </si>
  <si>
    <t>POINT (4.69130991940476 51.817854882252526)</t>
  </si>
  <si>
    <t>POINT (4.672888990806608 51.78330639912216)</t>
  </si>
  <si>
    <t>POINT (4.683939172746618 51.80982689295023)</t>
  </si>
  <si>
    <t>POINT (4.7235517625849255 51.803893536085766)</t>
  </si>
  <si>
    <t>POINT (4.727150598591603 51.796733519417685)</t>
  </si>
  <si>
    <t>POINT (4.660109515488637 51.81326236730198)</t>
  </si>
  <si>
    <t>POINT (4.654155410608489 51.7923419888556)</t>
  </si>
  <si>
    <t>POINT (4.662144688210249 51.81257404871225)</t>
  </si>
  <si>
    <t>POINT (4.670565324821042 51.78190762341306)</t>
  </si>
  <si>
    <t>POINT (4.684063225779054 51.79041080933578)</t>
  </si>
  <si>
    <t>POINT (4.708062975215279 51.7964694480507)</t>
  </si>
  <si>
    <t>POINT (4.686079261275009 51.776739425612114)</t>
  </si>
  <si>
    <t>POINT (4.720511097603886 51.811296456991286)</t>
  </si>
  <si>
    <t>POINT (4.666195225641489 51.78686260892871)</t>
  </si>
  <si>
    <t>POINT (4.653612305246477 51.80250821735296)</t>
  </si>
  <si>
    <t>POINT (4.684132375752492 51.803105415375086)</t>
  </si>
  <si>
    <t>POINT (4.708883666739592 51.818533292583766)</t>
  </si>
  <si>
    <t>POINT (4.661319266757736 51.80990357635979)</t>
  </si>
  <si>
    <t>POINT (4.675028713633047 51.80436504487782)</t>
  </si>
  <si>
    <t>POINT (4.724873394618007 51.79800533465855)</t>
  </si>
  <si>
    <t>POINT (4.664856540410802 51.77841850400993)</t>
  </si>
  <si>
    <t>POINT (4.729908480213064 51.80548693002668)</t>
  </si>
  <si>
    <t>POINT (4.661602822835266 51.79497788819574)</t>
  </si>
  <si>
    <t>POINT (4.7077771720627615 51.8073610011017)</t>
  </si>
  <si>
    <t>POINT (4.680588289234577 51.780177855786846)</t>
  </si>
  <si>
    <t>POINT (4.728596058221997 51.80362031665694)</t>
  </si>
  <si>
    <t>POINT (4.673069099135757 51.81750507564901)</t>
  </si>
  <si>
    <t>POINT (4.681238855857981 51.78798755642869)</t>
  </si>
  <si>
    <t>POINT (4.653133178832063 51.781630772721954)</t>
  </si>
  <si>
    <t>POINT (4.722240562477835 51.80551673322079)</t>
  </si>
  <si>
    <t>POINT (4.717444552124816 51.802358298004556)</t>
  </si>
  <si>
    <t>POINT (4.683107038569925 51.80236963840367)</t>
  </si>
  <si>
    <t>POINT (4.685390799442503 51.80572345689194)</t>
  </si>
  <si>
    <t>POINT (4.683942771281359 51.781354043552845)</t>
  </si>
  <si>
    <t>POINT (4.656633724861441 51.78750981908221)</t>
  </si>
  <si>
    <t>POINT (4.725316384615725 51.79588610041073)</t>
  </si>
  <si>
    <t>POINT (4.719319668553472 51.804483250330726)</t>
  </si>
  <si>
    <t>POINT (4.669535202894107 51.80983224224802)</t>
  </si>
  <si>
    <t>POINT (4.655349547266239 51.767268816231955)</t>
  </si>
  <si>
    <t>POINT (4.6666701359259655 51.80395221140056)</t>
  </si>
  <si>
    <t>POINT (4.68760466597996 51.810681377850955)</t>
  </si>
  <si>
    <t>POINT (4.711719541584428 51.7990353718013)</t>
  </si>
  <si>
    <t>POINT (4.679021178982037 51.78177572803086)</t>
  </si>
  <si>
    <t>POINT (4.730595096356086 51.797664106415795)</t>
  </si>
  <si>
    <t>POINT (4.670456354599169 51.79392280097594)</t>
  </si>
  <si>
    <t>POINT (4.679230984867096 51.81600309984498)</t>
  </si>
  <si>
    <t>POINT (4.721155530174064 51.81121857141492)</t>
  </si>
  <si>
    <t>POINT (4.663978847908066 51.81342173645087)</t>
  </si>
  <si>
    <t>POINT (4.680202400463923 51.8023442173861)</t>
  </si>
  <si>
    <t>POINT (4.662360160655912 51.79824824483795)</t>
  </si>
  <si>
    <t>POINT (4.7825748682091955 51.810637395783026)</t>
  </si>
  <si>
    <t>POINT (4.640484810607192 51.7885668430461)</t>
  </si>
  <si>
    <t>POINT (4.6627310664292265 51.79713582042166)</t>
  </si>
  <si>
    <t>POINT (4.656591878921053 51.806962468773264)</t>
  </si>
  <si>
    <t>POINT (4.667280606393488 51.7711385159996)</t>
  </si>
  <si>
    <t>POINT (4.684692792188839 51.79254226578722)</t>
  </si>
  <si>
    <t>POINT (4.671109099208057 51.80771016521234)</t>
  </si>
  <si>
    <t>POINT (4.661659808310599 51.81664683413913)</t>
  </si>
  <si>
    <t>POINT (4.668055997926946 51.79196229230356)</t>
  </si>
  <si>
    <t>POINT (4.692934952211257 51.79517776012291)</t>
  </si>
  <si>
    <t>POINT (4.696770905472534 51.817865562862785)</t>
  </si>
  <si>
    <t>POINT (4.66108166561673 51.8135468289141)</t>
  </si>
  <si>
    <t>POINT (4.716420062941673 51.80323327026257)</t>
  </si>
  <si>
    <t>POINT (4.665959725302177 51.80216158758521)</t>
  </si>
  <si>
    <t>POINT (4.682481654619023 51.78672555619891)</t>
  </si>
  <si>
    <t>POINT (4.682718475224088 51.81132612547197)</t>
  </si>
  <si>
    <t>POINT (4.669389871646841 51.81673021545763)</t>
  </si>
  <si>
    <t>POINT (4.724715611162603 51.79790147890836)</t>
  </si>
  <si>
    <t>POINT (4.717538841215785 51.81336575128561)</t>
  </si>
  <si>
    <t>POINT (4.664701634615674 51.81694464446733)</t>
  </si>
  <si>
    <t>POINT (4.681088907634192 51.798840663203855)</t>
  </si>
  <si>
    <t>POINT (4.657737274378263 51.81340846197964)</t>
  </si>
  <si>
    <t>POINT (4.680657322305464 51.78572597870471)</t>
  </si>
  <si>
    <t>POINT (4.656577022880476 51.766311457751506)</t>
  </si>
  <si>
    <t>POINT (4.633959241835828 51.77839381880624)</t>
  </si>
  <si>
    <t>POINT (4.670862404912704 51.810171871999344)</t>
  </si>
  <si>
    <t>POINT (4.637658791559366 51.77820105272429)</t>
  </si>
  <si>
    <t>POINT (4.630692717537014 51.78413051586039)</t>
  </si>
  <si>
    <t>POINT (4.671431705357633 51.80525085296786)</t>
  </si>
  <si>
    <t>POINT (4.715517251911599 51.803260464825776)</t>
  </si>
  <si>
    <t>POINT (4.734934612967771 51.80043505028241)</t>
  </si>
  <si>
    <t>POINT (4.682511239545859 51.8146204851465)</t>
  </si>
  <si>
    <t>POINT (4.72646272099868 51.798520437361745)</t>
  </si>
  <si>
    <t>POINT (4.657996337220361 51.807408459942984)</t>
  </si>
  <si>
    <t>POINT (4.671209457237097 51.818289062545)</t>
  </si>
  <si>
    <t>POINT (4.67737262497507 51.813293755309424)</t>
  </si>
  <si>
    <t>POINT (4.667082150770605 51.78211393883037)</t>
  </si>
  <si>
    <t>POINT (4.711813514452586 51.81432095467297)</t>
  </si>
  <si>
    <t>POINT (4.704748181477923 51.79468468684706)</t>
  </si>
  <si>
    <t>POINT (4.665949270685239 51.781455054024356)</t>
  </si>
  <si>
    <t>POINT (4.732505320866428 51.800592637144504)</t>
  </si>
  <si>
    <t>POINT (4.68189776984489 51.780557725510015)</t>
  </si>
  <si>
    <t>POINT (4.702143545032771 51.81596687886505)</t>
  </si>
  <si>
    <t>POINT (4.666503023254783 51.77159292890077)</t>
  </si>
  <si>
    <t>POINT (4.662218923191936 51.80508951170866)</t>
  </si>
  <si>
    <t>POINT (4.693583521029466 51.79572883577428)</t>
  </si>
  <si>
    <t>POINT (4.6848439874987475 51.8105903980704)</t>
  </si>
  <si>
    <t>POINT (4.671006746909317 51.81283678976356)</t>
  </si>
  <si>
    <t>POINT (4.654872924606432 51.794128292792685)</t>
  </si>
  <si>
    <t>POINT (4.656285981394205 51.78455246009171)</t>
  </si>
  <si>
    <t>POINT (4.68358026479957 51.79800238015399)</t>
  </si>
  <si>
    <t>POINT (4.731066382201018 51.79066865116926)</t>
  </si>
  <si>
    <t>POINT (4.678331998952485 51.81725038738983)</t>
  </si>
  <si>
    <t>POINT (4.6792205797618145 51.78202567603013)</t>
  </si>
  <si>
    <t>3311TD</t>
  </si>
  <si>
    <t>Hoefijzerstraat</t>
  </si>
  <si>
    <t>POINT (4.673479147437426 51.81925703416273)</t>
  </si>
  <si>
    <t>POINT (4.704559066462962 51.79624313793876)</t>
  </si>
  <si>
    <t>POINT (4.65147942093781 51.803703591346334)</t>
  </si>
  <si>
    <t>POINT (4.67030180156461 51.79357515369665)</t>
  </si>
  <si>
    <t>POINT (4.685956442671851 51.77933847444963)</t>
  </si>
  <si>
    <t>POINT (4.665538241490878 51.80372795371577)</t>
  </si>
  <si>
    <t>POINT (4.659554109631382 51.80744900631208)</t>
  </si>
  <si>
    <t>POINT (4.702907218521335 51.81627881768218)</t>
  </si>
  <si>
    <t>POINT (4.667170631345284 51.814081617760834)</t>
  </si>
  <si>
    <t>POINT (4.685889586698194 51.79185725271917)</t>
  </si>
  <si>
    <t>POINT (4.6580865295941 51.81348291044095)</t>
  </si>
  <si>
    <t>POINT (4.729239736017903 51.79570173513533)</t>
  </si>
  <si>
    <t>POINT (4.645400722600765 51.77926530742599)</t>
  </si>
  <si>
    <t>POINT (4.658828327160218 51.792192399298436)</t>
  </si>
  <si>
    <t>POINT (4.650472145572077 51.79523101580963)</t>
  </si>
  <si>
    <t>POINT (4.6640365748184625 51.802296742323996)</t>
  </si>
  <si>
    <t>POINT (4.636039475235377 51.77596995261218)</t>
  </si>
  <si>
    <t>POINT (4.678133629388025 51.78466267773092)</t>
  </si>
  <si>
    <t>POINT (4.649999358755221 51.79341555310436)</t>
  </si>
  <si>
    <t>POINT (4.6727554423916215 51.81858521342871)</t>
  </si>
  <si>
    <t>POINT (4.72805679561792 51.803652353287625)</t>
  </si>
  <si>
    <t>POINT (4.670577271166618 51.80141363568012)</t>
  </si>
  <si>
    <t>POINT (4.658767920872306 51.804746325427345)</t>
  </si>
  <si>
    <t>POINT (4.63671562375003 51.76724465340168)</t>
  </si>
  <si>
    <t>POINT (4.660183758691045 51.809973130450395)</t>
  </si>
  <si>
    <t>POINT (4.720722422186647 51.81127025999809)</t>
  </si>
  <si>
    <t>POINT (4.666280609680805 51.81262492263186)</t>
  </si>
  <si>
    <t>POINT (4.717370736885559 51.79986435357663)</t>
  </si>
  <si>
    <t>POINT (4.656749153031753 51.80090469842398)</t>
  </si>
  <si>
    <t>POINT (4.714298059172452 51.81616047731653)</t>
  </si>
  <si>
    <t>POINT (4.662157980485682 51.79033976101411)</t>
  </si>
  <si>
    <t>POINT (4.663947534960306 51.792279684464965)</t>
  </si>
  <si>
    <t>POINT (4.676813411265389 51.77664096467451)</t>
  </si>
  <si>
    <t>POINT (4.656879143629161 51.76932526623506)</t>
  </si>
  <si>
    <t>POINT (4.725456446322005 51.79631515459909)</t>
  </si>
  <si>
    <t>POINT (4.669975694975925 51.81575241394126)</t>
  </si>
  <si>
    <t>POINT (4.675726765308249 51.77402875798702)</t>
  </si>
  <si>
    <t>POINT (4.66434183829536 51.81338185197157)</t>
  </si>
  <si>
    <t>POINT (4.68516047400579 51.813048318340506)</t>
  </si>
  <si>
    <t>POINT (4.661014524701663 51.79694161405802)</t>
  </si>
  <si>
    <t>POINT (4.721714720637538 51.7944727550178)</t>
  </si>
  <si>
    <t>POINT (4.731824230692833 51.800594039244686)</t>
  </si>
  <si>
    <t>POINT (4.671369815177834 51.81439333533163)</t>
  </si>
  <si>
    <t>POINT (4.675325541786256 51.81381884189192)</t>
  </si>
  <si>
    <t>POINT (4.676401085563902 51.783598563602354)</t>
  </si>
  <si>
    <t>POINT (4.680439462731518 51.78081256806088)</t>
  </si>
  <si>
    <t>POINT (4.696061726868672 51.81796386828999)</t>
  </si>
  <si>
    <t>POINT (4.713348605752026 51.81552507905072)</t>
  </si>
  <si>
    <t>POINT (4.65377889859454 51.78564658534911)</t>
  </si>
  <si>
    <t>POINT (4.685493733996472 51.7848960773621)</t>
  </si>
  <si>
    <t>POINT (4.703167461289504 51.79633052828802)</t>
  </si>
  <si>
    <t>POINT (4.683471044438626 51.77909331639177)</t>
  </si>
  <si>
    <t>POINT (4.665424500676528 51.8138924391245)</t>
  </si>
  <si>
    <t>POINT (4.673521577464492 51.785143261708185)</t>
  </si>
  <si>
    <t>POINT (4.731449946399296 51.80002303913241)</t>
  </si>
  <si>
    <t>POINT (4.723152556911262 51.7978399423587)</t>
  </si>
  <si>
    <t>POINT (4.672290330901778 51.77183097415711)</t>
  </si>
  <si>
    <t>POINT (4.654839520848486 51.807141493923126)</t>
  </si>
  <si>
    <t>POINT (4.671479949071696 51.79272521223596)</t>
  </si>
  <si>
    <t>POINT (4.677647726933424 51.77969311396186)</t>
  </si>
  <si>
    <t>POINT (4.661724673194309 51.8156019327021)</t>
  </si>
  <si>
    <t>POINT (4.667056480952648 51.80121459728787)</t>
  </si>
  <si>
    <t>POINT (4.672347663805616 51.81934639849815)</t>
  </si>
  <si>
    <t>POINT (4.70689045767017 51.799657620366055)</t>
  </si>
  <si>
    <t>POINT (4.6829391482446425 51.77959664607377)</t>
  </si>
  <si>
    <t>POINT (4.6712866932273895 51.8089873086576)</t>
  </si>
  <si>
    <t>POINT (4.661668934088616 51.790866639592984)</t>
  </si>
  <si>
    <t>POINT (4.685508377276373 51.780055070277456)</t>
  </si>
  <si>
    <t>POINT (4.690190008971377 51.80918025827747)</t>
  </si>
  <si>
    <t>POINT (4.710860617123648 51.79846932481159)</t>
  </si>
  <si>
    <t>POINT (4.680281802303835 51.7898276566772)</t>
  </si>
  <si>
    <t>POINT (4.664406035689265 51.78798063360043)</t>
  </si>
  <si>
    <t>POINT (4.664046350905694 51.79307444538443)</t>
  </si>
  <si>
    <t>POINT (4.677720751758338 51.79073974787921)</t>
  </si>
  <si>
    <t>POINT (4.66075793049685 51.78987277445299)</t>
  </si>
  <si>
    <t>POINT (4.679051638410284 51.773827318039025)</t>
  </si>
  <si>
    <t>POINT (4.675327084989887 51.814886606256906)</t>
  </si>
  <si>
    <t>POINT (4.671543346682469 51.81191234229892)</t>
  </si>
  <si>
    <t>POINT (4.7159255033590375 51.80076529601418)</t>
  </si>
  <si>
    <t>POINT (4.711757593097578 51.803134488629816)</t>
  </si>
  <si>
    <t>POINT (4.712008622312822 51.795045226990396)</t>
  </si>
  <si>
    <t>POINT (4.703829761747128 51.79079627212195)</t>
  </si>
  <si>
    <t>POINT (4.678792200049197 51.77425694856048)</t>
  </si>
  <si>
    <t>POINT (4.711167309034946 51.81646853880329)</t>
  </si>
  <si>
    <t>POINT (4.683463390379916 51.80666273484082)</t>
  </si>
  <si>
    <t>POINT (4.6600229708118235 51.8014005812422)</t>
  </si>
  <si>
    <t>POINT (4.671495749885633 51.814505077573955)</t>
  </si>
  <si>
    <t>POINT (4.671781880298986 51.77898652900701)</t>
  </si>
  <si>
    <t>POINT (4.652909731547959 51.80104680805323)</t>
  </si>
  <si>
    <t>POINT (4.655408007931063 51.81110882887199)</t>
  </si>
  <si>
    <t>POINT (4.654456261304644 51.80348243667685)</t>
  </si>
  <si>
    <t>POINT (4.7299000346357145 51.7978374076665)</t>
  </si>
  <si>
    <t>POINT (4.679798017069033 51.80529762538964)</t>
  </si>
  <si>
    <t>POINT (4.674191762883804 51.81442441989316)</t>
  </si>
  <si>
    <t>POINT (4.668311488382325 51.817459391465285)</t>
  </si>
  <si>
    <t>POINT (4.668499212073574 51.790583400439324)</t>
  </si>
  <si>
    <t>POINT (4.676786296197948 51.77266522935111)</t>
  </si>
  <si>
    <t>POINT (4.729998227929539 51.79796245042275)</t>
  </si>
  <si>
    <t>POINT (4.666176186116375 51.799729526547154)</t>
  </si>
  <si>
    <t>POINT (4.654962041957531 51.781092642679475)</t>
  </si>
  <si>
    <t>POINT (4.657714857187571 51.782313546686794)</t>
  </si>
  <si>
    <t>POINT (4.670766814932804 51.8096360845994)</t>
  </si>
  <si>
    <t>POINT (4.664008582421547 51.79225932387658)</t>
  </si>
  <si>
    <t>POINT (4.664564518896095 51.7910261829369)</t>
  </si>
  <si>
    <t>POINT (4.662606159149861 51.801868127507355)</t>
  </si>
  <si>
    <t>POINT (4.727748809584664 51.80511088082657)</t>
  </si>
  <si>
    <t>POINT (4.629043991616133 51.726379756973394)</t>
  </si>
  <si>
    <t>POINT (4.669794034388684 51.79996145479919)</t>
  </si>
  <si>
    <t>POINT (4.671296370123064 51.7986225167346)</t>
  </si>
  <si>
    <t>POINT (4.678611732679501 51.814643341496684)</t>
  </si>
  <si>
    <t>POINT (4.718003638062107 51.80262351599819)</t>
  </si>
  <si>
    <t>POINT (4.6782898702335025 51.807061620589955)</t>
  </si>
  <si>
    <t>POINT (4.723445120970991 51.802861234586224)</t>
  </si>
  <si>
    <t>POINT (4.662232740154777 51.813544660202126)</t>
  </si>
  <si>
    <t>POINT (4.660412069602601 51.795657407178034)</t>
  </si>
  <si>
    <t>POINT (4.67921301304544 51.81395684765925)</t>
  </si>
  <si>
    <t>POINT (4.678817571341081 51.80513440864455)</t>
  </si>
  <si>
    <t>POINT (4.669545881045938 51.81914541848084)</t>
  </si>
  <si>
    <t>POINT (4.674522711384382 51.77587918931747)</t>
  </si>
  <si>
    <t>POINT (4.717249464243289 51.81444530666031)</t>
  </si>
  <si>
    <t>POINT (4.662242753264057 51.79913448805124)</t>
  </si>
  <si>
    <t>POINT (4.665870539092489 51.77935880667571)</t>
  </si>
  <si>
    <t>POINT (4.66890961014582 51.809128034663786)</t>
  </si>
  <si>
    <t>POINT (4.668288013168312 51.801734253180555)</t>
  </si>
  <si>
    <t>POINT (4.67758278003893 51.7812605125269)</t>
  </si>
  <si>
    <t>POINT (4.7287281488723245 51.7960053148923)</t>
  </si>
  <si>
    <t>POINT (4.663117369263661 51.813998252445636)</t>
  </si>
  <si>
    <t>POINT (4.669673479507166 51.80074641886592)</t>
  </si>
  <si>
    <t>POINT (4.717414687968651 51.80225560302234)</t>
  </si>
  <si>
    <t>POINT (4.689862052728213 51.80662756076724)</t>
  </si>
  <si>
    <t>POINT (4.699256785196572 51.800149490530025)</t>
  </si>
  <si>
    <t>POINT (4.6837323633476915 51.80969468848601)</t>
  </si>
  <si>
    <t>POINT (4.667900370442273 51.79237178913069)</t>
  </si>
  <si>
    <t>POINT (4.669352510913281 51.78118375332683)</t>
  </si>
  <si>
    <t>POINT (4.7278496083815345 51.792999062532814)</t>
  </si>
  <si>
    <t>POINT (4.671723310246636 51.792814093761095)</t>
  </si>
  <si>
    <t>POINT (4.658508090103717 51.81200805868993)</t>
  </si>
  <si>
    <t>POINT (4.68971208115693 51.78440204021745)</t>
  </si>
  <si>
    <t>POINT (4.660032938298797 51.80459854167065)</t>
  </si>
  <si>
    <t>POINT (4.707907646898141 51.79402320121048)</t>
  </si>
  <si>
    <t>POINT (4.693640619155483 51.818781880650334)</t>
  </si>
  <si>
    <t>POINT (4.652641006320233 51.80169757989463)</t>
  </si>
  <si>
    <t>POINT (4.684792177598442 51.775283788729396)</t>
  </si>
  <si>
    <t>POINT (4.663126387599084 51.7881136309577)</t>
  </si>
  <si>
    <t>POINT (4.664633827473561 51.80191497783068)</t>
  </si>
  <si>
    <t>POINT (4.717993638342467 51.81400193649872)</t>
  </si>
  <si>
    <t>POINT (4.661536808850182 51.792260932232956)</t>
  </si>
  <si>
    <t>POINT (4.694562943931339 51.79207517989678)</t>
  </si>
  <si>
    <t>POINT (4.63345402288867 51.77865885112389)</t>
  </si>
  <si>
    <t>POINT (4.67175536793262 51.80596616861794)</t>
  </si>
  <si>
    <t>POINT (4.702960105802973 51.790541740433326)</t>
  </si>
  <si>
    <t>POINT (4.673826085082875 51.81225492106864)</t>
  </si>
  <si>
    <t>POINT (4.656541916981487 51.79259706407454)</t>
  </si>
  <si>
    <t>POINT (4.661718043526261 51.80410592951412)</t>
  </si>
  <si>
    <t>POINT (4.671843651490095 51.79249785029967)</t>
  </si>
  <si>
    <t>POINT (4.7049119492591265 51.79848912035264)</t>
  </si>
  <si>
    <t>POINT (4.670046924361357 51.79319025502983)</t>
  </si>
  <si>
    <t>POINT (4.6783716073506545 51.77554431380662)</t>
  </si>
  <si>
    <t>POINT (4.694353633806599 51.79166925572669)</t>
  </si>
  <si>
    <t>POINT (4.673117092041904 51.81860827710528)</t>
  </si>
  <si>
    <t>POINT (4.676665772260097 51.78940811485856)</t>
  </si>
  <si>
    <t>POINT (4.686762415873006 51.782595768365965)</t>
  </si>
  <si>
    <t>POINT (4.659904899336566 51.77093422112386)</t>
  </si>
  <si>
    <t>POINT (4.666879236084744 51.816602132667896)</t>
  </si>
  <si>
    <t>POINT (4.689944092095568 51.80661920343505)</t>
  </si>
  <si>
    <t>POINT (4.71816826064325 51.81270409231141)</t>
  </si>
  <si>
    <t>POINT (4.717111328631838 51.803545126067746)</t>
  </si>
  <si>
    <t>POINT (4.691535152349189 51.806845902872325)</t>
  </si>
  <si>
    <t>POINT (4.697289253023863 51.80039787204301)</t>
  </si>
  <si>
    <t>POINT (4.6765496775833 51.80884056884039)</t>
  </si>
  <si>
    <t>POINT (4.661451802185687 51.8006224407606)</t>
  </si>
  <si>
    <t>POINT (4.671766381384352 51.819310065871285)</t>
  </si>
  <si>
    <t>POINT (4.66599816722059 51.81738634063034)</t>
  </si>
  <si>
    <t>POINT (4.706591743894678 51.80805828436997)</t>
  </si>
  <si>
    <t>POINT (4.6787400170582005 51.807121228560206)</t>
  </si>
  <si>
    <t>POINT (4.685135679521339 51.8078998582301)</t>
  </si>
  <si>
    <t>POINT (4.7035172926951825 51.794005464695296)</t>
  </si>
  <si>
    <t>POINT (4.719343511181036 51.80349400597492)</t>
  </si>
  <si>
    <t>POINT (4.684294782714076 51.785058398820674)</t>
  </si>
  <si>
    <t>POINT (4.680340827548928 51.77367967136388)</t>
  </si>
  <si>
    <t>POINT (4.675154723162895 51.7825333847615)</t>
  </si>
  <si>
    <t>POINT (4.711404142806391 51.81084755326441)</t>
  </si>
  <si>
    <t>POINT (4.689224494910648 51.81038932810301)</t>
  </si>
  <si>
    <t>POINT (4.67215199179892 51.804345050614444)</t>
  </si>
  <si>
    <t>POINT (4.675019303326569 51.81402043338973)</t>
  </si>
  <si>
    <t>POINT (4.725945094552119 51.80512499948725)</t>
  </si>
  <si>
    <t>POINT (4.677360031476166 51.80735951097122)</t>
  </si>
  <si>
    <t>POINT (4.6851946355086005 51.78599296646044)</t>
  </si>
  <si>
    <t>POINT (4.684425148221873 51.782635252977244)</t>
  </si>
  <si>
    <t>POINT (4.6580222156769775 51.8100180463585)</t>
  </si>
  <si>
    <t>POINT (4.662848137211945 51.81503149356896)</t>
  </si>
  <si>
    <t>POINT (4.661839907843887 51.80447738553945)</t>
  </si>
  <si>
    <t>POINT (4.661031059041784 51.789340140788106)</t>
  </si>
  <si>
    <t>POINT (4.718805317013092 51.80218867546151)</t>
  </si>
  <si>
    <t>POINT (4.669822503662442 51.812664452431)</t>
  </si>
  <si>
    <t>POINT (4.668853872053885 51.81531429404573)</t>
  </si>
  <si>
    <t>POINT (4.718517343136231 51.80064889731883)</t>
  </si>
  <si>
    <t>POINT (4.712505324608896 51.793361398428814)</t>
  </si>
  <si>
    <t>POINT (4.66261958413565 51.78899480160487)</t>
  </si>
  <si>
    <t>POINT (4.72745474480908 51.798572706754406)</t>
  </si>
  <si>
    <t>POINT (4.664116394332388 51.787176264977504)</t>
  </si>
  <si>
    <t>POINT (4.672407742154417 51.80392984862155)</t>
  </si>
  <si>
    <t>POINT (4.736460125783644 51.80084791949696)</t>
  </si>
  <si>
    <t>POINT (4.695588626866821 51.7935209021957)</t>
  </si>
  <si>
    <t>POINT (4.6697486398847285 51.80403449049766)</t>
  </si>
  <si>
    <t>POINT (4.711776816491371 51.79920703428434)</t>
  </si>
  <si>
    <t>POINT (4.7283017752885526 51.796102802967894)</t>
  </si>
  <si>
    <t>POINT (4.674644340791454 51.81530897513206)</t>
  </si>
  <si>
    <t>POINT (4.676459726869298 51.77397559345846)</t>
  </si>
  <si>
    <t>POINT (4.728124096913995 51.80367436698106)</t>
  </si>
  <si>
    <t>POINT (4.675853604293679 51.81812999736726)</t>
  </si>
  <si>
    <t>POINT (4.6791436724495306 51.81387683467486)</t>
  </si>
  <si>
    <t>POINT (4.67969853263167 51.8145170640102)</t>
  </si>
  <si>
    <t>POINT (4.666480858594211 51.815371393427974)</t>
  </si>
  <si>
    <t>POINT (4.682706144065845 51.811388621548495)</t>
  </si>
  <si>
    <t>POINT (4.716923203037385 51.79511653515797)</t>
  </si>
  <si>
    <t>POINT (4.700914187121337 51.79778027479004)</t>
  </si>
  <si>
    <t>POINT (4.6731945669992045 51.77234261930734)</t>
  </si>
  <si>
    <t>POINT (4.71496784027141 51.81498622018897)</t>
  </si>
  <si>
    <t>POINT (4.724454612607282 51.79817134517285)</t>
  </si>
  <si>
    <t>POINT (4.682471349577294 51.814599661574206)</t>
  </si>
  <si>
    <t>POINT (4.637871328654403 51.77649313003875)</t>
  </si>
  <si>
    <t>POINT (4.667113405635325 51.796245422254266)</t>
  </si>
  <si>
    <t>POINT (4.649997778672295 51.793386284915876)</t>
  </si>
  <si>
    <t>POINT (4.6704702255751895 51.772818924786485)</t>
  </si>
  <si>
    <t>POINT (4.705662486421761 51.7958585011348)</t>
  </si>
  <si>
    <t>POINT (4.666095171238913 51.8162708310033)</t>
  </si>
  <si>
    <t>POINT (4.630803717264932 51.73133704955975)</t>
  </si>
  <si>
    <t>POINT (4.71226593263483 51.810659041409345)</t>
  </si>
  <si>
    <t>POINT (4.649558452588238 51.79495645814483)</t>
  </si>
  <si>
    <t>POINT (4.723274327438187 51.80454527003364)</t>
  </si>
  <si>
    <t>POINT (4.711206954375615 51.79351103719829)</t>
  </si>
  <si>
    <t>POINT (4.663995631752971 51.800541780399016)</t>
  </si>
  <si>
    <t>POINT (4.6547749769634414 51.79232833063584)</t>
  </si>
  <si>
    <t>POINT (4.669102987503111 51.79110554804148)</t>
  </si>
  <si>
    <t>POINT (4.661005508841524 51.80086735385315)</t>
  </si>
  <si>
    <t>POINT (4.664930766050934 51.771807543024046)</t>
  </si>
  <si>
    <t>POINT (4.683962697091892 51.81245316235843)</t>
  </si>
  <si>
    <t>POINT (4.673287987463458 51.81682908428275)</t>
  </si>
  <si>
    <t>POINT (4.731223155199539 51.80186533209396)</t>
  </si>
  <si>
    <t>POINT (4.668175207766035 51.79371289770422)</t>
  </si>
  <si>
    <t>POINT (4.688490591491854 51.8187885736877)</t>
  </si>
  <si>
    <t>POINT (4.663020886336042 51.80662369154648)</t>
  </si>
  <si>
    <t>POINT (4.677133592634392 51.79002799429119)</t>
  </si>
  <si>
    <t>POINT (4.674205720650326 51.80541521003245)</t>
  </si>
  <si>
    <t>POINT (4.679642575557007 51.789820432176974)</t>
  </si>
  <si>
    <t>POINT (4.666437909178514 51.81434043413492)</t>
  </si>
  <si>
    <t>POINT (4.65807095561452 51.8097085630554)</t>
  </si>
  <si>
    <t>POINT (4.68259254714423 51.77571973322034)</t>
  </si>
  <si>
    <t>POINT (4.675771797087628 51.816770307429536)</t>
  </si>
  <si>
    <t>POINT (4.679356176234315 51.78538888747802)</t>
  </si>
  <si>
    <t>POINT (4.672143694261344 51.817736220482296)</t>
  </si>
  <si>
    <t>POINT (4.6580918005677825 51.80731109439318)</t>
  </si>
  <si>
    <t>POINT (4.671537458242888 51.77959518244078)</t>
  </si>
  <si>
    <t>POINT (4.670179191047118 51.77050166121248)</t>
  </si>
  <si>
    <t>POINT (4.692458625271455 51.79557742630871)</t>
  </si>
  <si>
    <t>POINT (4.683116471801456 51.780758052681165)</t>
  </si>
  <si>
    <t>POINT (4.6797984039980225 51.7761610051011)</t>
  </si>
  <si>
    <t>POINT (4.679206938071656 51.785060223015314)</t>
  </si>
  <si>
    <t>POINT (4.668561659189846 51.80949955472233)</t>
  </si>
  <si>
    <t>POINT (4.681908310249464 51.781157317089104)</t>
  </si>
  <si>
    <t>POINT (4.653461145037308 51.7946310998824)</t>
  </si>
  <si>
    <t>POINT (4.698457552153531 51.79314831873438)</t>
  </si>
  <si>
    <t>POINT (4.663775000201109 51.81110658677385)</t>
  </si>
  <si>
    <t>POINT (4.688263344438938 51.805814821812284)</t>
  </si>
  <si>
    <t>POINT (4.681944219095423 51.79212104107973)</t>
  </si>
  <si>
    <t>POINT (4.685117981763566 51.789485700859565)</t>
  </si>
  <si>
    <t>POINT (4.681515952155007 51.78883168873362)</t>
  </si>
  <si>
    <t>POINT (4.663409918639498 51.81701930009841)</t>
  </si>
  <si>
    <t>POINT (4.719668395783085 51.811785960563995)</t>
  </si>
  <si>
    <t>POINT (4.695879414135745 51.79914764543991)</t>
  </si>
  <si>
    <t>POINT (4.708627576718642 51.79405739858221)</t>
  </si>
  <si>
    <t>POINT (4.714780190942371 51.81384860396814)</t>
  </si>
  <si>
    <t>POINT (4.656030943659326 51.78965250504967)</t>
  </si>
  <si>
    <t>POINT (4.690437693611708 51.80881821871827)</t>
  </si>
  <si>
    <t>POINT (4.696570498150243 51.79076438575457)</t>
  </si>
  <si>
    <t>POINT (4.718359941931067 51.79877062187389)</t>
  </si>
  <si>
    <t>POINT (4.666959935123893 51.793899113610244)</t>
  </si>
  <si>
    <t>POINT (4.715777595178894 51.813374429244064)</t>
  </si>
  <si>
    <t>POINT (4.717403132135056 51.798659169452996)</t>
  </si>
  <si>
    <t>POINT (4.672632253900915 51.81788393168033)</t>
  </si>
  <si>
    <t>POINT (4.65094040546087 51.80304101492564)</t>
  </si>
  <si>
    <t>POINT (4.676645663205378 51.78387181875248)</t>
  </si>
  <si>
    <t>POINT (4.664587299239121 51.79962039946648)</t>
  </si>
  <si>
    <t>POINT (4.668991358352074 51.779025016169456)</t>
  </si>
  <si>
    <t>POINT (4.669300304140117 51.812360291196185)</t>
  </si>
  <si>
    <t>POINT (4.683191442424312 51.81018551562455)</t>
  </si>
  <si>
    <t>POINT (4.630354358568102 51.728902994907415)</t>
  </si>
  <si>
    <t>POINT (4.6645773387951674 51.80941886246915)</t>
  </si>
  <si>
    <t>POINT (4.6915336343764515 51.80692174021529)</t>
  </si>
  <si>
    <t>POINT (4.682219450527587 51.780556998716214)</t>
  </si>
  <si>
    <t>POINT (4.656111307580683 51.80069897434177)</t>
  </si>
  <si>
    <t>POINT (4.710165711352725 51.792008366588995)</t>
  </si>
  <si>
    <t>POINT (4.711998779564711 51.80076870624096)</t>
  </si>
  <si>
    <t>POINT (4.678774310527394 51.786369861767255)</t>
  </si>
  <si>
    <t>POINT (4.669336855165935 51.77905780073092)</t>
  </si>
  <si>
    <t>POINT (4.674047722768095 51.8035647569525)</t>
  </si>
  <si>
    <t>POINT (4.734349421767551 51.800207583142914)</t>
  </si>
  <si>
    <t>POINT (4.662550093476705 51.792006379454946)</t>
  </si>
  <si>
    <t>POINT (4.701275567847572 51.78963903126253)</t>
  </si>
  <si>
    <t>POINT (4.69128180599859 51.80706684309047)</t>
  </si>
  <si>
    <t>POINT (4.665991401891849 51.814824895205035)</t>
  </si>
  <si>
    <t>POINT (4.692730045336201 51.81844913846422)</t>
  </si>
  <si>
    <t>POINT (4.689713604494817 51.808621334966396)</t>
  </si>
  <si>
    <t>POINT (4.679519387656395 51.80765591260665)</t>
  </si>
  <si>
    <t>POINT (4.67531017213833 51.805313862986296)</t>
  </si>
  <si>
    <t>POINT (4.663381154673447 51.81094228995683)</t>
  </si>
  <si>
    <t>POINT (4.6756996739653 51.816401739370654)</t>
  </si>
  <si>
    <t>POINT (4.7226766438355545 51.79795923277398)</t>
  </si>
  <si>
    <t>POINT (4.657731510236202 51.81363832974183)</t>
  </si>
  <si>
    <t>POINT (4.678332592669898 51.78469926876288)</t>
  </si>
  <si>
    <t>POINT (4.685234272176254 51.813070835952516)</t>
  </si>
  <si>
    <t>POINT (4.6541447735717485 51.791074253505386)</t>
  </si>
  <si>
    <t>POINT (4.666723893357912 51.810653605212075)</t>
  </si>
  <si>
    <t>POINT (4.6807047481765816 51.80527981662588)</t>
  </si>
  <si>
    <t>POINT (4.65781517632113 51.783855384846426)</t>
  </si>
  <si>
    <t>POINT (4.692116090269905 51.81780183561145)</t>
  </si>
  <si>
    <t>POINT (4.729178934278864 51.79554101873213)</t>
  </si>
  <si>
    <t>POINT (4.696875484614642 51.79987675634416)</t>
  </si>
  <si>
    <t>POINT (4.685616471103511 51.80798910590715)</t>
  </si>
  <si>
    <t>POINT (4.718880052680898 51.80356063366827)</t>
  </si>
  <si>
    <t>POINT (4.664979978006158 51.81383256325218)</t>
  </si>
  <si>
    <t>POINT (4.713288959126242 51.816092413893564)</t>
  </si>
  <si>
    <t>POINT (4.661763985308796 51.79436986438933)</t>
  </si>
  <si>
    <t>POINT (4.6727791198176245 51.811383392075314)</t>
  </si>
  <si>
    <t>POINT (4.723898546726394 51.802276085292775)</t>
  </si>
  <si>
    <t>POINT (4.671163484720635 51.80586868050032)</t>
  </si>
  <si>
    <t>POINT (4.683206107929468 51.798197392256434)</t>
  </si>
  <si>
    <t>POINT (4.719789622970792 51.81137489864235)</t>
  </si>
  <si>
    <t>POINT (4.661352427750923 51.81564339684692)</t>
  </si>
  <si>
    <t>POINT (4.675994327592363 51.81231306999427)</t>
  </si>
  <si>
    <t>POINT (4.673263112807187 51.81585022874568)</t>
  </si>
  <si>
    <t>POINT (4.6694429197880964 51.81318709701572)</t>
  </si>
  <si>
    <t>POINT (4.674132772020018 51.80372808582623)</t>
  </si>
  <si>
    <t>POINT (4.682880074808299 51.7780344059387)</t>
  </si>
  <si>
    <t>POINT (4.665420865839549 51.8120496387288)</t>
  </si>
  <si>
    <t>POINT (4.683837794924996 51.79808031909961)</t>
  </si>
  <si>
    <t>POINT (4.713242222442326 51.82037203860929)</t>
  </si>
  <si>
    <t>POINT (4.6721776430773945 51.80371394074376)</t>
  </si>
  <si>
    <t>POINT (4.711930524115113 51.801107536221494)</t>
  </si>
  <si>
    <t>POINT (4.70759089709165 51.78664791774749)</t>
  </si>
  <si>
    <t>POINT (4.670431574727721 51.77272730029689)</t>
  </si>
  <si>
    <t>POINT (4.658515929721897 51.81285094043852)</t>
  </si>
  <si>
    <t>POINT (4.685533279354833 51.774627438388514)</t>
  </si>
  <si>
    <t>POINT (4.698287253805683 51.79296729370278)</t>
  </si>
  <si>
    <t>POINT (4.658945032669471 51.800032512447174)</t>
  </si>
  <si>
    <t>POINT (4.687660924429106 51.807345956950904)</t>
  </si>
  <si>
    <t>POINT (4.704409424573123 51.78818740466622)</t>
  </si>
  <si>
    <t>POINT (4.730163392499683 51.797008089500046)</t>
  </si>
  <si>
    <t>POINT (4.696902774771658 51.81811350838271)</t>
  </si>
  <si>
    <t>POINT (4.66953191596638 51.807883197736444)</t>
  </si>
  <si>
    <t>POINT (4.634980438367852 51.77813527668942)</t>
  </si>
  <si>
    <t>POINT (4.681515714867934 51.77750691877088)</t>
  </si>
  <si>
    <t>POINT (4.716104536999949 51.801386114518984)</t>
  </si>
  <si>
    <t>POINT (4.673727631524477 51.7880281708141)</t>
  </si>
  <si>
    <t>POINT (4.732876642428597 51.800224861982265)</t>
  </si>
  <si>
    <t>POINT (4.669921743407382 51.815880073907216)</t>
  </si>
  <si>
    <t>POINT (4.7114473688316885 51.80973790242914)</t>
  </si>
  <si>
    <t>POINT (4.64182221377391 51.799322467993754)</t>
  </si>
  <si>
    <t>POINT (4.652759382272058 51.80228360224068)</t>
  </si>
  <si>
    <t>POINT (4.69810564688709 51.79154052466178)</t>
  </si>
  <si>
    <t>POINT (4.661701469544652 51.81661569423907)</t>
  </si>
  <si>
    <t>POINT (4.710589891956803 51.80978779224351)</t>
  </si>
  <si>
    <t>POINT (4.674166047690064 51.81897710463907)</t>
  </si>
  <si>
    <t>POINT (4.684974958391144 51.77639541026783)</t>
  </si>
  <si>
    <t>POINT (4.685295211371174 51.78947412331996)</t>
  </si>
  <si>
    <t>POINT (4.6834651509703 51.78134281947257)</t>
  </si>
  <si>
    <t>POINT (4.676118014391586 51.78633283710579)</t>
  </si>
  <si>
    <t>POINT (4.666315298829326 51.8134901252032)</t>
  </si>
  <si>
    <t>POINT (4.668505214991816 51.81813959117688)</t>
  </si>
  <si>
    <t>POINT (4.6773079188010245 51.77969138141431)</t>
  </si>
  <si>
    <t>POINT (4.721512683234361 51.800566353424294)</t>
  </si>
  <si>
    <t>POINT (4.677571625381461 51.808568832590716)</t>
  </si>
  <si>
    <t>POINT (4.665996860321166 51.78038790118858)</t>
  </si>
  <si>
    <t>3317ZV</t>
  </si>
  <si>
    <t>POINT (4.651736390060904 51.796363372579975)</t>
  </si>
  <si>
    <t>POINT (4.7029174282219595 51.79054302856755)</t>
  </si>
  <si>
    <t>POINT (4.69100855937278 51.806143156081745)</t>
  </si>
  <si>
    <t>POINT (4.668505231894556 51.79060495626597)</t>
  </si>
  <si>
    <t>POINT (4.717413630072302 51.80232781177716)</t>
  </si>
  <si>
    <t>POINT (4.726449410195937 51.79895206899921)</t>
  </si>
  <si>
    <t>POINT (4.7282047360007695 51.801092851343554)</t>
  </si>
  <si>
    <t>POINT (4.716997991288526 51.80133721746925)</t>
  </si>
  <si>
    <t>POINT (4.65939165136865 51.803202217057326)</t>
  </si>
  <si>
    <t>POINT (4.675868326437248 51.78511167374929)</t>
  </si>
  <si>
    <t>POINT (4.656706917552021 51.81360044204634)</t>
  </si>
  <si>
    <t>POINT (4.661062476309857 51.81635981660731)</t>
  </si>
  <si>
    <t>POINT (4.6757397402963194 51.803241126146446)</t>
  </si>
  <si>
    <t>POINT (4.667594358289871 51.79065524613769)</t>
  </si>
  <si>
    <t>POINT (4.69170391981612 51.81819254841756)</t>
  </si>
  <si>
    <t>POINT (4.6789612009457695 51.77450752271623)</t>
  </si>
  <si>
    <t>POINT (4.729403065886467 51.80049917036777)</t>
  </si>
  <si>
    <t>POINT (4.671154530695251 51.81787733405918)</t>
  </si>
  <si>
    <t>POINT (4.667311971115912 51.79480812594869)</t>
  </si>
  <si>
    <t>POINT (4.705859737384002 51.79438642274307)</t>
  </si>
  <si>
    <t>POINT (4.669029788307261 51.813002971263735)</t>
  </si>
  <si>
    <t>POINT (4.704276956498071 51.80834490381297)</t>
  </si>
  <si>
    <t>POINT (4.685017875735499 51.77771252069313)</t>
  </si>
  <si>
    <t>POINT (4.696733453221529 51.79074422157763)</t>
  </si>
  <si>
    <t>POINT (4.667755320039324 51.79886547454029)</t>
  </si>
  <si>
    <t>POINT (4.711676468988942 51.805040586214865)</t>
  </si>
  <si>
    <t>POINT (4.672060899020893 51.80597670518361)</t>
  </si>
  <si>
    <t>POINT (4.6881468764252645 51.807844919413306)</t>
  </si>
  <si>
    <t>POINT (4.666251024132741 51.78747407595299)</t>
  </si>
  <si>
    <t>POINT (4.663213389339923 51.81647895603837)</t>
  </si>
  <si>
    <t>POINT (4.7081563626283955 51.80643969311685)</t>
  </si>
  <si>
    <t>POINT (4.66994224203443 51.817412884468986)</t>
  </si>
  <si>
    <t>POINT (4.6693533602558706 51.80288343573762)</t>
  </si>
  <si>
    <t>POINT (4.680892553668861 51.78125916823972)</t>
  </si>
  <si>
    <t>POINT (4.686459763049981 51.80413962397557)</t>
  </si>
  <si>
    <t>POINT (4.684439354665198 51.80070147159851)</t>
  </si>
  <si>
    <t>POINT (4.6658931313532 51.800403107160825)</t>
  </si>
  <si>
    <t>POINT (4.675279645492664 51.77575599387028)</t>
  </si>
  <si>
    <t>POINT (4.714729996507022 51.808589656232385)</t>
  </si>
  <si>
    <t>POINT (4.722356050600777 51.79801853037165)</t>
  </si>
  <si>
    <t>POINT (4.660229402154525 51.80865588741735)</t>
  </si>
  <si>
    <t>POINT (4.677103776337194 51.77396407007271)</t>
  </si>
  <si>
    <t>POINT (4.679827460153874 51.8057305626272)</t>
  </si>
  <si>
    <t>POINT (4.661398863010241 51.80384532397379)</t>
  </si>
  <si>
    <t>POINT (4.695325379636348 51.799496196137206)</t>
  </si>
  <si>
    <t>POINT (4.753730477756172 51.78964108376854)</t>
  </si>
  <si>
    <t>POINT (4.688731962105126 51.80391056742867)</t>
  </si>
  <si>
    <t>POINT (4.727742323761169 51.79784417594517)</t>
  </si>
  <si>
    <t>POINT (4.68002016802888 51.78988547703758)</t>
  </si>
  <si>
    <t>POINT (4.733307764007941 51.801275861785534)</t>
  </si>
  <si>
    <t>POINT (4.727503688370839 51.795865656061984)</t>
  </si>
  <si>
    <t>POINT (4.667673645208417 51.81918373446088)</t>
  </si>
  <si>
    <t>POINT (4.633600648583262 51.778941419585216)</t>
  </si>
  <si>
    <t>POINT (4.712259464908162 51.80843289463468)</t>
  </si>
  <si>
    <t>POINT (4.660076872148468 51.81296917891535)</t>
  </si>
  <si>
    <t>POINT (4.655269629190308 51.79513732383969)</t>
  </si>
  <si>
    <t>POINT (4.683870093520945 51.80442359642832)</t>
  </si>
  <si>
    <t>POINT (4.684291755247037 51.80734477141273)</t>
  </si>
  <si>
    <t>POINT (4.658971617363284 51.79355882601361)</t>
  </si>
  <si>
    <t>POINT (4.675316933283077 51.81428503195102)</t>
  </si>
  <si>
    <t>POINT (4.654068837501013 51.811872670460616)</t>
  </si>
  <si>
    <t>POINT (4.682411022766235 51.805204622350914)</t>
  </si>
  <si>
    <t>POINT (4.661171062627183 51.8007511927848)</t>
  </si>
  <si>
    <t>POINT (4.663652944711171 51.803817501910835)</t>
  </si>
  <si>
    <t>POINT (4.661205370267095 51.78866090936253)</t>
  </si>
  <si>
    <t>POINT (4.709979922282363 51.795935645159524)</t>
  </si>
  <si>
    <t>POINT (4.677957744819417 51.787821455689695)</t>
  </si>
  <si>
    <t>POINT (4.679309316501563 51.786309199915216)</t>
  </si>
  <si>
    <t>POINT (4.672149815562947 51.793121132203154)</t>
  </si>
  <si>
    <t>POINT (4.728182919497102 51.7973112789265)</t>
  </si>
  <si>
    <t>POINT (4.724507516460922 51.804870798493916)</t>
  </si>
  <si>
    <t>POINT (4.634465781790183 51.78359198658653)</t>
  </si>
  <si>
    <t>POINT (4.663438235673675 51.80456775802137)</t>
  </si>
  <si>
    <t>POINT (4.649298276861045 51.804916286199195)</t>
  </si>
  <si>
    <t>POINT (4.691992186319582 51.80731749612227)</t>
  </si>
  <si>
    <t>POINT (4.672727567322825 51.80501038437106)</t>
  </si>
  <si>
    <t>POINT (4.653299026362776 51.79349739164815)</t>
  </si>
  <si>
    <t>POINT (4.669971681782665 51.803991530872125)</t>
  </si>
  <si>
    <t>POINT (4.666401280864935 51.81193004801141)</t>
  </si>
  <si>
    <t>POINT (4.667123538551585 51.79629356497566)</t>
  </si>
  <si>
    <t>POINT (4.661684671551502 51.78686411955648)</t>
  </si>
  <si>
    <t>POINT (4.661058324119841 51.79735826866317)</t>
  </si>
  <si>
    <t>POINT (4.709144583940746 51.79471816909964)</t>
  </si>
  <si>
    <t>POINT (4.665125902314847 51.789435412334704)</t>
  </si>
  <si>
    <t>POINT (4.715758877509865 51.81325045873364)</t>
  </si>
  <si>
    <t>POINT (4.666320903886917 51.796053123151715)</t>
  </si>
  <si>
    <t>POINT (4.665197768089972 51.81068878229599)</t>
  </si>
  <si>
    <t>POINT (4.672800994533869 51.78257854225274)</t>
  </si>
  <si>
    <t>POINT (4.655853774773698 51.78461056582975)</t>
  </si>
  <si>
    <t>POINT (4.667600797117181 51.79068503823204)</t>
  </si>
  <si>
    <t>POINT (4.6836610180374665 51.81091775308607)</t>
  </si>
  <si>
    <t>POINT (4.69886892812899 51.79685573697563)</t>
  </si>
  <si>
    <t>POINT (4.651138165251668 51.80331932342181)</t>
  </si>
  <si>
    <t>POINT (4.725011781745358 51.79648082332796)</t>
  </si>
  <si>
    <t>POINT (4.651010550402904 51.7933268743093)</t>
  </si>
  <si>
    <t>POINT (4.671552638818513 51.80022979239449)</t>
  </si>
  <si>
    <t>POINT (4.65656210761253 51.80117258353807)</t>
  </si>
  <si>
    <t>POINT (4.695959829427873 51.814181122855565)</t>
  </si>
  <si>
    <t>POINT (4.653839819226684 51.79444703280508)</t>
  </si>
  <si>
    <t>POINT (4.671670167102477 51.79259583873975)</t>
  </si>
  <si>
    <t>POINT (4.661146735912107 51.794699104373834)</t>
  </si>
  <si>
    <t>POINT (4.727737216778764 51.797800821976296)</t>
  </si>
  <si>
    <t>POINT (4.722969263684687 51.802764493606375)</t>
  </si>
  <si>
    <t>POINT (4.663491491357377 51.813454075452235)</t>
  </si>
  <si>
    <t>POINT (4.668726150692393 51.80207577447564)</t>
  </si>
  <si>
    <t>POINT (4.7173001609227265 51.79544752910776)</t>
  </si>
  <si>
    <t>POINT (4.67372219743291 51.81763563527905)</t>
  </si>
  <si>
    <t>POINT (4.728850144240131 51.80278853178455)</t>
  </si>
  <si>
    <t>POINT (4.659023508871572 51.78878430197444)</t>
  </si>
  <si>
    <t>POINT (4.659229274509987 51.79896652689693)</t>
  </si>
  <si>
    <t>POINT (4.724277401657233 51.80488236141356)</t>
  </si>
  <si>
    <t>POINT (4.6777154413217525 51.80753303847771)</t>
  </si>
  <si>
    <t>POINT (4.661525099306098 51.78746051312543)</t>
  </si>
  <si>
    <t>POINT (4.662698542883882 51.80908257040429)</t>
  </si>
  <si>
    <t>POINT (4.670048612765046 51.77274927362412)</t>
  </si>
  <si>
    <t>POINT (4.6764339052308195 51.815683499656046)</t>
  </si>
  <si>
    <t>POINT (4.704886947667564 51.78789769169691)</t>
  </si>
  <si>
    <t>POINT (4.671851168944872 51.81770536846986)</t>
  </si>
  <si>
    <t>POINT (4.706754338090875 51.78810643288713)</t>
  </si>
  <si>
    <t>POINT (4.673544772421861 51.80991092399993)</t>
  </si>
  <si>
    <t>POINT (4.70518991811333 51.815712499580926)</t>
  </si>
  <si>
    <t>POINT (4.670051550435856 51.81438639251405)</t>
  </si>
  <si>
    <t>POINT (4.710313772108754 51.79255278341478)</t>
  </si>
  <si>
    <t>POINT (4.680292840942941 51.81021187396528)</t>
  </si>
  <si>
    <t>POINT (4.682634325885744 51.775472570153845)</t>
  </si>
  <si>
    <t>POINT (4.705526336110688 51.79785851452986)</t>
  </si>
  <si>
    <t>POINT (4.651022533147316 51.79309003402501)</t>
  </si>
  <si>
    <t>POINT (4.680493189807501 51.773103640408515)</t>
  </si>
  <si>
    <t>POINT (4.711088513721963 51.7996125211893)</t>
  </si>
  <si>
    <t>POINT (4.653349459726834 51.80017730452739)</t>
  </si>
  <si>
    <t>POINT (4.69829138210801 51.817935935175136)</t>
  </si>
  <si>
    <t>POINT (4.660628295988014 51.81103451717723)</t>
  </si>
  <si>
    <t>POINT (4.712039661361497 51.8042224443188)</t>
  </si>
  <si>
    <t>POINT (4.7027183634704866 51.79054835708409)</t>
  </si>
  <si>
    <t>POINT (4.6375219191646195 51.76661729932774)</t>
  </si>
  <si>
    <t>POINT (4.7248107924625895 51.79851002629195)</t>
  </si>
  <si>
    <t>POINT (4.672130588815813 51.81749448028732)</t>
  </si>
  <si>
    <t>POINT (4.710451222914271 51.80351714070015)</t>
  </si>
  <si>
    <t>POINT (4.66984625638856 51.80457173874723)</t>
  </si>
  <si>
    <t>POINT (4.711003737064638 51.80482130738307)</t>
  </si>
  <si>
    <t>POINT (4.651238221530104 51.788754503577934)</t>
  </si>
  <si>
    <t>POINT (4.661451231223889 51.799574966535666)</t>
  </si>
  <si>
    <t>POINT (4.672499143208062 51.79584226833714)</t>
  </si>
  <si>
    <t>POINT (4.686467659085288 51.8113107665363)</t>
  </si>
  <si>
    <t>POINT (4.691280067815974 51.792146950822264)</t>
  </si>
  <si>
    <t>POINT (4.6789986047661545 51.78061842240502)</t>
  </si>
  <si>
    <t>POINT (4.678512586046016 51.78708511132692)</t>
  </si>
  <si>
    <t>POINT (4.682404032596394 51.802158048966525)</t>
  </si>
  <si>
    <t>POINT (4.666273194782826 51.77320277134101)</t>
  </si>
  <si>
    <t>POINT (4.706446408450996 51.790292155986926)</t>
  </si>
  <si>
    <t>POINT (4.665001368892981 51.81377281231937)</t>
  </si>
  <si>
    <t>POINT (4.682341452081276 51.798716717296756)</t>
  </si>
  <si>
    <t>POINT (4.663045909636883 51.79523151289261)</t>
  </si>
  <si>
    <t>POINT (4.665745430985517 51.809424063348736)</t>
  </si>
  <si>
    <t>POINT (4.665723988039615 51.81840438446264)</t>
  </si>
  <si>
    <t>POINT (4.678070187433552 51.78766199288699)</t>
  </si>
  <si>
    <t>POINT (4.6360433510259975 51.77603048066127)</t>
  </si>
  <si>
    <t>POINT (4.660290877382367 51.80999745227467)</t>
  </si>
  <si>
    <t>POINT (4.659295907635665 51.813172290590614)</t>
  </si>
  <si>
    <t>POINT (4.672567469477769 51.78367647416483)</t>
  </si>
  <si>
    <t>POINT (4.683091478977629 51.79796889529424)</t>
  </si>
  <si>
    <t>POINT (4.6545815814167835 51.78724410511529)</t>
  </si>
  <si>
    <t>POINT (4.670743384276217 51.782345085882554)</t>
  </si>
  <si>
    <t>POINT (4.668839315204599 51.80189531835364)</t>
  </si>
  <si>
    <t>POINT (4.680512743946332 51.774422788012444)</t>
  </si>
  <si>
    <t>POINT (4.6835608798837605 51.78252155112711)</t>
  </si>
  <si>
    <t>POINT (4.633796307115838 51.7836077962452)</t>
  </si>
  <si>
    <t>POINT (4.702115332086423 51.81591661146685)</t>
  </si>
  <si>
    <t>POINT (4.724797551181128 51.80621590497594)</t>
  </si>
  <si>
    <t>POINT (4.655186998753989 51.795139208280894)</t>
  </si>
  <si>
    <t>POINT (4.676537399131171 51.81449477293153)</t>
  </si>
  <si>
    <t>POINT (4.654900328657 51.787245852698426)</t>
  </si>
  <si>
    <t>POINT (4.649870693536614 51.79252610235857)</t>
  </si>
  <si>
    <t>POINT (4.672370669541509 51.77528755234979)</t>
  </si>
  <si>
    <t>POINT (4.668165622280409 51.81409445983541)</t>
  </si>
  <si>
    <t>POINT (4.6656057048460235 51.78072321932341)</t>
  </si>
  <si>
    <t>POINT (4.664984758402229 51.780263759736236)</t>
  </si>
  <si>
    <t>POINT (4.689642714979533 51.80854891439426)</t>
  </si>
  <si>
    <t>POINT (4.68265509862374 51.80451840970372)</t>
  </si>
  <si>
    <t>POINT (4.657929358341319 51.81355173096571)</t>
  </si>
  <si>
    <t>POINT (4.6824516503172156 51.80919217773865)</t>
  </si>
  <si>
    <t>POINT (4.66487514956963 51.81306264895837)</t>
  </si>
  <si>
    <t>POINT (4.684554429503855 51.77982847128982)</t>
  </si>
  <si>
    <t>POINT (4.674178640012341 51.7847146043848)</t>
  </si>
  <si>
    <t>POINT (4.661791533984908 51.79497342825996)</t>
  </si>
  <si>
    <t>POINT (4.689444643871103 51.800194352073845)</t>
  </si>
  <si>
    <t>3317JM</t>
  </si>
  <si>
    <t>POINT (4.668841343205831 51.793787863341905)</t>
  </si>
  <si>
    <t>POINT (4.664707192578964 51.79925041712608)</t>
  </si>
  <si>
    <t>POINT (4.672125131389277 51.788551398222715)</t>
  </si>
  <si>
    <t>POINT (4.669393987535683 51.816360608474646)</t>
  </si>
  <si>
    <t>POINT (4.662756321055968 51.79805821670225)</t>
  </si>
  <si>
    <t>POINT (4.66762883284394 51.77277215061693)</t>
  </si>
  <si>
    <t>POINT (4.679255616109038 51.78598512101931)</t>
  </si>
  <si>
    <t>POINT (4.662807126639826 51.80144540773679)</t>
  </si>
  <si>
    <t>POINT (4.711306004630789 51.79350998992544)</t>
  </si>
  <si>
    <t>POINT (4.660647103922011 51.79597759330082)</t>
  </si>
  <si>
    <t>POINT (4.685091104262326 51.78560865558483)</t>
  </si>
  <si>
    <t>POINT (4.661482219872205 51.78742759187809)</t>
  </si>
  <si>
    <t>POINT (4.73381304237049 51.79587745759129)</t>
  </si>
  <si>
    <t>POINT (4.694921027174964 51.795239985570475)</t>
  </si>
  <si>
    <t>POINT (4.657297864821518 51.79797974756319)</t>
  </si>
  <si>
    <t>POINT (4.683522893734619 51.812818746615164)</t>
  </si>
  <si>
    <t>POINT (4.667858021540293 51.81615708452045)</t>
  </si>
  <si>
    <t>POINT (4.721910530062461 51.80247642281531)</t>
  </si>
  <si>
    <t>POINT (4.656199351298221 51.79297241079522)</t>
  </si>
  <si>
    <t>POINT (4.6614980062795555 51.78978828594887)</t>
  </si>
  <si>
    <t>POINT (4.66554152321196 51.79820427924142)</t>
  </si>
  <si>
    <t>POINT (4.66994848605084 51.81463039838373)</t>
  </si>
  <si>
    <t>POINT (4.685710045296184 51.813543958673264)</t>
  </si>
  <si>
    <t>POINT (4.665799876263562 51.81648730616807)</t>
  </si>
  <si>
    <t>POINT (4.670138122721523 51.81240005594104)</t>
  </si>
  <si>
    <t>POINT (4.6563146761032455 51.78812959888922)</t>
  </si>
  <si>
    <t>POINT (4.714236698723213 51.8161030476474)</t>
  </si>
  <si>
    <t>POINT (4.666838885388043 51.814108210792014)</t>
  </si>
  <si>
    <t>POINT (4.6844278537028545 51.804239147024056)</t>
  </si>
  <si>
    <t>POINT (4.717636482182947 51.81424859688158)</t>
  </si>
  <si>
    <t>POINT (4.672127743124305 51.798876357604605)</t>
  </si>
  <si>
    <t>POINT (4.662578286726053 51.81387021607587)</t>
  </si>
  <si>
    <t>POINT (4.658207565746504 51.795516557608686)</t>
  </si>
  <si>
    <t>POINT (4.728242431589393 51.79856838734575)</t>
  </si>
  <si>
    <t>POINT (4.697289345335479 51.79084555850374)</t>
  </si>
  <si>
    <t>POINT (4.654141192306124 51.80357915559284)</t>
  </si>
  <si>
    <t>POINT (4.712699791681488 51.816346346968764)</t>
  </si>
  <si>
    <t>POINT (4.639293042630175 51.76171428740167)</t>
  </si>
  <si>
    <t>POINT (4.664483393481024 51.81007168026972)</t>
  </si>
  <si>
    <t>POINT (4.6670575437304 51.796263074744395)</t>
  </si>
  <si>
    <t>POINT (4.675724563436424 51.8137872036248)</t>
  </si>
  <si>
    <t>POINT (4.7346252984572965 51.7982858640623)</t>
  </si>
  <si>
    <t>POINT (4.683710084108133 51.79803044825719)</t>
  </si>
  <si>
    <t>POINT (4.678039882357105 51.78762224145258)</t>
  </si>
  <si>
    <t>POINT (4.658612988766438 51.813161598765504)</t>
  </si>
  <si>
    <t>POINT (4.665238207685132 51.817253768217824)</t>
  </si>
  <si>
    <t>POINT (4.660859389216745 51.7893571183231)</t>
  </si>
  <si>
    <t>POINT (4.683453999457904 51.79797325458236)</t>
  </si>
  <si>
    <t>POINT (4.730003666882666 51.80388029521997)</t>
  </si>
  <si>
    <t>POINT (4.673122724476094 51.81602144471432)</t>
  </si>
  <si>
    <t>POINT (4.685487799535025 51.78484992088698)</t>
  </si>
  <si>
    <t>POINT (4.661529848703525 51.81269136182025)</t>
  </si>
  <si>
    <t>POINT (4.704962613221164 51.788535572433254)</t>
  </si>
  <si>
    <t>POINT (4.659754364763183 51.79627140302304)</t>
  </si>
  <si>
    <t>POINT (4.7120114982555545 51.8052851810405)</t>
  </si>
  <si>
    <t>POINT (4.6681580911819 51.79348626864969)</t>
  </si>
  <si>
    <t>POINT (4.68116700085931 51.78132205154916)</t>
  </si>
  <si>
    <t>POINT (4.674058556042238 51.77498014861785)</t>
  </si>
  <si>
    <t>POINT (4.662815531977998 51.81249275418793)</t>
  </si>
  <si>
    <t>POINT (4.7340747245638 51.79888552467698)</t>
  </si>
  <si>
    <t>POINT (4.67191221438188 51.805959601312836)</t>
  </si>
  <si>
    <t>POINT (4.650888934612702 51.774291288589076)</t>
  </si>
  <si>
    <t>POINT (4.664567079969356 51.809601143722176)</t>
  </si>
  <si>
    <t>POINT (4.690462807561609 51.806965822309785)</t>
  </si>
  <si>
    <t>POINT (4.676657894125362 51.80844868876655)</t>
  </si>
  <si>
    <t>POINT (4.663550170591488 51.798048500163276)</t>
  </si>
  <si>
    <t>POINT (4.667411367770574 51.776923360493804)</t>
  </si>
  <si>
    <t>POINT (4.668422407849947 51.79626451430081)</t>
  </si>
  <si>
    <t>POINT (4.6771903506940085 51.789942522774645)</t>
  </si>
  <si>
    <t>POINT (4.665557345313259 51.77346072254487)</t>
  </si>
  <si>
    <t>POINT (4.681055244796704 51.806540035059996)</t>
  </si>
  <si>
    <t>POINT (4.685315286330914 51.81161821329058)</t>
  </si>
  <si>
    <t>POINT (4.654234785372448 51.78792061365341)</t>
  </si>
  <si>
    <t>POINT (4.637433154410122 51.783164790876135)</t>
  </si>
  <si>
    <t>POINT (4.675941811016738 51.815137315151254)</t>
  </si>
  <si>
    <t>POINT (4.67015883441568 51.805353085004874)</t>
  </si>
  <si>
    <t>POINT (4.714499218899743 51.79554144287866)</t>
  </si>
  <si>
    <t>POINT (4.659378679698635 51.79616117263255)</t>
  </si>
  <si>
    <t>POINT (4.685270299399619 51.784551156806884)</t>
  </si>
  <si>
    <t>POINT (4.657660396783781 51.8023410090236)</t>
  </si>
  <si>
    <t>POINT (4.659613139307176 51.795833676382934)</t>
  </si>
  <si>
    <t>POINT (4.655223493946836 51.78834928374695)</t>
  </si>
  <si>
    <t>POINT (4.7262054998400105 51.79634179475127)</t>
  </si>
  <si>
    <t>POINT (4.677714947667605 51.790705115302806)</t>
  </si>
  <si>
    <t>POINT (4.670191099334982 51.78488900240493)</t>
  </si>
  <si>
    <t>POINT (4.659036748232141 51.80666735839333)</t>
  </si>
  <si>
    <t>POINT (4.679237021113091 51.80294587831406)</t>
  </si>
  <si>
    <t>POINT (4.71971596198688 51.80202730875355)</t>
  </si>
  <si>
    <t>POINT (4.714058569926195 51.815746822174255)</t>
  </si>
  <si>
    <t>POINT (4.660033737615173 51.81091230960761)</t>
  </si>
  <si>
    <t>POINT (4.67396630925978 51.783561779957004)</t>
  </si>
  <si>
    <t>POINT (4.701804793817662 51.816860161055935)</t>
  </si>
  <si>
    <t>POINT (4.6747737025988965 51.80714857595055)</t>
  </si>
  <si>
    <t>POINT (4.658618286284206 51.80995587066908)</t>
  </si>
  <si>
    <t>POINT (4.71842586988952 51.80564832815377)</t>
  </si>
  <si>
    <t>POINT (4.675495658213125 51.8039444662938)</t>
  </si>
  <si>
    <t>POINT (4.658316410964169 51.807001472108894)</t>
  </si>
  <si>
    <t>POINT (4.678767867334588 51.81726154950444)</t>
  </si>
  <si>
    <t>POINT (4.709387890571049 51.81853417426621)</t>
  </si>
  <si>
    <t>POINT (4.671161992571271 51.78548389978717)</t>
  </si>
  <si>
    <t>POINT (4.657808534764102 51.806311858827115)</t>
  </si>
  <si>
    <t>POINT (4.686149919145249 51.789300602030856)</t>
  </si>
  <si>
    <t>POINT (4.681275981131815 51.79873609102756)</t>
  </si>
  <si>
    <t>POINT (4.657703383979392 51.76727197685633)</t>
  </si>
  <si>
    <t>POINT (4.654877471246909 51.789699709662735)</t>
  </si>
  <si>
    <t>POINT (4.682059684592537 51.803921346878816)</t>
  </si>
  <si>
    <t>POINT (4.673806433616426 51.78328730847931)</t>
  </si>
  <si>
    <t>POINT (4.714514730688339 51.810699225233506)</t>
  </si>
  <si>
    <t>POINT (4.675889139427273 51.78511161119693)</t>
  </si>
  <si>
    <t>POINT (4.669789185107755 51.80828306832056)</t>
  </si>
  <si>
    <t>POINT (4.676662799067792 51.80522218833337)</t>
  </si>
  <si>
    <t>POINT (4.6831964989967085 51.77725476508862)</t>
  </si>
  <si>
    <t>POINT (4.668542065429469 51.770229520325564)</t>
  </si>
  <si>
    <t>POINT (4.687086180045327 51.78087654629848)</t>
  </si>
  <si>
    <t>POINT (4.715709807106532 51.80662598118038)</t>
  </si>
  <si>
    <t>POINT (4.668450301725263 51.775679554493465)</t>
  </si>
  <si>
    <t>POINT (4.666815929603965 51.779852721982294)</t>
  </si>
  <si>
    <t>POINT (4.683670776826018 51.776119524501084)</t>
  </si>
  <si>
    <t>POINT (4.679470754879102 51.78851038151395)</t>
  </si>
  <si>
    <t>POINT (4.659588719384145 51.770978093396856)</t>
  </si>
  <si>
    <t>POINT (4.670957280622675 51.777623293358545)</t>
  </si>
  <si>
    <t>POINT (4.677130193628465 51.77270114549257)</t>
  </si>
  <si>
    <t>POINT (4.665785741288365 51.809641711441095)</t>
  </si>
  <si>
    <t>POINT (4.688273170700084 51.80352590692929)</t>
  </si>
  <si>
    <t>POINT (4.71959849799497 51.80579110257816)</t>
  </si>
  <si>
    <t>POINT (4.6634074779055394 51.78487597006931)</t>
  </si>
  <si>
    <t>POINT (4.68240501734694 51.802164616615144)</t>
  </si>
  <si>
    <t>POINT (4.666956917094441 51.7739343393076)</t>
  </si>
  <si>
    <t>POINT (4.710165177447615 51.79923263955351)</t>
  </si>
  <si>
    <t>POINT (4.644858392878707 51.768998186127114)</t>
  </si>
  <si>
    <t>POINT (4.711209055335617 51.81764807043645)</t>
  </si>
  <si>
    <t>POINT (4.712482232247533 51.80329215692418)</t>
  </si>
  <si>
    <t>POINT (4.728978375484557 51.795659388759645)</t>
  </si>
  <si>
    <t>POINT (4.6527023024143785 51.8071867507168)</t>
  </si>
  <si>
    <t>POINT (4.69704480962713 51.797386489311954)</t>
  </si>
  <si>
    <t>POINT (4.665204023608335 51.790066927103034)</t>
  </si>
  <si>
    <t>POINT (4.628914007596446 51.797494077801495)</t>
  </si>
  <si>
    <t>POINT (4.6763344175276025 51.78361434824381)</t>
  </si>
  <si>
    <t>POINT (4.697263660846992 51.792841585306086)</t>
  </si>
  <si>
    <t>POINT (4.716875936081489 51.795448836359235)</t>
  </si>
  <si>
    <t>POINT (4.707565613437956 51.80219955227892)</t>
  </si>
  <si>
    <t>POINT (4.690465316141452 51.78427431999187)</t>
  </si>
  <si>
    <t>POINT (4.672901967553446 51.819534796088554)</t>
  </si>
  <si>
    <t>POINT (4.664688413487492 51.816953327031825)</t>
  </si>
  <si>
    <t>POINT (4.652359828294164 51.792286476903335)</t>
  </si>
  <si>
    <t>POINT (4.707976027377828 51.8092862534425)</t>
  </si>
  <si>
    <t>POINT (4.683539383891968 51.79802832798971)</t>
  </si>
  <si>
    <t>POINT (4.662073241354292 51.771867284657844)</t>
  </si>
  <si>
    <t>POINT (4.672579541525743 51.78025855669366)</t>
  </si>
  <si>
    <t>POINT (4.671477860792504 51.814887391519555)</t>
  </si>
  <si>
    <t>POINT (4.719926508446577 51.81316562889031)</t>
  </si>
  <si>
    <t>POINT (4.659604446983852 51.797522878021404)</t>
  </si>
  <si>
    <t>POINT (4.7057711802043505 51.80878189050171)</t>
  </si>
  <si>
    <t>POINT (4.720558956636463 51.80552605887742)</t>
  </si>
  <si>
    <t>POINT (4.681045669872424 51.77846632128235)</t>
  </si>
  <si>
    <t>POINT (4.68548624972553 51.78470913972079)</t>
  </si>
  <si>
    <t>POINT (4.67199396922836 51.81017827971176)</t>
  </si>
  <si>
    <t>POINT (4.7237707493319405 51.798321338945144)</t>
  </si>
  <si>
    <t>POINT (4.670409212431067 51.80606734536167)</t>
  </si>
  <si>
    <t>POINT (4.711201190483246 51.80623338433041)</t>
  </si>
  <si>
    <t>POINT (4.67114494470358 51.79999045304835)</t>
  </si>
  <si>
    <t>POINT (4.65887608638882 51.814717240458585)</t>
  </si>
  <si>
    <t>POINT (4.727022328413435 51.80117802346012)</t>
  </si>
  <si>
    <t>POINT (4.65662691879479 51.78739935035595)</t>
  </si>
  <si>
    <t>POINT (4.674752361958517 51.777250751383924)</t>
  </si>
  <si>
    <t>POINT (4.702190063186595 51.79090223157394)</t>
  </si>
  <si>
    <t>POINT (4.676853382693552 51.786485614987384)</t>
  </si>
  <si>
    <t>POINT (4.66065359643047 51.800457834490416)</t>
  </si>
  <si>
    <t>POINT (4.6860569512872665 51.80759170701179)</t>
  </si>
  <si>
    <t>POINT (4.676365431072035 51.80444569803211)</t>
  </si>
  <si>
    <t>POINT (4.705319131912364 51.815982361387604)</t>
  </si>
  <si>
    <t>POINT (4.691615764521279 51.81892770211724)</t>
  </si>
  <si>
    <t>POINT (4.67644890892587 51.772410979900876)</t>
  </si>
  <si>
    <t>POINT (4.6834901118478 51.78610411867734)</t>
  </si>
  <si>
    <t>POINT (4.678626190643112 51.78970865337047)</t>
  </si>
  <si>
    <t>POINT (4.676237475248496 51.81720287752015)</t>
  </si>
  <si>
    <t>POINT (4.669048374817255 51.815124538058065)</t>
  </si>
  <si>
    <t>POINT (4.724166641488864 51.79331804096102)</t>
  </si>
  <si>
    <t>POINT (4.635985439018272 51.77603190749119)</t>
  </si>
  <si>
    <t>POINT (4.681570043747464 51.77376328868158)</t>
  </si>
  <si>
    <t>POINT (4.667444021109779 51.77779794702331)</t>
  </si>
  <si>
    <t>POINT (4.692479444209208 51.79557352266358)</t>
  </si>
  <si>
    <t>POINT (4.661995903524814 51.79791904798723)</t>
  </si>
  <si>
    <t>POINT (4.661733117980238 51.788146253959866)</t>
  </si>
  <si>
    <t>POINT (4.667206446847734 51.77215267148612)</t>
  </si>
  <si>
    <t>POINT (4.732452016980725 51.79552887692618)</t>
  </si>
  <si>
    <t>POINT (4.6658285831963955 51.81475497830617)</t>
  </si>
  <si>
    <t>POINT (4.673830869203327 51.81082614660574)</t>
  </si>
  <si>
    <t>POINT (4.654957366327467 51.79412633898736)</t>
  </si>
  <si>
    <t>POINT (4.665969215169909 51.81736297193247)</t>
  </si>
  <si>
    <t>POINT (4.67272330984632 51.78257985784049)</t>
  </si>
  <si>
    <t>POINT (4.661006585101409 51.77155418710765)</t>
  </si>
  <si>
    <t>POINT (4.697446499797667 51.79760492113974)</t>
  </si>
  <si>
    <t>POINT (4.657371314548759 51.79083315019254)</t>
  </si>
  <si>
    <t>POINT (4.693302848372783 51.796419115164824)</t>
  </si>
  <si>
    <t>POINT (4.670139322679532 51.81433238558169)</t>
  </si>
  <si>
    <t>POINT (4.652422699002325 51.785193246286)</t>
  </si>
  <si>
    <t>POINT (4.727858579947143 51.79644254682594)</t>
  </si>
  <si>
    <t>POINT (4.652270598917593 51.78519650014804)</t>
  </si>
  <si>
    <t>POINT (4.658856400236442 51.81351116058193)</t>
  </si>
  <si>
    <t>POINT (4.641697288169371 51.76253707529354)</t>
  </si>
  <si>
    <t>POINT (4.668879489550998 51.794390914799635)</t>
  </si>
  <si>
    <t>POINT (4.6775654844025585 51.77506803532989)</t>
  </si>
  <si>
    <t>POINT (4.716776537148726 51.81486000219228)</t>
  </si>
  <si>
    <t>POINT (4.723944154275417 51.79965202767483)</t>
  </si>
  <si>
    <t>POINT (4.653623635517395 51.79413974154773)</t>
  </si>
  <si>
    <t>POINT (4.678074795318046 51.78767589928637)</t>
  </si>
  <si>
    <t>POINT (4.6768806334295565 51.786536979619676)</t>
  </si>
  <si>
    <t>POINT (4.713380104564583 51.79540730996454)</t>
  </si>
  <si>
    <t>POINT (4.668564529628573 51.81536419849257)</t>
  </si>
  <si>
    <t>POINT (4.661009373742866 51.80916926085997)</t>
  </si>
  <si>
    <t>POINT (4.654343458054086 51.80363864788043)</t>
  </si>
  <si>
    <t>POINT (4.672493140811398 51.771797370024)</t>
  </si>
  <si>
    <t>POINT (4.721468255667627 51.810946291416606)</t>
  </si>
  <si>
    <t>POINT (4.693938360540651 51.793531377512295)</t>
  </si>
  <si>
    <t>POINT (4.661894609386614 51.79643257200205)</t>
  </si>
  <si>
    <t>POINT (4.6604272060431 51.79892591794148)</t>
  </si>
  <si>
    <t>POINT (4.704786895668538 51.78949803706655)</t>
  </si>
  <si>
    <t>POINT (4.665706774093608 51.81835985661842)</t>
  </si>
  <si>
    <t>POINT (4.672666048148336 51.81642170807247)</t>
  </si>
  <si>
    <t>POINT (4.684632778960675 51.778084423105476)</t>
  </si>
  <si>
    <t>POINT (4.676715063796831 51.80489126304754)</t>
  </si>
  <si>
    <t>POINT (4.671575124159734 51.792660480985624)</t>
  </si>
  <si>
    <t>POINT (4.684797842376971 51.807867787358866)</t>
  </si>
  <si>
    <t>POINT (4.6766313923809975 51.78369667737779)</t>
  </si>
  <si>
    <t>POINT (4.701321363986296 51.794930812610346)</t>
  </si>
  <si>
    <t>POINT (4.6871389815075 51.80312395859611)</t>
  </si>
  <si>
    <t>POINT (4.659640018934166 51.809275384370906)</t>
  </si>
  <si>
    <t>POINT (4.6933127510756245 51.79665743648296)</t>
  </si>
  <si>
    <t>POINT (4.679368808831036 51.778067398285806)</t>
  </si>
  <si>
    <t>POINT (4.685347476364706 51.78210886939354)</t>
  </si>
  <si>
    <t>POINT (4.684210226500509 51.78258235202113)</t>
  </si>
  <si>
    <t>POINT (4.681726367224212 51.77780617045392)</t>
  </si>
  <si>
    <t>POINT (4.676004270445268 51.805094694364115)</t>
  </si>
  <si>
    <t>POINT (4.71946612470184 51.801016758844725)</t>
  </si>
  <si>
    <t>POINT (4.70836660810637 51.809703141839655)</t>
  </si>
  <si>
    <t>POINT (4.655082214903067 51.76726241049506)</t>
  </si>
  <si>
    <t>POINT (4.674765014045546 51.78132626252499)</t>
  </si>
  <si>
    <t>POINT (4.661195638003935 51.78853972629275)</t>
  </si>
  <si>
    <t>POINT (4.674748730930532 51.76486517111314)</t>
  </si>
  <si>
    <t>POINT (4.67437178035479 51.78840565706371)</t>
  </si>
  <si>
    <t>POINT (4.6536998688408735 51.78541734631374)</t>
  </si>
  <si>
    <t>POINT (4.680038250203931 51.77821002421163)</t>
  </si>
  <si>
    <t>POINT (4.712737794131307 51.815890437008875)</t>
  </si>
  <si>
    <t>POINT (4.7305535677036366 51.80330094618907)</t>
  </si>
  <si>
    <t>POINT (4.679732170126796 51.7772341894754)</t>
  </si>
  <si>
    <t>POINT (4.684754589636723 51.79258020852316)</t>
  </si>
  <si>
    <t>POINT (4.683345621904074 51.79803807800096)</t>
  </si>
  <si>
    <t>POINT (4.703548484209259 51.7957742474349)</t>
  </si>
  <si>
    <t>POINT (4.752914022053564 51.78665640948177)</t>
  </si>
  <si>
    <t>POINT (4.654907295589886 51.78949108805716)</t>
  </si>
  <si>
    <t>POINT (4.6644838070489225 51.810164392089796)</t>
  </si>
  <si>
    <t>POINT (4.685952313356012 51.80979708018534)</t>
  </si>
  <si>
    <t>POINT (4.631888402025559 51.76974559516098)</t>
  </si>
  <si>
    <t>POINT (4.6891714040241785 51.80889264270075)</t>
  </si>
  <si>
    <t>POINT (4.679161414818683 51.79986202640928)</t>
  </si>
  <si>
    <t>POINT (4.684233211592295 51.780799896620984)</t>
  </si>
  <si>
    <t>POINT (4.668723560970106 51.79488023037687)</t>
  </si>
  <si>
    <t>POINT (4.657602698473756 51.81140535059943)</t>
  </si>
  <si>
    <t>POINT (4.674327916142363 51.77146495244849)</t>
  </si>
  <si>
    <t>POINT (4.679087166246503 51.772697795735084)</t>
  </si>
  <si>
    <t>POINT (4.672717111000332 51.782796537738434)</t>
  </si>
  <si>
    <t>POINT (4.654060399487975 51.80313706300275)</t>
  </si>
  <si>
    <t>POINT (4.654090252825158 51.81143945950619)</t>
  </si>
  <si>
    <t>POINT (4.706624037017133 51.79410111832831)</t>
  </si>
  <si>
    <t>POINT (4.700447075065247 51.79882393902377)</t>
  </si>
  <si>
    <t>POINT (4.674783392394498 51.7821063419201)</t>
  </si>
  <si>
    <t>POINT (4.665370617445025 51.81394994984967)</t>
  </si>
  <si>
    <t>POINT (4.658317833675603 51.77151530499387)</t>
  </si>
  <si>
    <t>POINT (4.671395119601812 51.81904073983538)</t>
  </si>
  <si>
    <t>POINT (4.6699748199811575 51.818011576178755)</t>
  </si>
  <si>
    <t>POINT (4.662930040837518 51.79667873319318)</t>
  </si>
  <si>
    <t>POINT (4.690538692636472 51.80575374692158)</t>
  </si>
  <si>
    <t>POINT (4.684638929329031 51.774225610695844)</t>
  </si>
  <si>
    <t>POINT (4.685063795366472 51.78164124264406)</t>
  </si>
  <si>
    <t>POINT (4.733619205187448 51.795954875747384)</t>
  </si>
  <si>
    <t>POINT (4.661904671705199 51.805131245702185)</t>
  </si>
  <si>
    <t>POINT (4.717988522460462 51.80486350810696)</t>
  </si>
  <si>
    <t>POINT (4.679300388362861 51.80792755965753)</t>
  </si>
  <si>
    <t>POINT (4.7072524798390605 51.79356911876285)</t>
  </si>
  <si>
    <t>POINT (4.664978939943 51.790088426831105)</t>
  </si>
  <si>
    <t>POINT (4.6685927824665026 51.817892480517195)</t>
  </si>
  <si>
    <t>POINT (4.67069662930958 51.796523421147114)</t>
  </si>
  <si>
    <t>POINT (4.682173451034788 51.80849768697043)</t>
  </si>
  <si>
    <t>POINT (4.7087422347384456 51.8185365828893)</t>
  </si>
  <si>
    <t>POINT (4.6652730292349425 51.80988457853221)</t>
  </si>
  <si>
    <t>POINT (4.694536013136165 51.81785974670791)</t>
  </si>
  <si>
    <t>POINT (4.66652800062324 51.81122668011487)</t>
  </si>
  <si>
    <t>POINT (4.675657917451088 51.78337459873748)</t>
  </si>
  <si>
    <t>POINT (4.677987724862399 51.77734521744215)</t>
  </si>
  <si>
    <t>POINT (4.664391776767071 51.817558505676)</t>
  </si>
  <si>
    <t>POINT (4.667452270153632 51.80304955877961)</t>
  </si>
  <si>
    <t>POINT (4.69329676451702 51.79526537394481)</t>
  </si>
  <si>
    <t>POINT (4.707216409422545 51.789783359738706)</t>
  </si>
  <si>
    <t>POINT (4.653877877810556 51.81137348588823)</t>
  </si>
  <si>
    <t>POINT (4.677742424502484 51.79073863850977)</t>
  </si>
  <si>
    <t>POINT (4.687595496747828 51.80465636427208)</t>
  </si>
  <si>
    <t>POINT (4.6803579224408525 51.798472166108255)</t>
  </si>
  <si>
    <t>POINT (4.7157387677172125 51.813327079670664)</t>
  </si>
  <si>
    <t>POINT (4.680741409005259 51.80712678720694)</t>
  </si>
  <si>
    <t>POINT (4.668832693806159 51.809280299470124)</t>
  </si>
  <si>
    <t>POINT (4.733485347803249 51.80026788584725)</t>
  </si>
  <si>
    <t>POINT (4.674665500856762 51.78569934454194)</t>
  </si>
  <si>
    <t>POINT (4.671842287248258 51.782210310688626)</t>
  </si>
  <si>
    <t>POINT (4.681041422855651 51.774029381688244)</t>
  </si>
  <si>
    <t>POINT (4.734066807369058 51.80250680435678)</t>
  </si>
  <si>
    <t>POINT (4.656665236074485 51.80102474137771)</t>
  </si>
  <si>
    <t>POINT (4.675229446418913 51.80698663353954)</t>
  </si>
  <si>
    <t>POINT (4.662043901766026 51.79723476543365)</t>
  </si>
  <si>
    <t>POINT (4.663015918289918 51.78637241163481)</t>
  </si>
  <si>
    <t>POINT (4.669676362532965 51.79088699061118)</t>
  </si>
  <si>
    <t>POINT (4.656446170183752 51.811763436678895)</t>
  </si>
  <si>
    <t>POINT (4.661238543735454 51.80525415447333)</t>
  </si>
  <si>
    <t>POINT (4.682795846524468 51.80334488450218)</t>
  </si>
  <si>
    <t>POINT (4.671425029218518 51.80221205295946)</t>
  </si>
  <si>
    <t>POINT (4.671700880003099 51.81041633788348)</t>
  </si>
  <si>
    <t>POINT (4.672136329427544 51.78120082927426)</t>
  </si>
  <si>
    <t>POINT (4.700263708002081 51.81718112408576)</t>
  </si>
  <si>
    <t>POINT (4.658133132369587 51.81172745801992)</t>
  </si>
  <si>
    <t>POINT (4.672607397083358 51.783605059470325)</t>
  </si>
  <si>
    <t>POINT (4.708414809420605 51.806596611176595)</t>
  </si>
  <si>
    <t>POINT (4.652580334052572 51.793745260507755)</t>
  </si>
  <si>
    <t>POINT (4.667850282940608 51.79481015147988)</t>
  </si>
  <si>
    <t>POINT (4.673196412734214 51.787637094331465)</t>
  </si>
  <si>
    <t>POINT (4.633183283823087 51.77867118729333)</t>
  </si>
  <si>
    <t>POINT (4.653729359807768 51.78518659258691)</t>
  </si>
  <si>
    <t>POINT (4.676058533422033 51.784949807986514)</t>
  </si>
  <si>
    <t>POINT (4.662909142441746 51.79070714034714)</t>
  </si>
  <si>
    <t>POINT (4.678207013355644 51.81299063176342)</t>
  </si>
  <si>
    <t>POINT (4.6555738020998785 51.787215942890995)</t>
  </si>
  <si>
    <t>POINT (4.674297322578307 51.819165118029055)</t>
  </si>
  <si>
    <t>POINT (4.683584962499247 51.79803951359474)</t>
  </si>
  <si>
    <t>POINT (4.674256818358222 51.783402711184074)</t>
  </si>
  <si>
    <t>POINT (4.6633492171943765 51.800641523721964)</t>
  </si>
  <si>
    <t>POINT (4.70525991346224 51.80832866098897)</t>
  </si>
  <si>
    <t>POINT (4.7172627303107015 51.80007507806819)</t>
  </si>
  <si>
    <t>POINT (4.661621853546089 51.789630212597785)</t>
  </si>
  <si>
    <t>POINT (4.681433840268858 51.77907029835973)</t>
  </si>
  <si>
    <t>POINT (4.665442314626767 51.789805150288686)</t>
  </si>
  <si>
    <t>POINT (4.679250350931517 51.78531569209124)</t>
  </si>
  <si>
    <t>POINT (4.7151488628553695 51.80538848503913)</t>
  </si>
  <si>
    <t>POINT (4.660225106038867 51.808670521351786)</t>
  </si>
  <si>
    <t>POINT (4.715602119649032 51.805356204174196)</t>
  </si>
  <si>
    <t>POINT (4.705958764345176 51.81606904119156)</t>
  </si>
  <si>
    <t>POINT (4.6556057699461 51.791845400700595)</t>
  </si>
  <si>
    <t>POINT (4.676006725584333 51.785698908664216)</t>
  </si>
  <si>
    <t>POINT (4.652527354657517 51.78550739235674)</t>
  </si>
  <si>
    <t>POINT (4.683883544541602 51.78509831554082)</t>
  </si>
  <si>
    <t>POINT (4.680823313357439 51.81290952027031)</t>
  </si>
  <si>
    <t>POINT (4.670043319562895 51.819315288843804)</t>
  </si>
  <si>
    <t>POINT (4.685965462618124 51.78757827383212)</t>
  </si>
  <si>
    <t>POINT (4.719017415010126 51.803521515367)</t>
  </si>
  <si>
    <t>POINT (4.6520436429525 51.79321939383121)</t>
  </si>
  <si>
    <t>POINT (4.6690276385405864 51.79072884682297)</t>
  </si>
  <si>
    <t>POINT (4.706511162539301 51.78905052236134)</t>
  </si>
  <si>
    <t>POINT (4.659350834575077 51.813117926144876)</t>
  </si>
  <si>
    <t>POINT (4.733171814008497 51.800246138866655)</t>
  </si>
  <si>
    <t>POINT (4.675886323010202 51.78588508062083)</t>
  </si>
  <si>
    <t>POINT (4.670835801383763 51.780723764022476)</t>
  </si>
  <si>
    <t>POINT (4.711869787061711 51.80976843266788)</t>
  </si>
  <si>
    <t>POINT (4.656414009155678 51.7867778658577)</t>
  </si>
  <si>
    <t>POINT (4.6553173888649235 51.791933758687136)</t>
  </si>
  <si>
    <t>POINT (4.672093570234962 51.81163155553299)</t>
  </si>
  <si>
    <t>POINT (4.669970990325327 51.77905569368097)</t>
  </si>
  <si>
    <t>POINT (4.658173394406925 51.78455845287685)</t>
  </si>
  <si>
    <t>POINT (4.632190157515223 51.781348360457656)</t>
  </si>
  <si>
    <t>POINT (4.685917915049552 51.809693720701596)</t>
  </si>
  <si>
    <t>POINT (4.683615595141517 51.81196999951639)</t>
  </si>
  <si>
    <t>POINT (4.677062830895466 51.800683466184665)</t>
  </si>
  <si>
    <t>POINT (4.686092013706087 51.78895459603634)</t>
  </si>
  <si>
    <t>POINT (4.666309436841271 51.81580030484958)</t>
  </si>
  <si>
    <t>POINT (4.691808283996747 51.81893837992482)</t>
  </si>
  <si>
    <t>POINT (4.735553475189493 51.80200304168972)</t>
  </si>
  <si>
    <t>POINT (4.712587337258009 51.81427702859981)</t>
  </si>
  <si>
    <t>POINT (4.653826089186137 51.79921818791546)</t>
  </si>
  <si>
    <t>POINT (4.674998900746738 51.78079992013107)</t>
  </si>
  <si>
    <t>POINT (4.6709939673643905 51.81733199152381)</t>
  </si>
  <si>
    <t>POINT (4.672992832161564 51.78831188605513)</t>
  </si>
  <si>
    <t>POINT (4.665526603375944 51.803753940343746)</t>
  </si>
  <si>
    <t>POINT (4.674428967478089 51.78197831992235)</t>
  </si>
  <si>
    <t>POINT (4.6575499511144525 51.78818476721149)</t>
  </si>
  <si>
    <t>POINT (4.678714559365857 51.81541919875508)</t>
  </si>
  <si>
    <t>POINT (4.668576555972023 51.8001358364159)</t>
  </si>
  <si>
    <t>POINT (4.6647214052588115 51.77883263571061)</t>
  </si>
  <si>
    <t>POINT (4.676032339830444 51.7857896430692)</t>
  </si>
  <si>
    <t>POINT (4.657183276844908 51.80600159989859)</t>
  </si>
  <si>
    <t>POINT (4.668805924418798 51.81916129574411)</t>
  </si>
  <si>
    <t>POINT (4.697185722211699 51.79286219637744)</t>
  </si>
  <si>
    <t>POINT (4.630252912196823 51.726657109610734)</t>
  </si>
  <si>
    <t>POINT (4.6543354501298815 51.806732111714346)</t>
  </si>
  <si>
    <t>POINT (4.66982653083607 51.79728488448384)</t>
  </si>
  <si>
    <t>POINT (4.71315084443594 51.791919786269816)</t>
  </si>
  <si>
    <t>POINT (4.666476733892996 51.815428913596755)</t>
  </si>
  <si>
    <t>POINT (4.680565622528277 51.81463175218169)</t>
  </si>
  <si>
    <t>POINT (4.661614394726339 51.816202863216105)</t>
  </si>
  <si>
    <t>POINT (4.680232546332276 51.787807735685234)</t>
  </si>
  <si>
    <t>POINT (4.664218378908411 51.814667964616994)</t>
  </si>
  <si>
    <t>POINT (4.675978288729777 51.78597665781047)</t>
  </si>
  <si>
    <t>POINT (4.671471422740857 51.808712033680976)</t>
  </si>
  <si>
    <t>POINT (4.655932296962392 51.787668018432896)</t>
  </si>
  <si>
    <t>POINT (4.6622543712357745 51.79102073875273)</t>
  </si>
  <si>
    <t>POINT (4.660396453929134 51.788679495706845)</t>
  </si>
  <si>
    <t>POINT (4.678761481949075 51.80832812347793)</t>
  </si>
  <si>
    <t>POINT (4.686551974071058 51.81129747237809)</t>
  </si>
  <si>
    <t>POINT (4.719281093162336 51.811731784557715)</t>
  </si>
  <si>
    <t>POINT (4.717799599074948 51.812957734682605)</t>
  </si>
  <si>
    <t>POINT (4.673083193334429 51.79653536519624)</t>
  </si>
  <si>
    <t>POINT (4.653248040930276 51.80193627144131)</t>
  </si>
  <si>
    <t>POINT (4.653708888410686 51.79295125713267)</t>
  </si>
  <si>
    <t>POINT (4.653832401939237 51.81140909353772)</t>
  </si>
  <si>
    <t>POINT (4.729180507198294 51.805233244613646)</t>
  </si>
  <si>
    <t>POINT (4.723356229951574 51.79843069624408)</t>
  </si>
  <si>
    <t>POINT (4.671303331967887 51.805912679472115)</t>
  </si>
  <si>
    <t>POINT (4.715781993952465 51.81332055854248)</t>
  </si>
  <si>
    <t>POINT (4.679312858278073 51.78529915259604)</t>
  </si>
  <si>
    <t>POINT (4.6538173577000315 51.79362450645636)</t>
  </si>
  <si>
    <t>POINT (4.699935427443498 51.7971335547764)</t>
  </si>
  <si>
    <t>POINT (4.671768282437173 51.77316215644122)</t>
  </si>
  <si>
    <t>POINT (4.734604950910831 51.8036039040295)</t>
  </si>
  <si>
    <t>POINT (4.669090195061832 51.8166963195548)</t>
  </si>
  <si>
    <t>POINT (4.711572537176878 51.79592379385595)</t>
  </si>
  <si>
    <t>POINT (4.67439570739644 51.78543433651984)</t>
  </si>
  <si>
    <t>POINT (4.66357710794022 51.80425525084628)</t>
  </si>
  <si>
    <t>POINT (4.660366359384186 51.809944131528724)</t>
  </si>
  <si>
    <t>POINT (4.660813092206519 51.813519369297985)</t>
  </si>
  <si>
    <t>POINT (4.680316519663154 51.77511428415549)</t>
  </si>
  <si>
    <t>POINT (4.667807504481409 51.81624724586477)</t>
  </si>
  <si>
    <t>POINT (4.727024627446559 51.80357337408232)</t>
  </si>
  <si>
    <t>POINT (4.731943999768608 51.801424188618604)</t>
  </si>
  <si>
    <t>POINT (4.66266546640597 51.79627583510041)</t>
  </si>
  <si>
    <t>POINT (4.657095177448675 51.79795569107646)</t>
  </si>
  <si>
    <t>POINT (4.665539288783219 51.80150067072827)</t>
  </si>
  <si>
    <t>POINT (4.656599802052412 51.787312458366955)</t>
  </si>
  <si>
    <t>POINT (4.728422692107096 51.80316887787157)</t>
  </si>
  <si>
    <t>POINT (4.664794260066999 51.79842072149737)</t>
  </si>
  <si>
    <t>POINT (4.6852230558845145 51.81311035492804)</t>
  </si>
  <si>
    <t>POINT (4.698390616582539 51.794009031517106)</t>
  </si>
  <si>
    <t>POINT (4.7192699498303385 51.80036288667134)</t>
  </si>
  <si>
    <t>POINT (4.6816691595723485 51.80718858420709)</t>
  </si>
  <si>
    <t>POINT (4.667823296873695 51.782815336241924)</t>
  </si>
  <si>
    <t>POINT (4.674676150358934 51.78910996381507)</t>
  </si>
  <si>
    <t>POINT (4.663499503633989 51.80444074821496)</t>
  </si>
  <si>
    <t>POINT (4.666934222105497 51.79388986817595)</t>
  </si>
  <si>
    <t>POINT (4.664990884010683 51.81002121418538)</t>
  </si>
  <si>
    <t>POINT (4.6618223679034685 51.803605472926115)</t>
  </si>
  <si>
    <t>POINT (4.662371747913375 51.78869245447464)</t>
  </si>
  <si>
    <t>POINT (4.672508332028395 51.775666762128324)</t>
  </si>
  <si>
    <t>POINT (4.679662878569328 51.81447592366443)</t>
  </si>
  <si>
    <t>POINT (4.681311365222519 51.78855383088318)</t>
  </si>
  <si>
    <t>POINT (4.686273717949267 51.810620411512)</t>
  </si>
  <si>
    <t>POINT (4.670300902066829 51.811407100675424)</t>
  </si>
  <si>
    <t>POINT (4.6663198424877494 51.81617534032944)</t>
  </si>
  <si>
    <t>POINT (4.657903278976931 51.80994536177619)</t>
  </si>
  <si>
    <t>POINT (4.6718810877322445 51.80349133519836)</t>
  </si>
  <si>
    <t>POINT (4.684247367638762 51.81071200181875)</t>
  </si>
  <si>
    <t>POINT (4.6606596399718185 51.80737682803277)</t>
  </si>
  <si>
    <t>POINT (4.659995338736026 51.80935683114431)</t>
  </si>
  <si>
    <t>POINT (4.685101102266848 51.782582618213524)</t>
  </si>
  <si>
    <t>POINT (4.685919101827699 51.77491985632629)</t>
  </si>
  <si>
    <t>POINT (4.659597712614776 51.809282133233246)</t>
  </si>
  <si>
    <t>POINT (4.729482000131024 51.805640421220204)</t>
  </si>
  <si>
    <t>POINT (4.685044736445214 51.77586029922861)</t>
  </si>
  <si>
    <t>POINT (4.656967442908139 51.8104277445713)</t>
  </si>
  <si>
    <t>POINT (4.6925855203677 51.8039624944786)</t>
  </si>
  <si>
    <t>POINT (4.681787833254027 51.81052229630724)</t>
  </si>
  <si>
    <t>POINT (4.720564857262162 51.803590900568636)</t>
  </si>
  <si>
    <t>POINT (4.671383939303662 51.785804658930076)</t>
  </si>
  <si>
    <t>POINT (4.6530893477454125 51.79139685622671)</t>
  </si>
  <si>
    <t>POINT (4.657308685401991 51.79126835336376)</t>
  </si>
  <si>
    <t>POINT (4.653741510165274 51.80041902628425)</t>
  </si>
  <si>
    <t>POINT (4.673679332764258 51.81000588065635)</t>
  </si>
  <si>
    <t>POINT (4.732309462550308 51.79679980337673)</t>
  </si>
  <si>
    <t>POINT (4.735657119593964 51.7985489700822)</t>
  </si>
  <si>
    <t>POINT (4.6639895541456875 51.79520573844933)</t>
  </si>
  <si>
    <t>POINT (4.682661110773549 51.809409541075176)</t>
  </si>
  <si>
    <t>POINT (4.655874080119543 51.78492348177953)</t>
  </si>
  <si>
    <t>POINT (4.667520438241317 51.79573957314577)</t>
  </si>
  <si>
    <t>POINT (4.684760531174605 51.80455881670358)</t>
  </si>
  <si>
    <t>POINT (4.651026108805373 51.79361083545398)</t>
  </si>
  <si>
    <t>POINT (4.664691046850296 51.79856503763027)</t>
  </si>
  <si>
    <t>POINT (4.710691320887189 51.80539536444958)</t>
  </si>
  <si>
    <t>POINT (4.676221826586123 51.789396831891)</t>
  </si>
  <si>
    <t>POINT (4.669163848002845 51.818846635492626)</t>
  </si>
  <si>
    <t>POINT (4.7071051528286585 51.80681845430428)</t>
  </si>
  <si>
    <t>POINT (4.655792117939623 51.80181734549317)</t>
  </si>
  <si>
    <t>POINT (4.676212623672313 51.814952234550844)</t>
  </si>
  <si>
    <t>POINT (4.659962945293259 51.7693493380755)</t>
  </si>
  <si>
    <t>POINT (4.6318536432673145 51.72265322107501)</t>
  </si>
  <si>
    <t>POINT (4.718714277921452 51.81360826957469)</t>
  </si>
  <si>
    <t>POINT (4.675960297342526 51.77336638513849)</t>
  </si>
  <si>
    <t>POINT (4.6745513680251305 51.782556381074585)</t>
  </si>
  <si>
    <t>POINT (4.718472713384102 51.80597130538199)</t>
  </si>
  <si>
    <t>POINT (4.630860369906783 51.724350371586866)</t>
  </si>
  <si>
    <t>POINT (4.670988387307839 51.77289272360999)</t>
  </si>
  <si>
    <t>POINT (4.658015673913827 51.80772449663644)</t>
  </si>
  <si>
    <t>POINT (4.681909617997703 51.780759314385286)</t>
  </si>
  <si>
    <t>POINT (4.728691268786575 51.799234619646505)</t>
  </si>
  <si>
    <t>POINT (4.676110498023573 51.80743361662148)</t>
  </si>
  <si>
    <t>POINT (4.68317137181347 51.79816771893238)</t>
  </si>
  <si>
    <t>POINT (4.6668856288462255 51.81246516975413)</t>
  </si>
  <si>
    <t>POINT (4.670656887863394 51.79298392532203)</t>
  </si>
  <si>
    <t>POINT (4.652722245387161 51.78742691295782)</t>
  </si>
  <si>
    <t>POINT (4.73138898950331 51.7906797852604)</t>
  </si>
  <si>
    <t>POINT (4.6928970642445575 51.80384180486073)</t>
  </si>
  <si>
    <t>POINT (4.654055739234724 51.79516227447955)</t>
  </si>
  <si>
    <t>POINT (4.661783753488165 51.80105213973347)</t>
  </si>
  <si>
    <t>POINT (4.675922524637797 51.80758574327279)</t>
  </si>
  <si>
    <t>POINT (4.6687004270612515 51.79487737411418)</t>
  </si>
  <si>
    <t>POINT (4.726903210681445 51.80582344572677)</t>
  </si>
  <si>
    <t>POINT (4.657602794775438 51.78748038987835)</t>
  </si>
  <si>
    <t>POINT (4.719686686448467 51.811019702480664)</t>
  </si>
  <si>
    <t>POINT (4.688623496116808 51.80867551492803)</t>
  </si>
  <si>
    <t>POINT (4.682350158200999 51.802179253221205)</t>
  </si>
  <si>
    <t>POINT (4.6650683791785035 51.790061714692584)</t>
  </si>
  <si>
    <t>POINT (4.680175599272787 51.81605072658148)</t>
  </si>
  <si>
    <t>POINT (4.6739660188168815 51.81454350530273)</t>
  </si>
  <si>
    <t>POINT (4.67395145417771 51.817073735991436)</t>
  </si>
  <si>
    <t>POINT (4.7036622164535045 51.78887235855624)</t>
  </si>
  <si>
    <t>POINT (4.664069919299057 51.786985966214125)</t>
  </si>
  <si>
    <t>POINT (4.664703140465015 51.795763775998886)</t>
  </si>
  <si>
    <t>POINT (4.652647777889654 51.80386236204777)</t>
  </si>
  <si>
    <t>POINT (4.668407328749658 51.816187703849714)</t>
  </si>
  <si>
    <t>POINT (4.652634145856261 51.78285236188536)</t>
  </si>
  <si>
    <t>POINT (4.686873256437623 51.80612410317211)</t>
  </si>
  <si>
    <t>POINT (4.683249411873178 51.798298594954495)</t>
  </si>
  <si>
    <t>POINT (4.679472480412494 51.77938294522054)</t>
  </si>
  <si>
    <t>POINT (4.690594583637218 51.818410910235755)</t>
  </si>
  <si>
    <t>POINT (4.702489875912923 51.78984685111877)</t>
  </si>
  <si>
    <t>POINT (4.6560459119286985 51.78488932618256)</t>
  </si>
  <si>
    <t>POINT (4.719478035710506 51.807742669118404)</t>
  </si>
  <si>
    <t>POINT (4.687366661354706 51.79020430854346)</t>
  </si>
  <si>
    <t>POINT (4.677617363060248 51.81770627035816)</t>
  </si>
  <si>
    <t>POINT (4.7073673600084724 51.78949542868537)</t>
  </si>
  <si>
    <t>POINT (4.672865430861558 51.802403319369546)</t>
  </si>
  <si>
    <t>POINT (4.708259335789381 51.80782775894534)</t>
  </si>
  <si>
    <t>POINT (4.632066796647723 51.76635995227645)</t>
  </si>
  <si>
    <t>POINT (4.683235167893963 51.81014434917426)</t>
  </si>
  <si>
    <t>POINT (4.670960698374715 51.811012302021744)</t>
  </si>
  <si>
    <t>POINT (4.682874669880974 51.802749336641654)</t>
  </si>
  <si>
    <t>POINT (4.678967552384369 51.778169415797805)</t>
  </si>
  <si>
    <t>POINT (4.7185170063944915 51.80440016313149)</t>
  </si>
  <si>
    <t>POINT (4.676644584630934 51.783777412895034)</t>
  </si>
  <si>
    <t>POINT (4.674364722619157 51.779451878760476)</t>
  </si>
  <si>
    <t>POINT (4.6681387437073365 51.81164799084168)</t>
  </si>
  <si>
    <t>POINT (4.681887004789123 51.780761569403836)</t>
  </si>
  <si>
    <t>POINT (4.667083117827792 51.79418171938391)</t>
  </si>
  <si>
    <t>POINT (4.682852743321271 51.81929424747955)</t>
  </si>
  <si>
    <t>POINT (4.661231954299873 51.812522689389034)</t>
  </si>
  <si>
    <t>POINT (4.733441336264804 51.79543458395394)</t>
  </si>
  <si>
    <t>POINT (4.65591315767887 51.80098359811525)</t>
  </si>
  <si>
    <t>POINT (4.717834726644335 51.814499809554206)</t>
  </si>
  <si>
    <t>POINT (4.709744858455429 51.80393646604378)</t>
  </si>
  <si>
    <t>POINT (4.714946916774151 51.80984679219942)</t>
  </si>
  <si>
    <t>POINT (4.668421720762793 51.77439525144366)</t>
  </si>
  <si>
    <t>POINT (4.6790722923897095 51.80522525762033)</t>
  </si>
  <si>
    <t>POINT (4.653726793343557 51.78513941273683)</t>
  </si>
  <si>
    <t>POINT (4.721100847213343 51.81127833209096)</t>
  </si>
  <si>
    <t>POINT (4.6746886802884635 51.80311591796897)</t>
  </si>
  <si>
    <t>POINT (4.700566050578068 51.796872009564545)</t>
  </si>
  <si>
    <t>POINT (4.678541424446181 51.78468151049111)</t>
  </si>
  <si>
    <t>POINT (4.661234493898529 51.80911821380528)</t>
  </si>
  <si>
    <t>POINT (4.715790643073921 51.805091246086874)</t>
  </si>
  <si>
    <t>POINT (4.678113282592478 51.78469026689083)</t>
  </si>
  <si>
    <t>POINT (4.6788138643081965 51.78705198302944)</t>
  </si>
  <si>
    <t>POINT (4.731812405275299 51.80380528935447)</t>
  </si>
  <si>
    <t>POINT (4.663430406720345 51.80463818105476)</t>
  </si>
  <si>
    <t>POINT (4.672759018243685 51.78728463601781)</t>
  </si>
  <si>
    <t>POINT (4.730195182536047 51.79830303650197)</t>
  </si>
  <si>
    <t>POINT (4.680453519984428 51.78106885766195)</t>
  </si>
  <si>
    <t>POINT (4.680324746121096 51.773592590722686)</t>
  </si>
  <si>
    <t>POINT (4.669416602410766 51.81278151083206)</t>
  </si>
  <si>
    <t>POINT (4.681186319892102 51.800006442994984)</t>
  </si>
  <si>
    <t>POINT (4.664032782054799 51.81423718921228)</t>
  </si>
  <si>
    <t>POINT (4.664260155163926 51.81771692034809)</t>
  </si>
  <si>
    <t>POINT (4.681013700767418 51.77665043789051)</t>
  </si>
  <si>
    <t>POINT (4.685589857168489 51.78545680058326)</t>
  </si>
  <si>
    <t>POINT (4.672974054775564 51.803722503556514)</t>
  </si>
  <si>
    <t>POINT (4.683208831088072 51.79830435590307)</t>
  </si>
  <si>
    <t>POINT (4.681801200330548 51.81224001200112)</t>
  </si>
  <si>
    <t>POINT (4.662994660310006 51.81062655987837)</t>
  </si>
  <si>
    <t>POINT (4.684433769938594 51.785813104155515)</t>
  </si>
  <si>
    <t>POINT (4.676795108376072 51.78998050716246)</t>
  </si>
  <si>
    <t>POINT (4.673926031571219 51.817330279841244)</t>
  </si>
  <si>
    <t>POINT (4.7156484166143064 51.803193692867374)</t>
  </si>
  <si>
    <t>POINT (4.727653587394289 51.80276159663175)</t>
  </si>
  <si>
    <t>POINT (4.682400113374874 51.77962378111079)</t>
  </si>
  <si>
    <t>POINT (4.667429311871358 51.78998528550386)</t>
  </si>
  <si>
    <t>POINT (4.657208981597083 51.798600547530775)</t>
  </si>
  <si>
    <t>POINT (4.659875872000795 51.80923061764355)</t>
  </si>
  <si>
    <t>POINT (4.653107231725015 51.792328782911554)</t>
  </si>
  <si>
    <t>POINT (4.672997145648653 51.81527887261379)</t>
  </si>
  <si>
    <t>POINT (4.693241151566094 51.7963248276047)</t>
  </si>
  <si>
    <t>POINT (4.674398175490512 51.8179145353463)</t>
  </si>
  <si>
    <t>POINT (4.698483437696918 51.79126765377914)</t>
  </si>
  <si>
    <t>POINT (4.6690578126379645 51.81586309620397)</t>
  </si>
  <si>
    <t>POINT (4.653897476277858 51.79915928170636)</t>
  </si>
  <si>
    <t>POINT (4.667524272984412 51.80814722293066)</t>
  </si>
  <si>
    <t>POINT (4.6683536049410845 51.79232857203305)</t>
  </si>
  <si>
    <t>POINT (4.735791953553941 51.800023935999974)</t>
  </si>
  <si>
    <t>POINT (4.683248915580456 51.812500657528915)</t>
  </si>
  <si>
    <t>POINT (4.665163273219327 51.813790860096056)</t>
  </si>
  <si>
    <t>POINT (4.662551946057511 51.79658516319037)</t>
  </si>
  <si>
    <t>POINT (4.65994985258241 51.8129833400022)</t>
  </si>
  <si>
    <t>POINT (4.677590326500683 51.78175379518435)</t>
  </si>
  <si>
    <t>POINT (4.671500517898001 51.78722670865045)</t>
  </si>
  <si>
    <t>POINT (4.683526738010504 51.80886414318634)</t>
  </si>
  <si>
    <t>POINT (4.664145473529774 51.812304355684624)</t>
  </si>
  <si>
    <t>POINT (4.729926077505012 51.79999184322029)</t>
  </si>
  <si>
    <t>POINT (4.715004168647784 51.80588092615564)</t>
  </si>
  <si>
    <t>POINT (4.682882614667371 51.77818642910075)</t>
  </si>
  <si>
    <t>POINT (4.662710982240025 51.804367217569585)</t>
  </si>
  <si>
    <t>POINT (4.670856694371866 51.79021802922671)</t>
  </si>
  <si>
    <t>POINT (4.7232385039200695 51.78214903152951)</t>
  </si>
  <si>
    <t>POINT (4.653697280917295 51.7853714876715)</t>
  </si>
  <si>
    <t>POINT (4.669756747603992 51.81108814671927)</t>
  </si>
  <si>
    <t>POINT (4.655440130467887 51.80598177136515)</t>
  </si>
  <si>
    <t>POINT (4.718473298507834 51.799162615861576)</t>
  </si>
  <si>
    <t>POINT (4.72288296735324 51.80045537974556)</t>
  </si>
  <si>
    <t>POINT (4.671880716747728 51.77726181196285)</t>
  </si>
  <si>
    <t>POINT (4.657763358653888 51.792447641367424)</t>
  </si>
  <si>
    <t>POINT (4.67257090578687 51.80757466474856)</t>
  </si>
  <si>
    <t>POINT (4.661241670423696 51.81577211279485)</t>
  </si>
  <si>
    <t>POINT (4.656821496384096 51.81079516577521)</t>
  </si>
  <si>
    <t>POINT (4.712221302814675 51.79396844082731)</t>
  </si>
  <si>
    <t>POINT (4.724928728840322 51.80355621504474)</t>
  </si>
  <si>
    <t>POINT (4.67430604460254 51.80322763320482)</t>
  </si>
  <si>
    <t>POINT (4.6832414019665025 51.81928160421546)</t>
  </si>
  <si>
    <t>POINT (4.661544018229474 51.81660517480938)</t>
  </si>
  <si>
    <t>POINT (4.677547299799055 51.808373100938184)</t>
  </si>
  <si>
    <t>POINT (4.662385557179404 51.800118526884965)</t>
  </si>
  <si>
    <t>POINT (4.728157231046316 51.80118376529301)</t>
  </si>
  <si>
    <t>POINT (4.716077364441133 51.80804260873879)</t>
  </si>
  <si>
    <t>POINT (4.679377210109149 51.78529529825883)</t>
  </si>
  <si>
    <t>POINT (4.665071920937564 51.788760127253475)</t>
  </si>
  <si>
    <t>POINT (4.683524809643875 51.80495503992196)</t>
  </si>
  <si>
    <t>POINT (4.656434554025489 51.80442939192247)</t>
  </si>
  <si>
    <t>POINT (4.653776821150204 51.7856005231614)</t>
  </si>
  <si>
    <t>POINT (4.70797497266901 51.80728468201857)</t>
  </si>
  <si>
    <t>POINT (4.653911170366328 51.781334346108245)</t>
  </si>
  <si>
    <t>POINT (4.67204750027838 51.81497480042573)</t>
  </si>
  <si>
    <t>POINT (4.657390741255831 51.77202276879093)</t>
  </si>
  <si>
    <t>POINT (4.695531931854162 51.7902101914562)</t>
  </si>
  <si>
    <t>POINT (4.663839237712118 51.7898860622072)</t>
  </si>
  <si>
    <t>POINT (4.701686225664265 51.7905242182053)</t>
  </si>
  <si>
    <t>POINT (4.651698767820424 51.79041314031466)</t>
  </si>
  <si>
    <t>POINT (4.728907061037829 51.79275630288635)</t>
  </si>
  <si>
    <t>POINT (4.711742644051761 51.80096708572277)</t>
  </si>
  <si>
    <t>POINT (4.659717052326911 51.80423206515775)</t>
  </si>
  <si>
    <t>POINT (4.715921616353727 51.80841272409778)</t>
  </si>
  <si>
    <t>POINT (4.661326915596066 51.79466803077815)</t>
  </si>
  <si>
    <t>POINT (4.660657429250526 51.794719149166305)</t>
  </si>
  <si>
    <t>POINT (4.667504837541822 51.787379744277274)</t>
  </si>
  <si>
    <t>POINT (4.662938300814899 51.816464072299105)</t>
  </si>
  <si>
    <t>POINT (4.72626048119584 51.79172567813387)</t>
  </si>
  <si>
    <t>POINT (4.669305643574697 51.81562874072763)</t>
  </si>
  <si>
    <t>POINT (4.7273392828287975 51.798012199769175)</t>
  </si>
  <si>
    <t>POINT (4.657978464747808 51.771487514503114)</t>
  </si>
  <si>
    <t>POINT (4.673974326856701 51.81661992032163)</t>
  </si>
  <si>
    <t>POINT (4.68677166449518 51.77499360668075)</t>
  </si>
  <si>
    <t>POINT (4.681766409758414 51.80851877303239)</t>
  </si>
  <si>
    <t>POINT (4.664427861969066 51.810817506749224)</t>
  </si>
  <si>
    <t>POINT (4.671884149156001 51.81028999575092)</t>
  </si>
  <si>
    <t>POINT (4.718146631040176 51.80121859688999)</t>
  </si>
  <si>
    <t>POINT (4.6659091704360085 51.77464422919036)</t>
  </si>
  <si>
    <t>POINT (4.668066861223753 51.781294466093556)</t>
  </si>
  <si>
    <t>POINT (4.667773880305168 51.814260111241694)</t>
  </si>
  <si>
    <t>POINT (4.7337700019896625 51.79503787649337)</t>
  </si>
  <si>
    <t>POINT (4.666833351902457 51.81182334485215)</t>
  </si>
  <si>
    <t>POINT (4.666583335543055 51.81333904479357)</t>
  </si>
  <si>
    <t>POINT (4.7157970667212314 51.81336890476897)</t>
  </si>
  <si>
    <t>POINT (4.670241091132547 51.800348022438975)</t>
  </si>
  <si>
    <t>POINT (4.663123296183985 51.79813724554972)</t>
  </si>
  <si>
    <t>POINT (4.637860764902103 51.77762246175577)</t>
  </si>
  <si>
    <t>POINT (4.716624072265146 51.80303848383529)</t>
  </si>
  <si>
    <t>POINT (4.67613538865674 51.773701898776274)</t>
  </si>
  <si>
    <t>POINT (4.668157005712097 51.79995008546293)</t>
  </si>
  <si>
    <t>POINT (4.706074689165896 51.79143295247616)</t>
  </si>
  <si>
    <t>POINT (4.702373199831402 51.798871772197835)</t>
  </si>
  <si>
    <t>POINT (4.722205167223747 51.80433104774867)</t>
  </si>
  <si>
    <t>POINT (4.669919156386487 51.79983802307801)</t>
  </si>
  <si>
    <t>POINT (4.674880288118117 51.77744146876657)</t>
  </si>
  <si>
    <t>POINT (4.684887518632927 51.810683592412204)</t>
  </si>
  <si>
    <t>POINT (4.674465971376521 51.805120856834684)</t>
  </si>
  <si>
    <t>POINT (4.690315385730649 51.804446610388425)</t>
  </si>
  <si>
    <t>POINT (4.679166376906754 51.77510218696473)</t>
  </si>
  <si>
    <t>POINT (4.66937693670834 51.81309501792946)</t>
  </si>
  <si>
    <t>POINT (4.683630939051572 51.81450780687967)</t>
  </si>
  <si>
    <t>POINT (4.7321226403941905 51.80170610796651)</t>
  </si>
  <si>
    <t>POINT (4.653054959256051 51.800655854376174)</t>
  </si>
  <si>
    <t>POINT (4.680390848727274 51.77667821840679)</t>
  </si>
  <si>
    <t>POINT (4.679883209771396 51.7868927471312)</t>
  </si>
  <si>
    <t>POINT (4.662799329830973 51.81501380820132)</t>
  </si>
  <si>
    <t>POINT (4.686101537046992 51.78901145246299)</t>
  </si>
  <si>
    <t>POINT (4.665122372081872 51.80082442123736)</t>
  </si>
  <si>
    <t>POINT (4.689488489549681 51.81468863663614)</t>
  </si>
  <si>
    <t>POINT (4.698198495355736 51.79596648072587)</t>
  </si>
  <si>
    <t>POINT (4.706106482213503 51.797500323861556)</t>
  </si>
  <si>
    <t>POINT (4.7280507367348905 51.79734005509843)</t>
  </si>
  <si>
    <t>POINT (4.6848176162118325 51.81049596711)</t>
  </si>
  <si>
    <t>POINT (4.668380735033803 51.809408380011156)</t>
  </si>
  <si>
    <t>POINT (4.670588501300132 51.77749597183024)</t>
  </si>
  <si>
    <t>POINT (4.663640551436106 51.79904947243193)</t>
  </si>
  <si>
    <t>POINT (4.649730191044598 51.794952818752414)</t>
  </si>
  <si>
    <t>POINT (4.70719653379208 51.80933368443447)</t>
  </si>
  <si>
    <t>POINT (4.644924407870591 51.77325592276257)</t>
  </si>
  <si>
    <t>POINT (4.68058428549047 51.78012629046054)</t>
  </si>
  <si>
    <t>POINT (4.662246980049132 51.81428336602934)</t>
  </si>
  <si>
    <t>POINT (4.718233585090452 51.80118185271467)</t>
  </si>
  <si>
    <t>POINT (4.670422773110243 51.78019290245394)</t>
  </si>
  <si>
    <t>POINT (4.6538548780790485 51.81139133751691)</t>
  </si>
  <si>
    <t>POINT (4.693433648634911 51.796496598029975)</t>
  </si>
  <si>
    <t>POINT (4.668648615303221 51.80826422455712)</t>
  </si>
  <si>
    <t>POINT (4.675901331018192 51.7854267659847)</t>
  </si>
  <si>
    <t>POINT (4.716648198435897 51.812826426043344)</t>
  </si>
  <si>
    <t>POINT (4.724800615551283 51.80620372469317)</t>
  </si>
  <si>
    <t>POINT (4.678645152052279 51.77613020562675)</t>
  </si>
  <si>
    <t>POINT (4.678707834388271 51.78553328686128)</t>
  </si>
  <si>
    <t>POINT (4.676623556761906 51.817901091186876)</t>
  </si>
  <si>
    <t>POINT (4.726419180535961 51.80038414915194)</t>
  </si>
  <si>
    <t>POINT (4.664124645768674 51.80205760165041)</t>
  </si>
  <si>
    <t>POINT (4.674390666981628 51.785319457271484)</t>
  </si>
  <si>
    <t>POINT (4.6701259863947255 51.771608188670335)</t>
  </si>
  <si>
    <t>POINT (4.674244686794712 51.8131072629971)</t>
  </si>
  <si>
    <t>POINT (4.70243136322191 51.78951536689121)</t>
  </si>
  <si>
    <t>POINT (4.6809257132305655 51.81266966281557)</t>
  </si>
  <si>
    <t>POINT (4.661739995021965 51.81432987753203)</t>
  </si>
  <si>
    <t>POINT (4.7183371763362905 51.80118367473042)</t>
  </si>
  <si>
    <t>POINT (4.6996766166755055 51.79885488707982)</t>
  </si>
  <si>
    <t>POINT (4.684781531893325 51.81226859436913)</t>
  </si>
  <si>
    <t>POINT (4.674508603824357 51.78663483406461)</t>
  </si>
  <si>
    <t>POINT (4.685318649002677 51.792111660675836)</t>
  </si>
  <si>
    <t>POINT (4.686299639865542 51.809081617067406)</t>
  </si>
  <si>
    <t>POINT (4.682920932727245 51.779748931097565)</t>
  </si>
  <si>
    <t>POINT (4.663072344459665 51.79401826447302)</t>
  </si>
  <si>
    <t>POINT (4.706241099849867 51.81604076553118)</t>
  </si>
  <si>
    <t>POINT (4.662541504228056 51.809479278134646)</t>
  </si>
  <si>
    <t>POINT (4.679189004661103 51.79961725133977)</t>
  </si>
  <si>
    <t>POINT (4.728015236854134 51.79734778363705)</t>
  </si>
  <si>
    <t>POINT (4.671572868721901 51.81327203231659)</t>
  </si>
  <si>
    <t>POINT (4.714007646218031 51.81375027963756)</t>
  </si>
  <si>
    <t>POINT (4.693917075772275 51.79124158411914)</t>
  </si>
  <si>
    <t>POINT (4.660478838742304 51.787273075383325)</t>
  </si>
  <si>
    <t>POINT (4.7096680487996565 51.803421664913095)</t>
  </si>
  <si>
    <t>POINT (4.716312138705849 51.80665678787718)</t>
  </si>
  <si>
    <t>POINT (4.715366381302973 51.80322028474003)</t>
  </si>
  <si>
    <t>POINT (4.6719523162092935 51.8188150786776)</t>
  </si>
  <si>
    <t>POINT (4.707643895071391 51.78915021211684)</t>
  </si>
  <si>
    <t>POINT (4.660174949887968 51.78258131364303)</t>
  </si>
  <si>
    <t>POINT (4.67685142721058 51.789963473057504)</t>
  </si>
  <si>
    <t>POINT (4.7161628735914904 51.800554234019586)</t>
  </si>
  <si>
    <t>POINT (4.6759880080447065 51.80707365981774)</t>
  </si>
  <si>
    <t>POINT (4.683933890724464 51.781382682226166)</t>
  </si>
  <si>
    <t>POINT (4.716691389790934 51.80667101832009)</t>
  </si>
  <si>
    <t>POINT (4.670888765301577 51.81144443400249)</t>
  </si>
  <si>
    <t>POINT (4.673138671562221 51.80251411416789)</t>
  </si>
  <si>
    <t>POINT (4.664884546583348 51.78900503045476)</t>
  </si>
  <si>
    <t>POINT (4.698070925184765 51.79839185393816)</t>
  </si>
  <si>
    <t>POINT (4.721179124967511 51.81236512476014)</t>
  </si>
  <si>
    <t>POINT (4.697365149708107 51.800377015157146)</t>
  </si>
  <si>
    <t>POINT (4.671818754628242 51.79290238749174)</t>
  </si>
  <si>
    <t>POINT (4.687759245876751 51.81516757781566)</t>
  </si>
  <si>
    <t>POINT (4.711419446461157 51.80014504597792)</t>
  </si>
  <si>
    <t>POINT (4.666589014079519 51.812359547468105)</t>
  </si>
  <si>
    <t>POINT (4.718514865024315 51.812662347051265)</t>
  </si>
  <si>
    <t>POINT (4.678061425549736 51.78865470522331)</t>
  </si>
  <si>
    <t>POINT (4.678233880083814 51.78462095590991)</t>
  </si>
  <si>
    <t>POINT (4.669518104512094 51.81570199451965)</t>
  </si>
  <si>
    <t>POINT (4.663080307284737 51.79405139204065)</t>
  </si>
  <si>
    <t>POINT (4.64779555705886 51.80654764191495)</t>
  </si>
  <si>
    <t>POINT (4.659744018069205 51.790009492764085)</t>
  </si>
  <si>
    <t>POINT (4.6682631371679415 51.81520114964402)</t>
  </si>
  <si>
    <t>POINT (4.667838894270089 51.81078819274237)</t>
  </si>
  <si>
    <t>POINT (4.667299336997162 51.793497011020065)</t>
  </si>
  <si>
    <t>POINT (4.704756421633173 51.814950331333876)</t>
  </si>
  <si>
    <t>POINT (4.704940727021159 51.815985834009524)</t>
  </si>
  <si>
    <t>POINT (4.719745687251819 51.797653817373714)</t>
  </si>
  <si>
    <t>POINT (4.672741860808949 51.77548960621069)</t>
  </si>
  <si>
    <t>POINT (4.667583677684863 51.81851591787244)</t>
  </si>
  <si>
    <t>POINT (4.704310796445559 51.81685872476275)</t>
  </si>
  <si>
    <t>POINT (4.631020084023152 51.72140464037316)</t>
  </si>
  <si>
    <t>POINT (4.672652517575891 51.806045351460895)</t>
  </si>
  <si>
    <t>POINT (4.685125642042333 51.80340554405888)</t>
  </si>
  <si>
    <t>POINT (4.673026561264544 51.80786127433691)</t>
  </si>
  <si>
    <t>POINT (4.671367983095401 51.772778817051446)</t>
  </si>
  <si>
    <t>POINT (4.734833657789866 51.79751767620049)</t>
  </si>
  <si>
    <t>POINT (4.724287878909753 51.806343532794386)</t>
  </si>
  <si>
    <t>POINT (4.6605783563478695 51.81074638127311)</t>
  </si>
  <si>
    <t>POINT (4.682033058548274 51.80054188506814)</t>
  </si>
  <si>
    <t>POINT (4.684232165353352 51.8040498778594)</t>
  </si>
  <si>
    <t>POINT (4.696772737185422 51.791755552929914)</t>
  </si>
  <si>
    <t>POINT (4.657844891962496 51.80282239509172)</t>
  </si>
  <si>
    <t>POINT (4.726694470751073 51.799444354589326)</t>
  </si>
  <si>
    <t>POINT (4.659383038772612 51.803214810727056)</t>
  </si>
  <si>
    <t>POINT (4.665144372895534 51.7977957264986)</t>
  </si>
  <si>
    <t>POINT (4.684895876183768 51.804002437085906)</t>
  </si>
  <si>
    <t>POINT (4.714867098450886 51.81497111745745)</t>
  </si>
  <si>
    <t>POINT (4.630138697592068 51.729953569466836)</t>
  </si>
  <si>
    <t>POINT (4.668487512014287 51.790628155404015)</t>
  </si>
  <si>
    <t>POINT (4.6652142925683036 51.77538129814855)</t>
  </si>
  <si>
    <t>POINT (4.688302157890296 51.81983064781907)</t>
  </si>
  <si>
    <t>POINT (4.660776164535826 51.79959898640025)</t>
  </si>
  <si>
    <t>POINT (4.731990261342302 51.79586552149937)</t>
  </si>
  <si>
    <t>POINT (4.7053882257477495 51.79050697916008)</t>
  </si>
  <si>
    <t>POINT (4.689010357594771 51.80699171465703)</t>
  </si>
  <si>
    <t>POINT (4.7034993674264705 51.8075875762029)</t>
  </si>
  <si>
    <t>POINT (4.663371800975139 51.81481193121038)</t>
  </si>
  <si>
    <t>POINT (4.66799432646612 51.812662278087615)</t>
  </si>
  <si>
    <t>POINT (4.666944437607648 51.81550316404406)</t>
  </si>
  <si>
    <t>POINT (4.695346087799184 51.81814081798678)</t>
  </si>
  <si>
    <t>POINT (4.678567786639324 51.806478918582314)</t>
  </si>
  <si>
    <t>POINT (4.718247814880007 51.79987937978132)</t>
  </si>
  <si>
    <t>POINT (4.672642437907952 51.78279800644891)</t>
  </si>
  <si>
    <t>POINT (4.655341772033092 51.79935565132496)</t>
  </si>
  <si>
    <t>POINT (4.6814067509251265 51.81864485801293)</t>
  </si>
  <si>
    <t>POINT (4.704062670336142 51.8077963554793)</t>
  </si>
  <si>
    <t>POINT (4.659763172595068 51.790178050933)</t>
  </si>
  <si>
    <t>POINT (4.658199604252419 51.799300113201106)</t>
  </si>
  <si>
    <t>POINT (4.695665091886213 51.79792538861374)</t>
  </si>
  <si>
    <t>POINT (4.667678184410823 51.798946924456594)</t>
  </si>
  <si>
    <t>POINT (4.646457836469432 51.78664161139101)</t>
  </si>
  <si>
    <t>POINT (4.680030478701006 51.7741856174646)</t>
  </si>
  <si>
    <t>POINT (4.684421131760037 51.810164311517596)</t>
  </si>
  <si>
    <t>POINT (4.685095897649604 51.81298585630738)</t>
  </si>
  <si>
    <t>POINT (4.678386321908352 51.80710331744898)</t>
  </si>
  <si>
    <t>POINT (4.682724830551043 51.78803512305927)</t>
  </si>
  <si>
    <t>POINT (4.692338547616388 51.78824014689939)</t>
  </si>
  <si>
    <t>POINT (4.675591507606368 51.81654061462187)</t>
  </si>
  <si>
    <t>POINT (4.66722581738368 51.78795197880499)</t>
  </si>
  <si>
    <t>POINT (4.704274838262559 51.790154834685346)</t>
  </si>
  <si>
    <t>POINT (4.659622403338684 51.79749625698442)</t>
  </si>
  <si>
    <t>POINT (4.6675598275630925 51.7905073859237)</t>
  </si>
  <si>
    <t>POINT (4.7223227322480685 51.798949169954255)</t>
  </si>
  <si>
    <t>POINT (4.685603232913375 51.809867828775815)</t>
  </si>
  <si>
    <t>POINT (4.676846493767328 51.808795337263696)</t>
  </si>
  <si>
    <t>POINT (4.67586037603953 51.78547348358551)</t>
  </si>
  <si>
    <t>POINT (4.64196148697645 51.77634718216978)</t>
  </si>
  <si>
    <t>POINT (4.669477237675808 51.805661112818214)</t>
  </si>
  <si>
    <t>POINT (4.722764055581623 51.799856044659435)</t>
  </si>
  <si>
    <t>POINT (4.715292065869622 51.813812309345636)</t>
  </si>
  <si>
    <t>POINT (4.679787997110311 51.81292562070294)</t>
  </si>
  <si>
    <t>POINT (4.665568160693269 51.78067314593523)</t>
  </si>
  <si>
    <t>POINT (4.680463373862883 51.806849879815985)</t>
  </si>
  <si>
    <t>POINT (4.706865234472782 51.79525351566814)</t>
  </si>
  <si>
    <t>POINT (4.669182280773769 51.79849367974027)</t>
  </si>
  <si>
    <t>POINT (4.670002647239908 51.819261692560886)</t>
  </si>
  <si>
    <t>POINT (4.67521622589245 51.81563140893479)</t>
  </si>
  <si>
    <t>POINT (4.671630766995245 51.81180882249599)</t>
  </si>
  <si>
    <t>POINT (4.708724364578278 51.81869664810923)</t>
  </si>
  <si>
    <t>POINT (4.675839131629037 51.77423558666568)</t>
  </si>
  <si>
    <t>POINT (4.68207327331445 51.78582482610266)</t>
  </si>
  <si>
    <t>POINT (4.704626902576514 51.796336583268136)</t>
  </si>
  <si>
    <t>POINT (4.70502723069365 51.80875477282655)</t>
  </si>
  <si>
    <t>POINT (4.717032854773156 51.79558179412521)</t>
  </si>
  <si>
    <t>POINT (4.679259193237232 51.80812887312233)</t>
  </si>
  <si>
    <t>POINT (4.675141082173824 51.80547892081617)</t>
  </si>
  <si>
    <t>POINT (4.654338404958432 51.79442959125588)</t>
  </si>
  <si>
    <t>POINT (4.692721403305536 51.8194177132098)</t>
  </si>
  <si>
    <t>POINT (4.680986529043266 51.790685898671114)</t>
  </si>
  <si>
    <t>POINT (4.632165691730057 51.78096054554711)</t>
  </si>
  <si>
    <t>POINT (4.668941852835777 51.78279010124507)</t>
  </si>
  <si>
    <t>POINT (4.66947559665236 51.804407729704295)</t>
  </si>
  <si>
    <t>POINT (4.719192645859203 51.81147257019288)</t>
  </si>
  <si>
    <t>POINT (4.642607687521772 51.798225313398184)</t>
  </si>
  <si>
    <t>POINT (4.683119843978613 51.81235798814769)</t>
  </si>
  <si>
    <t>POINT (4.7282862288155565 51.802484211084284)</t>
  </si>
  <si>
    <t>POINT (4.6872876329903805 51.807983004919315)</t>
  </si>
  <si>
    <t>POINT (4.6794968605186344 51.80836690656105)</t>
  </si>
  <si>
    <t>POINT (4.7298946336685015 51.79994595983782)</t>
  </si>
  <si>
    <t>POINT (4.680999486211224 51.803123032481935)</t>
  </si>
  <si>
    <t>POINT (4.697960429225472 51.79946563816948)</t>
  </si>
  <si>
    <t>POINT (4.663736876543704 51.794540050519444)</t>
  </si>
  <si>
    <t>POINT (4.730326003870908 51.79921398574624)</t>
  </si>
  <si>
    <t>POINT (4.6661033223532185 51.81052237892843)</t>
  </si>
  <si>
    <t>POINT (4.715448289188257 51.803176205949875)</t>
  </si>
  <si>
    <t>POINT (4.6674356786038995 51.77136742177581)</t>
  </si>
  <si>
    <t>POINT (4.673022998562086 51.77660471409892)</t>
  </si>
  <si>
    <t>POINT (4.632344664756073 51.76562833970085)</t>
  </si>
  <si>
    <t>POINT (4.730625295582153 51.79881625070448)</t>
  </si>
  <si>
    <t>POINT (4.659444312404089 51.799245288128375)</t>
  </si>
  <si>
    <t>POINT (4.69125903826523 51.81874846599278)</t>
  </si>
  <si>
    <t>POINT (4.665456097548538 51.81472516475546)</t>
  </si>
  <si>
    <t>POINT (4.668682374421512 51.80827866035746)</t>
  </si>
  <si>
    <t>POINT (4.67672428752743 51.815888338909865)</t>
  </si>
  <si>
    <t>POINT (4.670407378360998 51.81830786968326)</t>
  </si>
  <si>
    <t>POINT (4.6665417980092 51.774373315086656)</t>
  </si>
  <si>
    <t>POINT (4.661225455979228 51.7886584089647)</t>
  </si>
  <si>
    <t>POINT (4.699856416476378 51.798301987069586)</t>
  </si>
  <si>
    <t>POINT (4.661690514806755 51.81667997646423)</t>
  </si>
  <si>
    <t>POINT (4.7257509158613 51.79884094371618)</t>
  </si>
  <si>
    <t>POINT (4.65995749505111 51.80457896414415)</t>
  </si>
  <si>
    <t>POINT (4.681856293354455 51.80938769070575)</t>
  </si>
  <si>
    <t>POINT (4.671657587926088 51.8086266709741)</t>
  </si>
  <si>
    <t>POINT (4.735727762543989 51.7996160798021)</t>
  </si>
  <si>
    <t>POINT (4.712763129512298 51.795501228886096)</t>
  </si>
  <si>
    <t>POINT (4.691457817171838 51.819242501243494)</t>
  </si>
  <si>
    <t>POINT (4.6776673033682 51.79042124290727)</t>
  </si>
  <si>
    <t>POINT (4.706342566119329 51.79459985715808)</t>
  </si>
  <si>
    <t>POINT (4.663129414704469 51.816599137921955)</t>
  </si>
  <si>
    <t>POINT (4.681217425931819 51.77719382694748)</t>
  </si>
  <si>
    <t>POINT (4.670535361709106 51.779281937590255)</t>
  </si>
  <si>
    <t>POINT (4.672798548090813 51.81825847711632)</t>
  </si>
  <si>
    <t>POINT (4.727020261588461 51.796030071724054)</t>
  </si>
  <si>
    <t>POINT (4.7660839175170695 51.79299727091569)</t>
  </si>
  <si>
    <t>POINT (4.710186330992274 51.795782510118975)</t>
  </si>
  <si>
    <t>POINT (4.652457515341686 51.78542619128828)</t>
  </si>
  <si>
    <t>POINT (4.673449454956501 51.78890272379859)</t>
  </si>
  <si>
    <t>POINT (4.661317930660682 51.809068716913714)</t>
  </si>
  <si>
    <t>POINT (4.669866418454833 51.81440877540839)</t>
  </si>
  <si>
    <t>POINT (4.679473967915974 51.8069134349583)</t>
  </si>
  <si>
    <t>POINT (4.665201340909082 51.79924150405569)</t>
  </si>
  <si>
    <t>POINT (4.659845152959531 51.809102464280706)</t>
  </si>
  <si>
    <t>POINT (4.733243688643904 51.79680384578926)</t>
  </si>
  <si>
    <t>POINT (4.7272974111216435 51.79790942181925)</t>
  </si>
  <si>
    <t>POINT (4.684767610423258 51.803947018171385)</t>
  </si>
  <si>
    <t>POINT (4.709311789865593 51.80867216080175)</t>
  </si>
  <si>
    <t>POINT (4.7168686257228 51.80135172321862)</t>
  </si>
  <si>
    <t>POINT (4.688037838463996 51.810364915891846)</t>
  </si>
  <si>
    <t>POINT (4.725974741879033 51.80384270357693)</t>
  </si>
  <si>
    <t>POINT (4.664191624655168 51.79963957069066)</t>
  </si>
  <si>
    <t>POINT (4.681955076719159 51.78534384066919)</t>
  </si>
  <si>
    <t>POINT (4.697316646783275 51.795009002859906)</t>
  </si>
  <si>
    <t>POINT (4.711177146159595 51.815751616771415)</t>
  </si>
  <si>
    <t>POINT (4.680728691567364 51.801505202235006)</t>
  </si>
  <si>
    <t>POINT (4.680406881640336 51.785442710355696)</t>
  </si>
  <si>
    <t>POINT (4.683400053128226 51.802145843529225)</t>
  </si>
  <si>
    <t>POINT (4.711012684527513 51.792197671828006)</t>
  </si>
  <si>
    <t>POINT (4.663358762581038 51.79965021055273)</t>
  </si>
  <si>
    <t>POINT (4.6662404751585855 51.802206917145185)</t>
  </si>
  <si>
    <t>POINT (4.669968726680159 51.77900847113312)</t>
  </si>
  <si>
    <t>POINT (4.717047952129457 51.79966775330263)</t>
  </si>
  <si>
    <t>POINT (4.7303597161046484 51.80459324496237)</t>
  </si>
  <si>
    <t>POINT (4.6733271774641345 51.804622927383264)</t>
  </si>
  <si>
    <t>POINT (4.6454380869795004 51.7736452929663)</t>
  </si>
  <si>
    <t>POINT (4.665160026528503 51.80216993643522)</t>
  </si>
  <si>
    <t>POINT (4.659670371277675 51.78341108840076)</t>
  </si>
  <si>
    <t>POINT (4.669872181384241 51.77631298407882)</t>
  </si>
  <si>
    <t>POINT (4.684462526814106 51.80891512578795)</t>
  </si>
  <si>
    <t>POINT (4.6752143504139285 51.81339566390839)</t>
  </si>
  <si>
    <t>POINT (4.697636414770776 51.80094916522958)</t>
  </si>
  <si>
    <t>POINT (4.674147974908975 51.81142180272658)</t>
  </si>
  <si>
    <t>POINT (4.698219006550634 51.80038542094152)</t>
  </si>
  <si>
    <t>POINT (4.659500371833858 51.80931157881146)</t>
  </si>
  <si>
    <t>POINT (4.666897714844696 51.78003818498551)</t>
  </si>
  <si>
    <t>POINT (4.689313590763847 51.807659201047265)</t>
  </si>
  <si>
    <t>POINT (4.668840683720904 51.797352892262516)</t>
  </si>
  <si>
    <t>POINT (4.6766538519551295 51.808690477598795)</t>
  </si>
  <si>
    <t>POINT (4.716534230832212 51.80030320991745)</t>
  </si>
  <si>
    <t>POINT (4.702542450234482 51.790892522504926)</t>
  </si>
  <si>
    <t>POINT (4.680415948939313 51.78094356251281)</t>
  </si>
  <si>
    <t>POINT (4.6561261970217345 51.789659948107065)</t>
  </si>
  <si>
    <t>POINT (4.685493563297579 51.78465822657955)</t>
  </si>
  <si>
    <t>POINT (4.651726679202927 51.78890732803343)</t>
  </si>
  <si>
    <t>POINT (4.678437230000868 51.786282630726774)</t>
  </si>
  <si>
    <t>POINT (4.6570373528693105 51.81396206384474)</t>
  </si>
  <si>
    <t>POINT (4.663453395578485 51.80453292148346)</t>
  </si>
  <si>
    <t>POINT (4.665468330862047 51.7898215529387)</t>
  </si>
  <si>
    <t>POINT (4.708351797305743 51.790253121393974)</t>
  </si>
  <si>
    <t>POINT (4.664779336451011 51.814272555538246)</t>
  </si>
  <si>
    <t>POINT (4.682974793922792 51.809720508311386)</t>
  </si>
  <si>
    <t>POINT (4.681683995011089 51.77489561623366)</t>
  </si>
  <si>
    <t>POINT (4.720516110950443 51.8035311367708)</t>
  </si>
  <si>
    <t>POINT (4.676580155864046 51.775728330420925)</t>
  </si>
  <si>
    <t>POINT (4.676847865187524 51.78637485880799)</t>
  </si>
  <si>
    <t>POINT (4.684852549928199 51.810253904702826)</t>
  </si>
  <si>
    <t>POINT (4.653014343145966 51.803348552133855)</t>
  </si>
  <si>
    <t>POINT (4.675849937934921 51.807644466727105)</t>
  </si>
  <si>
    <t>POINT (4.666905883403146 51.81584481166153)</t>
  </si>
  <si>
    <t>POINT (4.6894847323041775 51.80747023435354)</t>
  </si>
  <si>
    <t>POINT (4.667366949860476 51.81840042367351)</t>
  </si>
  <si>
    <t>POINT (4.68475172681415 51.80913023929819)</t>
  </si>
  <si>
    <t>POINT (4.664164381989713 51.793799275620636)</t>
  </si>
  <si>
    <t>POINT (4.718186137159677 51.81274249480071)</t>
  </si>
  <si>
    <t>POINT (4.665456416673052 51.812628054191585)</t>
  </si>
  <si>
    <t>POINT (4.697358731308384 51.79284668365235)</t>
  </si>
  <si>
    <t>POINT (4.674427074472704 51.7805210057712)</t>
  </si>
  <si>
    <t>POINT (4.653699973613792 51.78574254977515)</t>
  </si>
  <si>
    <t>POINT (4.65856694701223 51.8119689188767)</t>
  </si>
  <si>
    <t>POINT (4.708721809417681 51.80837120889515)</t>
  </si>
  <si>
    <t>POINT (4.677755783291277 51.813741748398826)</t>
  </si>
  <si>
    <t>POINT (4.691515878109844 51.806774715240536)</t>
  </si>
  <si>
    <t>POINT (4.675210915201641 51.81453973890098)</t>
  </si>
  <si>
    <t>POINT (4.711541830505946 51.79397581040986)</t>
  </si>
  <si>
    <t>POINT (4.720716250307588 51.79791854041818)</t>
  </si>
  <si>
    <t>POINT (4.671176175720241 51.7795029735586)</t>
  </si>
  <si>
    <t>POINT (4.694060881281801 51.818102826066735)</t>
  </si>
  <si>
    <t>POINT (4.668566658482593 51.81180070504589)</t>
  </si>
  <si>
    <t>POINT (4.66804643948323 51.77586029580525)</t>
  </si>
  <si>
    <t>POINT (4.6609248588331305 51.7914226699432)</t>
  </si>
  <si>
    <t>POINT (4.67025475330613 51.80535007564105)</t>
  </si>
  <si>
    <t>POINT (4.692060831246019 51.80758360765533)</t>
  </si>
  <si>
    <t>POINT (4.6785162549739105 51.807434687693416)</t>
  </si>
  <si>
    <t>POINT (4.728885309442198 51.79344823482199)</t>
  </si>
  <si>
    <t>POINT (4.686397244052362 51.80874762390101)</t>
  </si>
  <si>
    <t>POINT (4.652938108895096 51.80312229693247)</t>
  </si>
  <si>
    <t>POINT (4.6995951952206205 51.799495139950785)</t>
  </si>
  <si>
    <t>POINT (4.662106851746259 51.814320693209766)</t>
  </si>
  <si>
    <t>POINT (4.689840150167389 51.808191035723524)</t>
  </si>
  <si>
    <t>POINT (4.661024420416832 51.78983362465032)</t>
  </si>
  <si>
    <t>POINT (4.652742087640027 51.80372657587033)</t>
  </si>
  <si>
    <t>POINT (4.660584005785968 51.81317175197346)</t>
  </si>
  <si>
    <t>POINT (4.682477160084016 51.7853105471915)</t>
  </si>
  <si>
    <t>POINT (4.704917381973301 51.7972607164513)</t>
  </si>
  <si>
    <t>POINT (4.67929290864348 51.80837628298509)</t>
  </si>
  <si>
    <t>POINT (4.665902726156034 51.81216310830727)</t>
  </si>
  <si>
    <t>POINT (4.729862963099624 51.797851509895445)</t>
  </si>
  <si>
    <t>POINT (4.679052117946021 51.814219469522804)</t>
  </si>
  <si>
    <t>POINT (4.679240825227969 51.78202105219287)</t>
  </si>
  <si>
    <t>POINT (4.683934092662275 51.781775156865265)</t>
  </si>
  <si>
    <t>POINT (4.658630447453076 51.812535330658164)</t>
  </si>
  <si>
    <t>POINT (4.708692354414133 51.79404226779158)</t>
  </si>
  <si>
    <t>POINT (4.672675919268119 51.814599333303434)</t>
  </si>
  <si>
    <t>POINT (4.659752577206158 51.78989307915447)</t>
  </si>
  <si>
    <t>POINT (4.666156882478432 51.81625718783794)</t>
  </si>
  <si>
    <t>POINT (4.731725034045047 51.79760339618517)</t>
  </si>
  <si>
    <t>POINT (4.6668298568880475 51.793891366693806)</t>
  </si>
  <si>
    <t>POINT (4.7073878113787915 51.80751122052545)</t>
  </si>
  <si>
    <t>POINT (4.665982551970466 51.81854545990408)</t>
  </si>
  <si>
    <t>POINT (4.663331515943672 51.792948770278244)</t>
  </si>
  <si>
    <t>POINT (4.677072485090929 51.777301181008326)</t>
  </si>
  <si>
    <t>POINT (4.677565578277145 51.79034021476234)</t>
  </si>
  <si>
    <t>POINT (4.7291300411264094 51.79725489696999)</t>
  </si>
  <si>
    <t>POINT (4.670354773440134 51.80605500391984)</t>
  </si>
  <si>
    <t>POINT (4.717900614491909 51.80316841338171)</t>
  </si>
  <si>
    <t>POINT (4.661277976957729 51.7903964487675)</t>
  </si>
  <si>
    <t>POINT (4.651155035086605 51.788059108910325)</t>
  </si>
  <si>
    <t>POINT (4.656940682974798 51.76951727122448)</t>
  </si>
  <si>
    <t>POINT (4.72012306211158 51.794292320163294)</t>
  </si>
  <si>
    <t>POINT (4.669260739289884 51.79978522340595)</t>
  </si>
  <si>
    <t>POINT (4.7207700456873125 51.80515388773277)</t>
  </si>
  <si>
    <t>POINT (4.725191227424191 51.80478519390996)</t>
  </si>
  <si>
    <t>POINT (4.728685221791039 51.805518156402336)</t>
  </si>
  <si>
    <t>POINT (4.649993162841951 51.793702433869605)</t>
  </si>
  <si>
    <t>POINT (4.724844307733132 51.79300137849377)</t>
  </si>
  <si>
    <t>POINT (4.67601855882204 51.77242471251869)</t>
  </si>
  <si>
    <t>POINT (4.707253960356827 51.7934112684144)</t>
  </si>
  <si>
    <t>POINT (4.651647108980902 51.78841637782093)</t>
  </si>
  <si>
    <t>POINT (4.680047392018791 51.77932359972826)</t>
  </si>
  <si>
    <t>POINT (4.667520783867206 51.795876913537384)</t>
  </si>
  <si>
    <t>POINT (4.66991402929411 51.7931154386371)</t>
  </si>
  <si>
    <t>POINT (4.661247527009599 51.77400670605054)</t>
  </si>
  <si>
    <t>POINT (4.701306974856173 51.79765894159666)</t>
  </si>
  <si>
    <t>POINT (4.662946600017751 51.80082338825443)</t>
  </si>
  <si>
    <t>POINT (4.663550925287568 51.81235155782948)</t>
  </si>
  <si>
    <t>POINT (4.682932022954421 51.80648460933594)</t>
  </si>
  <si>
    <t>POINT (4.705040996657993 51.80827616225454)</t>
  </si>
  <si>
    <t>POINT (4.674681268666828 51.77631381294823)</t>
  </si>
  <si>
    <t>POINT (4.644962909968183 51.77972901685787)</t>
  </si>
  <si>
    <t>POINT (4.680226372919112 51.78687067216965)</t>
  </si>
  <si>
    <t>POINT (4.662645907482352 51.798327321624846)</t>
  </si>
  <si>
    <t>POINT (4.675760428061254 51.774003703916286)</t>
  </si>
  <si>
    <t>POINT (4.705385479131214 51.790447026750215)</t>
  </si>
  <si>
    <t>POINT (4.711614949249193 51.795138159621615)</t>
  </si>
  <si>
    <t>POINT (4.707111689781401 51.80709070449042)</t>
  </si>
  <si>
    <t>POINT (4.658623410496263 51.811970195282896)</t>
  </si>
  <si>
    <t>POINT (4.667969443377246 51.81711096224204)</t>
  </si>
  <si>
    <t>POINT (4.65960050872273 51.811030980484865)</t>
  </si>
  <si>
    <t>POINT (4.659477060991513 51.79551556716106)</t>
  </si>
  <si>
    <t>POINT (4.662825551211163 51.812364682377456)</t>
  </si>
  <si>
    <t>POINT (4.666832561844555 51.77702235019228)</t>
  </si>
  <si>
    <t>POINT (4.666385635172018 51.8135045885745)</t>
  </si>
  <si>
    <t>POINT (4.7209389045762356 51.8112433818063)</t>
  </si>
  <si>
    <t>POINT (4.629818051455708 51.725084658379195)</t>
  </si>
  <si>
    <t>POINT (4.701793284202071 51.78953386955557)</t>
  </si>
  <si>
    <t>POINT (4.687238554936952 51.805985493315795)</t>
  </si>
  <si>
    <t>POINT (4.68105406252727 51.811763649539245)</t>
  </si>
  <si>
    <t>POINT (4.659750631793249 51.7900676637486)</t>
  </si>
  <si>
    <t>POINT (4.663390120443579 51.80377050600588)</t>
  </si>
  <si>
    <t>POINT (4.707572266265618 51.806280870839196)</t>
  </si>
  <si>
    <t>POINT (4.667109972996255 51.80816131033049)</t>
  </si>
  <si>
    <t>POINT (4.665732470685967 51.80965040857157)</t>
  </si>
  <si>
    <t>POINT (4.660803484800985 51.78986840937788)</t>
  </si>
  <si>
    <t>POINT (4.676593592996328 51.79510313702827)</t>
  </si>
  <si>
    <t>POINT (4.698270380397466 51.79206466893463)</t>
  </si>
  <si>
    <t>POINT (4.647981033474725 51.78463556206682)</t>
  </si>
  <si>
    <t>POINT (4.650714894383866 51.801898169250336)</t>
  </si>
  <si>
    <t>POINT (4.633355002466396 51.78378676709908)</t>
  </si>
  <si>
    <t>POINT (4.702028066543068 51.79764212143572)</t>
  </si>
  <si>
    <t>POINT (4.702674602685108 51.79054938712712)</t>
  </si>
  <si>
    <t>POINT (4.653639798780096 51.791862175455655)</t>
  </si>
  <si>
    <t>POINT (4.653587737301374 51.78734261246414)</t>
  </si>
  <si>
    <t>POINT (4.696882164277889 51.79901977120174)</t>
  </si>
  <si>
    <t>POINT (4.679471012544736 51.8089522188032)</t>
  </si>
  <si>
    <t>POINT (4.6664465734048575 51.809083197582304)</t>
  </si>
  <si>
    <t>POINT (4.721153649432745 51.799413256733416)</t>
  </si>
  <si>
    <t>POINT (4.680909639216786 51.80357188953069)</t>
  </si>
  <si>
    <t>POINT (4.657522780675383 51.783668461686744)</t>
  </si>
  <si>
    <t>POINT (4.647951994979552 51.79091133940891)</t>
  </si>
  <si>
    <t>POINT (4.6815850725106944 51.787964417195376)</t>
  </si>
  <si>
    <t>POINT (4.667821822943217 51.794777680588176)</t>
  </si>
  <si>
    <t>POINT (4.6705222428656175 51.80856681704013)</t>
  </si>
  <si>
    <t>POINT (4.653833233901413 51.78583204769263)</t>
  </si>
  <si>
    <t>POINT (4.655620014385559 51.811241367651704)</t>
  </si>
  <si>
    <t>POINT (4.657921603622653 51.81322963617527)</t>
  </si>
  <si>
    <t>POINT (4.7174182880691795 51.804763267094415)</t>
  </si>
  <si>
    <t>POINT (4.654135929843523 51.79270497505164)</t>
  </si>
  <si>
    <t>POINT (4.715564332369137 51.80841414933214)</t>
  </si>
  <si>
    <t>POINT (4.662824837762502 51.79098082922185)</t>
  </si>
  <si>
    <t>POINT (4.665578705030263 51.787026987606204)</t>
  </si>
  <si>
    <t>POINT (4.700365285094434 51.7959085077141)</t>
  </si>
  <si>
    <t>POINT (4.651998458954353 51.78775032325186)</t>
  </si>
  <si>
    <t>POINT (4.658329853712773 51.77166818806713)</t>
  </si>
  <si>
    <t>POINT (4.68415948996503 51.78832141750316)</t>
  </si>
  <si>
    <t>POINT (4.659586117664998 51.81500301758529)</t>
  </si>
  <si>
    <t>POINT (4.730886424704402 51.797169167885656)</t>
  </si>
  <si>
    <t>POINT (4.672812732267919 51.781715374506994)</t>
  </si>
  <si>
    <t>POINT (4.653925026830201 51.81121984020401)</t>
  </si>
  <si>
    <t>POINT (4.662365175580565 51.80560934128355)</t>
  </si>
  <si>
    <t>POINT (4.659171844601873 51.808892834436314)</t>
  </si>
  <si>
    <t>POINT (4.67278598396323 51.78508459108403)</t>
  </si>
  <si>
    <t>POINT (4.6858431823537865 51.79182122730824)</t>
  </si>
  <si>
    <t>POINT (4.705835841681122 51.79752599707809)</t>
  </si>
  <si>
    <t>POINT (4.657123210463419 51.800693895532355)</t>
  </si>
  <si>
    <t>POINT (4.677302384892264 51.77392988385489)</t>
  </si>
  <si>
    <t>POINT (4.683093654269519 51.811561228548875)</t>
  </si>
  <si>
    <t>POINT (4.685090819500307 51.80480314605023)</t>
  </si>
  <si>
    <t>POINT (4.670462624830509 51.818349716762704)</t>
  </si>
  <si>
    <t>POINT (4.678000411317972 51.78842102583805)</t>
  </si>
  <si>
    <t>POINT (4.660749376612139 51.79471025344756)</t>
  </si>
  <si>
    <t>POINT (4.650730559037646 51.794579194992096)</t>
  </si>
  <si>
    <t>POINT (4.681736691548095 51.78022244013872)</t>
  </si>
  <si>
    <t>POINT (4.658700065887997 51.801888434055016)</t>
  </si>
  <si>
    <t>POINT (4.6685208683643715 51.81458505352484)</t>
  </si>
  <si>
    <t>POINT (4.68596430422118 51.78001599947818)</t>
  </si>
  <si>
    <t>POINT (4.674014311367285 51.819030033770225)</t>
  </si>
  <si>
    <t>POINT (4.659356518195042 51.810687214188626)</t>
  </si>
  <si>
    <t>POINT (4.730921433043646 51.80072729229582)</t>
  </si>
  <si>
    <t>POINT (4.66316389859324 51.81136740875546)</t>
  </si>
  <si>
    <t>POINT (4.667479701937623 51.772661869783974)</t>
  </si>
  <si>
    <t>POINT (4.659029529311735 51.79641167850948)</t>
  </si>
  <si>
    <t>POINT (4.668606825743182 51.77533991322514)</t>
  </si>
  <si>
    <t>POINT (4.680622604117941 51.79999977767602)</t>
  </si>
  <si>
    <t>POINT (4.669347533176917 51.77356809026172)</t>
  </si>
  <si>
    <t>POINT (4.660951539974881 51.80686929995202)</t>
  </si>
  <si>
    <t>POINT (4.723525368455322 51.79772235896655)</t>
  </si>
  <si>
    <t>POINT (4.6560855502361935 51.78954035166974)</t>
  </si>
  <si>
    <t>POINT (4.704883282505169 51.787841985553506)</t>
  </si>
  <si>
    <t>POINT (4.666396672837149 51.787892280592445)</t>
  </si>
  <si>
    <t>POINT (4.665073534301428 51.81812847666029)</t>
  </si>
  <si>
    <t>POINT (4.674002313166277 51.81706116431274)</t>
  </si>
  <si>
    <t>3311PV</t>
  </si>
  <si>
    <t>Willem Kesplantsoen</t>
  </si>
  <si>
    <t>POINT (4.676808333116983 51.81379079387147)</t>
  </si>
  <si>
    <t>POINT (4.672761520845826 51.783642878948406)</t>
  </si>
  <si>
    <t>POINT (4.667784096175489 51.81426790412914)</t>
  </si>
  <si>
    <t>POINT (4.667250893949303 51.78917532436706)</t>
  </si>
  <si>
    <t>POINT (4.664123776727913 51.80965420571919)</t>
  </si>
  <si>
    <t>POINT (4.690844033373097 51.80711008818344)</t>
  </si>
  <si>
    <t>POINT (4.692351835905907 51.79069567255735)</t>
  </si>
  <si>
    <t>POINT (4.674916024252341 51.80731821134821)</t>
  </si>
  <si>
    <t>POINT (4.704655205622611 51.7985894775722)</t>
  </si>
  <si>
    <t>POINT (4.673248439000844 51.81614215436819)</t>
  </si>
  <si>
    <t>POINT (4.676355373697559 51.81845184751674)</t>
  </si>
  <si>
    <t>POINT (4.669155293383047 51.776549710599326)</t>
  </si>
  <si>
    <t>POINT (4.673218729541698 51.81622411208221)</t>
  </si>
  <si>
    <t>POINT (4.666801451204669 51.772692968263335)</t>
  </si>
  <si>
    <t>POINT (4.70766122637726 51.79511767197652)</t>
  </si>
  <si>
    <t>POINT (4.659504363496766 51.78205027275322)</t>
  </si>
  <si>
    <t>POINT (4.663046640217573 51.79869312778648)</t>
  </si>
  <si>
    <t>POINT (4.695610236919036 51.810227398984495)</t>
  </si>
  <si>
    <t>POINT (4.662163954670177 51.79697931152177)</t>
  </si>
  <si>
    <t>POINT (4.697665704678265 51.79401678201311)</t>
  </si>
  <si>
    <t>POINT (4.672437088108075 51.799214050939916)</t>
  </si>
  <si>
    <t>POINT (4.716333110691884 51.79964373136684)</t>
  </si>
  <si>
    <t>POINT (4.654234835452348 51.78184354871559)</t>
  </si>
  <si>
    <t>POINT (4.731333456862332 51.7998894460618)</t>
  </si>
  <si>
    <t>POINT (4.667389157956206 51.79348850155417)</t>
  </si>
  <si>
    <t>POINT (4.643975775849764 51.77066917584056)</t>
  </si>
  <si>
    <t>POINT (4.6859293008585325 51.80973084901033)</t>
  </si>
  <si>
    <t>POINT (4.653024160456636 51.79139703254938)</t>
  </si>
  <si>
    <t>POINT (4.72499086825937 51.80449839541807)</t>
  </si>
  <si>
    <t>POINT (4.719677872462511 51.80209112718086)</t>
  </si>
  <si>
    <t>POINT (4.68205818776557 51.78675301568643)</t>
  </si>
  <si>
    <t>POINT (4.704655880832329 51.815358981625764)</t>
  </si>
  <si>
    <t>POINT (4.673152580929369 51.781933478383834)</t>
  </si>
  <si>
    <t>POINT (4.6600069110892095 51.77264849138951)</t>
  </si>
  <si>
    <t>POINT (4.731984460856455 51.80138450501859)</t>
  </si>
  <si>
    <t>POINT (4.6611762346318875 51.80250041572913)</t>
  </si>
  <si>
    <t>POINT (4.721438833789766 51.802334018896794)</t>
  </si>
  <si>
    <t>POINT (4.673403854446523 51.77696433378046)</t>
  </si>
  <si>
    <t>POINT (4.732928644234365 51.80200593570353)</t>
  </si>
  <si>
    <t>POINT (4.669985137948442 51.81442139303759)</t>
  </si>
  <si>
    <t>POINT (4.669968138711477 51.81952078677735)</t>
  </si>
  <si>
    <t>POINT (4.708348061208709 51.80197749580778)</t>
  </si>
  <si>
    <t>POINT (4.664908033221951 51.81589178597892)</t>
  </si>
  <si>
    <t>POINT (4.6890953923156005 51.807432440458555)</t>
  </si>
  <si>
    <t>POINT (4.679689181162776 51.77400701187557)</t>
  </si>
  <si>
    <t>POINT (4.690983275685732 51.818847143808895)</t>
  </si>
  <si>
    <t>POINT (4.668023916109474 51.801042914645905)</t>
  </si>
  <si>
    <t>POINT (4.718776427451213 51.79678342932304)</t>
  </si>
  <si>
    <t>POINT (4.666806859297456 51.81794386809346)</t>
  </si>
  <si>
    <t>POINT (4.725247859231014 51.799216133081515)</t>
  </si>
  <si>
    <t>POINT (4.652714959835239 51.78729840959459)</t>
  </si>
  <si>
    <t>POINT (4.6775447603342855 51.790342282070725)</t>
  </si>
  <si>
    <t>POINT (4.655776648490496 51.80117903344231)</t>
  </si>
  <si>
    <t>POINT (4.658232408657787 51.79178159934845)</t>
  </si>
  <si>
    <t>POINT (4.71350800022147 51.80786125442399)</t>
  </si>
  <si>
    <t>POINT (4.6722791843104705 51.81790095427505)</t>
  </si>
  <si>
    <t>POINT (4.717238539809302 51.815345366135986)</t>
  </si>
  <si>
    <t>POINT (4.672420618257314 51.803656275607345)</t>
  </si>
  <si>
    <t>POINT (4.731278642677113 51.801284985304285)</t>
  </si>
  <si>
    <t>POINT (4.709935745313205 51.808560439274196)</t>
  </si>
  <si>
    <t>POINT (4.655902498837015 51.79894426516369)</t>
  </si>
  <si>
    <t>POINT (4.6699661785459545 51.81026942585687)</t>
  </si>
  <si>
    <t>POINT (4.671051461948596 51.78716259318199)</t>
  </si>
  <si>
    <t>POINT (4.710166693838812 51.803358917000274)</t>
  </si>
  <si>
    <t>POINT (4.652455023118885 51.79085427241021)</t>
  </si>
  <si>
    <t>POINT (4.678701452514892 51.773556305882686)</t>
  </si>
  <si>
    <t>POINT (4.6830589510112715 51.8012336845794)</t>
  </si>
  <si>
    <t>POINT (4.667863377440884 51.81394727867213)</t>
  </si>
  <si>
    <t>POINT (4.654728909816176 51.78846633972251)</t>
  </si>
  <si>
    <t>POINT (4.6703555940633095 51.79669582639082)</t>
  </si>
  <si>
    <t>POINT (4.6859478297958645 51.79171728752967)</t>
  </si>
  <si>
    <t>POINT (4.657226636714368 51.8069533946834)</t>
  </si>
  <si>
    <t>POINT (4.673945568098268 51.80868334144021)</t>
  </si>
  <si>
    <t>POINT (4.660850833594075 51.7947004457539)</t>
  </si>
  <si>
    <t>POINT (4.680425078463542 51.77670204699477)</t>
  </si>
  <si>
    <t>POINT (4.701005862061682 51.80042968035567)</t>
  </si>
  <si>
    <t>POINT (4.724551875316964 51.81428366808588)</t>
  </si>
  <si>
    <t>POINT (4.667704971102457 51.8138271716822)</t>
  </si>
  <si>
    <t>POINT (4.674714367564388 51.81829539050305)</t>
  </si>
  <si>
    <t>POINT (4.664001859481283 51.795431907038385)</t>
  </si>
  <si>
    <t>POINT (4.672343382999991 51.773129537615354)</t>
  </si>
  <si>
    <t>POINT (4.657550297338535 51.81130901662345)</t>
  </si>
  <si>
    <t>POINT (4.7258847209770805 51.797127779038824)</t>
  </si>
  <si>
    <t>POINT (4.726741571414661 51.79427334393544)</t>
  </si>
  <si>
    <t>POINT (4.669733975651434 51.80410957320128)</t>
  </si>
  <si>
    <t>POINT (4.6665705110417495 51.8081541334935)</t>
  </si>
  <si>
    <t>POINT (4.654959212174217 51.806208836882355)</t>
  </si>
  <si>
    <t>POINT (4.68437829828011 51.80672572779001)</t>
  </si>
  <si>
    <t>POINT (4.730251055637288 51.79848512665741)</t>
  </si>
  <si>
    <t>POINT (4.694709025682446 51.794608790215314)</t>
  </si>
  <si>
    <t>POINT (4.7141636590674345 51.81611197698421)</t>
  </si>
  <si>
    <t>POINT (4.629691505919339 51.723267617763206)</t>
  </si>
  <si>
    <t>POINT (4.656998109940495 51.802386102359776)</t>
  </si>
  <si>
    <t>POINT (4.671651785734118 51.80267447466518)</t>
  </si>
  <si>
    <t>POINT (4.671100624722287 51.77185950889551)</t>
  </si>
  <si>
    <t>POINT (4.658890831557435 51.806856986089755)</t>
  </si>
  <si>
    <t>POINT (4.664582788422969 51.77857986405441)</t>
  </si>
  <si>
    <t>POINT (4.65572706285783 51.7995289831929)</t>
  </si>
  <si>
    <t>POINT (4.67142574198034 51.78580166010417)</t>
  </si>
  <si>
    <t>POINT (4.680773852999486 51.786068161024595)</t>
  </si>
  <si>
    <t>POINT (4.721333001435976 51.802347305813015)</t>
  </si>
  <si>
    <t>POINT (4.690784674067524 51.81854110640761)</t>
  </si>
  <si>
    <t>POINT (4.70446249673991 51.788493265492626)</t>
  </si>
  <si>
    <t>POINT (4.674649589553997 51.78529722829981)</t>
  </si>
  <si>
    <t>POINT (4.6951909793234465 51.79620741997577)</t>
  </si>
  <si>
    <t>POINT (4.720684559030471 51.81135658753697)</t>
  </si>
  <si>
    <t>POINT (4.685901467195735 51.7916888398509)</t>
  </si>
  <si>
    <t>POINT (4.65654289162656 51.769736123021595)</t>
  </si>
  <si>
    <t>POINT (4.708605861187933 51.797300004463835)</t>
  </si>
  <si>
    <t>POINT (4.7021711951965255 51.81626415992467)</t>
  </si>
  <si>
    <t>POINT (4.652232425123292 51.78529164026766)</t>
  </si>
  <si>
    <t>POINT (4.7063088405618165 51.79360542521694)</t>
  </si>
  <si>
    <t>POINT (4.654219223750082 51.81148351872815)</t>
  </si>
  <si>
    <t>POINT (4.726713836519763 51.79237272662606)</t>
  </si>
  <si>
    <t>POINT (4.729966700069296 51.80392368305341)</t>
  </si>
  <si>
    <t>POINT (4.703477629511248 51.7908064539506)</t>
  </si>
  <si>
    <t>POINT (4.674137305567489 51.78389476334154)</t>
  </si>
  <si>
    <t>POINT (4.71698647647701 51.79963983396743)</t>
  </si>
  <si>
    <t>POINT (4.677540945527343 51.8157051382879)</t>
  </si>
  <si>
    <t>POINT (4.73363754567322 51.80096025649045)</t>
  </si>
  <si>
    <t>POINT (4.665227577324236 51.81275842058301)</t>
  </si>
  <si>
    <t>POINT (4.690433112034935 51.81810511954973)</t>
  </si>
  <si>
    <t>POINT (4.678551547303583 51.786312588579094)</t>
  </si>
  <si>
    <t>POINT (4.720602697364603 51.80456703948898)</t>
  </si>
  <si>
    <t>POINT (4.674945566896494 51.80348335289466)</t>
  </si>
  <si>
    <t>POINT (4.701681380378302 51.78918232484536)</t>
  </si>
  <si>
    <t>POINT (4.6791132077309125 51.800113328666455)</t>
  </si>
  <si>
    <t>POINT (4.678393963600935 51.78921943411433)</t>
  </si>
  <si>
    <t>POINT (4.674199960902468 51.78853721412463)</t>
  </si>
  <si>
    <t>POINT (4.673355923711493 51.81347671469464)</t>
  </si>
  <si>
    <t>POINT (4.67097313089249 51.802585930238784)</t>
  </si>
  <si>
    <t>POINT (4.723555980645321 51.802022574124194)</t>
  </si>
  <si>
    <t>POINT (4.70901849680583 51.79741986314543)</t>
  </si>
  <si>
    <t>POINT (4.655417743352814 51.81049203176207)</t>
  </si>
  <si>
    <t>POINT (4.735656488015232 51.80085481236859)</t>
  </si>
  <si>
    <t>POINT (4.702158274578441 51.81599300494931)</t>
  </si>
  <si>
    <t>POINT (4.68438976952509 51.81188979455904)</t>
  </si>
  <si>
    <t>POINT (4.666832956499615 51.79391330915987)</t>
  </si>
  <si>
    <t>POINT (4.676873242689759 51.78641539869702)</t>
  </si>
  <si>
    <t>POINT (4.685163131389136 51.79883923396472)</t>
  </si>
  <si>
    <t>POINT (4.668945687721131 51.79546368936071)</t>
  </si>
  <si>
    <t>POINT (4.677660450294269 51.807323323794236)</t>
  </si>
  <si>
    <t>POINT (4.664858765048869 51.81308600856027)</t>
  </si>
  <si>
    <t>POINT (4.675523934974515 51.807310529199114)</t>
  </si>
  <si>
    <t>POINT (4.719761933133642 51.79536751142199)</t>
  </si>
  <si>
    <t>POINT (4.679783681579105 51.780394109874194)</t>
  </si>
  <si>
    <t>POINT (4.675110870493479 51.77842912782632)</t>
  </si>
  <si>
    <t>POINT (4.705679616469789 51.79642490440195)</t>
  </si>
  <si>
    <t>POINT (4.670026906368766 51.799043740061244)</t>
  </si>
  <si>
    <t>POINT (4.720584935858199 51.81259231849894)</t>
  </si>
  <si>
    <t>POINT (4.655830494148266 51.803352449836545)</t>
  </si>
  <si>
    <t>POINT (4.656720215407893 51.80278887295696)</t>
  </si>
  <si>
    <t>POINT (4.680773569046502 51.79973232968377)</t>
  </si>
  <si>
    <t>POINT (4.673190526685125 51.8164911376645)</t>
  </si>
  <si>
    <t>POINT (4.666515577830323 51.81686375359001)</t>
  </si>
  <si>
    <t>POINT (4.663964592084932 51.81511404601188)</t>
  </si>
  <si>
    <t>POINT (4.716979491180181 51.81390655039686)</t>
  </si>
  <si>
    <t>POINT (4.665287963959997 51.814979076445915)</t>
  </si>
  <si>
    <t>POINT (4.6573930266466705 51.79083233246465)</t>
  </si>
  <si>
    <t>POINT (4.659614382908618 51.81288234908124)</t>
  </si>
  <si>
    <t>POINT (4.690713366003275 51.80789348368369)</t>
  </si>
  <si>
    <t>POINT (4.6675433344881245 51.795736450699245)</t>
  </si>
  <si>
    <t>POINT (4.70151680827565 51.79881738673225)</t>
  </si>
  <si>
    <t>POINT (4.68533221358062 51.80939526493251)</t>
  </si>
  <si>
    <t>POINT (4.704208451900079 51.79767351282804)</t>
  </si>
  <si>
    <t>POINT (4.684299001365073 51.787221372798214)</t>
  </si>
  <si>
    <t>POINT (4.67807838694585 51.784690981777324)</t>
  </si>
  <si>
    <t>POINT (4.6512858896583 51.8031295008081)</t>
  </si>
  <si>
    <t>POINT (4.686089518268158 51.80755630647739)</t>
  </si>
  <si>
    <t>POINT (4.690698271613871 51.818545088004164)</t>
  </si>
  <si>
    <t>POINT (4.6855997526168025 51.80572447274764)</t>
  </si>
  <si>
    <t>POINT (4.660349173187329 51.80736439753871)</t>
  </si>
  <si>
    <t>POINT (4.713502674004897 51.81058777597453)</t>
  </si>
  <si>
    <t>POINT (4.702872211799062 51.79601309762815)</t>
  </si>
  <si>
    <t>POINT (4.679530392183485 51.77741886758348)</t>
  </si>
  <si>
    <t>POINT (4.709380999440897 51.79614409416543)</t>
  </si>
  <si>
    <t>POINT (4.670591100148136 51.782623452698004)</t>
  </si>
  <si>
    <t>POINT (4.685522737468638 51.78508041116169)</t>
  </si>
  <si>
    <t>POINT (4.696242567664062 51.81786668718318)</t>
  </si>
  <si>
    <t>POINT (4.662527275522271 51.78549592508761)</t>
  </si>
  <si>
    <t>POINT (4.669065537114391 51.81592808663181)</t>
  </si>
  <si>
    <t>POINT (4.667629246635673 51.818486966114776)</t>
  </si>
  <si>
    <t>POINT (4.663348182404173 51.79064447535018)</t>
  </si>
  <si>
    <t>POINT (4.676781728884015 51.80759734815683)</t>
  </si>
  <si>
    <t>POINT (4.673981243714304 51.81182838087843)</t>
  </si>
  <si>
    <t>POINT (4.6627052868842265 51.79292114746727)</t>
  </si>
  <si>
    <t>POINT (4.630959966946586 51.72197286592468)</t>
  </si>
  <si>
    <t>POINT (4.659018152612152 51.80409343881486)</t>
  </si>
  <si>
    <t>POINT (4.663491954353004 51.81322557707059)</t>
  </si>
  <si>
    <t>POINT (4.653611600596344 51.801427582379446)</t>
  </si>
  <si>
    <t>POINT (4.680642305425611 51.77569299850702)</t>
  </si>
  <si>
    <t>POINT (4.6719918098245286 51.80393879263893)</t>
  </si>
  <si>
    <t>POINT (4.6632755461749325 51.81302828006674)</t>
  </si>
  <si>
    <t>POINT (4.696319325897055 51.792939820136056)</t>
  </si>
  <si>
    <t>POINT (4.658550326189304 51.80998867987679)</t>
  </si>
  <si>
    <t>POINT (4.710676765197349 51.80921382878965)</t>
  </si>
  <si>
    <t>POINT (4.734565266245215 51.80149096785104)</t>
  </si>
  <si>
    <t>POINT (4.676480788236908 51.783888806279336)</t>
  </si>
  <si>
    <t>POINT (4.662092241291312 51.79694848652222)</t>
  </si>
  <si>
    <t>POINT (4.677953587209305 51.80339688261195)</t>
  </si>
  <si>
    <t>POINT (4.650938792555234 51.78991397572903)</t>
  </si>
  <si>
    <t>POINT (4.681677962079827 51.78706918984952)</t>
  </si>
  <si>
    <t>POINT (4.658681397916591 51.803461411757084)</t>
  </si>
  <si>
    <t>POINT (4.658988605680132 51.81426332709929)</t>
  </si>
  <si>
    <t>POINT (4.727694189987751 51.79777005469286)</t>
  </si>
  <si>
    <t>POINT (4.662865604256282 51.79122867478621)</t>
  </si>
  <si>
    <t>POINT (4.673405660894487 51.79517939715212)</t>
  </si>
  <si>
    <t>POINT (4.680617154226562 51.78713782458056)</t>
  </si>
  <si>
    <t>POINT (4.6525413789653225 51.7853697370689)</t>
  </si>
  <si>
    <t>POINT (4.660817765847007 51.79927446436456)</t>
  </si>
  <si>
    <t>POINT (4.720705853683235 51.75974507853232)</t>
  </si>
  <si>
    <t>POINT (4.668336875925787 51.79630283040075)</t>
  </si>
  <si>
    <t>POINT (4.725061621815253 51.804484745452676)</t>
  </si>
  <si>
    <t>POINT (4.665751497084878 51.80982977784427)</t>
  </si>
  <si>
    <t>POINT (4.669861426560232 51.811049371305664)</t>
  </si>
  <si>
    <t>POINT (4.674161743967337 51.806146935882964)</t>
  </si>
  <si>
    <t>POINT (4.66514180646235 51.799219322122994)</t>
  </si>
  <si>
    <t>POINT (4.663398946185964 51.79910481771155)</t>
  </si>
  <si>
    <t>POINT (4.664680069490782 51.79746382790613)</t>
  </si>
  <si>
    <t>POINT (4.679190002944512 51.77354802931435)</t>
  </si>
  <si>
    <t>POINT (4.671154206059352 51.80244430408854)</t>
  </si>
  <si>
    <t>POINT (4.723452719941776 51.79774528252897)</t>
  </si>
  <si>
    <t>POINT (4.666377448924112 51.7758163874584)</t>
  </si>
  <si>
    <t>POINT (4.656399892179541 51.80028558414273)</t>
  </si>
  <si>
    <t>POINT (4.721770926061782 51.79930032924305)</t>
  </si>
  <si>
    <t>POINT (4.669678761467699 51.77421965974269)</t>
  </si>
  <si>
    <t>POINT (4.71710078767969 51.7996917401632)</t>
  </si>
  <si>
    <t>POINT (4.683291019867238 51.798658967029596)</t>
  </si>
  <si>
    <t>POINT (4.665141991012726 51.77748960602195)</t>
  </si>
  <si>
    <t>POINT (4.683344091707811 51.79802279705468)</t>
  </si>
  <si>
    <t>POINT (4.661273774278555 51.78885151575754)</t>
  </si>
  <si>
    <t>POINT (4.672763557070588 51.783683610175494)</t>
  </si>
  <si>
    <t>POINT (4.719706328676507 51.81329170974885)</t>
  </si>
  <si>
    <t>POINT (4.672779956451174 51.80520698918229)</t>
  </si>
  <si>
    <t>POINT (4.6608788043651765 51.79730896902165)</t>
  </si>
  <si>
    <t>POINT (4.6605248087765 51.79227304990563)</t>
  </si>
  <si>
    <t>POINT (4.685475688683136 51.78897044332618)</t>
  </si>
  <si>
    <t>POINT (4.670912746937321 51.78680992847955)</t>
  </si>
  <si>
    <t>POINT (4.669327527984058 51.81406226564948)</t>
  </si>
  <si>
    <t>POINT (4.668165210248625 51.81756281787472)</t>
  </si>
  <si>
    <t>POINT (4.656754511342002 51.79974403898786)</t>
  </si>
  <si>
    <t>POINT (4.6660823374602876 51.81052701397614)</t>
  </si>
  <si>
    <t>POINT (4.654373791648044 51.789293348600374)</t>
  </si>
  <si>
    <t>POINT (4.666866145698179 51.80398602584081)</t>
  </si>
  <si>
    <t>POINT (4.707908662993675 51.79020043548751)</t>
  </si>
  <si>
    <t>POINT (4.655571110385366 51.80621927842533)</t>
  </si>
  <si>
    <t>POINT (4.634533138299924 51.78150621379963)</t>
  </si>
  <si>
    <t>POINT (4.667209389804371 51.77518186051783)</t>
  </si>
  <si>
    <t>POINT (4.669794334525458 51.811124645822865)</t>
  </si>
  <si>
    <t>POINT (4.655375002412489 51.8111320745333)</t>
  </si>
  <si>
    <t>POINT (4.717546090658325 51.802485851176954)</t>
  </si>
  <si>
    <t>POINT (4.688068954131583 51.807764330218035)</t>
  </si>
  <si>
    <t>POINT (4.661997619222683 51.805494235184014)</t>
  </si>
  <si>
    <t>POINT (4.669742357122271 51.815810780323424)</t>
  </si>
  <si>
    <t>POINT (4.713323710000726 51.80296262383688)</t>
  </si>
  <si>
    <t>POINT (4.652734536709794 51.79473731210275)</t>
  </si>
  <si>
    <t>POINT (4.631420881861716 51.72257977888398)</t>
  </si>
  <si>
    <t>POINT (4.7308191547842116 51.79116313598407)</t>
  </si>
  <si>
    <t>POINT (4.684979958196476 51.788874372082304)</t>
  </si>
  <si>
    <t>POINT (4.6680957631014675 51.80411844792554)</t>
  </si>
  <si>
    <t>POINT (4.63530172701847 51.781774432389085)</t>
  </si>
  <si>
    <t>POINT (4.725946169155244 51.800143105530594)</t>
  </si>
  <si>
    <t>POINT (4.707804078181012 51.7959613571586)</t>
  </si>
  <si>
    <t>POINT (4.685334098339853 51.7921211462809)</t>
  </si>
  <si>
    <t>POINT (4.672722416155825 51.783730981739524)</t>
  </si>
  <si>
    <t>POINT (4.708336639519555 51.804887056854874)</t>
  </si>
  <si>
    <t>POINT (4.70805137095795 51.789568243802144)</t>
  </si>
  <si>
    <t>POINT (4.681902300108154 51.776720278734814)</t>
  </si>
  <si>
    <t>POINT (4.664362333358135 51.817236592687884)</t>
  </si>
  <si>
    <t>POINT (4.705126808296437 51.795742841059095)</t>
  </si>
  <si>
    <t>POINT (4.639809678477217 51.77907125229173)</t>
  </si>
  <si>
    <t>POINT (4.675771156733627 51.81736227909739)</t>
  </si>
  <si>
    <t>POINT (4.7133146823039205 51.81010836598375)</t>
  </si>
  <si>
    <t>POINT (4.680179655610135 51.80642054353406)</t>
  </si>
  <si>
    <t>POINT (4.675527051526165 51.788468769895296)</t>
  </si>
  <si>
    <t>POINT (4.657916255672255 51.799045913653906)</t>
  </si>
  <si>
    <t>POINT (4.685686298335388 51.78200275328511)</t>
  </si>
  <si>
    <t>POINT (4.669775434739597 51.79112764870171)</t>
  </si>
  <si>
    <t>POINT (4.661234010191641 51.794677019896184)</t>
  </si>
  <si>
    <t>POINT (4.671428303524052 51.78056953949415)</t>
  </si>
  <si>
    <t>POINT (4.681208236626691 51.80120517021632)</t>
  </si>
  <si>
    <t>POINT (4.65241191286422 51.79221066875556)</t>
  </si>
  <si>
    <t>POINT (4.709360060221599 51.79435308132649)</t>
  </si>
  <si>
    <t>POINT (4.661749069008905 51.80081088444996)</t>
  </si>
  <si>
    <t>POINT (4.712308390765812 51.81082770579404)</t>
  </si>
  <si>
    <t>POINT (4.65752644764816 51.78372938304873)</t>
  </si>
  <si>
    <t>POINT (4.727292204374417 51.79744088640404)</t>
  </si>
  <si>
    <t>Pompstraat</t>
  </si>
  <si>
    <t>POINT (4.67285299045003 51.81900192853224)</t>
  </si>
  <si>
    <t>POINT (4.659733921339314 51.79338803302292)</t>
  </si>
  <si>
    <t>POINT (4.693424607138266 51.795728156828744)</t>
  </si>
  <si>
    <t>POINT (4.658315868399092 51.80517814848547)</t>
  </si>
  <si>
    <t>POINT (4.673498250805037 51.79656730181586)</t>
  </si>
  <si>
    <t>POINT (4.6684862940553895 51.81459143947506)</t>
  </si>
  <si>
    <t>POINT (4.676015216355967 51.78588479248861)</t>
  </si>
  <si>
    <t>POINT (4.665571728216185 51.78699832464785)</t>
  </si>
  <si>
    <t>POINT (4.694699583274198 51.796429677779216)</t>
  </si>
  <si>
    <t>POINT (4.71000986685486 51.794390038014704)</t>
  </si>
  <si>
    <t>POINT (4.682998357843526 51.77674478815026)</t>
  </si>
  <si>
    <t>POINT (4.676545397116892 51.78941541260009)</t>
  </si>
  <si>
    <t>POINT (4.680390272894562 51.77379114168727)</t>
  </si>
  <si>
    <t>POINT (4.699623535340289 51.78443074953228)</t>
  </si>
  <si>
    <t>POINT (4.683335476391471 51.78920756090845)</t>
  </si>
  <si>
    <t>POINT (4.712455830114794 51.80562174610025)</t>
  </si>
  <si>
    <t>POINT (4.73195114106395 51.78963079611764)</t>
  </si>
  <si>
    <t>POINT (4.677721745978227 51.782077841818584)</t>
  </si>
  <si>
    <t>POINT (4.71296418935184 51.79867093084217)</t>
  </si>
  <si>
    <t>POINT (4.710942642147818 51.80971426705648)</t>
  </si>
  <si>
    <t>POINT (4.66528513704957 51.77252838216871)</t>
  </si>
  <si>
    <t>POINT (4.7174347855920935 51.81427090629541)</t>
  </si>
  <si>
    <t>POINT (4.660876509891961 51.80514221605214)</t>
  </si>
  <si>
    <t>POINT (4.666189212460415 51.81755371505749)</t>
  </si>
  <si>
    <t>POINT (4.707963542182888 51.80773163038265)</t>
  </si>
  <si>
    <t>POINT (4.6981040524660616 51.79348301248956)</t>
  </si>
  <si>
    <t>POINT (4.663558783400683 51.81284950729506)</t>
  </si>
  <si>
    <t>POINT (4.664499012380443 51.79133767838656)</t>
  </si>
  <si>
    <t>POINT (4.669107528167009 51.791037926890326)</t>
  </si>
  <si>
    <t>POINT (4.7165820571055805 51.812710283442755)</t>
  </si>
  <si>
    <t>POINT (4.7256771851887756 51.79822195645816)</t>
  </si>
  <si>
    <t>POINT (4.7025104828475826 51.79438078458677)</t>
  </si>
  <si>
    <t>POINT (4.657628657314175 51.797807055689425)</t>
  </si>
  <si>
    <t>POINT (4.6321821317716285 51.78123126640455)</t>
  </si>
  <si>
    <t>POINT (4.672351483299015 51.79928427037092)</t>
  </si>
  <si>
    <t>POINT (4.670950651715126 51.78698862160348)</t>
  </si>
  <si>
    <t>POINT (4.651027878135801 51.79364009582375)</t>
  </si>
  <si>
    <t>POINT (4.686150310177949 51.80678268248488)</t>
  </si>
  <si>
    <t>POINT (4.707797424814864 51.78951651772142)</t>
  </si>
  <si>
    <t>POINT (4.661783328157338 51.81626313395801)</t>
  </si>
  <si>
    <t>POINT (4.675963602332271 51.77263159601883)</t>
  </si>
  <si>
    <t>POINT (4.713098640459513 51.79318810997337)</t>
  </si>
  <si>
    <t>POINT (4.714565501648121 51.81387376429941)</t>
  </si>
  <si>
    <t>POINT (4.667347665525373 51.79495225399475)</t>
  </si>
  <si>
    <t>POINT (4.666932110192369 51.80952659725061)</t>
  </si>
  <si>
    <t>POINT (4.72058793598572 51.811300686697464)</t>
  </si>
  <si>
    <t>POINT (4.7069618944076685 51.80997974986857)</t>
  </si>
  <si>
    <t>POINT (4.6693372389515195 51.81898344306643)</t>
  </si>
  <si>
    <t>POINT (4.721687061166595 51.80333334627758)</t>
  </si>
  <si>
    <t>POINT (4.65085663973217 51.789214021150514)</t>
  </si>
  <si>
    <t>POINT (4.668357399734252 51.77047141657969)</t>
  </si>
  <si>
    <t>POINT (4.668111981562809 51.81675186632784)</t>
  </si>
  <si>
    <t>POINT (4.666325496073665 51.81589706770674)</t>
  </si>
  <si>
    <t>POINT (4.6539928061160944 51.79414587855242)</t>
  </si>
  <si>
    <t>POINT (4.681763736422281 51.788205624619856)</t>
  </si>
  <si>
    <t>POINT (4.679954737770925 51.78984860648215)</t>
  </si>
  <si>
    <t>POINT (4.659382737164816 51.808859949695936)</t>
  </si>
  <si>
    <t>POINT (4.68601916848815 51.807578339816665)</t>
  </si>
  <si>
    <t>POINT (4.669514684840583 51.81892666823322)</t>
  </si>
  <si>
    <t>POINT (4.7207140376030585 51.795274066786845)</t>
  </si>
  <si>
    <t>POINT (4.659165166479156 51.80025624999936)</t>
  </si>
  <si>
    <t>POINT (4.664758929316828 51.78899024352164)</t>
  </si>
  <si>
    <t>POINT (4.667773519300797 51.81428273352478)</t>
  </si>
  <si>
    <t>POINT (4.660120322297017 51.78966986827485)</t>
  </si>
  <si>
    <t>POINT (4.708594159218358 51.80479477682612)</t>
  </si>
  <si>
    <t>POINT (4.683207926039043 51.81852847750526)</t>
  </si>
  <si>
    <t>POINT (4.656952170993718 51.79787727351253)</t>
  </si>
  <si>
    <t>POINT (4.693666891197116 51.81107378937255)</t>
  </si>
  <si>
    <t>POINT (4.665643248514347 51.79822977661822)</t>
  </si>
  <si>
    <t>POINT (4.658663581779451 51.77240733729743)</t>
  </si>
  <si>
    <t>POINT (4.684596823318832 51.803133806137765)</t>
  </si>
  <si>
    <t>POINT (4.680144821458493 51.77620532291462)</t>
  </si>
  <si>
    <t>POINT (4.729905092310824 51.798828379829324)</t>
  </si>
  <si>
    <t>POINT (4.666945593510558 51.77799168619487)</t>
  </si>
  <si>
    <t>POINT (4.667004541157503 51.7883776288583)</t>
  </si>
  <si>
    <t>POINT (4.662774853947006 51.79094324441664)</t>
  </si>
  <si>
    <t>POINT (4.683756340946796 51.81305049867131)</t>
  </si>
  <si>
    <t>POINT (4.670498916012944 51.801476077892154)</t>
  </si>
  <si>
    <t>POINT (4.72110079956431 51.80288874017805)</t>
  </si>
  <si>
    <t>POINT (4.684124108845067 51.7981169562021)</t>
  </si>
  <si>
    <t>POINT (4.672428096618528 51.805599449431)</t>
  </si>
  <si>
    <t>POINT (4.681292704150871 51.77334719542992)</t>
  </si>
  <si>
    <t>POINT (4.667503364319967 51.79036693266334)</t>
  </si>
  <si>
    <t>POINT (4.668952468157664 51.77423816228129)</t>
  </si>
  <si>
    <t>POINT (4.731887624789591 51.796966281665846)</t>
  </si>
  <si>
    <t>POINT (4.72531424322051 51.79847717357094)</t>
  </si>
  <si>
    <t>POINT (4.6839040224773845 51.80792663075546)</t>
  </si>
  <si>
    <t>POINT (4.676700419152193 51.81841405418812)</t>
  </si>
  <si>
    <t>POINT (4.682874641197001 51.80176525628114)</t>
  </si>
  <si>
    <t>POINT (4.664791351224496 51.79181092738202)</t>
  </si>
  <si>
    <t>POINT (4.658685132496622 51.798420339825405)</t>
  </si>
  <si>
    <t>POINT (4.680472196701551 51.80748503658488)</t>
  </si>
  <si>
    <t>POINT (4.679767831404805 51.80742141307753)</t>
  </si>
  <si>
    <t>POINT (4.676841959610643 51.78073205889808)</t>
  </si>
  <si>
    <t>POINT (4.678125625806544 51.808499301375576)</t>
  </si>
  <si>
    <t>POINT (4.703756294363974 51.794850704264014)</t>
  </si>
  <si>
    <t>POINT (4.707335393870032 51.807925680109435)</t>
  </si>
  <si>
    <t>POINT (4.697963962305652 51.817956924854975)</t>
  </si>
  <si>
    <t>POINT (4.713483972274491 51.79544213527122)</t>
  </si>
  <si>
    <t>POINT (4.657954196491945 51.80636949181679)</t>
  </si>
  <si>
    <t>POINT (4.663980448631171 51.79939830699185)</t>
  </si>
  <si>
    <t>POINT (4.681922735593363 51.780219487075705)</t>
  </si>
  <si>
    <t>POINT (4.654783812457098 51.792444807563)</t>
  </si>
  <si>
    <t>POINT (4.683851155736826 51.7981262324702)</t>
  </si>
  <si>
    <t>POINT (4.673294996028377 51.81619054494501)</t>
  </si>
  <si>
    <t>POINT (4.653089546692065 51.79142382360746)</t>
  </si>
  <si>
    <t>POINT (4.659060828244044 51.81422199583746)</t>
  </si>
  <si>
    <t>POINT (4.7109835194352225 51.8164912189693)</t>
  </si>
  <si>
    <t>POINT (4.680882577420503 51.798434418269515)</t>
  </si>
  <si>
    <t>POINT (4.667726118372713 51.799403736065464)</t>
  </si>
  <si>
    <t>POINT (4.711513131626769 51.78573383929146)</t>
  </si>
  <si>
    <t>POINT (4.683765667815397 51.80505302242952)</t>
  </si>
  <si>
    <t>POINT (4.661247313334177 51.78883135213452)</t>
  </si>
  <si>
    <t>POINT (4.667658989366456 51.80817403535815)</t>
  </si>
  <si>
    <t>POINT (4.656559957918064 51.788869810233386)</t>
  </si>
  <si>
    <t>POINT (4.722332944568521 51.80467255818558)</t>
  </si>
  <si>
    <t>POINT (4.663566944550319 51.79067391468275)</t>
  </si>
  <si>
    <t>POINT (4.674265041532708 51.819131798710195)</t>
  </si>
  <si>
    <t>POINT (4.724325224353666 51.798220734925216)</t>
  </si>
  <si>
    <t>POINT (4.628037486522394 51.72313404648456)</t>
  </si>
  <si>
    <t>POINT (4.6652539303563 51.79009852392187)</t>
  </si>
  <si>
    <t>POINT (4.683315556383184 51.79840212790334)</t>
  </si>
  <si>
    <t>POINT (4.665381089336185 51.797610469924244)</t>
  </si>
  <si>
    <t>POINT (4.656629087798526 51.801405385443545)</t>
  </si>
  <si>
    <t>POINT (4.6726982378732815 51.81863655001621)</t>
  </si>
  <si>
    <t>POINT (4.654805511956084 51.811134148529284)</t>
  </si>
  <si>
    <t>POINT (4.661774867481946 51.81586781350411)</t>
  </si>
  <si>
    <t>POINT (4.676283042031985 51.80376628396021)</t>
  </si>
  <si>
    <t>POINT (4.66799629017648 51.79439180487629)</t>
  </si>
  <si>
    <t>POINT (4.681492751570252 51.812612229835125)</t>
  </si>
  <si>
    <t>POINT (4.635109528969598 51.775003698461774)</t>
  </si>
  <si>
    <t>POINT (4.674047847499555 51.7796084054495)</t>
  </si>
  <si>
    <t>POINT (4.7323720854038145 51.80263963087514)</t>
  </si>
  <si>
    <t>POINT (4.663053482104409 51.81252774155667)</t>
  </si>
  <si>
    <t>POINT (4.678850985427411 51.78034196439795)</t>
  </si>
  <si>
    <t>POINT (4.665920396678649 51.816356821279356)</t>
  </si>
  <si>
    <t>POINT (4.687397130090476 51.808120977820856)</t>
  </si>
  <si>
    <t>POINT (4.7239587457969625 51.80338609138548)</t>
  </si>
  <si>
    <t>POINT (4.681304694584102 51.78129288499819)</t>
  </si>
  <si>
    <t>POINT (4.660526601801337 51.81120161634747)</t>
  </si>
  <si>
    <t>POINT (4.660711082583016 51.81326385475916)</t>
  </si>
  <si>
    <t>POINT (4.718209075808274 51.81485081096327)</t>
  </si>
  <si>
    <t>POINT (4.683741597479615 51.775060154346185)</t>
  </si>
  <si>
    <t>POINT (4.6826648029044105 51.77629377235076)</t>
  </si>
  <si>
    <t>POINT (4.682085801749167 51.80426695655473)</t>
  </si>
  <si>
    <t>POINT (4.676177915255452 51.8042652647249)</t>
  </si>
  <si>
    <t>POINT (4.709614230007701 51.794295341245764)</t>
  </si>
  <si>
    <t>POINT (4.652560367656256 51.800962311545746)</t>
  </si>
  <si>
    <t>POINT (4.654166612732097 51.8065946985904)</t>
  </si>
  <si>
    <t>POINT (4.710571836829833 51.81548809613012)</t>
  </si>
  <si>
    <t>POINT (4.7329656262220245 51.79327664423946)</t>
  </si>
  <si>
    <t>POINT (4.655544126906536 51.78810831909347)</t>
  </si>
  <si>
    <t>POINT (4.693132658252545 51.78758642707469)</t>
  </si>
  <si>
    <t>POINT (4.709120120026835 51.7968393606502)</t>
  </si>
  <si>
    <t>POINT (4.6865578258930745 51.775049515540076)</t>
  </si>
  <si>
    <t>POINT (4.655410531304058 51.79017723563776)</t>
  </si>
  <si>
    <t>POINT (4.733449047606775 51.80204008084771)</t>
  </si>
  <si>
    <t>POINT (4.672720350963769 51.77544152040229)</t>
  </si>
  <si>
    <t>POINT (4.676131233287036 51.81833687301057)</t>
  </si>
  <si>
    <t>POINT (4.700672298498504 51.81729044384282)</t>
  </si>
  <si>
    <t>POINT (4.668439215239449 51.80007503159298)</t>
  </si>
  <si>
    <t>POINT (4.67394184958961 51.812143284311304)</t>
  </si>
  <si>
    <t>POINT (4.657295198370557 51.810443913902546)</t>
  </si>
  <si>
    <t>POINT (4.685449502027264 51.80311962817672)</t>
  </si>
  <si>
    <t>POINT (4.68312710515202 51.80321563804791)</t>
  </si>
  <si>
    <t>POINT (4.734159057336333 51.80063769967788)</t>
  </si>
  <si>
    <t>POINT (4.673160500361647 51.7820814177477)</t>
  </si>
  <si>
    <t>POINT (4.656981821850187 51.800394132428494)</t>
  </si>
  <si>
    <t>POINT (4.671180608225187 51.799122974661614)</t>
  </si>
  <si>
    <t>POINT (4.706227767021335 51.81560037953622)</t>
  </si>
  <si>
    <t>POINT (4.7037063239995645 51.81767039494762)</t>
  </si>
  <si>
    <t>POINT (4.700318608027398 51.817288356359555)</t>
  </si>
  <si>
    <t>POINT (4.6689052456021045 51.77207310238936)</t>
  </si>
  <si>
    <t>POINT (4.657796110981441 51.80655910546692)</t>
  </si>
  <si>
    <t>POINT (4.68833466508715 51.81982201453404)</t>
  </si>
  <si>
    <t>POINT (4.673821871308893 51.81596176925174)</t>
  </si>
  <si>
    <t>POINT (4.662871253969222 51.79905219522114)</t>
  </si>
  <si>
    <t>POINT (4.657928938712126 51.79359722069223)</t>
  </si>
  <si>
    <t>POINT (4.721631540135247 51.80282773477734)</t>
  </si>
  <si>
    <t>POINT (4.667999571566426 51.80407233966249)</t>
  </si>
  <si>
    <t>POINT (4.680173080660796 51.806828787428074)</t>
  </si>
  <si>
    <t>POINT (4.6677536365055285 51.814270917367566)</t>
  </si>
  <si>
    <t>POINT (4.653652162205094 51.79260658092221)</t>
  </si>
  <si>
    <t>POINT (4.666854513482186 51.817976834421195)</t>
  </si>
  <si>
    <t>POINT (4.704645850236905 51.79595812692735)</t>
  </si>
  <si>
    <t>POINT (4.680556639685876 51.81435455060061)</t>
  </si>
  <si>
    <t>POINT (4.685510447798524 51.785127914788326)</t>
  </si>
  <si>
    <t>POINT (4.683065713102816 51.807128047662765)</t>
  </si>
  <si>
    <t>POINT (4.66974983627098 51.78072045235383)</t>
  </si>
  <si>
    <t>POINT (4.6627747324684465 51.8060904193142)</t>
  </si>
  <si>
    <t>POINT (4.688034442210609 51.8091447205667)</t>
  </si>
  <si>
    <t>POINT (4.6752719108518175 51.77195913341092)</t>
  </si>
  <si>
    <t>POINT (4.666960003160403 51.776079982927186)</t>
  </si>
  <si>
    <t>POINT (4.701885872045759 51.78953117455312)</t>
  </si>
  <si>
    <t>POINT (4.6623268864120995 51.81700739329818)</t>
  </si>
  <si>
    <t>POINT (4.672418481612245 51.77761544341496)</t>
  </si>
  <si>
    <t>POINT (4.735132973944464 51.81387177051103)</t>
  </si>
  <si>
    <t>POINT (4.672744906212233 51.808035162604185)</t>
  </si>
  <si>
    <t>POINT (4.659909325394069 51.78785814449836)</t>
  </si>
  <si>
    <t>POINT (4.659639779885059 51.808832779895354)</t>
  </si>
  <si>
    <t>POINT (4.718649767160814 51.81547947042815)</t>
  </si>
  <si>
    <t>POINT (4.648351002427659 51.79985230017971)</t>
  </si>
  <si>
    <t>POINT (4.652291266610053 51.79456597991924)</t>
  </si>
  <si>
    <t>POINT (4.660293702303693 51.79063174564354)</t>
  </si>
  <si>
    <t>POINT (4.668873660719835 51.79546425511173)</t>
  </si>
  <si>
    <t>POINT (4.6864613891625515 51.80867520776293)</t>
  </si>
  <si>
    <t>POINT (4.694086504745017 51.78984828843793)</t>
  </si>
  <si>
    <t>POINT (4.69639999597407 51.790220996144875)</t>
  </si>
  <si>
    <t>POINT (4.680366287010331 51.81492209009424)</t>
  </si>
  <si>
    <t>POINT (4.7095271335248325 51.80821125330375)</t>
  </si>
  <si>
    <t>POINT (4.69086638458354 51.81816014880488)</t>
  </si>
  <si>
    <t>POINT (4.699453540011776 51.79846158396884)</t>
  </si>
  <si>
    <t>POINT (4.661385440373965 51.79886778732282)</t>
  </si>
  <si>
    <t>POINT (4.714655192866719 51.81438546213132)</t>
  </si>
  <si>
    <t>POINT (4.690486485648895 51.817900531086096)</t>
  </si>
  <si>
    <t>POINT (4.676928092795887 51.80003586098061)</t>
  </si>
  <si>
    <t>POINT (4.662801328388077 51.80110143756413)</t>
  </si>
  <si>
    <t>POINT (4.680662528520074 51.78658932018249)</t>
  </si>
  <si>
    <t>POINT (4.676562079161482 51.81488690918873)</t>
  </si>
  <si>
    <t>POINT (4.670942518101341 51.81872617961449)</t>
  </si>
  <si>
    <t>POINT (4.690606658879997 51.818549290294705)</t>
  </si>
  <si>
    <t>POINT (4.671201133758445 51.80869359392579)</t>
  </si>
  <si>
    <t>POINT (4.670228311551035 51.774375325339335)</t>
  </si>
  <si>
    <t>POINT (4.6643531004757754 51.8167297273299)</t>
  </si>
  <si>
    <t>POINT (4.68990065511495 51.807319342074734)</t>
  </si>
  <si>
    <t>POINT (4.726578747884952 51.79402229109265)</t>
  </si>
  <si>
    <t>POINT (4.6761260636427195 51.81567545962226)</t>
  </si>
  <si>
    <t>POINT (4.656701433195302 51.80425988200655)</t>
  </si>
  <si>
    <t>POINT (4.677600103192921 51.79067206139562)</t>
  </si>
  <si>
    <t>POINT (4.73264237396606 51.80137355255863)</t>
  </si>
  <si>
    <t>POINT (4.69249109999044 51.79564407187893)</t>
  </si>
  <si>
    <t>POINT (4.719236975192166 51.80547516178635)</t>
  </si>
  <si>
    <t>POINT (4.672880911538202 51.817364453233246)</t>
  </si>
  <si>
    <t>POINT (4.672245477835722 51.818433174688465)</t>
  </si>
  <si>
    <t>POINT (4.665051060896644 51.794858886579405)</t>
  </si>
  <si>
    <t>POINT (4.6602501455142304 51.78944254842997)</t>
  </si>
  <si>
    <t>POINT (4.683241762427515 51.7982248868311)</t>
  </si>
  <si>
    <t>POINT (4.7195544354849 51.79987655704564)</t>
  </si>
  <si>
    <t>POINT (4.661325520265191 51.790900901478516)</t>
  </si>
  <si>
    <t>POINT (4.653160056352928 51.79236420537733)</t>
  </si>
  <si>
    <t>POINT (4.720603374324493 51.81195725935938)</t>
  </si>
  <si>
    <t>POINT (4.713004186838435 51.80801257008887)</t>
  </si>
  <si>
    <t>POINT (4.683605214777988 51.798095292949604)</t>
  </si>
  <si>
    <t>POINT (4.683123303034644 51.79796035826806)</t>
  </si>
  <si>
    <t>POINT (4.734474565759082 51.798845233480016)</t>
  </si>
  <si>
    <t>POINT (4.7096022442907035 51.81074141565188)</t>
  </si>
  <si>
    <t>POINT (4.6869212892568894 51.808757430975916)</t>
  </si>
  <si>
    <t>POINT (4.7131132430961875 51.8035497040678)</t>
  </si>
  <si>
    <t>POINT (4.6771329855150485 51.815796844908625)</t>
  </si>
  <si>
    <t>POINT (4.66381005515736 51.79897725079509)</t>
  </si>
  <si>
    <t>POINT (4.660579393026506 51.78374269868733)</t>
  </si>
  <si>
    <t>POINT (4.67111726846149 51.812929786889796)</t>
  </si>
  <si>
    <t>POINT (4.653351611986236 51.794005600651644)</t>
  </si>
  <si>
    <t>POINT (4.685106217490778 51.804214588082566)</t>
  </si>
  <si>
    <t>POINT (4.671344615303516 51.798927734395534)</t>
  </si>
  <si>
    <t>POINT (4.686075842695241 51.807598390604795)</t>
  </si>
  <si>
    <t>POINT (4.661488866077428 51.81657703179535)</t>
  </si>
  <si>
    <t>POINT (4.668478576595307 51.78289023814176)</t>
  </si>
  <si>
    <t>POINT (4.672595143610417 51.811479196765475)</t>
  </si>
  <si>
    <t>POINT (4.692127701340399 51.789707918020646)</t>
  </si>
  <si>
    <t>POINT (4.681884713374929 51.80944804965485)</t>
  </si>
  <si>
    <t>POINT (4.6828429190468555 51.81208871581045)</t>
  </si>
  <si>
    <t>POINT (4.656627135660722 51.80704526740936)</t>
  </si>
  <si>
    <t>POINT (4.675848857238828 51.81645476899114)</t>
  </si>
  <si>
    <t>POINT (4.655657913854463 51.79046943752051)</t>
  </si>
  <si>
    <t>POINT (4.720754345126023 51.804955545074876)</t>
  </si>
  <si>
    <t>POINT (4.708388527956391 51.81870154653857)</t>
  </si>
  <si>
    <t>POINT (4.6927224966316645 51.79521250233562)</t>
  </si>
  <si>
    <t>POINT (4.674334730906078 51.812709153444466)</t>
  </si>
  <si>
    <t>POINT (4.682105627901067 51.803092579516196)</t>
  </si>
  <si>
    <t>POINT (4.678207402888055 51.805522773518014)</t>
  </si>
  <si>
    <t>POINT (4.720355290541012 51.803405532451016)</t>
  </si>
  <si>
    <t>POINT (4.665803987426918 51.803773704346206)</t>
  </si>
  <si>
    <t>POINT (4.677740933147604 51.78191563092791)</t>
  </si>
  <si>
    <t>POINT (4.685913192555979 51.80838627305871)</t>
  </si>
  <si>
    <t>POINT (4.733204549928964 51.801211988562535)</t>
  </si>
  <si>
    <t>POINT (4.692664989388289 51.79600433377599)</t>
  </si>
  <si>
    <t>POINT (4.6971600347126286 51.79778332464623)</t>
  </si>
  <si>
    <t>POINT (4.66359464118721 51.7871831060292)</t>
  </si>
  <si>
    <t>POINT (4.678668188543327 51.78982816900088)</t>
  </si>
  <si>
    <t>POINT (4.680483969058138 51.788271503131874)</t>
  </si>
  <si>
    <t>POINT (4.684308454918714 51.804123673464915)</t>
  </si>
  <si>
    <t>POINT (4.653400815180241 51.781602317175036)</t>
  </si>
  <si>
    <t>POINT (4.6663079108654175 51.81101997289326)</t>
  </si>
  <si>
    <t>POINT (4.6757533650590535 51.80729254087242)</t>
  </si>
  <si>
    <t>POINT (4.6739136845232565 51.81187488213937)</t>
  </si>
  <si>
    <t>POINT (4.662886101667491 51.79122677888536)</t>
  </si>
  <si>
    <t>POINT (4.693085207411383 51.7846949272137)</t>
  </si>
  <si>
    <t>POINT (4.687663939753316 51.80287253932912)</t>
  </si>
  <si>
    <t>POINT (4.677820857341338 51.782105488259724)</t>
  </si>
  <si>
    <t>POINT (4.695627099063828 51.79778139989263)</t>
  </si>
  <si>
    <t>POINT (4.686267647413809 51.77824548437522)</t>
  </si>
  <si>
    <t>POINT (4.7032677649988095 51.816260569081344)</t>
  </si>
  <si>
    <t>POINT (4.667114874747401 51.77815515166047)</t>
  </si>
  <si>
    <t>POINT (4.685937033103553 51.80459974118771)</t>
  </si>
  <si>
    <t>POINT (4.674506854056765 51.81446319638528)</t>
  </si>
  <si>
    <t>POINT (4.688733374155157 51.8087873947243)</t>
  </si>
  <si>
    <t>POINT (4.707136234260483 51.79004627196143)</t>
  </si>
  <si>
    <t>POINT (4.716059007032081 51.81597752083046)</t>
  </si>
  <si>
    <t>3328BM</t>
  </si>
  <si>
    <t>POINT (4.669346684457078 51.774863197178526)</t>
  </si>
  <si>
    <t>POINT (4.7277745077901505 51.80300243470866)</t>
  </si>
  <si>
    <t>POINT (4.698286006876859 51.792884734412375)</t>
  </si>
  <si>
    <t>POINT (4.679908270175882 51.81475908965535)</t>
  </si>
  <si>
    <t>POINT (4.720850823902922 51.80045736640275)</t>
  </si>
  <si>
    <t>POINT (4.677828199393545 51.80739912377997)</t>
  </si>
  <si>
    <t>POINT (4.656075349379453 51.78965284473564)</t>
  </si>
  <si>
    <t>POINT (4.664431394127665 51.81000916730787)</t>
  </si>
  <si>
    <t>POINT (4.636075377594797 51.767330369837765)</t>
  </si>
  <si>
    <t>POINT (4.662782820754698 51.81238413977418)</t>
  </si>
  <si>
    <t>POINT (4.669956821139111 51.7802189258251)</t>
  </si>
  <si>
    <t>POINT (4.731253680968167 51.7972224659509)</t>
  </si>
  <si>
    <t>POINT (4.665875705166108 51.80378605526763)</t>
  </si>
  <si>
    <t>POINT (4.6678325541403485 51.8162806934596)</t>
  </si>
  <si>
    <t>POINT (4.667531075807405 51.79048066591153)</t>
  </si>
  <si>
    <t>POINT (4.6835811480131975 51.79805913997162)</t>
  </si>
  <si>
    <t>POINT (4.682866720309464 51.80605633864996)</t>
  </si>
  <si>
    <t>POINT (4.687618511681974 51.810189969292715)</t>
  </si>
  <si>
    <t>POINT (4.703502804683049 51.78887743402812)</t>
  </si>
  <si>
    <t>POINT (4.632336210080628 51.76550410560832)</t>
  </si>
  <si>
    <t>POINT (4.661264550644155 51.80012131312784)</t>
  </si>
  <si>
    <t>POINT (4.681258704260392 51.81813310611462)</t>
  </si>
  <si>
    <t>POINT (4.679201458445191 51.816321587832775)</t>
  </si>
  <si>
    <t>POINT (4.64927059474138 51.80779344882094)</t>
  </si>
  <si>
    <t>POINT (4.658706967053506 51.81198559029535)</t>
  </si>
  <si>
    <t>POINT (4.668706917719176 51.79944529667367)</t>
  </si>
  <si>
    <t>POINT (4.713028774990931 51.79538966935697)</t>
  </si>
  <si>
    <t>POINT (4.709763825654595 51.808795066313564)</t>
  </si>
  <si>
    <t>POINT (4.675836521128807 51.784640562919556)</t>
  </si>
  <si>
    <t>POINT (4.679172324069494 51.804664725199984)</t>
  </si>
  <si>
    <t>POINT (4.659362937825726 51.790704095425525)</t>
  </si>
  <si>
    <t>POINT (4.659182646476106 51.808918950671995)</t>
  </si>
  <si>
    <t>POINT (4.669237269746313 51.8189475240606)</t>
  </si>
  <si>
    <t>POINT (4.67142238113056 51.78005029762336)</t>
  </si>
  <si>
    <t>POINT (4.683017309068498 51.80408265585199)</t>
  </si>
  <si>
    <t>POINT (4.669567213225403 51.81582486436319)</t>
  </si>
  <si>
    <t>POINT (4.669612444138415 51.81364843479332)</t>
  </si>
  <si>
    <t>POINT (4.668198176183876 51.81310898806502)</t>
  </si>
  <si>
    <t>POINT (4.651061988530343 51.802179689349835)</t>
  </si>
  <si>
    <t>POINT (4.68083245340245 51.78683168095565)</t>
  </si>
  <si>
    <t>POINT (4.6521575425948996 51.77570414872055)</t>
  </si>
  <si>
    <t>POINT (4.6801334718063945 51.80963590861263)</t>
  </si>
  <si>
    <t>POINT (4.660134210698549 51.80865736504611)</t>
  </si>
  <si>
    <t>POINT (4.669733603859685 51.8191656132059)</t>
  </si>
  <si>
    <t>POINT (4.682025087679832 51.807307684299914)</t>
  </si>
  <si>
    <t>POINT (4.685854833765405 51.78657764781576)</t>
  </si>
  <si>
    <t>POINT (4.655162375916318 51.78723958720956)</t>
  </si>
  <si>
    <t>POINT (4.7364471239264825 51.800998442962545)</t>
  </si>
  <si>
    <t>POINT (4.660209768438373 51.80448993940259)</t>
  </si>
  <si>
    <t>POINT (4.696919506067043 51.81765073639149)</t>
  </si>
  <si>
    <t>POINT (4.6647360936235405 51.7992653455398)</t>
  </si>
  <si>
    <t>POINT (4.685874124958242 51.79184017167517)</t>
  </si>
  <si>
    <t>POINT (4.652787061310088 51.80224079152653)</t>
  </si>
  <si>
    <t>POINT (4.690357555564588 51.80876522210203)</t>
  </si>
  <si>
    <t>POINT (4.712013691479265 51.795220822654635)</t>
  </si>
  <si>
    <t>POINT (4.683846537846077 51.78252326436902)</t>
  </si>
  <si>
    <t>POINT (4.683529801805441 51.7980784722947)</t>
  </si>
  <si>
    <t>POINT (4.703692173503598 51.79824338073302)</t>
  </si>
  <si>
    <t>POINT (4.653717590208843 51.793111454391074)</t>
  </si>
  <si>
    <t>POINT (4.669766616041998 51.81105486804851)</t>
  </si>
  <si>
    <t>POINT (4.666380895788534 51.77865352574721)</t>
  </si>
  <si>
    <t>POINT (4.667773398365563 51.81427122727879)</t>
  </si>
  <si>
    <t>POINT (4.681214161708439 51.78129490190619)</t>
  </si>
  <si>
    <t>POINT (4.6718613411917715 51.81779094866256)</t>
  </si>
  <si>
    <t>POINT (4.670427602805207 51.780691715393345)</t>
  </si>
  <si>
    <t>POINT (4.662355652445582 51.804800003761244)</t>
  </si>
  <si>
    <t>POINT (4.71760008902563 51.79996896925006)</t>
  </si>
  <si>
    <t>POINT (4.7158549575554956 51.80513929883556)</t>
  </si>
  <si>
    <t>POINT (4.692000139911168 51.78858450279147)</t>
  </si>
  <si>
    <t>POINT (4.666359972771686 51.81351960383396)</t>
  </si>
  <si>
    <t>POINT (4.655570431588335 51.79024637641649)</t>
  </si>
  <si>
    <t>POINT (4.730039015243536 51.79872914035942)</t>
  </si>
  <si>
    <t>POINT (4.669165300399489 51.772028834425065)</t>
  </si>
  <si>
    <t>POINT (4.693325238056855 51.796683478609246)</t>
  </si>
  <si>
    <t>POINT (4.683256287768008 51.798365206367556)</t>
  </si>
  <si>
    <t>POINT (4.693474136815817 51.79688877951693)</t>
  </si>
  <si>
    <t>POINT (4.704394866921787 51.80846221771554)</t>
  </si>
  <si>
    <t>POINT (4.687429305840211 51.81078674007222)</t>
  </si>
  <si>
    <t>POINT (4.634476236503562 51.78175767713979)</t>
  </si>
  <si>
    <t>POINT (4.691228842979195 51.81823638323955)</t>
  </si>
  <si>
    <t>POINT (4.674008085123226 51.811797281404836)</t>
  </si>
  <si>
    <t>POINT (4.732561919693487 51.79231300270512)</t>
  </si>
  <si>
    <t>POINT (4.730593171852732 51.80012962585723)</t>
  </si>
  <si>
    <t>POINT (4.673628952721557 51.77692742057504)</t>
  </si>
  <si>
    <t>POINT (4.633594322096292 51.778980102435646)</t>
  </si>
  <si>
    <t>POINT (4.655560247700917 51.78837355970887)</t>
  </si>
  <si>
    <t>POINT (4.674299479860716 51.81306663449471)</t>
  </si>
  <si>
    <t>POINT (4.6901059383895065 51.80140040977284)</t>
  </si>
  <si>
    <t>POINT (4.67240983366208 51.81743715278793)</t>
  </si>
  <si>
    <t>POINT (4.671074547816506 51.816736768149546)</t>
  </si>
  <si>
    <t>POINT (4.66284755632318 51.81023411386718)</t>
  </si>
  <si>
    <t>POINT (4.663023313269834 51.79979202259233)</t>
  </si>
  <si>
    <t>POINT (4.660385271518264 51.78941681509117)</t>
  </si>
  <si>
    <t>POINT (4.703976998967064 51.81550600462786)</t>
  </si>
  <si>
    <t>POINT (4.695097631764035 51.79783461876028)</t>
  </si>
  <si>
    <t>POINT (4.648314570461282 51.806772311956095)</t>
  </si>
  <si>
    <t>POINT (4.680465611665054 51.780892689089775)</t>
  </si>
  <si>
    <t>POINT (4.656847049805752 51.7912914756054)</t>
  </si>
  <si>
    <t>POINT (4.662753699333363 51.79903016621735)</t>
  </si>
  <si>
    <t>POINT (4.6814149145188075 51.78797547435765)</t>
  </si>
  <si>
    <t>POINT (4.710813865358111 51.79481196562859)</t>
  </si>
  <si>
    <t>POINT (4.668560139951532 51.808164636468916)</t>
  </si>
  <si>
    <t>POINT (4.714540254517761 51.80803770871579)</t>
  </si>
  <si>
    <t>POINT (4.660155002411765 51.81001903728383)</t>
  </si>
  <si>
    <t>POINT (4.712858057165731 51.80010390336278)</t>
  </si>
  <si>
    <t>POINT (4.6783288896471085 51.80500934624741)</t>
  </si>
  <si>
    <t>POINT (4.6629761974306225 51.81382078072469)</t>
  </si>
  <si>
    <t>POINT (4.669278332715486 51.818767974901355)</t>
  </si>
  <si>
    <t>POINT (4.6614946226546214 51.80096614567939)</t>
  </si>
  <si>
    <t>POINT (4.6553171154319655 51.79194793217611)</t>
  </si>
  <si>
    <t>POINT (4.683995885121966 51.78872381328415)</t>
  </si>
  <si>
    <t>POINT (4.652390136908685 51.79276709539531)</t>
  </si>
  <si>
    <t>POINT (4.720868318065839 51.804984443641025)</t>
  </si>
  <si>
    <t>POINT (4.693110506664033 51.81816000406577)</t>
  </si>
  <si>
    <t>POINT (4.6669577751814595 51.78757370669092)</t>
  </si>
  <si>
    <t>POINT (4.670336468694341 51.77250924600231)</t>
  </si>
  <si>
    <t>POINT (4.681326478914791 51.774494186787024)</t>
  </si>
  <si>
    <t>POINT (4.684101763587645 51.79819540132535)</t>
  </si>
  <si>
    <t>POINT (4.664559376487253 51.81081104485758)</t>
  </si>
  <si>
    <t>POINT (4.666987561567585 51.81567247870734)</t>
  </si>
  <si>
    <t>POINT (4.6744397862260225 51.78217417759899)</t>
  </si>
  <si>
    <t>POINT (4.664599056512528 51.77758556963317)</t>
  </si>
  <si>
    <t>POINT (4.699955036478973 51.81696404789615)</t>
  </si>
  <si>
    <t>POINT (4.67493737192488 51.81405396725349)</t>
  </si>
  <si>
    <t>POINT (4.735582963872522 51.80117022873972)</t>
  </si>
  <si>
    <t>POINT (4.682112876223204 51.80890701757071)</t>
  </si>
  <si>
    <t>POINT (4.68385892384371 51.80321260241506)</t>
  </si>
  <si>
    <t>POINT (4.658675639465373 51.81201185850428)</t>
  </si>
  <si>
    <t>POINT (4.668535499003157 51.81903929083297)</t>
  </si>
  <si>
    <t>POINT (4.687001470714062 51.805635255566315)</t>
  </si>
  <si>
    <t>POINT (4.6716042738201216 51.81854144538922)</t>
  </si>
  <si>
    <t>POINT (4.671290528760682 51.772118069173594)</t>
  </si>
  <si>
    <t>POINT (4.721045438870812 51.80504259010438)</t>
  </si>
  <si>
    <t>POINT (4.666960689497674 51.773346527274725)</t>
  </si>
  <si>
    <t>POINT (4.717279074962475 51.79905763818847)</t>
  </si>
  <si>
    <t>POINT (4.6707360539694225 51.803988299630994)</t>
  </si>
  <si>
    <t>POINT (4.681793545793421 51.80171762950315)</t>
  </si>
  <si>
    <t>POINT (4.653068369393736 51.801395142170485)</t>
  </si>
  <si>
    <t>POINT (4.635919774249976 51.77591236806471)</t>
  </si>
  <si>
    <t>POINT (4.687430378207287 51.81406911782215)</t>
  </si>
  <si>
    <t>POINT (4.661469513331575 51.78723358187273)</t>
  </si>
  <si>
    <t>POINT (4.716649737316016 51.80302077905405)</t>
  </si>
  <si>
    <t>POINT (4.684692917198187 51.78087705025198)</t>
  </si>
  <si>
    <t>POINT (4.6830241325395585 51.81429849780977)</t>
  </si>
  <si>
    <t>POINT (4.664561336267186 51.7858705027399)</t>
  </si>
  <si>
    <t>POINT (4.726898324142824 51.80427371426717)</t>
  </si>
  <si>
    <t>POINT (4.676159968472219 51.803562501921)</t>
  </si>
  <si>
    <t>POINT (4.697230889650474 51.79996348415384)</t>
  </si>
  <si>
    <t>POINT (4.719272927842194 51.812749898806786)</t>
  </si>
  <si>
    <t>POINT (4.651296399214831 51.80365296080875)</t>
  </si>
  <si>
    <t>POINT (4.732849759326389 51.80442811256532)</t>
  </si>
  <si>
    <t>POINT (4.668784896897607 51.80922947249832)</t>
  </si>
  <si>
    <t>POINT (4.655602889910926 51.79131330506445)</t>
  </si>
  <si>
    <t>POINT (4.7317899600844955 51.793523175531654)</t>
  </si>
  <si>
    <t>POINT (4.668910815468268 51.81413701842384)</t>
  </si>
  <si>
    <t>POINT (4.6589590152297085 51.78091052557834)</t>
  </si>
  <si>
    <t>POINT (4.685098505095391 51.80362407607961)</t>
  </si>
  <si>
    <t>POINT (4.684060627914846 51.80364433280675)</t>
  </si>
  <si>
    <t>POINT (4.679561780730121 51.77702874047436)</t>
  </si>
  <si>
    <t>POINT (4.678794550039198 51.81457791109125)</t>
  </si>
  <si>
    <t>POINT (4.658325416047769 51.809316717960805)</t>
  </si>
  <si>
    <t>POINT (4.732636439643488 51.79924107303465)</t>
  </si>
  <si>
    <t>POINT (4.66477722716786 51.817909288989796)</t>
  </si>
  <si>
    <t>POINT (4.680600114901951 51.80137508989726)</t>
  </si>
  <si>
    <t>POINT (4.6567470384185805 51.80275036158238)</t>
  </si>
  <si>
    <t>POINT (4.672237094834415 51.803127359986085)</t>
  </si>
  <si>
    <t>POINT (4.662296166868972 51.80558799829626)</t>
  </si>
  <si>
    <t>POINT (4.684385067974477 51.782629331980054)</t>
  </si>
  <si>
    <t>POINT (4.658956341015911 51.80923812800562)</t>
  </si>
  <si>
    <t>POINT (4.693481219384021 51.79556013373069)</t>
  </si>
  <si>
    <t>POINT (4.668563520613036 51.77706136418325)</t>
  </si>
  <si>
    <t>POINT (4.661103548868264 51.80594599665493)</t>
  </si>
  <si>
    <t>POINT (4.661772517581281 51.81275574699013)</t>
  </si>
  <si>
    <t>POINT (4.658514831594311 51.810773540425714)</t>
  </si>
  <si>
    <t>POINT (4.664277422727756 51.78754241467847)</t>
  </si>
  <si>
    <t>POINT (4.693519099887334 51.79291964678656)</t>
  </si>
  <si>
    <t>POINT (4.673768607971794 51.77558012548413)</t>
  </si>
  <si>
    <t>POINT (4.689131847247853 51.808852299975946)</t>
  </si>
  <si>
    <t>POINT (4.667012747202166 51.77108550984604)</t>
  </si>
  <si>
    <t>POINT (4.6636519699233805 51.8005083989304)</t>
  </si>
  <si>
    <t>POINT (4.71596282045709 51.80254314972641)</t>
  </si>
  <si>
    <t>POINT (4.729867755447233 51.79649306514286)</t>
  </si>
  <si>
    <t>POINT (4.651744273355908 51.79502724146508)</t>
  </si>
  <si>
    <t>POINT (4.666756545911863 51.796255168398815)</t>
  </si>
  <si>
    <t>POINT (4.673711750483064 51.777894453158346)</t>
  </si>
  <si>
    <t>POINT (4.676095837248594 51.817019801173736)</t>
  </si>
  <si>
    <t>POINT (4.684353442599219 51.81268982873168)</t>
  </si>
  <si>
    <t>POINT (4.68487347258174 51.77473302545758)</t>
  </si>
  <si>
    <t>POINT (4.669363889360828 51.81223037132437)</t>
  </si>
  <si>
    <t>POINT (4.662557594580794 51.795277962575234)</t>
  </si>
  <si>
    <t>POINT (4.671730813003041 51.776322116657276)</t>
  </si>
  <si>
    <t>POINT (4.666590385826196 51.775326885071806)</t>
  </si>
  <si>
    <t>POINT (4.724526068120761 51.79722511844338)</t>
  </si>
  <si>
    <t>POINT (4.679302532959582 51.78523950421966)</t>
  </si>
  <si>
    <t>POINT (4.665436707308878 51.79604905317188)</t>
  </si>
  <si>
    <t>POINT (4.670615743504262 51.81254400572638)</t>
  </si>
  <si>
    <t>POINT (4.716020103596587 51.804178898889965)</t>
  </si>
  <si>
    <t>POINT (4.732827164357719 51.802662825559395)</t>
  </si>
  <si>
    <t>POINT (4.714320657905043 51.8095392160117)</t>
  </si>
  <si>
    <t>POINT (4.669098455569824 51.79091764750986)</t>
  </si>
  <si>
    <t>POINT (4.68575544897646 51.77625440081066)</t>
  </si>
  <si>
    <t>POINT (4.710064009732679 51.796479764637006)</t>
  </si>
  <si>
    <t>POINT (4.685063553883988 51.80470766703201)</t>
  </si>
  <si>
    <t>POINT (4.680017768874532 51.773434848963994)</t>
  </si>
  <si>
    <t>POINT (4.674842770497196 51.78132301345842)</t>
  </si>
  <si>
    <t>POINT (4.693495713207121 51.78944822480412)</t>
  </si>
  <si>
    <t>POINT (4.663258211461883 51.795181623498564)</t>
  </si>
  <si>
    <t>POINT (4.661130878590279 51.81273055656108)</t>
  </si>
  <si>
    <t>POINT (4.6517415554653665 51.79497966516551)</t>
  </si>
  <si>
    <t>POINT (4.667576074716512 51.78766142885526)</t>
  </si>
  <si>
    <t>POINT (4.6703856045534025 51.811023145440295)</t>
  </si>
  <si>
    <t>POINT (4.670208760717373 51.801811722485894)</t>
  </si>
  <si>
    <t>POINT (4.691226248166147 51.81813296240235)</t>
  </si>
  <si>
    <t>POINT (4.68124470813616 51.77383311464139)</t>
  </si>
  <si>
    <t>POINT (4.718894582533383 51.80226803233011)</t>
  </si>
  <si>
    <t>POINT (4.659612271635651 51.79177491166538)</t>
  </si>
  <si>
    <t>POINT (4.654655890887689 51.81206744507553)</t>
  </si>
  <si>
    <t>POINT (4.6334488601104065 51.76582915009861)</t>
  </si>
  <si>
    <t>POINT (4.659347125911374 51.78381925608016)</t>
  </si>
  <si>
    <t>POINT (4.675923008478112 51.78542519856635)</t>
  </si>
  <si>
    <t>POINT (4.713944828556338 51.804083855930465)</t>
  </si>
  <si>
    <t>POINT (4.654217360141828 51.79143939704772)</t>
  </si>
  <si>
    <t>POINT (4.67473074434134 51.818364999271125)</t>
  </si>
  <si>
    <t>POINT (4.669473803764199 51.81081803259278)</t>
  </si>
  <si>
    <t>POINT (4.6730067803546165 51.81800016076083)</t>
  </si>
  <si>
    <t>POINT (4.670887829455505 51.81825944181731)</t>
  </si>
  <si>
    <t>POINT (4.680156635116485 51.80569426380652)</t>
  </si>
  <si>
    <t>POINT (4.66369045093422 51.81674673144646)</t>
  </si>
  <si>
    <t>POINT (4.671310380856398 51.81072940487106)</t>
  </si>
  <si>
    <t>POINT (4.666917711173964 51.81351332063636)</t>
  </si>
  <si>
    <t>POINT (4.685043314223102 51.81315807008155)</t>
  </si>
  <si>
    <t>POINT (4.6813025603035845 51.78850054687247)</t>
  </si>
  <si>
    <t>POINT (4.711261195894795 51.81512734557368)</t>
  </si>
  <si>
    <t>POINT (4.69330008931753 51.796168755312955)</t>
  </si>
  <si>
    <t>POINT (4.730655531367944 51.804142951921925)</t>
  </si>
  <si>
    <t>POINT (4.661444258063824 51.78377492026503)</t>
  </si>
  <si>
    <t>POINT (4.678480527414737 51.78463062609625)</t>
  </si>
  <si>
    <t>POINT (4.6714307032877445 51.81496380424464)</t>
  </si>
  <si>
    <t>POINT (4.7015121939657085 51.79839901835457)</t>
  </si>
  <si>
    <t>POINT (4.690458267249039 51.76490478544052)</t>
  </si>
  <si>
    <t>POINT (4.7346741054751105 51.79862993293942)</t>
  </si>
  <si>
    <t>POINT (4.682480567309256 51.81085740320444)</t>
  </si>
  <si>
    <t>POINT (4.6952234508773225 51.79311644274389)</t>
  </si>
  <si>
    <t>POINT (4.7042034913307385 51.79712222722154)</t>
  </si>
  <si>
    <t>POINT (4.652348955868549 51.78543009549917)</t>
  </si>
  <si>
    <t>POINT (4.710399165358936 51.79932940410342)</t>
  </si>
  <si>
    <t>POINT (4.706843848495335 51.8074277723036)</t>
  </si>
  <si>
    <t>POINT (4.653425847085363 51.79009423189985)</t>
  </si>
  <si>
    <t>POINT (4.678568680673866 51.817374862539246)</t>
  </si>
  <si>
    <t>POINT (4.684956629665116 51.78772108261669)</t>
  </si>
  <si>
    <t>POINT (4.710382292483094 51.79201941392581)</t>
  </si>
  <si>
    <t>POINT (4.677056290713328 51.77302218824024)</t>
  </si>
  <si>
    <t>POINT (4.671731082739803 51.80258925111788)</t>
  </si>
  <si>
    <t>POINT (4.642892778978443 51.77037658221497)</t>
  </si>
  <si>
    <t>POINT (4.7133000042097795 51.80778193979903)</t>
  </si>
  <si>
    <t>POINT (4.685998506463099 51.78807640870525)</t>
  </si>
  <si>
    <t>POINT (4.684045963117026 51.80978564570861)</t>
  </si>
  <si>
    <t>POINT (4.667753609256736 51.81320027599504)</t>
  </si>
  <si>
    <t>POINT (4.668987184350332 51.810252633714924)</t>
  </si>
  <si>
    <t>POINT (4.666497774088993 51.818700362698074)</t>
  </si>
  <si>
    <t>POINT (4.685461867976124 51.77946184368135)</t>
  </si>
  <si>
    <t>POINT (4.675152927196646 51.81297278777265)</t>
  </si>
  <si>
    <t>POINT (4.657018667603608 51.79788455474902)</t>
  </si>
  <si>
    <t>POINT (4.661916367759983 51.80271639819973)</t>
  </si>
  <si>
    <t>POINT (4.673722651097477 51.816698866089304)</t>
  </si>
  <si>
    <t>POINT (4.631835840827655 51.72241854363568)</t>
  </si>
  <si>
    <t>POINT (4.682043280310513 51.80800064933739)</t>
  </si>
  <si>
    <t>POINT (4.678016356729004 51.78784552222056)</t>
  </si>
  <si>
    <t>POINT (4.695972841398413 51.797201420986)</t>
  </si>
  <si>
    <t>POINT (4.66946358337199 51.77104284510618)</t>
  </si>
  <si>
    <t>POINT (4.678447755737407 51.79195296844452)</t>
  </si>
  <si>
    <t>POINT (4.710625278842186 51.799422518323304)</t>
  </si>
  <si>
    <t>POINT (4.650360643246035 51.79220287243802)</t>
  </si>
  <si>
    <t>POINT (4.665018671862704 51.79837497532179)</t>
  </si>
  <si>
    <t>POINT (4.667823208245036 51.79469626947518)</t>
  </si>
  <si>
    <t>POINT (4.716782962962255 51.795471828431026)</t>
  </si>
  <si>
    <t>POINT (4.6635564209645874 51.81464376800911)</t>
  </si>
  <si>
    <t>POINT (4.647874913000178 51.777678939945446)</t>
  </si>
  <si>
    <t>POINT (4.713508265838909 51.808895543277586)</t>
  </si>
  <si>
    <t>POINT (4.671268957771919 51.80486210631469)</t>
  </si>
  <si>
    <t>POINT (4.717688415220117 51.8031661241509)</t>
  </si>
  <si>
    <t>POINT (4.66122924754742 51.812724109025694)</t>
  </si>
  <si>
    <t>POINT (4.665998670354253 51.77489831535791)</t>
  </si>
  <si>
    <t>POINT (4.681864101202077 51.780882536411205)</t>
  </si>
  <si>
    <t>POINT (4.6552651013447655 51.7896807896644)</t>
  </si>
  <si>
    <t>POINT (4.6644695284920425 51.79271932983518)</t>
  </si>
  <si>
    <t>POINT (4.670180696528958 51.79006538811363)</t>
  </si>
  <si>
    <t>POINT (4.6532808923961255 51.79355618121902)</t>
  </si>
  <si>
    <t>POINT (4.717052124736151 51.7952273017604)</t>
  </si>
  <si>
    <t>POINT (4.657676274556517 51.80102245685794)</t>
  </si>
  <si>
    <t>POINT (4.650886519382083 51.79247644687174)</t>
  </si>
  <si>
    <t>POINT (4.682339238748298 51.81219677350798)</t>
  </si>
  <si>
    <t>POINT (4.675893408279818 51.807161975427064)</t>
  </si>
  <si>
    <t>POINT (4.716759229775273 51.81589020753587)</t>
  </si>
  <si>
    <t>POINT (4.676806180079946 51.790048762435916)</t>
  </si>
  <si>
    <t>POINT (4.659444394345539 51.80309913826442)</t>
  </si>
  <si>
    <t>POINT (4.703291477283628 51.81553211471866)</t>
  </si>
  <si>
    <t>POINT (4.713246740309886 51.79230526763976)</t>
  </si>
  <si>
    <t>POINT (4.656628129330532 51.78803976771812)</t>
  </si>
  <si>
    <t>POINT (4.715914001749026 51.813724085543406)</t>
  </si>
  <si>
    <t>POINT (4.6609424444968255 51.815980174067334)</t>
  </si>
  <si>
    <t>POINT (4.6585336332065586 51.800362351243926)</t>
  </si>
  <si>
    <t>POINT (4.677169727142564 51.77780524510428)</t>
  </si>
  <si>
    <t>POINT (4.654052573112391 51.81196055913274)</t>
  </si>
  <si>
    <t>POINT (4.660265438405922 51.79052013751004)</t>
  </si>
  <si>
    <t>POINT (4.66580877668015 51.788119352838564)</t>
  </si>
  <si>
    <t>POINT (4.699295831990132 51.79697913837913)</t>
  </si>
  <si>
    <t>POINT (4.659428856964171 51.807687059027934)</t>
  </si>
  <si>
    <t>POINT (4.66656884252326 51.773651399561146)</t>
  </si>
  <si>
    <t>POINT (4.669823642600223 51.81469090209762)</t>
  </si>
  <si>
    <t>POINT (4.674287446033517 51.781381580703325)</t>
  </si>
  <si>
    <t>POINT (4.66347482915476 51.81474587961913)</t>
  </si>
  <si>
    <t>POINT (4.636266831565188 51.77589732331616)</t>
  </si>
  <si>
    <t>POINT (4.668385460420756 51.791998684252775)</t>
  </si>
  <si>
    <t>POINT (4.687538722315213 51.80917818801908)</t>
  </si>
  <si>
    <t>POINT (4.654324713598299 51.793333467578876)</t>
  </si>
  <si>
    <t>POINT (4.673025321808876 51.80406958997103)</t>
  </si>
  <si>
    <t>POINT (4.666108045479423 51.8121692330005)</t>
  </si>
  <si>
    <t>POINT (4.675796698977895 51.78474600155442)</t>
  </si>
  <si>
    <t>POINT (4.714204501023135 51.80317875946283)</t>
  </si>
  <si>
    <t>POINT (4.684671594455836 51.80296622857668)</t>
  </si>
  <si>
    <t>POINT (4.731876265644948 51.79986850632428)</t>
  </si>
  <si>
    <t>POINT (4.731767982818056 51.80448150786867)</t>
  </si>
  <si>
    <t>POINT (4.641952554905608 51.77620977751192)</t>
  </si>
  <si>
    <t>POINT (4.678008705304404 51.78771634437848)</t>
  </si>
  <si>
    <t>POINT (4.656630466849189 51.793268541649006)</t>
  </si>
  <si>
    <t>POINT (4.6439076126184995 51.770135675526454)</t>
  </si>
  <si>
    <t>POINT (4.73525293578578 51.79958001367099)</t>
  </si>
  <si>
    <t>POINT (4.723618690240257 51.79831724312171)</t>
  </si>
  <si>
    <t>POINT (4.732629961334975 51.798238965408146)</t>
  </si>
  <si>
    <t>POINT (4.66250942502981 51.804020950989816)</t>
  </si>
  <si>
    <t>POINT (4.682052129928282 51.78179700851854)</t>
  </si>
  <si>
    <t>POINT (4.71884194920047 51.802162628293026)</t>
  </si>
  <si>
    <t>POINT (4.6627745914271825 51.79782961212296)</t>
  </si>
  <si>
    <t>POINT (4.701531260009787 51.78473146861834)</t>
  </si>
  <si>
    <t>POINT (4.734776483701372 51.80093121570308)</t>
  </si>
  <si>
    <t>POINT (4.685506843132249 51.77611073047459)</t>
  </si>
  <si>
    <t>POINT (4.655932457796863 51.78765451838808)</t>
  </si>
  <si>
    <t>POINT (4.649987520961471 51.793158006030005)</t>
  </si>
  <si>
    <t>POINT (4.667645148996973 51.777186474421434)</t>
  </si>
  <si>
    <t>POINT (4.642766797410026 51.76857240698645)</t>
  </si>
  <si>
    <t>POINT (4.663529947777882 51.78627906316428)</t>
  </si>
  <si>
    <t>POINT (4.6490927197411445 51.779872120530825)</t>
  </si>
  <si>
    <t>POINT (4.68864591924233 51.80980397734775)</t>
  </si>
  <si>
    <t>POINT (4.670272464329919 51.81136060829363)</t>
  </si>
  <si>
    <t>POINT (4.72440367143402 51.80328846299733)</t>
  </si>
  <si>
    <t>POINT (4.669892396946025 51.81736619828704)</t>
  </si>
  <si>
    <t>POINT (4.680800676271083 51.787643078666555)</t>
  </si>
  <si>
    <t>POINT (4.668990415242656 51.79876182455034)</t>
  </si>
  <si>
    <t>POINT (4.6767519323500375 51.783761703683275)</t>
  </si>
  <si>
    <t>POINT (4.657614016248478 51.80078156812832)</t>
  </si>
  <si>
    <t>POINT (4.658137095322931 51.810098624646145)</t>
  </si>
  <si>
    <t>POINT (4.654920645106036 51.79950651475179)</t>
  </si>
  <si>
    <t>POINT (4.6684533750016834 51.80380248450171)</t>
  </si>
  <si>
    <t>POINT (4.66831811848487 51.791467273232385)</t>
  </si>
  <si>
    <t>POINT (4.66180932618657 51.8126032568114)</t>
  </si>
  <si>
    <t>POINT (4.696595308292865 51.799319545020325)</t>
  </si>
  <si>
    <t>POINT (4.718048250261839 51.81564172975357)</t>
  </si>
  <si>
    <t>POINT (4.733828126646012 51.80063472478433)</t>
  </si>
  <si>
    <t>POINT (4.702849937260039 51.797793712062735)</t>
  </si>
  <si>
    <t>POINT (4.705747231764377 51.80722036886361)</t>
  </si>
  <si>
    <t>POINT (4.659842894339942 51.81140164841994)</t>
  </si>
  <si>
    <t>POINT (4.722151301374791 51.797003279612596)</t>
  </si>
  <si>
    <t>POINT (4.6641927767896325 51.777766831189744)</t>
  </si>
  <si>
    <t>POINT (4.675848043003675 51.8150707340417)</t>
  </si>
  <si>
    <t>POINT (4.685078128713004 51.80475869304385)</t>
  </si>
  <si>
    <t>POINT (4.6571501586209445 51.79797580835269)</t>
  </si>
  <si>
    <t>POINT (4.681906337203186 51.78738081684837)</t>
  </si>
  <si>
    <t>POINT (4.652500725166668 51.79010043255431)</t>
  </si>
  <si>
    <t>POINT (4.728610154665801 51.804110537166906)</t>
  </si>
  <si>
    <t>POINT (4.7075982042860405 51.79024746383237)</t>
  </si>
  <si>
    <t>POINT (4.687008470753172 51.80402648732196)</t>
  </si>
  <si>
    <t>POINT (4.7080909221554474 51.807936068402384)</t>
  </si>
  <si>
    <t>POINT (4.683408507754893 51.804703405640254)</t>
  </si>
  <si>
    <t>POINT (4.729590679252001 51.80112091454738)</t>
  </si>
  <si>
    <t>POINT (4.652408795658933 51.79037034514743)</t>
  </si>
  <si>
    <t>POINT (4.67852763418579 51.78989095993684)</t>
  </si>
  <si>
    <t>POINT (4.631138100948558 51.73252725548768)</t>
  </si>
  <si>
    <t>POINT (4.730057153664173 51.79691697887053)</t>
  </si>
  <si>
    <t>POINT (4.642805311764636 51.764381163198074)</t>
  </si>
  <si>
    <t>POINT (4.698934878725272 51.7974368637187)</t>
  </si>
  <si>
    <t>POINT (4.735304009181352 51.7988529099966)</t>
  </si>
  <si>
    <t>POINT (4.6625708724689385 51.79200502466926)</t>
  </si>
  <si>
    <t>POINT (4.673098813004521 51.816900130342695)</t>
  </si>
  <si>
    <t>POINT (4.673616012736425 51.81018050512795)</t>
  </si>
  <si>
    <t>POINT (4.706947975429382 51.789670613657194)</t>
  </si>
  <si>
    <t>POINT (4.660120711639466 51.80867348800924)</t>
  </si>
  <si>
    <t>POINT (4.661746413712478 51.81358852181838)</t>
  </si>
  <si>
    <t>POINT (4.660113586841901 51.80210732167357)</t>
  </si>
  <si>
    <t>POINT (4.675839437941327 51.78499057359405)</t>
  </si>
  <si>
    <t>POINT (4.693441165752196 51.789158233023954)</t>
  </si>
  <si>
    <t>POINT (4.723079340034011 51.79786304224719)</t>
  </si>
  <si>
    <t>POINT (4.7123158422699 51.80598081055176)</t>
  </si>
  <si>
    <t>POINT (4.683514483717739 51.804079894769245)</t>
  </si>
  <si>
    <t>POINT (4.675400974366774 51.78041387800513)</t>
  </si>
  <si>
    <t>POINT (4.682971961730053 51.77417484939792)</t>
  </si>
  <si>
    <t>POINT (4.65743942398689 51.80182309938923)</t>
  </si>
  <si>
    <t>POINT (4.650941526341346 51.78996494991392)</t>
  </si>
  <si>
    <t>POINT (4.685812686863522 51.80695642931357)</t>
  </si>
  <si>
    <t>POINT (4.686683883149635 51.81121788325407)</t>
  </si>
  <si>
    <t>POINT (4.68343762890568 51.81074842442012)</t>
  </si>
  <si>
    <t>POINT (4.686690743281099 51.80854185502747)</t>
  </si>
  <si>
    <t>POINT (4.668289085103252 51.796247967203136)</t>
  </si>
  <si>
    <t>POINT (4.667996256073762 51.8173739283656)</t>
  </si>
  <si>
    <t>POINT (4.681673146941571 51.81230321453954)</t>
  </si>
  <si>
    <t>POINT (4.675076376099837 51.804314323395566)</t>
  </si>
  <si>
    <t>POINT (4.691724285839291 51.818318330450104)</t>
  </si>
  <si>
    <t>POINT (4.668076123573136 51.770319499617734)</t>
  </si>
  <si>
    <t>POINT (4.679735225411029 51.816810715851574)</t>
  </si>
  <si>
    <t>POINT (4.658056954303758 51.78131921149936)</t>
  </si>
  <si>
    <t>POINT (4.66936100623371 51.79011209616476)</t>
  </si>
  <si>
    <t>POINT (4.675723475723911 51.81669933661576)</t>
  </si>
  <si>
    <t>POINT (4.6824655622406235 51.80215261186114)</t>
  </si>
  <si>
    <t>POINT (4.7293686654841505 51.80346601918659)</t>
  </si>
  <si>
    <t>POINT (4.698479976866302 51.793151164960975)</t>
  </si>
  <si>
    <t>POINT (4.6775248155948 51.789908286219706)</t>
  </si>
  <si>
    <t>POINT (4.6611376147756625 51.803560986342106)</t>
  </si>
  <si>
    <t>POINT (4.6651130779337535 51.778626491510806)</t>
  </si>
  <si>
    <t>POINT (4.684182220769583 51.78125629768022)</t>
  </si>
  <si>
    <t>POINT (4.678055375776145 51.81438956566213)</t>
  </si>
  <si>
    <t>POINT (4.683423355514834 51.786821447210826)</t>
  </si>
  <si>
    <t>POINT (4.728964710252029 51.79625411769943)</t>
  </si>
  <si>
    <t>POINT (4.6476097927024345 51.777686814479345)</t>
  </si>
  <si>
    <t>POINT (4.673498238385283 51.77294663960104)</t>
  </si>
  <si>
    <t>POINT (4.670169045977881 51.8053692551257)</t>
  </si>
  <si>
    <t>POINT (4.705259328948474 51.79364132445628)</t>
  </si>
  <si>
    <t>POINT (4.711428605748785 51.79569226199313)</t>
  </si>
  <si>
    <t>POINT (4.6498766713677515 51.79389860851901)</t>
  </si>
  <si>
    <t>POINT (4.674232433645562 51.7969499827672)</t>
  </si>
  <si>
    <t>POINT (4.715510738377969 51.80389151149999)</t>
  </si>
  <si>
    <t>POINT (4.689981553873108 51.80746548408287)</t>
  </si>
  <si>
    <t>POINT (4.676462189310097 51.815292322374916)</t>
  </si>
  <si>
    <t>POINT (4.709524494936873 51.80154694434645)</t>
  </si>
  <si>
    <t>POINT (4.726842780117185 51.79258212400887)</t>
  </si>
  <si>
    <t>POINT (4.7210008424918 51.802384458060736)</t>
  </si>
  <si>
    <t>POINT (4.642826023866999 51.76935785082079)</t>
  </si>
  <si>
    <t>POINT (4.656536022760647 51.8035540304629)</t>
  </si>
  <si>
    <t>POINT (4.657084310959356 51.79703194441589)</t>
  </si>
  <si>
    <t>POINT (4.661388993399861 51.80433602750891)</t>
  </si>
  <si>
    <t>POINT (4.71122934162447 51.80040104439093)</t>
  </si>
  <si>
    <t>POINT (4.684137855857881 51.819239490697356)</t>
  </si>
  <si>
    <t>POINT (4.679094605577987 51.80817738066228)</t>
  </si>
  <si>
    <t>POINT (4.65617119284622 51.799045516468254)</t>
  </si>
  <si>
    <t>POINT (4.674391089595483 51.77590082526974)</t>
  </si>
  <si>
    <t>POINT (4.686337011174068 51.811389410152934)</t>
  </si>
  <si>
    <t>POINT (4.674456008324265 51.797057965020706)</t>
  </si>
  <si>
    <t>POINT (4.6684711458514885 51.775788274892655)</t>
  </si>
  <si>
    <t>POINT (4.703945384757007 51.79594249928468)</t>
  </si>
  <si>
    <t>POINT (4.718338041676245 51.80534947650386)</t>
  </si>
  <si>
    <t>POINT (4.661089212589783 51.80717579434367)</t>
  </si>
  <si>
    <t>POINT (4.663060319570785 51.79929579638724)</t>
  </si>
  <si>
    <t>POINT (4.6641605733082265 51.80298813458496)</t>
  </si>
  <si>
    <t>POINT (4.69251286952912 51.79556714986561)</t>
  </si>
  <si>
    <t>POINT (4.730910244388167 51.79577914457201)</t>
  </si>
  <si>
    <t>POINT (4.665038318345527 51.798814859129095)</t>
  </si>
  <si>
    <t>POINT (4.669657397597179 51.80556805820204)</t>
  </si>
  <si>
    <t>POINT (4.677853067534538 51.80758622055776)</t>
  </si>
  <si>
    <t>POINT (4.685582619430879 51.78517102479248)</t>
  </si>
  <si>
    <t>POINT (4.727618298567061 51.793049968383215)</t>
  </si>
  <si>
    <t>POINT (4.671029150566153 51.812880728299056)</t>
  </si>
  <si>
    <t>POINT (4.668333441461045 51.801746684225)</t>
  </si>
  <si>
    <t>POINT (4.676331683190403 51.807254329347025)</t>
  </si>
  <si>
    <t>POINT (4.6970036062433325 51.79289215400137)</t>
  </si>
  <si>
    <t>POINT (4.677064218834356 51.81580014113866)</t>
  </si>
  <si>
    <t>POINT (4.717534785439043 51.802453382582655)</t>
  </si>
  <si>
    <t>POINT (4.661530210786212 51.81654573719075)</t>
  </si>
  <si>
    <t>POINT (4.715857454507336 51.81512184551479)</t>
  </si>
  <si>
    <t>POINT (4.6950039904169865 51.792447424344466)</t>
  </si>
  <si>
    <t>POINT (4.6647572572666975 51.78945762786394)</t>
  </si>
  <si>
    <t>POINT (4.657154588049852 51.78421358350659)</t>
  </si>
  <si>
    <t>POINT (4.677400051548681 51.77739372503331)</t>
  </si>
  <si>
    <t>POINT (4.668012077012668 51.804107346346555)</t>
  </si>
  <si>
    <t>POINT (4.655647454819667 51.7988265141934)</t>
  </si>
  <si>
    <t>POINT (4.685532505315116 51.81072923907015)</t>
  </si>
  <si>
    <t>POINT (4.674247380533328 51.8191397452695)</t>
  </si>
  <si>
    <t>POINT (4.707593684181804 51.78670247715254)</t>
  </si>
  <si>
    <t>POINT (4.672226682105804 51.80364788511167)</t>
  </si>
  <si>
    <t>POINT (4.726964655980041 51.795939746514144)</t>
  </si>
  <si>
    <t>POINT (4.664738794917913 51.79158534686915)</t>
  </si>
  <si>
    <t>POINT (4.6683041532990615 51.79621210475953)</t>
  </si>
  <si>
    <t>POINT (4.665436371211241 51.78893814428544)</t>
  </si>
  <si>
    <t>POINT (4.681868085775384 51.78095211491905)</t>
  </si>
  <si>
    <t>POINT (4.675351368293494 51.81324676185256)</t>
  </si>
  <si>
    <t>POINT (4.684739169393105 51.792570714027974)</t>
  </si>
  <si>
    <t>POINT (4.672097775118267 51.818251926187706)</t>
  </si>
  <si>
    <t>POINT (4.652297945152234 51.8032537038771)</t>
  </si>
  <si>
    <t>POINT (4.65649471987642 51.782342086732235)</t>
  </si>
  <si>
    <t>POINT (4.63534655336702 51.77479584336475)</t>
  </si>
  <si>
    <t>POINT (4.708789676410439 51.80741288102033)</t>
  </si>
  <si>
    <t>POINT (4.655325989133279 51.79196117397288)</t>
  </si>
  <si>
    <t>POINT (4.63201235826385 51.77916952234847)</t>
  </si>
  <si>
    <t>POINT (4.716872487969372 51.80136499455215)</t>
  </si>
  <si>
    <t>POINT (4.659734912489801 51.79012113896809)</t>
  </si>
  <si>
    <t>POINT (4.657949125586799 51.804513277184675)</t>
  </si>
  <si>
    <t>POINT (4.672716332452894 51.78360904888019)</t>
  </si>
  <si>
    <t>POINT (4.659128519105534 51.81276313897506)</t>
  </si>
  <si>
    <t>POINT (4.728766966807731 51.80162653520115)</t>
  </si>
  <si>
    <t>POINT (4.685680796664374 51.782276480041766)</t>
  </si>
  <si>
    <t>POINT (4.654155735383107 51.79104548621666)</t>
  </si>
  <si>
    <t>POINT (4.657326585782664 51.790821348388654)</t>
  </si>
  <si>
    <t>POINT (4.667559848174986 51.770775674308894)</t>
  </si>
  <si>
    <t>POINT (4.6628828477537265 51.79353926431486)</t>
  </si>
  <si>
    <t>POINT (4.664608230969482 51.78688624587721)</t>
  </si>
  <si>
    <t>POINT (4.731906128967257 51.7999115489201)</t>
  </si>
  <si>
    <t>POINT (4.682901067109209 51.803303898567286)</t>
  </si>
  <si>
    <t>POINT (4.681937722537573 51.781667692422424)</t>
  </si>
  <si>
    <t>POINT (4.721387058205691 51.811216667320686)</t>
  </si>
  <si>
    <t>POINT (4.665002814174375 51.81276732062704)</t>
  </si>
  <si>
    <t>POINT (4.663045871112954 51.81477119724829)</t>
  </si>
  <si>
    <t>POINT (4.674638609122774 51.77841831366867)</t>
  </si>
  <si>
    <t>POINT (4.691106878317335 51.80708460980972)</t>
  </si>
  <si>
    <t>POINT (4.668095079750676 51.79189028970125)</t>
  </si>
  <si>
    <t>POINT (4.670063440686788 51.77128613597526)</t>
  </si>
  <si>
    <t>POINT (4.683216496340382 51.79832131859091)</t>
  </si>
  <si>
    <t>POINT (4.656448668323438 51.80452025666056)</t>
  </si>
  <si>
    <t>POINT (4.672980646860575 51.817445302070645)</t>
  </si>
  <si>
    <t>POINT (4.717830797491734 51.798657628122044)</t>
  </si>
  <si>
    <t>POINT (4.693196610831274 51.777152907833475)</t>
  </si>
  <si>
    <t>POINT (4.661028174716322 51.79430092612706)</t>
  </si>
  <si>
    <t>POINT (4.703672138702384 51.79550638659662)</t>
  </si>
  <si>
    <t>POINT (4.729559437398849 51.80353093483993)</t>
  </si>
  <si>
    <t>POINT (4.632324837127951 51.765355133646864)</t>
  </si>
  <si>
    <t>POINT (4.715686479815817 51.80896556450744)</t>
  </si>
  <si>
    <t>POINT (4.633579337101287 51.77874414156726)</t>
  </si>
  <si>
    <t>POINT (4.680220167007894 51.80184164161879)</t>
  </si>
  <si>
    <t>POINT (4.656843825062208 51.809629804352504)</t>
  </si>
  <si>
    <t>POINT (4.725308417755914 51.798425635770286)</t>
  </si>
  <si>
    <t>POINT (4.679507710078198 51.77948819076749)</t>
  </si>
  <si>
    <t>POINT (4.725987884662701 51.79659939661722)</t>
  </si>
  <si>
    <t>POINT (4.727398147168578 51.797391388515884)</t>
  </si>
  <si>
    <t>POINT (4.683736053227588 51.80356814089426)</t>
  </si>
  <si>
    <t>POINT (4.718129599231033 51.81365097744742)</t>
  </si>
  <si>
    <t>POINT (4.67733656304775 51.818131614683395)</t>
  </si>
  <si>
    <t>POINT (4.665670906377923 51.8037787826477)</t>
  </si>
  <si>
    <t>POINT (4.686042475150789 51.811001272998084)</t>
  </si>
  <si>
    <t>POINT (4.661867594556298 51.78898373643269)</t>
  </si>
  <si>
    <t>POINT (4.707335872368363 51.80880085371234)</t>
  </si>
  <si>
    <t>POINT (4.657303549806144 51.79121576443265)</t>
  </si>
  <si>
    <t>POINT (4.682865825836108 51.77483225708923)</t>
  </si>
  <si>
    <t>POINT (4.68391042706836 51.78988609563606)</t>
  </si>
  <si>
    <t>POINT (4.666133578474767 51.798595017518565)</t>
  </si>
  <si>
    <t>POINT (4.665622263044195 51.78867244921186)</t>
  </si>
  <si>
    <t>POINT (4.655159936545205 51.78968211097284)</t>
  </si>
  <si>
    <t>POINT (4.672406085372141 51.80293027001555)</t>
  </si>
  <si>
    <t>POINT (4.6692091254457075 51.81720052967089)</t>
  </si>
  <si>
    <t>POINT (4.691697606104312 51.79084652684928)</t>
  </si>
  <si>
    <t>POINT (4.7075246046170145 51.79657488649484)</t>
  </si>
  <si>
    <t>POINT (4.716678665241721 51.812862617591854)</t>
  </si>
  <si>
    <t>POINT (4.669435659781521 51.80640855510207)</t>
  </si>
  <si>
    <t>POINT (4.717600620857013 51.79687071000802)</t>
  </si>
  <si>
    <t>POINT (4.663918987275207 51.810917498531325)</t>
  </si>
  <si>
    <t>POINT (4.665110557979546 51.787169265400316)</t>
  </si>
  <si>
    <t>POINT (4.652431417424098 51.785736534106654)</t>
  </si>
  <si>
    <t>POINT (4.664298947741725 51.809462486706764)</t>
  </si>
  <si>
    <t>POINT (4.685002096731297 51.80579024530396)</t>
  </si>
  <si>
    <t>POINT (4.664768209989158 51.79172627310578)</t>
  </si>
  <si>
    <t>POINT (4.65298661049377 51.79122917604067)</t>
  </si>
  <si>
    <t>POINT (4.6595529543244165 51.80116041965008)</t>
  </si>
  <si>
    <t>POINT (4.708684633698854 51.81869505214885)</t>
  </si>
  <si>
    <t>POINT (4.664383020508088 51.81245313456668)</t>
  </si>
  <si>
    <t>POINT (4.678311701007012 51.78633069879745)</t>
  </si>
  <si>
    <t>POINT (4.703284523996476 51.81628872030346)</t>
  </si>
  <si>
    <t>POINT (4.673160539509328 51.81659335413095)</t>
  </si>
  <si>
    <t>POINT (4.652002540649875 51.803670160434535)</t>
  </si>
  <si>
    <t>POINT (4.672024275888853 51.79679808135193)</t>
  </si>
  <si>
    <t>POINT (4.678546789664735 51.77832032949098)</t>
  </si>
  <si>
    <t>POINT (4.709158868700872 51.80164781507174)</t>
  </si>
  <si>
    <t>POINT (4.721968191423845 51.79883065846491)</t>
  </si>
  <si>
    <t>POINT (4.699893233380559 51.796771612632895)</t>
  </si>
  <si>
    <t>POINT (4.652546671485769 51.78546393603136)</t>
  </si>
  <si>
    <t>POINT (4.716671668208089 51.81555432338454)</t>
  </si>
  <si>
    <t>POINT (4.654554366857653 51.79972123335824)</t>
  </si>
  <si>
    <t>POINT (4.6858832251283635 51.78683509181659)</t>
  </si>
  <si>
    <t>POINT (4.714405305109237 51.814990681905456)</t>
  </si>
  <si>
    <t>POINT (4.73225989333249 51.794993996033824)</t>
  </si>
  <si>
    <t>POINT (4.661534830348245 51.81296299465024)</t>
  </si>
  <si>
    <t>POINT (4.665589485157658 51.815717714670456)</t>
  </si>
  <si>
    <t>POINT (4.673274566973968 51.795625705941916)</t>
  </si>
  <si>
    <t>POINT (4.711601028648999 51.796413147683616)</t>
  </si>
  <si>
    <t>POINT (4.724313989150613 51.79820987608452)</t>
  </si>
  <si>
    <t>POINT (4.708678386978564 51.81038571809561)</t>
  </si>
  <si>
    <t>POINT (4.681340996470077 51.80130800843632)</t>
  </si>
  <si>
    <t>POINT (4.663424337197449 51.79063731381709)</t>
  </si>
  <si>
    <t>POINT (4.7132035877924725 51.81621801622769)</t>
  </si>
  <si>
    <t>POINT (4.679240927008993 51.81442433679856)</t>
  </si>
  <si>
    <t>POINT (4.665111818375935 51.814824016719)</t>
  </si>
  <si>
    <t>POINT (4.702126359798836 51.79923301473714)</t>
  </si>
  <si>
    <t>POINT (4.70678454495577 51.7982598269716)</t>
  </si>
  <si>
    <t>POINT (4.682528822394382 51.80888048270345)</t>
  </si>
  <si>
    <t>POINT (4.661271158447308 51.78897625384112)</t>
  </si>
  <si>
    <t>POINT (4.682953063360478 51.77592651734097)</t>
  </si>
  <si>
    <t>POINT (4.715340591078494 51.808930839046795)</t>
  </si>
  <si>
    <t>3316BS</t>
  </si>
  <si>
    <t>RedelÃ©straat</t>
  </si>
  <si>
    <t>POINT (4.627360937704584 51.79525388986749)</t>
  </si>
  <si>
    <t>POINT (4.661652986722703 51.81411230793654)</t>
  </si>
  <si>
    <t>POINT (4.661708051042648 51.805402989726346)</t>
  </si>
  <si>
    <t>POINT (4.660937476448027 51.80388113842173)</t>
  </si>
  <si>
    <t>POINT (4.683968364286056 51.78646950964574)</t>
  </si>
  <si>
    <t>POINT (4.681180938195673 51.808738997911775)</t>
  </si>
  <si>
    <t>POINT (4.681927879135527 51.77517149021679)</t>
  </si>
  <si>
    <t>POINT (4.688227142215134 51.81986432201113)</t>
  </si>
  <si>
    <t>POINT (4.682085974588679 51.800268425931115)</t>
  </si>
  <si>
    <t>POINT (4.670014604689373 51.80536236974651)</t>
  </si>
  <si>
    <t>POINT (4.678648448753186 51.808963110926676)</t>
  </si>
  <si>
    <t>POINT (4.685368006778872 51.809581256756246)</t>
  </si>
  <si>
    <t>POINT (4.636439407327212 51.778055959739994)</t>
  </si>
  <si>
    <t>POINT (4.7090007925641695 51.818529861655335)</t>
  </si>
  <si>
    <t>POINT (4.6766286919444635 51.806897174500754)</t>
  </si>
  <si>
    <t>POINT (4.720903119831235 51.8049322105135)</t>
  </si>
  <si>
    <t>POINT (4.704803730053256 51.81489948800672)</t>
  </si>
  <si>
    <t>POINT (4.663998411973799 51.81702972347347)</t>
  </si>
  <si>
    <t>POINT (4.687437917740474 51.8107251921201)</t>
  </si>
  <si>
    <t>POINT (4.676413708148471 51.818456425495555)</t>
  </si>
  <si>
    <t>POINT (4.70932682730755 51.81065524188111)</t>
  </si>
  <si>
    <t>POINT (4.66384548607938 51.799440135333064)</t>
  </si>
  <si>
    <t>POINT (4.655861699419285 51.79728594578032)</t>
  </si>
  <si>
    <t>POINT (4.71171520062741 51.795849973499905)</t>
  </si>
  <si>
    <t>POINT (4.696204388565046 51.81772703049313)</t>
  </si>
  <si>
    <t>POINT (4.659881665919791 51.811303103077705)</t>
  </si>
  <si>
    <t>POINT (4.689826089122798 51.80916207831952)</t>
  </si>
  <si>
    <t>POINT (4.7226030133117725 51.80279203730486)</t>
  </si>
  <si>
    <t>POINT (4.67717689008539 51.80364122554567)</t>
  </si>
  <si>
    <t>POINT (4.671903379050476 51.805983682061246)</t>
  </si>
  <si>
    <t>POINT (4.666732402584429 51.774221201529535)</t>
  </si>
  <si>
    <t>POINT (4.674681532371428 51.807071046272156)</t>
  </si>
  <si>
    <t>POINT (4.643792739563321 51.775193809740884)</t>
  </si>
  <si>
    <t>POINT (4.678827620865985 51.816916385971105)</t>
  </si>
  <si>
    <t>POINT (4.658427619258486 51.8097930341308)</t>
  </si>
  <si>
    <t>POINT (4.636213130819803 51.74408096387371)</t>
  </si>
  <si>
    <t>POINT (4.693294350566217 51.79530827159758)</t>
  </si>
  <si>
    <t>POINT (4.674973658082174 51.785671661135794)</t>
  </si>
  <si>
    <t>POINT (4.720676382050397 51.81133095943822)</t>
  </si>
  <si>
    <t>POINT (4.663704049642436 51.81111803239799)</t>
  </si>
  <si>
    <t>POINT (4.7127972798403075 51.79522315431197)</t>
  </si>
  <si>
    <t>POINT (4.676525614475674 51.818478801817236)</t>
  </si>
  <si>
    <t>POINT (4.675981904777097 51.808609769464745)</t>
  </si>
  <si>
    <t>POINT (4.649588470886693 51.793168585277364)</t>
  </si>
  <si>
    <t>POINT (4.725853676285208 51.7984907321415)</t>
  </si>
  <si>
    <t>POINT (4.659818068569183 51.788178376734486)</t>
  </si>
  <si>
    <t>POINT (4.714499316324951 51.803201330662425)</t>
  </si>
  <si>
    <t>POINT (4.666972210027841 51.79419256207149)</t>
  </si>
  <si>
    <t>POINT (4.705922112389608 51.816743893401444)</t>
  </si>
  <si>
    <t>POINT (4.679356155090189 51.80790642213001)</t>
  </si>
  <si>
    <t>POINT (4.685063693174116 51.78020601700367)</t>
  </si>
  <si>
    <t>POINT (4.677937896899101 51.81583923090684)</t>
  </si>
  <si>
    <t>POINT (4.676784703084926 51.77522439519783)</t>
  </si>
  <si>
    <t>POINT (4.660229379742115 51.809965889554796)</t>
  </si>
  <si>
    <t>POINT (4.684378866403779 51.808540597308806)</t>
  </si>
  <si>
    <t>POINT (4.721619536536827 51.794090808561926)</t>
  </si>
  <si>
    <t>POINT (4.682846374547711 51.809594201835466)</t>
  </si>
  <si>
    <t>POINT (4.646773470723448 51.79948818223437)</t>
  </si>
  <si>
    <t>POINT (4.681537242022403 51.809266564793845)</t>
  </si>
  <si>
    <t>POINT (4.661053156454778 51.78935405726215)</t>
  </si>
  <si>
    <t>POINT (4.665773106612278 51.800721899230105)</t>
  </si>
  <si>
    <t>POINT (4.713209762624498 51.80321013700511)</t>
  </si>
  <si>
    <t>POINT (4.671524622564366 51.81107657793801)</t>
  </si>
  <si>
    <t>POINT (4.677567222042947 51.780954164348174)</t>
  </si>
  <si>
    <t>POINT (4.659803629151644 51.7695843850271)</t>
  </si>
  <si>
    <t>POINT (4.657214579599153 51.788729023582384)</t>
  </si>
  <si>
    <t>POINT (4.6896966146059595 51.818281542516985)</t>
  </si>
  <si>
    <t>POINT (4.681116092664959 51.78129601945265)</t>
  </si>
  <si>
    <t>POINT (4.675623897045862 51.81384732072784)</t>
  </si>
  <si>
    <t>POINT (4.7132837771055955 51.803711886074325)</t>
  </si>
  <si>
    <t>POINT (4.66404762429071 51.7917218334303)</t>
  </si>
  <si>
    <t>POINT (4.668297714350448 51.80001238540161)</t>
  </si>
  <si>
    <t>POINT (4.676051799474381 51.78522625953905)</t>
  </si>
  <si>
    <t>POINT (4.672587001997357 51.78587293757764)</t>
  </si>
  <si>
    <t>POINT (4.66437900370386 51.78802048475563)</t>
  </si>
  <si>
    <t>POINT (4.654118550302172 51.80395342936838)</t>
  </si>
  <si>
    <t>POINT (4.68615600992861 51.802754318188335)</t>
  </si>
  <si>
    <t>POINT (4.689490884718986 51.80783918369652)</t>
  </si>
  <si>
    <t>POINT (4.676285761480735 51.78941982592911)</t>
  </si>
  <si>
    <t>POINT (4.6616660977077045 51.797935867223295)</t>
  </si>
  <si>
    <t>POINT (4.66482702139341 51.81606998223494)</t>
  </si>
  <si>
    <t>POINT (4.687594388521068 51.79264188751992)</t>
  </si>
  <si>
    <t>POINT (4.686011018385073 51.788731794745196)</t>
  </si>
  <si>
    <t>POINT (4.716552933247796 51.812631592276944)</t>
  </si>
  <si>
    <t>POINT (4.6801638185737895 51.78544447250003)</t>
  </si>
  <si>
    <t>POINT (4.683501949844963 51.77602116404634)</t>
  </si>
  <si>
    <t>POINT (4.659463881810475 51.782596059115384)</t>
  </si>
  <si>
    <t>POINT (4.631825933488033 51.769787754547636)</t>
  </si>
  <si>
    <t>POINT (4.655628467784221 51.77020223176846)</t>
  </si>
  <si>
    <t>POINT (4.65213189243936 51.79520315283791)</t>
  </si>
  <si>
    <t>POINT (4.669132833226729 51.816551629124326)</t>
  </si>
  <si>
    <t>POINT (4.733518553941185 51.80267020285795)</t>
  </si>
  <si>
    <t>POINT (4.688936069907772 51.808110010841645)</t>
  </si>
  <si>
    <t>POINT (4.663934891094 51.81729616086012)</t>
  </si>
  <si>
    <t>POINT (4.719304128608046 51.812843387401834)</t>
  </si>
  <si>
    <t>POINT (4.688806353469963 51.808521665765184)</t>
  </si>
  <si>
    <t>POINT (4.672689852459734 51.80953196347595)</t>
  </si>
  <si>
    <t>POINT (4.712558353007254 51.81418649919856)</t>
  </si>
  <si>
    <t>POINT (4.72040846757329 51.805511235471904)</t>
  </si>
  <si>
    <t>POINT (4.70379425691912 51.81528069191945)</t>
  </si>
  <si>
    <t>POINT (4.698391405710276 51.796914488828065)</t>
  </si>
  <si>
    <t>POINT (4.68465560959704 51.781311214513835)</t>
  </si>
  <si>
    <t>POINT (4.67157439873601 51.81733532550299)</t>
  </si>
  <si>
    <t>POINT (4.667972551384331 51.813684534673065)</t>
  </si>
  <si>
    <t>POINT (4.6727643668388215 51.77373551521325)</t>
  </si>
  <si>
    <t>POINT (4.665275441090743 51.780298322066145)</t>
  </si>
  <si>
    <t>POINT (4.715826136836032 51.8054360648566)</t>
  </si>
  <si>
    <t>POINT (4.675963969806117 51.789413452946896)</t>
  </si>
  <si>
    <t>POINT (4.7274109053569715 51.79665099365497)</t>
  </si>
  <si>
    <t>POINT (4.669378156321283 51.77493516469166)</t>
  </si>
  <si>
    <t>POINT (4.656813758161013 51.80016156439791)</t>
  </si>
  <si>
    <t>POINT (4.716039746252578 51.80812765086095)</t>
  </si>
  <si>
    <t>POINT (4.659712363811479 51.81269507505492)</t>
  </si>
  <si>
    <t>POINT (4.673038101198811 51.78498226186067)</t>
  </si>
  <si>
    <t>POINT (4.672452681441483 51.80564926164764)</t>
  </si>
  <si>
    <t>POINT (4.672956928072613 51.79557676175297)</t>
  </si>
  <si>
    <t>POINT (4.7159931609321575 51.80145143615528)</t>
  </si>
  <si>
    <t>POINT (4.675382997001717 51.817653755958766)</t>
  </si>
  <si>
    <t>POINT (4.683579366892706 51.78797929944331)</t>
  </si>
  <si>
    <t>POINT (4.659683443023127 51.799309557221456)</t>
  </si>
  <si>
    <t>POINT (4.6343812106559055 51.783617583081025)</t>
  </si>
  <si>
    <t>POINT (4.657201811473735 51.781819579829424)</t>
  </si>
  <si>
    <t>POINT (4.708158111188164 51.804690475722246)</t>
  </si>
  <si>
    <t>POINT (4.689062688206216 51.81920918200953)</t>
  </si>
  <si>
    <t>POINT (4.713122971416778 51.79914674975123)</t>
  </si>
  <si>
    <t>POINT (4.654162342165291 51.80830771929868)</t>
  </si>
  <si>
    <t>POINT (4.681777993407547 51.81911920131171)</t>
  </si>
  <si>
    <t>POINT (4.681317772789579 51.80277327475119)</t>
  </si>
  <si>
    <t>POINT (4.652847128284697 51.78805266225566)</t>
  </si>
  <si>
    <t>POINT (4.685287775108425 51.78465846950559)</t>
  </si>
  <si>
    <t>POINT (4.7236070868482996 51.79874823702721)</t>
  </si>
  <si>
    <t>POINT (4.636156724752684 51.77598940008084)</t>
  </si>
  <si>
    <t>POINT (4.735688368465036 51.80064911370115)</t>
  </si>
  <si>
    <t>POINT (4.7112798799006175 51.80977295532186)</t>
  </si>
  <si>
    <t>POINT (4.7127382099649004 51.795241421269274)</t>
  </si>
  <si>
    <t>POINT (4.730099418075864 51.796989187650574)</t>
  </si>
  <si>
    <t>POINT (4.654347898351028 51.793359859442184)</t>
  </si>
  <si>
    <t>POINT (4.6823542233120765 51.77822252658778)</t>
  </si>
  <si>
    <t>POINT (4.681906742599919 51.78071148620862)</t>
  </si>
  <si>
    <t>POINT (4.6800186517760585 51.80164481561064)</t>
  </si>
  <si>
    <t>POINT (4.659352766832594 51.802706240360855)</t>
  </si>
  <si>
    <t>POINT (4.669074232294762 51.81026188546915)</t>
  </si>
  <si>
    <t>POINT (4.6618088611243715 51.792248097976845)</t>
  </si>
  <si>
    <t>POINT (4.664165414686771 51.790158866727666)</t>
  </si>
  <si>
    <t>POINT (4.7238169858655015 51.804851094588464)</t>
  </si>
  <si>
    <t>POINT (4.662552536886123 51.79191924008132)</t>
  </si>
  <si>
    <t>POINT (4.677611044988473 51.79047588645748)</t>
  </si>
  <si>
    <t>POINT (4.6541343713326215 51.79104806730831)</t>
  </si>
  <si>
    <t>POINT (4.677654873529838 51.781907721658236)</t>
  </si>
  <si>
    <t>POINT (4.713034408463827 51.79097671891209)</t>
  </si>
  <si>
    <t>POINT (4.732490937828285 51.79876000721992)</t>
  </si>
  <si>
    <t>POINT (4.682865835977514 51.81150176766423)</t>
  </si>
  <si>
    <t>POINT (4.682779818985305 51.80104326486229)</t>
  </si>
  <si>
    <t>POINT (4.669853357765078 51.80454460038183)</t>
  </si>
  <si>
    <t>POINT (4.713997248260706 51.80426608692766)</t>
  </si>
  <si>
    <t>POINT (4.671580292470157 51.81196926816543)</t>
  </si>
  <si>
    <t>POINT (4.671618212632076 51.816767086292444)</t>
  </si>
  <si>
    <t>POINT (4.698473983068096 51.793235182846374)</t>
  </si>
  <si>
    <t>POINT (4.724766869979367 51.80617442898637)</t>
  </si>
  <si>
    <t>POINT (4.667789442759631 51.799801918879446)</t>
  </si>
  <si>
    <t>POINT (4.697133539809183 51.8174712783025)</t>
  </si>
  <si>
    <t>POINT (4.652745980860113 51.79495235770469)</t>
  </si>
  <si>
    <t>POINT (4.679507324731722 51.77379810475018)</t>
  </si>
  <si>
    <t>POINT (4.655150367139819 51.799274799351906)</t>
  </si>
  <si>
    <t>POINT (4.716615307474721 51.812787470111644)</t>
  </si>
  <si>
    <t>POINT (4.666045181074492 51.81437136943407)</t>
  </si>
  <si>
    <t>POINT (4.735310363459901 51.79852660383633)</t>
  </si>
  <si>
    <t>POINT (4.684731515708626 51.77600018445111)</t>
  </si>
  <si>
    <t>POINT (4.680464372023271 51.78087005706402)</t>
  </si>
  <si>
    <t>POINT (4.652535998191429 51.785273838684525)</t>
  </si>
  <si>
    <t>POINT (4.657341418404952 51.80116976650714)</t>
  </si>
  <si>
    <t>POINT (4.652039955072542 51.79258823734557)</t>
  </si>
  <si>
    <t>POINT (4.684566106044926 51.792506657972844)</t>
  </si>
  <si>
    <t>POINT (4.710098790157523 51.7961966068658)</t>
  </si>
  <si>
    <t>POINT (4.634815833723054 51.775454847436876)</t>
  </si>
  <si>
    <t>POINT (4.6647148685589865 51.816935161988155)</t>
  </si>
  <si>
    <t>POINT (4.675808705738896 51.81522827367901)</t>
  </si>
  <si>
    <t>POINT (4.668257463698905 51.79379433603678)</t>
  </si>
  <si>
    <t>POINT (4.710481606052586 51.79161697110924)</t>
  </si>
  <si>
    <t>POINT (4.654600768309175 51.78719697126964)</t>
  </si>
  <si>
    <t>POINT (4.6694957813547315 51.790684952605154)</t>
  </si>
  <si>
    <t>POINT (4.663562499103054 51.81458765321263)</t>
  </si>
  <si>
    <t>POINT (4.697136489463144 51.79289386153327)</t>
  </si>
  <si>
    <t>POINT (4.706988384631619 51.806698291344425)</t>
  </si>
  <si>
    <t>POINT (4.664605768404124 51.815571132855254)</t>
  </si>
  <si>
    <t>POINT (4.660879623515141 51.80386593099956)</t>
  </si>
  <si>
    <t>POINT (4.670179038956992 51.78249413985864)</t>
  </si>
  <si>
    <t>POINT (4.6720057481483845 51.817622140682055)</t>
  </si>
  <si>
    <t>POINT (4.648910979365394 51.8057516058721)</t>
  </si>
  <si>
    <t>POINT (4.661727795608817 51.797793589122755)</t>
  </si>
  <si>
    <t>POINT (4.676931794863533 51.81470736956394)</t>
  </si>
  <si>
    <t>POINT (4.685151275275285 51.81307468098903)</t>
  </si>
  <si>
    <t>POINT (4.664053837740742 51.795463912598834)</t>
  </si>
  <si>
    <t>POINT (4.734392164859578 51.79979966495087)</t>
  </si>
  <si>
    <t>POINT (4.6964015900145695 51.79715769050657)</t>
  </si>
  <si>
    <t>POINT (4.6677061653983785 51.79529889096749)</t>
  </si>
  <si>
    <t>POINT (4.722980156286881 51.80604624512765)</t>
  </si>
  <si>
    <t>POINT (4.6773734657593495 51.818113770670045)</t>
  </si>
  <si>
    <t>POINT (4.6745534122016945 51.81815459456847)</t>
  </si>
  <si>
    <t>POINT (4.68439459177209 51.80141461667204)</t>
  </si>
  <si>
    <t>POINT (4.663688457841695 51.80085746613443)</t>
  </si>
  <si>
    <t>POINT (4.655464672089842 51.79105996812246)</t>
  </si>
  <si>
    <t>POINT (4.674687810258768 51.81533712190737)</t>
  </si>
  <si>
    <t>POINT (4.665670245488151 51.81483009406224)</t>
  </si>
  <si>
    <t>POINT (4.721448669049189 51.802502593802004)</t>
  </si>
  <si>
    <t>POINT (4.694629072932309 51.79581116451903)</t>
  </si>
  <si>
    <t>POINT (4.683517925525311 51.809039504195106)</t>
  </si>
  <si>
    <t>POINT (4.650999818458981 51.80326502661844)</t>
  </si>
  <si>
    <t>POINT (4.661313425164667 51.805279013041606)</t>
  </si>
  <si>
    <t>POINT (4.661902728613824 51.78636549802515)</t>
  </si>
  <si>
    <t>POINT (4.676524619920563 51.81563294845675)</t>
  </si>
  <si>
    <t>POINT (4.730069631718531 51.798008836254766)</t>
  </si>
  <si>
    <t>POINT (4.667085871864555 51.77841076541188)</t>
  </si>
  <si>
    <t>POINT (4.676440339079911 51.78949009238672)</t>
  </si>
  <si>
    <t>POINT (4.676347615843978 51.78938904594485)</t>
  </si>
  <si>
    <t>POINT (4.670070574192608 51.77147641681869)</t>
  </si>
  <si>
    <t>POINT (4.673700580667978 51.81087526860912)</t>
  </si>
  <si>
    <t>POINT (4.666201181507237 51.8128072733667)</t>
  </si>
  <si>
    <t>POINT (4.6866702067216135 51.81022118355563)</t>
  </si>
  <si>
    <t>POINT (4.667360513316623 51.789804954506835)</t>
  </si>
  <si>
    <t>POINT (4.66727154974807 51.799043755056466)</t>
  </si>
  <si>
    <t>POINT (4.683570376263472 51.7980721718772)</t>
  </si>
  <si>
    <t>POINT (4.663038721326149 51.79519166656145)</t>
  </si>
  <si>
    <t>POINT (4.676149642896205 51.80557005173498)</t>
  </si>
  <si>
    <t>POINT (4.657856152648196 51.792444407092695)</t>
  </si>
  <si>
    <t>POINT (4.728702320209486 51.80124315749556)</t>
  </si>
  <si>
    <t>POINT (4.68327991025688 51.79837408509321)</t>
  </si>
  <si>
    <t>POINT (4.658559263590427 51.81082289455417)</t>
  </si>
  <si>
    <t>POINT (4.664193544894024 51.790259506843206)</t>
  </si>
  <si>
    <t>POINT (4.655947717173186 51.80338379595686)</t>
  </si>
  <si>
    <t>POINT (4.666579699258946 51.803155006596434)</t>
  </si>
  <si>
    <t>POINT (4.66988850526706 51.819212177538155)</t>
  </si>
  <si>
    <t>POINT (4.706863729173995 51.794560373117214)</t>
  </si>
  <si>
    <t>POINT (4.670339142045855 51.808561464945655)</t>
  </si>
  <si>
    <t>POINT (4.653577569560341 51.787574835263506)</t>
  </si>
  <si>
    <t>POINT (4.68551203357611 51.77930173151907)</t>
  </si>
  <si>
    <t>POINT (4.7126532394945855 51.80947300568735)</t>
  </si>
  <si>
    <t>POINT (4.669528189675806 51.805592768901576)</t>
  </si>
  <si>
    <t>POINT (4.725879879292718 51.79710501946214)</t>
  </si>
  <si>
    <t>POINT (4.677566070936905 51.78093152383278)</t>
  </si>
  <si>
    <t>POINT (4.679264101643364 51.78577222104813)</t>
  </si>
  <si>
    <t>POINT (4.716127186749996 51.80143654454513)</t>
  </si>
  <si>
    <t>POINT (4.67228750877939 51.78272014087441)</t>
  </si>
  <si>
    <t>POINT (4.711436923375996 51.809314432174794)</t>
  </si>
  <si>
    <t>POINT (4.658544008020485 51.7710877144503)</t>
  </si>
  <si>
    <t>POINT (4.672087839979694 51.809555316296375)</t>
  </si>
  <si>
    <t>POINT (4.651112200535764 51.80281193709608)</t>
  </si>
  <si>
    <t>POINT (4.700243486310361 51.79546965097768)</t>
  </si>
  <si>
    <t>POINT (4.675836622329088 51.78495037703379)</t>
  </si>
  <si>
    <t>POINT (4.669464900134216 51.817215523257424)</t>
  </si>
  <si>
    <t>POINT (4.6923103251085765 51.81534680953427)</t>
  </si>
  <si>
    <t>POINT (4.699859004874131 51.79104929657216)</t>
  </si>
  <si>
    <t>POINT (4.719780027123074 51.81351708744747)</t>
  </si>
  <si>
    <t>POINT (4.669286091972038 51.77722687598682)</t>
  </si>
  <si>
    <t>POINT (4.65367240816742 51.78564800485992)</t>
  </si>
  <si>
    <t>POINT (4.69825215222382 51.79264415153152)</t>
  </si>
  <si>
    <t>POINT (4.724305400217668 51.798276415449635)</t>
  </si>
  <si>
    <t>POINT (4.642193572692946 51.768670815966956)</t>
  </si>
  <si>
    <t>POINT (4.651861411798642 51.794503835089635)</t>
  </si>
  <si>
    <t>POINT (4.652290572800653 51.80114639147853)</t>
  </si>
  <si>
    <t>POINT (4.677669878923765 51.79069709447355)</t>
  </si>
  <si>
    <t>POINT (4.6731669734138235 51.78953115734251)</t>
  </si>
  <si>
    <t>POINT (4.666681764709969 51.816670852351734)</t>
  </si>
  <si>
    <t>POINT (4.697406016613334 51.79499947002454)</t>
  </si>
  <si>
    <t>POINT (4.6693407026504 51.812337743045596)</t>
  </si>
  <si>
    <t>POINT (4.728298178716826 51.804655294839705)</t>
  </si>
  <si>
    <t>POINT (4.674424816260563 51.814553834266114)</t>
  </si>
  <si>
    <t>POINT (4.684229524882303 51.77652368094225)</t>
  </si>
  <si>
    <t>POINT (4.721817302871146 51.804396713217336)</t>
  </si>
  <si>
    <t>POINT (4.67446419974661 51.81806197292603)</t>
  </si>
  <si>
    <t>POINT (4.716121058662315 51.80560451823189)</t>
  </si>
  <si>
    <t>POINT (4.720069367407037 51.80289820602626)</t>
  </si>
  <si>
    <t>POINT (4.6801546929514375 51.789849353381456)</t>
  </si>
  <si>
    <t>POINT (4.655250740386082 51.78882651172062)</t>
  </si>
  <si>
    <t>POINT (4.657917869735996 51.81354025293018)</t>
  </si>
  <si>
    <t>POINT (4.6802164388388725 51.789831838020355)</t>
  </si>
  <si>
    <t>POINT (4.667009188915561 51.79418895090918)</t>
  </si>
  <si>
    <t>POINT (4.676017369588323 51.78592932656466)</t>
  </si>
  <si>
    <t>POINT (4.7220285351731635 51.80246945149247)</t>
  </si>
  <si>
    <t>POINT (4.695410790299736 51.81826356185895)</t>
  </si>
  <si>
    <t>POINT (4.682270725858101 51.818343609204874)</t>
  </si>
  <si>
    <t>POINT (4.6908488745453525 51.81520288572328)</t>
  </si>
  <si>
    <t>POINT (4.66373111517617 51.81497022625874)</t>
  </si>
  <si>
    <t>POINT (4.6884754639341955 51.806441552497546)</t>
  </si>
  <si>
    <t>POINT (4.6555939122988566 51.78757123037933)</t>
  </si>
  <si>
    <t>POINT (4.669487683735694 51.771273013905294)</t>
  </si>
  <si>
    <t>POINT (4.6645876668794815 51.81687412775155)</t>
  </si>
  <si>
    <t>POINT (4.682925619548011 51.81216780005798)</t>
  </si>
  <si>
    <t>POINT (4.700687055802329 51.81731662420363)</t>
  </si>
  <si>
    <t>POINT (4.685668482599447 51.77806266756303)</t>
  </si>
  <si>
    <t>POINT (4.6710056275525655 51.81872780518632)</t>
  </si>
  <si>
    <t>POINT (4.719863425567484 51.795389778377235)</t>
  </si>
  <si>
    <t>POINT (4.707902296606884 51.81871927231444)</t>
  </si>
  <si>
    <t>POINT (4.675796606163727 51.77408657456056)</t>
  </si>
  <si>
    <t>POINT (4.708458270451449 51.78772918906321)</t>
  </si>
  <si>
    <t>POINT (4.666789355316549 51.81415931298951)</t>
  </si>
  <si>
    <t>POINT (4.631496491312738 51.724105872214885)</t>
  </si>
  <si>
    <t>POINT (4.65965441351038 51.79138996202537)</t>
  </si>
  <si>
    <t>POINT (4.64012142939572 51.78052942248988)</t>
  </si>
  <si>
    <t>POINT (4.684745323713749 51.80430548781784)</t>
  </si>
  <si>
    <t>POINT (4.661163947268607 51.80001430042513)</t>
  </si>
  <si>
    <t>POINT (4.6640130291483946 51.810482594437076)</t>
  </si>
  <si>
    <t>POINT (4.70710456376443 51.790150105232016)</t>
  </si>
  <si>
    <t>POINT (4.677289737699503 51.773677332435646)</t>
  </si>
  <si>
    <t>POINT (4.667897508977794 51.794244863295866)</t>
  </si>
  <si>
    <t>POINT (4.657740650686271 51.798782145202985)</t>
  </si>
  <si>
    <t>POINT (4.7329890028755806 51.80454949845576)</t>
  </si>
  <si>
    <t>POINT (4.693900181918156 51.79128638272694)</t>
  </si>
  <si>
    <t>POINT (4.652444256458335 51.790623581561746)</t>
  </si>
  <si>
    <t>POINT (4.66752417684663 51.7754166362367)</t>
  </si>
  <si>
    <t>POINT (4.69732576208352 51.79699019530343)</t>
  </si>
  <si>
    <t>POINT (4.660130084120968 51.802057986081685)</t>
  </si>
  <si>
    <t>POINT (4.668242814107624 51.77743544154978)</t>
  </si>
  <si>
    <t>POINT (4.698363318325414 51.790825236086384)</t>
  </si>
  <si>
    <t>POINT (4.661550227878814 51.8158743347524)</t>
  </si>
  <si>
    <t>POINT (4.652062256620047 51.793316273944924)</t>
  </si>
  <si>
    <t>POINT (4.654264575761208 51.804481259063685)</t>
  </si>
  <si>
    <t>POINT (4.675529577621308 51.77184073391585)</t>
  </si>
  <si>
    <t>POINT (4.6622178631806515 51.8042634804741)</t>
  </si>
  <si>
    <t>POINT (4.68019750904839 51.801795204411505)</t>
  </si>
  <si>
    <t>POINT (4.662366955788523 51.79147438421979)</t>
  </si>
  <si>
    <t>POINT (4.675279226617282 51.81766647469467)</t>
  </si>
  <si>
    <t>POINT (4.717338872231566 51.8157395061749)</t>
  </si>
  <si>
    <t>POINT (4.680511800786074 51.77514100687311)</t>
  </si>
  <si>
    <t>POINT (4.71993569812632 51.80549930768622)</t>
  </si>
  <si>
    <t>POINT (4.711843037587944 51.803546723581626)</t>
  </si>
  <si>
    <t>POINT (4.732563055590379 51.8029376540156)</t>
  </si>
  <si>
    <t>POINT (4.657337641422786 51.806200482196736)</t>
  </si>
  <si>
    <t>POINT (4.685856979932654 51.801589504748335)</t>
  </si>
  <si>
    <t>POINT (4.672533737017099 51.8189118150937)</t>
  </si>
  <si>
    <t>POINT (4.678825583807611 51.78758224294369)</t>
  </si>
  <si>
    <t>POINT (4.657968962627374 51.80139822413807)</t>
  </si>
  <si>
    <t>POINT (4.668780939027683 51.809255812065544)</t>
  </si>
  <si>
    <t>POINT (4.714606545964764 51.8160578336765)</t>
  </si>
  <si>
    <t>POINT (4.7187168641196156 51.8052344413083)</t>
  </si>
  <si>
    <t>POINT (4.684702161089474 51.79263224468386)</t>
  </si>
  <si>
    <t>POINT (4.727187238705633 51.79315147088632)</t>
  </si>
  <si>
    <t>POINT (4.726544446765428 51.79362565357292)</t>
  </si>
  <si>
    <t>POINT (4.711252961494455 51.8150981210248)</t>
  </si>
  <si>
    <t>POINT (4.653905028602085 51.79444576851442)</t>
  </si>
  <si>
    <t>POINT (4.68351479203272 51.79802490861842)</t>
  </si>
  <si>
    <t>POINT (4.667125024950028 51.78127164532249)</t>
  </si>
  <si>
    <t>POINT (4.696020666641701 51.795405802262536)</t>
  </si>
  <si>
    <t>POINT (4.697022518397955 51.798693598180705)</t>
  </si>
  <si>
    <t>POINT (4.679145678619277 51.77505459265035)</t>
  </si>
  <si>
    <t>POINT (4.652403259502386 51.785234445655426)</t>
  </si>
  <si>
    <t>POINT (4.671255284902066 51.814820991847974)</t>
  </si>
  <si>
    <t>POINT (4.732550341757579 51.80193173679402)</t>
  </si>
  <si>
    <t>POINT (4.720344302578612 51.80464966902558)</t>
  </si>
  <si>
    <t>POINT (4.669857439905963 51.77996905217494)</t>
  </si>
  <si>
    <t>POINT (4.678940713126678 51.80399995408879)</t>
  </si>
  <si>
    <t>POINT (4.6618178096720255 51.81589221353928)</t>
  </si>
  <si>
    <t>POINT (4.675149179358232 51.78243560795948)</t>
  </si>
  <si>
    <t>POINT (4.686309628880295 51.77804944007758)</t>
  </si>
  <si>
    <t>POINT (4.685945423567576 51.78762918282368)</t>
  </si>
  <si>
    <t>POINT (4.6812286163630725 51.78675972933699)</t>
  </si>
  <si>
    <t>POINT (4.730326577058823 51.79580794068851)</t>
  </si>
  <si>
    <t>POINT (4.679831226635774 51.786385794920974)</t>
  </si>
  <si>
    <t>POINT (4.681179542348394 51.777949099333945)</t>
  </si>
  <si>
    <t>POINT (4.70467295909539 51.807490733093644)</t>
  </si>
  <si>
    <t>POINT (4.698426891594149 51.79310195493245)</t>
  </si>
  <si>
    <t>POINT (4.653397134210905 51.802957978755636)</t>
  </si>
  <si>
    <t>POINT (4.690025841199605 51.818574587212645)</t>
  </si>
  <si>
    <t>POINT (4.680743760022034 51.80154747682891)</t>
  </si>
  <si>
    <t>POINT (4.672140056117865 51.77777381723683)</t>
  </si>
  <si>
    <t>POINT (4.671142066703214 51.814685632804895)</t>
  </si>
  <si>
    <t>POINT (4.669797429950106 51.793389582015095)</t>
  </si>
  <si>
    <t>POINT (4.701096258384551 51.795576644517645)</t>
  </si>
  <si>
    <t>POINT (4.680347555022896 51.80637025670873)</t>
  </si>
  <si>
    <t>POINT (4.682118862827074 51.78192331435675)</t>
  </si>
  <si>
    <t>POINT (4.662818266996829 51.79900335609781)</t>
  </si>
  <si>
    <t>POINT (4.651286490571345 51.7908131412725)</t>
  </si>
  <si>
    <t>POINT (4.676560093341618 51.806867662732735)</t>
  </si>
  <si>
    <t>POINT (4.682944863427627 51.80173512528137)</t>
  </si>
  <si>
    <t>POINT (4.6560891126426585 51.805770636459094)</t>
  </si>
  <si>
    <t>POINT (4.668369737869353 51.79185010360784)</t>
  </si>
  <si>
    <t>POINT (4.672549870199133 51.775779616826625)</t>
  </si>
  <si>
    <t>POINT (4.675104981577419 51.80485157060048)</t>
  </si>
  <si>
    <t>POINT (4.667527828563538 51.77961578121346)</t>
  </si>
  <si>
    <t>POINT (4.6564222172022625 51.765622162798536)</t>
  </si>
  <si>
    <t>POINT (4.659711658204735 51.80168042905212)</t>
  </si>
  <si>
    <t>POINT (4.71811236045006 51.79931661007586)</t>
  </si>
  <si>
    <t>POINT (4.708554107284466 51.80475270301354)</t>
  </si>
  <si>
    <t>POINT (4.713602386586963 51.8110477039089)</t>
  </si>
  <si>
    <t>POINT (4.662586675123885 51.80467884291182)</t>
  </si>
  <si>
    <t>POINT (4.684678454195195 51.80232948504821)</t>
  </si>
  <si>
    <t>POINT (4.665468773047558 51.801658959292986)</t>
  </si>
  <si>
    <t>POINT (4.682552876986759 51.808927934514735)</t>
  </si>
  <si>
    <t>POINT (4.671121061578588 51.81789344428641)</t>
  </si>
  <si>
    <t>POINT (4.724108535617349 51.80228348332881)</t>
  </si>
  <si>
    <t>POINT (4.663285336755324 51.79067765137467)</t>
  </si>
  <si>
    <t>POINT (4.656851458397083 51.81023372100417)</t>
  </si>
  <si>
    <t>POINT (4.653231686964624 51.802673880780304)</t>
  </si>
  <si>
    <t>POINT (4.670455518921154 51.77710923791355)</t>
  </si>
  <si>
    <t>POINT (4.655501856038635 51.79127597403836)</t>
  </si>
  <si>
    <t>POINT (4.669827877974993 51.77847579269952)</t>
  </si>
  <si>
    <t>POINT (4.650006422233946 51.79267997021371)</t>
  </si>
  <si>
    <t>POINT (4.669591472648655 51.77858336163524)</t>
  </si>
  <si>
    <t>POINT (4.6814457643309595 51.81849027195344)</t>
  </si>
  <si>
    <t>POINT (4.687046053851758 51.779835955277356)</t>
  </si>
  <si>
    <t>POINT (4.654742514611537 51.79291352663891)</t>
  </si>
  <si>
    <t>POINT (4.661148530606986 51.811002276736716)</t>
  </si>
  <si>
    <t>POINT (4.6552836727736935 51.79188105427419)</t>
  </si>
  <si>
    <t>POINT (4.674089394516658 51.81900276896234)</t>
  </si>
  <si>
    <t>POINT (4.704228726973889 51.804743364035524)</t>
  </si>
  <si>
    <t>POINT (4.664615597252562 51.79111046103425)</t>
  </si>
  <si>
    <t>POINT (4.660974165060221 51.80238438857375)</t>
  </si>
  <si>
    <t>POINT (4.656337711552238 51.800374984947496)</t>
  </si>
  <si>
    <t>POINT (4.657082210321911 51.770154554542984)</t>
  </si>
  <si>
    <t>POINT (4.663798079014161 51.78843575050669)</t>
  </si>
  <si>
    <t>POINT (4.68000603846581 51.77412990191192)</t>
  </si>
  <si>
    <t>POINT (4.680236192017347 51.81157464630853)</t>
  </si>
  <si>
    <t>POINT (4.68042967349298 51.79876057772653)</t>
  </si>
  <si>
    <t>POINT (4.665610826639589 51.80374045395373)</t>
  </si>
  <si>
    <t>POINT (4.7173036490923534 51.81461292142585)</t>
  </si>
  <si>
    <t>POINT (4.657760385163324 51.782230567336704)</t>
  </si>
  <si>
    <t>POINT (4.661946687102567 51.80267206461713)</t>
  </si>
  <si>
    <t>POINT (4.6768356712253585 51.808483634428185)</t>
  </si>
  <si>
    <t>POINT (4.6607389713994145 51.81307657741831)</t>
  </si>
  <si>
    <t>POINT (4.681419782393118 51.812648087238735)</t>
  </si>
  <si>
    <t>POINT (4.67281678332382 51.78025387157713)</t>
  </si>
  <si>
    <t>POINT (4.674387007207255 51.817955842344205)</t>
  </si>
  <si>
    <t>POINT (4.667972611132581 51.814807094746904)</t>
  </si>
  <si>
    <t>POINT (4.668513593397456 51.79261589620577)</t>
  </si>
  <si>
    <t>POINT (4.664689073164931 51.817865924275594)</t>
  </si>
  <si>
    <t>POINT (4.705751256416578 51.78985665491959)</t>
  </si>
  <si>
    <t>POINT (4.657649114450974 51.80973056120339)</t>
  </si>
  <si>
    <t>POINT (4.678037041631931 51.80347349417047)</t>
  </si>
  <si>
    <t>POINT (4.723686405569849 51.798909609344484)</t>
  </si>
  <si>
    <t>POINT (4.71394668748936 51.806003706833366)</t>
  </si>
  <si>
    <t>POINT (4.65715313152302 51.798953815512434)</t>
  </si>
  <si>
    <t>POINT (4.683345154635872 51.80439999051066)</t>
  </si>
  <si>
    <t>POINT (4.695725933727327 51.7951406075468)</t>
  </si>
  <si>
    <t>POINT (4.680059005245376 51.773529191392065)</t>
  </si>
  <si>
    <t>POINT (4.660041207836311 51.788714138887364)</t>
  </si>
  <si>
    <t>POINT (4.66885205206358 51.80924118238853)</t>
  </si>
  <si>
    <t>POINT (4.655741266725006 51.7904564382531)</t>
  </si>
  <si>
    <t>POINT (4.680539991275069 51.774418646597795)</t>
  </si>
  <si>
    <t>POINT (4.642910985538371 51.76278566587933)</t>
  </si>
  <si>
    <t>POINT (4.671068696344127 51.81869364658887)</t>
  </si>
  <si>
    <t>POINT (4.6701183069374625 51.78444634015092)</t>
  </si>
  <si>
    <t>POINT (4.730902288417851 51.80163444440862)</t>
  </si>
  <si>
    <t>POINT (4.676348626475854 51.78949600854073)</t>
  </si>
  <si>
    <t>POINT (4.662010957234067 51.81066956309868)</t>
  </si>
  <si>
    <t>POINT (4.666383746285814 51.815471272408146)</t>
  </si>
  <si>
    <t>POINT (4.653665844101355 51.78523248730959)</t>
  </si>
  <si>
    <t>POINT (4.6632513006276435 51.79062630460001)</t>
  </si>
  <si>
    <t>POINT (4.661915181756725 51.81592921950199)</t>
  </si>
  <si>
    <t>POINT (4.662507661323019 51.79851950005017)</t>
  </si>
  <si>
    <t>POINT (4.6722906862943425 51.80992065659055)</t>
  </si>
  <si>
    <t>POINT (4.656052347803286 51.76969974449008)</t>
  </si>
  <si>
    <t>POINT (4.682064583977425 51.808391784496415)</t>
  </si>
  <si>
    <t>POINT (4.67485651747047 51.81555761338688)</t>
  </si>
  <si>
    <t>POINT (4.669566377343444 51.80554657591155)</t>
  </si>
  <si>
    <t>POINT (4.631539585944136 51.77384262286892)</t>
  </si>
  <si>
    <t>POINT (4.651486251304697 51.7938817833393)</t>
  </si>
  <si>
    <t>POINT (4.662579149057125 51.79853927627671)</t>
  </si>
  <si>
    <t>POINT (4.66293912051086 51.791519553692545)</t>
  </si>
  <si>
    <t>POINT (4.717513568083028 51.80220968712229)</t>
  </si>
  <si>
    <t>POINT (4.6858277037445255 51.79181175957227)</t>
  </si>
  <si>
    <t>POINT (4.663423115521891 51.813941757052156)</t>
  </si>
  <si>
    <t>POINT (4.685094135821036 51.78803757046018)</t>
  </si>
  <si>
    <t>POINT (4.68502702863363 51.78834024938341)</t>
  </si>
  <si>
    <t>POINT (4.674849499814697 51.80738965401061)</t>
  </si>
  <si>
    <t>POINT (4.677353216614555 51.8159798471199)</t>
  </si>
  <si>
    <t>POINT (4.660876950577069 51.79042075286745)</t>
  </si>
  <si>
    <t>POINT (4.689725713451056 51.818588713896354)</t>
  </si>
  <si>
    <t>POINT (4.719156545298112 51.811431897849694)</t>
  </si>
  <si>
    <t>POINT (4.678768619036335 51.7870203482378)</t>
  </si>
  <si>
    <t>POINT (4.66182828646163 51.80305542852733)</t>
  </si>
  <si>
    <t>POINT (4.727334230700859 51.79632904757551)</t>
  </si>
  <si>
    <t>POINT (4.683122876636355 51.81318991620174)</t>
  </si>
  <si>
    <t>POINT (4.653799139131966 51.78527695202002)</t>
  </si>
  <si>
    <t>POINT (4.6829243361509905 51.77394446157628)</t>
  </si>
  <si>
    <t>POINT (4.6579829210823585 51.77154170828689)</t>
  </si>
  <si>
    <t>POINT (4.66123153993409 51.7958834500729)</t>
  </si>
  <si>
    <t>POINT (4.653117672801438 51.783125580904986)</t>
  </si>
  <si>
    <t>POINT (4.653533010240474 51.78833544232755)</t>
  </si>
  <si>
    <t>POINT (4.659860895501963 51.802434337257885)</t>
  </si>
  <si>
    <t>POINT (4.658469650670708 51.80374970360059)</t>
  </si>
  <si>
    <t>POINT (4.705382094551389 51.80828165920762)</t>
  </si>
  <si>
    <t>POINT (4.699659136339627 51.79608992471048)</t>
  </si>
  <si>
    <t>POINT (4.7024416681209 51.79399513764426)</t>
  </si>
  <si>
    <t>POINT (4.670367317900969 51.79732184352505)</t>
  </si>
  <si>
    <t>POINT (4.677760456112422 51.78206942882378)</t>
  </si>
  <si>
    <t>POINT (4.715769029447293 51.80658865764289)</t>
  </si>
  <si>
    <t>POINT (4.670321441010175 51.80962374673184)</t>
  </si>
  <si>
    <t>POINT (4.65554779793555 51.79029777652377)</t>
  </si>
  <si>
    <t>POINT (4.691529751296961 51.80690745218545)</t>
  </si>
  <si>
    <t>POINT (4.659582516916212 51.79755228787467)</t>
  </si>
  <si>
    <t>POINT (4.633591855726562 51.779014117964685)</t>
  </si>
  <si>
    <t>POINT (4.673176798381192 51.81732765644776)</t>
  </si>
  <si>
    <t>POINT (4.680651933203543 51.79875318838467)</t>
  </si>
  <si>
    <t>POINT (4.660484932426112 51.81078097547794)</t>
  </si>
  <si>
    <t>POINT (4.732799180826694 51.79742101727138)</t>
  </si>
  <si>
    <t>POINT (4.681596957463491 51.791370258212545)</t>
  </si>
  <si>
    <t>POINT (4.680798677629253 51.80976515401726)</t>
  </si>
  <si>
    <t>POINT (4.681841775062059 51.78794771396032)</t>
  </si>
  <si>
    <t>POINT (4.685230934319843 51.813084029319896)</t>
  </si>
  <si>
    <t>POINT (4.653919523332245 51.781816472438884)</t>
  </si>
  <si>
    <t>POINT (4.676364834579322 51.78375620347678)</t>
  </si>
  <si>
    <t>POINT (4.68767969474777 51.80942987511152)</t>
  </si>
  <si>
    <t>POINT (4.710662203127439 51.80977265879809)</t>
  </si>
  <si>
    <t>POINT (4.698015801324423 51.79547654988007)</t>
  </si>
  <si>
    <t>POINT (4.6828604592913035 51.80507027970422)</t>
  </si>
  <si>
    <t>POINT (4.721382088999631 51.81120357864045)</t>
  </si>
  <si>
    <t>POINT (4.713000019228424 51.81627068889617)</t>
  </si>
  <si>
    <t>POINT (4.676969797266418 51.80672461659348)</t>
  </si>
  <si>
    <t>POINT (4.66341681023962 51.81268864221322)</t>
  </si>
  <si>
    <t>POINT (4.679212948398792 51.785111297108514)</t>
  </si>
  <si>
    <t>POINT (4.732717227461543 51.79987796424503)</t>
  </si>
  <si>
    <t>POINT (4.695368546374421 51.79932465026372)</t>
  </si>
  <si>
    <t>POINT (4.687041018585479 51.810965168050686)</t>
  </si>
  <si>
    <t>POINT (4.6826135689308455 51.78016958993054)</t>
  </si>
  <si>
    <t>POINT (4.659991478944748 51.8014438374166)</t>
  </si>
  <si>
    <t>POINT (4.6668070854859 51.77161094977658)</t>
  </si>
  <si>
    <t>POINT (4.72167327765584 51.803888119037694)</t>
  </si>
  <si>
    <t>POINT (4.703139327542249 51.79046182466278)</t>
  </si>
  <si>
    <t>POINT (4.713815405842267 51.80816425530654)</t>
  </si>
  <si>
    <t>POINT (4.686399830575723 51.812047216100495)</t>
  </si>
  <si>
    <t>POINT (4.663840243312128 51.812676520589)</t>
  </si>
  <si>
    <t>POINT (4.662865925518097 51.81027225837557)</t>
  </si>
  <si>
    <t>POINT (4.6621183258087955 51.79325794129629)</t>
  </si>
  <si>
    <t>POINT (4.671942282348587 51.81695385986361)</t>
  </si>
  <si>
    <t>POINT (4.665823654102358 51.809837025877194)</t>
  </si>
  <si>
    <t>POINT (4.654268866574645 51.79463126793528)</t>
  </si>
  <si>
    <t>POINT (4.682710722922051 51.81300927839478)</t>
  </si>
  <si>
    <t>POINT (4.669393638310995 51.77466322497889)</t>
  </si>
  <si>
    <t>POINT (4.667686305910306 51.79521888663611)</t>
  </si>
  <si>
    <t>POINT (4.659424431529929 51.78976923785598)</t>
  </si>
  <si>
    <t>POINT (4.671637102977812 51.81856475541862)</t>
  </si>
  <si>
    <t>POINT (4.6796551497789585 51.80574973927066)</t>
  </si>
  <si>
    <t>POINT (4.6741788376390225 51.81906895661263)</t>
  </si>
  <si>
    <t>POINT (4.669795607782741 51.804262928461554)</t>
  </si>
  <si>
    <t>POINT (4.71554212038106 51.804014736730004)</t>
  </si>
  <si>
    <t>POINT (4.680736452097554 51.81365602742098)</t>
  </si>
  <si>
    <t>POINT (4.686285283896494 51.80883816319831)</t>
  </si>
  <si>
    <t>POINT (4.66781194666409 51.79473796190211)</t>
  </si>
  <si>
    <t>POINT (4.718872252230002 51.80219091738546)</t>
  </si>
  <si>
    <t>POINT (4.705543154519535 51.808628657952006)</t>
  </si>
  <si>
    <t>POINT (4.716614329631081 51.80298286932685)</t>
  </si>
  <si>
    <t>POINT (4.666513427036866 51.816833178891336)</t>
  </si>
  <si>
    <t>POINT (4.72971850742261 51.79529796160325)</t>
  </si>
  <si>
    <t>POINT (4.662669110303264 51.80570362210549)</t>
  </si>
  <si>
    <t>POINT (4.667399491809691 51.77546201015939)</t>
  </si>
  <si>
    <t>POINT (4.659631840748404 51.7958075543416)</t>
  </si>
  <si>
    <t>POINT (4.6723082322218685 51.819300361063206)</t>
  </si>
  <si>
    <t>POINT (4.678282817888326 51.784606492237444)</t>
  </si>
  <si>
    <t>POINT (4.690725013306026 51.80835513862782)</t>
  </si>
  <si>
    <t>POINT (4.670088997421216 51.815153049535006)</t>
  </si>
  <si>
    <t>POINT (4.730290665297796 51.79352369787777)</t>
  </si>
  <si>
    <t>POINT (4.657580214530282 51.80497602288993)</t>
  </si>
  <si>
    <t>POINT (4.6817825515006275 51.77414391738353)</t>
  </si>
  <si>
    <t>POINT (4.673189775884614 51.8191289563435)</t>
  </si>
  <si>
    <t>POINT (4.669552350002214 51.81421946835565)</t>
  </si>
  <si>
    <t>POINT (4.705557501362926 51.80797696524831)</t>
  </si>
  <si>
    <t>POINT (4.663599198322553 51.80140834502432)</t>
  </si>
  <si>
    <t>POINT (4.665419551053017 51.81346062854069)</t>
  </si>
  <si>
    <t>POINT (4.6761895068174795 51.814759107801365)</t>
  </si>
  <si>
    <t>POINT (4.66624061030684 51.77238625147902)</t>
  </si>
  <si>
    <t>POINT (4.68825981523095 51.8074130036599)</t>
  </si>
  <si>
    <t>POINT (4.636296206748402 51.77676888902979)</t>
  </si>
  <si>
    <t>POINT (4.673090374852763 51.77848415104519)</t>
  </si>
  <si>
    <t>POINT (4.663230167634436 51.79467180915599)</t>
  </si>
  <si>
    <t>POINT (4.6884913404271105 51.80737833793463)</t>
  </si>
  <si>
    <t>POINT (4.664486790633683 51.77782670134824)</t>
  </si>
  <si>
    <t>POINT (4.710230562275132 51.79693370924288)</t>
  </si>
  <si>
    <t>POINT (4.673159941380126 51.77615991460468)</t>
  </si>
  <si>
    <t>POINT (4.7098881721009205 51.79584116604334)</t>
  </si>
  <si>
    <t>POINT (4.68613535635495 51.7892135944064)</t>
  </si>
  <si>
    <t>POINT (4.696496343725868 51.79958393938713)</t>
  </si>
  <si>
    <t>POINT (4.674267742029317 51.776474651833986)</t>
  </si>
  <si>
    <t>POINT (4.666924449682456 51.81554783193703)</t>
  </si>
  <si>
    <t>POINT (4.712250004060974 51.807654468460385)</t>
  </si>
  <si>
    <t>POINT (4.630935053549764 51.7627449218482)</t>
  </si>
  <si>
    <t>POINT (4.6979339752226705 51.79108841054007)</t>
  </si>
  <si>
    <t>POINT (4.71783981792003 51.80084954385228)</t>
  </si>
  <si>
    <t>POINT (4.7345837592024775 51.773742049856686)</t>
  </si>
  <si>
    <t>POINT (4.675322609734169 51.8117442479004)</t>
  </si>
  <si>
    <t>POINT (4.656930342380299 51.800645558523215)</t>
  </si>
  <si>
    <t>POINT (4.642860101124154 51.76995348144861)</t>
  </si>
  <si>
    <t>POINT (4.666865245895763 51.81424375105343)</t>
  </si>
  <si>
    <t>POINT (4.663518021958903 51.81407707366213)</t>
  </si>
  <si>
    <t>POINT (4.659006083831118 51.807278632770036)</t>
  </si>
  <si>
    <t>POINT (4.707842918841016 51.81855465228132)</t>
  </si>
  <si>
    <t>POINT (4.66847818821685 51.79059653895693)</t>
  </si>
  <si>
    <t>POINT (4.6697195096968676 51.81103883188341)</t>
  </si>
  <si>
    <t>POINT (4.668441105164735 51.78170981812563)</t>
  </si>
  <si>
    <t>POINT (4.668107033977092 51.771773335926696)</t>
  </si>
  <si>
    <t>POINT (4.662176388383113 51.81403859962077)</t>
  </si>
  <si>
    <t>POINT (4.653484256977619 51.80377342108056)</t>
  </si>
  <si>
    <t>POINT (4.702563763139448 51.78982526909194)</t>
  </si>
  <si>
    <t>POINT (4.65418432081303 51.811511920702465)</t>
  </si>
  <si>
    <t>POINT (4.695056205554835 51.79272027804448)</t>
  </si>
  <si>
    <t>POINT (4.7340325174254145 51.792231339978564)</t>
  </si>
  <si>
    <t>POINT (4.670219278956336 51.800374927123954)</t>
  </si>
  <si>
    <t>POINT (4.682339026067714 51.80692302170469)</t>
  </si>
  <si>
    <t>POINT (4.708202334156007 51.80878307526714)</t>
  </si>
  <si>
    <t>POINT (4.674788967295136 51.803439993595276)</t>
  </si>
  <si>
    <t>POINT (4.672483445236828 51.805618438086825)</t>
  </si>
  <si>
    <t>POINT (4.7319605119680235 51.79693752060325)</t>
  </si>
  <si>
    <t>POINT (4.654335651057091 51.79351322918227)</t>
  </si>
  <si>
    <t>POINT (4.67978155242176 51.81678829873616)</t>
  </si>
  <si>
    <t>POINT (4.721619058511884 51.81106586871204)</t>
  </si>
  <si>
    <t>POINT (4.72069016973732 51.80479670181716)</t>
  </si>
  <si>
    <t>POINT (4.654091850782115 51.78851258909815)</t>
  </si>
  <si>
    <t>POINT (4.6631910717512115 51.810475350753826)</t>
  </si>
  <si>
    <t>POINT (4.666989131098267 51.809721570152504)</t>
  </si>
  <si>
    <t>POINT (4.668467878239732 51.81296752247798)</t>
  </si>
  <si>
    <t>POINT (4.666723623622782 51.81790662942647)</t>
  </si>
  <si>
    <t>POINT (4.6620909097048 51.813888131312524)</t>
  </si>
  <si>
    <t>POINT (4.711990371946131 51.816248803769824)</t>
  </si>
  <si>
    <t>POINT (4.712485970817824 51.800529354509145)</t>
  </si>
  <si>
    <t>POINT (4.690478431656332 51.810482648340866)</t>
  </si>
  <si>
    <t>POINT (4.669632343947431 51.81481999641648)</t>
  </si>
  <si>
    <t>POINT (4.6745931935135285 51.782555403728814)</t>
  </si>
  <si>
    <t>POINT (4.681436761279309 51.812418519950995)</t>
  </si>
  <si>
    <t>POINT (4.7179336534064635 51.803154993023384)</t>
  </si>
  <si>
    <t>POINT (4.699061764051392 51.790177332627856)</t>
  </si>
  <si>
    <t>POINT (4.666090224505378 51.81692007053995)</t>
  </si>
  <si>
    <t>POINT (4.663116782333746 51.810867221438045)</t>
  </si>
  <si>
    <t>POINT (4.727287546548987 51.79793067841186)</t>
  </si>
  <si>
    <t>POINT (4.667280991261489 51.78155563021244)</t>
  </si>
  <si>
    <t>POINT (4.677484602325987 51.807434151376285)</t>
  </si>
  <si>
    <t>POINT (4.668330746266832 51.80311913242327)</t>
  </si>
  <si>
    <t>POINT (4.71727276988799 51.81549150998417)</t>
  </si>
  <si>
    <t>POINT (4.681906689092117 51.78073345426586)</t>
  </si>
  <si>
    <t>POINT (4.70124879186669 51.78935906627818)</t>
  </si>
  <si>
    <t>POINT (4.682811865073257 51.810158393126066)</t>
  </si>
  <si>
    <t>POINT (4.71854433444364 51.81480854246515)</t>
  </si>
  <si>
    <t>POINT (4.681955936983676 51.78161959555397)</t>
  </si>
  <si>
    <t>POINT (4.6615393688606925 51.79636943191925)</t>
  </si>
  <si>
    <t>POINT (4.666630196776351 51.81784096886653)</t>
  </si>
  <si>
    <t>POINT (4.7124112702844485 51.794293107395326)</t>
  </si>
  <si>
    <t>POINT (4.661107950273983 51.80543041464334)</t>
  </si>
  <si>
    <t>POINT (4.656191559556669 51.79041810373871)</t>
  </si>
  <si>
    <t>POINT (4.696106817215066 51.797187522749525)</t>
  </si>
  <si>
    <t>POINT (4.724776425294793 51.79838426088422)</t>
  </si>
  <si>
    <t>POINT (4.682800244175419 51.814361620872866)</t>
  </si>
  <si>
    <t>POINT (4.671809610000059 51.79250098651343)</t>
  </si>
  <si>
    <t>POINT (4.666180716108815 51.81279840164334)</t>
  </si>
  <si>
    <t>POINT (4.678183361967647 51.784635454953495)</t>
  </si>
  <si>
    <t>POINT (4.725023695922059 51.79329819865667)</t>
  </si>
  <si>
    <t>POINT (4.709682430134023 51.80023885655772)</t>
  </si>
  <si>
    <t>POINT (4.731548020680433 51.798231072680075)</t>
  </si>
  <si>
    <t>POINT (4.672322555482378 51.79934679021137)</t>
  </si>
  <si>
    <t>POINT (4.662550875847205 51.79525132351306)</t>
  </si>
  <si>
    <t>POINT (4.648354792848106 51.76411161394568)</t>
  </si>
  <si>
    <t>POINT (4.658353648367745 51.77224489987405)</t>
  </si>
  <si>
    <t>POINT (4.685608848407046 51.8124648581134)</t>
  </si>
  <si>
    <t>POINT (4.682805864121096 51.814393627278534)</t>
  </si>
  <si>
    <t>POINT (4.661970082832811 51.81346942898942)</t>
  </si>
  <si>
    <t>POINT (4.670400051119281 51.784881290740906)</t>
  </si>
  <si>
    <t>POINT (4.677344991546346 51.77832764186709)</t>
  </si>
  <si>
    <t>POINT (4.670168912687913 51.771706931516874)</t>
  </si>
  <si>
    <t>POINT (4.671237123619304 51.781601202082406)</t>
  </si>
  <si>
    <t>POINT (4.666927018930865 51.776324516127815)</t>
  </si>
  <si>
    <t>POINT (4.677318625648085 51.814300015665076)</t>
  </si>
  <si>
    <t>POINT (4.728852301726939 51.80406399557046)</t>
  </si>
  <si>
    <t>POINT (4.663539740227541 51.81336281429586)</t>
  </si>
  <si>
    <t>POINT (4.65775365664095 51.81285486079988)</t>
  </si>
  <si>
    <t>POINT (4.674322751724442 51.817918526621476)</t>
  </si>
  <si>
    <t>POINT (4.666495066045968 51.81602579330156)</t>
  </si>
  <si>
    <t>POINT (4.669086080153774 51.80633217869244)</t>
  </si>
  <si>
    <t>POINT (4.64753175594947 51.80607314664712)</t>
  </si>
  <si>
    <t>POINT (4.726074589300287 51.79580812924445)</t>
  </si>
  <si>
    <t>POINT (4.72548842342766 51.79962772277587)</t>
  </si>
  <si>
    <t>POINT (4.667973613614549 51.81497424529583)</t>
  </si>
  <si>
    <t>POINT (4.728634458804469 51.80090129819521)</t>
  </si>
  <si>
    <t>POINT (4.72905289637652 51.80269891092751)</t>
  </si>
  <si>
    <t>POINT (4.683044362661692 51.792853126389126)</t>
  </si>
  <si>
    <t>POINT (4.676912407238673 51.804969086278575)</t>
  </si>
  <si>
    <t>POINT (4.715991551367534 51.800757835761864)</t>
  </si>
  <si>
    <t>POINT (4.670577636580518 51.81251273513324)</t>
  </si>
  <si>
    <t>POINT (4.658608685849735 51.8125493347517)</t>
  </si>
  <si>
    <t>POINT (4.67316745709644 51.811669878609145)</t>
  </si>
  <si>
    <t>POINT (4.655563400224015 51.79038768004303)</t>
  </si>
  <si>
    <t>POINT (4.727920003344483 51.792982865095944)</t>
  </si>
  <si>
    <t>POINT (4.680997521835011 51.798743053407115)</t>
  </si>
  <si>
    <t>POINT (4.7144804143363315 51.805448231399)</t>
  </si>
  <si>
    <t>POINT (4.653421200857485 51.80385627110173)</t>
  </si>
  <si>
    <t>POINT (4.712694030864851 51.799610337365344)</t>
  </si>
  <si>
    <t>POINT (4.68136583619917 51.77494982740189)</t>
  </si>
  <si>
    <t>POINT (4.701819966212462 51.798708453659046)</t>
  </si>
  <si>
    <t>POINT (4.6708283252526455 51.79963273903648)</t>
  </si>
  <si>
    <t>POINT (4.700457995151517 51.79950259316161)</t>
  </si>
  <si>
    <t>POINT (4.679238255319181 51.78524417693471)</t>
  </si>
  <si>
    <t>POINT (4.686857226700267 51.776190747245806)</t>
  </si>
  <si>
    <t>POINT (4.7092694583121375 51.78838533351833)</t>
  </si>
  <si>
    <t>POINT (4.671708156160299 51.79282362823141)</t>
  </si>
  <si>
    <t>POINT (4.7006660541622 51.81737667134106)</t>
  </si>
  <si>
    <t>POINT (4.639240057281783 51.77593781443909)</t>
  </si>
  <si>
    <t>POINT (4.673146996886922 51.79631902724096)</t>
  </si>
  <si>
    <t>POINT (4.6312699856563295 51.723036748928244)</t>
  </si>
  <si>
    <t>POINT (4.632676190351437 51.779908525452775)</t>
  </si>
  <si>
    <t>POINT (4.666365921247256 51.775791489774775)</t>
  </si>
  <si>
    <t>POINT (4.679676695589247 51.80075842085722)</t>
  </si>
  <si>
    <t>POINT (4.667267720449543 51.787151684045256)</t>
  </si>
  <si>
    <t>POINT (4.684378565144189 51.77661157576846)</t>
  </si>
  <si>
    <t>POINT (4.735023331500144 51.802009750032354)</t>
  </si>
  <si>
    <t>POINT (4.670044941117283 51.77682228034863)</t>
  </si>
  <si>
    <t>POINT (4.654954903503069 51.784605623240246)</t>
  </si>
  <si>
    <t>POINT (4.657226668102313 51.78421491298862)</t>
  </si>
  <si>
    <t>POINT (4.658269520059459 51.78384469012791)</t>
  </si>
  <si>
    <t>POINT (4.636072299784224 51.77602976718919)</t>
  </si>
  <si>
    <t>POINT (4.667454407398278 51.816474687564984)</t>
  </si>
  <si>
    <t>POINT (4.693395084404737 51.788938879386265)</t>
  </si>
  <si>
    <t>POINT (4.667681750821776 51.77061316913757)</t>
  </si>
  <si>
    <t>POINT (4.679922251989289 51.78835842714188)</t>
  </si>
  <si>
    <t>POINT (4.66777096464924 51.794661702184506)</t>
  </si>
  <si>
    <t>POINT (4.676695438666594 51.81689795096273)</t>
  </si>
  <si>
    <t>POINT (4.68330857899742 51.77647551514269)</t>
  </si>
  <si>
    <t>POINT (4.708486525576258 51.79550299326845)</t>
  </si>
  <si>
    <t>POINT (4.658312793402652 51.79341292877661)</t>
  </si>
  <si>
    <t>POINT (4.645729773560804 51.80294990204341)</t>
  </si>
  <si>
    <t>POINT (4.669664533968273 51.808249659281785)</t>
  </si>
  <si>
    <t>POINT (4.661748376015869 51.8111656705058)</t>
  </si>
  <si>
    <t>POINT (4.704820528193911 51.78999695111049)</t>
  </si>
  <si>
    <t>POINT (4.728231832972471 51.80468089942851)</t>
  </si>
  <si>
    <t>POINT (4.675901453728561 51.816960709236874)</t>
  </si>
  <si>
    <t>POINT (4.629937567703719 51.722860604208385)</t>
  </si>
  <si>
    <t>POINT (4.6579869344836 51.79281987836412)</t>
  </si>
  <si>
    <t>POINT (4.65875433827147 51.7799550752101)</t>
  </si>
  <si>
    <t>POINT (4.703683457107795 51.79585195885401)</t>
  </si>
  <si>
    <t>POINT (4.679760482709494 51.80813011659246)</t>
  </si>
  <si>
    <t>POINT (4.674293425557857 51.81787816914736)</t>
  </si>
  <si>
    <t>POINT (4.7294814395877625 51.80374027446442)</t>
  </si>
  <si>
    <t>POINT (4.675335292754601 51.813561330710634)</t>
  </si>
  <si>
    <t>POINT (4.6791273028981575 51.78029619940972)</t>
  </si>
  <si>
    <t>POINT (4.693243736944803 51.79369648258008)</t>
  </si>
  <si>
    <t>POINT (4.682975800677587 51.78607998965939)</t>
  </si>
  <si>
    <t>POINT (4.665577818517254 51.776075334051235)</t>
  </si>
  <si>
    <t>POINT (4.651476820370568 51.794565783037)</t>
  </si>
  <si>
    <t>POINT (4.666830202403825 51.81883831232126)</t>
  </si>
  <si>
    <t>POINT (4.668416116831111 51.7962044402723)</t>
  </si>
  <si>
    <t>POINT (4.684599681149885 51.80371441960398)</t>
  </si>
  <si>
    <t>POINT (4.687828993698536 51.81440912602213)</t>
  </si>
  <si>
    <t>POINT (4.717459871273634 51.80072335932645)</t>
  </si>
  <si>
    <t>POINT (4.658394430079483 51.80418569144739)</t>
  </si>
  <si>
    <t>POINT (4.716389436785968 51.80140689848252)</t>
  </si>
  <si>
    <t>POINT (4.663390794324814 51.8148176662808)</t>
  </si>
  <si>
    <t>POINT (4.723664289430391 51.79882734602462)</t>
  </si>
  <si>
    <t>POINT (4.662517216454489 51.81386938054757)</t>
  </si>
  <si>
    <t>POINT (4.658640734281443 51.814862879382225)</t>
  </si>
  <si>
    <t>POINT (4.675777980308126 51.81610647796442)</t>
  </si>
  <si>
    <t>POINT (4.672714937580653 51.808131015168016)</t>
  </si>
  <si>
    <t>POINT (4.668545063296114 51.809233415124076)</t>
  </si>
  <si>
    <t>POINT (4.67746691130857 51.789911872959095)</t>
  </si>
  <si>
    <t>POINT (4.643270667054595 51.767552649434165)</t>
  </si>
  <si>
    <t>POINT (4.710714696887503 51.803838053751875)</t>
  </si>
  <si>
    <t>POINT (4.6570850689995416 51.80379413852673)</t>
  </si>
  <si>
    <t>POINT (4.659800398669814 51.808737830400226)</t>
  </si>
  <si>
    <t>POINT (4.717926701325684 51.80561257471549)</t>
  </si>
  <si>
    <t>POINT (4.660184468244605 51.801583998621965)</t>
  </si>
  <si>
    <t>POINT (4.653079142833476 51.79117597566581)</t>
  </si>
  <si>
    <t>POINT (4.703186175204986 51.81610449115792)</t>
  </si>
  <si>
    <t>POINT (4.664078547190429 51.803177515176436)</t>
  </si>
  <si>
    <t>POINT (4.6565778402611295 51.81333512844065)</t>
  </si>
  <si>
    <t>POINT (4.662780744612718 51.80477026969416)</t>
  </si>
  <si>
    <t>POINT (4.658909578321238 51.80741281925125)</t>
  </si>
  <si>
    <t>POINT (4.702940041636833 51.79898407591446)</t>
  </si>
  <si>
    <t>POINT (4.6764191607426415 51.78372810142273)</t>
  </si>
  <si>
    <t>POINT (4.684810178614879 51.775496713029504)</t>
  </si>
  <si>
    <t>POINT (4.733671604150586 51.79538793940173)</t>
  </si>
  <si>
    <t>POINT (4.652986809016347 51.79233114838696)</t>
  </si>
  <si>
    <t>POINT (4.666158904518334 51.78886963527421)</t>
  </si>
  <si>
    <t>POINT (4.724828709464696 51.792752623881285)</t>
  </si>
  <si>
    <t>POINT (4.68545214560434 51.80756562897335)</t>
  </si>
  <si>
    <t>POINT (4.685697971056747 51.80918163414867)</t>
  </si>
  <si>
    <t>POINT (4.717986763026147 51.81556618923985)</t>
  </si>
  <si>
    <t>POINT (4.660917695147663 51.80132461354521)</t>
  </si>
  <si>
    <t>POINT (4.650039005635403 51.79382175944826)</t>
  </si>
  <si>
    <t>POINT (4.658496521681647 51.81077590760432)</t>
  </si>
  <si>
    <t>POINT (4.685911043208497 51.79177869404701)</t>
  </si>
  <si>
    <t>POINT (4.664079443940626 51.80205008718279)</t>
  </si>
  <si>
    <t>POINT (4.69778663607818 51.79326891609772)</t>
  </si>
  <si>
    <t>POINT (4.666069750668017 51.77616927161698)</t>
  </si>
  <si>
    <t>POINT (4.634341266347706 51.783779303737205)</t>
  </si>
  <si>
    <t>POINT (4.686208878307766 51.80148721320469)</t>
  </si>
  <si>
    <t>POINT (4.660811972342409 51.805337563267464)</t>
  </si>
  <si>
    <t>POINT (4.717358946864509 51.80222691665035)</t>
  </si>
  <si>
    <t>POINT (4.713547786958859 51.80807298564368)</t>
  </si>
  <si>
    <t>POINT (4.674809311173 51.78772929977872)</t>
  </si>
  <si>
    <t>POINT (4.6826222878150086 51.786053444568125)</t>
  </si>
  <si>
    <t>POINT (4.727227049352673 51.79744623669874)</t>
  </si>
  <si>
    <t>POINT (4.666835287794231 51.799153732581495)</t>
  </si>
  <si>
    <t>POINT (4.6835726184216036 51.77687158659492)</t>
  </si>
  <si>
    <t>POINT (4.676274963170149 51.77670367026648)</t>
  </si>
  <si>
    <t>POINT (4.67166977517049 51.80187967003009)</t>
  </si>
  <si>
    <t>POINT (4.6625973715301 51.80534864724311)</t>
  </si>
  <si>
    <t>POINT (4.672943721409248 51.795431226356705)</t>
  </si>
  <si>
    <t>POINT (4.686551293830481 51.80862102160566)</t>
  </si>
  <si>
    <t>POINT (4.7010935125192965 51.79920911002194)</t>
  </si>
  <si>
    <t>POINT (4.6786204188218585 51.78954457487725)</t>
  </si>
  <si>
    <t>POINT (4.697107292372482 51.80002436558238)</t>
  </si>
  <si>
    <t>POINT (4.6316619691827405 51.76997568682713)</t>
  </si>
  <si>
    <t>POINT (4.666016602717754 51.812270440896214)</t>
  </si>
  <si>
    <t>POINT (4.69993345862308 51.77764464469691)</t>
  </si>
  <si>
    <t>POINT (4.654231622393393 51.81147371760117)</t>
  </si>
  <si>
    <t>POINT (4.688539540750719 51.807706711209924)</t>
  </si>
  <si>
    <t>POINT (4.708998760424835 51.80371416324398)</t>
  </si>
  <si>
    <t>POINT (4.67499097344386 51.80335875776098)</t>
  </si>
  <si>
    <t>POINT (4.6912067401335324 51.818133943331574)</t>
  </si>
  <si>
    <t>POINT (4.6548115581947425 51.792055437074644)</t>
  </si>
  <si>
    <t>POINT (4.666808297451446 51.79628702751182)</t>
  </si>
  <si>
    <t>POINT (4.717155351510518 51.79971650090465)</t>
  </si>
  <si>
    <t>POINT (4.6757534496932545 51.77408792175532)</t>
  </si>
  <si>
    <t>POINT (4.694422658954065 51.79345138074202)</t>
  </si>
  <si>
    <t>POINT (4.654569801251163 51.804056390885485)</t>
  </si>
  <si>
    <t>POINT (4.732059267360642 51.7952095471452)</t>
  </si>
  <si>
    <t>POINT (4.697579717506643 51.79498095879556)</t>
  </si>
  <si>
    <t>POINT (4.692399562082004 51.790630131130285)</t>
  </si>
  <si>
    <t>POINT (4.674079680293119 51.814809964029216)</t>
  </si>
  <si>
    <t>POINT (4.66613792003822 51.799765300082555)</t>
  </si>
  <si>
    <t>POINT (4.691462423367288 51.806658687244536)</t>
  </si>
  <si>
    <t>POINT (4.686744882239947 51.81546174010063)</t>
  </si>
  <si>
    <t>POINT (4.685441605833512 51.784712306327066)</t>
  </si>
  <si>
    <t>POINT (4.671839226598361 51.78218854834429)</t>
  </si>
  <si>
    <t>POINT (4.663831048430521 51.81719211512828)</t>
  </si>
  <si>
    <t>POINT (4.677447391158144 51.78994017710656)</t>
  </si>
  <si>
    <t>POINT (4.682211966007807 51.80428135945295)</t>
  </si>
  <si>
    <t>POINT (4.6692811999230015 51.8115810538107)</t>
  </si>
  <si>
    <t>POINT (4.6744700172203535 51.78624795074365)</t>
  </si>
  <si>
    <t>POINT (4.699602983932781 51.79643561440455)</t>
  </si>
  <si>
    <t>POINT (4.7164145101451185 51.81405390905853)</t>
  </si>
  <si>
    <t>POINT (4.668240457098414 51.777798975600525)</t>
  </si>
  <si>
    <t>POINT (4.66856536840195 51.80818231327037)</t>
  </si>
  <si>
    <t>POINT (4.664612907448857 51.80191128048651)</t>
  </si>
  <si>
    <t>POINT (4.667682552061902 51.77912679173442)</t>
  </si>
  <si>
    <t>POINT (4.663919207065655 51.79942474275103)</t>
  </si>
  <si>
    <t>POINT (4.683061101792667 51.776472609442)</t>
  </si>
  <si>
    <t>POINT (4.6685252788044656 51.81453582259769)</t>
  </si>
  <si>
    <t>POINT (4.658515217759567 51.80613135209768)</t>
  </si>
  <si>
    <t>POINT (4.666915702779994 51.793914886874155)</t>
  </si>
  <si>
    <t>POINT (4.709399979781265 51.81865713672365)</t>
  </si>
  <si>
    <t>POINT (4.676443215060156 51.806958324731276)</t>
  </si>
  <si>
    <t>POINT (4.657121906296808 51.80670150915859)</t>
  </si>
  <si>
    <t>POINT (4.683996339318493 51.80231281484001)</t>
  </si>
  <si>
    <t>POINT (4.652238561799253 51.78836445377374)</t>
  </si>
  <si>
    <t>POINT (4.730978939457317 51.798281499437294)</t>
  </si>
  <si>
    <t>POINT (4.673552181366195 51.80719449210269)</t>
  </si>
  <si>
    <t>POINT (4.689258929640894 51.81035689508113)</t>
  </si>
  <si>
    <t>POINT (4.658989454935296 51.80931930360976)</t>
  </si>
  <si>
    <t>POINT (4.657095463135669 51.801529348233565)</t>
  </si>
  <si>
    <t>POINT (4.686944230731911 51.77546662476891)</t>
  </si>
  <si>
    <t>POINT (4.685455740847228 51.78790090387906)</t>
  </si>
  <si>
    <t>POINT (4.732337103848439 51.79880312113795)</t>
  </si>
  <si>
    <t>POINT (4.70388802601025 51.79895088655943)</t>
  </si>
  <si>
    <t>POINT (4.651760369573669 51.80093587069784)</t>
  </si>
  <si>
    <t>POINT (4.670232904230034 51.79353678238985)</t>
  </si>
  <si>
    <t>POINT (4.668852944461955 51.809280738042844)</t>
  </si>
  <si>
    <t>POINT (4.664819737614316 51.78899809659407)</t>
  </si>
  <si>
    <t>POINT (4.659329459689068 51.80933885114368)</t>
  </si>
  <si>
    <t>POINT (4.653489405519045 51.790456119512996)</t>
  </si>
  <si>
    <t>POINT (4.672909426781806 51.816972604008946)</t>
  </si>
  <si>
    <t>POINT (4.669401264975245 51.77406157603998)</t>
  </si>
  <si>
    <t>POINT (4.703780948094717 51.7931487988508)</t>
  </si>
  <si>
    <t>POINT (4.682997491984624 51.80241298055357)</t>
  </si>
  <si>
    <t>POINT (4.725111840032041 51.79411371503177)</t>
  </si>
  <si>
    <t>POINT (4.670914098725148 51.81552005327118)</t>
  </si>
  <si>
    <t>POINT (4.6992967032748885 51.79834974438483)</t>
  </si>
  <si>
    <t>POINT (4.684551893984353 51.80878674547476)</t>
  </si>
  <si>
    <t>POINT (4.706081885617451 51.796952789549216)</t>
  </si>
  <si>
    <t>POINT (4.67860892080601 51.78974877345326)</t>
  </si>
  <si>
    <t>POINT (4.691274546291278 51.81361212654217)</t>
  </si>
  <si>
    <t>POINT (4.7118685058703065 51.8036342847923)</t>
  </si>
  <si>
    <t>POINT (4.658293132273311 51.80973950713703)</t>
  </si>
  <si>
    <t>POINT (4.685925542756291 51.787641000953435)</t>
  </si>
  <si>
    <t>POINT (4.655478151073013 51.800441402213345)</t>
  </si>
  <si>
    <t>POINT (4.651729340761513 51.78895922758705)</t>
  </si>
  <si>
    <t>POINT (4.679325430943613 51.803037556911356)</t>
  </si>
  <si>
    <t>POINT (4.692975066613039 51.78926314205939)</t>
  </si>
  <si>
    <t>POINT (4.676333240408323 51.80744620206075)</t>
  </si>
  <si>
    <t>POINT (4.700647634702114 51.789474523690004)</t>
  </si>
  <si>
    <t>POINT (4.6705264851315125 51.798942838531566)</t>
  </si>
  <si>
    <t>POINT (4.651333899084601 51.80122331613299)</t>
  </si>
  <si>
    <t>POINT (4.6340829007238105 51.78444471724776)</t>
  </si>
  <si>
    <t>POINT (4.6983667032805485 51.7928600579469)</t>
  </si>
  <si>
    <t>POINT (4.682204999610096 51.79877719126679)</t>
  </si>
  <si>
    <t>POINT (4.693236574196565 51.796670406014506)</t>
  </si>
  <si>
    <t>POINT (4.652956866027622 51.79411113908099)</t>
  </si>
  <si>
    <t>POINT (4.71176768437256 51.81418076476447)</t>
  </si>
  <si>
    <t>POINT (4.665451931976963 51.799977134423244)</t>
  </si>
  <si>
    <t>POINT (4.662764869684973 51.81722954724962)</t>
  </si>
  <si>
    <t>POINT (4.723983211381928 51.799318751737744)</t>
  </si>
  <si>
    <t>POINT (4.676915024873783 51.77269142013236)</t>
  </si>
  <si>
    <t>POINT (4.664716849791432 51.78738292970793)</t>
  </si>
  <si>
    <t>POINT (4.711630516567467 51.79437263116942)</t>
  </si>
  <si>
    <t>POINT (4.6751967570399655 51.80781442712513)</t>
  </si>
  <si>
    <t>POINT (4.682385773773139 51.814649529110945)</t>
  </si>
  <si>
    <t>POINT (4.712349520509396 51.794566160275316)</t>
  </si>
  <si>
    <t>POINT (4.6987219887179625 51.79115606636562)</t>
  </si>
  <si>
    <t>POINT (4.67064660600281 51.79982467942962)</t>
  </si>
  <si>
    <t>POINT (4.689341144551974 51.81381447651425)</t>
  </si>
  <si>
    <t>POINT (4.665046181535986 51.802375625121854)</t>
  </si>
  <si>
    <t>POINT (4.652373539397639 51.792015157623425)</t>
  </si>
  <si>
    <t>POINT (4.672838953844103 51.77737575041214)</t>
  </si>
  <si>
    <t>POINT (4.677996492706652 51.80710016201681)</t>
  </si>
  <si>
    <t>POINT (4.630965738840734 51.732021692604704)</t>
  </si>
  <si>
    <t>POINT (4.671424170314541 51.81695274147381)</t>
  </si>
  <si>
    <t>POINT (4.66763675795532 51.78831773372901)</t>
  </si>
  <si>
    <t>POINT (4.712930380099787 51.81626555180902)</t>
  </si>
  <si>
    <t>POINT (4.686690291246694 51.80859615285829)</t>
  </si>
  <si>
    <t>POINT (4.658565351379466 51.811995866037904)</t>
  </si>
  <si>
    <t>POINT (4.673146083650338 51.80984028360472)</t>
  </si>
  <si>
    <t>POINT (4.660411617446846 51.77018752289987)</t>
  </si>
  <si>
    <t>POINT (4.663849689406881 51.810602692219334)</t>
  </si>
  <si>
    <t>POINT (4.67148963041978 51.811935313345586)</t>
  </si>
  <si>
    <t>POINT (4.678233552271373 51.784647353733206)</t>
  </si>
  <si>
    <t>POINT (4.688939709472698 51.81000524721321)</t>
  </si>
  <si>
    <t>POINT (4.673535206820436 51.80327929732415)</t>
  </si>
  <si>
    <t>POINT (4.66481825356717 51.777481635053526)</t>
  </si>
  <si>
    <t>POINT (4.709921315621687 51.79439165716455)</t>
  </si>
  <si>
    <t>POINT (4.6576515218333645 51.77103695256306)</t>
  </si>
  <si>
    <t>POINT (4.672838894270878 51.817296782476454)</t>
  </si>
  <si>
    <t>POINT (4.662854379320064 51.787908636113045)</t>
  </si>
  <si>
    <t>POINT (4.6536606006506895 51.79276156309385)</t>
  </si>
  <si>
    <t>POINT (4.707961362672152 51.786425688224824)</t>
  </si>
  <si>
    <t>POINT (4.702644398267517 51.789842323753625)</t>
  </si>
  <si>
    <t>POINT (4.689419601662373 51.8179924746891)</t>
  </si>
  <si>
    <t>POINT (4.674179141750203 51.81783938091282)</t>
  </si>
  <si>
    <t>POINT (4.643745251501384 51.7747173214017)</t>
  </si>
  <si>
    <t>POINT (4.711333241089543 51.81644806559175)</t>
  </si>
  <si>
    <t>POINT (4.713055753907924 51.80886678757344)</t>
  </si>
  <si>
    <t>POINT (4.678513350530518 51.81740159330425)</t>
  </si>
  <si>
    <t>POINT (4.691511863061775 51.8068413513655)</t>
  </si>
  <si>
    <t>POINT (4.6606579701507265 51.80975097277497)</t>
  </si>
  <si>
    <t>POINT (4.674026500466807 51.817175107823054)</t>
  </si>
  <si>
    <t>POINT (4.672504609586113 51.78372440546115)</t>
  </si>
  <si>
    <t>POINT (4.703905568182749 51.79822453404131)</t>
  </si>
  <si>
    <t>POINT (4.661119916207324 51.78804645170499)</t>
  </si>
  <si>
    <t>POINT (4.7149937407130125 51.80796948583392)</t>
  </si>
  <si>
    <t>POINT (4.679060545956738 51.78171988520576)</t>
  </si>
  <si>
    <t>POINT (4.6921257536835315 51.784792507912115)</t>
  </si>
  <si>
    <t>POINT (4.675881712319611 51.803983912543835)</t>
  </si>
  <si>
    <t>POINT (4.677316552416878 51.77982608444201)</t>
  </si>
  <si>
    <t>POINT (4.685240440410667 51.80434472912877)</t>
  </si>
  <si>
    <t>POINT (4.660525203954461 51.807460785875534)</t>
  </si>
  <si>
    <t>POINT (4.6617230569519315 51.805623871694685)</t>
  </si>
  <si>
    <t>POINT (4.726481174881639 51.79760209953902)</t>
  </si>
  <si>
    <t>POINT (4.698478228976463 51.80065032868613)</t>
  </si>
  <si>
    <t>POINT (4.677373339918312 51.803428249881556)</t>
  </si>
  <si>
    <t>POINT (4.654285152691071 51.792931218395935)</t>
  </si>
  <si>
    <t>POINT (4.66970737458906 51.8156550534355)</t>
  </si>
  <si>
    <t>POINT (4.6673231114770015 51.78965544064127)</t>
  </si>
  <si>
    <t>POINT (4.681231841886449 51.80010006434133)</t>
  </si>
  <si>
    <t>POINT (4.653326755045761 51.803642360624075)</t>
  </si>
  <si>
    <t>POINT (4.665001832384464 51.7977543730742)</t>
  </si>
  <si>
    <t>POINT (4.672723410250335 51.81630992365858)</t>
  </si>
  <si>
    <t>POINT (4.6815333504824395 51.81914821116191)</t>
  </si>
  <si>
    <t>POINT (4.681398450382065 51.80415041167381)</t>
  </si>
  <si>
    <t>POINT (4.664407788840413 51.814593383759345)</t>
  </si>
  <si>
    <t>POINT (4.712865938684945 51.815174122833255)</t>
  </si>
  <si>
    <t>POINT (4.674651929197542 51.77171164824155)</t>
  </si>
  <si>
    <t>POINT (4.686017530067423 51.81002329211718)</t>
  </si>
  <si>
    <t>POINT (4.673331414441316 51.80424261509522)</t>
  </si>
  <si>
    <t>POINT (4.69766420842987 51.79497195438287)</t>
  </si>
  <si>
    <t>POINT (4.651872693729005 51.7837663010884)</t>
  </si>
  <si>
    <t>POINT (4.726537117734443 51.799646009771784)</t>
  </si>
  <si>
    <t>POINT (4.665940109172168 51.79606211749365)</t>
  </si>
  <si>
    <t>POINT (4.684613153898378 51.80417767756902)</t>
  </si>
  <si>
    <t>POINT (4.687945863834581 51.807636982441856)</t>
  </si>
  <si>
    <t>POINT (4.699496154505726 51.79011642884542)</t>
  </si>
  <si>
    <t>POINT (4.703533539007706 51.79641025221237)</t>
  </si>
  <si>
    <t>POINT (4.679843716315892 51.81405958017854)</t>
  </si>
  <si>
    <t>POINT (4.693020026798899 51.81133576824976)</t>
  </si>
  <si>
    <t>POINT (4.667105919697546 51.7731028630079)</t>
  </si>
  <si>
    <t>POINT (4.684614093579975 51.779432669837696)</t>
  </si>
  <si>
    <t>POINT (4.64277723323123 51.76875837843529)</t>
  </si>
  <si>
    <t>POINT (4.665062976640677 51.77869931523711)</t>
  </si>
  <si>
    <t>POINT (4.66708394063631 51.816530895264954)</t>
  </si>
  <si>
    <t>POINT (4.713824971738585 51.80865295984664)</t>
  </si>
  <si>
    <t>POINT (4.682916114342974 51.77584197245505)</t>
  </si>
  <si>
    <t>POINT (4.714586962684698 51.80892506564816)</t>
  </si>
  <si>
    <t>POINT (4.660065566261373 51.81121005030008)</t>
  </si>
  <si>
    <t>POINT (4.683467826037497 51.811794221015234)</t>
  </si>
  <si>
    <t>POINT (4.732382457117552 51.79743167182526)</t>
  </si>
  <si>
    <t>POINT (4.668243036220729 51.81587319053492)</t>
  </si>
  <si>
    <t>POINT (4.661918060322319 51.792237824898265)</t>
  </si>
  <si>
    <t>POINT (4.681594692395574 51.77993310267946)</t>
  </si>
  <si>
    <t>POINT (4.680108485048123 51.80173534267544)</t>
  </si>
  <si>
    <t>POINT (4.671114919059597 51.804292155761075)</t>
  </si>
  <si>
    <t>POINT (4.661450110367531 51.81479982910144)</t>
  </si>
  <si>
    <t>POINT (4.66403681370992 51.811542057199205)</t>
  </si>
  <si>
    <t>POINT (4.6583288105936935 51.798051118118494)</t>
  </si>
  <si>
    <t>POINT (4.655564524655838 51.769517898249944)</t>
  </si>
  <si>
    <t>POINT (4.68832903265555 51.778441451230776)</t>
  </si>
  <si>
    <t>POINT (4.685542870801027 51.80927389234828)</t>
  </si>
  <si>
    <t>POINT (4.665225047157558 51.77540646984104)</t>
  </si>
  <si>
    <t>POINT (4.73256206895611 51.79926094547008)</t>
  </si>
  <si>
    <t>POINT (4.666261165063673 51.79254561792658)</t>
  </si>
  <si>
    <t>POINT (4.689093586647022 51.80707234379314)</t>
  </si>
  <si>
    <t>POINT (4.713267926606785 51.80934415271478)</t>
  </si>
  <si>
    <t>POINT (4.652410502730506 51.78536369487202)</t>
  </si>
  <si>
    <t>POINT (4.706384285614924 51.79460658908044)</t>
  </si>
  <si>
    <t>POINT (4.727265759507284 51.80016587860564)</t>
  </si>
  <si>
    <t>POINT (4.709140669574287 51.811303613963965)</t>
  </si>
  <si>
    <t>POINT (4.685138035598378 51.785644828321004)</t>
  </si>
  <si>
    <t>POINT (4.67393865996656 51.817101379284566)</t>
  </si>
  <si>
    <t>POINT (4.676047010451641 51.77687320859566)</t>
  </si>
  <si>
    <t>POINT (4.711088143771377 51.803631372855214)</t>
  </si>
  <si>
    <t>POINT (4.630481476500413 51.72785447293133)</t>
  </si>
  <si>
    <t>POINT (4.668686548776998 51.773628770390644)</t>
  </si>
  <si>
    <t>POINT (4.664522684821069 51.797166456321506)</t>
  </si>
  <si>
    <t>POINT (4.712695624325254 51.816333109722414)</t>
  </si>
  <si>
    <t>POINT (4.653492034903987 51.7915323814139)</t>
  </si>
  <si>
    <t>POINT (4.660635348790693 51.80473669032071)</t>
  </si>
  <si>
    <t>POINT (4.669447234566727 51.80580707629351)</t>
  </si>
  <si>
    <t>POINT (4.653148736143011 51.81087147499587)</t>
  </si>
  <si>
    <t>POINT (4.718671627256366 51.815631736547736)</t>
  </si>
  <si>
    <t>POINT (4.655502921375847 51.791875195036496)</t>
  </si>
  <si>
    <t>POINT (4.7345981176750005 51.8020892453283)</t>
  </si>
  <si>
    <t>POINT (4.660680694240664 51.79313335348402)</t>
  </si>
  <si>
    <t>POINT (4.685802598061213 51.81484339128894)</t>
  </si>
  <si>
    <t>POINT (4.712525032959242 51.80933861650845)</t>
  </si>
  <si>
    <t>POINT (4.657006331328407 51.799645921787665)</t>
  </si>
  <si>
    <t>POINT (4.664615815952987 51.80195416546648)</t>
  </si>
  <si>
    <t>POINT (4.664787152230062 51.800329894242466)</t>
  </si>
  <si>
    <t>POINT (4.6744263988955534 51.816421275728224)</t>
  </si>
  <si>
    <t>POINT (4.665439733667471 51.796061044733875)</t>
  </si>
  <si>
    <t>POINT (4.728964773311257 51.80466978648888)</t>
  </si>
  <si>
    <t>POINT (4.6755708053822485 51.807266975682545)</t>
  </si>
  <si>
    <t>POINT (4.664941471004269 51.78945286559906)</t>
  </si>
  <si>
    <t>POINT (4.660349589487182 51.803462355361205)</t>
  </si>
  <si>
    <t>POINT (4.668364391865969 51.817914470373026)</t>
  </si>
  <si>
    <t>POINT (4.677508195565456 51.78087134487145)</t>
  </si>
  <si>
    <t>POINT (4.656047813023473 51.78491868619028)</t>
  </si>
  <si>
    <t>POINT (4.709585422585657 51.78702595998981)</t>
  </si>
  <si>
    <t>POINT (4.677221883141417 51.81503928761808)</t>
  </si>
  <si>
    <t>POINT (4.663251003081093 51.79476185169303)</t>
  </si>
  <si>
    <t>POINT (4.6641904036665744 51.81771807266615)</t>
  </si>
  <si>
    <t>POINT (4.665957021178753 51.78888913115427)</t>
  </si>
  <si>
    <t>POINT (4.683575673618971 51.805133455475435)</t>
  </si>
  <si>
    <t>POINT (4.707741774507185 51.808312900846836)</t>
  </si>
  <si>
    <t>POINT (4.734494209252576 51.80147101332968)</t>
  </si>
  <si>
    <t>POINT (4.681418122265707 51.806904884198595)</t>
  </si>
  <si>
    <t>POINT (4.702759884561479 51.79977014427091)</t>
  </si>
  <si>
    <t>POINT (4.724187839959711 51.804235365457046)</t>
  </si>
  <si>
    <t>POINT (4.6599603534706855 51.77177914574643)</t>
  </si>
  <si>
    <t>POINT (4.652931101990468 51.801327308397184)</t>
  </si>
  <si>
    <t>POINT (4.6980417670736845 51.79576196683588)</t>
  </si>
  <si>
    <t>POINT (4.727887268935239 51.80076273082011)</t>
  </si>
  <si>
    <t>POINT (4.664942657886055 51.815933949227485)</t>
  </si>
  <si>
    <t>POINT (4.673187661737242 51.80536122669687)</t>
  </si>
  <si>
    <t>POINT (4.672397127959464 51.77756660346183)</t>
  </si>
  <si>
    <t>POINT (4.68939875699186 51.80858362532909)</t>
  </si>
  <si>
    <t>POINT (4.718225430104208 51.79979338358692)</t>
  </si>
  <si>
    <t>POINT (4.710953290669046 51.81423299985002)</t>
  </si>
  <si>
    <t>POINT (4.652805166218308 51.8033076478571)</t>
  </si>
  <si>
    <t>POINT (4.656838021982719 51.805672191050704)</t>
  </si>
  <si>
    <t>POINT (4.662357225416331 51.81079452384114)</t>
  </si>
  <si>
    <t>POINT (4.706255560816495 51.79064339518523)</t>
  </si>
  <si>
    <t>POINT (4.662209382229659 51.81255504184231)</t>
  </si>
  <si>
    <t>POINT (4.676252348806973 51.81837581756647)</t>
  </si>
  <si>
    <t>POINT (4.663115621993176 51.813971599218064)</t>
  </si>
  <si>
    <t>POINT (4.675977168544272 51.78473289377353)</t>
  </si>
  <si>
    <t>POINT (4.717655396776228 51.804959449154055)</t>
  </si>
  <si>
    <t>POINT (4.657756940530126 51.80236715514108)</t>
  </si>
  <si>
    <t>POINT (4.686274111526516 51.80225741085287)</t>
  </si>
  <si>
    <t>POINT (4.677559448690796 51.78079694986637)</t>
  </si>
  <si>
    <t>POINT (4.664465286859724 51.78545443492821)</t>
  </si>
  <si>
    <t>POINT (4.712265026550914 51.807055758221075)</t>
  </si>
  <si>
    <t>POINT (4.732023418657122 51.800884415009115)</t>
  </si>
  <si>
    <t>POINT (4.675999540057959 51.77676561356834)</t>
  </si>
  <si>
    <t>POINT (4.702333318997551 51.795471711774134)</t>
  </si>
  <si>
    <t>POINT (4.736611454637015 51.80131537663484)</t>
  </si>
  <si>
    <t>POINT (4.6647065226625735 51.81729481940759)</t>
  </si>
  <si>
    <t>POINT (4.711207743604935 51.80978804521136)</t>
  </si>
  <si>
    <t>POINT (4.651916860318211 51.80128994572853)</t>
  </si>
  <si>
    <t>POINT (4.662708967829588 51.801392487475724)</t>
  </si>
  <si>
    <t>POINT (4.652750452095111 51.80338391607667)</t>
  </si>
  <si>
    <t>POINT (4.669171177102526 51.781996948471765)</t>
  </si>
  <si>
    <t>POINT (4.717826996139582 51.80080595665775)</t>
  </si>
  <si>
    <t>POINT (4.7057791580267745 51.7950636641044)</t>
  </si>
  <si>
    <t>POINT (4.665222795078498 51.81032849014288)</t>
  </si>
  <si>
    <t>POINT (4.675378627105448 51.815833587422304)</t>
  </si>
  <si>
    <t>POINT (4.678689939458117 51.78982759026313)</t>
  </si>
  <si>
    <t>POINT (4.684435692137398 51.806704139184646)</t>
  </si>
  <si>
    <t>POINT (4.64491697633899 51.773188873677505)</t>
  </si>
  <si>
    <t>POINT (4.6562579833523765 51.802357548061224)</t>
  </si>
  <si>
    <t>POINT (4.67273595835247 51.818614838316165)</t>
  </si>
  <si>
    <t>POINT (4.7082951216249915 51.80623870979896)</t>
  </si>
  <si>
    <t>POINT (4.653002205557271 51.791396715372684)</t>
  </si>
  <si>
    <t>POINT (4.653766131632954 51.811343915849285)</t>
  </si>
  <si>
    <t>POINT (4.718932646327625 51.812636080045735)</t>
  </si>
  <si>
    <t>POINT (4.682301359620739 51.80867675464003)</t>
  </si>
  <si>
    <t>POINT (4.662146370851387 51.809955323039155)</t>
  </si>
  <si>
    <t>POINT (4.718806027961996 51.80211526923539)</t>
  </si>
  <si>
    <t>POINT (4.659145024036112 51.788113644528856)</t>
  </si>
  <si>
    <t>POINT (4.678538481313354 51.78565142701809)</t>
  </si>
  <si>
    <t>POINT (4.663631054077906 51.7877621224668)</t>
  </si>
  <si>
    <t>POINT (4.661623077729602 51.773310120909926)</t>
  </si>
  <si>
    <t>POINT (4.680644041797645 51.78198800329105)</t>
  </si>
  <si>
    <t>POINT (4.65282333560893 51.800059460577636)</t>
  </si>
  <si>
    <t>POINT (4.718748537938521 51.802491143549474)</t>
  </si>
  <si>
    <t>POINT (4.7214109322175855 51.80588177661372)</t>
  </si>
  <si>
    <t>POINT (4.66297193656923 51.812541377526)</t>
  </si>
  <si>
    <t>POINT (4.668831981415372 51.80929315790989)</t>
  </si>
  <si>
    <t>POINT (4.671972758263963 51.77623420858189)</t>
  </si>
  <si>
    <t>POINT (4.669015998119526 51.7796047501192)</t>
  </si>
  <si>
    <t>POINT (4.65650063044147 51.811776449848594)</t>
  </si>
  <si>
    <t>POINT (4.666986038280654 51.81584408113379)</t>
  </si>
  <si>
    <t>POINT (4.7296822054788255 51.804386747756645)</t>
  </si>
  <si>
    <t>POINT (4.692071326493129 51.788939716898405)</t>
  </si>
  <si>
    <t>POINT (4.652106162200839 51.79354233648722)</t>
  </si>
  <si>
    <t>POINT (4.682007154244738 51.80209197057169)</t>
  </si>
  <si>
    <t>POINT (4.713189882449492 51.79934723057329)</t>
  </si>
  <si>
    <t>POINT (4.703865388552834 51.81606362151976)</t>
  </si>
  <si>
    <t>POINT (4.682415830264857 51.804526851342835)</t>
  </si>
  <si>
    <t>POINT (4.668496608348535 51.813324027530186)</t>
  </si>
  <si>
    <t>POINT (4.659295912226199 51.80884525395605)</t>
  </si>
  <si>
    <t>POINT (4.685832420389408 51.78653330743465)</t>
  </si>
  <si>
    <t>POINT (4.68646915372362 51.80305938561246)</t>
  </si>
  <si>
    <t>POINT (4.665042434563323 51.80243487348386)</t>
  </si>
  <si>
    <t>POINT (4.655555182255433 51.80033037776337)</t>
  </si>
  <si>
    <t>POINT (4.667173198272737 51.801014398412974)</t>
  </si>
  <si>
    <t>POINT (4.691096636402316 51.811032728743)</t>
  </si>
  <si>
    <t>POINT (4.667587807026438 51.80030262881483)</t>
  </si>
  <si>
    <t>POINT (4.71762403666781 51.799471098751916)</t>
  </si>
  <si>
    <t>POINT (4.715979195809556 51.80141366685977)</t>
  </si>
  <si>
    <t>POINT (4.715730680780471 51.81330530786404)</t>
  </si>
  <si>
    <t>POINT (4.6679574635338925 51.81481207152468)</t>
  </si>
  <si>
    <t>POINT (4.663083744130185 51.81332522428748)</t>
  </si>
  <si>
    <t>POINT (4.652329774412625 51.785475907685274)</t>
  </si>
  <si>
    <t>POINT (4.677569653195043 51.78175797570225)</t>
  </si>
  <si>
    <t>POINT (4.652374218229462 51.79246469633625)</t>
  </si>
  <si>
    <t>POINT (4.673298072161353 51.785822526086434)</t>
  </si>
  <si>
    <t>POINT (4.672066283014735 51.815462891846266)</t>
  </si>
  <si>
    <t>POINT (4.719372147258894 51.800873861792525)</t>
  </si>
  <si>
    <t>POINT (4.671552869270644 51.81194463375929)</t>
  </si>
  <si>
    <t>POINT (4.660304148377952 51.793326309567384)</t>
  </si>
  <si>
    <t>POINT (4.683242832468858 51.798382042330935)</t>
  </si>
  <si>
    <t>POINT (4.673435017353296 51.779735391521385)</t>
  </si>
  <si>
    <t>POINT (4.6875573502110335 51.80922620866453)</t>
  </si>
  <si>
    <t>POINT (4.665937910196979 51.7960500501334)</t>
  </si>
  <si>
    <t>POINT (4.6624955915659605 51.80936216865554)</t>
  </si>
  <si>
    <t>POINT (4.675589577882788 51.783335559717145)</t>
  </si>
  <si>
    <t>POINT (4.6547786010744 51.812148893487475)</t>
  </si>
  <si>
    <t>POINT (4.679459595684411 51.807593557118786)</t>
  </si>
  <si>
    <t>POINT (4.663953414393319 51.80346819321915)</t>
  </si>
  <si>
    <t>POINT (4.7333663628565965 51.79544949179347)</t>
  </si>
  <si>
    <t>POINT (4.674098260763824 51.81253232079365)</t>
  </si>
  <si>
    <t>POINT (4.66256423313597 51.80470301872575)</t>
  </si>
  <si>
    <t>POINT (4.679269399072811 51.810560828625384)</t>
  </si>
  <si>
    <t>POINT (4.681980243001732 51.78166019981899)</t>
  </si>
  <si>
    <t>POINT (4.706920881685345 51.80902944795919)</t>
  </si>
  <si>
    <t>POINT (4.67153503024428 51.81169260836646)</t>
  </si>
  <si>
    <t>POINT (4.659906984568494 51.77156644714823)</t>
  </si>
  <si>
    <t>POINT (4.756482643201837 51.787784191769816)</t>
  </si>
  <si>
    <t>POINT (4.7025209677083835 51.79444544733025)</t>
  </si>
  <si>
    <t>POINT (4.695477200287711 51.79328822061469)</t>
  </si>
  <si>
    <t>POINT (4.729480405981588 51.797316231582975)</t>
  </si>
  <si>
    <t>POINT (4.664323876072604 51.790282449200824)</t>
  </si>
  <si>
    <t>POINT (4.662809095104258 51.81725182451495)</t>
  </si>
  <si>
    <t>POINT (4.646680239378672 51.778808639437486)</t>
  </si>
  <si>
    <t>POINT (4.67230052567956 51.81816026351958)</t>
  </si>
  <si>
    <t>POINT (4.6761042281132665 51.818321194955764)</t>
  </si>
  <si>
    <t>POINT (4.65977092987231 51.80062501126199)</t>
  </si>
  <si>
    <t>POINT (4.7258395767155905 51.79574067522367)</t>
  </si>
  <si>
    <t>POINT (4.716802886953727 51.803084215150854)</t>
  </si>
  <si>
    <t>POINT (4.665282701990827 51.798848371831724)</t>
  </si>
  <si>
    <t>POINT (4.662310268811347 51.79323954107635)</t>
  </si>
  <si>
    <t>POINT (4.666140387534155 51.789325383536344)</t>
  </si>
  <si>
    <t>POINT (4.710464750845878 51.8063074935018)</t>
  </si>
  <si>
    <t>POINT (4.68193557979547 51.81040680807741)</t>
  </si>
  <si>
    <t>POINT (4.71098176839197 51.80593826315315)</t>
  </si>
  <si>
    <t>POINT (4.665974360132366 51.80027004353475)</t>
  </si>
  <si>
    <t>POINT (4.665249810800272 51.8094799000333)</t>
  </si>
  <si>
    <t>POINT (4.6856429625963685 51.800887243526525)</t>
  </si>
  <si>
    <t>POINT (4.660108434600874 51.78973116050193)</t>
  </si>
  <si>
    <t>POINT (4.679861157722181 51.807302902737085)</t>
  </si>
  <si>
    <t>POINT (4.677637789706192 51.79038360851705)</t>
  </si>
  <si>
    <t>POINT (4.685899955979231 51.78761615606399)</t>
  </si>
  <si>
    <t>POINT (4.665580789760185 51.79978225217699)</t>
  </si>
  <si>
    <t>POINT (4.655705276399316 51.80999668699858)</t>
  </si>
  <si>
    <t>POINT (4.687019714577362 51.780686443168285)</t>
  </si>
  <si>
    <t>POINT (4.654082065967972 51.790972711672474)</t>
  </si>
  <si>
    <t>POINT (4.653083836005073 51.79984197319031)</t>
  </si>
  <si>
    <t>POINT (4.684150368831324 51.811263477580944)</t>
  </si>
  <si>
    <t>POINT (4.664047697817685 51.79973048521454)</t>
  </si>
  <si>
    <t>POINT (4.668302012001188 51.800693242054884)</t>
  </si>
  <si>
    <t>POINT (4.6815318138443125 51.78912049189444)</t>
  </si>
  <si>
    <t>POINT (4.678355529992543 51.7744192349903)</t>
  </si>
  <si>
    <t>POINT (4.687483041704752 51.81075441367179)</t>
  </si>
  <si>
    <t>POINT (4.69110671617201 51.80643571719796)</t>
  </si>
  <si>
    <t>POINT (4.675370872547544 51.77429625080265)</t>
  </si>
  <si>
    <t>POINT (4.664731629241029 51.791556700690805)</t>
  </si>
  <si>
    <t>POINT (4.659568087400466 51.7920384022068)</t>
  </si>
  <si>
    <t>POINT (4.651052010037219 51.79367940207828)</t>
  </si>
  <si>
    <t>POINT (4.705211353792309 51.81573355869793)</t>
  </si>
  <si>
    <t>POINT (4.655388588019718 51.79187845487947)</t>
  </si>
  <si>
    <t>POINT (4.642373211545915 51.77643334789718)</t>
  </si>
  <si>
    <t>POINT (4.681553431965338 51.78911911183492)</t>
  </si>
  <si>
    <t>POINT (4.6678020560508156 51.7946982341384)</t>
  </si>
  <si>
    <t>POINT (4.715584213586984 51.808365400860545)</t>
  </si>
  <si>
    <t>POINT (4.700563812586945 51.80996803324851)</t>
  </si>
  <si>
    <t>POINT (4.6639558619801305 51.793083038058974)</t>
  </si>
  <si>
    <t>POINT (4.680195996029316 51.80785590828129)</t>
  </si>
  <si>
    <t>POINT (4.719861365288683 51.79805022767896)</t>
  </si>
  <si>
    <t>POINT (4.688044137744632 51.80719333916723)</t>
  </si>
  <si>
    <t>POINT (4.690745842269382 51.78801859593738)</t>
  </si>
  <si>
    <t>POINT (4.658836626561483 51.79224845945491)</t>
  </si>
  <si>
    <t>POINT (4.680965887483369 51.80337517834754)</t>
  </si>
  <si>
    <t>POINT (4.664428133799707 51.81771519545003)</t>
  </si>
  <si>
    <t>POINT (4.678155368999782 51.784689406697126)</t>
  </si>
  <si>
    <t>POINT (4.671446843480225 51.81697620535249)</t>
  </si>
  <si>
    <t>POINT (4.659251647181756 51.81325402879816)</t>
  </si>
  <si>
    <t>POINT (4.683845403953604 51.78247514108538)</t>
  </si>
  <si>
    <t>POINT (4.705239177494115 51.815785809567465)</t>
  </si>
  <si>
    <t>POINT (4.676653280052208 51.81792466863808)</t>
  </si>
  <si>
    <t>POINT (4.672532778197273 51.81871156872872)</t>
  </si>
  <si>
    <t>POINT (4.711185045157917 51.80905133994678)</t>
  </si>
  <si>
    <t>POINT (4.6532721796474465 51.79341189387768)</t>
  </si>
  <si>
    <t>POINT (4.719126727510119 51.79277812080917)</t>
  </si>
  <si>
    <t>POINT (4.664999896206851 51.8124361687017)</t>
  </si>
  <si>
    <t>POINT (4.710570233086289 51.803854191362305)</t>
  </si>
  <si>
    <t>POINT (4.714077906052185 51.80565426196769)</t>
  </si>
  <si>
    <t>POINT (4.659880018594304 51.81364627202955)</t>
  </si>
  <si>
    <t>POINT (4.66998707294743 51.78155786205084)</t>
  </si>
  <si>
    <t>POINT (4.719659900799802 51.8038048629142)</t>
  </si>
  <si>
    <t>POINT (4.664025997800891 51.798936425035855)</t>
  </si>
  <si>
    <t>POINT (4.672835985556845 51.773383198404446)</t>
  </si>
  <si>
    <t>POINT (4.654631115202496 51.79183886902816)</t>
  </si>
  <si>
    <t>POINT (4.685938566655467 51.788862974011565)</t>
  </si>
  <si>
    <t>POINT (4.675809366003947 51.785335224682726)</t>
  </si>
  <si>
    <t>POINT (4.653187516162982 51.810855232311795)</t>
  </si>
  <si>
    <t>POINT (4.705557820728984 51.80886421881335)</t>
  </si>
  <si>
    <t>POINT (4.677016192564599 51.815827292917895)</t>
  </si>
  <si>
    <t>POINT (4.65202451687264 51.80128863383609)</t>
  </si>
  <si>
    <t>POINT (4.6703087067201805 51.811338519810235)</t>
  </si>
  <si>
    <t>POINT (4.65316016342967 51.80265436831423)</t>
  </si>
  <si>
    <t>POINT (4.66875455550894 51.809290805263196)</t>
  </si>
  <si>
    <t>POINT (4.670049273810297 51.81014519782769)</t>
  </si>
  <si>
    <t>POINT (4.65269763509661 51.78729780673789)</t>
  </si>
  <si>
    <t>POINT (4.733574496572402 51.7992873805857)</t>
  </si>
  <si>
    <t>POINT (4.6631625072821175 51.791572680577325)</t>
  </si>
  <si>
    <t>POINT (4.6787253967597975 51.80582482960827)</t>
  </si>
  <si>
    <t>POINT (4.668222040398684 51.793751305789286)</t>
  </si>
  <si>
    <t>POINT (4.717582647933308 51.813500767863374)</t>
  </si>
  <si>
    <t>POINT (4.724195649329258 51.80561250508917)</t>
  </si>
  <si>
    <t>POINT (4.656457391623058 51.770052398111446)</t>
  </si>
  <si>
    <t>POINT (4.6945675169119605 51.79053866444001)</t>
  </si>
  <si>
    <t>POINT (4.654825920861771 51.79496269072372)</t>
  </si>
  <si>
    <t>POINT (4.681596781287929 51.77488912307045)</t>
  </si>
  <si>
    <t>POINT (4.651033058767939 51.79336617038176)</t>
  </si>
  <si>
    <t>POINT (4.6799175516590426 51.79855352045576)</t>
  </si>
  <si>
    <t>POINT (4.676728418963665 51.7800950159833)</t>
  </si>
  <si>
    <t>POINT (4.668542689057008 51.80926501377162)</t>
  </si>
  <si>
    <t>POINT (4.697048929409915 51.79334249249702)</t>
  </si>
  <si>
    <t>POINT (4.705677141702985 51.815542649160015)</t>
  </si>
  <si>
    <t>POINT (4.655524983690304 51.79198240614487)</t>
  </si>
  <si>
    <t>POINT (4.668363832622858 51.79617137412411)</t>
  </si>
  <si>
    <t>POINT (4.678331291355288 51.78467232177281)</t>
  </si>
  <si>
    <t>POINT (4.686032424059327 51.80753622621987)</t>
  </si>
  <si>
    <t>POINT (4.662655384808419 51.80261333343001)</t>
  </si>
  <si>
    <t>POINT (4.73014243696136 51.798082429521266)</t>
  </si>
  <si>
    <t>POINT (4.723893792510287 51.7975303595461)</t>
  </si>
  <si>
    <t>POINT (4.6798761081255025 51.78988075237098)</t>
  </si>
  <si>
    <t>POINT (4.6776020706369055 51.775783254431616)</t>
  </si>
  <si>
    <t>POINT (4.724459491189068 51.80392487741473)</t>
  </si>
  <si>
    <t>POINT (4.66583043359466 51.79607265209107)</t>
  </si>
  <si>
    <t>POINT (4.681932286687956 51.818658471086984)</t>
  </si>
  <si>
    <t>POINT (4.674497550253429 51.80508513887177)</t>
  </si>
  <si>
    <t>POINT (4.699756219484712 51.79778116301563)</t>
  </si>
  <si>
    <t>POINT (4.7321360201200715 51.798423163426975)</t>
  </si>
  <si>
    <t>POINT (4.676765700864588 51.786435673123904)</t>
  </si>
  <si>
    <t>POINT (4.661231958523598 51.7904008021678)</t>
  </si>
  <si>
    <t>POINT (4.671891109842362 51.811555940322876)</t>
  </si>
  <si>
    <t>POINT (4.724088793866503 51.80533696578853)</t>
  </si>
  <si>
    <t>POINT (4.657784470170547 51.81361516250817)</t>
  </si>
  <si>
    <t>POINT (4.699520226830886 51.797374795661106)</t>
  </si>
  <si>
    <t>POINT (4.652010168500349 51.783104667111814)</t>
  </si>
  <si>
    <t>POINT (4.7128933311004575 51.80521317421964)</t>
  </si>
  <si>
    <t>POINT (4.685938160186566 51.787589211651024)</t>
  </si>
  <si>
    <t>POINT (4.661708761310014 51.799265370583456)</t>
  </si>
  <si>
    <t>POINT (4.6768504139993565 51.77268892545057)</t>
  </si>
  <si>
    <t>POINT (4.68505038287025 51.80466146734615)</t>
  </si>
  <si>
    <t>POINT (4.701318682234103 51.79024965020465)</t>
  </si>
  <si>
    <t>POINT (4.682384973244229 51.79995895350047)</t>
  </si>
  <si>
    <t>POINT (4.667539770873591 51.775644550923865)</t>
  </si>
  <si>
    <t>POINT (4.682869442281261 51.77573516707143)</t>
  </si>
  <si>
    <t>POINT (4.664601198992211 51.800739064993444)</t>
  </si>
  <si>
    <t>POINT (4.631095862381052 51.73257898315481)</t>
  </si>
  <si>
    <t>POINT (4.659142373706082 51.795423603631804)</t>
  </si>
  <si>
    <t>POINT (4.660291570841637 51.80403405433558)</t>
  </si>
  <si>
    <t>POINT (4.68062255105306 51.80620145174489)</t>
  </si>
  <si>
    <t>POINT (4.717498742212893 51.81426399048857)</t>
  </si>
  <si>
    <t>POINT (4.6699965378921355 51.77731774780232)</t>
  </si>
  <si>
    <t>POINT (4.6874536882097395 51.80818036164457)</t>
  </si>
  <si>
    <t>POINT (4.663948407345813 51.79530558294329)</t>
  </si>
  <si>
    <t>POINT (4.721774302034376 51.80532798923696)</t>
  </si>
  <si>
    <t>POINT (4.6340649982896664 51.770400590485046)</t>
  </si>
  <si>
    <t>POINT (4.671464650734922 51.81867449816453)</t>
  </si>
  <si>
    <t>POINT (4.726695852312539 51.80087260371347)</t>
  </si>
  <si>
    <t>POINT (4.659982950941242 51.79634404660299)</t>
  </si>
  <si>
    <t>POINT (4.717192257604282 51.80131541487969)</t>
  </si>
  <si>
    <t>POINT (4.692098736663193 51.818774871147475)</t>
  </si>
  <si>
    <t>POINT (4.688709881837079 51.80976473606576)</t>
  </si>
  <si>
    <t>POINT (4.673016533231514 51.796942147063234)</t>
  </si>
  <si>
    <t>POINT (4.682157524966118 51.77357626126052)</t>
  </si>
  <si>
    <t>POINT (4.668953711942832 51.814104346467836)</t>
  </si>
  <si>
    <t>POINT (4.658456810348082 51.7957475696859)</t>
  </si>
  <si>
    <t>POINT (4.7047562526960105 51.794636024218626)</t>
  </si>
  <si>
    <t>POINT (4.677797527513896 51.78206108680364)</t>
  </si>
  <si>
    <t>POINT (4.6556172551291475 51.78721500042159)</t>
  </si>
  <si>
    <t>POINT (4.688268233377131 51.81984649953129)</t>
  </si>
  <si>
    <t>POINT (4.662666677746212 51.792845799430516)</t>
  </si>
  <si>
    <t>POINT (4.673331487808109 51.81747993068446)</t>
  </si>
  <si>
    <t>POINT (4.701860396398609 51.798036957981786)</t>
  </si>
  <si>
    <t>POINT (4.661053707572391 51.787163018076534)</t>
  </si>
  <si>
    <t>POINT (4.658953322215654 51.79932429042652)</t>
  </si>
  <si>
    <t>POINT (4.653522545624032 51.79025794589265)</t>
  </si>
  <si>
    <t>POINT (4.669912957900658 51.77418033746936)</t>
  </si>
  <si>
    <t>POINT (4.662627197085921 51.81396803626356)</t>
  </si>
  <si>
    <t>POINT (4.673396283639169 51.79569411341307)</t>
  </si>
  <si>
    <t>POINT (4.662801003034814 51.79329564156411)</t>
  </si>
  <si>
    <t>POINT (4.712231279279429 51.81137072459732)</t>
  </si>
  <si>
    <t>POINT (4.6776364033546525 51.79050308681522)</t>
  </si>
  <si>
    <t>POINT (4.6564461960845 51.783404574474126)</t>
  </si>
  <si>
    <t>POINT (4.656119216645454 51.78765062182329)</t>
  </si>
  <si>
    <t>POINT (4.665599832938839 51.80102953232209)</t>
  </si>
  <si>
    <t>POINT (4.66455429943826 51.81413068596739)</t>
  </si>
  <si>
    <t>POINT (4.680904296359253 51.779284853077264)</t>
  </si>
  <si>
    <t>POINT (4.677221332139643 51.80816656492102)</t>
  </si>
  <si>
    <t>POINT (4.658939176052104 51.772131683847675)</t>
  </si>
  <si>
    <t>POINT (4.664080518220607 51.8105856431155)</t>
  </si>
  <si>
    <t>POINT (4.664777255025314 51.79176700268051)</t>
  </si>
  <si>
    <t>POINT (4.675999368331186 51.816966956510576)</t>
  </si>
  <si>
    <t>POINT (4.654312763561345 51.791471723250524)</t>
  </si>
  <si>
    <t>POINT (4.715545233810889 51.80316706216503)</t>
  </si>
  <si>
    <t>POINT (4.673008658914038 51.776184961877235)</t>
  </si>
  <si>
    <t>POINT (4.677396556722439 51.80722414674793)</t>
  </si>
  <si>
    <t>POINT (4.7137822831122556 51.80966266084075)</t>
  </si>
  <si>
    <t>POINT (4.704272087118583 51.785914628057036)</t>
  </si>
  <si>
    <t>POINT (4.664201174772549 51.76834807856291)</t>
  </si>
  <si>
    <t>POINT (4.678330774484918 51.78465909627542)</t>
  </si>
  <si>
    <t>POINT (4.709789995917107 51.81040138952509)</t>
  </si>
  <si>
    <t>POINT (4.709105245271888 51.787677182922174)</t>
  </si>
  <si>
    <t>POINT (4.668350186298681 51.80997838079245)</t>
  </si>
  <si>
    <t>POINT (4.684316236384223 51.81265783995462)</t>
  </si>
  <si>
    <t>POINT (4.660879651255481 51.81114597784189)</t>
  </si>
  <si>
    <t>POINT (4.669092302778652 51.77863982977299)</t>
  </si>
  <si>
    <t>POINT (4.681725193708355 51.773399118792675)</t>
  </si>
  <si>
    <t>POINT (4.679585071552932 51.816866277382594)</t>
  </si>
  <si>
    <t>POINT (4.654686769821392 51.799779569781975)</t>
  </si>
  <si>
    <t>POINT (4.660295545659644 51.81272107969244)</t>
  </si>
  <si>
    <t>POINT (4.6727949399202595 51.80602120316665)</t>
  </si>
  <si>
    <t>POINT (4.724270471059732 51.798242258992396)</t>
  </si>
  <si>
    <t>POINT (4.708041739696823 51.79459471271321)</t>
  </si>
  <si>
    <t>POINT (4.682221882168491 51.80854595945987)</t>
  </si>
  <si>
    <t>POINT (4.653023947055513 51.791370065077786)</t>
  </si>
  <si>
    <t>POINT (4.653711639283585 51.806202060653916)</t>
  </si>
  <si>
    <t>POINT (4.662729164715463 51.79925249392924)</t>
  </si>
  <si>
    <t>POINT (4.72912669316037 51.79129177406206)</t>
  </si>
  <si>
    <t>POINT (4.652114197658681 51.79377777419731)</t>
  </si>
  <si>
    <t>POINT (4.699464180150835 51.79000417959729)</t>
  </si>
  <si>
    <t>POINT (4.728976861716852 51.79368185110669)</t>
  </si>
  <si>
    <t>POINT (4.666594883610128 51.788813887659565)</t>
  </si>
  <si>
    <t>POINT (4.6570556876412414 51.80994657185307)</t>
  </si>
  <si>
    <t>POINT (4.662298612034226 51.813537264942816)</t>
  </si>
  <si>
    <t>POINT (4.676639028361844 51.77392072518979)</t>
  </si>
  <si>
    <t>POINT (4.691116035897535 51.80646507552956)</t>
  </si>
  <si>
    <t>POINT (4.678944604500435 51.79189507970613)</t>
  </si>
  <si>
    <t>POINT (4.673527531399006 51.81805612801387)</t>
  </si>
  <si>
    <t>POINT (4.66572128030995 51.79825287204598)</t>
  </si>
  <si>
    <t>POINT (4.710780671802774 51.79822137026122)</t>
  </si>
  <si>
    <t>POINT (4.692694635243874 51.81106798542801)</t>
  </si>
  <si>
    <t>POINT (4.685062909694047 51.7855698803981)</t>
  </si>
  <si>
    <t>POINT (4.676080790302567 51.80357992753369)</t>
  </si>
  <si>
    <t>POINT (4.705762413603151 51.81788592586456)</t>
  </si>
  <si>
    <t>POINT (4.656006312500745 51.803399576736325)</t>
  </si>
  <si>
    <t>POINT (4.670102386396982 51.79093961765679)</t>
  </si>
  <si>
    <t>POINT (4.674052204863524 51.810500537881346)</t>
  </si>
  <si>
    <t>POINT (4.673709257445854 51.81697055703193)</t>
  </si>
  <si>
    <t>POINT (4.725196043569571 51.79716962050428)</t>
  </si>
  <si>
    <t>POINT (4.669296373521927 51.80180000426015)</t>
  </si>
  <si>
    <t>POINT (4.677482259642659 51.77758150218562)</t>
  </si>
  <si>
    <t>POINT (4.727539127843947 51.803641309452765)</t>
  </si>
  <si>
    <t>POINT (4.666784991521141 51.80229439583438)</t>
  </si>
  <si>
    <t>POINT (4.724394312932218 51.802684184680935)</t>
  </si>
  <si>
    <t>POINT (4.650736595206459 51.794847869488244)</t>
  </si>
  <si>
    <t>POINT (4.658651365811336 51.79555561079513)</t>
  </si>
  <si>
    <t>POINT (4.729650750791394 51.79753159249035)</t>
  </si>
  <si>
    <t>POINT (4.720303520264867 51.8033434143286)</t>
  </si>
  <si>
    <t>POINT (4.6921945986621045 51.818782000576206)</t>
  </si>
  <si>
    <t>Polder Tongplaat</t>
  </si>
  <si>
    <t>POINT (4.700441055520328 51.750507685657695)</t>
  </si>
  <si>
    <t>POINT (4.6641362907090445 51.81490058023788)</t>
  </si>
  <si>
    <t>POINT (4.6835527265656385 51.800163461774396)</t>
  </si>
  <si>
    <t>POINT (4.685075679898413 51.81305209864003)</t>
  </si>
  <si>
    <t>POINT (4.671570170132556 51.81200765099924)</t>
  </si>
  <si>
    <t>POINT (4.682868898549489 51.80472583049203)</t>
  </si>
  <si>
    <t>POINT (4.669676234736744 51.808237883748745)</t>
  </si>
  <si>
    <t>POINT (4.708154310861512 51.80791244452946)</t>
  </si>
  <si>
    <t>POINT (4.671769210644422 51.79997374908408)</t>
  </si>
  <si>
    <t>POINT (4.648469644000717 51.76414592847538)</t>
  </si>
  <si>
    <t>POINT (4.685974457204132 51.78780247851093)</t>
  </si>
  <si>
    <t>POINT (4.70466025744625 51.81488502688787)</t>
  </si>
  <si>
    <t>POINT (4.670411034540763 51.77624330813602)</t>
  </si>
  <si>
    <t>POINT (4.660275117210122 51.809958622396664)</t>
  </si>
  <si>
    <t>POINT (4.662833972670062 51.79525052797383)</t>
  </si>
  <si>
    <t>POINT (4.681320184654749 51.78860711498014)</t>
  </si>
  <si>
    <t>POINT (4.687086356277546 51.81099369890238)</t>
  </si>
  <si>
    <t>POINT (4.712504551725126 51.80565546402283)</t>
  </si>
  <si>
    <t>POINT (4.697098857770311 51.818068423924586)</t>
  </si>
  <si>
    <t>POINT (4.656652732312953 51.7704053711184)</t>
  </si>
  <si>
    <t>POINT (4.714650423708113 51.80536056890324)</t>
  </si>
  <si>
    <t>POINT (4.71061795873846 51.80922582217018)</t>
  </si>
  <si>
    <t>POINT (4.679551421396334 51.77746670650267)</t>
  </si>
  <si>
    <t>POINT (4.6831622066583884 51.798191124388836)</t>
  </si>
  <si>
    <t>POINT (4.680006439271984 51.77921267493524)</t>
  </si>
  <si>
    <t>POINT (4.663677269846352 51.801378633460914)</t>
  </si>
  <si>
    <t>POINT (4.655485369950598 51.791929566132275)</t>
  </si>
  <si>
    <t>POINT (4.641433726181831 51.757670919581216)</t>
  </si>
  <si>
    <t>POINT (4.667158349778265 51.81648953650816)</t>
  </si>
  <si>
    <t>POINT (4.704320289371026 51.79766249653013)</t>
  </si>
  <si>
    <t>POINT (4.671369992513406 51.816667371325266)</t>
  </si>
  <si>
    <t>POINT (4.652599186891402 51.8009716331888)</t>
  </si>
  <si>
    <t>POINT (4.65597065463268 51.7896546820568)</t>
  </si>
  <si>
    <t>POINT (4.660707080513725 51.77323811353787)</t>
  </si>
  <si>
    <t>POINT (4.665380225316581 51.77304048855908)</t>
  </si>
  <si>
    <t>POINT (4.666008919629104 51.78119659984334)</t>
  </si>
  <si>
    <t>POINT (4.665080381955152 51.80081740331601)</t>
  </si>
  <si>
    <t>POINT (4.715788179248035 51.80401602808748)</t>
  </si>
  <si>
    <t>POINT (4.727610787535628 51.79487727337666)</t>
  </si>
  <si>
    <t>POINT (4.687074173306706 51.81421750839367)</t>
  </si>
  <si>
    <t>POINT (4.668648911633608 51.80049184514867)</t>
  </si>
  <si>
    <t>POINT (4.630855042670523 51.78370477732146)</t>
  </si>
  <si>
    <t>POINT (4.76342868265753 51.807515085718755)</t>
  </si>
  <si>
    <t>POINT (4.692644100144103 51.79600808423092)</t>
  </si>
  <si>
    <t>POINT (4.680015128342616 51.77316133363866)</t>
  </si>
  <si>
    <t>POINT (4.686184303259771 51.80471917704116)</t>
  </si>
  <si>
    <t>POINT (4.696654467144175 51.790190494647405)</t>
  </si>
  <si>
    <t>POINT (4.698611234101013 51.79654326184684)</t>
  </si>
  <si>
    <t>POINT (4.730134482243372 51.804194389639754)</t>
  </si>
  <si>
    <t>POINT (4.673189597756914 51.80749533068752)</t>
  </si>
  <si>
    <t>POINT (4.68840631141864 51.80971002145281)</t>
  </si>
  <si>
    <t>POINT (4.670999272822563 51.818323537008474)</t>
  </si>
  <si>
    <t>POINT (4.655333919367852 51.79186638357261)</t>
  </si>
  <si>
    <t>POINT (4.675777529812863 51.78477418172249)</t>
  </si>
  <si>
    <t>POINT (4.6647441431694165 51.7719392648171)</t>
  </si>
  <si>
    <t>POINT (4.683704337363037 51.782178585020986)</t>
  </si>
  <si>
    <t>POINT (4.655580392740241 51.78115424481239)</t>
  </si>
  <si>
    <t>POINT (4.669693986072124 51.78999763070723)</t>
  </si>
  <si>
    <t>POINT (4.732135925861039 51.80012162019334)</t>
  </si>
  <si>
    <t>POINT (4.6363459311273045 51.78043342214583)</t>
  </si>
  <si>
    <t>POINT (4.669587208993072 51.79938191164739)</t>
  </si>
  <si>
    <t>POINT (4.6510256933125484 51.79321171607158)</t>
  </si>
  <si>
    <t>POINT (4.680047140529341 51.79879042526262)</t>
  </si>
  <si>
    <t>POINT (4.70039337519296 51.81742813590164)</t>
  </si>
  <si>
    <t>POINT (4.669237147501773 51.816887176247654)</t>
  </si>
  <si>
    <t>POINT (4.67311144416175 51.795317686481184)</t>
  </si>
  <si>
    <t>POINT (4.712433632803725 51.81592867905825)</t>
  </si>
  <si>
    <t>POINT (4.671649724052565 51.81048003432512)</t>
  </si>
  <si>
    <t>POINT (4.702213468855121 51.79011201230545)</t>
  </si>
  <si>
    <t>POINT (4.671464391500463 51.79725235322218)</t>
  </si>
  <si>
    <t>POINT (4.682002384379124 51.78174658847749)</t>
  </si>
  <si>
    <t>POINT (4.679887166484164 51.788145489202904)</t>
  </si>
  <si>
    <t>POINT (4.660433608018642 51.81369332378349)</t>
  </si>
  <si>
    <t>POINT (4.672822873270088 51.79623896035469)</t>
  </si>
  <si>
    <t>POINT (4.658823379074597 51.792142445302645)</t>
  </si>
  <si>
    <t>POINT (4.665150190110947 51.814032754813454)</t>
  </si>
  <si>
    <t>POINT (4.670286386077592 51.78589540274425)</t>
  </si>
  <si>
    <t>POINT (4.728201304733255 51.80486793431235)</t>
  </si>
  <si>
    <t>POINT (4.664397586983998 51.80089924774936)</t>
  </si>
  <si>
    <t>POINT (4.665407558549868 51.809938717965835)</t>
  </si>
  <si>
    <t>POINT (4.6641530626302545 51.81769964055126)</t>
  </si>
  <si>
    <t>POINT (4.7167410053314525 51.80048518935968)</t>
  </si>
  <si>
    <t>POINT (4.706321372440012 51.80689999338006)</t>
  </si>
  <si>
    <t>POINT (4.7244310129154385 51.79670511859457)</t>
  </si>
  <si>
    <t>POINT (4.706205946959042 51.79652564938992)</t>
  </si>
  <si>
    <t>POINT (4.719555516378043 51.80015415961684)</t>
  </si>
  <si>
    <t>POINT (4.717596964889483 51.813544480389865)</t>
  </si>
  <si>
    <t>POINT (4.7260669936525455 51.79713838818131)</t>
  </si>
  <si>
    <t>POINT (4.658597051453213 51.81076293194509)</t>
  </si>
  <si>
    <t>POINT (4.672743862309244 51.783724757354385)</t>
  </si>
  <si>
    <t>POINT (4.666209261294181 51.80226486418839)</t>
  </si>
  <si>
    <t>POINT (4.683024992729623 51.81435484390851)</t>
  </si>
  <si>
    <t>POINT (4.662361750193085 51.79917502521341)</t>
  </si>
  <si>
    <t>POINT (4.693599356513941 51.79415406872597)</t>
  </si>
  <si>
    <t>POINT (4.717436776884943 51.802253131391325)</t>
  </si>
  <si>
    <t>POINT (4.71272346614718 51.80069386402997)</t>
  </si>
  <si>
    <t>POINT (4.665510688944873 51.80166613841087)</t>
  </si>
  <si>
    <t>POINT (4.689612156545727 51.80901886677908)</t>
  </si>
  <si>
    <t>POINT (4.668518117700001 51.80949926109574)</t>
  </si>
  <si>
    <t>POINT (4.694592423827872 51.80320255513476)</t>
  </si>
  <si>
    <t>POINT (4.676931035069951 51.80771353174597)</t>
  </si>
  <si>
    <t>POINT (4.671147748611341 51.81086091468923)</t>
  </si>
  <si>
    <t>POINT (4.677553135773548 51.78065560927616)</t>
  </si>
  <si>
    <t>POINT (4.663880744535259 51.81522116866753)</t>
  </si>
  <si>
    <t>POINT (4.670044492789767 51.80608234814466)</t>
  </si>
  <si>
    <t>POINT (4.6335128545576385 51.783977776402295)</t>
  </si>
  <si>
    <t>POINT (4.730096099721526 51.80134071389659)</t>
  </si>
  <si>
    <t>POINT (4.670771764649956 51.8126720492063)</t>
  </si>
  <si>
    <t>POINT (4.640247807381933 51.769529439067206)</t>
  </si>
  <si>
    <t>POINT (4.725715845515396 51.79879653984676)</t>
  </si>
  <si>
    <t>POINT (4.731757340449747 51.79744228448893)</t>
  </si>
  <si>
    <t>POINT (4.6763892140686565 51.81840014294357)</t>
  </si>
  <si>
    <t>POINT (4.6774899550077755 51.81659125615552)</t>
  </si>
  <si>
    <t>POINT (4.656560148371481 51.791944867078215)</t>
  </si>
  <si>
    <t>POINT (4.661241429031442 51.78872683997103)</t>
  </si>
  <si>
    <t>POINT (4.687536510195473 51.8072199761028)</t>
  </si>
  <si>
    <t>POINT (4.668524376022207 51.80942685965303)</t>
  </si>
  <si>
    <t>POINT (4.734106098991947 51.797509691539965)</t>
  </si>
  <si>
    <t>POINT (4.703182778021618 51.79216859503106)</t>
  </si>
  <si>
    <t>POINT (4.659449048356729 51.80883482410262)</t>
  </si>
  <si>
    <t>POINT (4.700631600833231 51.81726862403104)</t>
  </si>
  <si>
    <t>POINT (4.6693450387331925 51.81661567724184)</t>
  </si>
  <si>
    <t>POINT (4.690534868039521 51.80582673914376)</t>
  </si>
  <si>
    <t>POINT (4.66258020707812 51.792034825946054)</t>
  </si>
  <si>
    <t>POINT (4.669970834220149 51.81542530443028)</t>
  </si>
  <si>
    <t>POINT (4.735385806554082 51.79937033689706)</t>
  </si>
  <si>
    <t>POINT (4.683761026726372 51.80407897308741)</t>
  </si>
  <si>
    <t>POINT (4.668391728388396 51.81797922140698)</t>
  </si>
  <si>
    <t>POINT (4.663993287323928 51.79865278289391)</t>
  </si>
  <si>
    <t>POINT (4.629177623893286 51.724555805553926)</t>
  </si>
  <si>
    <t>POINT (4.6726708264994175 51.78356873600461)</t>
  </si>
  <si>
    <t>POINT (4.652405336060203 51.7920520127538)</t>
  </si>
  <si>
    <t>POINT (4.662054047296394 51.80517802024451)</t>
  </si>
  <si>
    <t>POINT (4.668501891361858 51.792569757442365)</t>
  </si>
  <si>
    <t>POINT (4.675937544260748 51.78479637440568)</t>
  </si>
  <si>
    <t>POINT (4.6979684020058 51.80102157800047)</t>
  </si>
  <si>
    <t>POINT (4.6561441107415575 51.769708091809676)</t>
  </si>
  <si>
    <t>POINT (4.7093056187898625 51.80365325858559)</t>
  </si>
  <si>
    <t>POINT (4.673745290929042 51.81757857179396)</t>
  </si>
  <si>
    <t>POINT (4.664630228863181 51.81279273919863)</t>
  </si>
  <si>
    <t>POINT (4.679353206216395 51.78657410991633)</t>
  </si>
  <si>
    <t>POINT (4.658442253335854 51.809808127134744)</t>
  </si>
  <si>
    <t>POINT (4.6687674213430475 51.81329942983345)</t>
  </si>
  <si>
    <t>POINT (4.716675699370694 51.815670398669795)</t>
  </si>
  <si>
    <t>POINT (4.66657042692841 51.79910050200671)</t>
  </si>
  <si>
    <t>POINT (4.667417248721522 51.81375977199194)</t>
  </si>
  <si>
    <t>POINT (4.6733413004528375 51.812896362026656)</t>
  </si>
  <si>
    <t>POINT (4.6569503916968955 51.78227079453543)</t>
  </si>
  <si>
    <t>POINT (4.6807060611671 51.78210319848828)</t>
  </si>
  <si>
    <t>POINT (4.6759679246359305 51.77522619546827)</t>
  </si>
  <si>
    <t>POINT (4.652797847998051 51.80279192032633)</t>
  </si>
  <si>
    <t>POINT (4.665172389944269 51.802142102632686)</t>
  </si>
  <si>
    <t>POINT (4.7332982751479165 51.79609140472047)</t>
  </si>
  <si>
    <t>POINT (4.6604557771174075 51.79208259207686)</t>
  </si>
  <si>
    <t>POINT (4.678529773953614 51.784695237756075)</t>
  </si>
  <si>
    <t>POINT (4.653462064024098 51.80273761335416)</t>
  </si>
  <si>
    <t>POINT (4.67279069672688 51.8157869410392)</t>
  </si>
  <si>
    <t>POINT (4.710882003499392 51.79326938283518)</t>
  </si>
  <si>
    <t>POINT (4.672057567239239 51.771869473915174)</t>
  </si>
  <si>
    <t>POINT (4.669351916655919 51.809612336722985)</t>
  </si>
  <si>
    <t>POINT (4.732552021379197 51.797490037497155)</t>
  </si>
  <si>
    <t>POINT (4.6856777576883495 51.782221199377325)</t>
  </si>
  <si>
    <t>POINT (4.663559532490806 51.81346058936314)</t>
  </si>
  <si>
    <t>POINT (4.652195991920461 51.79470692826329)</t>
  </si>
  <si>
    <t>POINT (4.7132437641114615 51.8160965498072)</t>
  </si>
  <si>
    <t>POINT (4.6711505281070735 51.80455794371059)</t>
  </si>
  <si>
    <t>POINT (4.6797403826563295 51.78783972558741)</t>
  </si>
  <si>
    <t>POINT (4.687823480685553 51.810549209495285)</t>
  </si>
  <si>
    <t>POINT (4.681532007776463 51.79019693358623)</t>
  </si>
  <si>
    <t>POINT (4.6765310308104615 51.783712347906935)</t>
  </si>
  <si>
    <t>POINT (4.675325600036196 51.77949822661131)</t>
  </si>
  <si>
    <t>POINT (4.66750523719361 51.81173551319086)</t>
  </si>
  <si>
    <t>POINT (4.697912616258403 51.790292976061586)</t>
  </si>
  <si>
    <t>POINT (4.682230936246357 51.778954400668724)</t>
  </si>
  <si>
    <t>POINT (4.661224332514579 51.77361644291763)</t>
  </si>
  <si>
    <t>POINT (4.721056716231051 51.799220043760286)</t>
  </si>
  <si>
    <t>POINT (4.702353835417492 51.79546475745608)</t>
  </si>
  <si>
    <t>POINT (4.669089405595324 51.81673313232368)</t>
  </si>
  <si>
    <t>POINT (4.692821330324769 51.81781368661952)</t>
  </si>
  <si>
    <t>POINT (4.651177883012671 51.788425713265845)</t>
  </si>
  <si>
    <t>POINT (4.6548771201811565 51.78967847613302)</t>
  </si>
  <si>
    <t>POINT (4.657609318307468 51.810588517803524)</t>
  </si>
  <si>
    <t>POINT (4.669001788011098 51.79874592126434)</t>
  </si>
  <si>
    <t>POINT (4.697828916361067 51.79326440055181)</t>
  </si>
  <si>
    <t>POINT (4.669167194533711 51.78189932470239)</t>
  </si>
  <si>
    <t>POINT (4.675013591793005 51.80690074918083)</t>
  </si>
  <si>
    <t>POINT (4.66678046731907 51.81344223167825)</t>
  </si>
  <si>
    <t>POINT (4.665450026100682 51.8091690805457)</t>
  </si>
  <si>
    <t>POINT (4.661738510004662 51.79499215643572)</t>
  </si>
  <si>
    <t>POINT (4.672781436077393 51.78360611060761)</t>
  </si>
  <si>
    <t>POINT (4.683918927491932 51.781823002653525)</t>
  </si>
  <si>
    <t>POINT (4.694723070315025 51.79136711634604)</t>
  </si>
  <si>
    <t>POINT (4.662302535353632 51.791213044092416)</t>
  </si>
  <si>
    <t>POINT (4.661706781014635 51.816255919268485)</t>
  </si>
  <si>
    <t>POINT (4.6592238325843 51.808856725814245)</t>
  </si>
  <si>
    <t>POINT (4.67531618651445 51.77932974810733)</t>
  </si>
  <si>
    <t>POINT (4.678124015191657 51.78923730818941)</t>
  </si>
  <si>
    <t>POINT (4.661312392856275 51.78980605878718)</t>
  </si>
  <si>
    <t>POINT (4.725010981099416 51.798308875822045)</t>
  </si>
  <si>
    <t>POINT (4.680392058858453 51.80783994801432)</t>
  </si>
  <si>
    <t>POINT (4.672466039787065 51.81894064297429)</t>
  </si>
  <si>
    <t>POINT (4.675992955913091 51.77528182557118)</t>
  </si>
  <si>
    <t>POINT (4.676663459335919 51.818431807759)</t>
  </si>
  <si>
    <t>POINT (4.6617200628019315 51.788091926369134)</t>
  </si>
  <si>
    <t>POINT (4.66613380469339 51.7766358921608)</t>
  </si>
  <si>
    <t>POINT (4.668184150232805 51.811616943518864)</t>
  </si>
  <si>
    <t>POINT (4.73066931018425 51.79514596680544)</t>
  </si>
  <si>
    <t>POINT (4.665720733264937 51.774819096211154)</t>
  </si>
  <si>
    <t>POINT (4.707337199318493 51.79440547460559)</t>
  </si>
  <si>
    <t>POINT (4.704812793295581 51.78988257023189)</t>
  </si>
  <si>
    <t>POINT (4.663961380509112 51.81545977570509)</t>
  </si>
  <si>
    <t>POINT (4.710050164118798 51.805177322859116)</t>
  </si>
  <si>
    <t>POINT (4.675843695998639 51.81451351813314)</t>
  </si>
  <si>
    <t>POINT (4.707605322287764 51.78692861864737)</t>
  </si>
  <si>
    <t>POINT (4.718140831671643 51.80410164521841)</t>
  </si>
  <si>
    <t>POINT (4.661492653019222 51.806053014161115)</t>
  </si>
  <si>
    <t>POINT (4.674785401711754 51.78762155987021)</t>
  </si>
  <si>
    <t>POINT (4.680361850222219 51.81641770505346)</t>
  </si>
  <si>
    <t>POINT (4.682921947309002 51.80611313696955)</t>
  </si>
  <si>
    <t>POINT (4.674043352826726 51.817824209946835)</t>
  </si>
  <si>
    <t>POINT (4.693392448150282 51.79691982873484)</t>
  </si>
  <si>
    <t>POINT (4.671183760622189 51.802354408833246)</t>
  </si>
  <si>
    <t>POINT (4.7034034322650635 51.803915825782894)</t>
  </si>
  <si>
    <t>POINT (4.723863233802856 51.80572181586695)</t>
  </si>
  <si>
    <t>POINT (4.6685997473375815 51.774928105799354)</t>
  </si>
  <si>
    <t>POINT (4.682078126219483 51.80736351705577)</t>
  </si>
  <si>
    <t>POINT (4.67994241371114 51.78750499142852)</t>
  </si>
  <si>
    <t>POINT (4.669459041046473 51.81282486211113)</t>
  </si>
  <si>
    <t>POINT (4.7062365173966905 51.798469391138525)</t>
  </si>
  <si>
    <t>POINT (4.711876538018495 51.793503378956174)</t>
  </si>
  <si>
    <t>POINT (4.726270708148925 51.79355551938581)</t>
  </si>
  <si>
    <t>POINT (4.682389575670813 51.802170231668676)</t>
  </si>
  <si>
    <t>POINT (4.716618689009563 51.79947285369697)</t>
  </si>
  <si>
    <t>POINT (4.709416342698332 51.80888414175932)</t>
  </si>
  <si>
    <t>POINT (4.686042510110689 51.78896149111363)</t>
  </si>
  <si>
    <t>POINT (4.681010198923886 51.798364868043144)</t>
  </si>
  <si>
    <t>POINT (4.676619878459348 51.81709289808281)</t>
  </si>
  <si>
    <t>POINT (4.660833761907422 51.80314405282695)</t>
  </si>
  <si>
    <t>POINT (4.65411359573131 51.79099570408023)</t>
  </si>
  <si>
    <t>POINT (4.647945657476821 51.76398408282989)</t>
  </si>
  <si>
    <t>POINT (4.6785089141461285 51.78702360647107)</t>
  </si>
  <si>
    <t>POINT (4.67265200229075 51.80763619173302)</t>
  </si>
  <si>
    <t>POINT (4.666413098015647 51.81189659282194)</t>
  </si>
  <si>
    <t>POINT (4.720887881435972 51.8049410137508)</t>
  </si>
  <si>
    <t>POINT (4.658507899291693 51.81081575319639)</t>
  </si>
  <si>
    <t>POINT (4.6824583761200715 51.81459090960761)</t>
  </si>
  <si>
    <t>POINT (4.670373938934576 51.799155603725346)</t>
  </si>
  <si>
    <t>POINT (4.6605740943443745 51.772186202163965)</t>
  </si>
  <si>
    <t>POINT (4.676754224543485 51.78660487875748)</t>
  </si>
  <si>
    <t>POINT (4.767309747467978 51.812117878985944)</t>
  </si>
  <si>
    <t>POINT (4.710192356042931 51.79121133369599)</t>
  </si>
  <si>
    <t>POINT (4.667735997214887 51.7925923705738)</t>
  </si>
  <si>
    <t>POINT (4.669522098994321 51.80558006659484)</t>
  </si>
  <si>
    <t>POINT (4.656872438607073 51.80018885982147)</t>
  </si>
  <si>
    <t>POINT (4.663058938939192 51.8162870476694)</t>
  </si>
  <si>
    <t>POINT (4.703358478830704 51.79933902384724)</t>
  </si>
  <si>
    <t>POINT (4.662345284127748 51.79886090338726)</t>
  </si>
  <si>
    <t>POINT (4.670162473830935 51.81521651807561)</t>
  </si>
  <si>
    <t>POINT (4.710074471354728 51.805260922746626)</t>
  </si>
  <si>
    <t>POINT (4.720446200185332 51.81133200687188)</t>
  </si>
  <si>
    <t>POINT (4.728960408284389 51.803334760701716)</t>
  </si>
  <si>
    <t>POINT (4.666923828897754 51.79862964215537)</t>
  </si>
  <si>
    <t>POINT (4.699776698234628 51.8175218005874)</t>
  </si>
  <si>
    <t>POINT (4.656291422641091 51.784648691237024)</t>
  </si>
  <si>
    <t>POINT (4.643385820803641 51.76948569908679)</t>
  </si>
  <si>
    <t>POINT (4.698459284216888 51.79338900958428)</t>
  </si>
  <si>
    <t>POINT (4.721537428597968 51.79521582084589)</t>
  </si>
  <si>
    <t>POINT (4.721373975639268 51.79736321678245)</t>
  </si>
  <si>
    <t>POINT (4.6793113835790425 51.78218847907834)</t>
  </si>
  <si>
    <t>POINT (4.658078839536097 51.80733069010309)</t>
  </si>
  <si>
    <t>POINT (4.684354562500176 51.77940062528314)</t>
  </si>
  <si>
    <t>POINT (4.702141257972893 51.796409942041365)</t>
  </si>
  <si>
    <t>POINT (4.691676652659352 51.818503708762975)</t>
  </si>
  <si>
    <t>POINT (4.681931745872231 51.78169960231727)</t>
  </si>
  <si>
    <t>POINT (4.685919324487809 51.7887469498655)</t>
  </si>
  <si>
    <t>POINT (4.687007403158267 51.7964012358542)</t>
  </si>
  <si>
    <t>POINT (4.675492128487232 51.783256667909484)</t>
  </si>
  <si>
    <t>POINT (4.682332916479255 51.80906890409826)</t>
  </si>
  <si>
    <t>POINT (4.672991528973353 51.77369813046573)</t>
  </si>
  <si>
    <t>POINT (4.6667602920105535 51.81344966729966)</t>
  </si>
  <si>
    <t>POINT (4.6829524946889824 51.81930028421927)</t>
  </si>
  <si>
    <t>POINT (4.66265401144141 51.805366408091096)</t>
  </si>
  <si>
    <t>POINT (4.673311132809928 51.782407411105936)</t>
  </si>
  <si>
    <t>POINT (4.666919714848782 51.8025357063256)</t>
  </si>
  <si>
    <t>POINT (4.663956242117899 51.81532354759641)</t>
  </si>
  <si>
    <t>POINT (4.657848753860034 51.812606968652624)</t>
  </si>
  <si>
    <t>POINT (4.67903758135124 51.7812901496212)</t>
  </si>
  <si>
    <t>POINT (4.700066583335713 51.797095312172075)</t>
  </si>
  <si>
    <t>POINT (4.667510431062128 51.79561447900849)</t>
  </si>
  <si>
    <t>POINT (4.677595532480575 51.78875650734882)</t>
  </si>
  <si>
    <t>POINT (4.683791742251105 51.79809859564102)</t>
  </si>
  <si>
    <t>POINT (4.663480412804747 51.801694810107335)</t>
  </si>
  <si>
    <t>POINT (4.6626388673255885 51.800939545786164)</t>
  </si>
  <si>
    <t>POINT (4.676074898695951 51.78525126231711)</t>
  </si>
  <si>
    <t>POINT (4.676768248825918 51.78386954105912)</t>
  </si>
  <si>
    <t>POINT (4.680844431321313 51.7755084464385)</t>
  </si>
  <si>
    <t>POINT (4.675816878445043 51.7854737141804)</t>
  </si>
  <si>
    <t>POINT (4.664876930853161 51.789458976037494)</t>
  </si>
  <si>
    <t>POINT (4.66174024948975 51.78817507091723)</t>
  </si>
  <si>
    <t>POINT (4.716542256999538 51.81271562895439)</t>
  </si>
  <si>
    <t>POINT (4.674046216924723 51.814257514780834)</t>
  </si>
  <si>
    <t>POINT (4.671732396439568 51.817512754360905)</t>
  </si>
  <si>
    <t>POINT (4.675489154603493 51.783378141150166)</t>
  </si>
  <si>
    <t>POINT (4.663469427833103 51.80058866570604)</t>
  </si>
  <si>
    <t>POINT (4.661711887706595 51.79831301950259)</t>
  </si>
  <si>
    <t>POINT (4.685981618821791 51.80661008085425)</t>
  </si>
  <si>
    <t>POINT (4.70919551041587 51.80706837261527)</t>
  </si>
  <si>
    <t>POINT (4.7168171244095225 51.80455411095366)</t>
  </si>
  <si>
    <t>POINT (4.670903744893524 51.818089365479786)</t>
  </si>
  <si>
    <t>POINT (4.683928316005872 51.78032696233823)</t>
  </si>
  <si>
    <t>POINT (4.66712009669791 51.79417810818664)</t>
  </si>
  <si>
    <t>POINT (4.670174256545334 51.77112425258995)</t>
  </si>
  <si>
    <t>POINT (4.720114037769775 51.80304818384955)</t>
  </si>
  <si>
    <t>POINT (4.672981080827529 51.813513678521986)</t>
  </si>
  <si>
    <t>POINT (4.726310670364584 51.79931317039292)</t>
  </si>
  <si>
    <t>POINT (4.722235067375476 51.80624435944663)</t>
  </si>
  <si>
    <t>POINT (4.679894521411141 51.773959217026736)</t>
  </si>
  <si>
    <t>POINT (4.717790448479418 51.80068177670684)</t>
  </si>
  <si>
    <t>POINT (4.666849519678546 51.787178878295904)</t>
  </si>
  <si>
    <t>POINT (4.664288761273163 51.81459642585035)</t>
  </si>
  <si>
    <t>POINT (4.703455689357006 51.789950155171034)</t>
  </si>
  <si>
    <t>POINT (4.678089463982193 51.817767316399404)</t>
  </si>
  <si>
    <t>POINT (4.6793274567072 51.77797287520166)</t>
  </si>
  <si>
    <t>POINT (4.695948096183246 51.7977490627033)</t>
  </si>
  <si>
    <t>POINT (4.692062040832187 51.789389985826475)</t>
  </si>
  <si>
    <t>POINT (4.699063961768289 51.817373221122736)</t>
  </si>
  <si>
    <t>POINT (4.679231319897978 51.816039946399705)</t>
  </si>
  <si>
    <t>POINT (4.672285497695505 51.81265863824994)</t>
  </si>
  <si>
    <t>POINT (4.654891363473946 51.81117860305299)</t>
  </si>
  <si>
    <t>POINT (4.664388418133294 51.795766727273204)</t>
  </si>
  <si>
    <t>POINT (4.713761749833409 51.814419016738576)</t>
  </si>
  <si>
    <t>POINT (4.677501191411642 51.80457252693014)</t>
  </si>
  <si>
    <t>POINT (4.683162908470731 51.804464415592705)</t>
  </si>
  <si>
    <t>POINT (4.6711570535453975 51.785427079015165)</t>
  </si>
  <si>
    <t>POINT (4.684064862447925 51.80313282177445)</t>
  </si>
  <si>
    <t>POINT (4.719805268335933 51.79801350456396)</t>
  </si>
  <si>
    <t>POINT (4.676274422004767 51.777501540556365)</t>
  </si>
  <si>
    <t>POINT (4.692680510704237 51.79603757588834)</t>
  </si>
  <si>
    <t>POINT (4.728452903720037 51.7958157632761)</t>
  </si>
  <si>
    <t>POINT (4.658881152988781 51.804774650576285)</t>
  </si>
  <si>
    <t>POINT (4.672847145984055 51.79280322562581)</t>
  </si>
  <si>
    <t>POINT (4.6569353942791025 51.7912880705478)</t>
  </si>
  <si>
    <t>POINT (4.679497194873739 51.78867006334946)</t>
  </si>
  <si>
    <t>POINT (4.711593316364125 51.8077251783655)</t>
  </si>
  <si>
    <t>POINT (4.666250892618808 51.814917670749345)</t>
  </si>
  <si>
    <t>POINT (4.673936507664857 51.80640704764191)</t>
  </si>
  <si>
    <t>POINT (4.667527423847516 51.79568425462395)</t>
  </si>
  <si>
    <t>POINT (4.660364610460545 51.78234825211931)</t>
  </si>
  <si>
    <t>POINT (4.665521534719868 51.79981413015805)</t>
  </si>
  <si>
    <t>POINT (4.660673228171108 51.795936101442656)</t>
  </si>
  <si>
    <t>POINT (4.658588006863433 51.81195883848968)</t>
  </si>
  <si>
    <t>POINT (4.671887616160886 51.81778123925273)</t>
  </si>
  <si>
    <t>POINT (4.6636683903509635 51.79416269603036)</t>
  </si>
  <si>
    <t>POINT (4.726370516469143 51.79759735053524)</t>
  </si>
  <si>
    <t>POINT (4.6855486363177485 51.80406138890436)</t>
  </si>
  <si>
    <t>POINT (4.635411375813783 51.77459779641521)</t>
  </si>
  <si>
    <t>POINT (4.719419112864701 51.8123451095861)</t>
  </si>
  <si>
    <t>POINT (4.697884535718036 51.79093739795404)</t>
  </si>
  <si>
    <t>POINT (4.669495310174603 51.81908774355476)</t>
  </si>
  <si>
    <t>POINT (4.675960596467632 51.78523257394852)</t>
  </si>
  <si>
    <t>POINT (4.658993025718446 51.78912474887982)</t>
  </si>
  <si>
    <t>POINT (4.693320398329647 51.79631392564564)</t>
  </si>
  <si>
    <t>POINT (4.669430211774329 51.77765163875487)</t>
  </si>
  <si>
    <t>POINT (4.701224069122444 51.817264376229105)</t>
  </si>
  <si>
    <t>POINT (4.663957313918803 51.80967992120517)</t>
  </si>
  <si>
    <t>POINT (4.676734322217356 51.7744437802168)</t>
  </si>
  <si>
    <t>POINT (4.672303469498194 51.796291373614864)</t>
  </si>
  <si>
    <t>POINT (4.684612468638478 51.79253510617678)</t>
  </si>
  <si>
    <t>POINT (4.680989281780432 51.777698894950994)</t>
  </si>
  <si>
    <t>POINT (4.654018986191593 51.79493426196515)</t>
  </si>
  <si>
    <t>POINT (4.683086936744633 51.781529006716646)</t>
  </si>
  <si>
    <t>POINT (4.674521855559559 51.80294075809433)</t>
  </si>
  <si>
    <t>POINT (4.665770855172632 51.814854244946666)</t>
  </si>
  <si>
    <t>POINT (4.631995248441269 51.76544436422539)</t>
  </si>
  <si>
    <t>POINT (4.662841524102534 51.79346500519531)</t>
  </si>
  <si>
    <t>POINT (4.651410929455538 51.79271854023544)</t>
  </si>
  <si>
    <t>POINT (4.713019108129433 51.79563588505942)</t>
  </si>
  <si>
    <t>POINT (4.661633754510321 51.79893349351028)</t>
  </si>
  <si>
    <t>POINT (4.662918321203201 51.81236366398745)</t>
  </si>
  <si>
    <t>POINT (4.678645633182069 51.78709741157908)</t>
  </si>
  <si>
    <t>POINT (4.664104071241923 51.809485941979254)</t>
  </si>
  <si>
    <t>POINT (4.667395303771765 51.79274723235585)</t>
  </si>
  <si>
    <t>POINT (4.675527461116621 51.78339082291969)</t>
  </si>
  <si>
    <t>POINT (4.658519116523391 51.80898483609554)</t>
  </si>
  <si>
    <t>POINT (4.679780081992706 51.78606762827952)</t>
  </si>
  <si>
    <t>POINT (4.668364642794902 51.8133583559949)</t>
  </si>
  <si>
    <t>POINT (4.673932978827194 51.804805917671096)</t>
  </si>
  <si>
    <t>POINT (4.682113202225162 51.81208629322226)</t>
  </si>
  <si>
    <t>POINT (4.675368047677188 51.815037693569494)</t>
  </si>
  <si>
    <t>POINT (4.691992994955097 51.78424057987758)</t>
  </si>
  <si>
    <t>POINT (4.719448935152968 51.80091554772633)</t>
  </si>
  <si>
    <t>POINT (4.733213071574061 51.79944048353432)</t>
  </si>
  <si>
    <t>POINT (4.675144675748607 51.78238946857715)</t>
  </si>
  <si>
    <t>POINT (4.693072038751619 51.78731551804362)</t>
  </si>
  <si>
    <t>POINT (4.659781558383667 51.7901479808614)</t>
  </si>
  <si>
    <t>POINT (4.714263540140163 51.81572145420422)</t>
  </si>
  <si>
    <t>POINT (4.6738509054659305 51.81188963746071)</t>
  </si>
  <si>
    <t>POINT (4.680130588493652 51.805359845025116)</t>
  </si>
  <si>
    <t>POINT (4.725727688456817 51.79620762490588)</t>
  </si>
  <si>
    <t>POINT (4.6809019403048495 51.77814651874536)</t>
  </si>
  <si>
    <t>POINT (4.710788381547325 51.81088291745571)</t>
  </si>
  <si>
    <t>POINT (4.728071733234567 51.80467090371928)</t>
  </si>
  <si>
    <t>POINT (4.683044457800667 51.79052633360913)</t>
  </si>
  <si>
    <t>POINT (4.706188066204229 51.808621022798974)</t>
  </si>
  <si>
    <t>POINT (4.669469789487982 51.81602665752874)</t>
  </si>
  <si>
    <t>POINT (4.715373577491602 51.80325597492115)</t>
  </si>
  <si>
    <t>POINT (4.671761226771565 51.80595331457197)</t>
  </si>
  <si>
    <t>POINT (4.671309626095445 51.80407861321198)</t>
  </si>
  <si>
    <t>POINT (4.675571573421642 51.80392713813665)</t>
  </si>
  <si>
    <t>POINT (4.675623958003898 51.7757807888212)</t>
  </si>
  <si>
    <t>POINT (4.668116669918079 51.78140903593324)</t>
  </si>
  <si>
    <t>POINT (4.668940882908067 51.81266667313399)</t>
  </si>
  <si>
    <t>POINT (4.7334879137093 51.79143726086249)</t>
  </si>
  <si>
    <t>POINT (4.6694070549844735 51.81411898524647)</t>
  </si>
  <si>
    <t>POINT (4.677391117779181 51.815466481972514)</t>
  </si>
  <si>
    <t>POINT (4.681772678392088 51.80135362441872)</t>
  </si>
  <si>
    <t>POINT (4.660778217767454 51.8067461786707)</t>
  </si>
  <si>
    <t>POINT (4.672710240836621 51.783486702490116)</t>
  </si>
  <si>
    <t>POINT (4.729068654768308 51.80493842827296)</t>
  </si>
  <si>
    <t>POINT (4.6869049118483375 51.809863280568976)</t>
  </si>
  <si>
    <t>POINT (4.676047827331174 51.804643223335084)</t>
  </si>
  <si>
    <t>POINT (4.706331734671604 51.78902961614327)</t>
  </si>
  <si>
    <t>POINT (4.6605818468495395 51.77228064978618)</t>
  </si>
  <si>
    <t>POINT (4.635567115713081 51.781195209208015)</t>
  </si>
  <si>
    <t>POINT (4.6814733525365195 51.80615815885173)</t>
  </si>
  <si>
    <t>POINT (4.655586709814369 51.791354642111465)</t>
  </si>
  <si>
    <t>POINT (4.680541364670435 51.80983412987306)</t>
  </si>
  <si>
    <t>POINT (4.720726853332845 51.813849807405894)</t>
  </si>
  <si>
    <t>POINT (4.71870574508992 51.81508354340176)</t>
  </si>
  <si>
    <t>POINT (4.681461156187524 51.81023656884866)</t>
  </si>
  <si>
    <t>POINT (4.675583387823697 51.80951828364491)</t>
  </si>
  <si>
    <t>POINT (4.66186183211567 51.78896080656619)</t>
  </si>
  <si>
    <t>POINT (4.657183664766738 51.80027218935147)</t>
  </si>
  <si>
    <t>POINT (4.711761282478194 51.809655755746526)</t>
  </si>
  <si>
    <t>POINT (4.653429161180051 51.78209963372069)</t>
  </si>
  <si>
    <t>POINT (4.703242043948809 51.79256762399614)</t>
  </si>
  <si>
    <t>POINT (4.655429379264868 51.806242205676284)</t>
  </si>
  <si>
    <t>POINT (4.668186537622272 51.79014729427619)</t>
  </si>
  <si>
    <t>POINT (4.728549726316421 51.79668438526566)</t>
  </si>
  <si>
    <t>POINT (4.7284703140770254 51.79843044189632)</t>
  </si>
  <si>
    <t>POINT (4.636876185257768 51.778451931214704)</t>
  </si>
  <si>
    <t>POINT (4.7283084995112254 51.805089144377874)</t>
  </si>
  <si>
    <t>POINT (4.66330654841893 51.790648389205444)</t>
  </si>
  <si>
    <t>POINT (4.720418062449752 51.80010032372567)</t>
  </si>
  <si>
    <t>POINT (4.713554917548564 51.815499180705295)</t>
  </si>
  <si>
    <t>POINT (4.682327132910196 51.77550359603808)</t>
  </si>
  <si>
    <t>POINT (4.693331287070647 51.795386493768476)</t>
  </si>
  <si>
    <t>POINT (4.668324709671873 51.793053009840186)</t>
  </si>
  <si>
    <t>POINT (4.654134709244756 51.790992483228365)</t>
  </si>
  <si>
    <t>POINT (4.651003982186898 51.79321150791897)</t>
  </si>
  <si>
    <t>POINT (4.676602502599987 51.81559231488828)</t>
  </si>
  <si>
    <t>POINT (4.677248378626577 51.81575213229124)</t>
  </si>
  <si>
    <t>POINT (4.677503171691208 51.77762928683886)</t>
  </si>
  <si>
    <t>POINT (4.671731730517728 51.77206315292364)</t>
  </si>
  <si>
    <t>POINT (4.6661162582356805 51.79863375121378)</t>
  </si>
  <si>
    <t>POINT (4.686805475616301 51.78258247952704)</t>
  </si>
  <si>
    <t>POINT (4.711492357835696 51.81646814559266)</t>
  </si>
  <si>
    <t>POINT (4.667434859634137 51.815372700064756)</t>
  </si>
  <si>
    <t>POINT (4.6520467420826 51.79327739043736)</t>
  </si>
  <si>
    <t>POINT (4.666080684920968 51.8093510056326)</t>
  </si>
  <si>
    <t>POINT (4.683112372341909 51.818333659392835)</t>
  </si>
  <si>
    <t>POINT (4.698437153034537 51.79327199096643)</t>
  </si>
  <si>
    <t>POINT (4.710949320040129 51.79892321494391)</t>
  </si>
  <si>
    <t>POINT (4.691832184978183 51.780110025324944)</t>
  </si>
  <si>
    <t>POINT (4.672544537333893 51.78365299078867)</t>
  </si>
  <si>
    <t>POINT (4.652212113940531 51.79500571508328)</t>
  </si>
  <si>
    <t>POINT (4.657206580458712 51.78856946912422)</t>
  </si>
  <si>
    <t>POINT (4.727234951961403 51.799319721265675)</t>
  </si>
  <si>
    <t>POINT (4.704200230901611 51.80826855708897)</t>
  </si>
  <si>
    <t>POINT (4.663493000213058 51.81344048488444)</t>
  </si>
  <si>
    <t>POINT (4.6878662301299485 51.80755459416419)</t>
  </si>
  <si>
    <t>POINT (4.6387868308709335 51.780150650309416)</t>
  </si>
  <si>
    <t>POINT (4.672845857562492 51.81851300952769)</t>
  </si>
  <si>
    <t>POINT (4.695836326348252 51.79890465256736)</t>
  </si>
  <si>
    <t>POINT (4.668157287762454 51.77015300483497)</t>
  </si>
  <si>
    <t>POINT (4.6650880773306245 51.79130052408082)</t>
  </si>
  <si>
    <t>POINT (4.723535325197834 51.79948914274375)</t>
  </si>
  <si>
    <t>POINT (4.6536945028770464 51.79298460518937)</t>
  </si>
  <si>
    <t>POINT (4.714636570841459 51.81432816970345)</t>
  </si>
  <si>
    <t>POINT (4.681700936380008 51.7739554636477)</t>
  </si>
  <si>
    <t>POINT (4.684097897526818 51.78012964339349)</t>
  </si>
  <si>
    <t>POINT (4.68395726624389 51.777774525335126)</t>
  </si>
  <si>
    <t>POINT (4.686513207557079 51.81133973032283)</t>
  </si>
  <si>
    <t>POINT (4.671776089130069 51.79708882647213)</t>
  </si>
  <si>
    <t>POINT (4.70843505237805 51.8185457548948)</t>
  </si>
  <si>
    <t>POINT (4.695135639340236 51.79558991335441)</t>
  </si>
  <si>
    <t>POINT (4.684571248913941 51.782164015026666)</t>
  </si>
  <si>
    <t>POINT (4.683181261446057 51.807095734578084)</t>
  </si>
  <si>
    <t>POINT (4.720072088744988 51.80560951991107)</t>
  </si>
  <si>
    <t>POINT (4.669712208560181 51.79092708371836)</t>
  </si>
  <si>
    <t>POINT (4.683146944003253 51.81847235504814)</t>
  </si>
  <si>
    <t>POINT (4.698405968404173 51.793107099452264)</t>
  </si>
  <si>
    <t>POINT (4.644906284718729 51.773148257812224)</t>
  </si>
  <si>
    <t>POINT (4.675413619251842 51.78336623120968)</t>
  </si>
  <si>
    <t>POINT (4.721821436868322 51.80514540958953)</t>
  </si>
  <si>
    <t>POINT (4.70945441675044 51.803444224119346)</t>
  </si>
  <si>
    <t>POINT (4.695699291304234 51.79181658268179)</t>
  </si>
  <si>
    <t>POINT (4.703097219944275 51.79623146813923)</t>
  </si>
  <si>
    <t>POINT (4.6813110620769365 51.789134597349864)</t>
  </si>
  <si>
    <t>POINT (4.6907609958518215 51.808083373233)</t>
  </si>
  <si>
    <t>POINT (4.7341801372175345 51.80139070512833)</t>
  </si>
  <si>
    <t>POINT (4.666545706981058 51.79356845539056)</t>
  </si>
  <si>
    <t>POINT (4.710884909673053 51.81409008191927)</t>
  </si>
  <si>
    <t>POINT (4.6782537222799245 51.80756421064634)</t>
  </si>
  <si>
    <t>POINT (4.668773263825156 51.8092924838332)</t>
  </si>
  <si>
    <t>POINT (4.681030435944917 51.8048437320812)</t>
  </si>
  <si>
    <t>POINT (4.678035584684379 51.784678372546495)</t>
  </si>
  <si>
    <t>POINT (4.6730848737038615 51.81769858079243)</t>
  </si>
  <si>
    <t>POINT (4.679369603448945 51.815289148414756)</t>
  </si>
  <si>
    <t>POINT (4.642700340590878 51.80013023212756)</t>
  </si>
  <si>
    <t>POINT (4.632520204917738 51.769005340076134)</t>
  </si>
  <si>
    <t>POINT (4.6708190205955 51.803894119408014)</t>
  </si>
  <si>
    <t>POINT (4.669103245803963 51.81267398581368)</t>
  </si>
  <si>
    <t>POINT (4.684412216976312 51.80775635599625)</t>
  </si>
  <si>
    <t>POINT (4.674284095783283 51.79705208460758)</t>
  </si>
  <si>
    <t>POINT (4.652720411815677 51.787364151248305)</t>
  </si>
  <si>
    <t>POINT (4.654180553701737 51.791469935428296)</t>
  </si>
  <si>
    <t>POINT (4.6860126275526675 51.77598721244788)</t>
  </si>
  <si>
    <t>POINT (4.689654020429963 51.80957843516157)</t>
  </si>
  <si>
    <t>POINT (4.670637917055513 51.7780059696043)</t>
  </si>
  <si>
    <t>POINT (4.685016459117997 51.77924249649886)</t>
  </si>
  <si>
    <t>POINT (4.683224822515542 51.80997013168972)</t>
  </si>
  <si>
    <t>POINT (4.685503905634214 51.784588689009496)</t>
  </si>
  <si>
    <t>POINT (4.660950818449127 51.7991866325107)</t>
  </si>
  <si>
    <t>POINT (4.661119812238718 51.78793853262674)</t>
  </si>
  <si>
    <t>POINT (4.713084892900453 51.814753651829065)</t>
  </si>
  <si>
    <t>POINT (4.672354199293651 51.78132248008854)</t>
  </si>
  <si>
    <t>POINT (4.7087270472497105 51.810918037372915)</t>
  </si>
  <si>
    <t>POINT (4.6904037204733795 51.80686631750058)</t>
  </si>
  <si>
    <t>POINT (4.683019538174321 51.8107747159989)</t>
  </si>
  <si>
    <t>POINT (4.659561361009343 51.79967604240214)</t>
  </si>
  <si>
    <t>POINT (4.659699111810565 51.79738811321252)</t>
  </si>
  <si>
    <t>POINT (4.669053955651452 51.77802084803258)</t>
  </si>
  <si>
    <t>POINT (4.680934729264924 51.806419185129464)</t>
  </si>
  <si>
    <t>POINT (4.717531686352486 51.80251855955314)</t>
  </si>
  <si>
    <t>POINT (4.736430866867456 51.80044613604902)</t>
  </si>
  <si>
    <t>POINT (4.698217986049076 51.79267550112588)</t>
  </si>
  <si>
    <t>POINT (4.691596366312352 51.807244778148615)</t>
  </si>
  <si>
    <t>POINT (4.687822035166039 51.809796337429354)</t>
  </si>
  <si>
    <t>POINT (4.673287791210599 51.80972464358391)</t>
  </si>
  <si>
    <t>POINT (4.6823644696812865 51.8078796859312)</t>
  </si>
  <si>
    <t>POINT (4.69839891438878 51.79681865078601)</t>
  </si>
  <si>
    <t>POINT (4.667407945219563 51.81907571531484)</t>
  </si>
  <si>
    <t>POINT (4.687507876524478 51.80555914009885)</t>
  </si>
  <si>
    <t>POINT (4.684236858290934 51.80500265126924)</t>
  </si>
  <si>
    <t>POINT (4.684562646616124 51.78674641687628)</t>
  </si>
  <si>
    <t>POINT (4.702244761235873 51.78916695518749)</t>
  </si>
  <si>
    <t>POINT (4.668195584866684 51.79192151224768)</t>
  </si>
  <si>
    <t>POINT (4.658985631405705 51.792347693957325)</t>
  </si>
  <si>
    <t>POINT (4.682304353476109 51.80122035368009)</t>
  </si>
  <si>
    <t>POINT (4.734786676445515 51.800757782725874)</t>
  </si>
  <si>
    <t>POINT (4.666804472302823 51.79391420390938)</t>
  </si>
  <si>
    <t>POINT (4.670919706667191 51.81950547473442)</t>
  </si>
  <si>
    <t>POINT (4.6998389395347 51.81817859689758)</t>
  </si>
  <si>
    <t>POINT (4.651652584798823 51.788523243048)</t>
  </si>
  <si>
    <t>POINT (4.717317728893348 51.80505653185273)</t>
  </si>
  <si>
    <t>POINT (4.720533581745112 51.80356647151742)</t>
  </si>
  <si>
    <t>POINT (4.67103970464363 51.81666779220503)</t>
  </si>
  <si>
    <t>POINT (4.667391071954291 51.792721741408556)</t>
  </si>
  <si>
    <t>POINT (4.708710036100323 51.787143640421)</t>
  </si>
  <si>
    <t>POINT (4.70463750214043 51.81532474485501)</t>
  </si>
  <si>
    <t>POINT (4.6680850337933695 51.791850327288415)</t>
  </si>
  <si>
    <t>POINT (4.709226604533666 51.81044340277143)</t>
  </si>
  <si>
    <t>POINT (4.711300096197777 51.815245078091756)</t>
  </si>
  <si>
    <t>POINT (4.71325301584748 51.81622565278489)</t>
  </si>
  <si>
    <t>POINT (4.674985241463319 51.77700910209786)</t>
  </si>
  <si>
    <t>POINT (4.6663105704064405 51.81582645986853)</t>
  </si>
  <si>
    <t>POINT (4.70810650855703 51.78986285198194)</t>
  </si>
  <si>
    <t>POINT (4.672395025653942 51.81919692679629)</t>
  </si>
  <si>
    <t>POINT (4.668938910759734 51.800325514343044)</t>
  </si>
  <si>
    <t>POINT (4.6832547041686965 51.80115576782484)</t>
  </si>
  <si>
    <t>POINT (4.651774511976118 51.80168319020905)</t>
  </si>
  <si>
    <t>POINT (4.664876693744322 51.77835534757104)</t>
  </si>
  <si>
    <t>POINT (4.660108824089003 51.79634143801882)</t>
  </si>
  <si>
    <t>POINT (4.735088231411652 51.80044415572934)</t>
  </si>
  <si>
    <t>POINT (4.684540751682904 51.78184144380626)</t>
  </si>
  <si>
    <t>POINT (4.653738022775847 51.79206785805814)</t>
  </si>
  <si>
    <t>POINT (4.683553953029758 51.79799676622721)</t>
  </si>
  <si>
    <t>POINT (4.684414786942175 51.8039853455109)</t>
  </si>
  <si>
    <t>POINT (4.701139826245472 51.79983568393815)</t>
  </si>
  <si>
    <t>POINT (4.6542465137621 51.79205473958602)</t>
  </si>
  <si>
    <t>POINT (4.713733950802541 51.8052530126803)</t>
  </si>
  <si>
    <t>POINT (4.653406901850856 51.80518144835388)</t>
  </si>
  <si>
    <t>POINT (4.653266966756809 51.80372397258494)</t>
  </si>
  <si>
    <t>POINT (4.663065570194002 51.81476910758701)</t>
  </si>
  <si>
    <t>POINT (4.708757998894812 51.79724170297122)</t>
  </si>
  <si>
    <t>POINT (4.694066234651469 51.79161670908492)</t>
  </si>
  <si>
    <t>POINT (4.682877178912163 51.7924952000813)</t>
  </si>
  <si>
    <t>POINT (4.734052772291307 51.79902490613751)</t>
  </si>
  <si>
    <t>POINT (4.66640422658634 51.78791934705161)</t>
  </si>
  <si>
    <t>POINT (4.664769142583957 51.813169258327484)</t>
  </si>
  <si>
    <t>POINT (4.665541999818312 51.78868025204786)</t>
  </si>
  <si>
    <t>POINT (4.715770255631263 51.81670091938815)</t>
  </si>
  <si>
    <t>POINT (4.671296980881804 51.81855703630897)</t>
  </si>
  <si>
    <t>POINT (4.715146672855673 51.814360592650004)</t>
  </si>
  <si>
    <t>POINT (4.668065872604899 51.80308604892529)</t>
  </si>
  <si>
    <t>POINT (4.662363518985884 51.80618057121946)</t>
  </si>
  <si>
    <t>POINT (4.660818148221052 51.80745474354133)</t>
  </si>
  <si>
    <t>POINT (4.72103765750286 51.79922654220855)</t>
  </si>
  <si>
    <t>POINT (4.670768947457244 51.8181779170245)</t>
  </si>
  <si>
    <t>POINT (4.720847567790116 51.802924883874184)</t>
  </si>
  <si>
    <t>POINT (4.671928098757329 51.81957439252653)</t>
  </si>
  <si>
    <t>POINT (4.729308413681233 51.80105941395246)</t>
  </si>
  <si>
    <t>POINT (4.695390326822722 51.81822473611719)</t>
  </si>
  <si>
    <t>POINT (4.702805830333945 51.79054608090187)</t>
  </si>
  <si>
    <t>POINT (4.661063787519611 51.78825677263719)</t>
  </si>
  <si>
    <t>POINT (4.660336673686246 51.790627607436875)</t>
  </si>
  <si>
    <t>POINT (4.66363847658585 51.79395718266265)</t>
  </si>
  <si>
    <t>POINT (4.6688406629994486 51.807465794273604)</t>
  </si>
  <si>
    <t>POINT (4.656454309983445 51.79260041950787)</t>
  </si>
  <si>
    <t>POINT (4.655448591119413 51.77000321362114)</t>
  </si>
  <si>
    <t>POINT (4.703816165923029 51.8078862538604)</t>
  </si>
  <si>
    <t>POINT (4.704949498332455 51.79318884033814)</t>
  </si>
  <si>
    <t>POINT (4.663783693648114 51.80970705748694)</t>
  </si>
  <si>
    <t>POINT (4.6749368174248085 51.77689322224077)</t>
  </si>
  <si>
    <t>POINT (4.655282026918442 51.812463501492694)</t>
  </si>
  <si>
    <t>POINT (4.675696194856499 51.8045647957476)</t>
  </si>
  <si>
    <t>POINT (4.668297506277519 51.789628975788176)</t>
  </si>
  <si>
    <t>POINT (4.702255171519188 51.796568484054255)</t>
  </si>
  <si>
    <t>POINT (4.680106571168729 51.77661665812133)</t>
  </si>
  <si>
    <t>POINT (4.729436042725767 51.79730846837427)</t>
  </si>
  <si>
    <t>POINT (4.733199139244065 51.80123618277915)</t>
  </si>
  <si>
    <t>POINT (4.661351726703607 51.78642971190787)</t>
  </si>
  <si>
    <t>POINT (4.62813583034476 51.72275751343832)</t>
  </si>
  <si>
    <t>POINT (4.675779158559956 51.804820379516634)</t>
  </si>
  <si>
    <t>POINT (4.686014268466781 51.78862059714857)</t>
  </si>
  <si>
    <t>POINT (4.716546529752029 51.80460840214949)</t>
  </si>
  <si>
    <t>POINT (4.672665777229465 51.816607160640935)</t>
  </si>
  <si>
    <t>POINT (4.67133342300936 51.81204005837463)</t>
  </si>
  <si>
    <t>POINT (4.652895196356867 51.80000991517753)</t>
  </si>
  <si>
    <t>POINT (4.659644100131492 51.79657537332812)</t>
  </si>
  <si>
    <t>POINT (4.6892456520998715 51.810364034006334)</t>
  </si>
  <si>
    <t>POINT (4.665573239197413 51.78838456304709)</t>
  </si>
  <si>
    <t>POINT (4.7102078284538855 51.81436708201311)</t>
  </si>
  <si>
    <t>POINT (4.658252332679621 51.81130339319994)</t>
  </si>
  <si>
    <t>POINT (4.6895257899364955 51.81076822558104)</t>
  </si>
  <si>
    <t>POINT (4.733079032637748 51.79697994121401)</t>
  </si>
  <si>
    <t>POINT (4.675100692407006 51.812901082799186)</t>
  </si>
  <si>
    <t>POINT (4.71383050684243 51.808461946975285)</t>
  </si>
  <si>
    <t>POINT (4.6577366712314205 51.798134502557424)</t>
  </si>
  <si>
    <t>POINT (4.6767180559642325 51.81797601753146)</t>
  </si>
  <si>
    <t>POINT (4.662191361672614 51.81410941506387)</t>
  </si>
  <si>
    <t>POINT (4.676134050823228 51.77462193905354)</t>
  </si>
  <si>
    <t>POINT (4.71726077097035 51.80229568558373)</t>
  </si>
  <si>
    <t>POINT (4.680625577829492 51.80303038233579)</t>
  </si>
  <si>
    <t>POINT (4.711499851921541 51.798376991122815)</t>
  </si>
  <si>
    <t>POINT (4.677351206519392 51.80401367445591)</t>
  </si>
  <si>
    <t>POINT (4.671940540284089 51.80457600242676)</t>
  </si>
  <si>
    <t>POINT (4.677438508500569 51.809015717360225)</t>
  </si>
  <si>
    <t>POINT (4.731389241965456 51.79883269386183)</t>
  </si>
  <si>
    <t>POINT (4.658602481297993 51.810775999254574)</t>
  </si>
  <si>
    <t>POINT (4.716426995919643 51.814090995626145)</t>
  </si>
  <si>
    <t>POINT (4.67122933387851 51.80590392243988)</t>
  </si>
  <si>
    <t>POINT (4.659146035362043 51.81273812427502)</t>
  </si>
  <si>
    <t>POINT (4.6827662759617805 51.80462627612265)</t>
  </si>
  <si>
    <t>POINT (4.6759223151334774 51.78574683695956)</t>
  </si>
  <si>
    <t>POINT (4.711352240556109 51.79572310264459)</t>
  </si>
  <si>
    <t>POINT (4.7208374253839915 51.80041141225682)</t>
  </si>
  <si>
    <t>POINT (4.682929570911154 51.77942755608679)</t>
  </si>
  <si>
    <t>POINT (4.711921429872569 51.803816133152665)</t>
  </si>
  <si>
    <t>POINT (4.710589844714101 51.79877418693416)</t>
  </si>
  <si>
    <t>POINT (4.670427767756775 51.79664601157606)</t>
  </si>
  <si>
    <t>POINT (4.659997362218252 51.792414463773696)</t>
  </si>
  <si>
    <t>POINT (4.732630021086121 51.796798320364594)</t>
  </si>
  <si>
    <t>POINT (4.680361409534348 51.78543206340662)</t>
  </si>
  <si>
    <t>POINT (4.674494980365554 51.815068412276766)</t>
  </si>
  <si>
    <t>POINT (4.685671067781628 51.787405593726916)</t>
  </si>
  <si>
    <t>POINT (4.678307223711231 51.8176619454842)</t>
  </si>
  <si>
    <t>POINT (4.726966182553394 51.79746764511649)</t>
  </si>
  <si>
    <t>POINT (4.653583152966705 51.787656640525746)</t>
  </si>
  <si>
    <t>POINT (4.669050940845872 51.80088336398286)</t>
  </si>
  <si>
    <t>POINT (4.6678711502255235 51.8033425789576)</t>
  </si>
  <si>
    <t>POINT (4.676029756074984 51.7733546086646)</t>
  </si>
  <si>
    <t>POINT (4.690239759250514 51.81580058398263)</t>
  </si>
  <si>
    <t>POINT (4.679761054375655 51.78562656410711)</t>
  </si>
  <si>
    <t>POINT (4.665766297155934 51.79606653192083)</t>
  </si>
  <si>
    <t>POINT (4.658840909413215 51.80210982813229)</t>
  </si>
  <si>
    <t>POINT (4.680361505048102 51.80350348383281)</t>
  </si>
  <si>
    <t>POINT (4.665157919108585 51.78875173082822)</t>
  </si>
  <si>
    <t>POINT (4.683467462076034 51.79801261586237)</t>
  </si>
  <si>
    <t>POINT (4.713487330308186 51.810543230064056)</t>
  </si>
  <si>
    <t>POINT (4.691027698502944 51.80843390467277)</t>
  </si>
  <si>
    <t>POINT (4.684836886386937 51.80392006236289)</t>
  </si>
  <si>
    <t>POINT (4.673586296152864 51.813729232300226)</t>
  </si>
  <si>
    <t>POINT (4.6718635326317886 51.79347180666659)</t>
  </si>
  <si>
    <t>POINT (4.718725186441903 51.8025347762341)</t>
  </si>
  <si>
    <t>POINT (4.6523280750975875 51.80158710873887)</t>
  </si>
  <si>
    <t>POINT (4.689258952940361 51.8084405572794)</t>
  </si>
  <si>
    <t>POINT (4.652897570229214 51.80061388098146)</t>
  </si>
  <si>
    <t>POINT (4.65761961114736 51.79893989933394)</t>
  </si>
  <si>
    <t>POINT (4.6746114987440865 51.81821518930415)</t>
  </si>
  <si>
    <t>POINT (4.733545184337984 51.79144520234433)</t>
  </si>
  <si>
    <t>POINT (4.672269488381137 51.79303900377516)</t>
  </si>
  <si>
    <t>POINT (4.671077677758435 51.771876654080444)</t>
  </si>
  <si>
    <t>POINT (4.693260370149118 51.81888845854333)</t>
  </si>
  <si>
    <t>POINT (4.675280179117053 51.813477177032446)</t>
  </si>
  <si>
    <t>POINT (4.729387628192602 51.79663514528243)</t>
  </si>
  <si>
    <t>POINT (4.692151700619598 51.788035338466074)</t>
  </si>
  <si>
    <t>POINT (4.653719701094273 51.785696057643634)</t>
  </si>
  <si>
    <t>POINT (4.663906567097383 51.799413770531956)</t>
  </si>
  <si>
    <t>POINT (4.660912733324521 51.801570603408045)</t>
  </si>
  <si>
    <t>POINT (4.654535611342429 51.80822671632828)</t>
  </si>
  <si>
    <t>POINT (4.676207871693122 51.79958783534621)</t>
  </si>
  <si>
    <t>POINT (4.682627808086728 51.81858946294445)</t>
  </si>
  <si>
    <t>POINT (4.674200678399632 51.77788550734662)</t>
  </si>
  <si>
    <t>POINT (4.668852724497639 51.80923083154571)</t>
  </si>
  <si>
    <t>POINT (4.681905526638509 51.7806854386376)</t>
  </si>
  <si>
    <t>POINT (4.6615358890080385 51.80454302878506)</t>
  </si>
  <si>
    <t>POINT (4.683668621188904 51.7885211605991)</t>
  </si>
  <si>
    <t>POINT (4.669222354104507 51.81175853476539)</t>
  </si>
  <si>
    <t>POINT (4.661609041832829 51.79438489709489)</t>
  </si>
  <si>
    <t>POINT (4.672407497891774 51.7883680507915)</t>
  </si>
  <si>
    <t>POINT (4.685765906440996 51.791773817398585)</t>
  </si>
  <si>
    <t>POINT (4.655591378709602 51.791189198067876)</t>
  </si>
  <si>
    <t>POINT (4.70731999263616 51.794627646565665)</t>
  </si>
  <si>
    <t>POINT (4.667788091092776 51.814265663472796)</t>
  </si>
  <si>
    <t>POINT (4.703796746087884 51.7963419077917)</t>
  </si>
  <si>
    <t>POINT (4.6524258346061504 51.80105869990859)</t>
  </si>
  <si>
    <t>POINT (4.659757349279137 51.79137339598024)</t>
  </si>
  <si>
    <t>POINT (4.730717907560524 51.798923634870924)</t>
  </si>
  <si>
    <t>POINT (4.662624212761371 51.795271174084434)</t>
  </si>
  <si>
    <t>POINT (4.681093165721622 51.81354751481459)</t>
  </si>
  <si>
    <t>POINT (4.633300400383333 51.77902162918142)</t>
  </si>
  <si>
    <t>POINT (4.678409897695047 51.775103694088585)</t>
  </si>
  <si>
    <t>POINT (4.722263449427473 51.7995570957281)</t>
  </si>
  <si>
    <t>POINT (4.67844670845123 51.80711294952583)</t>
  </si>
  <si>
    <t>POINT (4.68178999650144 51.78836434303898)</t>
  </si>
  <si>
    <t>POINT (4.669164374236018 51.81271842234331)</t>
  </si>
  <si>
    <t>POINT (4.681250223339086 51.80014927110538)</t>
  </si>
  <si>
    <t>POINT (4.667950474503513 51.81484562835665)</t>
  </si>
  <si>
    <t>POINT (4.6849866894751715 51.80805900996169)</t>
  </si>
  <si>
    <t>POINT (4.670380112580449 51.80163780467334)</t>
  </si>
  <si>
    <t>POINT (4.7243623175055065 51.80264155957632)</t>
  </si>
  <si>
    <t>POINT (4.661261209995351 51.8145605056571)</t>
  </si>
  <si>
    <t>POINT (4.681117916298345 51.79970658249949)</t>
  </si>
  <si>
    <t>POINT (4.651256080176428 51.79078826748973)</t>
  </si>
  <si>
    <t>POINT (4.660014968015765 51.77018598090569)</t>
  </si>
  <si>
    <t>POINT (4.6622351735647065 51.787441982426515)</t>
  </si>
  <si>
    <t>POINT (4.709151895764541 51.79460687779105)</t>
  </si>
  <si>
    <t>POINT (4.716984834619928 51.795377459374016)</t>
  </si>
  <si>
    <t>POINT (4.660365237496462 51.80549699780929)</t>
  </si>
  <si>
    <t>POINT (4.678582178144623 51.785648670793044)</t>
  </si>
  <si>
    <t>POINT (4.682836889848875 51.804987235696174)</t>
  </si>
  <si>
    <t>POINT (4.722807752955443 51.80429261010981)</t>
  </si>
  <si>
    <t>POINT (4.670347861653472 51.80021983996258)</t>
  </si>
  <si>
    <t>POINT (4.701117374351063 51.81692661545032)</t>
  </si>
  <si>
    <t>POINT (4.6592873066168154 51.81280590342115)</t>
  </si>
  <si>
    <t>POINT (4.67226334236948 51.777198482388314)</t>
  </si>
  <si>
    <t>POINT (4.65902552923786 51.81260313058211)</t>
  </si>
  <si>
    <t>POINT (4.667688364242521 51.788115507832075)</t>
  </si>
  <si>
    <t>POINT (4.66413989517325 51.81771038179177)</t>
  </si>
  <si>
    <t>POINT (4.68655663727679 51.775768271854496)</t>
  </si>
  <si>
    <t>POINT (4.653825109196921 51.793742432842436)</t>
  </si>
  <si>
    <t>POINT (4.676501162615192 51.815986600318205)</t>
  </si>
  <si>
    <t>POINT (4.728123889643996 51.79686074209682)</t>
  </si>
  <si>
    <t>POINT (4.682351529725675 51.81833409912984)</t>
  </si>
  <si>
    <t>POINT (4.6735023820291035 51.78729324192494)</t>
  </si>
  <si>
    <t>POINT (4.672158707985416 51.79687377653182)</t>
  </si>
  <si>
    <t>POINT (4.678171800665681 51.80652554176488)</t>
  </si>
  <si>
    <t>POINT (4.658497139231852 51.79810845995806)</t>
  </si>
  <si>
    <t>POINT (4.658384370443236 51.81304275097646)</t>
  </si>
  <si>
    <t>POINT (4.667644409317982 51.80812086778604)</t>
  </si>
  <si>
    <t>POINT (4.689431260664635 51.816136422824734)</t>
  </si>
  <si>
    <t>POINT (4.686606340992691 51.80894000745134)</t>
  </si>
  <si>
    <t>POINT (4.668522377748021 51.79058139406066)</t>
  </si>
  <si>
    <t>POINT (4.668801884250989 51.81225244205659)</t>
  </si>
  <si>
    <t>POINT (4.66905447482934 51.81525598979174)</t>
  </si>
  <si>
    <t>POINT (4.703237129676299 51.79851044274081)</t>
  </si>
  <si>
    <t>POINT (4.7038103100187145 51.81587107865902)</t>
  </si>
  <si>
    <t>POINT (4.70497597546544 51.808301159214196)</t>
  </si>
  <si>
    <t>POINT (4.667502856531875 51.81103705128494)</t>
  </si>
  <si>
    <t>POINT (4.66847228499518 51.817780696602135)</t>
  </si>
  <si>
    <t>POINT (4.656029548965143 51.784637135642306)</t>
  </si>
  <si>
    <t>POINT (4.6720291571393755 51.81764588757647)</t>
  </si>
  <si>
    <t>POINT (4.665259443528504 51.812073418570904)</t>
  </si>
  <si>
    <t>POINT (4.656199397515801 51.78452493641631)</t>
  </si>
  <si>
    <t>POINT (4.660640311560655 51.79724345683303)</t>
  </si>
  <si>
    <t>POINT (4.661067678199766 51.80712277164213)</t>
  </si>
  <si>
    <t>POINT (4.635831827501336 51.74269695478775)</t>
  </si>
  <si>
    <t>POINT (4.683091090876999 51.80415443273284)</t>
  </si>
  <si>
    <t>POINT (4.683761512477043 51.79958142946247)</t>
  </si>
  <si>
    <t>POINT (4.730157321170513 51.80526200781419)</t>
  </si>
  <si>
    <t>POINT (4.675213970309996 51.813903674256615)</t>
  </si>
  <si>
    <t>POINT (4.66187696264735 51.7943331968982)</t>
  </si>
  <si>
    <t>POINT (4.669318673550225 51.81323489385433)</t>
  </si>
  <si>
    <t>POINT (4.66553122541898 51.801133864563006)</t>
  </si>
  <si>
    <t>POINT (4.696568820150445 51.819757481720096)</t>
  </si>
  <si>
    <t>POINT (4.72920151373309 51.80306614826995)</t>
  </si>
  <si>
    <t>POINT (4.6714823913328605 51.799332967033166)</t>
  </si>
  <si>
    <t>POINT (4.703273857279828 51.79585977396932)</t>
  </si>
  <si>
    <t>POINT (4.672021852329471 51.81165763506743)</t>
  </si>
  <si>
    <t>POINT (4.726593295913718 51.798895729415946)</t>
  </si>
  <si>
    <t>POINT (4.672567711345131 51.7757290381936)</t>
  </si>
  <si>
    <t>POINT (4.66474778110172 51.81561090117953)</t>
  </si>
  <si>
    <t>POINT (4.732507530847735 51.802909326649)</t>
  </si>
  <si>
    <t>POINT (4.684220496415591 51.80271961016424)</t>
  </si>
  <si>
    <t>POINT (4.694997857628751 51.81850715542744)</t>
  </si>
  <si>
    <t>POINT (4.676339174738244 51.77254313202213)</t>
  </si>
  <si>
    <t>POINT (4.668248980316151 51.77655625730964)</t>
  </si>
  <si>
    <t>POINT (4.683145337014242 51.78110465033671)</t>
  </si>
  <si>
    <t>POINT (4.679637269330439 51.81618708511865)</t>
  </si>
  <si>
    <t>POINT (4.6704449527656555 51.77258831762996)</t>
  </si>
  <si>
    <t>POINT (4.670783239523356 51.808971993467104)</t>
  </si>
  <si>
    <t>POINT (4.6688572619772275 51.799330380007255)</t>
  </si>
  <si>
    <t>POINT (4.660814511620808 51.80099061105071)</t>
  </si>
  <si>
    <t>POINT (4.676806641674743 51.77970942495499)</t>
  </si>
  <si>
    <t>POINT (4.6829146271288655 51.77575806297466)</t>
  </si>
  <si>
    <t>POINT (4.678962903805566 51.78099844686432)</t>
  </si>
  <si>
    <t>POINT (4.673243284005621 51.80471728348981)</t>
  </si>
  <si>
    <t>POINT (4.652156556805038 51.8031270842851)</t>
  </si>
  <si>
    <t>POINT (4.678660962270245 51.77346353150857)</t>
  </si>
  <si>
    <t>POINT (4.669440491754732 51.796826616958136)</t>
  </si>
  <si>
    <t>POINT (4.731229202786014 51.77233162953557)</t>
  </si>
  <si>
    <t>POINT (4.679310897761025 51.77467078345183)</t>
  </si>
  <si>
    <t>POINT (4.677396332269989 51.80739868747588)</t>
  </si>
  <si>
    <t>POINT (4.671886895766728 51.818435358203665)</t>
  </si>
  <si>
    <t>POINT (4.6609463724577385 51.79388593271539)</t>
  </si>
  <si>
    <t>POINT (4.7030075235011815 51.81559734413983)</t>
  </si>
  <si>
    <t>POINT (4.65473558480418 51.79260201561257)</t>
  </si>
  <si>
    <t>POINT (4.675342105521824 51.817645876560256)</t>
  </si>
  <si>
    <t>POINT (4.725861758251467 51.80631396923)</t>
  </si>
  <si>
    <t>POINT (4.679414825071054 51.80577606489884)</t>
  </si>
  <si>
    <t>POINT (4.7041238239540295 51.79476872876419)</t>
  </si>
  <si>
    <t>POINT (4.671059277581127 51.81550326754912)</t>
  </si>
  <si>
    <t>POINT (4.663058806457196 51.79405340762852)</t>
  </si>
  <si>
    <t>POINT (4.716049889338375 51.80141950039317)</t>
  </si>
  <si>
    <t>POINT (4.69821003998079 51.81760326426797)</t>
  </si>
  <si>
    <t>POINT (4.6319987347035605 51.778979124962646)</t>
  </si>
  <si>
    <t>POINT (4.66742932507564 51.77192669687896)</t>
  </si>
  <si>
    <t>POINT (4.7097150511718375 51.79937401260614)</t>
  </si>
  <si>
    <t>POINT (4.700098123986965 51.801504625548496)</t>
  </si>
  <si>
    <t>POINT (4.727683939730151 51.803796206707894)</t>
  </si>
  <si>
    <t>POINT (4.726364778664988 51.797848478941944)</t>
  </si>
  <si>
    <t>POINT (4.725834190095326 51.8058752852277)</t>
  </si>
  <si>
    <t>POINT (4.661280441156407 51.794672525211865)</t>
  </si>
  <si>
    <t>POINT (4.661597534432713 51.79750639467123)</t>
  </si>
  <si>
    <t>POINT (4.694929101814887 51.81041092210449)</t>
  </si>
  <si>
    <t>POINT (4.688891432477291 51.80406444081582)</t>
  </si>
  <si>
    <t>POINT (4.6773343161536065 51.81575899813382)</t>
  </si>
  <si>
    <t>POINT (4.687361478704827 51.80258029375814)</t>
  </si>
  <si>
    <t>POINT (4.67653573614312 51.78382031272189)</t>
  </si>
  <si>
    <t>POINT (4.727883864259832 51.804052203055065)</t>
  </si>
  <si>
    <t>Manhuisstraat</t>
  </si>
  <si>
    <t>POINT (4.662432456410737 51.814305626066634)</t>
  </si>
  <si>
    <t>POINT (4.665798153322947 51.77203134361627)</t>
  </si>
  <si>
    <t>POINT (4.668537657095847 51.77005958852006)</t>
  </si>
  <si>
    <t>POINT (4.668690385459344 51.8156771726977)</t>
  </si>
  <si>
    <t>POINT (4.678309649375178 51.77511987012443)</t>
  </si>
  <si>
    <t>POINT (4.667291576987925 51.77988195230751)</t>
  </si>
  <si>
    <t>POINT (4.663117110646681 51.80487352256658)</t>
  </si>
  <si>
    <t>POINT (4.669584256603496 51.77238446656692)</t>
  </si>
  <si>
    <t>POINT (4.678596889354186 51.773903851781625)</t>
  </si>
  <si>
    <t>POINT (4.664212075030543 51.7903342093081)</t>
  </si>
  <si>
    <t>POINT (4.661404915198865 51.81280753195751)</t>
  </si>
  <si>
    <t>POINT (4.6563289348211905 51.80195972780177)</t>
  </si>
  <si>
    <t>POINT (4.727747129453314 51.79952439608377)</t>
  </si>
  <si>
    <t>POINT (4.67698811085573 51.80515215848435)</t>
  </si>
  <si>
    <t>POINT (4.680190340057644 51.777728472476845)</t>
  </si>
  <si>
    <t>POINT (4.639259720484702 51.76189562071973)</t>
  </si>
  <si>
    <t>POINT (4.658931202097626 51.81027472724065)</t>
  </si>
  <si>
    <t>POINT (4.699222667911253 51.817668107256424)</t>
  </si>
  <si>
    <t>POINT (4.668141040852941 51.81521010937406)</t>
  </si>
  <si>
    <t>POINT (4.706078635097232 51.80754076986002)</t>
  </si>
  <si>
    <t>POINT (4.657727988747454 51.80094810927577)</t>
  </si>
  <si>
    <t>POINT (4.6623885825864075 51.81449169043349)</t>
  </si>
  <si>
    <t>POINT (4.682466660402931 51.785615335639655)</t>
  </si>
  <si>
    <t>POINT (4.728998852493338 51.79571347146605)</t>
  </si>
  <si>
    <t>POINT (4.688520641600032 51.8082311142403)</t>
  </si>
  <si>
    <t>POINT (4.6593966855206705 51.80490717870046)</t>
  </si>
  <si>
    <t>POINT (4.713263101971446 51.81379597416909)</t>
  </si>
  <si>
    <t>POINT (4.695735830344978 51.81837903092262)</t>
  </si>
  <si>
    <t>POINT (4.682781428135553 51.788621912032816)</t>
  </si>
  <si>
    <t>POINT (4.65235384135011 51.792171707485174)</t>
  </si>
  <si>
    <t>POINT (4.676177804627837 51.812502467487036)</t>
  </si>
  <si>
    <t>POINT (4.707678936892595 51.80624459918703)</t>
  </si>
  <si>
    <t>POINT (4.690417689752041 51.805457427191605)</t>
  </si>
  <si>
    <t>POINT (4.653323707444339 51.79353691659221)</t>
  </si>
  <si>
    <t>POINT (4.677402517076571 51.81439429287156)</t>
  </si>
  <si>
    <t>POINT (4.652075511803244 51.80387577572453)</t>
  </si>
  <si>
    <t>POINT (4.696353631772523 51.8190338247293)</t>
  </si>
  <si>
    <t>POINT (4.657220037522139 51.78883781196121)</t>
  </si>
  <si>
    <t>POINT (4.697755034124715 51.79861537994662)</t>
  </si>
  <si>
    <t>POINT (4.672343181280301 51.81813829436987)</t>
  </si>
  <si>
    <t>POINT (4.729837708971482 51.79985987132057)</t>
  </si>
  <si>
    <t>POINT (4.675126531126052 51.80378710911284)</t>
  </si>
  <si>
    <t>POINT (4.684553034232303 51.77772994346962)</t>
  </si>
  <si>
    <t>POINT (4.6614029235011545 51.7970633064875)</t>
  </si>
  <si>
    <t>POINT (4.6525903728822 51.80360710111831)</t>
  </si>
  <si>
    <t>POINT (4.693361666104808 51.79637827692213)</t>
  </si>
  <si>
    <t>POINT (4.719506560596626 51.80753389048667)</t>
  </si>
  <si>
    <t>POINT (4.66417942176372 51.79021099765265)</t>
  </si>
  <si>
    <t>POINT (4.6822280084609025 51.77552021363313)</t>
  </si>
  <si>
    <t>POINT (4.652681962695017 51.78742718207599)</t>
  </si>
  <si>
    <t>POINT (4.711338823966488 51.81535885459995)</t>
  </si>
  <si>
    <t>POINT (4.663967648044045 51.799387405698866)</t>
  </si>
  <si>
    <t>POINT (4.65721042897091 51.80577446274338)</t>
  </si>
  <si>
    <t>POINT (4.662222099543414 51.80164599950603)</t>
  </si>
  <si>
    <t>POINT (4.715917364806016 51.80254819298411)</t>
  </si>
  <si>
    <t>POINT (4.723097784322372 51.81764266086229)</t>
  </si>
  <si>
    <t>POINT (4.717071308838212 51.803565805108455)</t>
  </si>
  <si>
    <t>POINT (4.62605918018484 51.79402958161738)</t>
  </si>
  <si>
    <t>POINT (4.663214634759778 51.81053323943197)</t>
  </si>
  <si>
    <t>POINT (4.713613169266257 51.80474636640525)</t>
  </si>
  <si>
    <t>POINT (4.729344460433762 51.801693252196074)</t>
  </si>
  <si>
    <t>POINT (4.723003153172434 51.80303874016545)</t>
  </si>
  <si>
    <t>POINT (4.656287818639625 51.784584875861675)</t>
  </si>
  <si>
    <t>POINT (4.679770913482251 51.78601087230026)</t>
  </si>
  <si>
    <t>POINT (4.68605307004495 51.7816366524974)</t>
  </si>
  <si>
    <t>POINT (4.669128773285018 51.81356694221681)</t>
  </si>
  <si>
    <t>POINT (4.673151022897505 51.78190921737435)</t>
  </si>
  <si>
    <t>POINT (4.667220022869586 51.80813369822748)</t>
  </si>
  <si>
    <t>POINT (4.664383808698783 51.77826076104309)</t>
  </si>
  <si>
    <t>POINT (4.668325583148344 51.79616729260039)</t>
  </si>
  <si>
    <t>POINT (4.685104039536053 51.81009672374172)</t>
  </si>
  <si>
    <t>POINT (4.685161236831105 51.811216783906886)</t>
  </si>
  <si>
    <t>POINT (4.666869275435813 51.816590143561285)</t>
  </si>
  <si>
    <t>POINT (4.680007721811484 51.804679201209545)</t>
  </si>
  <si>
    <t>POINT (4.69441132728381 51.760659865036594)</t>
  </si>
  <si>
    <t>POINT (4.725040839565605 51.772333231100355)</t>
  </si>
  <si>
    <t>POINT (4.6678265397995995 51.777130194172386)</t>
  </si>
  <si>
    <t>POINT (4.663513542275003 51.79693043092674)</t>
  </si>
  <si>
    <t>POINT (4.674393215333562 51.80395024153091)</t>
  </si>
  <si>
    <t>POINT (4.732700489176625 51.802319211590834)</t>
  </si>
  <si>
    <t>POINT (4.688345535138078 51.81987305390774)</t>
  </si>
  <si>
    <t>POINT (4.666185787859844 51.817454081539715)</t>
  </si>
  <si>
    <t>POINT (4.650149466738144 51.794707895499585)</t>
  </si>
  <si>
    <t>POINT (4.662438507810014 51.80616550196648)</t>
  </si>
  <si>
    <t>POINT (4.67309247261987 51.771302569689986)</t>
  </si>
  <si>
    <t>POINT (4.718491930216088 51.800561733381926)</t>
  </si>
  <si>
    <t>POINT (4.7208989893440485 51.80491049746614)</t>
  </si>
  <si>
    <t>POINT (4.71132888737229 51.80920159574156)</t>
  </si>
  <si>
    <t>POINT (4.68048559534045 51.78125730125053)</t>
  </si>
  <si>
    <t>POINT (4.636175620880135 51.75462496284126)</t>
  </si>
  <si>
    <t>POINT (4.66209518803817 51.77442720185605)</t>
  </si>
  <si>
    <t>POINT (4.666239923354816 51.80169727302385)</t>
  </si>
  <si>
    <t>POINT (4.709356344921138 51.78838375023136)</t>
  </si>
  <si>
    <t>POINT (4.723410799413174 51.80539894721022)</t>
  </si>
  <si>
    <t>POINT (4.663981895289557 51.789283763755435)</t>
  </si>
  <si>
    <t>POINT (4.666653521717124 51.80955636530958)</t>
  </si>
  <si>
    <t>POINT (4.667739300060675 51.81649511289281)</t>
  </si>
  <si>
    <t>POINT (4.687537326513067 51.80826541673973)</t>
  </si>
  <si>
    <t>POINT (4.692597844751345 51.795586142694106)</t>
  </si>
  <si>
    <t>POINT (4.6542875766742124 51.80828046583231)</t>
  </si>
  <si>
    <t>POINT (4.682561222571892 51.80714864151692)</t>
  </si>
  <si>
    <t>POINT (4.7211801024790825 51.811295653591564)</t>
  </si>
  <si>
    <t>POINT (4.678530734293625 51.78465531576484)</t>
  </si>
  <si>
    <t>POINT (4.661078292853312 51.802641102924305)</t>
  </si>
  <si>
    <t>POINT (4.673563749616947 51.81541469558712)</t>
  </si>
  <si>
    <t>POINT (4.715312003683669 51.81440511621998)</t>
  </si>
  <si>
    <t>POINT (4.661182509968754 51.78981848640434)</t>
  </si>
  <si>
    <t>POINT (4.672105855903709 51.78722897114406)</t>
  </si>
  <si>
    <t>POINT (4.651802662515157 51.80221165964232)</t>
  </si>
  <si>
    <t>POINT (4.733263345500152 51.799921700809946)</t>
  </si>
  <si>
    <t>POINT (4.6636679459160435 51.78556105145035)</t>
  </si>
  <si>
    <t>POINT (4.709498546629673 51.79458133047448)</t>
  </si>
  <si>
    <t>POINT (4.679718632266345 51.77552986739177)</t>
  </si>
  <si>
    <t>POINT (4.666493633918514 51.80280572586306)</t>
  </si>
  <si>
    <t>POINT (4.681629059407196 51.786051609410784)</t>
  </si>
  <si>
    <t>POINT (4.681146266782666 51.80663133241975)</t>
  </si>
  <si>
    <t>POINT (4.676046719776898 51.7851329170611)</t>
  </si>
  <si>
    <t>POINT (4.685964728913986 51.80469471021339)</t>
  </si>
  <si>
    <t>POINT (4.658161949159712 51.801803636140065)</t>
  </si>
  <si>
    <t>POINT (4.663411271765181 51.81475806280754)</t>
  </si>
  <si>
    <t>POINT (4.680336891291806 51.798475580943176)</t>
  </si>
  <si>
    <t>POINT (4.651027491868881 51.802723541084546)</t>
  </si>
  <si>
    <t>POINT (4.685509358128618 51.78484756897186)</t>
  </si>
  <si>
    <t>POINT (4.669103344474176 51.81701438326081)</t>
  </si>
  <si>
    <t>POINT (4.683659259792485 51.7884652757082)</t>
  </si>
  <si>
    <t>POINT (4.669879958284711 51.79823343715657)</t>
  </si>
  <si>
    <t>POINT (4.661809776264495 51.794365482392514)</t>
  </si>
  <si>
    <t>POINT (4.671444007451657 51.79700303540459)</t>
  </si>
  <si>
    <t>POINT (4.693823287478066 51.80349127676415)</t>
  </si>
  <si>
    <t>POINT (4.68228282171867 51.81347243852261)</t>
  </si>
  <si>
    <t>POINT (4.688677597176501 51.80385678818498)</t>
  </si>
  <si>
    <t>POINT (4.699703680958258 51.79012262494138)</t>
  </si>
  <si>
    <t>POINT (4.661155610933605 51.814802223175896)</t>
  </si>
  <si>
    <t>POINT (4.717375506754294 51.813945404099634)</t>
  </si>
  <si>
    <t>POINT (4.681100569877619 51.785922246129275)</t>
  </si>
  <si>
    <t>POINT (4.663381140571168 51.801149294196726)</t>
  </si>
  <si>
    <t>POINT (4.671208130295865 51.78257087052837)</t>
  </si>
  <si>
    <t>POINT (4.680737493855327 51.78585496394025)</t>
  </si>
  <si>
    <t>POINT (4.71747704366003 51.802491057021484)</t>
  </si>
  <si>
    <t>POINT (4.669817834345651 51.80551802840838)</t>
  </si>
  <si>
    <t>POINT (4.668346978337169 51.79322653826029)</t>
  </si>
  <si>
    <t>POINT (4.663219881560629 51.80277197170319)</t>
  </si>
  <si>
    <t>POINT (4.6923324829545034 51.78950160051776)</t>
  </si>
  <si>
    <t>POINT (4.66342844617181 51.79801001476771)</t>
  </si>
  <si>
    <t>POINT (4.663479582506618 51.799598066397486)</t>
  </si>
  <si>
    <t>POINT (4.7101890549803445 51.81417538982876)</t>
  </si>
  <si>
    <t>POINT (4.706875658707005 51.78642677633276)</t>
  </si>
  <si>
    <t>POINT (4.660614709235477 51.803416069683074)</t>
  </si>
  <si>
    <t>POINT (4.6765443641209234 51.77227097490772)</t>
  </si>
  <si>
    <t>POINT (4.704190204414974 51.78885751041105)</t>
  </si>
  <si>
    <t>POINT (4.682920643751592 51.7751134113512)</t>
  </si>
  <si>
    <t>POINT (4.7219764658259 51.79958483489167)</t>
  </si>
  <si>
    <t>POINT (4.671223974260048 51.80517666043887)</t>
  </si>
  <si>
    <t>POINT (4.6647244794507206 51.79152615799361)</t>
  </si>
  <si>
    <t>POINT (4.715470621718991 51.80326546523487)</t>
  </si>
  <si>
    <t>POINT (4.717241232777521 51.80626460033733)</t>
  </si>
  <si>
    <t>POINT (4.669354371280886 51.81406321186523)</t>
  </si>
  <si>
    <t>POINT (4.670568838638307 51.801364020558395)</t>
  </si>
  <si>
    <t>POINT (4.671010852703133 51.79939254302984)</t>
  </si>
  <si>
    <t>POINT (4.665022360869125 51.790066105532816)</t>
  </si>
  <si>
    <t>POINT (4.677701815579082 51.77504521084252)</t>
  </si>
  <si>
    <t>POINT (4.719136093393815 51.80412213820103)</t>
  </si>
  <si>
    <t>POINT (4.661341405907493 51.801547188921084)</t>
  </si>
  <si>
    <t>POINT (4.674011136989884 51.80537300317483)</t>
  </si>
  <si>
    <t>POINT (4.680465820999228 51.78130312334759)</t>
  </si>
  <si>
    <t>POINT (4.66013736647191 51.81338873197788)</t>
  </si>
  <si>
    <t>POINT (4.66935650850731 51.7706213109671)</t>
  </si>
  <si>
    <t>POINT (4.680514438964043 51.7907576708775)</t>
  </si>
  <si>
    <t>POINT (4.661750566790933 51.81360350465752)</t>
  </si>
  <si>
    <t>POINT (4.725366666409949 51.80401870660343)</t>
  </si>
  <si>
    <t>POINT (4.667760692936579 51.811736711059346)</t>
  </si>
  <si>
    <t>POINT (4.62994071179802 51.72391265559483)</t>
  </si>
  <si>
    <t>POINT (4.727287783860403 51.801152631716924)</t>
  </si>
  <si>
    <t>POINT (4.6637238285350975 51.794214767888036)</t>
  </si>
  <si>
    <t>POINT (4.688966258622418 51.80694423479926)</t>
  </si>
  <si>
    <t>POINT (4.670952207383682 51.8096416837001)</t>
  </si>
  <si>
    <t>POINT (4.663444042085926 51.81295892002133)</t>
  </si>
  <si>
    <t>POINT (4.670335649413055 51.79861114958062)</t>
  </si>
  <si>
    <t>POINT (4.665691118195068 51.818369315330585)</t>
  </si>
  <si>
    <t>POINT (4.687443434991094 51.80662656459295)</t>
  </si>
  <si>
    <t>POINT (4.69820173080715 51.79255724955545)</t>
  </si>
  <si>
    <t>POINT (4.642798926537702 51.76903921662894)</t>
  </si>
  <si>
    <t>POINT (4.662430952398265 51.78794836656642)</t>
  </si>
  <si>
    <t>POINT (4.675860295444265 51.80359887845478)</t>
  </si>
  <si>
    <t>POINT (4.6638248671991285 51.80042108819477)</t>
  </si>
  <si>
    <t>POINT (4.701142442945019 51.79500005785637)</t>
  </si>
  <si>
    <t>POINT (4.71537763293363 51.80327377768681)</t>
  </si>
  <si>
    <t>POINT (4.7262458204970095 51.794080765731096)</t>
  </si>
  <si>
    <t>POINT (4.70944343250356 51.80576983039364)</t>
  </si>
  <si>
    <t>POINT (4.6547719246069095 51.79291629900481)</t>
  </si>
  <si>
    <t>POINT (4.698437529748081 51.79338498078455)</t>
  </si>
  <si>
    <t>POINT (4.6682439489924015 51.811849199806495)</t>
  </si>
  <si>
    <t>POINT (4.636293829862104 51.77646845208717)</t>
  </si>
  <si>
    <t>POINT (4.672606165455246 51.80371919397258)</t>
  </si>
  <si>
    <t>POINT (4.672282106069324 51.8149311246969)</t>
  </si>
  <si>
    <t>POINT (4.655483920016584 51.79030669041141)</t>
  </si>
  <si>
    <t>POINT (4.666016039066569 51.813482425890385)</t>
  </si>
  <si>
    <t>POINT (4.671086733853338 51.77925469869739)</t>
  </si>
  <si>
    <t>POINT (4.652293828127848 51.78770153164899)</t>
  </si>
  <si>
    <t>POINT (4.660383392843997 51.807316771697586)</t>
  </si>
  <si>
    <t>POINT (4.6911078849633325 51.80850726043933)</t>
  </si>
  <si>
    <t>POINT (4.666186855412316 51.78932092311427)</t>
  </si>
  <si>
    <t>POINT (4.67254049688233 51.78714733286886)</t>
  </si>
  <si>
    <t>POINT (4.6755858868412625 51.810126220771856)</t>
  </si>
  <si>
    <t>POINT (4.67469506689838 51.807230344893576)</t>
  </si>
  <si>
    <t>POINT (4.714399983669393 51.80801595202956)</t>
  </si>
  <si>
    <t>POINT (4.669586866665648 51.81082373973555)</t>
  </si>
  <si>
    <t>POINT (4.727998865307214 51.79667058604021)</t>
  </si>
  <si>
    <t>POINT (4.631414166252373 51.76581922694632)</t>
  </si>
  <si>
    <t>POINT (4.655876860704689 51.81140251784039)</t>
  </si>
  <si>
    <t>POINT (4.734667899015579 51.80357025909829)</t>
  </si>
  <si>
    <t>POINT (4.651034777802276 51.79287355481028)</t>
  </si>
  <si>
    <t>POINT (4.662217454505614 51.79432630381694)</t>
  </si>
  <si>
    <t>POINT (4.628490438761572 51.72191403553949)</t>
  </si>
  <si>
    <t>POINT (4.707813326740757 51.79737333159825)</t>
  </si>
  <si>
    <t>POINT (4.66985195434764 51.815887422543966)</t>
  </si>
  <si>
    <t>POINT (4.6713490619573665 51.814871019582476)</t>
  </si>
  <si>
    <t>POINT (4.675078260294145 51.78654007415661)</t>
  </si>
  <si>
    <t>POINT (4.68054440139883 51.77628405417518)</t>
  </si>
  <si>
    <t>POINT (4.6893778670515625 51.80679365128571)</t>
  </si>
  <si>
    <t>POINT (4.680421338955708 51.774437886553535)</t>
  </si>
  <si>
    <t>POINT (4.666828170224975 51.79280695080156)</t>
  </si>
  <si>
    <t>POINT (4.655368294230884 51.80686475021081)</t>
  </si>
  <si>
    <t>POINT (4.6523874203717765 51.78772791557246)</t>
  </si>
  <si>
    <t>POINT (4.691667614410212 51.817984048232766)</t>
  </si>
  <si>
    <t>POINT (4.697581936768456 51.79022836359058)</t>
  </si>
  <si>
    <t>POINT (4.663069910009314 51.79192229992621)</t>
  </si>
  <si>
    <t>POINT (4.676667656845794 51.80423383170068)</t>
  </si>
  <si>
    <t>POINT (4.659994588518671 51.770944682882465)</t>
  </si>
  <si>
    <t>POINT (4.685742808810437 51.81010246735306)</t>
  </si>
  <si>
    <t>POINT (4.677497918401228 51.80793962911197)</t>
  </si>
  <si>
    <t>POINT (4.664414467933588 51.815623185760906)</t>
  </si>
  <si>
    <t>POINT (4.665338679838472 51.81471459996775)</t>
  </si>
  <si>
    <t>POINT (4.665885024469193 51.7960674147475)</t>
  </si>
  <si>
    <t>POINT (4.660904646232972 51.80218800474128)</t>
  </si>
  <si>
    <t>POINT (4.654925935744486 51.79891991809571)</t>
  </si>
  <si>
    <t>POINT (4.663487901015207 51.81471665713972)</t>
  </si>
  <si>
    <t>POINT (4.726428416871962 51.79431980471899)</t>
  </si>
  <si>
    <t>POINT (4.67058008323519 51.77307072284941)</t>
  </si>
  <si>
    <t>POINT (4.697011212719579 51.795761212094526)</t>
  </si>
  <si>
    <t>POINT (4.683663918867211 51.78234497503744)</t>
  </si>
  <si>
    <t>POINT (4.692884737015713 51.78633972173386)</t>
  </si>
  <si>
    <t>POINT (4.666528227680669 51.812206807093226)</t>
  </si>
  <si>
    <t>POINT (4.701163594478298 51.790931801581564)</t>
  </si>
  <si>
    <t>POINT (4.665945738306691 51.80120852965334)</t>
  </si>
  <si>
    <t>POINT (4.62478483758775 51.7952509655558)</t>
  </si>
  <si>
    <t>POINT (4.7261769982165776 51.79809083364885)</t>
  </si>
  <si>
    <t>POINT (4.717455561234157 51.81204551949028)</t>
  </si>
  <si>
    <t>POINT (4.668187600513711 51.815158817630184)</t>
  </si>
  <si>
    <t>POINT (4.671443443417267 51.780250910292054)</t>
  </si>
  <si>
    <t>POINT (4.682963598907615 51.78564345247356)</t>
  </si>
  <si>
    <t>POINT (4.680339399721916 51.80860915096519)</t>
  </si>
  <si>
    <t>POINT (4.675942409921177 51.78533448540748)</t>
  </si>
  <si>
    <t>POINT (4.669558871586958 51.80426614592662)</t>
  </si>
  <si>
    <t>POINT (4.658511907861266 51.81127386853327)</t>
  </si>
  <si>
    <t>POINT (4.667983109851909 51.81171362521892)</t>
  </si>
  <si>
    <t>POINT (4.703000363335638 51.80712746883957)</t>
  </si>
  <si>
    <t>POINT (4.679964570064625 51.804808746586495)</t>
  </si>
  <si>
    <t>POINT (4.668498263617088 51.809264696745814)</t>
  </si>
  <si>
    <t>POINT (4.667970773113159 51.817377592384524)</t>
  </si>
  <si>
    <t>POINT (4.673237435231755 51.77751920959684)</t>
  </si>
  <si>
    <t>POINT (4.704790456239647 51.79652132589035)</t>
  </si>
  <si>
    <t>POINT (4.672943793266272 51.78281982375655)</t>
  </si>
  <si>
    <t>POINT (4.717954248657662 51.81387796534447)</t>
  </si>
  <si>
    <t>POINT (4.682229149205645 51.78811966814565)</t>
  </si>
  <si>
    <t>POINT (4.705443566144204 51.80825740543671)</t>
  </si>
  <si>
    <t>POINT (4.670426109193975 51.79838424346064)</t>
  </si>
  <si>
    <t>POINT (4.7124205123606675 51.79858354565415)</t>
  </si>
  <si>
    <t>POINT (4.660020616623278 51.810874376945264)</t>
  </si>
  <si>
    <t>POINT (4.667072852610281 51.779450068304655)</t>
  </si>
  <si>
    <t>POINT (4.682268104720077 51.813221845035095)</t>
  </si>
  <si>
    <t>POINT (4.7043749210097365 51.79654257536914)</t>
  </si>
  <si>
    <t>POINT (4.720338086008246 51.80418172089966)</t>
  </si>
  <si>
    <t>POINT (4.667880364507032 51.794930928264485)</t>
  </si>
  <si>
    <t>POINT (4.658324055243091 51.81274232507862)</t>
  </si>
  <si>
    <t>POINT (4.699196963549816 51.79955001830307)</t>
  </si>
  <si>
    <t>POINT (4.71691129036358 51.79529484696172)</t>
  </si>
  <si>
    <t>POINT (4.658271658234227 51.801392833197895)</t>
  </si>
  <si>
    <t>POINT (4.635250937332319 51.74113125025617)</t>
  </si>
  <si>
    <t>POINT (4.668807086159075 51.81852870724528)</t>
  </si>
  <si>
    <t>POINT (4.668242699631171 51.81439109093343)</t>
  </si>
  <si>
    <t>POINT (4.678107749051927 51.803553965675725)</t>
  </si>
  <si>
    <t>POINT (4.669612745048913 51.800711009525145)</t>
  </si>
  <si>
    <t>POINT (4.725268049806919 51.79592981816322)</t>
  </si>
  <si>
    <t>POINT (4.716884341767651 51.79546946840471)</t>
  </si>
  <si>
    <t>POINT (4.717517932899458 51.80238538615834)</t>
  </si>
  <si>
    <t>POINT (4.663348168992153 51.79300854003143)</t>
  </si>
  <si>
    <t>POINT (4.716754598951487 51.815819314693464)</t>
  </si>
  <si>
    <t>POINT (4.672780689306609 51.802500159858454)</t>
  </si>
  <si>
    <t>POINT (4.668363991181283 51.798508309365)</t>
  </si>
  <si>
    <t>POINT (4.668231380599694 51.79379829301486)</t>
  </si>
  <si>
    <t>POINT (4.712422621166956 51.81390095876205)</t>
  </si>
  <si>
    <t>POINT (4.664177948219436 51.79225738357062)</t>
  </si>
  <si>
    <t>POINT (4.67577179138123 51.784660152232355)</t>
  </si>
  <si>
    <t>POINT (4.659245663462653 51.8013931274886)</t>
  </si>
  <si>
    <t>POINT (4.672912267498283 51.792868655339845)</t>
  </si>
  <si>
    <t>POINT (4.679946037038459 51.80899406665321)</t>
  </si>
  <si>
    <t>POINT (4.662905602514144 51.79069199050205)</t>
  </si>
  <si>
    <t>POINT (4.717806704130286 51.81441118358151)</t>
  </si>
  <si>
    <t>POINT (4.683107829910727 51.774601190385674)</t>
  </si>
  <si>
    <t>POINT (4.730190465540988 51.798397957109124)</t>
  </si>
  <si>
    <t>POINT (4.682869701967139 51.77882904360159)</t>
  </si>
  <si>
    <t>POINT (4.67182702350219 51.81928991439502)</t>
  </si>
  <si>
    <t>POINT (4.711927696639667 51.816257072255006)</t>
  </si>
  <si>
    <t>POINT (4.661341044624088 51.809099358504916)</t>
  </si>
  <si>
    <t>POINT (4.67500009721698 51.81564379625701)</t>
  </si>
  <si>
    <t>POINT (4.713177783817213 51.80956184329251)</t>
  </si>
  <si>
    <t>POINT (4.6724291675813285 51.78887299711477)</t>
  </si>
  <si>
    <t>POINT (4.668862704610389 51.79549955854132)</t>
  </si>
  <si>
    <t>POINT (4.722739384582245 51.797425051186465)</t>
  </si>
  <si>
    <t>POINT (4.66776519079578 51.81427117696313)</t>
  </si>
  <si>
    <t>POINT (4.685553002789128 51.80670406600587)</t>
  </si>
  <si>
    <t>POINT (4.732135426391371 51.79271620777534)</t>
  </si>
  <si>
    <t>POINT (4.664649875534002 51.800530521486664)</t>
  </si>
  <si>
    <t>POINT (4.6830216214876 51.81306932797888)</t>
  </si>
  <si>
    <t>POINT (4.665176948013314 51.77769666954739)</t>
  </si>
  <si>
    <t>POINT (4.666012804597835 51.8131161982828)</t>
  </si>
  <si>
    <t>POINT (4.6719050752498825 51.773983184012906)</t>
  </si>
  <si>
    <t>POINT (4.69256968525876 51.819131956068304)</t>
  </si>
  <si>
    <t>POINT (4.711854353172893 51.80693494301171)</t>
  </si>
  <si>
    <t>POINT (4.672473562997342 51.78353797035893)</t>
  </si>
  <si>
    <t>POINT (4.704699907437726 51.79818952644112)</t>
  </si>
  <si>
    <t>POINT (4.694743927255065 51.81782726618153)</t>
  </si>
  <si>
    <t>POINT (4.674745506491634 51.80411042910654)</t>
  </si>
  <si>
    <t>POINT (4.654764599059334 51.79413079854745)</t>
  </si>
  <si>
    <t>POINT (4.669840409379325 51.809733552077205)</t>
  </si>
  <si>
    <t>POINT (4.66862745293148 51.819094864527344)</t>
  </si>
  <si>
    <t>POINT (4.665014042517387 51.81210890601387)</t>
  </si>
  <si>
    <t>POINT (4.6787160110388335 51.8089370472208)</t>
  </si>
  <si>
    <t>POINT (4.722085769349559 51.81750070735627)</t>
  </si>
  <si>
    <t>POINT (4.662972004677735 51.810885950310485)</t>
  </si>
  <si>
    <t>POINT (4.656386563761211 51.80438540797038)</t>
  </si>
  <si>
    <t>POINT (4.715432267014267 51.80133564338426)</t>
  </si>
  <si>
    <t>POINT (4.801423272170663 51.8155551452546)</t>
  </si>
  <si>
    <t>POINT (4.6580257763462205 51.81349299579364)</t>
  </si>
  <si>
    <t>POINT (4.674238040008437 51.81066546769663)</t>
  </si>
  <si>
    <t>POINT (4.724238967409487 51.79740199307161)</t>
  </si>
  <si>
    <t>POINT (4.669740422243527 51.80553070554643)</t>
  </si>
  <si>
    <t>POINT (4.692714479519338 51.785461409304304)</t>
  </si>
  <si>
    <t>POINT (4.73329445065654 51.80327105784216)</t>
  </si>
  <si>
    <t>POINT (4.719247927317867 51.81524492931284)</t>
  </si>
  <si>
    <t>POINT (4.696043267183192 51.81791729725931)</t>
  </si>
  <si>
    <t>POINT (4.666964727512228 51.77471792478289)</t>
  </si>
  <si>
    <t>POINT (4.723160372525967 51.80606401094177)</t>
  </si>
  <si>
    <t>POINT (4.662079383059213 51.80407761054224)</t>
  </si>
  <si>
    <t>POINT (4.6607345232214845 51.80980212493738)</t>
  </si>
  <si>
    <t>POINT (4.684827018055608 51.81140418413315)</t>
  </si>
  <si>
    <t>POINT (4.66710907195518 51.796233566532784)</t>
  </si>
  <si>
    <t>POINT (4.6790069071599625 51.78113654528617)</t>
  </si>
  <si>
    <t>POINT (4.673014545353139 51.81664678430254)</t>
  </si>
  <si>
    <t>POINT (4.674900790775809 51.777488388494255)</t>
  </si>
  <si>
    <t>POINT (4.669533696104101 51.774244012467584)</t>
  </si>
  <si>
    <t>POINT (4.666910057271897 51.79389078946953)</t>
  </si>
  <si>
    <t>POINT (4.661837224546081 51.814006877052265)</t>
  </si>
  <si>
    <t>POINT (4.676767695882017 51.7838558748869)</t>
  </si>
  <si>
    <t>POINT (4.720727891827482 51.79353672874125)</t>
  </si>
  <si>
    <t>POINT (4.674604080829637 51.78390786502736)</t>
  </si>
  <si>
    <t>POINT (4.674434014725726 51.78205146470586)</t>
  </si>
  <si>
    <t>POINT (4.6964401892967595 51.79961171636128)</t>
  </si>
  <si>
    <t>POINT (4.6831683515318145 51.80164531233058)</t>
  </si>
  <si>
    <t>POINT (4.664525398687222 51.785737122624106)</t>
  </si>
  <si>
    <t>POINT (4.663966942028764 51.78858995925871)</t>
  </si>
  <si>
    <t>POINT (4.655537569197366 51.79015807310183)</t>
  </si>
  <si>
    <t>POINT (4.716971672985576 51.81402468832668)</t>
  </si>
  <si>
    <t>POINT (4.678792368895876 51.78706960589264)</t>
  </si>
  <si>
    <t>POINT (4.663827798518511 51.81326234403152)</t>
  </si>
  <si>
    <t>POINT (4.68223162098794 51.81472499784822)</t>
  </si>
  <si>
    <t>POINT (4.636434783190774 51.76768912026292)</t>
  </si>
  <si>
    <t>POINT (4.660596241615703 51.79955078050094)</t>
  </si>
  <si>
    <t>POINT (4.696230009253334 51.79292057969724)</t>
  </si>
  <si>
    <t>POINT (4.662358680068185 51.80070566417558)</t>
  </si>
  <si>
    <t>POINT (4.626442548860163 51.794035115453184)</t>
  </si>
  <si>
    <t>POINT (4.633835297019002 51.77812842114304)</t>
  </si>
  <si>
    <t>POINT (4.659787421559603 51.790199666330615)</t>
  </si>
  <si>
    <t>POINT (4.663203325109217 51.799162064227296)</t>
  </si>
  <si>
    <t>POINT (4.678680775063462 51.78627723463154)</t>
  </si>
  <si>
    <t>POINT (4.671192756694358 51.81829770663315)</t>
  </si>
  <si>
    <t>POINT (4.725524974346705 51.79576549878251)</t>
  </si>
  <si>
    <t>POINT (4.697513333961951 51.799193737415614)</t>
  </si>
  <si>
    <t>POINT (4.727713295313044 51.79776521832917)</t>
  </si>
  <si>
    <t>POINT (4.72427081488621 51.799101665364454)</t>
  </si>
  <si>
    <t>POINT (4.712054344986324 51.81463154957672)</t>
  </si>
  <si>
    <t>POINT (4.693334334325418 51.7954409561888)</t>
  </si>
  <si>
    <t>POINT (4.665692266593504 51.77781351199822)</t>
  </si>
  <si>
    <t>POINT (4.658751405715888 51.80439179871879)</t>
  </si>
  <si>
    <t>POINT (4.670294417625397 51.81099592798266)</t>
  </si>
  <si>
    <t>POINT (4.663345653430719 51.81483718092842)</t>
  </si>
  <si>
    <t>POINT (4.678669513958131 51.808534280708024)</t>
  </si>
  <si>
    <t>POINT (4.658269574158734 51.79214941446354)</t>
  </si>
  <si>
    <t>POINT (4.663089964120184 51.801345797110514)</t>
  </si>
  <si>
    <t>POINT (4.671484792429899 51.81022118832352)</t>
  </si>
  <si>
    <t>POINT (4.660222214996977 51.783751254042116)</t>
  </si>
  <si>
    <t>POINT (4.67813140646693 51.784622448860716)</t>
  </si>
  <si>
    <t>POINT (4.668536968551655 51.79270817355083)</t>
  </si>
  <si>
    <t>POINT (4.656647188539226 51.791941526018675)</t>
  </si>
  <si>
    <t>POINT (4.733488127601191 51.80200160250569)</t>
  </si>
  <si>
    <t>POINT (4.667948238037521 51.792399731850246)</t>
  </si>
  <si>
    <t>POINT (4.675955473203111 51.78473377795104)</t>
  </si>
  <si>
    <t>POINT (4.6674385493152855 51.8168075307652)</t>
  </si>
  <si>
    <t>POINT (4.697727725895585 51.791392921365635)</t>
  </si>
  <si>
    <t>POINT (4.7315817956124855 51.79765981755689)</t>
  </si>
  <si>
    <t>POINT (4.670733787809931 51.81599166683784)</t>
  </si>
  <si>
    <t>POINT (4.721334991199697 51.80000696144452)</t>
  </si>
  <si>
    <t>POINT (4.6621267573373375 51.812453624414424)</t>
  </si>
  <si>
    <t>POINT (4.6699410114574125 51.81923303754456)</t>
  </si>
  <si>
    <t>POINT (4.667862590384389 51.778403091229315)</t>
  </si>
  <si>
    <t>POINT (4.673530488908331 51.80524396961306)</t>
  </si>
  <si>
    <t>POINT (4.6759215054749435 51.81695467352938)</t>
  </si>
  <si>
    <t>POINT (4.740387035577883 51.78938806895396)</t>
  </si>
  <si>
    <t>POINT (4.668329001048983 51.8152398178996)</t>
  </si>
  <si>
    <t>POINT (4.686328070261647 51.77785663484921)</t>
  </si>
  <si>
    <t>POINT (4.664754306709373 51.791759913095056)</t>
  </si>
  <si>
    <t>POINT (4.664835336555913 51.779560335671064)</t>
  </si>
  <si>
    <t>POINT (4.660604817080739 51.81054507272085)</t>
  </si>
  <si>
    <t>POINT (4.676919683394684 51.805218718929986)</t>
  </si>
  <si>
    <t>POINT (4.672218593792589 51.81782837020734)</t>
  </si>
  <si>
    <t>POINT (4.658116832797944 51.81168350095195)</t>
  </si>
  <si>
    <t>POINT (4.71099201309735 51.816517667536765)</t>
  </si>
  <si>
    <t>POINT (4.660520126632574 51.80737994611945)</t>
  </si>
  <si>
    <t>POINT (4.6832392346876 51.79833018303124)</t>
  </si>
  <si>
    <t>POINT (4.676533947920083 51.785619632656335)</t>
  </si>
  <si>
    <t>POINT (4.686022636729926 51.78880119393207)</t>
  </si>
  <si>
    <t>POINT (4.668599127432258 51.808196749094634)</t>
  </si>
  <si>
    <t>POINT (4.681272915562682 51.787027005047634)</t>
  </si>
  <si>
    <t>POINT (4.720710354467597 51.798425466738856)</t>
  </si>
  <si>
    <t>POINT (4.653271367578263 51.80420636964183)</t>
  </si>
  <si>
    <t>POINT (4.7056261935671735 51.809639185864256)</t>
  </si>
  <si>
    <t>POINT (4.7083839834757075 51.80756940923209)</t>
  </si>
  <si>
    <t>POINT (4.656418385611427 51.80137933639757)</t>
  </si>
  <si>
    <t>POINT (4.6652013301865365 51.77817255638689)</t>
  </si>
  <si>
    <t>POINT (4.670718480073891 51.77338313527157)</t>
  </si>
  <si>
    <t>POINT (4.72933579754325 51.805641651053044)</t>
  </si>
  <si>
    <t>POINT (4.657586718043251 51.81095817190662)</t>
  </si>
  <si>
    <t>POINT (4.662505148114994 51.804667840623935)</t>
  </si>
  <si>
    <t>POINT (4.702605726147637 51.7904231348209)</t>
  </si>
  <si>
    <t>POINT (4.6632235870158985 51.816911401266346)</t>
  </si>
  <si>
    <t>POINT (4.7151636168216395 51.80090743171808)</t>
  </si>
  <si>
    <t>POINT (4.732473895883354 51.79575032637092)</t>
  </si>
  <si>
    <t>POINT (4.710971528010595 51.8010999727026)</t>
  </si>
  <si>
    <t>POINT (4.681319504590049 51.798735948397386)</t>
  </si>
  <si>
    <t>POINT (4.685710484473074 51.811224760544164)</t>
  </si>
  <si>
    <t>POINT (4.629097503123463 51.721103623891246)</t>
  </si>
  <si>
    <t>POINT (4.684335803537572 51.78504222228033)</t>
  </si>
  <si>
    <t>POINT (4.670827826450269 51.79643385000666)</t>
  </si>
  <si>
    <t>POINT (4.6832197051228945 51.79828478088559)</t>
  </si>
  <si>
    <t>POINT (4.6676653504749614 51.808187045031914)</t>
  </si>
  <si>
    <t>POINT (4.690804440220574 51.80652941921879)</t>
  </si>
  <si>
    <t>POINT (4.711041270498154 51.79205542021016)</t>
  </si>
  <si>
    <t>POINT (4.658352396623786 51.80978443217685)</t>
  </si>
  <si>
    <t>POINT (4.719241466627632 51.80039876001274)</t>
  </si>
  <si>
    <t>POINT (4.7095006326150815 51.80996582789248)</t>
  </si>
  <si>
    <t>POINT (4.663932977041572 51.788670747075805)</t>
  </si>
  <si>
    <t>POINT (4.676035152393696 51.78491970690284)</t>
  </si>
  <si>
    <t>POINT (4.716162628106688 51.815402813794556)</t>
  </si>
  <si>
    <t>POINT (4.668057695955679 51.7746764071665)</t>
  </si>
  <si>
    <t>POINT (4.690783976615733 51.808167086207874)</t>
  </si>
  <si>
    <t>POINT (4.684696445692418 51.777635153773076)</t>
  </si>
  <si>
    <t>POINT (4.72722751822324 51.8039800558134)</t>
  </si>
  <si>
    <t>POINT (4.681502735945588 51.80928194363848)</t>
  </si>
  <si>
    <t>POINT (4.696518106780137 51.79455758546297)</t>
  </si>
  <si>
    <t>POINT (4.661403007408599 51.78696742820331)</t>
  </si>
  <si>
    <t>POINT (4.670238058934965 51.785392333252155)</t>
  </si>
  <si>
    <t>POINT (4.6645976754361715 51.77956512788715)</t>
  </si>
  <si>
    <t>POINT (4.677884336003094 51.813386565241636)</t>
  </si>
  <si>
    <t>POINT (4.6691826663432625 51.77509144134477)</t>
  </si>
  <si>
    <t>POINT (4.672735368386806 51.81303978317239)</t>
  </si>
  <si>
    <t>POINT (4.6721664636703935 51.81145545314886)</t>
  </si>
  <si>
    <t>POINT (4.671827554017425 51.80469713724489)</t>
  </si>
  <si>
    <t>POINT (4.658162729473475 51.80111767755422)</t>
  </si>
  <si>
    <t>POINT (4.707167870009758 51.80863920814885)</t>
  </si>
  <si>
    <t>POINT (4.67451049467355 51.81672449780006)</t>
  </si>
  <si>
    <t>POINT (4.666092282373809 51.81276490577067)</t>
  </si>
  <si>
    <t>POINT (4.696645278360182 51.7933191466544)</t>
  </si>
  <si>
    <t>POINT (4.714772577930691 51.80484547347007)</t>
  </si>
  <si>
    <t>POINT (4.718996860712464 51.79907066064583)</t>
  </si>
  <si>
    <t>POINT (4.669531069359042 51.80988604117598)</t>
  </si>
  <si>
    <t>POINT (4.653705019372419 51.78550883872106)</t>
  </si>
  <si>
    <t>POINT (4.733331963265166 51.797149582479605)</t>
  </si>
  <si>
    <t>POINT (4.671068371625211 51.79931450377025)</t>
  </si>
  <si>
    <t>POINT (4.6648629975136275 51.77216998235464)</t>
  </si>
  <si>
    <t>POINT (4.680845629491544 51.79885710428104)</t>
  </si>
  <si>
    <t>POINT (4.656381779638081 51.804412209429316)</t>
  </si>
  <si>
    <t>POINT (4.677637761498284 51.790643444465644)</t>
  </si>
  <si>
    <t>POINT (4.676659492035246 51.77428491886972)</t>
  </si>
  <si>
    <t>POINT (4.674143146712721 51.78819954995701)</t>
  </si>
  <si>
    <t>POINT (4.685975575036201 51.788070006516406)</t>
  </si>
  <si>
    <t>POINT (4.676467598753141 51.818474243801724)</t>
  </si>
  <si>
    <t>POINT (4.684606856661221 51.80350232989677)</t>
  </si>
  <si>
    <t>POINT (4.681126165230779 51.78132283045287)</t>
  </si>
  <si>
    <t>POINT (4.653089522806931 51.79187511970575)</t>
  </si>
  <si>
    <t>POINT (4.68633770666073 51.80870830245449)</t>
  </si>
  <si>
    <t>POINT (4.692101082601588 51.81878827813061)</t>
  </si>
  <si>
    <t>POINT (4.664182657216539 51.77764142115836)</t>
  </si>
  <si>
    <t>POINT (4.718034863728425 51.804629878874586)</t>
  </si>
  <si>
    <t>POINT (4.660443611079263 51.7873752385426)</t>
  </si>
  <si>
    <t>POINT (4.700721169961657 51.79516099862953)</t>
  </si>
  <si>
    <t>POINT (4.674176956463944 51.80518576998697)</t>
  </si>
  <si>
    <t>POINT (4.682153795289135 51.78630451529249)</t>
  </si>
  <si>
    <t>POINT (4.707181202220541 51.81012816508812)</t>
  </si>
  <si>
    <t>POINT (4.631387259104267 51.72408685759262)</t>
  </si>
  <si>
    <t>POINT (4.675595764015373 51.78328147627695)</t>
  </si>
  <si>
    <t>POINT (4.669785516785597 51.813541610890155)</t>
  </si>
  <si>
    <t>POINT (4.666396624320716 51.81567720115773)</t>
  </si>
  <si>
    <t>POINT (4.733709199686782 51.79494719299542)</t>
  </si>
  <si>
    <t>POINT (4.683959578659006 51.77781769394714)</t>
  </si>
  <si>
    <t>POINT (4.678302479729678 51.789225604858494)</t>
  </si>
  <si>
    <t>POINT (4.680016614648094 51.789871747863614)</t>
  </si>
  <si>
    <t>POINT (4.681383016532377 51.78131644828734)</t>
  </si>
  <si>
    <t>POINT (4.659314641349953 51.80888333835386)</t>
  </si>
  <si>
    <t>POINT (4.68450169383655 51.80882482648171)</t>
  </si>
  <si>
    <t>POINT (4.6710445142150885 51.81820276268646)</t>
  </si>
  <si>
    <t>POINT (4.65510346750107 51.812344599907966)</t>
  </si>
  <si>
    <t>POINT (4.703990786597028 51.79027164245013)</t>
  </si>
  <si>
    <t>POINT (4.675432896805568 51.7789733621051)</t>
  </si>
  <si>
    <t>POINT (4.715489948276017 51.80069266489772)</t>
  </si>
  <si>
    <t>POINT (4.650944603372541 51.79002242509379)</t>
  </si>
  <si>
    <t>POINT (4.668328377924132 51.81542532233412)</t>
  </si>
  <si>
    <t>POINT (4.685988348549716 51.791826086058855)</t>
  </si>
  <si>
    <t>POINT (4.68628354961745 51.776449952104755)</t>
  </si>
  <si>
    <t>POINT (4.715960324414837 51.80015277487374)</t>
  </si>
  <si>
    <t>POINT (4.663597884157802 51.800191735274126)</t>
  </si>
  <si>
    <t>POINT (4.690747880450176 51.80678825369503)</t>
  </si>
  <si>
    <t>POINT (4.657583329968347 51.7995023303817)</t>
  </si>
  <si>
    <t>POINT (4.67047091097132 51.815486048892595)</t>
  </si>
  <si>
    <t>POINT (4.690002950590442 51.80878628856261)</t>
  </si>
  <si>
    <t>POINT (4.711865715843193 51.807606253570995)</t>
  </si>
  <si>
    <t>POINT (4.668162194856771 51.772672743741424)</t>
  </si>
  <si>
    <t>POINT (4.707241509095716 51.78789485093498)</t>
  </si>
  <si>
    <t>POINT (4.663857477726554 51.81725693357133)</t>
  </si>
  <si>
    <t>POINT (4.6672506726788034 51.8110573288891)</t>
  </si>
  <si>
    <t>POINT (4.67869491268509 51.814611457540444)</t>
  </si>
  <si>
    <t>POINT (4.664248567161883 51.8013781999566)</t>
  </si>
  <si>
    <t>POINT (4.710091402610351 51.80531334338144)</t>
  </si>
  <si>
    <t>POINT (4.652389843807435 51.80104217799414)</t>
  </si>
  <si>
    <t>POINT (4.663185103577968 51.80489577565426)</t>
  </si>
  <si>
    <t>POINT (4.669978800285817 51.81909684746147)</t>
  </si>
  <si>
    <t>POINT (4.692294709716743 51.819157977373074)</t>
  </si>
  <si>
    <t>POINT (4.680824072241575 51.80909386225147)</t>
  </si>
  <si>
    <t>POINT (4.6834755442852884 51.785661904498134)</t>
  </si>
  <si>
    <t>POINT (4.633383926376509 51.7786642612918)</t>
  </si>
  <si>
    <t>POINT (4.660408406883006 51.79894905525076)</t>
  </si>
  <si>
    <t>POINT (4.667306770119144 51.79900614675112)</t>
  </si>
  <si>
    <t>POINT (4.663593659657446 51.787616634303454)</t>
  </si>
  <si>
    <t>POINT (4.686067102404682 51.80750118886571)</t>
  </si>
  <si>
    <t>POINT (4.652448477784861 51.80380335281588)</t>
  </si>
  <si>
    <t>POINT (4.667777939075238 51.81427295397459)</t>
  </si>
  <si>
    <t>POINT (4.678032564696416 51.789244117122294)</t>
  </si>
  <si>
    <t>POINT (4.678196708571614 51.8157769932254)</t>
  </si>
  <si>
    <t>POINT (4.676278081031326 51.8160277925246)</t>
  </si>
  <si>
    <t>POINT (4.668160103579278 51.79197952357023)</t>
  </si>
  <si>
    <t>POINT (4.668354407231981 51.791960750433525)</t>
  </si>
  <si>
    <t>POINT (4.649594499983446 51.793318474020374)</t>
  </si>
  <si>
    <t>POINT (4.680443621517011 51.77746850861455)</t>
  </si>
  <si>
    <t>POINT (4.667740400433816 51.81075281172036)</t>
  </si>
  <si>
    <t>POINT (4.6641108717254625 51.79560465861221)</t>
  </si>
  <si>
    <t>POINT (4.6805719751139225 51.779527038514324)</t>
  </si>
  <si>
    <t>POINT (4.708025680620955 51.78723377360789)</t>
  </si>
  <si>
    <t>POINT (4.687970338426284 51.80801020284172)</t>
  </si>
  <si>
    <t>POINT (4.681366463477447 51.801332502980415)</t>
  </si>
  <si>
    <t>POINT (4.679720841863398 51.80785264897669)</t>
  </si>
  <si>
    <t>POINT (4.734192846308565 51.79844613437975)</t>
  </si>
  <si>
    <t>POINT (4.670802143571114 51.7815348881658)</t>
  </si>
  <si>
    <t>POINT (4.668948271225511 51.818432808342735)</t>
  </si>
  <si>
    <t>POINT (4.667475566433563 51.814480796755454)</t>
  </si>
  <si>
    <t>POINT (4.672714084570431 51.81464450902309)</t>
  </si>
  <si>
    <t>POINT (4.643113175959728 51.765170558394374)</t>
  </si>
  <si>
    <t>POINT (4.698033305928129 51.79943830925393)</t>
  </si>
  <si>
    <t>POINT (4.664259287878285 51.81073406909526)</t>
  </si>
  <si>
    <t>POINT (4.69337584257542 51.796936287669666)</t>
  </si>
  <si>
    <t>POINT (4.672226354868389 51.819554699976514)</t>
  </si>
  <si>
    <t>POINT (4.70715811202496 51.79357205040898)</t>
  </si>
  <si>
    <t>POINT (4.671456861355857 51.81851287036916)</t>
  </si>
  <si>
    <t>POINT (4.711265825576211 51.810382556124424)</t>
  </si>
  <si>
    <t>POINT (4.73474731282619 51.79726419284892)</t>
  </si>
  <si>
    <t>POINT (4.701620374960127 51.799636859168416)</t>
  </si>
  <si>
    <t>POINT (4.7301460782903675 51.80523951821737)</t>
  </si>
  <si>
    <t>POINT (4.711481613841162 51.79243718000902)</t>
  </si>
  <si>
    <t>POINT (4.666639927203297 51.796340051559994)</t>
  </si>
  <si>
    <t>POINT (4.711416652826789 51.79191901391585)</t>
  </si>
  <si>
    <t>POINT (4.711492235541809 51.795952238924244)</t>
  </si>
  <si>
    <t>POINT (4.675087439905768 51.8154404812637)</t>
  </si>
  <si>
    <t>POINT (4.685489261257018 51.80494388312033)</t>
  </si>
  <si>
    <t>POINT (4.6731251452140645 51.807931114080674)</t>
  </si>
  <si>
    <t>POINT (4.680297064080646 51.789867496633306)</t>
  </si>
  <si>
    <t>POINT (4.664642608666745 51.813133270649686)</t>
  </si>
  <si>
    <t>POINT (4.669575573579158 51.817560924554826)</t>
  </si>
  <si>
    <t>POINT (4.673126392315324 51.811634851559205)</t>
  </si>
  <si>
    <t>POINT (4.6618324012278265 51.8158822004534)</t>
  </si>
  <si>
    <t>POINT (4.629518465179262 51.722612168389915)</t>
  </si>
  <si>
    <t>POINT (4.676718726141867 51.78637869690834)</t>
  </si>
  <si>
    <t>POINT (4.667571321470438 51.79907243433305)</t>
  </si>
  <si>
    <t>POINT (4.655698045300028 51.770283294700754)</t>
  </si>
  <si>
    <t>POINT (4.662072276861232 51.812567048546754)</t>
  </si>
  <si>
    <t>POINT (4.713492702555347 51.80566299324963)</t>
  </si>
  <si>
    <t>POINT (4.679009914253153 51.79988595677412)</t>
  </si>
  <si>
    <t>POINT (4.63989290537045 51.77963543026441)</t>
  </si>
  <si>
    <t>POINT (4.641667249944564 51.7745540454384)</t>
  </si>
  <si>
    <t>POINT (4.653273908846249 51.79344103710365)</t>
  </si>
  <si>
    <t>POINT (4.725742555410272 51.806362411260885)</t>
  </si>
  <si>
    <t>POINT (4.71572324135007 51.813279009488504)</t>
  </si>
  <si>
    <t>POINT (4.685803111244509 51.78635917408605)</t>
  </si>
  <si>
    <t>POINT (4.672964405864938 51.79369001797789)</t>
  </si>
  <si>
    <t>POINT (4.6557858620536985 51.80640020235804)</t>
  </si>
  <si>
    <t>POINT (4.718103118621471 51.80122371499031)</t>
  </si>
  <si>
    <t>POINT (4.730383440291399 51.80464079281081)</t>
  </si>
  <si>
    <t>POINT (4.67818026137746 51.80520174074804)</t>
  </si>
  <si>
    <t>POINT (4.71271615361893 51.800989917202365)</t>
  </si>
  <si>
    <t>POINT (4.706282978122095 51.80686243173406)</t>
  </si>
  <si>
    <t>POINT (4.713615543129478 51.808964355947126)</t>
  </si>
  <si>
    <t>POINT (4.678616455545102 51.813111045023156)</t>
  </si>
  <si>
    <t>POINT (4.714859312914976 51.813865281779464)</t>
  </si>
  <si>
    <t>POINT (4.655579245933769 51.80664817975031)</t>
  </si>
  <si>
    <t>POINT (4.676042048687117 51.80387876407938)</t>
  </si>
  <si>
    <t>POINT (4.67475233966596 51.81268180216918)</t>
  </si>
  <si>
    <t>POINT (4.6588010439923275 51.80179619875358)</t>
  </si>
  <si>
    <t>POINT (4.659498521274198 51.77020293015021)</t>
  </si>
  <si>
    <t>POINT (4.652443614017462 51.78556606755014)</t>
  </si>
  <si>
    <t>POINT (4.661393763737967 51.79960010298991)</t>
  </si>
  <si>
    <t>POINT (4.6700697745775654 51.772796207270794)</t>
  </si>
  <si>
    <t>POINT (4.6759407756068 51.81695037688265)</t>
  </si>
  <si>
    <t>POINT (4.673335496276675 51.812739959775904)</t>
  </si>
  <si>
    <t>POINT (4.68463225634169 51.808354008833064)</t>
  </si>
  <si>
    <t>POINT (4.677524139903584 51.77767718868092)</t>
  </si>
  <si>
    <t>POINT (4.705299235381329 51.81537150344679)</t>
  </si>
  <si>
    <t>POINT (4.654905744342973 51.789687562634406)</t>
  </si>
  <si>
    <t>POINT (4.65316136350916 51.79208165342487)</t>
  </si>
  <si>
    <t>POINT (4.6561350412841 51.8006649651671)</t>
  </si>
  <si>
    <t>POINT (4.654406740895905 51.793980654631014)</t>
  </si>
  <si>
    <t>POINT (4.6827650089279755 51.819292363633295)</t>
  </si>
  <si>
    <t>POINT (4.659235696636059 51.81339492634774)</t>
  </si>
  <si>
    <t>POINT (4.660277131635432 51.79056626810105)</t>
  </si>
  <si>
    <t>POINT (4.725816278426492 51.79444170217723)</t>
  </si>
  <si>
    <t>POINT (4.653739756295434 51.785370845408046)</t>
  </si>
  <si>
    <t>POINT (4.721292829847702 51.80323667493285)</t>
  </si>
  <si>
    <t>POINT (4.666516347236501 51.81689273779904)</t>
  </si>
  <si>
    <t>POINT (4.669515337504937 51.79862612544712)</t>
  </si>
  <si>
    <t>POINT (4.682618487454889 51.80186060729918)</t>
  </si>
  <si>
    <t>POINT (4.681870281255047 51.80424221876668)</t>
  </si>
  <si>
    <t>POINT (4.731355796345839 51.79992145363668)</t>
  </si>
  <si>
    <t>POINT (4.674126686528239 51.818988865364304)</t>
  </si>
  <si>
    <t>POINT (4.672356256325014 51.81880366121922)</t>
  </si>
  <si>
    <t>POINT (4.667712545198794 51.79238959452045)</t>
  </si>
  <si>
    <t>POINT (4.68444261575416 51.77502188526952)</t>
  </si>
  <si>
    <t>POINT (4.668998745660716 51.8122387977419)</t>
  </si>
  <si>
    <t>POINT (4.731173872551511 51.796646557866175)</t>
  </si>
  <si>
    <t>POINT (4.724865838386544 51.798488323852055)</t>
  </si>
  <si>
    <t>POINT (4.66348298276377 51.79906813190275)</t>
  </si>
  <si>
    <t>POINT (4.671191497008949 51.78217059181725)</t>
  </si>
  <si>
    <t>POINT (4.660408717617128 51.81019507935373)</t>
  </si>
  <si>
    <t>POINT (4.671899561917105 51.77277495034246)</t>
  </si>
  <si>
    <t>POINT (4.710931975892432 51.81423565451539)</t>
  </si>
  <si>
    <t>POINT (4.655634393693903 51.80058097328702)</t>
  </si>
  <si>
    <t>POINT (4.662257907124649 51.80937575656598)</t>
  </si>
  <si>
    <t>POINT (4.62808659807376 51.72377155374306)</t>
  </si>
  <si>
    <t>POINT (4.671231165115525 51.805163931398575)</t>
  </si>
  <si>
    <t>POINT (4.688074904205849 51.81886476691179)</t>
  </si>
  <si>
    <t>POINT (4.672600286403232 51.78223752866034)</t>
  </si>
  <si>
    <t>POINT (4.669561806161823 51.78034143473214)</t>
  </si>
  <si>
    <t>POINT (4.684712030400824 51.77640490084625)</t>
  </si>
  <si>
    <t>POINT (4.6662396646201545 51.78733144528029)</t>
  </si>
  <si>
    <t>POINT (4.732151011871565 51.79734694730778)</t>
  </si>
  <si>
    <t>POINT (4.678440721863852 51.80714326811853)</t>
  </si>
  <si>
    <t>POINT (4.673619502741352 51.81829318805329)</t>
  </si>
  <si>
    <t>POINT (4.6510113359801855 51.79336667226589)</t>
  </si>
  <si>
    <t>POINT (4.680404540379326 51.8085848424729)</t>
  </si>
  <si>
    <t>POINT (4.712835037629114 51.81626359278487)</t>
  </si>
  <si>
    <t>POINT (4.718847716188054 51.8023350454025)</t>
  </si>
  <si>
    <t>POINT (4.679405629637329 51.78698245004296)</t>
  </si>
  <si>
    <t>POINT (4.676023242292499 51.80467963128506)</t>
  </si>
  <si>
    <t>POINT (4.729813999222101 51.796576807773015)</t>
  </si>
  <si>
    <t>POINT (4.667494370501561 51.79416613976217)</t>
  </si>
  <si>
    <t>POINT (4.68958522633728 51.818771687874516)</t>
  </si>
  <si>
    <t>POINT (4.719281787843159 51.8005366237266)</t>
  </si>
  <si>
    <t>POINT (4.681713751080281 51.78913595910043)</t>
  </si>
  <si>
    <t>POINT (4.668462961008893 51.813636195918214)</t>
  </si>
  <si>
    <t>POINT (4.674247166727916 51.788189692389636)</t>
  </si>
  <si>
    <t>POINT (4.673146924769085 51.81165236059207)</t>
  </si>
  <si>
    <t>POINT (4.724182941993579 51.80566220338164)</t>
  </si>
  <si>
    <t>POINT (4.65638498277775 51.799231053792234)</t>
  </si>
  <si>
    <t>POINT (4.656812183647852 51.80315216636574)</t>
  </si>
  <si>
    <t>POINT (4.704790779215281 51.7895555961389)</t>
  </si>
  <si>
    <t>POINT (4.6829023025873155 51.77572979140631)</t>
  </si>
  <si>
    <t>POINT (4.654355789730671 51.791467866222085)</t>
  </si>
  <si>
    <t>POINT (4.680648604760952 51.78542748356084)</t>
  </si>
  <si>
    <t>POINT (4.656859739644866 51.80406983971352)</t>
  </si>
  <si>
    <t>POINT (4.6733655355943755 51.79339767522504)</t>
  </si>
  <si>
    <t>POINT (4.661404529721304 51.789810880532045)</t>
  </si>
  <si>
    <t>POINT (4.720567156739678 51.81253738683734)</t>
  </si>
  <si>
    <t>POINT (4.7103628084445255 51.804525714696915)</t>
  </si>
  <si>
    <t>POINT (4.663847582735356 51.80245874007035)</t>
  </si>
  <si>
    <t>POINT (4.664433840078149 51.81545516287843)</t>
  </si>
  <si>
    <t>POINT (4.654490455616066 51.802645029341306)</t>
  </si>
  <si>
    <t>POINT (4.66500502875541 51.802468332864805)</t>
  </si>
  <si>
    <t>POINT (4.685084641579594 51.78712766057721)</t>
  </si>
  <si>
    <t>POINT (4.720668667149075 51.80240600498944)</t>
  </si>
  <si>
    <t>POINT (4.666902151096716 51.81463155130918)</t>
  </si>
  <si>
    <t>POINT (4.7302254810433135 51.79834787072023)</t>
  </si>
  <si>
    <t>POINT (4.664485929999251 51.815658969341705)</t>
  </si>
  <si>
    <t>POINT (4.662632278501285 51.80095891168736)</t>
  </si>
  <si>
    <t>POINT (4.654005632632699 51.803767844287044)</t>
  </si>
  <si>
    <t>POINT (4.684460545603664 51.78598297105231)</t>
  </si>
  <si>
    <t>POINT (4.664640799429489 51.78901385737434)</t>
  </si>
  <si>
    <t>POINT (4.720950444932157 51.800647367849535)</t>
  </si>
  <si>
    <t>POINT (4.713181586724529 51.80404377126529)</t>
  </si>
  <si>
    <t>POINT (4.668885717826424 51.794896459168335)</t>
  </si>
  <si>
    <t>POINT (4.664307937766866 51.81247706735364)</t>
  </si>
  <si>
    <t>POINT (4.674379376339248 51.816924121795616)</t>
  </si>
  <si>
    <t>POINT (4.655700608792773 51.80048517108265)</t>
  </si>
  <si>
    <t>POINT (4.64351922520122 51.76440971094431)</t>
  </si>
  <si>
    <t>POINT (4.669839046703461 51.77297056156945)</t>
  </si>
  <si>
    <t>POINT (4.658296021194495 51.81263838557181)</t>
  </si>
  <si>
    <t>POINT (4.677561457953035 51.78868270180027)</t>
  </si>
  <si>
    <t>POINT (4.733652602659817 51.80129587715219)</t>
  </si>
  <si>
    <t>POINT (4.678944151043012 51.784242139361275)</t>
  </si>
  <si>
    <t>POINT (4.701117497571515 51.81652876075485)</t>
  </si>
  <si>
    <t>POINT (4.654535937872364 51.8041032802162)</t>
  </si>
  <si>
    <t>POINT (4.714414379916331 51.81501912004325)</t>
  </si>
  <si>
    <t>POINT (4.678478501725761 51.789600975550236)</t>
  </si>
  <si>
    <t>POINT (4.685522503075685 51.780371233286935)</t>
  </si>
  <si>
    <t>POINT (4.697405105790469 51.79121592545597)</t>
  </si>
  <si>
    <t>POINT (4.707044986757355 51.80168621355242)</t>
  </si>
  <si>
    <t>POINT (4.663032467722481 51.793941416624406)</t>
  </si>
  <si>
    <t>POINT (4.6764768068691405 51.774019957370705)</t>
  </si>
  <si>
    <t>POINT (4.680669007350338 51.80893245399008)</t>
  </si>
  <si>
    <t>POINT (4.685208510798026 51.813150375332455)</t>
  </si>
  <si>
    <t>POINT (4.717474683933226 51.80473636238603)</t>
  </si>
  <si>
    <t>POINT (4.690622434590608 51.815642759031206)</t>
  </si>
  <si>
    <t>POINT (4.6833736748280375 51.77514270148585)</t>
  </si>
  <si>
    <t>POINT (4.717302155953732 51.8157430808163)</t>
  </si>
  <si>
    <t>POINT (4.666569808127003 51.774708991078796)</t>
  </si>
  <si>
    <t>POINT (4.666430291074511 51.79628652154556)</t>
  </si>
  <si>
    <t>POINT (4.669532169843266 51.813157674613315)</t>
  </si>
  <si>
    <t>POINT (4.718580117645089 51.800864164645006)</t>
  </si>
  <si>
    <t>POINT (4.664290542332625 51.816696623219805)</t>
  </si>
  <si>
    <t>POINT (4.669655235433142 51.798463126282186)</t>
  </si>
  <si>
    <t>POINT (4.685867773728997 51.786382014448805)</t>
  </si>
  <si>
    <t>POINT (4.6765386411948064 51.77631181454445)</t>
  </si>
  <si>
    <t>POINT (4.72701374345757 51.80220129593007)</t>
  </si>
  <si>
    <t>POINT (4.683986254666309 51.79815323529661)</t>
  </si>
  <si>
    <t>POINT (4.683128829854156 51.78170009735444)</t>
  </si>
  <si>
    <t>POINT (4.667991005215068 51.77520893019978)</t>
  </si>
  <si>
    <t>POINT (4.685930413999268 51.808394996108994)</t>
  </si>
  <si>
    <t>POINT (4.708088077283942 51.818557437383134)</t>
  </si>
  <si>
    <t>POINT (4.653687546553477 51.78523210167663)</t>
  </si>
  <si>
    <t>POINT (4.668749423302039 51.8112883009782)</t>
  </si>
  <si>
    <t>POINT (4.674410132409867 51.81808476341237)</t>
  </si>
  <si>
    <t>POINT (4.661148793190373 51.77209815736357)</t>
  </si>
  <si>
    <t>POINT (4.650761978732663 51.79516658872078)</t>
  </si>
  <si>
    <t>POINT (4.705157035295452 51.79139380566138)</t>
  </si>
  <si>
    <t>POINT (4.694817590275145 51.81768659696515)</t>
  </si>
  <si>
    <t>POINT (4.6733310363457825 51.78799038749034)</t>
  </si>
  <si>
    <t>POINT (4.669120192449668 51.7911720618602)</t>
  </si>
  <si>
    <t>POINT (4.709533585413835 51.80765748199569)</t>
  </si>
  <si>
    <t>POINT (4.70440927192462 51.81641546551066)</t>
  </si>
  <si>
    <t>POINT (4.669682908587036 51.78214897786139)</t>
  </si>
  <si>
    <t>POINT (4.652776657002252 51.79518906063963)</t>
  </si>
  <si>
    <t>POINT (4.6728356360550976 51.80603980581589)</t>
  </si>
  <si>
    <t>POINT (4.667478236093657 51.79557985480489)</t>
  </si>
  <si>
    <t>POINT (4.631627931371541 51.769306893083446)</t>
  </si>
  <si>
    <t>POINT (4.668973333463696 51.77428548980757)</t>
  </si>
  <si>
    <t>POINT (4.662073817038598 51.81258038827929)</t>
  </si>
  <si>
    <t>POINT (4.7035295884139545 51.78821563729545)</t>
  </si>
  <si>
    <t>POINT (4.6804644544890825 51.781650393494736)</t>
  </si>
  <si>
    <t>POINT (4.662109194978929 51.78798029256602)</t>
  </si>
  <si>
    <t>POINT (4.642098879468694 51.77648699400099)</t>
  </si>
  <si>
    <t>POINT (4.72804357850663 51.79335283112999)</t>
  </si>
  <si>
    <t>POINT (4.662330043503854 51.80989293472643)</t>
  </si>
  <si>
    <t>POINT (4.677830072766616 51.77815710364202)</t>
  </si>
  <si>
    <t>POINT (4.703382574643204 51.79493452116847)</t>
  </si>
  <si>
    <t>POINT (4.726005029111812 51.79713082111279)</t>
  </si>
  <si>
    <t>POINT (4.667322901661657 51.7895741185704)</t>
  </si>
  <si>
    <t>POINT (4.685428686853687 51.784662359778174)</t>
  </si>
  <si>
    <t>POINT (4.6783800869977235 51.77551275177316)</t>
  </si>
  <si>
    <t>POINT (4.661528454169107 51.81292486118678)</t>
  </si>
  <si>
    <t>POINT (4.658832587412299 51.810290411674906)</t>
  </si>
  <si>
    <t>POINT (4.7174703397853115 51.81209131105167)</t>
  </si>
  <si>
    <t>POINT (4.680409106341023 51.78545612590435)</t>
  </si>
  <si>
    <t>POINT (4.685519821090781 51.77459464798637)</t>
  </si>
  <si>
    <t>POINT (4.68326907625192 51.79839202441665)</t>
  </si>
  <si>
    <t>POINT (4.664149039069429 51.79275060420062)</t>
  </si>
  <si>
    <t>POINT (4.703842212914222 51.78886708817638)</t>
  </si>
  <si>
    <t>POINT (4.689074738704408 51.809338696343794)</t>
  </si>
  <si>
    <t>POINT (4.658243051741363 51.809698782902494)</t>
  </si>
  <si>
    <t>POINT (4.660162401204982 51.808680667605536)</t>
  </si>
  <si>
    <t>POINT (4.684891459339337 51.8028020093807)</t>
  </si>
  <si>
    <t>POINT (4.67206597129288 51.80220716127608)</t>
  </si>
  <si>
    <t>POINT (4.720497608043393 51.80349500515632)</t>
  </si>
  <si>
    <t>POINT (4.661931415043021 51.795000944586775)</t>
  </si>
  <si>
    <t>POINT (4.66087942633495 51.793619704345716)</t>
  </si>
  <si>
    <t>POINT (4.634189186052773 51.7689158171571)</t>
  </si>
  <si>
    <t>POINT (4.673221250631535 51.79636103385704)</t>
  </si>
  <si>
    <t>POINT (4.674439226791936 51.78137834134906)</t>
  </si>
  <si>
    <t>POINT (4.660009408477256 51.80318221827241)</t>
  </si>
  <si>
    <t>POINT (4.732182410553289 51.79156082679662)</t>
  </si>
  <si>
    <t>POINT (4.6753615018536365 51.77578433773033)</t>
  </si>
  <si>
    <t>POINT (4.6633947482317035 51.8125389794327)</t>
  </si>
  <si>
    <t>POINT (4.670435597302218 51.77198856923985)</t>
  </si>
  <si>
    <t>POINT (4.672108488203756 51.77279089400376)</t>
  </si>
  <si>
    <t>POINT (4.726205199910466 51.805644300373906)</t>
  </si>
  <si>
    <t>POINT (4.702922271299678 51.79447914111455)</t>
  </si>
  <si>
    <t>POINT (4.708867928138194 51.796666255384544)</t>
  </si>
  <si>
    <t>POINT (4.635189863345206 51.768854166566754)</t>
  </si>
  <si>
    <t>POINT (4.727044633020754 51.798157524581654)</t>
  </si>
  <si>
    <t>POINT (4.653615001135414 51.794126941568344)</t>
  </si>
  <si>
    <t>POINT (4.663207128925369 51.81494707593059)</t>
  </si>
  <si>
    <t>POINT (4.696706882714539 51.79198303723879)</t>
  </si>
  <si>
    <t>POINT (4.714135676847503 51.806145526245714)</t>
  </si>
  <si>
    <t>POINT (4.672224081769659 51.81522644454508)</t>
  </si>
  <si>
    <t>POINT (4.663911091628539 51.791733746694334)</t>
  </si>
  <si>
    <t>POINT (4.669167927771985 51.816738484627905)</t>
  </si>
  <si>
    <t>POINT (4.677717876403194 51.81475991724078)</t>
  </si>
  <si>
    <t>POINT (4.697991611411605 51.81737886555661)</t>
  </si>
  <si>
    <t>POINT (4.655959094796586 51.80124516793484)</t>
  </si>
  <si>
    <t>POINT (4.673453351805777 51.795727368207224)</t>
  </si>
  <si>
    <t>POINT (4.655495416868988 51.79195627133153)</t>
  </si>
  <si>
    <t>POINT (4.731492300401637 51.797546492004216)</t>
  </si>
  <si>
    <t>POINT (4.658081389330789 51.793591939094235)</t>
  </si>
  <si>
    <t>POINT (4.667898862151788 51.81498636230661)</t>
  </si>
  <si>
    <t>POINT (4.728653641442395 51.79916554647412)</t>
  </si>
  <si>
    <t>POINT (4.694005336183704 51.81853926546671)</t>
  </si>
  <si>
    <t>POINT (4.655475279723083 51.80644988806381)</t>
  </si>
  <si>
    <t>POINT (4.683192945237732 51.798008793699935)</t>
  </si>
  <si>
    <t>POINT (4.683859538472908 51.81236252266124)</t>
  </si>
  <si>
    <t>POINT (4.67873649105694 51.77148090770252)</t>
  </si>
  <si>
    <t>POINT (4.676242519881517 51.81561579729044)</t>
  </si>
  <si>
    <t>POINT (4.6706580945638585 51.785125211732925)</t>
  </si>
  <si>
    <t>POINT (4.7241675426862155 51.80534766681927)</t>
  </si>
  <si>
    <t>POINT (4.6874816592355435 51.80589567230082)</t>
  </si>
  <si>
    <t>POINT (4.673980525786142 51.783725029319534)</t>
  </si>
  <si>
    <t>POINT (4.6616403500014805 51.803941450436625)</t>
  </si>
  <si>
    <t>POINT (4.666923868980936 51.799162743766765)</t>
  </si>
  <si>
    <t>POINT (4.663271101974165 51.794851727883504)</t>
  </si>
  <si>
    <t>POINT (4.684852038957126 51.80470758766688)</t>
  </si>
  <si>
    <t>POINT (4.673565632569689 51.81897684404814)</t>
  </si>
  <si>
    <t>POINT (4.657598846574506 51.77208540271005)</t>
  </si>
  <si>
    <t>POINT (4.730432954044786 51.79384733971388)</t>
  </si>
  <si>
    <t>POINT (4.67846393268431 51.808376034077945)</t>
  </si>
  <si>
    <t>POINT (4.662281715482318 51.80619652415902)</t>
  </si>
  <si>
    <t>POINT (4.668168970890292 51.815179332496896)</t>
  </si>
  <si>
    <t>POINT (4.651954700330422 51.81005835223393)</t>
  </si>
  <si>
    <t>POINT (4.666443651943247 51.815983221791406)</t>
  </si>
  <si>
    <t>POINT (4.731265526855556 51.8004113781514)</t>
  </si>
  <si>
    <t>POINT (4.699768421634485 51.800923258185975)</t>
  </si>
  <si>
    <t>POINT (4.728336316873093 51.80579224783303)</t>
  </si>
  <si>
    <t>POINT (4.655443673276256 51.79185054697986)</t>
  </si>
  <si>
    <t>POINT (4.668290671677005 51.81741873403068)</t>
  </si>
  <si>
    <t>POINT (4.677498092322719 51.81559164892449)</t>
  </si>
  <si>
    <t>POINT (4.652260246644463 51.80174934344462)</t>
  </si>
  <si>
    <t>POINT (4.675858101854782 51.774231692761006)</t>
  </si>
  <si>
    <t>POINT (4.656345147994418 51.800032391014035)</t>
  </si>
  <si>
    <t>POINT (4.652402506669949 51.80310715977873)</t>
  </si>
  <si>
    <t>POINT (4.659732195202622 51.770996322728685)</t>
  </si>
  <si>
    <t>POINT (4.678458817908116 51.789487509220386)</t>
  </si>
  <si>
    <t>POINT (4.670536818135735 51.812662084379745)</t>
  </si>
  <si>
    <t>POINT (4.654428589913288 51.80205697979973)</t>
  </si>
  <si>
    <t>POINT (4.723556374353732 51.8019169957507)</t>
  </si>
  <si>
    <t>POINT (4.665101377016868 51.80082091227855)</t>
  </si>
  <si>
    <t>POINT (4.730892489193369 51.80359404720303)</t>
  </si>
  <si>
    <t>POINT (4.66700337813164 51.81315002969917)</t>
  </si>
  <si>
    <t>POINT (4.679754807132251 51.77611175370017)</t>
  </si>
  <si>
    <t>POINT (4.675886786347664 51.77323626816945)</t>
  </si>
  <si>
    <t>POINT (4.664402904496087 51.79050480431483)</t>
  </si>
  <si>
    <t>POINT (4.686037067467285 51.78196424866519)</t>
  </si>
  <si>
    <t>POINT (4.683274863640933 51.79835932236995)</t>
  </si>
  <si>
    <t>POINT (4.636395472641043 51.767289651198766)</t>
  </si>
  <si>
    <t>POINT (4.672560472111398 51.783536306637984)</t>
  </si>
  <si>
    <t>POINT (4.718021159117435 51.81565637956278)</t>
  </si>
  <si>
    <t>POINT (4.70757761285774 51.810793230428466)</t>
  </si>
  <si>
    <t>POINT (4.658882970247612 51.792915421505015)</t>
  </si>
  <si>
    <t>POINT (4.635898563606162 51.77603405662378)</t>
  </si>
  <si>
    <t>POINT (4.665868587823209 51.77913818468258)</t>
  </si>
  <si>
    <t>POINT (4.6843114760301425 51.775997434220024)</t>
  </si>
  <si>
    <t>POINT (4.695557599194152 51.79972238084583)</t>
  </si>
  <si>
    <t>POINT (4.710746740658592 51.79223434949226)</t>
  </si>
  <si>
    <t>POINT (4.657427545007439 51.792490541346666)</t>
  </si>
  <si>
    <t>POINT (4.664673122120251 51.8156026483704)</t>
  </si>
  <si>
    <t>POINT (4.676639205847295 51.816151047900945)</t>
  </si>
  <si>
    <t>POINT (4.702606761218483 51.81678104072297)</t>
  </si>
  <si>
    <t>POINT (4.659774944608464 51.790089809879035)</t>
  </si>
  <si>
    <t>POINT (4.670005561762652 51.77265377491218)</t>
  </si>
  <si>
    <t>POINT (4.660914662278206 51.78936936159213)</t>
  </si>
  <si>
    <t>POINT (4.697585041586766 51.81796358872931)</t>
  </si>
  <si>
    <t>POINT (4.660687195145277 51.803323917009074)</t>
  </si>
  <si>
    <t>POINT (4.672652160188179 51.81728324133365)</t>
  </si>
  <si>
    <t>POINT (4.6717550157709224 51.78565167888647)</t>
  </si>
  <si>
    <t>POINT (4.665687739646313 51.81618182881969)</t>
  </si>
  <si>
    <t>POINT (4.671751395133455 51.774007253226024)</t>
  </si>
  <si>
    <t>POINT (4.659901419645685 51.78380976845613)</t>
  </si>
  <si>
    <t>POINT (4.6697137225297 51.81954536178201)</t>
  </si>
  <si>
    <t>POINT (4.675502455101354 51.78326994395638)</t>
  </si>
  <si>
    <t>POINT (4.660679296290945 51.79321655325579)</t>
  </si>
  <si>
    <t>POINT (4.630338090172759 51.72174597377771)</t>
  </si>
  <si>
    <t>POINT (4.65356493431224 51.787304546462956)</t>
  </si>
  <si>
    <t>POINT (4.667660609970643 51.78871884807279)</t>
  </si>
  <si>
    <t>POINT (4.668783681884296 51.809242022245606)</t>
  </si>
  <si>
    <t>POINT (4.654639404368853 51.81207624994997)</t>
  </si>
  <si>
    <t>POINT (4.664524707506449 51.79573998954637)</t>
  </si>
  <si>
    <t>POINT (4.650988079757348 51.80276289801845)</t>
  </si>
  <si>
    <t>POINT (4.7068776646416355 51.806849081277484)</t>
  </si>
  <si>
    <t>POINT (4.651953252335775 51.78315296631048)</t>
  </si>
  <si>
    <t>POINT (4.649598691800784 51.79337682813419)</t>
  </si>
  <si>
    <t>POINT (4.6760817830938635 51.79466209798137)</t>
  </si>
  <si>
    <t>POINT (4.663915742032573 51.79171130361024)</t>
  </si>
  <si>
    <t>POINT (4.666477031498811 51.81687624483897)</t>
  </si>
  <si>
    <t>POINT (4.653026598568399 51.76657162855493)</t>
  </si>
  <si>
    <t>POINT (4.670567794131029 51.77304257599911)</t>
  </si>
  <si>
    <t>POINT (4.73468819075499 51.80123584394937)</t>
  </si>
  <si>
    <t>POINT (4.6825716493253475 51.78671971484178)</t>
  </si>
  <si>
    <t>POINT (4.71426407671058 51.80572643895949)</t>
  </si>
  <si>
    <t>POINT (4.755336390589189 51.81740541621832)</t>
  </si>
  <si>
    <t>POINT (4.705470016049216 51.82101850321159)</t>
  </si>
  <si>
    <t>POINT (4.66385713154871 51.79228846634732)</t>
  </si>
  <si>
    <t>POINT (4.659754770917818 51.808786904438016)</t>
  </si>
  <si>
    <t>POINT (4.666550367728345 51.77173297646084)</t>
  </si>
  <si>
    <t>POINT (4.6380891023131605 51.76769572668842)</t>
  </si>
  <si>
    <t>POINT (4.656203713652237 51.79040690763228)</t>
  </si>
  <si>
    <t>POINT (4.706402087153805 51.79360187651799)</t>
  </si>
  <si>
    <t>POINT (4.708933737621911 51.80990562756224)</t>
  </si>
  <si>
    <t>POINT (4.653289433932694 51.78312488493506)</t>
  </si>
  <si>
    <t>POINT (4.709605848607193 51.789748161267354)</t>
  </si>
  <si>
    <t>POINT (4.66133310634699 51.79228070559426)</t>
  </si>
  <si>
    <t>POINT (4.730104049639905 51.8017772287166)</t>
  </si>
  <si>
    <t>POINT (4.670601134927705 51.799909920097626)</t>
  </si>
  <si>
    <t>POINT (4.665227978071091 51.79698058881079)</t>
  </si>
  <si>
    <t>POINT (4.674425164845487 51.81794308547166)</t>
  </si>
  <si>
    <t>POINT (4.6683522734703 51.7757325264507)</t>
  </si>
  <si>
    <t>POINT (4.655541797508844 51.79192793156752)</t>
  </si>
  <si>
    <t>POINT (4.685438876821765 51.78780168473058)</t>
  </si>
  <si>
    <t>POINT (4.664023793428357 51.81734248803715)</t>
  </si>
  <si>
    <t>POINT (4.675938338228556 51.77287403913646)</t>
  </si>
  <si>
    <t>POINT (4.713300040264383 51.803528817771614)</t>
  </si>
  <si>
    <t>POINT (4.655371387680929 51.793838497260005)</t>
  </si>
  <si>
    <t>POINT (4.714966750628684 51.80980033566781)</t>
  </si>
  <si>
    <t>POINT (4.633107600121269 51.7786718782427)</t>
  </si>
  <si>
    <t>POINT (4.706444543641336 51.81599969918455)</t>
  </si>
  <si>
    <t>POINT (4.6782847039079725 51.80757746735435)</t>
  </si>
  <si>
    <t>POINT (4.674713383534555 51.812859163824704)</t>
  </si>
  <si>
    <t>POINT (4.685563009401963 51.784762856877705)</t>
  </si>
  <si>
    <t>POINT (4.71402388837935 51.805681906776705)</t>
  </si>
  <si>
    <t>POINT (4.680506292134612 51.78838980295685)</t>
  </si>
  <si>
    <t>POINT (4.69084922427003 51.81809740507198)</t>
  </si>
  <si>
    <t>POINT (4.631395157087438 51.72160116422153)</t>
  </si>
  <si>
    <t>POINT (4.676753950166031 51.80414676853409)</t>
  </si>
  <si>
    <t>POINT (4.652068623724443 51.78472410878163)</t>
  </si>
  <si>
    <t>POINT (4.668268005462062 51.771611330380544)</t>
  </si>
  <si>
    <t>POINT (4.653514707267394 51.80804558837587)</t>
  </si>
  <si>
    <t>POINT (4.680487194769785 51.781776084650225)</t>
  </si>
  <si>
    <t>POINT (4.668326611808672 51.77558786658391)</t>
  </si>
  <si>
    <t>POINT (4.668216061996904 51.7901091743793)</t>
  </si>
  <si>
    <t>POINT (4.723666557242174 51.80591818428037)</t>
  </si>
  <si>
    <t>POINT (4.6828589070074615 51.7779859196167)</t>
  </si>
  <si>
    <t>POINT (4.682972181474599 51.81426622238806)</t>
  </si>
  <si>
    <t>POINT (4.661598825050838 51.81391017717818)</t>
  </si>
  <si>
    <t>POINT (4.718505329991411 51.803577141214134)</t>
  </si>
  <si>
    <t>POINT (4.677699069408427 51.78203429822013)</t>
  </si>
  <si>
    <t>POINT (4.629042298217356 51.72384631614365)</t>
  </si>
  <si>
    <t>POINT (4.680059096211391 51.81609329607739)</t>
  </si>
  <si>
    <t>POINT (4.655946469147676 51.80185842413195)</t>
  </si>
  <si>
    <t>POINT (4.721671470541615 51.81266005751797)</t>
  </si>
  <si>
    <t>POINT (4.6637285327853695 51.817324416734415)</t>
  </si>
  <si>
    <t>POINT (4.71367354297753 51.814429908135075)</t>
  </si>
  <si>
    <t>POINT (4.678809917928602 51.78564262166507)</t>
  </si>
  <si>
    <t>POINT (4.6632178260444626 51.78964036072208)</t>
  </si>
  <si>
    <t>POINT (4.68364903984385 51.77710588608578)</t>
  </si>
  <si>
    <t>POINT (4.660682296861426 51.78937418786657)</t>
  </si>
  <si>
    <t>POINT (4.693218390188267 51.81151960898213)</t>
  </si>
  <si>
    <t>POINT (4.650515806923893 51.80234161752184)</t>
  </si>
  <si>
    <t>POINT (4.709174671982212 51.80038446100072)</t>
  </si>
  <si>
    <t>POINT (4.672396766118473 51.80562943357792)</t>
  </si>
  <si>
    <t>POINT (4.665670311927096 51.77431858183178)</t>
  </si>
  <si>
    <t>POINT (4.660230667179248 51.80868355344685)</t>
  </si>
  <si>
    <t>POINT (4.661335320207631 51.80908833892048)</t>
  </si>
  <si>
    <t>POINT (4.669374958943714 51.81635882019455)</t>
  </si>
  <si>
    <t>POINT (4.6560090089552455 51.78965457056656)</t>
  </si>
  <si>
    <t>POINT (4.717221130186569 51.81529114618478)</t>
  </si>
  <si>
    <t>POINT (4.719327486901071 51.80554820634467)</t>
  </si>
  <si>
    <t>POINT (4.670673453477336 51.77161204715493)</t>
  </si>
  <si>
    <t>POINT (4.672817320668458 51.80788143866854)</t>
  </si>
  <si>
    <t>POINT (4.652944811945169 51.77898024838566)</t>
  </si>
  <si>
    <t>BU05050709</t>
  </si>
  <si>
    <t>Amstelwijck Midden</t>
  </si>
  <si>
    <t>POINT (4.664960817728403 51.80995638253518)</t>
  </si>
  <si>
    <t>POINT (4.705346661752286 51.79364542752998)</t>
  </si>
  <si>
    <t>POINT (4.655432732030719 51.79189059534215)</t>
  </si>
  <si>
    <t>POINT (4.726494047878773 51.80014462793678)</t>
  </si>
  <si>
    <t>POINT (4.654308285506929 51.79205339967587)</t>
  </si>
  <si>
    <t>POINT (4.668988980660072 51.778980471535725)</t>
  </si>
  <si>
    <t>POINT (4.683620632441568 51.798010262614966)</t>
  </si>
  <si>
    <t>POINT (4.710516888742422 51.7954146146814)</t>
  </si>
  <si>
    <t>POINT (4.676594951166701 51.78383239272765)</t>
  </si>
  <si>
    <t>POINT (4.679112848354741 51.80512824489542)</t>
  </si>
  <si>
    <t>POINT (4.738485187144536 51.7830394833045)</t>
  </si>
  <si>
    <t>POINT (4.684011067746297 51.798142471759306)</t>
  </si>
  <si>
    <t>POINT (4.676522148961278 51.808047915655926)</t>
  </si>
  <si>
    <t>POINT (4.721499538456149 51.81090676607754)</t>
  </si>
  <si>
    <t>POINT (4.7201052550812195 51.81385988446575)</t>
  </si>
  <si>
    <t>POINT (4.651251171712126 51.790700866394566)</t>
  </si>
  <si>
    <t>POINT (4.69232376274657 51.81778701164725)</t>
  </si>
  <si>
    <t>POINT (4.7038944573151005 51.79879431456016)</t>
  </si>
  <si>
    <t>POINT (4.7091466593646 51.80600669262817)</t>
  </si>
  <si>
    <t>POINT (4.685876205720787 51.787479691629734)</t>
  </si>
  <si>
    <t>POINT (4.661180782607422 51.812715971065956)</t>
  </si>
  <si>
    <t>POINT (4.716610228717718 51.80304609900107)</t>
  </si>
  <si>
    <t>POINT (4.667954192133874 51.79149351876695)</t>
  </si>
  <si>
    <t>POINT (4.669712647029814 51.77834722344848)</t>
  </si>
  <si>
    <t>POINT (4.667341258544827 51.787144602810095)</t>
  </si>
  <si>
    <t>POINT (4.677694831962617 51.78198581450353)</t>
  </si>
  <si>
    <t>POINT (4.6622405536594025 51.79432406455317)</t>
  </si>
  <si>
    <t>POINT (4.708031334580754 51.79040721094269)</t>
  </si>
  <si>
    <t>POINT (4.665671570466214 51.81199895622343)</t>
  </si>
  <si>
    <t>POINT (4.659226529942355 51.8099075471334)</t>
  </si>
  <si>
    <t>POINT (4.66159575136236 51.80505518806983)</t>
  </si>
  <si>
    <t>POINT (4.680341440405354 51.77723309893185)</t>
  </si>
  <si>
    <t>POINT (4.672056546809925 51.81961281981046)</t>
  </si>
  <si>
    <t>POINT (4.668644924270933 51.80016609759173)</t>
  </si>
  <si>
    <t>POINT (4.6988434826918395 51.79128733979767)</t>
  </si>
  <si>
    <t>POINT (4.679814808986863 51.78627649226925)</t>
  </si>
  <si>
    <t>POINT (4.6568087451503555 51.79842639038781)</t>
  </si>
  <si>
    <t>POINT (4.676720501548115 51.8087371099055)</t>
  </si>
  <si>
    <t>POINT (4.663125876129008 51.791425597056815)</t>
  </si>
  <si>
    <t>POINT (4.662504292285345 51.79623164894063)</t>
  </si>
  <si>
    <t>POINT (4.707530890340714 51.8020802065199)</t>
  </si>
  <si>
    <t>POINT (4.6434453742761 51.76994513186861)</t>
  </si>
  <si>
    <t>POINT (4.672985640079362 51.809508263251914)</t>
  </si>
  <si>
    <t>POINT (4.703447042001667 51.79683839958009)</t>
  </si>
  <si>
    <t>POINT (4.67786954687927 51.81585568054433)</t>
  </si>
  <si>
    <t>POINT (4.666656603618594 51.78115471098391)</t>
  </si>
  <si>
    <t>POINT (4.653015287562813 51.79106671375678)</t>
  </si>
  <si>
    <t>POINT (4.7241740246621475 51.80533578450997)</t>
  </si>
  <si>
    <t>POINT (4.678507162451433 51.78561445606266)</t>
  </si>
  <si>
    <t>POINT (4.662990267484127 51.799839305895425)</t>
  </si>
  <si>
    <t>POINT (4.6652701877999245 51.78703907573113)</t>
  </si>
  <si>
    <t>POINT (4.6791653601443715 51.81662355094608)</t>
  </si>
  <si>
    <t>POINT (4.692267532883536 51.78763939909154)</t>
  </si>
  <si>
    <t>POINT (4.661513414619891 51.80054791905461)</t>
  </si>
  <si>
    <t>POINT (4.73466393358703 51.799112575195295)</t>
  </si>
  <si>
    <t>POINT (4.707328198606374 51.78646061765428)</t>
  </si>
  <si>
    <t>POINT (4.702725025532163 51.78889879483237)</t>
  </si>
  <si>
    <t>POINT (4.65662405731321 51.811884525277236)</t>
  </si>
  <si>
    <t>POINT (4.670307594221148 51.806086733371124)</t>
  </si>
  <si>
    <t>POINT (4.671322620099466 51.78271512794095)</t>
  </si>
  <si>
    <t>POINT (4.678241651712411 51.80704077217453)</t>
  </si>
  <si>
    <t>POINT (4.663467883850073 51.79336840420373)</t>
  </si>
  <si>
    <t>POINT (4.672106726927824 51.81689220195696)</t>
  </si>
  <si>
    <t>POINT (4.733213304016384 51.803235846548965)</t>
  </si>
  <si>
    <t>POINT (4.680387703921541 51.80830185859579)</t>
  </si>
  <si>
    <t>POINT (4.660477502372437 51.78867159338842)</t>
  </si>
  <si>
    <t>POINT (4.671155950798912 51.77733355083071)</t>
  </si>
  <si>
    <t>POINT (4.665578867453363 51.80102597868787)</t>
  </si>
  <si>
    <t>POINT (4.667420050210481 51.778104342013116)</t>
  </si>
  <si>
    <t>POINT (4.713026806927551 51.79552135087684)</t>
  </si>
  <si>
    <t>POINT (4.671888465420856 51.78724811300258)</t>
  </si>
  <si>
    <t>POINT (4.658994468783155 51.8062649509623)</t>
  </si>
  <si>
    <t>POINT (4.644691080354369 51.779197976927485)</t>
  </si>
  <si>
    <t>POINT (4.687808419926032 51.81053947490006)</t>
  </si>
  <si>
    <t>POINT (4.683373519941276 51.80466909275518)</t>
  </si>
  <si>
    <t>POINT (4.71725515710203 51.815579776700176)</t>
  </si>
  <si>
    <t>POINT (4.682769042330388 51.80710660883832)</t>
  </si>
  <si>
    <t>POINT (4.663454340262341 51.80448309401613)</t>
  </si>
  <si>
    <t>POINT (4.6599635426940536 51.81264438967049)</t>
  </si>
  <si>
    <t>POINT (4.691313904947455 51.819075501821)</t>
  </si>
  <si>
    <t>POINT (4.696204053591214 51.79717768659256)</t>
  </si>
  <si>
    <t>POINT (4.682191904634288 51.78703596545491)</t>
  </si>
  <si>
    <t>POINT (4.672537691207738 51.792756846868116)</t>
  </si>
  <si>
    <t>POINT (4.651227443209243 51.790702668082716)</t>
  </si>
  <si>
    <t>POINT (4.6742620277477025 51.77916448789597)</t>
  </si>
  <si>
    <t>POINT (4.665055121778888 51.79570268062675)</t>
  </si>
  <si>
    <t>POINT (4.7107992691429414 51.795932326922255)</t>
  </si>
  <si>
    <t>POINT (4.673298207739109 51.81074368113969)</t>
  </si>
  <si>
    <t>POINT (4.657250093348466 51.80602031655309)</t>
  </si>
  <si>
    <t>POINT (4.678548362398091 51.78950979382526)</t>
  </si>
  <si>
    <t>POINT (4.676386042157943 51.78364549233294)</t>
  </si>
  <si>
    <t>POINT (4.677423693990962 51.80404182505487)</t>
  </si>
  <si>
    <t>POINT (4.676074845389285 51.79467459515022)</t>
  </si>
  <si>
    <t>POINT (4.6741631309868845 51.803910695601175)</t>
  </si>
  <si>
    <t>POINT (4.644839355304439 51.7741069594007)</t>
  </si>
  <si>
    <t>POINT (4.679413998687042 51.77900381741666)</t>
  </si>
  <si>
    <t>POINT (4.712172357144686 51.80540905326043)</t>
  </si>
  <si>
    <t>POINT (4.6629864470209235 51.7908658367755)</t>
  </si>
  <si>
    <t>POINT (4.625464592758951 51.793753525614015)</t>
  </si>
  <si>
    <t>POINT (4.668419387958838 51.79181801255483)</t>
  </si>
  <si>
    <t>POINT (4.721762488854722 51.80441488302481)</t>
  </si>
  <si>
    <t>POINT (4.686718143840962 51.80856087681656)</t>
  </si>
  <si>
    <t>POINT (4.678093350816461 51.7876341870581)</t>
  </si>
  <si>
    <t>POINT (4.717012750173507 51.814149109898736)</t>
  </si>
  <si>
    <t>POINT (4.730365222491087 51.792825400838886)</t>
  </si>
  <si>
    <t>POINT (4.717479796515962 51.81218589851618)</t>
  </si>
  <si>
    <t>POINT (4.661817406952922 51.787153325184455)</t>
  </si>
  <si>
    <t>POINT (4.726932142746467 51.79970688429101)</t>
  </si>
  <si>
    <t>POINT (4.671124890198836 51.81287174858534)</t>
  </si>
  <si>
    <t>POINT (4.732826230601435 51.80306792014653)</t>
  </si>
  <si>
    <t>POINT (4.7338327808535015 51.80058666149647)</t>
  </si>
  <si>
    <t>POINT (4.696302063765907 51.79208691798211)</t>
  </si>
  <si>
    <t>POINT (4.654371764925108 51.79335588271271)</t>
  </si>
  <si>
    <t>616A</t>
  </si>
  <si>
    <t>POINT (4.6301784429299 51.72883905403834)</t>
  </si>
  <si>
    <t>POINT (4.663714395815626 51.786218214786835)</t>
  </si>
  <si>
    <t>POINT (4.720027827633416 51.80399202266729)</t>
  </si>
  <si>
    <t>POINT (4.657213941058283 51.7992104617255)</t>
  </si>
  <si>
    <t>POINT (4.642147293591816 51.76262556227749)</t>
  </si>
  <si>
    <t>POINT (4.677969375167525 51.816485005033186)</t>
  </si>
  <si>
    <t>POINT (4.708048158592317 51.81871464238094)</t>
  </si>
  <si>
    <t>POINT (4.633808890688155 51.77027538610908)</t>
  </si>
  <si>
    <t>POINT (4.6648372060942735 51.81793965338356)</t>
  </si>
  <si>
    <t>POINT (4.658084107509692 51.80247709794392)</t>
  </si>
  <si>
    <t>POINT (4.671086325502691 51.8062105525472)</t>
  </si>
  <si>
    <t>POINT (4.703131907672037 51.79628038895997)</t>
  </si>
  <si>
    <t>POINT (4.659235403469222 51.790708220915235)</t>
  </si>
  <si>
    <t>POINT (4.683457896881198 51.798061672632954)</t>
  </si>
  <si>
    <t>POINT (4.657692156567929 51.81042764990377)</t>
  </si>
  <si>
    <t>POINT (4.636826155359402 51.76764599831957)</t>
  </si>
  <si>
    <t>POINT (4.732297784997676 51.79953113425174)</t>
  </si>
  <si>
    <t>POINT (4.664325922235268 51.81721536188632)</t>
  </si>
  <si>
    <t>POINT (4.685109457957287 51.81011101218344)</t>
  </si>
  <si>
    <t>POINT (4.67271063122515 51.803425414831175)</t>
  </si>
  <si>
    <t>POINT (4.706056228466548 51.794907836590646)</t>
  </si>
  <si>
    <t>POINT (4.69808936766501 51.79148936438065)</t>
  </si>
  <si>
    <t>POINT (4.685849278754589 51.7797311431077)</t>
  </si>
  <si>
    <t>POINT (4.666919796008152 51.77247426253509)</t>
  </si>
  <si>
    <t>POINT (4.667505835816444 51.8117443437443)</t>
  </si>
  <si>
    <t>POINT (4.680189796831531 51.77848833815782)</t>
  </si>
  <si>
    <t>POINT (4.673776106199387 51.81669451694622)</t>
  </si>
  <si>
    <t>POINT (4.676396717073187 51.78507373550181)</t>
  </si>
  <si>
    <t>POINT (4.685420788933365 51.78471636152955)</t>
  </si>
  <si>
    <t>POINT (4.65238382204015 51.784382022517555)</t>
  </si>
  <si>
    <t>POINT (4.691534583663027 51.791795834466406)</t>
  </si>
  <si>
    <t>POINT (4.668425194974206 51.79184474456842)</t>
  </si>
  <si>
    <t>POINT (4.681117018506587 51.778454571130055)</t>
  </si>
  <si>
    <t>POINT (4.730154624445087 51.79702682666181)</t>
  </si>
  <si>
    <t>POINT (4.6923966625751135 51.786221704795686)</t>
  </si>
  <si>
    <t>POINT (4.659742196678608 51.80452311312469)</t>
  </si>
  <si>
    <t>POINT (4.715085131700495 51.809517547954016)</t>
  </si>
  <si>
    <t>POINT (4.68609174857048 51.78908358210297)</t>
  </si>
  <si>
    <t>POINT (4.661866705197768 51.7940191131925)</t>
  </si>
  <si>
    <t>POINT (4.652143046980019 51.80387943475704)</t>
  </si>
  <si>
    <t>POINT (4.661839195331275 51.81348238171488)</t>
  </si>
  <si>
    <t>POINT (4.668159361702167 51.78084432129975)</t>
  </si>
  <si>
    <t>POINT (4.681753807035026 51.81912065591723)</t>
  </si>
  <si>
    <t>POINT (4.6812071541625935 51.78132042358679)</t>
  </si>
  <si>
    <t>POINT (4.6736555991385025 51.81254833550029)</t>
  </si>
  <si>
    <t>POINT (4.662540509921849 51.80085395024627)</t>
  </si>
  <si>
    <t>POINT (4.691809697485295 51.810718649962524)</t>
  </si>
  <si>
    <t>POINT (4.729620259339521 51.797457310239395)</t>
  </si>
  <si>
    <t>POINT (4.665125894785331 51.77308318341544)</t>
  </si>
  <si>
    <t>POINT (4.69471572902065 51.81858845634081)</t>
  </si>
  <si>
    <t>POINT (4.7144606786809335 51.80318469587088)</t>
  </si>
  <si>
    <t>POINT (4.685125547361852 51.81015335517198)</t>
  </si>
  <si>
    <t>POINT (4.639739150758104 51.76944073313129)</t>
  </si>
  <si>
    <t>POINT (4.729369602235495 51.79814253855667)</t>
  </si>
  <si>
    <t>POINT (4.680832347701939 51.80323293768687)</t>
  </si>
  <si>
    <t>POINT (4.7097374214040455 51.797123121199625)</t>
  </si>
  <si>
    <t>POINT (4.697311617647218 51.792181505425006)</t>
  </si>
  <si>
    <t>POINT (4.679220669383026 51.805496550295786)</t>
  </si>
  <si>
    <t>POINT (4.678736647119139 51.80456052342789)</t>
  </si>
  <si>
    <t>POINT (4.712175182928792 51.816009618606735)</t>
  </si>
  <si>
    <t>POINT (4.671221964323977 51.81546711001161)</t>
  </si>
  <si>
    <t>POINT (4.667476432300078 51.79571652583908)</t>
  </si>
  <si>
    <t>POINT (4.686021629676243 51.78811616905519)</t>
  </si>
  <si>
    <t>POINT (4.678970433269649 51.79924359402204)</t>
  </si>
  <si>
    <t>POINT (4.665791557360008 51.80984193413236)</t>
  </si>
  <si>
    <t>POINT (4.663217022253476 51.791787721181095)</t>
  </si>
  <si>
    <t>POINT (4.668319037404053 51.796187791657694)</t>
  </si>
  <si>
    <t>POINT (4.668502592691943 51.813956597276636)</t>
  </si>
  <si>
    <t>POINT (4.689345734249008 51.806673776110586)</t>
  </si>
  <si>
    <t>POINT (4.681254254098564 51.7987367243379)</t>
  </si>
  <si>
    <t>POINT (4.709781962372953 51.79288312132819)</t>
  </si>
  <si>
    <t>POINT (4.680457152676196 51.78076658059936)</t>
  </si>
  <si>
    <t>POINT (4.713441757827968 51.804014677087764)</t>
  </si>
  <si>
    <t>POINT (4.668409057574331 51.78133170945113)</t>
  </si>
  <si>
    <t>POINT (4.66021311269427 51.79918369975999)</t>
  </si>
  <si>
    <t>POINT (4.653084232839118 51.80398597359918)</t>
  </si>
  <si>
    <t>POINT (4.661105913980072 51.78827166701159)</t>
  </si>
  <si>
    <t>POINT (4.680287846577071 51.78620422537679)</t>
  </si>
  <si>
    <t>POINT (4.681768058738054 51.787063367696554)</t>
  </si>
  <si>
    <t>POINT (4.675739995372122 51.774008460838154)</t>
  </si>
  <si>
    <t>POINT (4.652706392045522 51.78736530390859)</t>
  </si>
  <si>
    <t>POINT (4.700158937249872 51.79819304555921)</t>
  </si>
  <si>
    <t>POINT (4.663558830850473 51.78717564921566)</t>
  </si>
  <si>
    <t>POINT (4.659166817625404 51.8037132227397)</t>
  </si>
  <si>
    <t>POINT (4.666635451036792 51.80905383198466)</t>
  </si>
  <si>
    <t>POINT (4.67286646032316 51.78279248559473)</t>
  </si>
  <si>
    <t>POINT (4.668364235685443 51.791823346493125)</t>
  </si>
  <si>
    <t>POINT (4.7306143685853845 51.79912271119011)</t>
  </si>
  <si>
    <t>POINT (4.653018331589528 51.80191550859166)</t>
  </si>
  <si>
    <t>POINT (4.71983050093231 51.80034785636572)</t>
  </si>
  <si>
    <t>POINT (4.686880080573327 51.780570194714834)</t>
  </si>
  <si>
    <t>POINT (4.651655214065554 51.80254667014442)</t>
  </si>
  <si>
    <t>POINT (4.66619797267761 51.79845101888721)</t>
  </si>
  <si>
    <t>POINT (4.683662275019647 51.78164265141778)</t>
  </si>
  <si>
    <t>POINT (4.666046021043892 51.81050105620774)</t>
  </si>
  <si>
    <t>POINT (4.63135414098701 51.76857462171602)</t>
  </si>
  <si>
    <t>POINT (4.680494860229928 51.80794395488366)</t>
  </si>
  <si>
    <t>POINT (4.665079768319885 51.80289848820445)</t>
  </si>
  <si>
    <t>POINT (4.65729956965319 51.79076834466889)</t>
  </si>
  <si>
    <t>POINT (4.660559161889044 51.7734314884248)</t>
  </si>
  <si>
    <t>POINT (4.726343535358363 51.797156197635545)</t>
  </si>
  <si>
    <t>POINT (4.669969879368947 51.81760014355462)</t>
  </si>
  <si>
    <t>POINT (4.661429717376273 51.813118990384)</t>
  </si>
  <si>
    <t>POINT (4.681542075767828 51.80321475445077)</t>
  </si>
  <si>
    <t>POINT (4.666328188177313 51.81575229466536)</t>
  </si>
  <si>
    <t>POINT (4.665784508247741 51.81490642724561)</t>
  </si>
  <si>
    <t>POINT (4.685262281506225 51.787116130522016)</t>
  </si>
  <si>
    <t>POINT (4.659279286625447 51.80136158801644)</t>
  </si>
  <si>
    <t>POINT (4.6535125099547 51.78799442608773)</t>
  </si>
  <si>
    <t>POINT (4.683267517987135 51.81001257162898)</t>
  </si>
  <si>
    <t>POINT (4.6579195285877395 51.802790301959675)</t>
  </si>
  <si>
    <t>POINT (4.671399968001736 51.80216686676136)</t>
  </si>
  <si>
    <t>POINT (4.664585247379145 51.791117536962034)</t>
  </si>
  <si>
    <t>POINT (4.6859849009369485 51.77917168853747)</t>
  </si>
  <si>
    <t>POINT (4.659529176058564 51.80345004338209)</t>
  </si>
  <si>
    <t>POINT (4.6775742045530055 51.78109163485309)</t>
  </si>
  <si>
    <t>POINT (4.661874721991174 51.788926270755525)</t>
  </si>
  <si>
    <t>POINT (4.6712416340854075 51.81078578490296)</t>
  </si>
  <si>
    <t>POINT (4.670007913807802 51.79907023048686)</t>
  </si>
  <si>
    <t>POINT (4.701657186840076 51.79012969747736)</t>
  </si>
  <si>
    <t>POINT (4.711264639742142 51.800882113770925)</t>
  </si>
  <si>
    <t>POINT (4.704816768969483 51.794322986393816)</t>
  </si>
  <si>
    <t>POINT (4.716771365490266 51.80451700505686)</t>
  </si>
  <si>
    <t>POINT (4.653679097659446 51.79310116434335)</t>
  </si>
  <si>
    <t>POINT (4.719483606305883 51.8010571184804)</t>
  </si>
  <si>
    <t>POINT (4.661882009956538 51.79224145816924)</t>
  </si>
  <si>
    <t>POINT (4.647643964797805 51.78014489014979)</t>
  </si>
  <si>
    <t>POINT (4.696573104169119 51.796444640306056)</t>
  </si>
  <si>
    <t>POINT (4.645137384914202 51.7801802854517)</t>
  </si>
  <si>
    <t>POINT (4.661916754892996 51.81357150746112)</t>
  </si>
  <si>
    <t>POINT (4.673912387233195 51.81185971935171)</t>
  </si>
  <si>
    <t>POINT (4.662716303122908 51.8139876603726)</t>
  </si>
  <si>
    <t>POINT (4.66777042302855 51.81428591451193)</t>
  </si>
  <si>
    <t>POINT (4.662558927485576 51.79203666303116)</t>
  </si>
  <si>
    <t>POINT (4.7142381729942855 51.809739639165855)</t>
  </si>
  <si>
    <t>POINT (4.67674536026869 51.78645908234132)</t>
  </si>
  <si>
    <t>POINT (4.680728616492018 51.80070939812643)</t>
  </si>
  <si>
    <t>POINT (4.67633934293979 51.799715300498214)</t>
  </si>
  <si>
    <t>POINT (4.669438029635145 51.77507356182823)</t>
  </si>
  <si>
    <t>POINT (4.676829109717299 51.78640529781096)</t>
  </si>
  <si>
    <t>POINT (4.681474611466992 51.814328820896655)</t>
  </si>
  <si>
    <t>POINT (4.65632097946444 51.8038283205381)</t>
  </si>
  <si>
    <t>POINT (4.655104441240635 51.7949052654161)</t>
  </si>
  <si>
    <t>POINT (4.647461307850062 51.79256551390437)</t>
  </si>
  <si>
    <t>POINT (4.670203520205936 51.819578592930974)</t>
  </si>
  <si>
    <t>POINT (4.674776673427472 51.818386374479964)</t>
  </si>
  <si>
    <t>POINT (4.726064555225349 51.79575983961943)</t>
  </si>
  <si>
    <t>POINT (4.676587890332426 51.78375159547417)</t>
  </si>
  <si>
    <t>POINT (4.6589173276633975 51.771818228127984)</t>
  </si>
  <si>
    <t>POINT (4.687499821669135 51.808230335068515)</t>
  </si>
  <si>
    <t>POINT (4.673344260186058 51.78804684507767)</t>
  </si>
  <si>
    <t>POINT (4.674968720822301 51.81403777117106)</t>
  </si>
  <si>
    <t>POINT (4.694191448610307 51.793489385587)</t>
  </si>
  <si>
    <t>POINT (4.708838778515415 51.79555750633498)</t>
  </si>
  <si>
    <t>POINT (4.730729338569812 51.79528942888915)</t>
  </si>
  <si>
    <t>POINT (4.67294072884715 51.773617578855)</t>
  </si>
  <si>
    <t>POINT (4.664208352797057 51.809641135949946)</t>
  </si>
  <si>
    <t>POINT (4.658808214942586 51.782514875174144)</t>
  </si>
  <si>
    <t>POINT (4.734602078963027 51.80047384783376)</t>
  </si>
  <si>
    <t>POINT (4.679526092414266 51.779823166763194)</t>
  </si>
  <si>
    <t>POINT (4.690459623718284 51.81046668966459)</t>
  </si>
  <si>
    <t>POINT (4.710751121639285 51.79673594105305)</t>
  </si>
  <si>
    <t>POINT (4.660115441389828 51.78979105074524)</t>
  </si>
  <si>
    <t>POINT (4.686750168974986 51.78256875612219)</t>
  </si>
  <si>
    <t>POINT (4.67616680984963 51.8158312913321)</t>
  </si>
  <si>
    <t>POINT (4.680299862603996 51.81243147908112)</t>
  </si>
  <si>
    <t>POINT (4.673047808498399 51.80977174016053)</t>
  </si>
  <si>
    <t>POINT (4.626314810423858 51.79433331520803)</t>
  </si>
  <si>
    <t>POINT (4.681504044162639 51.80347796582135)</t>
  </si>
  <si>
    <t>POINT (4.7143567881094155 51.80317542613215)</t>
  </si>
  <si>
    <t>POINT (4.676764399845798 51.7997660543697)</t>
  </si>
  <si>
    <t>POINT (4.685372848667696 51.80389091911554)</t>
  </si>
  <si>
    <t>POINT (4.680562050117463 51.78811778148001)</t>
  </si>
  <si>
    <t>POINT (4.669215500323385 51.77444199195754)</t>
  </si>
  <si>
    <t>POINT (4.667981316882247 51.81166784388158)</t>
  </si>
  <si>
    <t>POINT (4.695494646842601 51.795723849408496)</t>
  </si>
  <si>
    <t>POINT (4.7157844980801435 51.81339975377327)</t>
  </si>
  <si>
    <t>POINT (4.682897794689531 51.80129737287299)</t>
  </si>
  <si>
    <t>POINT (4.650891580294165 51.78979517218028)</t>
  </si>
  <si>
    <t>POINT (4.704243812112308 51.816737707397685)</t>
  </si>
  <si>
    <t>POINT (4.67243625715329 51.805642617841805)</t>
  </si>
  <si>
    <t>POINT (4.672428995689096 51.795072831487)</t>
  </si>
  <si>
    <t>POINT (4.672559721283977 51.80600678219661)</t>
  </si>
  <si>
    <t>POINT (4.676867862496222 51.80714434599384)</t>
  </si>
  <si>
    <t>POINT (4.676371344394957 51.78387747352161)</t>
  </si>
  <si>
    <t>POINT (4.672001879060338 51.79239024057808)</t>
  </si>
  <si>
    <t>POINT (4.657078177185007 51.80155377082538)</t>
  </si>
  <si>
    <t>POINT (4.726553527329641 51.814627514382536)</t>
  </si>
  <si>
    <t>POINT (4.698229600512366 51.792642994384785)</t>
  </si>
  <si>
    <t>POINT (4.662686665737539 51.795252045314896)</t>
  </si>
  <si>
    <t>POINT (4.659192864771792 51.80144047594342)</t>
  </si>
  <si>
    <t>POINT (4.659263086566792 51.80769172062263)</t>
  </si>
  <si>
    <t>POINT (4.710139757855705 51.78646008809346)</t>
  </si>
  <si>
    <t>POINT (4.685377359990069 51.804335184218864)</t>
  </si>
  <si>
    <t>POINT (4.723326732466394 51.80434697151289)</t>
  </si>
  <si>
    <t>POINT (4.681959092917318 51.80238951250297)</t>
  </si>
  <si>
    <t>POINT (4.674103568307129 51.81478598359462)</t>
  </si>
  <si>
    <t>POINT (4.670798570369588 51.81819120333176)</t>
  </si>
  <si>
    <t>POINT (4.676835744241546 51.80779236087171)</t>
  </si>
  <si>
    <t>POINT (4.682338607412855 51.81901395960982)</t>
  </si>
  <si>
    <t>POINT (4.7126583432472335 51.768004808045575)</t>
  </si>
  <si>
    <t>POINT (4.720900141425856 51.79758125210927)</t>
  </si>
  <si>
    <t>POINT (4.6909648393581005 51.81553241470682)</t>
  </si>
  <si>
    <t>POINT (4.709605435687594 51.787966128570126)</t>
  </si>
  <si>
    <t>POINT (4.718076070527052 51.815711819936894)</t>
  </si>
  <si>
    <t>POINT (4.681197220038063 51.81275841468944)</t>
  </si>
  <si>
    <t>POINT (4.664325747962247 51.79378400946337)</t>
  </si>
  <si>
    <t>POINT (4.715749199086184 51.80320236840174)</t>
  </si>
  <si>
    <t>POINT (4.7080671586418426 51.81033028190481)</t>
  </si>
  <si>
    <t>POINT (4.672280397642181 51.80307738608649)</t>
  </si>
  <si>
    <t>POINT (4.71641279412475 51.80082294957399)</t>
  </si>
  <si>
    <t>POINT (4.677359644394264 51.78990494983506)</t>
  </si>
  <si>
    <t>POINT (4.684139106500612 51.81923183985392)</t>
  </si>
  <si>
    <t>POINT (4.71563064828093 51.809100191480695)</t>
  </si>
  <si>
    <t>POINT (4.72479975059927 51.79840701699506)</t>
  </si>
  <si>
    <t>POINT (4.671656370579135 51.813361655193475)</t>
  </si>
  <si>
    <t>POINT (4.6917656800330585 51.791494942303245)</t>
  </si>
  <si>
    <t>POINT (4.673348354912352 51.77947274444037)</t>
  </si>
  <si>
    <t>POINT (4.70513190209438 51.807244541800706)</t>
  </si>
  <si>
    <t>POINT (4.669458550494483 51.80564089082945)</t>
  </si>
  <si>
    <t>POINT (4.703304439487099 51.79857745008311)</t>
  </si>
  <si>
    <t>POINT (4.728774356894513 51.80093064922535)</t>
  </si>
  <si>
    <t>POINT (4.6812836173698 51.80273970330132)</t>
  </si>
  <si>
    <t>POINT (4.696949040050566 51.795526107189204)</t>
  </si>
  <si>
    <t>POINT (4.680890720018479 51.80231737889205)</t>
  </si>
  <si>
    <t>POINT (4.680578776420154 51.814448543528044)</t>
  </si>
  <si>
    <t>POINT (4.671069304289064 51.777001617029796)</t>
  </si>
  <si>
    <t>POINT (4.678982179064415 51.814138760708495)</t>
  </si>
  <si>
    <t>POINT (4.66496533960763 51.774846239980945)</t>
  </si>
  <si>
    <t>POINT (4.682627541714344 51.806051091545)</t>
  </si>
  <si>
    <t>POINT (4.6759105952419 51.774644664821786)</t>
  </si>
  <si>
    <t>POINT (4.677584574836314 51.79044933554343)</t>
  </si>
  <si>
    <t>POINT (4.673774988179812 51.812213217604125)</t>
  </si>
  <si>
    <t>POINT (4.712726038399685 51.80112583750619)</t>
  </si>
  <si>
    <t>POINT (4.681109377392564 51.79855362501534)</t>
  </si>
  <si>
    <t>POINT (4.669046085165495 51.79080020417792)</t>
  </si>
  <si>
    <t>POINT (4.680977448638853 51.80243878066476)</t>
  </si>
  <si>
    <t>POINT (4.665007239143261 51.77483929802968)</t>
  </si>
  <si>
    <t>POINT (4.6739752231143 51.77692878070035)</t>
  </si>
  <si>
    <t>POINT (4.702387771270757 51.79675477516714)</t>
  </si>
  <si>
    <t>POINT (4.661365142897267 51.79420400983759)</t>
  </si>
  <si>
    <t>POINT (4.654416267223047 51.80262352348803)</t>
  </si>
  <si>
    <t>POINT (4.653670704931505 51.79254756014063)</t>
  </si>
  <si>
    <t>POINT (4.716838410826497 51.79538602495891)</t>
  </si>
  <si>
    <t>POINT (4.711174409265745 51.80559987188505)</t>
  </si>
  <si>
    <t>POINT (4.663841858215796 51.78838830842221)</t>
  </si>
  <si>
    <t>POINT (4.678390727290931 51.8076228264868)</t>
  </si>
  <si>
    <t>POINT (4.719739001020653 51.805340366416196)</t>
  </si>
  <si>
    <t>POINT (4.653523404912251 51.79030136674922)</t>
  </si>
  <si>
    <t>POINT (4.717117124414352 51.804235271452534)</t>
  </si>
  <si>
    <t>POINT (4.68699372636121 51.81099339791363)</t>
  </si>
  <si>
    <t>POINT (4.660171005073783 51.79559104210142)</t>
  </si>
  <si>
    <t>POINT (4.691547333894617 51.80689091840742)</t>
  </si>
  <si>
    <t>POINT (4.657049092479422 51.79651197146855)</t>
  </si>
  <si>
    <t>POINT (4.656083501657568 51.78948072576886)</t>
  </si>
  <si>
    <t>POINT (4.669722522077392 51.77729767200499)</t>
  </si>
  <si>
    <t>POINT (4.672783041070665 51.81327012049629)</t>
  </si>
  <si>
    <t>POINT (4.656613784089939 51.78753918685836)</t>
  </si>
  <si>
    <t>POINT (4.722630318545735 51.80260677423286)</t>
  </si>
  <si>
    <t>POINT (4.664292448186436 51.81301891743308)</t>
  </si>
  <si>
    <t>POINT (4.681262640504105 51.778138479100754)</t>
  </si>
  <si>
    <t>POINT (4.671242757196489 51.773473752227034)</t>
  </si>
  <si>
    <t>POINT (4.7076930457764465 51.801090667733014)</t>
  </si>
  <si>
    <t>POINT (4.6761263271422875 51.80814564259215)</t>
  </si>
  <si>
    <t>POINT (4.668314092045585 51.79185547944201)</t>
  </si>
  <si>
    <t>POINT (4.730724846553679 51.797430885084204)</t>
  </si>
  <si>
    <t>POINT (4.6505039376061434 51.802282729915305)</t>
  </si>
  <si>
    <t>POINT (4.674500758753452 51.80739861942939)</t>
  </si>
  <si>
    <t>POINT (4.666308914282313 51.80961943470936)</t>
  </si>
  <si>
    <t>POINT (4.676819157486429 51.780093606036)</t>
  </si>
  <si>
    <t>POINT (4.711908933126164 51.80980855853364)</t>
  </si>
  <si>
    <t>POINT (4.681538028686803 51.80102995134101)</t>
  </si>
  <si>
    <t>POINT (4.657216366819712 51.810313330249826)</t>
  </si>
  <si>
    <t>POINT (4.70262456027182 51.79982094071414)</t>
  </si>
  <si>
    <t>POINT (4.726262297370285 51.78869881338359)</t>
  </si>
  <si>
    <t>POINT (4.663014732444655 51.810620993914156)</t>
  </si>
  <si>
    <t>POINT (4.67762236773762 51.79080473432774)</t>
  </si>
  <si>
    <t>POINT (4.690178258795505 51.80718156820788)</t>
  </si>
  <si>
    <t>POINT (4.721554081106059 51.799992249744534)</t>
  </si>
  <si>
    <t>POINT (4.685869086240826 51.77945713327367)</t>
  </si>
  <si>
    <t>POINT (4.686787308422013 51.77647667371766)</t>
  </si>
  <si>
    <t>POINT (4.717036671693233 51.80303693104262)</t>
  </si>
  <si>
    <t>POINT (4.693902457185507 51.810839525692565)</t>
  </si>
  <si>
    <t>POINT (4.688792777523765 51.807117600478385)</t>
  </si>
  <si>
    <t>POINT (4.656826429707938 51.797849974137215)</t>
  </si>
  <si>
    <t>POINT (4.690212646158682 51.81345309827275)</t>
  </si>
  <si>
    <t>POINT (4.733754872882947 51.80077951927879)</t>
  </si>
  <si>
    <t>POINT (4.691235002135942 51.81839076390032)</t>
  </si>
  <si>
    <t>POINT (4.6737889436671285 51.81889199139972)</t>
  </si>
  <si>
    <t>POINT (4.695123234304752 51.79602806490848)</t>
  </si>
  <si>
    <t>POINT (4.633528276112081 51.77874381347074)</t>
  </si>
  <si>
    <t>POINT (4.647002896225711 51.792306201332245)</t>
  </si>
  <si>
    <t>POINT (4.669345792361785 51.79721595804757)</t>
  </si>
  <si>
    <t>POINT (4.682277909595147 51.78876329970354)</t>
  </si>
  <si>
    <t>POINT (4.710921329090187 51.79351408315767)</t>
  </si>
  <si>
    <t>POINT (4.728619042565896 51.80550746603685)</t>
  </si>
  <si>
    <t>POINT (4.6894878074061825 51.81865058891854)</t>
  </si>
  <si>
    <t>POINT (4.6806232218712 51.802179473021546)</t>
  </si>
  <si>
    <t>POINT (4.6525060812461225 51.78945557080441)</t>
  </si>
  <si>
    <t>POINT (4.658323337981986 51.803125509711535)</t>
  </si>
  <si>
    <t>POINT (4.667123380093402 51.8016683524328)</t>
  </si>
  <si>
    <t>POINT (4.656328191798072 51.80440854084362)</t>
  </si>
  <si>
    <t>POINT (4.700633064840662 51.81732010157696)</t>
  </si>
  <si>
    <t>POINT (4.671833878731822 51.7928929157452)</t>
  </si>
  <si>
    <t>POINT (4.664506144666968 51.81084707625737)</t>
  </si>
  <si>
    <t>POINT (4.670414779958832 51.780452537394915)</t>
  </si>
  <si>
    <t>POINT (4.666877167624697 51.81193187345875)</t>
  </si>
  <si>
    <t>POINT (4.654568398546799 51.78740169382919)</t>
  </si>
  <si>
    <t>POINT (4.670582352385775 51.785127131041165)</t>
  </si>
  <si>
    <t>POINT (4.716251822459952 51.80138234565573)</t>
  </si>
  <si>
    <t>POINT (4.6726054365078005 51.805144102331944)</t>
  </si>
  <si>
    <t>POINT (4.653627294798335 51.78528047969756)</t>
  </si>
  <si>
    <t>POINT (4.658349076781507 51.80462346474581)</t>
  </si>
  <si>
    <t>POINT (4.6535958830484025 51.80326908899579)</t>
  </si>
  <si>
    <t>POINT (4.703095814671613 51.79857608103148)</t>
  </si>
  <si>
    <t>POINT (4.663900760951471 51.81697459637225)</t>
  </si>
  <si>
    <t>POINT (4.672970136433193 51.817434029238434)</t>
  </si>
  <si>
    <t>POINT (4.659598640943197 51.80738064481146)</t>
  </si>
  <si>
    <t>POINT (4.675599995697099 51.77572997408681)</t>
  </si>
  <si>
    <t>POINT (4.683013565104654 51.81803149708905)</t>
  </si>
  <si>
    <t>POINT (4.67397472562731 51.80801432967647)</t>
  </si>
  <si>
    <t>POINT (4.67462133952944 51.818251428432696)</t>
  </si>
  <si>
    <t>POINT (4.669850278529961 51.81498379903338)</t>
  </si>
  <si>
    <t>POINT (4.685517552110683 51.78476334001778)</t>
  </si>
  <si>
    <t>POINT (4.710238619655483 51.80970195621876)</t>
  </si>
  <si>
    <t>POINT (4.658634418263548 51.76946912747888)</t>
  </si>
  <si>
    <t>POINT (4.6634996340626875 51.811293525375596)</t>
  </si>
  <si>
    <t>POINT (4.676839364615665 51.786601789902434)</t>
  </si>
  <si>
    <t>POINT (4.679811582271618 51.80249546936069)</t>
  </si>
  <si>
    <t>POINT (4.673154877875127 51.779476699306876)</t>
  </si>
  <si>
    <t>POINT (4.675934395992121 51.80394936482436)</t>
  </si>
  <si>
    <t>POINT (4.665430338132382 51.78984435723394)</t>
  </si>
  <si>
    <t>POINT (4.653546257795013 51.801521986636374)</t>
  </si>
  <si>
    <t>POINT (4.672293023650471 51.808498329547064)</t>
  </si>
  <si>
    <t>POINT (4.657373770382782 51.791916008191016)</t>
  </si>
  <si>
    <t>POINT (4.683345020788968 51.80972308009656)</t>
  </si>
  <si>
    <t>POINT (4.675771190300419 51.78462933532472)</t>
  </si>
  <si>
    <t>POINT (4.728131780259108 51.793332275240644)</t>
  </si>
  <si>
    <t>POINT (4.679496968685362 51.806824504916065)</t>
  </si>
  <si>
    <t>POINT (4.679156300593088 51.81433967436128)</t>
  </si>
  <si>
    <t>POINT (4.646445842327487 51.80072895596287)</t>
  </si>
  <si>
    <t>POINT (4.651404832899902 51.79260263749906)</t>
  </si>
  <si>
    <t>POINT (4.66183393255842 51.80496875132691)</t>
  </si>
  <si>
    <t>POINT (4.668114782660667 51.78136013477324)</t>
  </si>
  <si>
    <t>POINT (4.658620890445882 51.81348118656115)</t>
  </si>
  <si>
    <t>POINT (4.6790423113118305 51.80683156857911)</t>
  </si>
  <si>
    <t>POINT (4.680329450464156 51.816358499339195)</t>
  </si>
  <si>
    <t>POINT (4.658937197750403 51.8125869960646)</t>
  </si>
  <si>
    <t>POINT (4.650992257837396 51.794996619309416)</t>
  </si>
  <si>
    <t>POINT (4.672378616242611 51.79701610418368)</t>
  </si>
  <si>
    <t>POINT (4.673111282699206 51.81162196873365)</t>
  </si>
  <si>
    <t>POINT (4.7238697818117 51.806406301744715)</t>
  </si>
  <si>
    <t>POINT (4.720183631021662 51.79959755952517)</t>
  </si>
  <si>
    <t>POINT (4.6718952549608685 51.813587999118404)</t>
  </si>
  <si>
    <t>POINT (4.653848771882526 51.811182779713945)</t>
  </si>
  <si>
    <t>POINT (4.6814591238149745 51.803708830441586)</t>
  </si>
  <si>
    <t>POINT (4.6595374387413475 51.771310996323066)</t>
  </si>
  <si>
    <t>POINT (4.668590986834378 51.80806973411924)</t>
  </si>
  <si>
    <t>POINT (4.666372869138891 51.81573068168769)</t>
  </si>
  <si>
    <t>POINT (4.685078193045848 51.80840876723033)</t>
  </si>
  <si>
    <t>POINT (4.68368595271804 51.79810997022526)</t>
  </si>
  <si>
    <t>POINT (4.685263335749692 51.79220384126615)</t>
  </si>
  <si>
    <t>POINT (4.6504230054558295 51.794105509374845)</t>
  </si>
  <si>
    <t>POINT (4.6814136603949965 51.779937181997724)</t>
  </si>
  <si>
    <t>POINT (4.668385712154648 51.802636974430314)</t>
  </si>
  <si>
    <t>POINT (4.73383088452137 51.795130043530676)</t>
  </si>
  <si>
    <t>POINT (4.664478029487519 51.795744475007126)</t>
  </si>
  <si>
    <t>POINT (4.677815637581459 51.797423474253534)</t>
  </si>
  <si>
    <t>POINT (4.674395872739604 51.81804365253537)</t>
  </si>
  <si>
    <t>POINT (4.680323696863775 51.813962680118685)</t>
  </si>
  <si>
    <t>POINT (4.685972913808845 51.79181659163838)</t>
  </si>
  <si>
    <t>POINT (4.702341808348409 51.78513696389607)</t>
  </si>
  <si>
    <t>POINT (4.6576017766106865 51.80967899540772)</t>
  </si>
  <si>
    <t>POINT (4.682304290042705 51.79880610218131)</t>
  </si>
  <si>
    <t>POINT (4.685745447656219 51.800985248557346)</t>
  </si>
  <si>
    <t>POINT (4.680990333954205 51.81432961997664)</t>
  </si>
  <si>
    <t>POINT (4.666005074598611 51.773841892710294)</t>
  </si>
  <si>
    <t>POINT (4.663857492676308 51.798145495697966)</t>
  </si>
  <si>
    <t>POINT (4.653371485520158 51.80423393496122)</t>
  </si>
  <si>
    <t>POINT (4.657942166675394 51.770391859416286)</t>
  </si>
  <si>
    <t>POINT (4.671250252528176 51.818542243550056)</t>
  </si>
  <si>
    <t>POINT (4.66673481900634 51.77266645570837)</t>
  </si>
  <si>
    <t>POINT (4.693005872803917 51.789409723000794)</t>
  </si>
  <si>
    <t>POINT (4.717546836755722 51.799944692602374)</t>
  </si>
  <si>
    <t>POINT (4.677555536795021 51.775671225276746)</t>
  </si>
  <si>
    <t>POINT (4.713361000812007 51.80839753583532)</t>
  </si>
  <si>
    <t>POINT (4.675516612814266 51.80792604729815)</t>
  </si>
  <si>
    <t>POINT (4.669859435391391 51.77099930775713)</t>
  </si>
  <si>
    <t>POINT (4.669164588357996 51.78185090455621)</t>
  </si>
  <si>
    <t>POINT (4.6622136405969306 51.809912071631544)</t>
  </si>
  <si>
    <t>POINT (4.658637629305129 51.80351502721813)</t>
  </si>
  <si>
    <t>POINT (4.65156981852749 51.80267100582116)</t>
  </si>
  <si>
    <t>POINT (4.704829308663608 51.796574899584456)</t>
  </si>
  <si>
    <t>POINT (4.669517518953004 51.81007138575321)</t>
  </si>
  <si>
    <t>POINT (4.673783280855109 51.787794910984196)</t>
  </si>
  <si>
    <t>POINT (4.653535468752725 51.79014423860003)</t>
  </si>
  <si>
    <t>POINT (4.682941290993259 51.814397145649856)</t>
  </si>
  <si>
    <t>POINT (4.720945252767652 51.811256370471185)</t>
  </si>
  <si>
    <t>POINT (4.66267045228043 51.81307409139964)</t>
  </si>
  <si>
    <t>POINT (4.724146206575841 51.8043807641512)</t>
  </si>
  <si>
    <t>POINT (4.686201102572124 51.78222919107291)</t>
  </si>
  <si>
    <t>POINT (4.683591068892516 51.81206968057461)</t>
  </si>
  <si>
    <t>POINT (4.6568388645937775 51.801103628493)</t>
  </si>
  <si>
    <t>POINT (4.689776741285827 51.80911063056313)</t>
  </si>
  <si>
    <t>POINT (4.6694104387074145 51.81194717118125)</t>
  </si>
  <si>
    <t>POINT (4.67332763182361 51.78551973284037)</t>
  </si>
  <si>
    <t>POINT (4.661329098918822 51.78907493085526)</t>
  </si>
  <si>
    <t>POINT (4.712544710226308 51.797631812932146)</t>
  </si>
  <si>
    <t>POINT (4.666868054506101 51.772719480602575)</t>
  </si>
  <si>
    <t>POINT (4.696623466739159 51.796518419133676)</t>
  </si>
  <si>
    <t>POINT (4.732851686117965 51.79694851659725)</t>
  </si>
  <si>
    <t>POINT (4.663640252371909 51.78765671470798)</t>
  </si>
  <si>
    <t>POINT (4.680625687527627 51.80849978417056)</t>
  </si>
  <si>
    <t>POINT (4.702379748935027 51.81648181463838)</t>
  </si>
  <si>
    <t>POINT (4.667560766405013 51.80828013766621)</t>
  </si>
  <si>
    <t>POINT (4.676539977493768 51.783874000955564)</t>
  </si>
  <si>
    <t>POINT (4.669008033632048 51.790152991621994)</t>
  </si>
  <si>
    <t>POINT (4.713395279974306 51.81619431730485)</t>
  </si>
  <si>
    <t>POINT (4.7122923004801915 51.79132645244804)</t>
  </si>
  <si>
    <t>POINT (4.670004123533631 51.777760461269175)</t>
  </si>
  <si>
    <t>POINT (4.684356670604298 51.80360417431758)</t>
  </si>
  <si>
    <t>POINT (4.704631518284755 51.78923056508867)</t>
  </si>
  <si>
    <t>POINT (4.685930411113582 51.78767000958711)</t>
  </si>
  <si>
    <t>POINT (4.656997537113479 51.78141894855133)</t>
  </si>
  <si>
    <t>POINT (4.707822641447497 51.80195131795192)</t>
  </si>
  <si>
    <t>POINT (4.653668806680484 51.792912121363386)</t>
  </si>
  <si>
    <t>POINT (4.734242560025456 51.80112276872115)</t>
  </si>
  <si>
    <t>POINT (4.681117726910207 51.806395450731536)</t>
  </si>
  <si>
    <t>POINT (4.733126110006112 51.796147720669325)</t>
  </si>
  <si>
    <t>POINT (4.719559260177368 51.80416940005427)</t>
  </si>
  <si>
    <t>POINT (4.701738038788045 51.81687234629754)</t>
  </si>
  <si>
    <t>POINT (4.687770359502118 51.81392776648085)</t>
  </si>
  <si>
    <t>POINT (4.6909718300345915 51.792570259492834)</t>
  </si>
  <si>
    <t>POINT (4.6972217409760715 51.80041651304343)</t>
  </si>
  <si>
    <t>POINT (4.663488874594159 51.798026926733314)</t>
  </si>
  <si>
    <t>POINT (4.6738598944716605 51.77494297665689)</t>
  </si>
  <si>
    <t>POINT (4.712907642287618 51.80459739922191)</t>
  </si>
  <si>
    <t>POINT (4.6807018205925175 51.77510952267212)</t>
  </si>
  <si>
    <t>POINT (4.661442086664157 51.80905607374316)</t>
  </si>
  <si>
    <t>POINT (4.719493681891099 51.81209533521879)</t>
  </si>
  <si>
    <t>POINT (4.671557681640854 51.81772965534236)</t>
  </si>
  <si>
    <t>POINT (4.681883332805232 51.80738007202405)</t>
  </si>
  <si>
    <t>POINT (4.675303331427522 51.7774043790754)</t>
  </si>
  <si>
    <t>POINT (4.705375286938567 51.79054693050459)</t>
  </si>
  <si>
    <t>POINT (4.6868079474879165 51.80955777941303)</t>
  </si>
  <si>
    <t>POINT (4.68168766780635 51.7891105170507)</t>
  </si>
  <si>
    <t>POINT (4.72891529216472 51.803694044100034)</t>
  </si>
  <si>
    <t>POINT (4.691740258863282 51.7907857735412)</t>
  </si>
  <si>
    <t>POINT (4.665082494961611 51.81371574804852)</t>
  </si>
  <si>
    <t>POINT (4.685366407320713 51.80446598477105)</t>
  </si>
  <si>
    <t>POINT (4.661486505573091 51.80898560749644)</t>
  </si>
  <si>
    <t>POINT (4.67490072978211 51.80575567959712)</t>
  </si>
  <si>
    <t>POINT (4.663021721606975 51.78533358639599)</t>
  </si>
  <si>
    <t>POINT (4.664257742744172 51.78626051276828)</t>
  </si>
  <si>
    <t>POINT (4.6698640123129955 51.81956826673835)</t>
  </si>
  <si>
    <t>POINT (4.666892397431749 51.771796021200856)</t>
  </si>
  <si>
    <t>POINT (4.6712780103952465 51.77355226812312)</t>
  </si>
  <si>
    <t>POINT (4.732800499116128 51.80440058431813)</t>
  </si>
  <si>
    <t>POINT (4.669841248671216 51.817317562564725)</t>
  </si>
  <si>
    <t>POINT (4.671231743164496 51.7734994646234)</t>
  </si>
  <si>
    <t>POINT (4.672359985514109 51.80397811454873)</t>
  </si>
  <si>
    <t>POINT (4.7289141456459145 51.79617171374424)</t>
  </si>
  <si>
    <t>POINT (4.729180144786545 51.80453368404352)</t>
  </si>
  <si>
    <t>POINT (4.6590203308024245 51.809394505815014)</t>
  </si>
  <si>
    <t>POINT (4.717291073555103 51.81457400975196)</t>
  </si>
  <si>
    <t>POINT (4.678289395488956 51.81550130449882)</t>
  </si>
  <si>
    <t>POINT (4.726950643527289 51.802500559217535)</t>
  </si>
  <si>
    <t>POINT (4.6832879458668755 51.79801153896799)</t>
  </si>
  <si>
    <t>POINT (4.710422602599325 51.8038707150199)</t>
  </si>
  <si>
    <t>POINT (4.676098154873673 51.81725811372528)</t>
  </si>
  <si>
    <t>POINT (4.673646581238095 51.81826844509746)</t>
  </si>
  <si>
    <t>POINT (4.67369457509371 51.813111290316115)</t>
  </si>
  <si>
    <t>POINT (4.686923221919473 51.78138079204266)</t>
  </si>
  <si>
    <t>POINT (4.712717504719252 51.81101062176615)</t>
  </si>
  <si>
    <t>POINT (4.6805261105273 51.78176652143092)</t>
  </si>
  <si>
    <t>POINT (4.663511626988565 51.7888742864538)</t>
  </si>
  <si>
    <t>POINT (4.724584928164874 51.804103084502444)</t>
  </si>
  <si>
    <t>POINT (4.669715787214762 51.800057299120255)</t>
  </si>
  <si>
    <t>POINT (4.6611291170221305 51.77185317369781)</t>
  </si>
  <si>
    <t>POINT (4.67076676778014 51.78010277096719)</t>
  </si>
  <si>
    <t>POINT (4.7097155200615415 51.796342060009856)</t>
  </si>
  <si>
    <t>POINT (4.673418292064064 51.78201594002218)</t>
  </si>
  <si>
    <t>POINT (4.702597886488156 51.79031315761714)</t>
  </si>
  <si>
    <t>POINT (4.708431904994754 51.809157009805695)</t>
  </si>
  <si>
    <t>POINT (4.685957449807397 51.791807115018294)</t>
  </si>
  <si>
    <t>POINT (4.6745228780302375 51.81447703737275)</t>
  </si>
  <si>
    <t>POINT (4.687588649376244 51.792424974384154)</t>
  </si>
  <si>
    <t>POINT (4.653266650075702 51.800246646747645)</t>
  </si>
  <si>
    <t>POINT (4.712510374860153 51.79319915518079)</t>
  </si>
  <si>
    <t>POINT (4.685268865005967 51.77759347559985)</t>
  </si>
  <si>
    <t>POINT (4.669787124020095 51.808202993545606)</t>
  </si>
  <si>
    <t>POINT (4.639305030949815 51.77763244426092)</t>
  </si>
  <si>
    <t>POINT (4.662886901661022 51.79983638469422)</t>
  </si>
  <si>
    <t>POINT (4.6788624935402074 51.813702932973435)</t>
  </si>
  <si>
    <t>POINT (4.6596688339962595 51.790676438035376)</t>
  </si>
  <si>
    <t>POINT (4.668296313657037 51.8027824749083)</t>
  </si>
  <si>
    <t>POINT (4.666465309506691 51.802852517778845)</t>
  </si>
  <si>
    <t>POINT (4.656821597414436 51.80411518397092)</t>
  </si>
  <si>
    <t>POINT (4.659655031530936 51.7712002387134)</t>
  </si>
  <si>
    <t>POINT (4.66040448086883 51.804062519843754)</t>
  </si>
  <si>
    <t>POINT (4.666588659237168 51.807762563075606)</t>
  </si>
  <si>
    <t>POINT (4.722144646923827 51.81272128295833)</t>
  </si>
  <si>
    <t>POINT (4.669800973951219 51.81473198558109)</t>
  </si>
  <si>
    <t>POINT (4.690438763344898 51.80545517932037)</t>
  </si>
  <si>
    <t>POINT (4.668780486737936 51.813771819767865)</t>
  </si>
  <si>
    <t>POINT (4.680313664548038 51.78636578195228)</t>
  </si>
  <si>
    <t>POINT (4.662587681983425 51.787624896394924)</t>
  </si>
  <si>
    <t>POINT (4.630223535657267 51.72226813033114)</t>
  </si>
  <si>
    <t>POINT (4.696226281794529 51.79294816196171)</t>
  </si>
  <si>
    <t>POINT (4.66179816405494 51.816253266205464)</t>
  </si>
  <si>
    <t>POINT (4.71699185193817 51.79536274907791)</t>
  </si>
  <si>
    <t>POINT (4.6573699957652615 51.79081969487957)</t>
  </si>
  <si>
    <t>POINT (4.705165629920375 51.79363547646102)</t>
  </si>
  <si>
    <t>POINT (4.652141463508184 51.80261115515423)</t>
  </si>
  <si>
    <t>POINT (4.662079389442957 51.78712753834831)</t>
  </si>
  <si>
    <t>POINT (4.677931007374935 51.80537369784069)</t>
  </si>
  <si>
    <t>POINT (4.713392425592725 51.80477104924786)</t>
  </si>
  <si>
    <t>POINT (4.669100886506969 51.79024314142159)</t>
  </si>
  <si>
    <t>POINT (4.66641128180953 51.788042940139604)</t>
  </si>
  <si>
    <t>POINT (4.678001294264396 51.77295445978456)</t>
  </si>
  <si>
    <t>POINT (4.679434485116003 51.77552703842512)</t>
  </si>
  <si>
    <t>POINT (4.679424417465447 51.77735729370348)</t>
  </si>
  <si>
    <t>POINT (4.708678326868423 51.786406161321295)</t>
  </si>
  <si>
    <t>POINT (4.692045069930969 51.78437493677848)</t>
  </si>
  <si>
    <t>POINT (4.66096659371795 51.81351782947093)</t>
  </si>
  <si>
    <t>POINT (4.666692119029513 51.81668270906112)</t>
  </si>
  <si>
    <t>POINT (4.656264634942255 51.80047917616102)</t>
  </si>
  <si>
    <t>POINT (4.707337305300822 51.80930401059532)</t>
  </si>
  <si>
    <t>POINT (4.670622211642892 51.77708951950013)</t>
  </si>
  <si>
    <t>POINT (4.680259728288751 51.80791951857266)</t>
  </si>
  <si>
    <t>POINT (4.652435021238647 51.792573597886964)</t>
  </si>
  <si>
    <t>POINT (4.652059192179616 51.79350075701933)</t>
  </si>
  <si>
    <t>POINT (4.671787239934303 51.804006560635926)</t>
  </si>
  <si>
    <t>POINT (4.6693970345549705 51.802832170790346)</t>
  </si>
  <si>
    <t>POINT (4.722115192569961 51.812644676701574)</t>
  </si>
  <si>
    <t>POINT (4.6703406763475135 51.81138724497313)</t>
  </si>
  <si>
    <t>POINT (4.679537970062702 51.80767760647595)</t>
  </si>
  <si>
    <t>POINT (4.669940752455565 51.80390418752434)</t>
  </si>
  <si>
    <t>POINT (4.680604942375266 51.781828811621544)</t>
  </si>
  <si>
    <t>POINT (4.6747266243629495 51.78814594505519)</t>
  </si>
  <si>
    <t>POINT (4.6603250347583 51.80996461245968)</t>
  </si>
  <si>
    <t>POINT (4.659263454321492 51.77042271984489)</t>
  </si>
  <si>
    <t>POINT (4.685298694140439 51.805972404479085)</t>
  </si>
  <si>
    <t>POINT (4.657212002058857 51.79637341762711)</t>
  </si>
  <si>
    <t>POINT (4.6642929077717765 51.79016171086507)</t>
  </si>
  <si>
    <t>POINT (4.712243479332187 51.80652199629895)</t>
  </si>
  <si>
    <t>POINT (4.718458067343892 51.81248204394929)</t>
  </si>
  <si>
    <t>POINT (4.688954175117504 51.80941104785966)</t>
  </si>
  <si>
    <t>POINT (4.682089241549464 51.7782672167175)</t>
  </si>
  <si>
    <t>POINT (4.68219805021209 51.7821160585594)</t>
  </si>
  <si>
    <t>POINT (4.661079702263841 51.77109169350884)</t>
  </si>
  <si>
    <t>POINT (4.667324641250952 51.78836050163306)</t>
  </si>
  <si>
    <t>POINT (4.69794134557404 51.79600134742724)</t>
  </si>
  <si>
    <t>POINT (4.726439642950999 51.79757821652244)</t>
  </si>
  <si>
    <t>POINT (4.677651556910899 51.78182187747998)</t>
  </si>
  <si>
    <t>POINT (4.682956252849976 51.80481058766337)</t>
  </si>
  <si>
    <t>POINT (4.668218029327601 51.792341332126185)</t>
  </si>
  <si>
    <t>POINT (4.6627703717096285 51.81624188739347)</t>
  </si>
  <si>
    <t>POINT (4.673627325557396 51.81767165134522)</t>
  </si>
  <si>
    <t>POINT (4.661851772911883 51.79871322525207)</t>
  </si>
  <si>
    <t>POINT (4.666112216160574 51.81694335150041)</t>
  </si>
  <si>
    <t>POINT (4.694757305063011 51.810296777267446)</t>
  </si>
  <si>
    <t>POINT (4.677614664496089 51.781873222481195)</t>
  </si>
  <si>
    <t>POINT (4.668085910244798 51.803059664095)</t>
  </si>
  <si>
    <t>POINT (4.670155458401121 51.80531281305245)</t>
  </si>
  <si>
    <t>POINT (4.6768848697920795 51.786606676659964)</t>
  </si>
  <si>
    <t>POINT (4.682376939397112 51.77471739277371)</t>
  </si>
  <si>
    <t>POINT (4.707828406978772 51.80803816101814)</t>
  </si>
  <si>
    <t>POINT (4.717735080059684 51.79636268359483)</t>
  </si>
  <si>
    <t>POINT (4.684757607723835 51.79253998425627)</t>
  </si>
  <si>
    <t>POINT (4.6845946519076955 51.77429432475626)</t>
  </si>
  <si>
    <t>POINT (4.671077689109011 51.813968986591064)</t>
  </si>
  <si>
    <t>POINT (4.722299791881904 51.799652698186954)</t>
  </si>
  <si>
    <t>POINT (4.709092199992173 51.80789840767838)</t>
  </si>
  <si>
    <t>POINT (4.6808976407651 51.77917123177589)</t>
  </si>
  <si>
    <t>POINT (4.665124634754419 51.78738006529383)</t>
  </si>
  <si>
    <t>POINT (4.672528637270599 51.77323597842029)</t>
  </si>
  <si>
    <t>POINT (4.683448731510494 51.8037750630521)</t>
  </si>
  <si>
    <t>POINT (4.673071194526542 51.81724554960808)</t>
  </si>
  <si>
    <t>POINT (4.6820787726484925 51.78184853009868)</t>
  </si>
  <si>
    <t>POINT (4.653594961843207 51.79186326136547)</t>
  </si>
  <si>
    <t>POINT (4.710466437413076 51.80437285816072)</t>
  </si>
  <si>
    <t>POINT (4.720560119610064 51.800084106436536)</t>
  </si>
  <si>
    <t>POINT (4.661713803271374 51.79496723978445)</t>
  </si>
  <si>
    <t>POINT (4.6704285354022055 51.817747150881736)</t>
  </si>
  <si>
    <t>POINT (4.6822201945509025 51.813410741651836)</t>
  </si>
  <si>
    <t>POINT (4.665142791190258 51.80066739759878)</t>
  </si>
  <si>
    <t>POINT (4.721242489448685 51.811248394846764)</t>
  </si>
  <si>
    <t>POINT (4.720930622375712 51.80500796115696)</t>
  </si>
  <si>
    <t>POINT (4.6306745179049384 51.78370935694487)</t>
  </si>
  <si>
    <t>POINT (4.660495188590951 51.81357701406049)</t>
  </si>
  <si>
    <t>POINT (4.680319456757451 51.80090061284691)</t>
  </si>
  <si>
    <t>POINT (4.712918271572436 51.80974835888919)</t>
  </si>
  <si>
    <t>POINT (4.678576831390346 51.78702729764083)</t>
  </si>
  <si>
    <t>POINT (4.684836459641122 51.81221677989465)</t>
  </si>
  <si>
    <t>POINT (4.730255794237623 51.798392696023846)</t>
  </si>
  <si>
    <t>POINT (4.718399670759527 51.80120370711533)</t>
  </si>
  <si>
    <t>POINT (4.655553025519609 51.79106403378156)</t>
  </si>
  <si>
    <t>POINT (4.666046517494861 51.81448818550114)</t>
  </si>
  <si>
    <t>POINT (4.667258609034608 51.77908078380658)</t>
  </si>
  <si>
    <t>POINT (4.683115253459471 51.8135926165237)</t>
  </si>
  <si>
    <t>POINT (4.718915601858968 51.802188036242875)</t>
  </si>
  <si>
    <t>POINT (4.668723238621869 51.77557014426788)</t>
  </si>
  <si>
    <t>POINT (4.725175939803428 51.79912705432611)</t>
  </si>
  <si>
    <t>POINT (4.66645188753496 51.811250859619165)</t>
  </si>
  <si>
    <t>POINT (4.721473112262142 51.79477554230162)</t>
  </si>
  <si>
    <t>POINT (4.6801070033985575 51.78977275195793)</t>
  </si>
  <si>
    <t>POINT (4.648245413335773 51.80165572252287)</t>
  </si>
  <si>
    <t>POINT (4.663121804835859 51.79522294768694)</t>
  </si>
  <si>
    <t>POINT (4.664234498188765 51.81289139758354)</t>
  </si>
  <si>
    <t>POINT (4.667188709891724 51.803039618235324)</t>
  </si>
  <si>
    <t>POINT (4.676737612960266 51.81839617618091)</t>
  </si>
  <si>
    <t>POINT (4.678269072510506 51.793382699363626)</t>
  </si>
  <si>
    <t>POINT (4.67181786791149 51.79284952856135)</t>
  </si>
  <si>
    <t>POINT (4.719196828910352 51.792797602900094)</t>
  </si>
  <si>
    <t>POINT (4.678044867105342 51.77287212601185)</t>
  </si>
  <si>
    <t>POINT (4.662494084396105 51.81262172562247)</t>
  </si>
  <si>
    <t>POINT (4.6680274120532745 51.810764503522236)</t>
  </si>
  <si>
    <t>POINT (4.652871228380562 51.80212130118569)</t>
  </si>
  <si>
    <t>POINT (4.67386712621871 51.788224055910185)</t>
  </si>
  <si>
    <t>POINT (4.7006428615581966 51.79720965989861)</t>
  </si>
  <si>
    <t>POINT (4.6279035222162355 51.72581792634846)</t>
  </si>
  <si>
    <t>POINT (4.6912580504085035 51.80765432706912)</t>
  </si>
  <si>
    <t>POINT (4.721969703367715 51.80276803530378)</t>
  </si>
  <si>
    <t>POINT (4.6836022429281785 51.78051192677133)</t>
  </si>
  <si>
    <t>POINT (4.654030906467589 51.783118870234055)</t>
  </si>
  <si>
    <t>POINT (4.676869016042847 51.78634600732916)</t>
  </si>
  <si>
    <t>POINT (4.681706870933467 51.811744834604895)</t>
  </si>
  <si>
    <t>POINT (4.712068430767895 51.815118410324075)</t>
  </si>
  <si>
    <t>POINT (4.678531002379574 51.78461609969832)</t>
  </si>
  <si>
    <t>POINT (4.69018344796861 51.80818635186314)</t>
  </si>
  <si>
    <t>POINT (4.7126722129516025 51.816297479043186)</t>
  </si>
  <si>
    <t>POINT (4.68598740062607 51.77616999065614)</t>
  </si>
  <si>
    <t>POINT (4.712006593863848 51.807790657353735)</t>
  </si>
  <si>
    <t>POINT (4.666276523884948 51.79945024423098)</t>
  </si>
  <si>
    <t>POINT (4.652734120202305 51.80277446986393)</t>
  </si>
  <si>
    <t>POINT (4.723110127588369 51.806022891208464)</t>
  </si>
  <si>
    <t>POINT (4.662397062724635 51.797961859221594)</t>
  </si>
  <si>
    <t>POINT (4.661788150828187 51.81585708223156)</t>
  </si>
  <si>
    <t>POINT (4.672404956430855 51.812714933916574)</t>
  </si>
  <si>
    <t>POINT (4.679018918717454 51.78172767877273)</t>
  </si>
  <si>
    <t>POINT (4.716193502358522 51.80141603418757)</t>
  </si>
  <si>
    <t>POINT (4.730887973391003 51.79347292021945)</t>
  </si>
  <si>
    <t>POINT (4.672807293607407 51.78519229764631)</t>
  </si>
  <si>
    <t>POINT (4.664328400437272 51.793047689462284)</t>
  </si>
  <si>
    <t>POINT (4.693389469946226 51.79120784054886)</t>
  </si>
  <si>
    <t>POINT (4.663339000513802 51.788890533620744)</t>
  </si>
  <si>
    <t>POINT (4.673378790964801 51.81616054710805)</t>
  </si>
  <si>
    <t>POINT (4.653421343644505 51.79186736202101)</t>
  </si>
  <si>
    <t>POINT (4.654359469374875 51.79354881146032)</t>
  </si>
  <si>
    <t>POINT (4.6794105765469345 51.80658715925651)</t>
  </si>
  <si>
    <t>POINT (4.652359916056544 51.78523767074731)</t>
  </si>
  <si>
    <t>POINT (4.671926726021985 51.81653120770775)</t>
  </si>
  <si>
    <t>POINT (4.654377761347094 51.79386389905645)</t>
  </si>
  <si>
    <t>POINT (4.658903465559433 51.7963614311868)</t>
  </si>
  <si>
    <t>POINT (4.709378738346558 51.81399298003991)</t>
  </si>
  <si>
    <t>POINT (4.698419595293264 51.79306335968043)</t>
  </si>
  <si>
    <t>POINT (4.650912423728417 51.793905347248156)</t>
  </si>
  <si>
    <t>POINT (4.688737704707903 51.815195265693696)</t>
  </si>
  <si>
    <t>POINT (4.653930217733314 51.7876962395292)</t>
  </si>
  <si>
    <t>POINT (4.675773371181767 51.78468680431921)</t>
  </si>
  <si>
    <t>POINT (4.728734001476724 51.7966550559745)</t>
  </si>
  <si>
    <t>POINT (4.679943257093336 51.79866343620564)</t>
  </si>
  <si>
    <t>POINT (4.661860743447089 51.804645045558814)</t>
  </si>
  <si>
    <t>POINT (4.701306907120313 51.79727729145887)</t>
  </si>
  <si>
    <t>POINT (4.672311272481093 51.814955715601556)</t>
  </si>
  <si>
    <t>POINT (4.657894240237656 51.805062298062246)</t>
  </si>
  <si>
    <t>POINT (4.662908241384254 51.79523041137341)</t>
  </si>
  <si>
    <t>POINT (4.7151423668616985 51.809378399001616)</t>
  </si>
  <si>
    <t>POINT (4.66575523578853 51.78790815755075)</t>
  </si>
  <si>
    <t>POINT (4.667995341031203 51.8123741342823)</t>
  </si>
  <si>
    <t>POINT (4.693403576655112 51.79568361043987)</t>
  </si>
  <si>
    <t>POINT (4.667457285917365 51.81385991769885)</t>
  </si>
  <si>
    <t>POINT (4.681633493556141 51.775114663787704)</t>
  </si>
  <si>
    <t>POINT (4.670950444917256 51.79064810860513)</t>
  </si>
  <si>
    <t>POINT (4.651874944841872 51.808769026543985)</t>
  </si>
  <si>
    <t>POINT (4.694910935865127 51.8183391033183)</t>
  </si>
  <si>
    <t>POINT (4.683247904607125 51.79839516926912)</t>
  </si>
  <si>
    <t>POINT (4.71893280214526 51.80224737837405)</t>
  </si>
  <si>
    <t>POINT (4.630631967836759 51.72666740450983)</t>
  </si>
  <si>
    <t>POINT (4.69320250085875 51.8102408694433)</t>
  </si>
  <si>
    <t>POINT (4.678104332849746 51.81330360801702)</t>
  </si>
  <si>
    <t>POINT (4.675559692553608 51.80369506825121)</t>
  </si>
  <si>
    <t>POINT (4.670257583074542 51.80108809894529)</t>
  </si>
  <si>
    <t>POINT (4.673580286413821 51.79530471912878)</t>
  </si>
  <si>
    <t>POINT (4.656378290181414 51.803288187191846)</t>
  </si>
  <si>
    <t>POINT (4.6784021382749135 51.807126585789646)</t>
  </si>
  <si>
    <t>POINT (4.666502894902631 51.815348302019736)</t>
  </si>
  <si>
    <t>POINT (4.654939324738153 51.79828186667537)</t>
  </si>
  <si>
    <t>POINT (4.660476287788532 51.80455872693398)</t>
  </si>
  <si>
    <t>POINT (4.668281170080758 51.777893040352986)</t>
  </si>
  <si>
    <t>POINT (4.667896344087162 51.81729381124049)</t>
  </si>
  <si>
    <t>POINT (4.670674083227557 51.80295175062218)</t>
  </si>
  <si>
    <t>POINT (4.685850990844335 51.80435570586418)</t>
  </si>
  <si>
    <t>POINT (4.674537469783082 51.77607968227097)</t>
  </si>
  <si>
    <t>POINT (4.677244123505179 51.77779227531639)</t>
  </si>
  <si>
    <t>POINT (4.667981018972161 51.81716174727048)</t>
  </si>
  <si>
    <t>POINT (4.7146526855426645 51.79988787870244)</t>
  </si>
  <si>
    <t>POINT (4.698749855956274 51.79811963596894)</t>
  </si>
  <si>
    <t>POINT (4.7269114574464375 51.8058494333362)</t>
  </si>
  <si>
    <t>POINT (4.701405865378447 51.79981433612568)</t>
  </si>
  <si>
    <t>POINT (4.712300240223393 51.768439993383886)</t>
  </si>
  <si>
    <t>POINT (4.680296043422537 51.804056540227776)</t>
  </si>
  <si>
    <t>POINT (4.672526968021499 51.788950284550324)</t>
  </si>
  <si>
    <t>POINT (4.721859273818347 51.80436751340769)</t>
  </si>
  <si>
    <t>POINT (4.654896402924368 51.80047632523476)</t>
  </si>
  <si>
    <t>POINT (4.6698745269648665 51.808943493966616)</t>
  </si>
  <si>
    <t>POINT (4.71604078115407 51.80139341716502)</t>
  </si>
  <si>
    <t>POINT (4.686022205691007 51.79180486839115)</t>
  </si>
  <si>
    <t>POINT (4.662693604011506 51.81622312153594)</t>
  </si>
  <si>
    <t>POINT (4.686061816315552 51.78179658667847)</t>
  </si>
  <si>
    <t>POINT (4.667677067598886 51.80180408962829)</t>
  </si>
  <si>
    <t>POINT (4.672616668349962 51.81732820228255)</t>
  </si>
  <si>
    <t>POINT (4.696720525685318 51.798439662226315)</t>
  </si>
  <si>
    <t>POINT (4.714652242770516 51.810418462209455)</t>
  </si>
  <si>
    <t>POINT (4.669586821801095 51.809259439757085)</t>
  </si>
  <si>
    <t>POINT (4.66107820352921 51.80904894176599)</t>
  </si>
  <si>
    <t>POINT (4.680232860757488 51.77492338114268)</t>
  </si>
  <si>
    <t>POINT (4.720912125308384 51.80219215461532)</t>
  </si>
  <si>
    <t>POINT (4.693536673641032 51.79567760201004)</t>
  </si>
  <si>
    <t>POINT (4.679273000785244 51.78503043768553)</t>
  </si>
  <si>
    <t>POINT (4.655440149428375 51.80761037900076)</t>
  </si>
  <si>
    <t>POINT (4.655734309828112 51.80662487700435)</t>
  </si>
  <si>
    <t>POINT (4.704667199269672 51.81489780416962)</t>
  </si>
  <si>
    <t>POINT (4.6893063200849285 51.80954833217518)</t>
  </si>
  <si>
    <t>POINT (4.72169923097195 51.81274821366507)</t>
  </si>
  <si>
    <t>POINT (4.71469715507349 51.814380147621115)</t>
  </si>
  <si>
    <t>POINT (4.663298230891742 51.79919790349241)</t>
  </si>
  <si>
    <t>POINT (4.653209056502602 51.80380599176629)</t>
  </si>
  <si>
    <t>POINT (4.67175061439293 51.78047974020893)</t>
  </si>
  <si>
    <t>POINT (4.676477967030564 51.783780843889815)</t>
  </si>
  <si>
    <t>POINT (4.685269312702055 51.79212341032938)</t>
  </si>
  <si>
    <t>POINT (4.72148088184966 51.799997164714284)</t>
  </si>
  <si>
    <t>POINT (4.69806726663668 51.79635878449545)</t>
  </si>
  <si>
    <t>POINT (4.694128231688272 51.7940961252277)</t>
  </si>
  <si>
    <t>POINT (4.668447904459453 51.817738857834385)</t>
  </si>
  <si>
    <t>POINT (4.67918902051373 51.78188776967621)</t>
  </si>
  <si>
    <t>POINT (4.653563181861733 51.78726435594351)</t>
  </si>
  <si>
    <t>POINT (4.674602883062616 51.7884766786004)</t>
  </si>
  <si>
    <t>POINT (4.697900365734675 51.7987636479955)</t>
  </si>
  <si>
    <t>POINT (4.707866143824046 51.786427419961804)</t>
  </si>
  <si>
    <t>POINT (4.63261004576873 51.76884145998143)</t>
  </si>
  <si>
    <t>POINT (4.716626658396024 51.79533566488475)</t>
  </si>
  <si>
    <t>POINT (4.685328165544536 51.79220154152988)</t>
  </si>
  <si>
    <t>POINT (4.685437253150166 51.804644716766084)</t>
  </si>
  <si>
    <t>POINT (4.7046391620457655 51.7907745934733)</t>
  </si>
  <si>
    <t>POINT (4.689084483313896 51.814823158243655)</t>
  </si>
  <si>
    <t>POINT (4.658914026533138 51.804531135193635)</t>
  </si>
  <si>
    <t>POINT (4.66641810389872 51.80185086985329)</t>
  </si>
  <si>
    <t>POINT (4.668809197833282 51.80929333303461)</t>
  </si>
  <si>
    <t>POINT (4.727539006107218 51.80009902957666)</t>
  </si>
  <si>
    <t>POINT (4.672018895514255 51.812430040791206)</t>
  </si>
  <si>
    <t>POINT (4.73205855635719 51.79243579119831)</t>
  </si>
  <si>
    <t>POINT (4.664543202004718 51.8102386808013)</t>
  </si>
  <si>
    <t>POINT (4.660876559980722 51.81113262848927)</t>
  </si>
  <si>
    <t>POINT (4.630354184803153 51.78375613528546)</t>
  </si>
  <si>
    <t>POINT (4.651724693439444 51.7908606981151)</t>
  </si>
  <si>
    <t>POINT (4.702632409911503 51.788901499318584)</t>
  </si>
  <si>
    <t>POINT (4.657670782355511 51.798112025615694)</t>
  </si>
  <si>
    <t>POINT (4.708668119899148 51.80386199367021)</t>
  </si>
  <si>
    <t>POINT (4.67103214437385 51.772973089263665)</t>
  </si>
  <si>
    <t>POINT (4.6740719472943075 51.78074364571187)</t>
  </si>
  <si>
    <t>POINT (4.686625588673239 51.78035118450455)</t>
  </si>
  <si>
    <t>POINT (4.668609248846341 51.77737648302468)</t>
  </si>
  <si>
    <t>POINT (4.66687226826271 51.81197530364672)</t>
  </si>
  <si>
    <t>POINT (4.671677876498055 51.818540788538165)</t>
  </si>
  <si>
    <t>POINT (4.681637786417689 51.807153968958026)</t>
  </si>
  <si>
    <t>POINT (4.685175190728525 51.7862562456812)</t>
  </si>
  <si>
    <t>POINT (4.661851059009083 51.78877803549484)</t>
  </si>
  <si>
    <t>POINT (4.672849572411146 51.81529950229292)</t>
  </si>
  <si>
    <t>POINT (4.690251387666072 51.809220793167)</t>
  </si>
  <si>
    <t>POINT (4.6695923423524075 51.810796771233036)</t>
  </si>
  <si>
    <t>POINT (4.685158752117822 51.812020831977954)</t>
  </si>
  <si>
    <t>POINT (4.665580920351765 51.81202613789206)</t>
  </si>
  <si>
    <t>POINT (4.6579656630287385 51.80698026379262)</t>
  </si>
  <si>
    <t>POINT (4.691468841508562 51.81135138176109)</t>
  </si>
  <si>
    <t>POINT (4.675737370599767 51.77648680280493)</t>
  </si>
  <si>
    <t>POINT (4.6538226913455025 51.78564516028419)</t>
  </si>
  <si>
    <t>POINT (4.717599436614899 51.804682603167095)</t>
  </si>
  <si>
    <t>POINT (4.682778903994648 51.81140401546942)</t>
  </si>
  <si>
    <t>POINT (4.68210819171416 51.78704137686947)</t>
  </si>
  <si>
    <t>POINT (4.665317672461443 51.78940407145149)</t>
  </si>
  <si>
    <t>POINT (4.660803512362565 51.79473231434223)</t>
  </si>
  <si>
    <t>POINT (4.6585804143164395 51.813379821551244)</t>
  </si>
  <si>
    <t>POINT (4.6602306519910845 51.798055052643356)</t>
  </si>
  <si>
    <t>POINT (4.663662067488801 51.7995193003739)</t>
  </si>
  <si>
    <t>POINT (4.660339263880266 51.78339637690934)</t>
  </si>
  <si>
    <t>POINT (4.677617267736904 51.8056094885561)</t>
  </si>
  <si>
    <t>POINT (4.676869707419768 51.786357328285135)</t>
  </si>
  <si>
    <t>POINT (4.66329581478977 51.79190987849112)</t>
  </si>
  <si>
    <t>POINT (4.7256819132050865 51.79576741746432)</t>
  </si>
  <si>
    <t>POINT (4.659295203823882 51.798876132112184)</t>
  </si>
  <si>
    <t>POINT (4.724159488131753 51.805753476323595)</t>
  </si>
  <si>
    <t>POINT (4.657713438748314 51.811176387086675)</t>
  </si>
  <si>
    <t>POINT (4.657389182098423 51.79207798170437)</t>
  </si>
  <si>
    <t>POINT (4.667101281809923 51.78091236462159)</t>
  </si>
  <si>
    <t>POINT (4.707454175533896 51.80989404629792)</t>
  </si>
  <si>
    <t>POINT (4.674817816650478 51.80742362762782)</t>
  </si>
  <si>
    <t>POINT (4.717858899771011 51.80448048171861)</t>
  </si>
  <si>
    <t>POINT (4.661343456991279 51.7919608346918)</t>
  </si>
  <si>
    <t>POINT (4.718437617261615 51.799519693338425)</t>
  </si>
  <si>
    <t>POINT (4.690265142594244 51.8064226409871)</t>
  </si>
  <si>
    <t>POINT (4.703928482900708 51.81528141954131)</t>
  </si>
  <si>
    <t>POINT (4.693716914379442 51.79250985398521)</t>
  </si>
  <si>
    <t>POINT (4.646352672681895 51.786217830095985)</t>
  </si>
  <si>
    <t>POINT (4.717722075420369 51.804940180427444)</t>
  </si>
  <si>
    <t>POINT (4.676325048897326 51.81261606846625)</t>
  </si>
  <si>
    <t>POINT (4.685507963560987 51.7847079842308)</t>
  </si>
  <si>
    <t>POINT (4.6295130536426425 51.72293501109901)</t>
  </si>
  <si>
    <t>POINT (4.689231103765546 51.80951930986175)</t>
  </si>
  <si>
    <t>POINT (4.668609264952889 51.79230367558575)</t>
  </si>
  <si>
    <t>POINT (4.66651463868834 51.80131893689276)</t>
  </si>
  <si>
    <t>POINT (4.680975316425445 51.781325832386976)</t>
  </si>
  <si>
    <t>POINT (4.667094838657476 51.7737856229495)</t>
  </si>
  <si>
    <t>POINT (4.655386273451865 51.79440687416104)</t>
  </si>
  <si>
    <t>POINT (4.707602184736399 51.78645565253648)</t>
  </si>
  <si>
    <t>POINT (4.664747018353734 51.81321413743229)</t>
  </si>
  <si>
    <t>POINT (4.663697054584311 51.79457356649997)</t>
  </si>
  <si>
    <t>POINT (4.670748126463941 51.78051659610401)</t>
  </si>
  <si>
    <t>POINT (4.7037806036290615 51.81581588618323)</t>
  </si>
  <si>
    <t>POINT (4.66562212987056 51.77523967395243)</t>
  </si>
  <si>
    <t>POINT (4.66792099065081 51.79136854307051)</t>
  </si>
  <si>
    <t>POINT (4.679709514743229 51.80544254653749)</t>
  </si>
  <si>
    <t>POINT (4.712552262640044 51.80328433498126)</t>
  </si>
  <si>
    <t>POINT (4.685509117311078 51.776155516795576)</t>
  </si>
  <si>
    <t>POINT (4.72623942378599 51.814103866044455)</t>
  </si>
  <si>
    <t>POINT (4.651019904473491 51.79305480874455)</t>
  </si>
  <si>
    <t>POINT (4.683677048925607 51.77765254011023)</t>
  </si>
  <si>
    <t>POINT (4.6613596222350315 51.78930837667006)</t>
  </si>
  <si>
    <t>POINT (4.66424278668397 51.787465266883395)</t>
  </si>
  <si>
    <t>POINT (4.683737162092983 51.78989705666813)</t>
  </si>
  <si>
    <t>POINT (4.703310872692136 51.81582144637232)</t>
  </si>
  <si>
    <t>POINT (4.690233900422405 51.80633506762229)</t>
  </si>
  <si>
    <t>POINT (4.682399515815972 51.79878804971033)</t>
  </si>
  <si>
    <t>POINT (4.711792673338278 51.80696958081318)</t>
  </si>
  <si>
    <t>POINT (4.669595697996565 51.78072442625911)</t>
  </si>
  <si>
    <t>POINT (4.673982377191354 51.7772279684312)</t>
  </si>
  <si>
    <t>POINT (4.701277912852191 51.78966783569485)</t>
  </si>
  <si>
    <t>POINT (4.6512364187458415 51.79042170122475)</t>
  </si>
  <si>
    <t>POINT (4.6980352788638795 51.78906362336979)</t>
  </si>
  <si>
    <t>POINT (4.663223456994975 51.81746584898119)</t>
  </si>
  <si>
    <t>POINT (4.65386776734323 51.802849083754516)</t>
  </si>
  <si>
    <t>POINT (4.671460087980081 51.802097777943764)</t>
  </si>
  <si>
    <t>POINT (4.657732792545048 51.812530140678646)</t>
  </si>
  <si>
    <t>POINT (4.718390191286993 51.80742926021531)</t>
  </si>
  <si>
    <t>POINT (4.664873891985259 51.79719604363964)</t>
  </si>
  <si>
    <t>POINT (4.664691847888208 51.79961552426897)</t>
  </si>
  <si>
    <t>POINT (4.681608755015698 51.77505840746841)</t>
  </si>
  <si>
    <t>POINT (4.662626354627713 51.800927864110704)</t>
  </si>
  <si>
    <t>POINT (4.628838262871668 51.72257061778337)</t>
  </si>
  <si>
    <t>POINT (4.660021289973566 51.813633367852354)</t>
  </si>
  <si>
    <t>POINT (4.654355269153553 51.79347631825337)</t>
  </si>
  <si>
    <t>POINT (4.667939071533421 51.81671567001691)</t>
  </si>
  <si>
    <t>POINT (4.663823198610042 51.788313632043966)</t>
  </si>
  <si>
    <t>POINT (4.700664087545419 51.79212235039144)</t>
  </si>
  <si>
    <t>POINT (4.671385929809136 51.808990448857124)</t>
  </si>
  <si>
    <t>POINT (4.658761480713298 51.78135388993753)</t>
  </si>
  <si>
    <t>POINT (4.673179366509522 51.793810750241214)</t>
  </si>
  <si>
    <t>POINT (4.660909032210047 51.7938255401671)</t>
  </si>
  <si>
    <t>POINT (4.673270001904865 51.776142022919736)</t>
  </si>
  <si>
    <t>POINT (4.7205973206941385 51.811327013787924)</t>
  </si>
  <si>
    <t>POINT (4.656798251847425 51.79780940349214)</t>
  </si>
  <si>
    <t>POINT (4.669218342913495 51.81576309967348)</t>
  </si>
  <si>
    <t>POINT (4.6716956293726595 51.77352620559078)</t>
  </si>
  <si>
    <t>POINT (4.676665674383416 51.80474523054725)</t>
  </si>
  <si>
    <t>POINT (4.6841090637139535 51.798179076688605)</t>
  </si>
  <si>
    <t>POINT (4.66257496583839 51.80085523270427)</t>
  </si>
  <si>
    <t>POINT (4.712922564986641 51.80977834270659)</t>
  </si>
  <si>
    <t>POINT (4.659588763590828 51.77157397434746)</t>
  </si>
  <si>
    <t>POINT (4.66125201461138 51.813251040587375)</t>
  </si>
  <si>
    <t>POINT (4.681732411335943 51.81471034868373)</t>
  </si>
  <si>
    <t>POINT (4.662067673772775 51.77048490121716)</t>
  </si>
  <si>
    <t>POINT (4.650950446548542 51.790131557802276)</t>
  </si>
  <si>
    <t>POINT (4.68429581990745 51.78260638838223)</t>
  </si>
  <si>
    <t>POINT (4.671354833885057 51.80533457201874)</t>
  </si>
  <si>
    <t>POINT (4.657367329213714 51.79079278407319)</t>
  </si>
  <si>
    <t>POINT (4.684391636097608 51.8047972704382)</t>
  </si>
  <si>
    <t>POINT (4.734338514759342 51.798363997866254)</t>
  </si>
  <si>
    <t>POINT (4.67928521676172 51.800119382304125)</t>
  </si>
  <si>
    <t>POINT (4.674361835697549 51.78280151985857)</t>
  </si>
  <si>
    <t>POINT (4.676803035720211 51.77964115188746)</t>
  </si>
  <si>
    <t>POINT (4.726662229548887 51.7997867752131)</t>
  </si>
  <si>
    <t>POINT (4.715975159383894 51.80414265125843)</t>
  </si>
  <si>
    <t>POINT (4.668180993231613 51.79012411439038)</t>
  </si>
  <si>
    <t>POINT (4.734867824729099 51.79761808050473)</t>
  </si>
  <si>
    <t>POINT (4.714331323867625 51.80003494221259)</t>
  </si>
  <si>
    <t>POINT (4.660636490822709 51.80460011422227)</t>
  </si>
  <si>
    <t>POINT (4.668494186064815 51.79057225062635)</t>
  </si>
  <si>
    <t>POINT (4.686382471801852 51.81141842739729)</t>
  </si>
  <si>
    <t>POINT (4.717406162206261 51.8157348386184)</t>
  </si>
  <si>
    <t>POINT (4.663914327726282 51.79174707891435)</t>
  </si>
  <si>
    <t>POINT (4.67026740447586 51.810152166600176)</t>
  </si>
  <si>
    <t>POINT (4.6976165528018665 51.79375292727504)</t>
  </si>
  <si>
    <t>POINT (4.6748656247936715 51.815598944630715)</t>
  </si>
  <si>
    <t>POINT (4.732091437015342 51.80398502024281)</t>
  </si>
  <si>
    <t>POINT (4.658475520646992 51.81001436344913)</t>
  </si>
  <si>
    <t>POINT (4.692789195813939 51.81860515390047)</t>
  </si>
  <si>
    <t>POINT (4.6741548253187135 51.807991109830944)</t>
  </si>
  <si>
    <t>POINT (4.687414157110869 51.81077706782265)</t>
  </si>
  <si>
    <t>POINT (4.674347854395346 51.77593456678534)</t>
  </si>
  <si>
    <t>POINT (4.696036661313343 51.795466956538135)</t>
  </si>
  <si>
    <t>POINT (4.7199452141668266 51.80392524368394)</t>
  </si>
  <si>
    <t>POINT (4.664625007381049 51.81044923208158)</t>
  </si>
  <si>
    <t>POINT (4.72996783910041 51.79790593938971)</t>
  </si>
  <si>
    <t>POINT (4.656197587707168 51.75412554722228)</t>
  </si>
  <si>
    <t>POINT (4.665492618834354 51.81202527127675)</t>
  </si>
  <si>
    <t>POINT (4.714754411958894 51.816039759928856)</t>
  </si>
  <si>
    <t>POINT (4.714694270929585 51.806431961178184)</t>
  </si>
  <si>
    <t>POINT (4.663202572219645 51.81396744358628)</t>
  </si>
  <si>
    <t>POINT (4.686077406623118 51.81109001105408)</t>
  </si>
  <si>
    <t>POINT (4.663689880673457 51.81166301871675)</t>
  </si>
  <si>
    <t>POINT (4.663721046162048 51.78813907061221)</t>
  </si>
  <si>
    <t>POINT (4.6982415916497215 51.792748124412206)</t>
  </si>
  <si>
    <t>POINT (4.67095046153735 51.81554351990948)</t>
  </si>
  <si>
    <t>POINT (4.670937135760393 51.77389183886902)</t>
  </si>
  <si>
    <t>POINT (4.657080122432548 51.7833807199537)</t>
  </si>
  <si>
    <t>POINT (4.718628374721147 51.81341999865261)</t>
  </si>
  <si>
    <t>POINT (4.654358950369694 51.791481207235755)</t>
  </si>
  <si>
    <t>POINT (4.684983477641518 51.80774569072568)</t>
  </si>
  <si>
    <t>POINT (4.677645536190765 51.81651072364531)</t>
  </si>
  <si>
    <t>POINT (4.666053168586135 51.79602671389418)</t>
  </si>
  <si>
    <t>POINT (4.664083942911875 51.81064516929708)</t>
  </si>
  <si>
    <t>POINT (4.730310462656352 51.805194434742944)</t>
  </si>
  <si>
    <t>POINT (4.688218866563783 51.80458612955459)</t>
  </si>
  <si>
    <t>POINT (4.672598043430923 51.81951223607998)</t>
  </si>
  <si>
    <t>POINT (4.630067907374489 51.78418562143508)</t>
  </si>
  <si>
    <t>POINT (4.663932580108989 51.81151833188143)</t>
  </si>
  <si>
    <t>POINT (4.711723598681784 51.80507595820438)</t>
  </si>
  <si>
    <t>POINT (4.677797374194489 51.803596080174)</t>
  </si>
  <si>
    <t>POINT (4.664703412594205 51.79923750406212)</t>
  </si>
  <si>
    <t>POINT (4.663606726888085 51.817107955548565)</t>
  </si>
  <si>
    <t>POINT (4.701791870136273 51.816836400501735)</t>
  </si>
  <si>
    <t>POINT (4.676413943923707 51.77358523295091)</t>
  </si>
  <si>
    <t>POINT (4.671598983055931 51.8191625120674)</t>
  </si>
  <si>
    <t>POINT (4.665730709264541 51.80987105190719)</t>
  </si>
  <si>
    <t>POINT (4.732759836867635 51.79965211070006)</t>
  </si>
  <si>
    <t>POINT (4.657205222523036 51.79729124784008)</t>
  </si>
  <si>
    <t>POINT (4.659580548695715 51.78341186158068)</t>
  </si>
  <si>
    <t>POINT (4.7115858993379245 51.816430626232986)</t>
  </si>
  <si>
    <t>POINT (4.699712782485817 51.790149329698565)</t>
  </si>
  <si>
    <t>POINT (4.667261249919917 51.800863362451906)</t>
  </si>
  <si>
    <t>POINT (4.708323902557481 51.80374037266709)</t>
  </si>
  <si>
    <t>POINT (4.659626534093565 51.79203649955062)</t>
  </si>
  <si>
    <t>POINT (4.680428460158332 51.78985991087931)</t>
  </si>
  <si>
    <t>POINT (4.657389085114552 51.8104390686772)</t>
  </si>
  <si>
    <t>POINT (4.66727478125119 51.79474045555182)</t>
  </si>
  <si>
    <t>POINT (4.677321375357492 51.807901006553955)</t>
  </si>
  <si>
    <t>POINT (4.654623190135829 51.81208525427305)</t>
  </si>
  <si>
    <t>POINT (4.644507130351098 51.77408899089614)</t>
  </si>
  <si>
    <t>POINT (4.668439072607874 51.781660008224094)</t>
  </si>
  <si>
    <t>POINT (4.662411528118908 51.81644900009695)</t>
  </si>
  <si>
    <t>POINT (4.66511072427891 51.809280322442575)</t>
  </si>
  <si>
    <t>POINT (4.653526721464828 51.79046998877382)</t>
  </si>
  <si>
    <t>POINT (4.6587366374649815 51.806814833766836)</t>
  </si>
  <si>
    <t>POINT (4.668492749161269 51.79261770107975)</t>
  </si>
  <si>
    <t>POINT (4.733375681187146 51.802604436978825)</t>
  </si>
  <si>
    <t>POINT (4.704009648882494 51.798905653768315)</t>
  </si>
  <si>
    <t>POINT (4.706909272958142 51.80662044043696)</t>
  </si>
  <si>
    <t>POINT (4.728322532888819 51.80045573288261)</t>
  </si>
  <si>
    <t>POINT (4.669581014340223 51.81943028646591)</t>
  </si>
  <si>
    <t>POINT (4.660923212853932 51.8160468319519)</t>
  </si>
  <si>
    <t>POINT (4.654263445295401 51.79144888942438)</t>
  </si>
  <si>
    <t>POINT (4.699539790457711 51.790356547410674)</t>
  </si>
  <si>
    <t>POINT (4.663064395922011 51.79407635432718)</t>
  </si>
  <si>
    <t>POINT (4.681274378714359 51.807969410789944)</t>
  </si>
  <si>
    <t>POINT (4.6811785988604315 51.80756779600226)</t>
  </si>
  <si>
    <t>POINT (4.671643363781428 51.772878366683365)</t>
  </si>
  <si>
    <t>POINT (4.687350423221305 51.81083410732036)</t>
  </si>
  <si>
    <t>POINT (4.753584340336871 51.81096156599756)</t>
  </si>
  <si>
    <t>POINT (4.727831127304509 51.801374964227634)</t>
  </si>
  <si>
    <t>POINT (4.681481736459079 51.77929249958553)</t>
  </si>
  <si>
    <t>POINT (4.668627717681541 51.792301847054574)</t>
  </si>
  <si>
    <t>POINT (4.662997962055158 51.81678485085713)</t>
  </si>
  <si>
    <t>POINT (4.7283052768999285 51.79964617288009)</t>
  </si>
  <si>
    <t>POINT (4.727516665112199 51.80245016156739)</t>
  </si>
  <si>
    <t>POINT (4.6747621158924275 51.80410717717814)</t>
  </si>
  <si>
    <t>POINT (4.679248508898744 51.78216035149731)</t>
  </si>
  <si>
    <t>POINT (4.706691818202471 51.789640597972294)</t>
  </si>
  <si>
    <t>POINT (4.671437352301452 51.78015344451912)</t>
  </si>
  <si>
    <t>POINT (4.657257344124636 51.81084825930126)</t>
  </si>
  <si>
    <t>POINT (4.68164201658903 51.80309982400921)</t>
  </si>
  <si>
    <t>POINT (4.728903855931944 51.792278610136975)</t>
  </si>
  <si>
    <t>POINT (4.731042935266412 51.80344021215419)</t>
  </si>
  <si>
    <t>POINT (4.695561476196017 51.81812696859509)</t>
  </si>
  <si>
    <t>POINT (4.672956315491185 51.77171967984189)</t>
  </si>
  <si>
    <t>POINT (4.669854822829772 51.79110035909566)</t>
  </si>
  <si>
    <t>POINT (4.674300966967265 51.778614903368265)</t>
  </si>
  <si>
    <t>POINT (4.6368668062677365 51.7790230067046)</t>
  </si>
  <si>
    <t>POINT (4.691531675781247 51.818933028363034)</t>
  </si>
  <si>
    <t>POINT (4.727837475422323 51.80126899686605)</t>
  </si>
  <si>
    <t>POINT (4.68087539992419 51.806359673560664)</t>
  </si>
  <si>
    <t>POINT (4.697752259589504 51.790519797801345)</t>
  </si>
  <si>
    <t>POINT (4.6804808052168605 51.78116989324536)</t>
  </si>
  <si>
    <t>POINT (4.667797242343465 51.81426383194995)</t>
  </si>
  <si>
    <t>POINT (4.634832404799928 51.76962167935236)</t>
  </si>
  <si>
    <t>POINT (4.72987812196675 51.79629400678362)</t>
  </si>
  <si>
    <t>POINT (4.660335506063098 51.78940729332208)</t>
  </si>
  <si>
    <t>POINT (4.696822149184438 51.79235146026459)</t>
  </si>
  <si>
    <t>POINT (4.668419443806488 51.79619033941722)</t>
  </si>
  <si>
    <t>POINT (4.6882158793692374 51.807369057038)</t>
  </si>
  <si>
    <t>POINT (4.700125696631147 51.79954150118933)</t>
  </si>
  <si>
    <t>POINT (4.674443417059452 51.78518489337229)</t>
  </si>
  <si>
    <t>POINT (4.674045179904537 51.774954602265844)</t>
  </si>
  <si>
    <t>POINT (4.66952814490199 51.774966752082385)</t>
  </si>
  <si>
    <t>POINT (4.690475109119646 51.805681648839936)</t>
  </si>
  <si>
    <t>POINT (4.707040461599161 51.81120342529889)</t>
  </si>
  <si>
    <t>POINT (4.6552203312198035 51.788296760937804)</t>
  </si>
  <si>
    <t>POINT (4.66601764466577 51.80205474448586)</t>
  </si>
  <si>
    <t>POINT (4.682522727468429 51.80463022491564)</t>
  </si>
  <si>
    <t>POINT (4.671494707561095 51.78220488254155)</t>
  </si>
  <si>
    <t>POINT (4.673194427985743 51.81608549379037)</t>
  </si>
  <si>
    <t>POINT (4.7345491400478235 51.79981108189168)</t>
  </si>
  <si>
    <t>POINT (4.676087180880686 51.81703253959411)</t>
  </si>
  <si>
    <t>POINT (4.702967972727572 51.79516179128655)</t>
  </si>
  <si>
    <t>POINT (4.687953669478148 51.81047179294742)</t>
  </si>
  <si>
    <t>POINT (4.688455137654792 51.80734157444912)</t>
  </si>
  <si>
    <t>POINT (4.660131002444766 51.789551292516215)</t>
  </si>
  <si>
    <t>POINT (4.653290827484286 51.79207858928355)</t>
  </si>
  <si>
    <t>POINT (4.660170807986271 51.78340415983566)</t>
  </si>
  <si>
    <t>POINT (4.663068272732526 51.80574149257564)</t>
  </si>
  <si>
    <t>POINT (4.678735132774957 51.805503228645335)</t>
  </si>
  <si>
    <t>POINT (4.658074007258632 51.80425774963782)</t>
  </si>
  <si>
    <t>POINT (4.6857844315459065 51.791743034053646)</t>
  </si>
  <si>
    <t>POINT (4.670521071780139 51.80858028391784)</t>
  </si>
  <si>
    <t>POINT (4.653672000366544 51.78532540622732)</t>
  </si>
  <si>
    <t>POINT (4.660001768463094 51.787849108672226)</t>
  </si>
  <si>
    <t>POINT (4.655625231464161 51.807845418837125)</t>
  </si>
  <si>
    <t>POINT (4.654454945028132 51.76707123039488)</t>
  </si>
  <si>
    <t>POINT (4.732900468904254 51.80239802466726)</t>
  </si>
  <si>
    <t>POINT (4.729356512978426 51.797294539518894)</t>
  </si>
  <si>
    <t>POINT (4.7174033178088335 51.802221659904944)</t>
  </si>
  <si>
    <t>POINT (4.708677206474148 51.78795137912917)</t>
  </si>
  <si>
    <t>POINT (4.710774494316205 51.805983764518764)</t>
  </si>
  <si>
    <t>POINT (4.708682322960044 51.79727075713911)</t>
  </si>
  <si>
    <t>POINT (4.666832338368363 51.80902321189588)</t>
  </si>
  <si>
    <t>POINT (4.691550991285045 51.81923871202717)</t>
  </si>
  <si>
    <t>POINT (4.7276955078369145 51.80425241811901)</t>
  </si>
  <si>
    <t>POINT (4.658671261700421 51.79817152737795)</t>
  </si>
  <si>
    <t>POINT (4.664398245225542 51.81773489432432)</t>
  </si>
  <si>
    <t>POINT (4.714435687026419 51.80320676353237)</t>
  </si>
  <si>
    <t>POINT (4.674892634839531 51.80384020578618)</t>
  </si>
  <si>
    <t>POINT (4.73267625913178 51.800835879536045)</t>
  </si>
  <si>
    <t>POINT (4.684199658915765 51.81924125414895)</t>
  </si>
  <si>
    <t>POINT (4.666522033304928 51.79635138126832)</t>
  </si>
  <si>
    <t>POINT (4.681091165635074 51.7858702618366)</t>
  </si>
  <si>
    <t>POINT (4.646616956635566 51.77904354685857)</t>
  </si>
  <si>
    <t>POINT (4.719692608680927 51.802140693509976)</t>
  </si>
  <si>
    <t>POINT (4.726893250004777 51.80557881786736)</t>
  </si>
  <si>
    <t>POINT (4.695532842232292 51.79099507912167)</t>
  </si>
  <si>
    <t>POINT (4.705932267309673 51.81602010602001)</t>
  </si>
  <si>
    <t>POINT (4.679301051699865 51.78522768413397)</t>
  </si>
  <si>
    <t>POINT (4.712701124727332 51.76796118033498)</t>
  </si>
  <si>
    <t>POINT (4.711987315985075 51.80404255887956)</t>
  </si>
  <si>
    <t>POINT (4.652288358514065 51.80294248198684)</t>
  </si>
  <si>
    <t>POINT (4.659627445340347 51.80880727441899)</t>
  </si>
  <si>
    <t>POINT (4.664917285574437 51.79332464493836)</t>
  </si>
  <si>
    <t>POINT (4.667498662712171 51.800913852280566)</t>
  </si>
  <si>
    <t>POINT (4.6967620747925105 51.790539070691935)</t>
  </si>
  <si>
    <t>POINT (4.6560085295577425 51.80307236602131)</t>
  </si>
  <si>
    <t>POINT (4.696951372628111 51.78950572279712)</t>
  </si>
  <si>
    <t>POINT (4.728338510875857 51.80249808650082)</t>
  </si>
  <si>
    <t>POINT (4.6793623866590375 51.80036339618579)</t>
  </si>
  <si>
    <t>POINT (4.683946427998895 51.785960429456395)</t>
  </si>
  <si>
    <t>POINT (4.7286763252271955 51.80129279069138)</t>
  </si>
  <si>
    <t>POINT (4.76330356894819 51.793495373189714)</t>
  </si>
  <si>
    <t>POINT (4.6833044708797775 51.80363449576244)</t>
  </si>
  <si>
    <t>POINT (4.671705298200612 51.810041968471786)</t>
  </si>
  <si>
    <t>POINT (4.651461222355648 51.794104528423205)</t>
  </si>
  <si>
    <t>POINT (4.728558932106623 51.80068729517486)</t>
  </si>
  <si>
    <t>POINT (4.680828184384366 51.77508835135648)</t>
  </si>
  <si>
    <t>POINT (4.678638965469532 51.78978953887221)</t>
  </si>
  <si>
    <t>POINT (4.6627719860066685 51.78791645985217)</t>
  </si>
  <si>
    <t>POINT (4.6722387894247595 51.796335940902274)</t>
  </si>
  <si>
    <t>POINT (4.720395182684585 51.80067119750716)</t>
  </si>
  <si>
    <t>POINT (4.6769489830802495 51.80450365821432)</t>
  </si>
  <si>
    <t>POINT (4.685930608143392 51.80253646109906)</t>
  </si>
  <si>
    <t>POINT (4.671148851647331 51.77185076969992)</t>
  </si>
  <si>
    <t>POINT (4.67863615887472 51.789910096232525)</t>
  </si>
  <si>
    <t>POINT (4.67274950899153 51.807969797996826)</t>
  </si>
  <si>
    <t>POINT (4.68086545230657 51.80163491426081)</t>
  </si>
  <si>
    <t>POINT (4.676673237499398 51.81292443010742)</t>
  </si>
  <si>
    <t>POINT (4.703477969502522 51.79027807489929)</t>
  </si>
  <si>
    <t>POINT (4.678743804525802 51.817290266846975)</t>
  </si>
  <si>
    <t>POINT (4.755170124645387 51.815731625017335)</t>
  </si>
  <si>
    <t>POINT (4.678228414719544 51.78134931501964)</t>
  </si>
  <si>
    <t>POINT (4.671415610683737 51.805324857481985)</t>
  </si>
  <si>
    <t>POINT (4.675827672255098 51.78489020633625)</t>
  </si>
  <si>
    <t>POINT (4.67079100500481 51.77337453566592)</t>
  </si>
  <si>
    <t>POINT (4.7205140015312415 51.81226418094774)</t>
  </si>
  <si>
    <t>POINT (4.68648055963256 51.77920406174239)</t>
  </si>
  <si>
    <t>POINT (4.663216275394946 51.8166117096348)</t>
  </si>
  <si>
    <t>POINT (4.660881394970498 51.81609579515957)</t>
  </si>
  <si>
    <t>POINT (4.630350379262769 51.722660402857585)</t>
  </si>
  <si>
    <t>POINT (4.677518430071161 51.81537300575955)</t>
  </si>
  <si>
    <t>POINT (4.663624889102458 51.800885136822565)</t>
  </si>
  <si>
    <t>POINT (4.683572510023043 51.81284536292408)</t>
  </si>
  <si>
    <t>POINT (4.659942408641865 51.80652496725846)</t>
  </si>
  <si>
    <t>POINT (4.662905403432965 51.78668377232591)</t>
  </si>
  <si>
    <t>POINT (4.658368526964326 51.81079243391627)</t>
  </si>
  <si>
    <t>POINT (4.682979762165627 51.79988825153547)</t>
  </si>
  <si>
    <t>POINT (4.666071091194645 51.80000522001331)</t>
  </si>
  <si>
    <t>POINT (4.716864287721864 51.80607205013828)</t>
  </si>
  <si>
    <t>POINT (4.6671557446172445 51.787972519355094)</t>
  </si>
  <si>
    <t>POINT (4.660661187607286 51.80582467069012)</t>
  </si>
  <si>
    <t>POINT (4.6800350063348395 51.81563567289443)</t>
  </si>
  <si>
    <t>POINT (4.681734629501362 51.80725519737279)</t>
  </si>
  <si>
    <t>POINT (4.66388593473776 51.81068633959913)</t>
  </si>
  <si>
    <t>POINT (4.652080966457989 51.79203739641425)</t>
  </si>
  <si>
    <t>POINT (4.673299693856615 51.77766167308447)</t>
  </si>
  <si>
    <t>POINT (4.662798946452154 51.78629958473894)</t>
  </si>
  <si>
    <t>POINT (4.665093737995966 51.81208393150948)</t>
  </si>
  <si>
    <t>POINT (4.671356786886022 51.818420521670205)</t>
  </si>
  <si>
    <t>POINT (4.681220832613332 51.80119239219713)</t>
  </si>
  <si>
    <t>POINT (4.675846302668921 51.78561508709746)</t>
  </si>
  <si>
    <t>POINT (4.672518895647557 51.78131902530523)</t>
  </si>
  <si>
    <t>POINT (4.719300176879623 51.80047652244224)</t>
  </si>
  <si>
    <t>POINT (4.683203964024891 51.77757138294642)</t>
  </si>
  <si>
    <t>POINT (4.685664465652371 51.813442330064994)</t>
  </si>
  <si>
    <t>POINT (4.671059956330983 51.81211725648046)</t>
  </si>
  <si>
    <t>POINT (4.722926064018019 51.80365784592099)</t>
  </si>
  <si>
    <t>POINT (4.660072216174046 51.81294495253061)</t>
  </si>
  <si>
    <t>POINT (4.749303317098322 51.81742247855336)</t>
  </si>
  <si>
    <t>POINT (4.6693664880368155 51.773929606594194)</t>
  </si>
  <si>
    <t>POINT (4.685187568869341 51.8037109182039)</t>
  </si>
  <si>
    <t>POINT (4.683481566135566 51.81188481926667)</t>
  </si>
  <si>
    <t>POINT (4.712126411992297 51.8009900941026)</t>
  </si>
  <si>
    <t>POINT (4.659450869643621 51.81034274166199)</t>
  </si>
  <si>
    <t>POINT (4.6653716183258735 51.77565528084174)</t>
  </si>
  <si>
    <t>POINT (4.676591217018268 51.774122034290855)</t>
  </si>
  <si>
    <t>POINT (4.669550967071202 51.774686938211254)</t>
  </si>
  <si>
    <t>POINT (4.731426980599991 51.79757217601646)</t>
  </si>
  <si>
    <t>POINT (4.723730624081189 51.79831028972111)</t>
  </si>
  <si>
    <t>POINT (4.656687255934716 51.81083644218502)</t>
  </si>
  <si>
    <t>POINT (4.669547174045348 51.77262902938901)</t>
  </si>
  <si>
    <t>POINT (4.712007274160889 51.79499196142537)</t>
  </si>
  <si>
    <t>POINT (4.676268854133603 51.80561632868636)</t>
  </si>
  <si>
    <t>POINT (4.67284418372847 51.794097893981345)</t>
  </si>
  <si>
    <t>POINT (4.668580501088424 51.808034371352534)</t>
  </si>
  <si>
    <t>POINT (4.659410210571091 51.811690154211384)</t>
  </si>
  <si>
    <t>POINT (4.709611273660596 51.794173689596775)</t>
  </si>
  <si>
    <t>POINT (4.663978262019373 51.791759985351625)</t>
  </si>
  <si>
    <t>POINT (4.658745892599283 51.80975948702731)</t>
  </si>
  <si>
    <t>POINT (4.6625149403015405 51.80614992023796)</t>
  </si>
  <si>
    <t>POINT (4.657918962267351 51.8019529474371)</t>
  </si>
  <si>
    <t>POINT (4.678169437864366 51.807731690721276)</t>
  </si>
  <si>
    <t>POINT (4.668326327604029 51.791894493460994)</t>
  </si>
  <si>
    <t>POINT (4.697044116706344 51.7933188149862)</t>
  </si>
  <si>
    <t>POINT (4.716553384523935 51.795253440302375)</t>
  </si>
  <si>
    <t>POINT (4.68581762013754 51.81164523442616)</t>
  </si>
  <si>
    <t>POINT (4.698055667859615 51.79405979202287)</t>
  </si>
  <si>
    <t>POINT (4.672646353697309 51.78094638403776)</t>
  </si>
  <si>
    <t>POINT (4.710794468581397 51.8098759187764)</t>
  </si>
  <si>
    <t>POINT (4.679779985054066 51.785737329111186)</t>
  </si>
  <si>
    <t>POINT (4.73511777359046 51.80188042511578)</t>
  </si>
  <si>
    <t>POINT (4.6825584445383575 51.80994124253387)</t>
  </si>
  <si>
    <t>POINT (4.682923235229747 51.77931539301369)</t>
  </si>
  <si>
    <t>POINT (4.680111314384239 51.81508218828766)</t>
  </si>
  <si>
    <t>POINT (4.67676013634498 51.8083613266752)</t>
  </si>
  <si>
    <t>POINT (4.656960939369579 51.798777330808946)</t>
  </si>
  <si>
    <t>POINT (4.6675456227751155 51.79053827384616)</t>
  </si>
  <si>
    <t>POINT (4.671211081303207 51.777831727125516)</t>
  </si>
  <si>
    <t>POINT (4.662492659287672 51.79954610522761)</t>
  </si>
  <si>
    <t>POINT (4.653294364303319 51.79236103670691)</t>
  </si>
  <si>
    <t>POINT (4.6736836241974595 51.771472018542724)</t>
  </si>
  <si>
    <t>POINT (4.719461027809458 51.81301844403585)</t>
  </si>
  <si>
    <t>POINT (4.6482785933895165 51.8067423777504)</t>
  </si>
  <si>
    <t>POINT (4.675138556156251 51.77162938185951)</t>
  </si>
  <si>
    <t>POINT (4.657389874990887 51.79864028835485)</t>
  </si>
  <si>
    <t>POINT (4.721046507469842 51.795262391130926)</t>
  </si>
  <si>
    <t>POINT (4.7305304248451545 51.80408179429099)</t>
  </si>
  <si>
    <t>POINT (4.669609065555025 51.79627410647778)</t>
  </si>
  <si>
    <t>POINT (4.665710748525459 51.81841510745751)</t>
  </si>
  <si>
    <t>POINT (4.680745843399576 51.782137352452665)</t>
  </si>
  <si>
    <t>POINT (4.673809611129917 51.77850193001382)</t>
  </si>
  <si>
    <t>POINT (4.702376566292814 51.79615411409937)</t>
  </si>
  <si>
    <t>POINT (4.667902365281047 51.815704839520215)</t>
  </si>
  <si>
    <t>POINT (4.6830314235149455 51.80492627358343)</t>
  </si>
  <si>
    <t>POINT (4.682668664721666 51.77521280515737)</t>
  </si>
  <si>
    <t>POINT (4.672437885033387 51.79697732852337)</t>
  </si>
  <si>
    <t>POINT (4.670894428779157 51.773612873952644)</t>
  </si>
  <si>
    <t>POINT (4.685348617932508 51.78213610297879)</t>
  </si>
  <si>
    <t>POINT (4.627890037153517 51.72578920965336)</t>
  </si>
  <si>
    <t>POINT (4.656531778639939 51.80042258434503)</t>
  </si>
  <si>
    <t>POINT (4.678967790719775 51.78928434657869)</t>
  </si>
  <si>
    <t>POINT (4.700858451252993 51.79909847800367)</t>
  </si>
  <si>
    <t>POINT (4.660123776912546 51.813332144921354)</t>
  </si>
  <si>
    <t>POINT (4.72612107961201 51.79710784390931)</t>
  </si>
  <si>
    <t>POINT (4.690983457711796 51.818792161308885)</t>
  </si>
  <si>
    <t>POINT (4.6575526361472654 51.81094047699941)</t>
  </si>
  <si>
    <t>POINT (4.660289519159323 51.79318436818796)</t>
  </si>
  <si>
    <t>POINT (4.655497868697149 51.79184889851338)</t>
  </si>
  <si>
    <t>POINT (4.7266096741734085 51.79219349072601)</t>
  </si>
  <si>
    <t>POINT (4.678953836811449 51.780596480336925)</t>
  </si>
  <si>
    <t>POINT (4.676389369934498 51.773680004796496)</t>
  </si>
  <si>
    <t>POINT (4.662445991202036 51.803083595988255)</t>
  </si>
  <si>
    <t>POINT (4.709476599166421 51.805968176747136)</t>
  </si>
  <si>
    <t>POINT (4.660968871578082 51.801603876482226)</t>
  </si>
  <si>
    <t>POINT (4.686476256419969 51.78001317146245)</t>
  </si>
  <si>
    <t>POINT (4.65550189276643 51.79186264937135)</t>
  </si>
  <si>
    <t>POINT (4.698082063294757 51.80077893145814)</t>
  </si>
  <si>
    <t>POINT (4.683073452907672 51.81433021810424)</t>
  </si>
  <si>
    <t>POINT (4.661710932706176 51.816672929720454)</t>
  </si>
  <si>
    <t>POINT (4.668059351360515 51.791975616134195)</t>
  </si>
  <si>
    <t>POINT (4.656372201411337 51.80446911113564)</t>
  </si>
  <si>
    <t>POINT (4.6664379198968895 51.78931051097965)</t>
  </si>
  <si>
    <t>POINT (4.711324274320614 51.80082863324307)</t>
  </si>
  <si>
    <t>POINT (4.7127879729883455 51.81632191925783)</t>
  </si>
  <si>
    <t>POINT (4.719488427223255 51.801005685910184)</t>
  </si>
  <si>
    <t>POINT (4.666209263732433 51.81277705814277)</t>
  </si>
  <si>
    <t>POINT (4.7215228247728085 51.82014632919476)</t>
  </si>
  <si>
    <t>POINT (4.699474375553509 51.80055122907509)</t>
  </si>
  <si>
    <t>POINT (4.704100083441404 51.80696441279753)</t>
  </si>
  <si>
    <t>POINT (4.655599300213885 51.79147745247335)</t>
  </si>
  <si>
    <t>POINT (4.670231117604108 51.81427345939019)</t>
  </si>
  <si>
    <t>POINT (4.692793900954912 51.79518829602008)</t>
  </si>
  <si>
    <t>POINT (4.688575248286966 51.81884205677184)</t>
  </si>
  <si>
    <t>POINT (4.683426768313849 51.798026564894634)</t>
  </si>
  <si>
    <t>POINT (4.653120341443035 51.767385255630664)</t>
  </si>
  <si>
    <t>POINT (4.658973484144508 51.80928013067074)</t>
  </si>
  <si>
    <t>POINT (4.732300873198257 51.79563907004734)</t>
  </si>
  <si>
    <t>POINT (4.665386564861346 51.78892933451743)</t>
  </si>
  <si>
    <t>POINT (4.669966463325172 51.77896123060933)</t>
  </si>
  <si>
    <t>POINT (4.668539125402316 51.81461517851295)</t>
  </si>
  <si>
    <t>POINT (4.668996627555813 51.779124616385324)</t>
  </si>
  <si>
    <t>POINT (4.713593119323402 51.81137001933875)</t>
  </si>
  <si>
    <t>POINT (4.667264184582556 51.814535787271666)</t>
  </si>
  <si>
    <t>POINT (4.667195357892387 51.81459739587241)</t>
  </si>
  <si>
    <t>POINT (4.681817400263044 51.806155598403265)</t>
  </si>
  <si>
    <t>POINT (4.665224104029614 51.78767996547419)</t>
  </si>
  <si>
    <t>POINT (4.702353443425022 51.79544951937806)</t>
  </si>
  <si>
    <t>POINT (4.636619648863212 51.76748927024275)</t>
  </si>
  <si>
    <t>POINT (4.6821394268744045 51.778956151730426)</t>
  </si>
  <si>
    <t>POINT (4.653790303117171 51.78546211828762)</t>
  </si>
  <si>
    <t>POINT (4.6776533961896725 51.79072856306669)</t>
  </si>
  <si>
    <t>POINT (4.666790545147953 51.81795279257903)</t>
  </si>
  <si>
    <t>POINT (4.667965682652669 51.813680564524915)</t>
  </si>
  <si>
    <t>POINT (4.729515146402165 51.79355156827026)</t>
  </si>
  <si>
    <t>POINT (4.686438444376372 51.80707441393702)</t>
  </si>
  <si>
    <t>POINT (4.696702554340617 51.7942346655085)</t>
  </si>
  <si>
    <t>POINT (4.692610413335615 51.787348488654445)</t>
  </si>
  <si>
    <t>POINT (4.654644414932435 51.79853036107077)</t>
  </si>
  <si>
    <t>POINT (4.714565276389283 51.80897808220002)</t>
  </si>
  <si>
    <t>POINT (4.664518967153336 51.80066660404026)</t>
  </si>
  <si>
    <t>POINT (4.727096492704064 51.7974569447809)</t>
  </si>
  <si>
    <t>POINT (4.682344919679812 51.779197690707704)</t>
  </si>
  <si>
    <t>POINT (4.671305647971398 51.80589922855762)</t>
  </si>
  <si>
    <t>POINT (4.657324611126566 51.791431678403896)</t>
  </si>
  <si>
    <t>POINT (4.67585415856817 51.78523262066438)</t>
  </si>
  <si>
    <t>POINT (4.649969097858061 51.79320141360479)</t>
  </si>
  <si>
    <t>POINT (4.6771296857241635 51.78993271746391)</t>
  </si>
  <si>
    <t>POINT (4.682042967070714 51.78182322739595)</t>
  </si>
  <si>
    <t>POINT (4.707661097355558 51.79537546607078)</t>
  </si>
  <si>
    <t>POINT (4.68024724219153 51.81215267521268)</t>
  </si>
  <si>
    <t>POINT (4.672950962257743 51.78206018707691)</t>
  </si>
  <si>
    <t>POINT (4.656934334962781 51.80972501855022)</t>
  </si>
  <si>
    <t>POINT (4.668270139133576 51.77466579057475)</t>
  </si>
  <si>
    <t>POINT (4.642903499403351 51.770515472387004)</t>
  </si>
  <si>
    <t>POINT (4.706007443889487 51.81535156268091)</t>
  </si>
  <si>
    <t>POINT (4.669273705805948 51.77099308088873)</t>
  </si>
  <si>
    <t>POINT (4.650884992609128 51.78968548647913)</t>
  </si>
  <si>
    <t>POINT (4.676631670210627 51.77857853887545)</t>
  </si>
  <si>
    <t>POINT (4.6601493697915 51.80206861337163)</t>
  </si>
  <si>
    <t>POINT (4.653028807919206 51.792367312142645)</t>
  </si>
  <si>
    <t>POINT (4.667371403262407 51.789762882297275)</t>
  </si>
  <si>
    <t>POINT (4.6776748417007035 51.78194654779276)</t>
  </si>
  <si>
    <t>POINT (4.664447587605584 51.798668472144485)</t>
  </si>
  <si>
    <t>POINT (4.679508296616086 51.77900168081457)</t>
  </si>
  <si>
    <t>POINT (4.685725296214611 51.789411267215385)</t>
  </si>
  <si>
    <t>POINT (4.674013936230706 51.77217998332264)</t>
  </si>
  <si>
    <t>POINT (4.656719812667871 51.78677149196166)</t>
  </si>
  <si>
    <t>POINT (4.7158050493476145 51.80323347410546)</t>
  </si>
  <si>
    <t>POINT (4.667110061258974 51.77697467024704)</t>
  </si>
  <si>
    <t>POINT (4.712097557508854 51.803335184192214)</t>
  </si>
  <si>
    <t>POINT (4.66770876604299 51.77453937344433)</t>
  </si>
  <si>
    <t>POINT (4.712102717074761 51.81528000754397)</t>
  </si>
  <si>
    <t>POINT (4.658847542073876 51.79240464307147)</t>
  </si>
  <si>
    <t>POINT (4.705424341164486 51.79032702016549)</t>
  </si>
  <si>
    <t>POINT (4.6677474682157065 51.775835594934854)</t>
  </si>
  <si>
    <t>POINT (4.693024358673886 51.79515274335181)</t>
  </si>
  <si>
    <t>POINT (4.7045295175023725 51.78884768336049)</t>
  </si>
  <si>
    <t>POINT (4.676410250651519 51.81841538928303)</t>
  </si>
  <si>
    <t>POINT (4.667228146633286 51.80298058882172)</t>
  </si>
  <si>
    <t>POINT (4.669144991320555 51.81207701562254)</t>
  </si>
  <si>
    <t>POINT (4.716775133545922 51.80310098220259)</t>
  </si>
  <si>
    <t>POINT (4.674362055554047 51.7793996291806)</t>
  </si>
  <si>
    <t>POINT (4.657129384397638 51.8021727006229)</t>
  </si>
  <si>
    <t>POINT (4.6607774835489915 51.79688598970417)</t>
  </si>
  <si>
    <t>POINT (4.682125442020903 51.819262536926445)</t>
  </si>
  <si>
    <t>POINT (4.674970475152897 51.777064230062976)</t>
  </si>
  <si>
    <t>POINT (4.692364682463158 51.786053741578954)</t>
  </si>
  <si>
    <t>POINT (4.694886634850715 51.818294250433624)</t>
  </si>
  <si>
    <t>POINT (4.685766593540491 51.815886067309336)</t>
  </si>
  <si>
    <t>POINT (4.6698240153096044 51.78928583779492)</t>
  </si>
  <si>
    <t>POINT (4.666995534188648 51.796244474017435)</t>
  </si>
  <si>
    <t>POINT (4.732207298734552 51.80162305816926)</t>
  </si>
  <si>
    <t>POINT (4.650443872081322 51.79386101263442)</t>
  </si>
  <si>
    <t>POINT (4.712321346920592 51.81100165660415)</t>
  </si>
  <si>
    <t>POINT (4.726429002377966 51.80016498945205)</t>
  </si>
  <si>
    <t>POINT (4.726196553272855 51.797897049757346)</t>
  </si>
  <si>
    <t>POINT (4.680171391276076 51.77445558889896)</t>
  </si>
  <si>
    <t>POINT (4.680931853037058 51.80809424276714)</t>
  </si>
  <si>
    <t>POINT (4.660156260518851 51.789029088270176)</t>
  </si>
  <si>
    <t>POINT (4.660789299676774 51.80734900179668)</t>
  </si>
  <si>
    <t>POINT (4.673627406847971 51.80402782425805)</t>
  </si>
  <si>
    <t>POINT (4.6807750037855795 51.80157710286356)</t>
  </si>
  <si>
    <t>POINT (4.724571517811419 51.80600746766027)</t>
  </si>
  <si>
    <t>POINT (4.653741259869742 51.808399631139416)</t>
  </si>
  <si>
    <t>POINT (4.6598263056758995 51.81133416641309)</t>
  </si>
  <si>
    <t>POINT (4.675668129568476 51.7738438101085)</t>
  </si>
  <si>
    <t>POINT (4.704464387529111 51.79790400658077)</t>
  </si>
  <si>
    <t>POINT (4.669932014951504 51.80141973324853)</t>
  </si>
  <si>
    <t>POINT (4.68703943602725 51.81102225459474)</t>
  </si>
  <si>
    <t>POINT (4.676790620847903 51.786487778712655)</t>
  </si>
  <si>
    <t>POINT (4.665844437813737 51.802374297319474)</t>
  </si>
  <si>
    <t>POINT (4.729200655284638 51.79934578157602)</t>
  </si>
  <si>
    <t>POINT (4.684911773054651 51.80798313771059)</t>
  </si>
  <si>
    <t>POINT (4.703043897355876 51.7885337373026)</t>
  </si>
  <si>
    <t>POINT (4.714702578064956 51.81446868081494)</t>
  </si>
  <si>
    <t>POINT (4.652535352348182 51.78564996756569)</t>
  </si>
  <si>
    <t>POINT (4.6984110409645385 51.79324671432364)</t>
  </si>
  <si>
    <t>POINT (4.678072806120356 51.77983106353164)</t>
  </si>
  <si>
    <t>POINT (4.707380161837792 51.80796282889154)</t>
  </si>
  <si>
    <t>POINT (4.652193675301487 51.79466405558343)</t>
  </si>
  <si>
    <t>POINT (4.667927826161296 51.77746219327912)</t>
  </si>
  <si>
    <t>POINT (4.657460633933116 51.76969091616271)</t>
  </si>
  <si>
    <t>POINT (4.69191189253404 51.81832858348596)</t>
  </si>
  <si>
    <t>POINT (4.664562002530218 51.81082453506304)</t>
  </si>
  <si>
    <t>POINT (4.676410226101889 51.78534688503053)</t>
  </si>
  <si>
    <t>POINT (4.65471784647218 51.794131881924756)</t>
  </si>
  <si>
    <t>POINT (4.677543898295133 51.81593398959208)</t>
  </si>
  <si>
    <t>POINT (4.70694401728627 51.810524556022365)</t>
  </si>
  <si>
    <t>POINT (4.729917721000812 51.80337762769923)</t>
  </si>
  <si>
    <t>POINT (4.671670138794954 51.77192145657031)</t>
  </si>
  <si>
    <t>POINT (4.715413878155154 51.803233994710986)</t>
  </si>
  <si>
    <t>POINT (4.676795217076872 51.80833254159717)</t>
  </si>
  <si>
    <t>POINT (4.6603672500163 51.791044639148815)</t>
  </si>
  <si>
    <t>POINT (4.6667771302234025 51.78926435227373)</t>
  </si>
  <si>
    <t>POINT (4.6676219814453255 51.80070409353591)</t>
  </si>
  <si>
    <t>POINT (4.686570402653087 51.779519679203396)</t>
  </si>
  <si>
    <t>POINT (4.671652130205481 51.792810882125345)</t>
  </si>
  <si>
    <t>POINT (4.669579056632421 51.80557349366407)</t>
  </si>
  <si>
    <t>POINT (4.64483602453582 51.773964134256325)</t>
  </si>
  <si>
    <t>POINT (4.674034356858214 51.77938277880633)</t>
  </si>
  <si>
    <t>POINT (4.694807903485647 51.796762026033036)</t>
  </si>
  <si>
    <t>POINT (4.65737859168275 51.805821351135926)</t>
  </si>
  <si>
    <t>POINT (4.670893650154114 51.777444478858584)</t>
  </si>
  <si>
    <t>POINT (4.6563232594706365 51.80948642952981)</t>
  </si>
  <si>
    <t>POINT (4.697880619233144 51.80105550687618)</t>
  </si>
  <si>
    <t>POINT (4.695332518366797 51.79682305287517)</t>
  </si>
  <si>
    <t>POINT (4.674562259384682 51.787952507644114)</t>
  </si>
  <si>
    <t>POINT (4.692389900344148 51.819158846563084)</t>
  </si>
  <si>
    <t>POINT (4.660946382606028 51.790427825384796)</t>
  </si>
  <si>
    <t>POINT (4.653146508539056 51.794461725931065)</t>
  </si>
  <si>
    <t>POINT (4.732873560517385 51.79274826362997)</t>
  </si>
  <si>
    <t>POINT (4.6798989559746005 51.80922776696932)</t>
  </si>
  <si>
    <t>POINT (4.653620191535548 51.80080583368286)</t>
  </si>
  <si>
    <t>POINT (4.663957116006416 51.81125440462077)</t>
  </si>
  <si>
    <t>POINT (4.684933533749308 51.77693255167229)</t>
  </si>
  <si>
    <t>POINT (4.673934364576235 51.8156697549883)</t>
  </si>
  <si>
    <t>POINT (4.7179911710397135 51.800498222949955)</t>
  </si>
  <si>
    <t>POINT (4.657782770948403 51.797874629196855)</t>
  </si>
  <si>
    <t>POINT (4.676339425247705 51.77273330770423)</t>
  </si>
  <si>
    <t>POINT (4.6650614827897865 51.790080539527736)</t>
  </si>
  <si>
    <t>POINT (4.661411848677742 51.79089119747409)</t>
  </si>
  <si>
    <t>POINT (4.6934712281204485 51.79681680799595)</t>
  </si>
  <si>
    <t>POINT (4.729123297473787 51.80316520485468)</t>
  </si>
  <si>
    <t>POINT (4.7180546202769005 51.80121603177131)</t>
  </si>
  <si>
    <t>POINT (4.6845630438872545 51.79254690893777)</t>
  </si>
  <si>
    <t>POINT (4.6519157556618085 51.80346435965091)</t>
  </si>
  <si>
    <t>POINT (4.650371190965099 51.79239397581248)</t>
  </si>
  <si>
    <t>POINT (4.670403859835659 51.778369238382766)</t>
  </si>
  <si>
    <t>POINT (4.661831827762195 51.816290993023266)</t>
  </si>
  <si>
    <t>POINT (4.693317624926282 51.795261587249676)</t>
  </si>
  <si>
    <t>POINT (4.683729682339554 51.804929266388065)</t>
  </si>
  <si>
    <t>POINT (4.6828793795044685 51.77899726230419)</t>
  </si>
  <si>
    <t>POINT (4.724366665454659 51.7928671139663)</t>
  </si>
  <si>
    <t>POINT (4.728558373885292 51.796696775220546)</t>
  </si>
  <si>
    <t>POINT (4.654849014920071 51.789689212974444)</t>
  </si>
  <si>
    <t>POINT (4.723805106538854 51.79830565027305)</t>
  </si>
  <si>
    <t>POINT (4.660428716299325 51.789398513585)</t>
  </si>
  <si>
    <t>POINT (4.6743134748074 51.81707077609696)</t>
  </si>
  <si>
    <t>POINT (4.654224495982144 51.81208155120806)</t>
  </si>
  <si>
    <t>POINT (4.719744191733733 51.80212224562259)</t>
  </si>
  <si>
    <t>POINT (4.727639582245716 51.79120755860842)</t>
  </si>
  <si>
    <t>POINT (4.692890985159139 51.817809343718096)</t>
  </si>
  <si>
    <t>POINT (4.7120680741622625 51.79927369856236)</t>
  </si>
  <si>
    <t>POINT (4.652101037271069 51.80197718944228)</t>
  </si>
  <si>
    <t>POINT (4.689027020818272 51.81837063863051)</t>
  </si>
  <si>
    <t>POINT (4.660916159443733 51.793766411660265)</t>
  </si>
  <si>
    <t>POINT (4.66922934158278 51.799824105110275)</t>
  </si>
  <si>
    <t>POINT (4.653314315753401 51.80849254750304)</t>
  </si>
  <si>
    <t>POINT (4.653780052092245 51.78532507512818)</t>
  </si>
  <si>
    <t>POINT (4.707382392533774 51.78944143996844)</t>
  </si>
  <si>
    <t>POINT (4.6910875816725435 51.8190898358779)</t>
  </si>
  <si>
    <t>POINT (4.654362955515915 51.79398380582565)</t>
  </si>
  <si>
    <t>POINT (4.652055870106388 51.79284714005831)</t>
  </si>
  <si>
    <t>POINT (4.658316221920567 51.79317562128697)</t>
  </si>
  <si>
    <t>POINT (4.709984292749166 51.7873393881489)</t>
  </si>
  <si>
    <t>POINT (4.707632332653231 51.790136273964244)</t>
  </si>
  <si>
    <t>POINT (4.681133643769676 51.786133400861736)</t>
  </si>
  <si>
    <t>POINT (4.707954686188314 51.79751582033878)</t>
  </si>
  <si>
    <t>POINT (4.682184545578885 51.81053045110149)</t>
  </si>
  <si>
    <t>POINT (4.658471141717879 51.81116904999321)</t>
  </si>
  <si>
    <t>POINT (4.667439085912358 51.801017665736964)</t>
  </si>
  <si>
    <t>POINT (4.702308204499194 51.7960593340553)</t>
  </si>
  <si>
    <t>POINT (4.652452168847987 51.78533086839264)</t>
  </si>
  <si>
    <t>POINT (4.726430366950923 51.80591422990163)</t>
  </si>
  <si>
    <t>POINT (4.658814059168977 51.80683600635033)</t>
  </si>
  <si>
    <t>POINT (4.659169212167182 51.809768945527004)</t>
  </si>
  <si>
    <t>POINT (4.681488710973517 51.80254822879419)</t>
  </si>
  <si>
    <t>POINT (4.686016229602945 51.777512535313775)</t>
  </si>
  <si>
    <t>POINT (4.68396179077334 51.77786079004793)</t>
  </si>
  <si>
    <t>POINT (4.681138942711547 51.80259751283705)</t>
  </si>
  <si>
    <t>POINT (4.669301096513832 51.81710002368189)</t>
  </si>
  <si>
    <t>POINT (4.658346057809835 51.80647793914199)</t>
  </si>
  <si>
    <t>POINT (4.66821241736543 51.78949384851638)</t>
  </si>
  <si>
    <t>POINT (4.664020242810444 51.788815661668785)</t>
  </si>
  <si>
    <t>POINT (4.692837126488016 51.79518091148402)</t>
  </si>
  <si>
    <t>POINT (4.667589083152129 51.808140384509)</t>
  </si>
  <si>
    <t>POINT (4.674077772596625 51.77849598326098)</t>
  </si>
  <si>
    <t>POINT (4.666149926613649 51.80391658458561)</t>
  </si>
  <si>
    <t>POINT (4.7054995791737335 51.7933297173832)</t>
  </si>
  <si>
    <t>POINT (4.721779631859504 51.80439391086593)</t>
  </si>
  <si>
    <t>POINT (4.670943763808353 51.809766997249476)</t>
  </si>
  <si>
    <t>POINT (4.679464757927507 51.77314921374598)</t>
  </si>
  <si>
    <t>POINT (4.685828083023428 51.80937761874431)</t>
  </si>
  <si>
    <t>POINT (4.690728105107641 51.80795125141617)</t>
  </si>
  <si>
    <t>POINT (4.669399795807909 51.816086004114936)</t>
  </si>
  <si>
    <t>POINT (4.71045109222622 51.79633336157185)</t>
  </si>
  <si>
    <t>POINT (4.664963238160097 51.81592757707077)</t>
  </si>
  <si>
    <t>POINT (4.659865039293615 51.76977081460821)</t>
  </si>
  <si>
    <t>POINT (4.693790630124305 51.817892899728804)</t>
  </si>
  <si>
    <t>POINT (4.631299817208845 51.72228364408049)</t>
  </si>
  <si>
    <t>POINT (4.650598911852449 51.80278374524375)</t>
  </si>
  <si>
    <t>POINT (4.699381519316874 51.794518983712976)</t>
  </si>
  <si>
    <t>POINT (4.677687268701312 51.78030729054255)</t>
  </si>
  <si>
    <t>POINT (4.681780570628493 51.81170203317807)</t>
  </si>
  <si>
    <t>POINT (4.720537038940329 51.811375030208566)</t>
  </si>
  <si>
    <t>POINT (4.6589079016179955 51.77240243681732)</t>
  </si>
  <si>
    <t>POINT (4.662893100362406 51.785737733629574)</t>
  </si>
  <si>
    <t>POINT (4.671543820021838 51.816976643945324)</t>
  </si>
  <si>
    <t>POINT (4.679096155366499 51.79986234267935)</t>
  </si>
  <si>
    <t>POINT (4.651714838235417 51.78446081366424)</t>
  </si>
  <si>
    <t>POINT (4.685872936235108 51.7776073902396)</t>
  </si>
  <si>
    <t>POINT (4.712610160393484 51.80500066393557)</t>
  </si>
  <si>
    <t>POINT (4.6786750021425165 51.78986870420993)</t>
  </si>
  <si>
    <t>POINT (4.6321584483322304 51.780856463231146)</t>
  </si>
  <si>
    <t>POINT (4.659172858405676 51.81518836301246)</t>
  </si>
  <si>
    <t>POINT (4.654574381096051 51.787511690140214)</t>
  </si>
  <si>
    <t>POINT (4.660027882213547 51.79581672429832)</t>
  </si>
  <si>
    <t>POINT (4.628956371020764 51.725289666920425)</t>
  </si>
  <si>
    <t>POINT (4.722253573425764 51.800755046481065)</t>
  </si>
  <si>
    <t>POINT (4.667438882786283 51.79329562154718)</t>
  </si>
  <si>
    <t>POINT (4.672659558072358 51.81709193560578)</t>
  </si>
  <si>
    <t>POINT (4.707233130306994 51.801226635382335)</t>
  </si>
  <si>
    <t>POINT (4.661156607393809 51.79091463362922)</t>
  </si>
  <si>
    <t>POINT (4.678878119341261 51.81620762002791)</t>
  </si>
  <si>
    <t>POINT (4.66113444168426 51.788298477128265)</t>
  </si>
  <si>
    <t>POINT (4.669840699407414 51.812091427719224)</t>
  </si>
  <si>
    <t>POINT (4.725929999273879 51.79913976492829)</t>
  </si>
  <si>
    <t>POINT (4.653751580547575 51.78518552704046)</t>
  </si>
  <si>
    <t>POINT (4.66956642794976 51.80259772135182)</t>
  </si>
  <si>
    <t>POINT (4.666352645109172 51.814951104466665)</t>
  </si>
  <si>
    <t>POINT (4.728219997828784 51.80274528268284)</t>
  </si>
  <si>
    <t>POINT (4.663816549448872 51.81288516360539)</t>
  </si>
  <si>
    <t>POINT (4.671039942808922 51.777811841947106)</t>
  </si>
  <si>
    <t>POINT (4.655642521712432 51.79042376877171)</t>
  </si>
  <si>
    <t>POINT (4.657345019345441 51.79334904269986)</t>
  </si>
  <si>
    <t>POINT (4.65938122770366 51.79131700500645)</t>
  </si>
  <si>
    <t>POINT (4.686383909133194 51.7783022865525)</t>
  </si>
  <si>
    <t>POINT (4.683981902975592 51.804531078961325)</t>
  </si>
  <si>
    <t>POINT (4.735930100033364 51.80086347735622)</t>
  </si>
  <si>
    <t>POINT (4.67904281315269 51.77844582341289)</t>
  </si>
  <si>
    <t>386A</t>
  </si>
  <si>
    <t>POINT (4.62873964842523 51.72342339426766)</t>
  </si>
  <si>
    <t>POINT (4.63817812045095 51.7615953057197)</t>
  </si>
  <si>
    <t>POINT (4.686777466160729 51.81556466595)</t>
  </si>
  <si>
    <t>POINT (4.6653727532602325 51.800255611395684)</t>
  </si>
  <si>
    <t>POINT (4.65168563690836 51.801380927305225)</t>
  </si>
  <si>
    <t>POINT (4.656440554219574 51.78856734238964)</t>
  </si>
  <si>
    <t>POINT (4.667261008285547 51.79418923808731)</t>
  </si>
  <si>
    <t>POINT (4.673072788391591 51.775228225441)</t>
  </si>
  <si>
    <t>POINT (4.668025874801759 51.79184239615414)</t>
  </si>
  <si>
    <t>POINT (4.67923125051451 51.77364155413441)</t>
  </si>
  <si>
    <t>POINT (4.681391050858265 51.811902592218125)</t>
  </si>
  <si>
    <t>POINT (4.6696988413265155 51.81777671419233)</t>
  </si>
  <si>
    <t>POINT (4.6675461719396765 51.8082269699938)</t>
  </si>
  <si>
    <t>POINT (4.683289203172677 51.79834249170796)</t>
  </si>
  <si>
    <t>POINT (4.6576752221601545 51.79875893405829)</t>
  </si>
  <si>
    <t>POINT (4.692063144155759 51.807502238008155)</t>
  </si>
  <si>
    <t>POINT (4.678809321208006 51.80705610155837)</t>
  </si>
  <si>
    <t>POINT (4.718966760370792 51.81505144836484)</t>
  </si>
  <si>
    <t>POINT (4.667921852093495 51.77156063284118)</t>
  </si>
  <si>
    <t>POINT (4.6818822847304515 51.78067414390604)</t>
  </si>
  <si>
    <t>POINT (4.722210329131461 51.7942423007178)</t>
  </si>
  <si>
    <t>POINT (4.674077866571596 51.80529765214907)</t>
  </si>
  <si>
    <t>POINT (4.682986893049726 51.774774323803236)</t>
  </si>
  <si>
    <t>POINT (4.674437886121674 51.776749032578316)</t>
  </si>
  <si>
    <t>POINT (4.678147557913499 51.772644811208124)</t>
  </si>
  <si>
    <t>POINT (4.716858991514002 51.8045877249818)</t>
  </si>
  <si>
    <t>POINT (4.671272421859568 51.80860024999862)</t>
  </si>
  <si>
    <t>POINT (4.684862450792146 51.80315091086385)</t>
  </si>
  <si>
    <t>POINT (4.658843100544833 51.79230086785116)</t>
  </si>
  <si>
    <t>POINT (4.659660073718349 51.7974427920956)</t>
  </si>
  <si>
    <t>POINT (4.693378187662713 51.795341872714346)</t>
  </si>
  <si>
    <t>POINT (4.658675036427342 51.79815862506624)</t>
  </si>
  <si>
    <t>POINT (4.677690886787391 51.790695864239375)</t>
  </si>
  <si>
    <t>POINT (4.705111468471307 51.792696313317734)</t>
  </si>
  <si>
    <t>POINT (4.665889805566804 51.774600218184)</t>
  </si>
  <si>
    <t>POINT (4.711054159244768 51.792191618807664)</t>
  </si>
  <si>
    <t>POINT (4.681981411053748 51.812371826259565)</t>
  </si>
  <si>
    <t>POINT (4.653327213196238 51.802937964060554)</t>
  </si>
  <si>
    <t>POINT (4.663330879954662 51.79063245855417)</t>
  </si>
  <si>
    <t>POINT (4.678643939174065 51.77847243899333)</t>
  </si>
  <si>
    <t>POINT (4.665027398292466 51.812939128726974)</t>
  </si>
  <si>
    <t>POINT (4.661449430125515 51.81567178077105)</t>
  </si>
  <si>
    <t>POINT (4.678325616440491 51.7754917125829)</t>
  </si>
  <si>
    <t>POINT (4.727454870182465 51.79388493087061)</t>
  </si>
  <si>
    <t>POINT (4.709608143273455 51.80740964608212)</t>
  </si>
  <si>
    <t>POINT (4.63087182882929 51.78565427324069)</t>
  </si>
  <si>
    <t>POINT (4.704810439082441 51.81491231785807)</t>
  </si>
  <si>
    <t>POINT (4.722983935072743 51.80603481499122)</t>
  </si>
  <si>
    <t>POINT (4.663191569073303 51.800040717496195)</t>
  </si>
  <si>
    <t>POINT (4.674925685316158 51.77664094946043)</t>
  </si>
  <si>
    <t>POINT (4.67074161493066 51.816009287473996)</t>
  </si>
  <si>
    <t>POINT (4.659242329741343 51.81327961571573)</t>
  </si>
  <si>
    <t>POINT (4.682778982628695 51.80364759371899)</t>
  </si>
  <si>
    <t>POINT (4.682218335972926 51.78806591371284)</t>
  </si>
  <si>
    <t>POINT (4.677586845353738 51.79033263111007)</t>
  </si>
  <si>
    <t>POINT (4.685272482029826 51.78456457200708)</t>
  </si>
  <si>
    <t>POINT (4.6706658917455375 51.79335795497534)</t>
  </si>
  <si>
    <t>POINT (4.69923347074797 51.78979976369549)</t>
  </si>
  <si>
    <t>POINT (4.653485561802057 51.79034130961239)</t>
  </si>
  <si>
    <t>POINT (4.6881891598286325 51.80733978358491)</t>
  </si>
  <si>
    <t>POINT (4.669714465731514 51.81106783447152)</t>
  </si>
  <si>
    <t>POINT (4.6867978233633085 51.80944685279701)</t>
  </si>
  <si>
    <t>POINT (4.671382656709748 51.81669550220828)</t>
  </si>
  <si>
    <t>POINT (4.674207155634368 51.80755928817686)</t>
  </si>
  <si>
    <t>POINT (4.656754528734829 51.810081802093706)</t>
  </si>
  <si>
    <t>POINT (4.672899102760425 51.80545755492599)</t>
  </si>
  <si>
    <t>POINT (4.661711114661181 51.77108080579451)</t>
  </si>
  <si>
    <t>POINT (4.679423476286195 51.787093927643504)</t>
  </si>
  <si>
    <t>POINT (4.68513075990122 51.80423910321942)</t>
  </si>
  <si>
    <t>POINT (4.681563800760126 51.80315323177789)</t>
  </si>
  <si>
    <t>POINT (4.725663408678088 51.79713296726499)</t>
  </si>
  <si>
    <t>POINT (4.673916058278454 51.77498964605847)</t>
  </si>
  <si>
    <t>POINT (4.7060177512404415 51.79629334151122)</t>
  </si>
  <si>
    <t>POINT (4.664438861583931 51.80098800467539)</t>
  </si>
  <si>
    <t>POINT (4.68613050205727 51.7891845948603)</t>
  </si>
  <si>
    <t>POINT (4.674631275879521 51.81828804566434)</t>
  </si>
  <si>
    <t>POINT (4.678430123885777 51.78461661379019)</t>
  </si>
  <si>
    <t>POINT (4.671745755524754 51.79284569107742)</t>
  </si>
  <si>
    <t>POINT (4.684102367264744 51.80368452858601)</t>
  </si>
  <si>
    <t>POINT (4.67613678030116 51.817380216077844)</t>
  </si>
  <si>
    <t>POINT (4.667065168948561 51.80229395848417)</t>
  </si>
  <si>
    <t>POINT (4.6647097434910965 51.8152423829448)</t>
  </si>
  <si>
    <t>POINT (4.683125182677699 51.80418758978007)</t>
  </si>
  <si>
    <t>POINT (4.701038193323529 51.79586872426426)</t>
  </si>
  <si>
    <t>POINT (4.68200108492513 51.809062209326406)</t>
  </si>
  <si>
    <t>POINT (4.677692727086293 51.78194271892913)</t>
  </si>
  <si>
    <t>POINT (4.675144685302956 51.81696082122315)</t>
  </si>
  <si>
    <t>POINT (4.685833552021566 51.78641016016832)</t>
  </si>
  <si>
    <t>POINT (4.696942543992168 51.79985828366615)</t>
  </si>
  <si>
    <t>POINT (4.723376415703424 51.79776935388724)</t>
  </si>
  <si>
    <t>POINT (4.690566184622325 51.787168458061025)</t>
  </si>
  <si>
    <t>POINT (4.654152325659919 51.791388240423835)</t>
  </si>
  <si>
    <t>POINT (4.6839459013277995 51.79814535304813)</t>
  </si>
  <si>
    <t>POINT (4.657022163444204 51.767825335247664)</t>
  </si>
  <si>
    <t>POINT (4.655456527075628 51.79012157681523)</t>
  </si>
  <si>
    <t>POINT (4.683293572275063 51.77459471884856)</t>
  </si>
  <si>
    <t>POINT (4.672996751640183 51.773646441215526)</t>
  </si>
  <si>
    <t>POINT (4.660559340781412 51.78987813323949)</t>
  </si>
  <si>
    <t>POINT (4.6802773708372145 51.81603658926257)</t>
  </si>
  <si>
    <t>POINT (4.6732023248860335 51.81924139100844)</t>
  </si>
  <si>
    <t>POINT (4.665361653492249 51.801993560511654)</t>
  </si>
  <si>
    <t>POINT (4.67859449753389 51.786278969645)</t>
  </si>
  <si>
    <t>POINT (4.710147603212245 51.7949244268588)</t>
  </si>
  <si>
    <t>POINT (4.676357953977038 51.77602808764738)</t>
  </si>
  <si>
    <t>POINT (4.683086289506645 51.77713368189389)</t>
  </si>
  <si>
    <t>POINT (4.711278599119847 51.794626987750696)</t>
  </si>
  <si>
    <t>POINT (4.669520219624105 51.802104894656225)</t>
  </si>
  <si>
    <t>POINT (4.683552207560128 51.785119528272524)</t>
  </si>
  <si>
    <t>POINT (4.667523796220058 51.79912255140836)</t>
  </si>
  <si>
    <t>POINT (4.654104105841998 51.81142850793736)</t>
  </si>
  <si>
    <t>POINT (4.667377956277385 51.79266706358038)</t>
  </si>
  <si>
    <t>POINT (4.665201882250339 51.817201805938865)</t>
  </si>
  <si>
    <t>POINT (4.686629838166574 51.81125043216256)</t>
  </si>
  <si>
    <t>POINT (4.663524239809054 51.814730499078074)</t>
  </si>
  <si>
    <t>POINT (4.651779296176011 51.80288971071723)</t>
  </si>
  <si>
    <t>POINT (4.722508821394942 51.80515255926314)</t>
  </si>
  <si>
    <t>POINT (4.660106229215883 51.807185905122545)</t>
  </si>
  <si>
    <t>POINT (4.662547509308117 51.79523799944311)</t>
  </si>
  <si>
    <t>POINT (4.652274968675536 51.78566230495514)</t>
  </si>
  <si>
    <t>POINT (4.685634899075839 51.78109179224249)</t>
  </si>
  <si>
    <t>POINT (4.686675814234849 51.81550690933124)</t>
  </si>
  <si>
    <t>POINT (4.700676035108002 51.81734602451525)</t>
  </si>
  <si>
    <t>POINT (4.700847596867015 51.79867996522164)</t>
  </si>
  <si>
    <t>POINT (4.669066365565336 51.77485045194496)</t>
  </si>
  <si>
    <t>POINT (4.6775991187895185 51.789917247987475)</t>
  </si>
  <si>
    <t>POINT (4.683928115855378 51.80233934500106)</t>
  </si>
  <si>
    <t>POINT (4.728218244715644 51.79730359429951)</t>
  </si>
  <si>
    <t>POINT (4.662747938754318 51.81653949885893)</t>
  </si>
  <si>
    <t>POINT (4.659312513615485 51.799820277548356)</t>
  </si>
  <si>
    <t>POINT (4.68323152696692 51.79820354921376)</t>
  </si>
  <si>
    <t>POINT (4.65482667073948 51.78970042622313)</t>
  </si>
  <si>
    <t>POINT (4.675187083690669 51.80308981113521)</t>
  </si>
  <si>
    <t>POINT (4.710772426374141 51.81048589596262)</t>
  </si>
  <si>
    <t>POINT (4.6837150542910635 51.79805011832241)</t>
  </si>
  <si>
    <t>POINT (4.713459905696106 51.81013195010117)</t>
  </si>
  <si>
    <t>POINT (4.6637877400772005 51.798256165911866)</t>
  </si>
  <si>
    <t>POINT (4.731626992988722 51.79749353755073)</t>
  </si>
  <si>
    <t>POINT (4.67483000879981 51.787829334840026)</t>
  </si>
  <si>
    <t>POINT (4.642343302301824 51.7995814702612)</t>
  </si>
  <si>
    <t>POINT (4.644073565298551 51.800492922259174)</t>
  </si>
  <si>
    <t>POINT (4.667003627441894 51.796280532411494)</t>
  </si>
  <si>
    <t>POINT (4.720727555379079 51.81128401479723)</t>
  </si>
  <si>
    <t>POINT (4.6510047537861015 51.79317666352498)</t>
  </si>
  <si>
    <t>POINT (4.643375705913612 51.76979796676576)</t>
  </si>
  <si>
    <t>POINT (4.669515308988127 51.8055730408582)</t>
  </si>
  <si>
    <t>POINT (4.673469870702863 51.81344809570463)</t>
  </si>
  <si>
    <t>POINT (4.709176229943016 51.786740110938595)</t>
  </si>
  <si>
    <t>POINT (4.685492430689077 51.80760640877457)</t>
  </si>
  <si>
    <t>POINT (4.6589949926525 51.798439566694945)</t>
  </si>
  <si>
    <t>POINT (4.679854188431719 51.805125678085744)</t>
  </si>
  <si>
    <t>POINT (4.663660715748461 51.787654126337706)</t>
  </si>
  <si>
    <t>POINT (4.66185004059413 51.81026819456434)</t>
  </si>
  <si>
    <t>POINT (4.681344495326404 51.77458368789107)</t>
  </si>
  <si>
    <t>POINT (4.666424902550749 51.81192560887374)</t>
  </si>
  <si>
    <t>POINT (4.657389026944227 51.790791957268006)</t>
  </si>
  <si>
    <t>POINT (4.674104682028922 51.8190971799119)</t>
  </si>
  <si>
    <t>POINT (4.680873234154103 51.80506032080356)</t>
  </si>
  <si>
    <t>POINT (4.630681827655902 51.783993421286915)</t>
  </si>
  <si>
    <t>POINT (4.718412385291791 51.81383224516636)</t>
  </si>
  <si>
    <t>POINT (4.712813412443314 51.81498200348253)</t>
  </si>
  <si>
    <t>POINT (4.679339241270415 51.78503735423812)</t>
  </si>
  <si>
    <t>POINT (4.6623452355054305 51.802429810272805)</t>
  </si>
  <si>
    <t>POINT (4.679833350269168 51.78989732138459)</t>
  </si>
  <si>
    <t>POINT (4.679808138165732 51.78590141673228)</t>
  </si>
  <si>
    <t>POINT (4.675667643086261 51.81512777911968)</t>
  </si>
  <si>
    <t>POINT (4.663455245772423 51.79702016503292)</t>
  </si>
  <si>
    <t>POINT (4.703794957170262 51.81584200088064)</t>
  </si>
  <si>
    <t>POINT (4.6762113808589 51.7766263235379)</t>
  </si>
  <si>
    <t>POINT (4.67795843431106 51.78783383729072)</t>
  </si>
  <si>
    <t>POINT (4.670694061655845 51.812608285548166)</t>
  </si>
  <si>
    <t>POINT (4.631552851162879 51.768078087119385)</t>
  </si>
  <si>
    <t>POINT (4.693332582539238 51.796671576099655)</t>
  </si>
  <si>
    <t>POINT (4.664383897964953 51.81767539981036)</t>
  </si>
  <si>
    <t>POINT (4.670005352707199 51.790734765301735)</t>
  </si>
  <si>
    <t>POINT (4.669511069688022 51.77492522759848)</t>
  </si>
  <si>
    <t>POINT (4.664788882524327 51.79924161684085)</t>
  </si>
  <si>
    <t>POINT (4.712988553097213 51.7953514881081)</t>
  </si>
  <si>
    <t>POINT (4.707545222614598 51.80149282694961)</t>
  </si>
  <si>
    <t>POINT (4.685981248088551 51.78784301314309)</t>
  </si>
  <si>
    <t>POINT (4.668418139607814 51.791981877865155)</t>
  </si>
  <si>
    <t>POINT (4.652089991207534 51.79366025692934)</t>
  </si>
  <si>
    <t>POINT (4.634373099262301 51.770357678904375)</t>
  </si>
  <si>
    <t>POINT (4.66371642744933 51.80136250651116)</t>
  </si>
  <si>
    <t>POINT (4.688434290605428 51.809183713064506)</t>
  </si>
  <si>
    <t>POINT (4.699142893726917 51.78981027057062)</t>
  </si>
  <si>
    <t>POINT (4.721120059548172 51.79929145863623)</t>
  </si>
  <si>
    <t>POINT (4.6789882138435015 51.81678170726556)</t>
  </si>
  <si>
    <t>POINT (4.6760434296271995 51.78507224137427)</t>
  </si>
  <si>
    <t>POINT (4.732690998309691 51.80001702497104)</t>
  </si>
  <si>
    <t>POINT (4.683991499598587 51.80801519003324)</t>
  </si>
  <si>
    <t>POINT (4.687151837076129 51.781747493141154)</t>
  </si>
  <si>
    <t>POINT (4.662442824669719 51.809728329429895)</t>
  </si>
  <si>
    <t>POINT (4.721495861696011 51.81298851287416)</t>
  </si>
  <si>
    <t>POINT (4.652396602708739 51.78119963679673)</t>
  </si>
  <si>
    <t>POINT (4.6871097092545195 51.80603412637217)</t>
  </si>
  <si>
    <t>POINT (4.660709832945225 51.79324751069296)</t>
  </si>
  <si>
    <t>POINT (4.672324058707284 51.819569074763756)</t>
  </si>
  <si>
    <t>POINT (4.668338315767368 51.81522956494782)</t>
  </si>
  <si>
    <t>POINT (4.65552091935095 51.79039373415658)</t>
  </si>
  <si>
    <t>POINT (4.711222391064646 51.80965543022816)</t>
  </si>
  <si>
    <t>POINT (4.658568630156961 51.795666278250046)</t>
  </si>
  <si>
    <t>POINT (4.677797958069743 51.81379229494664)</t>
  </si>
  <si>
    <t>POINT (4.7260703452307675 51.79715006534123)</t>
  </si>
  <si>
    <t>POINT (4.734539902350598 51.80189316704991)</t>
  </si>
  <si>
    <t>POINT (4.688313908646789 51.819866043196505)</t>
  </si>
  <si>
    <t>POINT (4.6831560831797985 51.79800201975792)</t>
  </si>
  <si>
    <t>POINT (4.6677738702000395 51.79458495653777)</t>
  </si>
  <si>
    <t>POINT (4.653774203385882 51.804099186497545)</t>
  </si>
  <si>
    <t>POINT (4.693234506314812 51.79532546352119)</t>
  </si>
  <si>
    <t>POINT (4.729932974819134 51.79529429143978)</t>
  </si>
  <si>
    <t>POINT (4.651381636804879 51.79521196869982)</t>
  </si>
  <si>
    <t>POINT (4.683759219308557 51.798039470870656)</t>
  </si>
  <si>
    <t>POINT (4.679024393285416 51.78106301542693)</t>
  </si>
  <si>
    <t>POINT (4.71611480505942 51.80141122461312)</t>
  </si>
  <si>
    <t>POINT (4.63314288144734 51.773994065667594)</t>
  </si>
  <si>
    <t>POINT (4.710338878752275 51.79187453585593)</t>
  </si>
  <si>
    <t>POINT (4.727637736745707 51.80296705972788)</t>
  </si>
  <si>
    <t>POINT (4.651750314770605 51.80171871469945)</t>
  </si>
  <si>
    <t>POINT (4.664439285879918 51.78534225744155)</t>
  </si>
  <si>
    <t>POINT (4.730616470547256 51.79880602617814)</t>
  </si>
  <si>
    <t>POINT (4.730062361325655 51.80022534044369)</t>
  </si>
  <si>
    <t>POINT (4.668966907536845 51.813289720685816)</t>
  </si>
  <si>
    <t>POINT (4.716703183355393 51.81566251985523)</t>
  </si>
  <si>
    <t>POINT (4.730403711928499 51.79580299731556)</t>
  </si>
  <si>
    <t>POINT (4.712410877196077 51.80756385329904)</t>
  </si>
  <si>
    <t>POINT (4.661442522634313 51.78979359659911)</t>
  </si>
  <si>
    <t>POINT (4.678633057011416 51.81734376394302)</t>
  </si>
  <si>
    <t>POINT (4.654639772653877 51.80697958314232)</t>
  </si>
  <si>
    <t>POINT (4.654207938262065 51.8034877350443)</t>
  </si>
  <si>
    <t>POINT (4.7141794689879495 51.80816900454231)</t>
  </si>
  <si>
    <t>POINT (4.668420689738773 51.815343362742496)</t>
  </si>
  <si>
    <t>POINT (4.671943583691524 51.81130775925887)</t>
  </si>
  <si>
    <t>POINT (4.678590136621213 51.815682372731345)</t>
  </si>
  <si>
    <t>POINT (4.70163629792842 51.799052841912335)</t>
  </si>
  <si>
    <t>POINT (4.682590032821014 51.80390829030383)</t>
  </si>
  <si>
    <t>POINT (4.6849780953307905 51.781641844209474)</t>
  </si>
  <si>
    <t>POINT (4.642914291401261 51.770655297839006)</t>
  </si>
  <si>
    <t>POINT (4.720525115456945 51.81316705349907)</t>
  </si>
  <si>
    <t>POINT (4.6660565793092195 51.79603824937866)</t>
  </si>
  <si>
    <t>POINT (4.673898773352131 51.81739025734363)</t>
  </si>
  <si>
    <t>POINT (4.728037085158361 51.79409086152711)</t>
  </si>
  <si>
    <t>POINT (4.66419721532101 51.79782660337254)</t>
  </si>
  <si>
    <t>POINT (4.675017170231236 51.77888747731555)</t>
  </si>
  <si>
    <t>POINT (4.663305283326467 51.812591541708706)</t>
  </si>
  <si>
    <t>POINT (4.643828439169087 51.76532201589422)</t>
  </si>
  <si>
    <t>POINT (4.720862525665522 51.80049746829054)</t>
  </si>
  <si>
    <t>POINT (4.66932031625066 51.80998593761971)</t>
  </si>
  <si>
    <t>POINT (4.680427648890704 51.80787563168035)</t>
  </si>
  <si>
    <t>POINT (4.664501277368436 51.81413257965875)</t>
  </si>
  <si>
    <t>POINT (4.668138682764453 51.77172752571476)</t>
  </si>
  <si>
    <t>POINT (4.683100806034347 51.7979351178779)</t>
  </si>
  <si>
    <t>POINT (4.70868804072722 51.78833351416091)</t>
  </si>
  <si>
    <t>POINT (4.663059111412862 51.80061352255947)</t>
  </si>
  <si>
    <t>POINT (4.636658110528059 51.77648449163652)</t>
  </si>
  <si>
    <t>POINT (4.660397679779609 51.79124947354684)</t>
  </si>
  <si>
    <t>POINT (4.724193852456872 51.8033332904737)</t>
  </si>
  <si>
    <t>POINT (4.674312831888558 51.81603932259266)</t>
  </si>
  <si>
    <t>POINT (4.697645275518828 51.8176231650616)</t>
  </si>
  <si>
    <t>POINT (4.710771234171947 51.81080411405209)</t>
  </si>
  <si>
    <t>POINT (4.632502652645033 51.76884459810748)</t>
  </si>
  <si>
    <t>POINT (4.683752133057767 51.8050069822101)</t>
  </si>
  <si>
    <t>POINT (4.723554998469871 51.80590723444052)</t>
  </si>
  <si>
    <t>POINT (4.669933837086052 51.77619902472406)</t>
  </si>
  <si>
    <t>POINT (4.675292342453447 51.778425294637366)</t>
  </si>
  <si>
    <t>POINT (4.677058584768325 51.80508361489806)</t>
  </si>
  <si>
    <t>POINT (4.653449847610295 51.79013449864668)</t>
  </si>
  <si>
    <t>POINT (4.7099965501650605 51.801397860432566)</t>
  </si>
  <si>
    <t>POINT (4.679881779303308 51.789894377465544)</t>
  </si>
  <si>
    <t>POINT (4.685222055617926 51.78616165950581)</t>
  </si>
  <si>
    <t>POINT (4.6694684357426395 51.80565204333032)</t>
  </si>
  <si>
    <t>POINT (4.661453853842624 51.78930005187491)</t>
  </si>
  <si>
    <t>POINT (4.6876727767574575 51.80840553060978)</t>
  </si>
  <si>
    <t>POINT (4.666127737993978 51.78168179489884)</t>
  </si>
  <si>
    <t>POINT (4.6897542857320555 51.808104324130134)</t>
  </si>
  <si>
    <t>POINT (4.687496349683869 51.80658516372915)</t>
  </si>
  <si>
    <t>POINT (4.652023279475008 51.80384682844737)</t>
  </si>
  <si>
    <t>POINT (4.678767670675738 51.786993978669116)</t>
  </si>
  <si>
    <t>POINT (4.702995842548117 51.79968171476714)</t>
  </si>
  <si>
    <t>POINT (4.6684498721829 51.792332901169665)</t>
  </si>
  <si>
    <t>POINT (4.663815517827571 51.78828373318766)</t>
  </si>
  <si>
    <t>POINT (4.710148981771168 51.798415710896016)</t>
  </si>
  <si>
    <t>POINT (4.676091841286374 51.805002201273865)</t>
  </si>
  <si>
    <t>POINT (4.666664740423108 51.775591484318966)</t>
  </si>
  <si>
    <t>POINT (4.6832684065488195 51.79802343061342)</t>
  </si>
  <si>
    <t>POINT (4.684556929780431 51.80827747772916)</t>
  </si>
  <si>
    <t>POINT (4.661396929384467 51.78694072109601)</t>
  </si>
  <si>
    <t>POINT (4.690864490714529 51.81839448071314)</t>
  </si>
  <si>
    <t>POINT (4.687419901697913 51.80959686361334)</t>
  </si>
  <si>
    <t>POINT (4.673624332007825 51.803182132400416)</t>
  </si>
  <si>
    <t>POINT (4.688446184780268 51.80849479381081)</t>
  </si>
  <si>
    <t>POINT (4.685386694784203 51.78016186504859)</t>
  </si>
  <si>
    <t>POINT (4.655629399999502 51.79156277225077)</t>
  </si>
  <si>
    <t>POINT (4.6661917644739495 51.816913566385786)</t>
  </si>
  <si>
    <t>POINT (4.677032661767477 51.789925172899295)</t>
  </si>
  <si>
    <t>POINT (4.721542137017717 51.81090129094743)</t>
  </si>
  <si>
    <t>POINT (4.667941987771931 51.791444392610195)</t>
  </si>
  <si>
    <t>POINT (4.693233160994587 51.796398514425825)</t>
  </si>
  <si>
    <t>POINT (4.7285527224390425 51.799932106625704)</t>
  </si>
  <si>
    <t>POINT (4.665948599632235 51.81195614726868)</t>
  </si>
  <si>
    <t>POINT (4.654303480548452 51.80335249465102)</t>
  </si>
  <si>
    <t>POINT (4.6828138367496805 51.77638647810096)</t>
  </si>
  <si>
    <t>POINT (4.658712484962961 51.80895963692778)</t>
  </si>
  <si>
    <t>POINT (4.658307549577898 51.79852797141677)</t>
  </si>
  <si>
    <t>POINT (4.652405494196739 51.785274324621994)</t>
  </si>
  <si>
    <t>POINT (4.665152498551613 51.81032364418089)</t>
  </si>
  <si>
    <t>POINT (4.733305565159041 51.794856495804176)</t>
  </si>
  <si>
    <t>POINT (4.675977750968453 51.803602601670484)</t>
  </si>
  <si>
    <t>POINT (4.6837657229454175 51.8121740613109)</t>
  </si>
  <si>
    <t>POINT (4.67665153427164 51.78383122539453)</t>
  </si>
  <si>
    <t>POINT (4.667734230275241 51.78968110867454)</t>
  </si>
  <si>
    <t>POINT (4.6499971000661375 51.79335330106504)</t>
  </si>
  <si>
    <t>POINT (4.731349347335543 51.80191528625995)</t>
  </si>
  <si>
    <t>POINT (4.717868268777581 51.79897932997405)</t>
  </si>
  <si>
    <t>POINT (4.680350783825788 51.7898367823826)</t>
  </si>
  <si>
    <t>POINT (4.672223898752278 51.804595293254586)</t>
  </si>
  <si>
    <t>POINT (4.676954066356013 51.80518528243462)</t>
  </si>
  <si>
    <t>POINT (4.6575372166312885 51.798066485223615)</t>
  </si>
  <si>
    <t>POINT (4.663992196267536 51.81134292563193)</t>
  </si>
  <si>
    <t>POINT (4.717357763178824 51.81493271333546)</t>
  </si>
  <si>
    <t>POINT (4.662729025354223 51.81676428779851)</t>
  </si>
  <si>
    <t>POINT (4.734172104189078 51.80285267981115)</t>
  </si>
  <si>
    <t>POINT (4.668580904550702 51.776630291096815)</t>
  </si>
  <si>
    <t>POINT (4.695952687502585 51.79911151125555)</t>
  </si>
  <si>
    <t>POINT (4.656264076666494 51.80394423486329)</t>
  </si>
  <si>
    <t>POINT (4.719675791265239 51.805029314415584)</t>
  </si>
  <si>
    <t>POINT (4.684658173334574 51.78750877148123)</t>
  </si>
  <si>
    <t>POINT (4.6692712098692395 51.7997722718533)</t>
  </si>
  <si>
    <t>POINT (4.678935700296117 51.772723487692296)</t>
  </si>
  <si>
    <t>POINT (4.665491977666568 51.813271116238596)</t>
  </si>
  <si>
    <t>POINT (4.698139505013036 51.8011812508678)</t>
  </si>
  <si>
    <t>POINT (4.666212653056323 51.78693478748298)</t>
  </si>
  <si>
    <t>POINT (4.660013504948031 51.799743303570125)</t>
  </si>
  <si>
    <t>POINT (4.678014898387683 51.787820273150146)</t>
  </si>
  <si>
    <t>POINT (4.703218881105594 51.816921659607665)</t>
  </si>
  <si>
    <t>POINT (4.63111826949027 51.72278717595694)</t>
  </si>
  <si>
    <t>POINT (4.700503608992981 51.79640757722075)</t>
  </si>
  <si>
    <t>POINT (4.673421854598123 51.80982161098227)</t>
  </si>
  <si>
    <t>POINT (4.658987889473485 51.79372266526186)</t>
  </si>
  <si>
    <t>POINT (4.6633010768805585 51.80150184914257)</t>
  </si>
  <si>
    <t>POINT (4.677694854722664 51.81697557397354)</t>
  </si>
  <si>
    <t>POINT (4.688039422436157 51.81368450072436)</t>
  </si>
  <si>
    <t>POINT (4.700619818112083 51.792293846849326)</t>
  </si>
  <si>
    <t>POINT (4.68164934679488 51.80693316883337)</t>
  </si>
  <si>
    <t>POINT (4.681974117178979 51.77556276788)</t>
  </si>
  <si>
    <t>POINT (4.674872734995615 51.78472743259748)</t>
  </si>
  <si>
    <t>POINT (4.663986824610927 51.78867245433501)</t>
  </si>
  <si>
    <t>POINT (4.694481309636788 51.79026252659953)</t>
  </si>
  <si>
    <t>POINT (4.665307022080291 51.809932427670105)</t>
  </si>
  <si>
    <t>POINT (4.679674396526928 51.80886275856416)</t>
  </si>
  <si>
    <t>POINT (4.633823566618322 51.77565316940112)</t>
  </si>
  <si>
    <t>POINT (4.6836695616406 51.81920811853339)</t>
  </si>
  <si>
    <t>POINT (4.7236304038372205 51.79833006426006)</t>
  </si>
  <si>
    <t>POINT (4.677125304467365 51.77433912845889)</t>
  </si>
  <si>
    <t>POINT (4.720835172861356 51.81360630921996)</t>
  </si>
  <si>
    <t>POINT (4.669348068836781 51.781636082884205)</t>
  </si>
  <si>
    <t>POINT (4.682265198413979 51.80153635807061)</t>
  </si>
  <si>
    <t>POINT (4.672471076730981 51.785697769600894)</t>
  </si>
  <si>
    <t>POINT (4.6822576804238905 51.807919196832394)</t>
  </si>
  <si>
    <t>POINT (4.643441359033145 51.77074983249327)</t>
  </si>
  <si>
    <t>POINT (4.687479350016696 51.80902440649128)</t>
  </si>
  <si>
    <t>POINT (4.6646264216550755 51.78615130641015)</t>
  </si>
  <si>
    <t>POINT (4.672555094304956 51.784778117091946)</t>
  </si>
  <si>
    <t>POINT (4.728221958329385 51.80491312831446)</t>
  </si>
  <si>
    <t>POINT (4.711930273043224 51.807833651323016)</t>
  </si>
  <si>
    <t>POINT (4.721163000725539 51.81231690810273)</t>
  </si>
  <si>
    <t>POINT (4.7129019287123235 51.80125488281928)</t>
  </si>
  <si>
    <t>POINT (4.661227648868474 51.80546796396749)</t>
  </si>
  <si>
    <t>POINT (4.724833033873963 51.797965898337296)</t>
  </si>
  <si>
    <t>POINT (4.679956908719603 51.79873956274429)</t>
  </si>
  <si>
    <t>POINT (4.679513854841195 51.779599975380904)</t>
  </si>
  <si>
    <t>POINT (4.66244121114601 51.79673637919236)</t>
  </si>
  <si>
    <t>POINT (4.677713348059356 51.790565349448556)</t>
  </si>
  <si>
    <t>POINT (4.733172585936989 51.79181645118284)</t>
  </si>
  <si>
    <t>POINT (4.718711889430782 51.815633529912525)</t>
  </si>
  <si>
    <t>POINT (4.672501410799293 51.775266569477644)</t>
  </si>
  <si>
    <t>POINT (4.658411809616841 51.78134743021906)</t>
  </si>
  <si>
    <t>POINT (4.722387113654207 51.80022988654667)</t>
  </si>
  <si>
    <t>POINT (4.711342036488448 51.80691478909203)</t>
  </si>
  <si>
    <t>POINT (4.66117162756661 51.801165503214925)</t>
  </si>
  <si>
    <t>POINT (4.683700280999032 51.798094775385636)</t>
  </si>
  <si>
    <t>POINT (4.668439075576005 51.813924568132286)</t>
  </si>
  <si>
    <t>POINT (4.6659403078411374 51.80831813424767)</t>
  </si>
  <si>
    <t>POINT (4.671774173332711 51.79133874783481)</t>
  </si>
  <si>
    <t>POINT (4.682619558090977 51.78054893998331)</t>
  </si>
  <si>
    <t>POINT (4.678706223300849 51.78707299571101)</t>
  </si>
  <si>
    <t>POINT (4.678322943079605 51.80651385281705)</t>
  </si>
  <si>
    <t>POINT (4.682303855359385 51.79875692250397)</t>
  </si>
  <si>
    <t>POINT (4.660788173016681 51.773230247338105)</t>
  </si>
  <si>
    <t>POINT (4.6710276590036335 51.80481918697598)</t>
  </si>
  <si>
    <t>POINT (4.666635091424466 51.81264414229866)</t>
  </si>
  <si>
    <t>POINT (4.675142789992565 51.81328775219771)</t>
  </si>
  <si>
    <t>POINT (4.711079194120717 51.80498263902765)</t>
  </si>
  <si>
    <t>POINT (4.73282446354848 51.79863812124903)</t>
  </si>
  <si>
    <t>POINT (4.653749166493845 51.811334902022836)</t>
  </si>
  <si>
    <t>POINT (4.6653723072828575 51.78939830431364)</t>
  </si>
  <si>
    <t>POINT (4.6711624870415 51.79918137144446)</t>
  </si>
  <si>
    <t>POINT (4.66965219530918 51.80246783802981)</t>
  </si>
  <si>
    <t>POINT (4.719680701017805 51.81107529011688)</t>
  </si>
  <si>
    <t>POINT (4.673883450987372 51.78948062218804)</t>
  </si>
  <si>
    <t>POINT (4.653991349048947 51.811394185772386)</t>
  </si>
  <si>
    <t>POINT (4.659722357568965 51.790010733714624)</t>
  </si>
  <si>
    <t>POINT (4.729896379632042 51.79788527867648)</t>
  </si>
  <si>
    <t>POINT (4.701937885950341 51.79525714438914)</t>
  </si>
  <si>
    <t>POINT (4.669545030089293 51.80590851849109)</t>
  </si>
  <si>
    <t>POINT (4.68857896504869 51.80654631145039)</t>
  </si>
  <si>
    <t>POINT (4.725317877240322 51.80392089567784)</t>
  </si>
  <si>
    <t>POINT (4.730634106124855 51.798826475149134)</t>
  </si>
  <si>
    <t>POINT (4.704894442585971 51.78801163974513)</t>
  </si>
  <si>
    <t>POINT (4.669853132908362 51.80392342699058)</t>
  </si>
  <si>
    <t>POINT (4.663431916435383 51.81344323622981)</t>
  </si>
  <si>
    <t>POINT (4.683631871953835 51.81210529560697)</t>
  </si>
  <si>
    <t>POINT (4.673238502953261 51.77290104097293)</t>
  </si>
  <si>
    <t>POINT (4.693797885953205 51.81793789483631)</t>
  </si>
  <si>
    <t>POINT (4.674007569084642 51.81577280553474)</t>
  </si>
  <si>
    <t>POINT (4.683067192135489 51.81072996872958)</t>
  </si>
  <si>
    <t>POINT (4.6815088350226555 51.81404174899516)</t>
  </si>
  <si>
    <t>POINT (4.663215598345235 51.79068420522985)</t>
  </si>
  <si>
    <t>POINT (4.671203060338001 51.80419531923446)</t>
  </si>
  <si>
    <t>POINT (4.675049733625113 51.81654852819679)</t>
  </si>
  <si>
    <t>POINT (4.714743180402697 51.80480804705956)</t>
  </si>
  <si>
    <t>POINT (4.658804819343383 51.80385330305913)</t>
  </si>
  <si>
    <t>POINT (4.680486840265065 51.77614933521341)</t>
  </si>
  <si>
    <t>POINT (4.660956974220968 51.79833164772458)</t>
  </si>
  <si>
    <t>POINT (4.661286643958862 51.79333764243812)</t>
  </si>
  <si>
    <t>POINT (4.688293838650627 51.80904135910487)</t>
  </si>
  <si>
    <t>POINT (4.719368685956029 51.80401554456676)</t>
  </si>
  <si>
    <t>POINT (4.721110430259494 51.79399636078852)</t>
  </si>
  <si>
    <t>POINT (4.7263878997868725 51.79291172030638)</t>
  </si>
  <si>
    <t>POINT (4.674609320911992 51.78850313548673)</t>
  </si>
  <si>
    <t>POINT (4.653891731004693 51.81136252535674)</t>
  </si>
  <si>
    <t>POINT (4.726143939271086 51.798817253467185)</t>
  </si>
  <si>
    <t>POINT (4.7196698233845655 51.8011234985483)</t>
  </si>
  <si>
    <t>POINT (4.667728362968907 51.81861252528932)</t>
  </si>
  <si>
    <t>POINT (4.670036568569031 51.80539081834131)</t>
  </si>
  <si>
    <t>POINT (4.687272450189778 51.810473502506305)</t>
  </si>
  <si>
    <t>POINT (4.658979201467678 51.795378770986886)</t>
  </si>
  <si>
    <t>POINT (4.675322121549262 51.80943586382525)</t>
  </si>
  <si>
    <t>POINT (4.6524629716484505 51.78552367216277)</t>
  </si>
  <si>
    <t>POINT (4.657195208529752 51.81025876312893)</t>
  </si>
  <si>
    <t>POINT (4.671388438779975 51.80215517405576)</t>
  </si>
  <si>
    <t>POINT (4.7337720560567345 51.802788700788334)</t>
  </si>
  <si>
    <t>POINT (4.658989995123188 51.7982040587104)</t>
  </si>
  <si>
    <t>POINT (4.694533260582059 51.79042854862514)</t>
  </si>
  <si>
    <t>POINT (4.668360458736608 51.7932820631432)</t>
  </si>
  <si>
    <t>POINT (4.680222182054106 51.80767011739592)</t>
  </si>
  <si>
    <t>POINT (4.716920587781332 51.7951130326184)</t>
  </si>
  <si>
    <t>POINT (4.655826568567109 51.81143832994663)</t>
  </si>
  <si>
    <t>POINT (4.644860303063275 51.76316327143973)</t>
  </si>
  <si>
    <t>POINT (4.709233648784017 51.808922744306635)</t>
  </si>
  <si>
    <t>POINT (4.709432841066425 51.80476310326255)</t>
  </si>
  <si>
    <t>POINT (4.673756329927426 51.813153121523044)</t>
  </si>
  <si>
    <t>POINT (4.721534339624332 51.79520019003195)</t>
  </si>
  <si>
    <t>POINT (4.678450089881351 51.78468337663101)</t>
  </si>
  <si>
    <t>POINT (4.6933605413302795 51.81813980189099)</t>
  </si>
  <si>
    <t>POINT (4.67302469136628 51.8171982828634)</t>
  </si>
  <si>
    <t>POINT (4.664269224888239 51.7875746246241)</t>
  </si>
  <si>
    <t>POINT (4.712286297740946 51.8107226183538)</t>
  </si>
  <si>
    <t>POINT (4.658054162665957 51.801274871413135)</t>
  </si>
  <si>
    <t>POINT (4.684789738985632 51.80434803641871)</t>
  </si>
  <si>
    <t>POINT (4.666421578818563 51.77810870914616)</t>
  </si>
  <si>
    <t>POINT (4.664336426791339 51.801357393139796)</t>
  </si>
  <si>
    <t>POINT (4.677646154585182 51.80733705294359)</t>
  </si>
  <si>
    <t>POINT (4.685084527140661 51.80688355401639)</t>
  </si>
  <si>
    <t>POINT (4.685135798611405 51.77763440471047)</t>
  </si>
  <si>
    <t>POINT (4.667455688670862 51.790179926873364)</t>
  </si>
  <si>
    <t>POINT (4.6303753159466154 51.726896031315334)</t>
  </si>
  <si>
    <t>POINT (4.692732115791261 51.79606222269416)</t>
  </si>
  <si>
    <t>POINT (4.677353834825522 51.789932411092956)</t>
  </si>
  <si>
    <t>POINT (4.677536787732053 51.80790777462392)</t>
  </si>
  <si>
    <t>POINT (4.6715143723842365 51.797042502541984)</t>
  </si>
  <si>
    <t>POINT (4.6436900626839615 51.77983451877951)</t>
  </si>
  <si>
    <t>POINT (4.669308431074901 51.81896086709337)</t>
  </si>
  <si>
    <t>POINT (4.670807228156446 51.79965847966665)</t>
  </si>
  <si>
    <t>POINT (4.669730105621965 51.80818037098439)</t>
  </si>
  <si>
    <t>POINT (4.716868475864166 51.796313736008614)</t>
  </si>
  <si>
    <t>POINT (4.6607375160233095 51.790433938832436)</t>
  </si>
  <si>
    <t>POINT (4.686489261469956 51.801709254304356)</t>
  </si>
  <si>
    <t>POINT (4.711266480218679 51.794989781149546)</t>
  </si>
  <si>
    <t>POINT (4.710607247250247 51.803501573265464)</t>
  </si>
  <si>
    <t>POINT (4.714137766830095 51.803184336158445)</t>
  </si>
  <si>
    <t>POINT (4.742928889949219 51.79025092531104)</t>
  </si>
  <si>
    <t>POINT (4.712191732293277 51.81606182092251)</t>
  </si>
  <si>
    <t>POINT (4.6669456951076 51.81810226467822)</t>
  </si>
  <si>
    <t>POINT (4.664551416285824 51.80205715677159)</t>
  </si>
  <si>
    <t>POINT (4.672787440716451 51.78372664074367)</t>
  </si>
  <si>
    <t>POINT (4.678400063744094 51.81549778423292)</t>
  </si>
  <si>
    <t>POINT (4.722856834980845 51.797669407527415)</t>
  </si>
  <si>
    <t>POINT (4.668694441847063 51.814268843109346)</t>
  </si>
  <si>
    <t>POINT (4.652196102125965 51.803908611852)</t>
  </si>
  <si>
    <t>POINT (4.669021006077172 51.77847690430067)</t>
  </si>
  <si>
    <t>POINT (4.695435661109853 51.79550075334562)</t>
  </si>
  <si>
    <t>POINT (4.663224246499029 51.81103913686958)</t>
  </si>
  <si>
    <t>POINT (4.6610869487520965 51.81353395385594)</t>
  </si>
  <si>
    <t>POINT (4.665762625478473 51.809189555461046)</t>
  </si>
  <si>
    <t>POINT (4.671134971691432 51.77729590387156)</t>
  </si>
  <si>
    <t>POINT (4.685492931837485 51.787417265257154)</t>
  </si>
  <si>
    <t>POINT (4.652405646017961 51.79208993807049)</t>
  </si>
  <si>
    <t>POINT (4.652492547266224 51.78527476204041)</t>
  </si>
  <si>
    <t>POINT (4.694539175021137 51.79276601706786)</t>
  </si>
  <si>
    <t>POINT (4.708106369620686 51.81107934393303)</t>
  </si>
  <si>
    <t>POINT (4.668790996994613 51.80929165757718)</t>
  </si>
  <si>
    <t>POINT (4.673327318933902 51.80520934078062)</t>
  </si>
  <si>
    <t>POINT (4.657277946978595 51.80177969526134)</t>
  </si>
  <si>
    <t>POINT (4.673258168827594 51.77572672639677)</t>
  </si>
  <si>
    <t>POINT (4.706648470370123 51.79462426549447)</t>
  </si>
  <si>
    <t>POINT (4.681586991908776 51.8051672927609)</t>
  </si>
  <si>
    <t>POINT (4.666690887167929 51.776338975787134)</t>
  </si>
  <si>
    <t>POINT (4.672309439326697 51.80401667366117)</t>
  </si>
  <si>
    <t>POINT (4.709913718167987 51.791708659193176)</t>
  </si>
  <si>
    <t>POINT (4.687576498443184 51.8100864660444)</t>
  </si>
  <si>
    <t>POINT (4.727749676928716 51.80392816084088)</t>
  </si>
  <si>
    <t>POINT (4.656839511750663 51.80406277453282)</t>
  </si>
  <si>
    <t>POINT (4.685460849613284 51.81051619272528)</t>
  </si>
  <si>
    <t>POINT (4.707108611138329 51.78946046410918)</t>
  </si>
  <si>
    <t>POINT (4.726777169993569 51.79951727756185)</t>
  </si>
  <si>
    <t>POINT (4.680211223249217 51.77777643623414)</t>
  </si>
  <si>
    <t>POINT (4.727976419257326 51.80305484944277)</t>
  </si>
  <si>
    <t>POINT (4.6772627137443905 51.81671594775934)</t>
  </si>
  <si>
    <t>POINT (4.675710313304925 51.816085088201554)</t>
  </si>
  <si>
    <t>POINT (4.665287082950318 51.77360705853977)</t>
  </si>
  <si>
    <t>POINT (4.683182484142329 51.80992804443482)</t>
  </si>
  <si>
    <t>POINT (4.67202237101504 51.817587285049)</t>
  </si>
  <si>
    <t>POINT (4.661826074070366 51.7885263230418)</t>
  </si>
  <si>
    <t>POINT (4.672854241016455 51.81939069594593)</t>
  </si>
  <si>
    <t>POINT (4.681146019439957 51.80085359919003)</t>
  </si>
  <si>
    <t>POINT (4.6705547497309015 51.79078412694663)</t>
  </si>
  <si>
    <t>POINT (4.735974540496174 51.79900261805461)</t>
  </si>
  <si>
    <t>POINT (4.671888071201121 51.81922683548736)</t>
  </si>
  <si>
    <t>POINT (4.667283074761665 51.8177474574661)</t>
  </si>
  <si>
    <t>POINT (4.6637397714938 51.806545618861364)</t>
  </si>
  <si>
    <t>POINT (4.711215560380219 51.81650241626181)</t>
  </si>
  <si>
    <t>POINT (4.658167379011487 51.80201932668889)</t>
  </si>
  <si>
    <t>POINT (4.6817093004109145 51.78910913704963)</t>
  </si>
  <si>
    <t>POINT (4.664743573104411 51.80086015651552)</t>
  </si>
  <si>
    <t>POINT (4.676378256755945 51.775591853865755)</t>
  </si>
  <si>
    <t>POINT (4.687694693469462 51.80424930154624)</t>
  </si>
  <si>
    <t>POINT (4.693506789482739 51.79703167674405)</t>
  </si>
  <si>
    <t>POINT (4.711020207599315 51.81648669334355)</t>
  </si>
  <si>
    <t>POINT (4.659454027727301 51.80884795150264)</t>
  </si>
  <si>
    <t>POINT (4.650885509562297 51.79244773058515)</t>
  </si>
  <si>
    <t>POINT (4.6667684916676375 51.79878923546223)</t>
  </si>
  <si>
    <t>POINT (4.672743379032832 51.80397394184243)</t>
  </si>
  <si>
    <t>POINT (4.668042977945657 51.80144226410322)</t>
  </si>
  <si>
    <t>POINT (4.673619745318702 51.80785922020315)</t>
  </si>
  <si>
    <t>POINT (4.664277071952249 51.81086305837976)</t>
  </si>
  <si>
    <t>POINT (4.6579161119969985 51.80273439800087)</t>
  </si>
  <si>
    <t>POINT (4.706933741371849 51.795263288086176)</t>
  </si>
  <si>
    <t>POINT (4.662243574441642 51.79768446351869)</t>
  </si>
  <si>
    <t>POINT (4.692294275717374 51.81844663100267)</t>
  </si>
  <si>
    <t>POINT (4.680166657627196 51.815055304049324)</t>
  </si>
  <si>
    <t>POINT (4.68200426902296 51.7801227555348)</t>
  </si>
  <si>
    <t>POINT (4.73326470812026 51.79586294208858)</t>
  </si>
  <si>
    <t>POINT (4.659182767940915 51.78730514651759)</t>
  </si>
  <si>
    <t>POINT (4.679144091504875 51.807503537807506)</t>
  </si>
  <si>
    <t>POINT (4.662953544289047 51.79157365585868)</t>
  </si>
  <si>
    <t>POINT (4.673554082767578 51.77664779370797)</t>
  </si>
  <si>
    <t>POINT (4.654853253662394 51.78970043038309)</t>
  </si>
  <si>
    <t>POINT (4.669947247228621 51.779966967696886)</t>
  </si>
  <si>
    <t>POINT (4.680434282345281 51.80736730830863)</t>
  </si>
  <si>
    <t>POINT (4.666401955399601 51.78807602418489)</t>
  </si>
  <si>
    <t>POINT (4.673698651638199 51.81693323452596)</t>
  </si>
  <si>
    <t>POINT (4.693322813319676 51.81868467752942)</t>
  </si>
  <si>
    <t>POINT (4.686706569048751 51.77791906632808)</t>
  </si>
  <si>
    <t>POINT (4.652828640757369 51.803604089289315)</t>
  </si>
  <si>
    <t>POINT (4.670804169985278 51.81685962006551)</t>
  </si>
  <si>
    <t>POINT (4.7190303985283135 51.805146484462036)</t>
  </si>
  <si>
    <t>POINT (4.6758509038244185 51.78519361693967)</t>
  </si>
  <si>
    <t>POINT (4.674737723979932 51.78276837911695)</t>
  </si>
  <si>
    <t>POINT (4.7201229769526565 51.800341276978365)</t>
  </si>
  <si>
    <t>POINT (4.686503074539927 51.808704382209825)</t>
  </si>
  <si>
    <t>POINT (4.682202717725932 51.782081668893)</t>
  </si>
  <si>
    <t>POINT (4.665360542922565 51.812438855043716)</t>
  </si>
  <si>
    <t>POINT (4.652387752134874 51.792830738510155)</t>
  </si>
  <si>
    <t>POINT (4.665860822630747 51.809174285121685)</t>
  </si>
  <si>
    <t>POINT (4.70392040077487 51.79935460308294)</t>
  </si>
  <si>
    <t>POINT (4.654494123109255 51.81199968514056)</t>
  </si>
  <si>
    <t>POINT (4.669790463146056 51.81115924653947)</t>
  </si>
  <si>
    <t>POINT (4.65241980942545 51.78185790948008)</t>
  </si>
  <si>
    <t>POINT (4.682144324333604 51.802731880775134)</t>
  </si>
  <si>
    <t>POINT (4.728378987472016 51.804624225430096)</t>
  </si>
  <si>
    <t>POINT (4.650617057839198 51.79341160386718)</t>
  </si>
  <si>
    <t>POINT (4.665322556396644 51.809876946211226)</t>
  </si>
  <si>
    <t>POINT (4.656718509034409 51.79259028968279)</t>
  </si>
  <si>
    <t>POINT (4.652508432741156 51.80295869156132)</t>
  </si>
  <si>
    <t>POINT (4.671207793951306 51.802363876758754)</t>
  </si>
  <si>
    <t>POINT (4.631506925456903 51.767122628096914)</t>
  </si>
  <si>
    <t>POINT (4.677629546057051 51.79058979520457)</t>
  </si>
  <si>
    <t>POINT (4.673813848806314 51.81222264027044)</t>
  </si>
  <si>
    <t>POINT (4.669797011459331 51.80894133920875)</t>
  </si>
  <si>
    <t>POINT (4.674576209342911 51.80718078764362)</t>
  </si>
  <si>
    <t>POINT (4.677715882817345 51.790450255589604)</t>
  </si>
  <si>
    <t>POINT (4.650736165245925 51.80781362242358)</t>
  </si>
  <si>
    <t>POINT (4.6819113854125325 51.781617961396385)</t>
  </si>
  <si>
    <t>POINT (4.669431633432512 51.80821282849431)</t>
  </si>
  <si>
    <t>POINT (4.707252802593972 51.79673862206814)</t>
  </si>
  <si>
    <t>POINT (4.654005476568845 51.79230860264338)</t>
  </si>
  <si>
    <t>POINT (4.685827713257353 51.78637552779262)</t>
  </si>
  <si>
    <t>POINT (4.659344794225951 51.811846430261284)</t>
  </si>
  <si>
    <t>POINT (4.68692706991196 51.77691541067867)</t>
  </si>
  <si>
    <t>POINT (4.658775558093554 51.787459121042275)</t>
  </si>
  <si>
    <t>POINT (4.676869246362402 51.773166061392565)</t>
  </si>
  <si>
    <t>POINT (4.678360527723231 51.814743378415265)</t>
  </si>
  <si>
    <t>POINT (4.670469511648161 51.78038793742144)</t>
  </si>
  <si>
    <t>POINT (4.6859651719738435 51.8084126957674)</t>
  </si>
  <si>
    <t>POINT (4.6583008404454835 51.79301334250361)</t>
  </si>
  <si>
    <t>POINT (4.6362725487950645 51.775986537235134)</t>
  </si>
  <si>
    <t>POINT (4.680333755293074 51.775153605756806)</t>
  </si>
  <si>
    <t>POINT (4.657588979663092 51.78724124016253)</t>
  </si>
  <si>
    <t>POINT (4.6830654187281775 51.80653496442804)</t>
  </si>
  <si>
    <t>POINT (4.653916912358503 51.781977147480525)</t>
  </si>
  <si>
    <t>POINT (4.683304366090997 51.79838623170427)</t>
  </si>
  <si>
    <t>POINT (4.661030244068027 51.80230345090141)</t>
  </si>
  <si>
    <t>POINT (4.628585284648701 51.72421195330367)</t>
  </si>
  <si>
    <t>POINT (4.678642454887824 51.78704876354318)</t>
  </si>
  <si>
    <t>POINT (4.677491990359109 51.81684059604518)</t>
  </si>
  <si>
    <t>POINT (4.663554338498366 51.80438210262884)</t>
  </si>
  <si>
    <t>POINT (4.679925493549039 51.80736862919574)</t>
  </si>
  <si>
    <t>POINT (4.675173050869677 51.80979777824036)</t>
  </si>
  <si>
    <t>POINT (4.726985397737516 51.798746819353525)</t>
  </si>
  <si>
    <t>POINT (4.679111668937589 51.80878612459096)</t>
  </si>
  <si>
    <t>POINT (4.6667613943906705 51.79627926090905)</t>
  </si>
  <si>
    <t>POINT (4.669283802211342 51.808250099072765)</t>
  </si>
  <si>
    <t>POINT (4.674398360424247 51.81638208562837)</t>
  </si>
  <si>
    <t>POINT (4.658218425877005 51.80978598199712)</t>
  </si>
  <si>
    <t>POINT (4.666517670779837 51.796339525347356)</t>
  </si>
  <si>
    <t>POINT (4.72558018585253 51.79525192014622)</t>
  </si>
  <si>
    <t>POINT (4.671043306801671 51.81462157014227)</t>
  </si>
  <si>
    <t>POINT (4.701308596770189 51.79913196845343)</t>
  </si>
  <si>
    <t>POINT (4.697847387083446 51.79082060554355)</t>
  </si>
  <si>
    <t>POINT (4.666128166224156 51.799870290982334)</t>
  </si>
  <si>
    <t>POINT (4.723118630974432 51.805368665258726)</t>
  </si>
  <si>
    <t>POINT (4.690266634728863 51.80622008129294)</t>
  </si>
  <si>
    <t>POINT (4.6785992476470275 51.787025797109024)</t>
  </si>
  <si>
    <t>POINT (4.657996377162526 51.799067831721445)</t>
  </si>
  <si>
    <t>POINT (4.72594677063685 51.79639677653206)</t>
  </si>
  <si>
    <t>POINT (4.698288241346981 51.80112527995021)</t>
  </si>
  <si>
    <t>POINT (4.6673027121458075 51.78795806866368)</t>
  </si>
  <si>
    <t>POINT (4.685652878624024 51.80625762971102)</t>
  </si>
  <si>
    <t>POINT (4.675874548431166 51.78533386717287)</t>
  </si>
  <si>
    <t>POINT (4.689991106952994 51.80682419064668)</t>
  </si>
  <si>
    <t>POINT (4.661049216636656 51.81364093738311)</t>
  </si>
  <si>
    <t>POINT (4.722487683571609 51.79933382990601)</t>
  </si>
  <si>
    <t>POINT (4.679384712482643 51.80035976461573)</t>
  </si>
  <si>
    <t>POINT (4.721772548963898 51.80442683204884)</t>
  </si>
  <si>
    <t>POINT (4.661816244715879 51.81630042470543)</t>
  </si>
  <si>
    <t>POINT (4.642705454250457 51.76742700429834)</t>
  </si>
  <si>
    <t>POINT (4.6659154834399486 51.81444401883821)</t>
  </si>
  <si>
    <t>POINT (4.6753143720557375 51.77583262665879)</t>
  </si>
  <si>
    <t>POINT (4.680433798645536 51.78072915475408)</t>
  </si>
  <si>
    <t>POINT (4.650459729867724 51.79411045907987)</t>
  </si>
  <si>
    <t>POINT (4.684281710407787 51.80385722383044)</t>
  </si>
  <si>
    <t>POINT (4.707571558897666 51.80903698447489)</t>
  </si>
  <si>
    <t>POINT (4.721523892355002 51.811113588902224)</t>
  </si>
  <si>
    <t>POINT (4.667169721620438 51.794491093575154)</t>
  </si>
  <si>
    <t>POINT (4.683603618557133 51.81201077220167)</t>
  </si>
  <si>
    <t>POINT (4.705210343384886 51.797817253900426)</t>
  </si>
  <si>
    <t>POINT (4.653294887029919 51.80403876965993)</t>
  </si>
  <si>
    <t>POINT (4.694076535199174 51.81815063925698)</t>
  </si>
  <si>
    <t>POINT (4.6707482834541985 51.7997303887958)</t>
  </si>
  <si>
    <t>244A</t>
  </si>
  <si>
    <t>POINT (4.628818767670233 51.72318482220694)</t>
  </si>
  <si>
    <t>POINT (4.686611613628206 51.808603458350085)</t>
  </si>
  <si>
    <t>POINT (4.67065987154606 51.7837611687687)</t>
  </si>
  <si>
    <t>POINT (4.710822453899542 51.81579582864456)</t>
  </si>
  <si>
    <t>POINT (4.720304525767539 51.79827591764546)</t>
  </si>
  <si>
    <t>POINT (4.6692667890464365 51.81690285404975)</t>
  </si>
  <si>
    <t>POINT (4.659783499963501 51.81402056478727)</t>
  </si>
  <si>
    <t>POINT (4.683348660828048 51.801662456868335)</t>
  </si>
  <si>
    <t>POINT (4.663423327925947 51.80377563665147)</t>
  </si>
  <si>
    <t>POINT (4.715703849387068 51.80063439337661)</t>
  </si>
  <si>
    <t>POINT (4.71893203990093 51.79362155911496)</t>
  </si>
  <si>
    <t>POINT (4.659392284972295 51.80888560869924)</t>
  </si>
  <si>
    <t>POINT (4.680891908254383 51.77849123796525)</t>
  </si>
  <si>
    <t>POINT (4.653521706974524 51.7881410086529)</t>
  </si>
  <si>
    <t>POINT (4.665870414497328 51.79600742425015)</t>
  </si>
  <si>
    <t>POINT (4.67275506933295 51.797119627829524)</t>
  </si>
  <si>
    <t>POINT (4.725157205539449 51.79661756135232)</t>
  </si>
  <si>
    <t>POINT (4.644513966745201 51.774191299048645)</t>
  </si>
  <si>
    <t>POINT (4.668032582952596 51.77091353983782)</t>
  </si>
  <si>
    <t>POINT (4.678397387130067 51.81547431663937)</t>
  </si>
  <si>
    <t>POINT (4.6741694914664915 51.81059309686812)</t>
  </si>
  <si>
    <t>POINT (4.651769879747884 51.78471438000228)</t>
  </si>
  <si>
    <t>POINT (4.7155920048469095 51.80318083082978)</t>
  </si>
  <si>
    <t>POINT (4.654134047620736 51.791103669454046)</t>
  </si>
  <si>
    <t>POINT (4.68006614506544 51.776624863777116)</t>
  </si>
  <si>
    <t>POINT (4.666692762271664 51.817925540894706)</t>
  </si>
  <si>
    <t>POINT (4.663630102953821 51.801810833527746)</t>
  </si>
  <si>
    <t>POINT (4.682198053570076 51.80852211318004)</t>
  </si>
  <si>
    <t>POINT (4.679789558372363 51.78049068396107)</t>
  </si>
  <si>
    <t>POINT (4.666910423694133 51.81686590795039)</t>
  </si>
  <si>
    <t>POINT (4.6313160296759515 51.78424433166052)</t>
  </si>
  <si>
    <t>POINT (4.686062610868471 51.78890944091682)</t>
  </si>
  <si>
    <t>POINT (4.704346549711925 51.80739181057899)</t>
  </si>
  <si>
    <t>POINT (4.662805918592666 51.79089076243703)</t>
  </si>
  <si>
    <t>POINT (4.669534851137551 51.810783610783524)</t>
  </si>
  <si>
    <t>POINT (4.658528822068712 51.81290387395855)</t>
  </si>
  <si>
    <t>POINT (4.684094465866896 51.80864853735747)</t>
  </si>
  <si>
    <t>POINT (4.6996430859419975 51.80069119155808)</t>
  </si>
  <si>
    <t>POINT (4.673178001995105 51.793292525831035)</t>
  </si>
  <si>
    <t>POINT (4.717313265275451 51.81564449397695)</t>
  </si>
  <si>
    <t>POINT (4.65417516740761 51.8035316378622)</t>
  </si>
  <si>
    <t>POINT (4.6542041395187175 51.79230391153939)</t>
  </si>
  <si>
    <t>POINT (4.681956120982237 51.789120463765265)</t>
  </si>
  <si>
    <t>POINT (4.655300108335905 51.80415204002869)</t>
  </si>
  <si>
    <t>POINT (4.670325405347589 51.81248813862765)</t>
  </si>
  <si>
    <t>POINT (4.662783704959939 51.813984364133454)</t>
  </si>
  <si>
    <t>POINT (4.662722986365038 51.816630175409884)</t>
  </si>
  <si>
    <t>POINT (4.68168850260811 51.81351177896674)</t>
  </si>
  <si>
    <t>POINT (4.685524316573537 51.7870981657768)</t>
  </si>
  <si>
    <t>POINT (4.686482837069349 51.811320421104945)</t>
  </si>
  <si>
    <t>POINT (4.669532324800967 51.79072583205308)</t>
  </si>
  <si>
    <t>POINT (4.7103773297356275 51.79088066534798)</t>
  </si>
  <si>
    <t>POINT (4.711005750175707 51.80064891253382)</t>
  </si>
  <si>
    <t>POINT (4.664125603830634 51.803066704960976)</t>
  </si>
  <si>
    <t>POINT (4.664479528044577 51.799615573897526)</t>
  </si>
  <si>
    <t>POINT (4.669913166688922 51.81254249097758)</t>
  </si>
  <si>
    <t>POINT (4.684001996365212 51.80430529607047)</t>
  </si>
  <si>
    <t>POINT (4.680125020652734 51.78547405414293)</t>
  </si>
  <si>
    <t>POINT (4.671506087394941 51.78275198660731)</t>
  </si>
  <si>
    <t>POINT (4.685827537722215 51.78650429870683)</t>
  </si>
  <si>
    <t>POINT (4.723959340662243 51.80377548267451)</t>
  </si>
  <si>
    <t>POINT (4.6660244650054175 51.812253977010386)</t>
  </si>
  <si>
    <t>POINT (4.663006014145329 51.79094445592117)</t>
  </si>
  <si>
    <t>POINT (4.679136340073369 51.79949407622999)</t>
  </si>
  <si>
    <t>POINT (4.717188507828854 51.80130139814136)</t>
  </si>
  <si>
    <t>POINT (4.680847541552821 51.81186385273531)</t>
  </si>
  <si>
    <t>POINT (4.652137013339733 51.80347927396539)</t>
  </si>
  <si>
    <t>POINT (4.6592180084800985 51.80268513483623)</t>
  </si>
  <si>
    <t>POINT (4.676863282491828 51.77475755718125)</t>
  </si>
  <si>
    <t>POINT (4.672575465597375 51.789061024128664)</t>
  </si>
  <si>
    <t>POINT (4.681648292822497 51.8143028542792)</t>
  </si>
  <si>
    <t>POINT (4.668191104597799 51.793617723936975)</t>
  </si>
  <si>
    <t>POINT (4.715255964227129 51.80130578928981)</t>
  </si>
  <si>
    <t>POINT (4.67452204615077 51.788164908950414)</t>
  </si>
  <si>
    <t>POINT (4.71399511061065 51.80604003811278)</t>
  </si>
  <si>
    <t>POINT (4.672230419989363 51.7733823307548)</t>
  </si>
  <si>
    <t>POINT (4.683390975435613 51.812652087708244)</t>
  </si>
  <si>
    <t>POINT (4.693519771066779 51.79416085204462)</t>
  </si>
  <si>
    <t>POINT (4.668383723587878 51.79628771081842)</t>
  </si>
  <si>
    <t>POINT (4.673692244254756 51.802727619187145)</t>
  </si>
  <si>
    <t>POINT (4.677617505983354 51.79064752865626)</t>
  </si>
  <si>
    <t>POINT (4.704507948102992 51.80857482031298)</t>
  </si>
  <si>
    <t>POINT (4.663365272969758 51.81383472264542)</t>
  </si>
  <si>
    <t>POINT (4.69829506015503 51.792844338548505)</t>
  </si>
  <si>
    <t>POINT (4.681495467810209 51.77745989390223)</t>
  </si>
  <si>
    <t>POINT (4.710266036566246 51.809299468000994)</t>
  </si>
  <si>
    <t>POINT (4.6729544980521736 51.776169180467875)</t>
  </si>
  <si>
    <t>POINT (4.700969863966394 51.81695697058965)</t>
  </si>
  <si>
    <t>POINT (4.661703507238373 51.81619890181953)</t>
  </si>
  <si>
    <t>POINT (4.674052869143834 51.7811961829117)</t>
  </si>
  <si>
    <t>POINT (4.655152461479215 51.80010953920314)</t>
  </si>
  <si>
    <t>POINT (4.7075671895324 51.80669179356526)</t>
  </si>
  <si>
    <t>POINT (4.673280297893059 51.81604260091942)</t>
  </si>
  <si>
    <t>POINT (4.6683509521181525 51.79200201435339)</t>
  </si>
  <si>
    <t>POINT (4.68514705290038 51.78111950679958)</t>
  </si>
  <si>
    <t>POINT (4.679005282301158 51.780726659715356)</t>
  </si>
  <si>
    <t>POINT (4.712728002538327 51.795282278961835)</t>
  </si>
  <si>
    <t>POINT (4.639797186695871 51.76184714669726)</t>
  </si>
  <si>
    <t>POINT (4.719685123261045 51.80211550968359)</t>
  </si>
  <si>
    <t>POINT (4.629667403744016 51.72438192022127)</t>
  </si>
  <si>
    <t>POINT (4.718816516808819 51.80222733650786)</t>
  </si>
  <si>
    <t>POINT (4.657608783286398 51.787559105320966)</t>
  </si>
  <si>
    <t>POINT (4.663089927675261 51.801118706541324)</t>
  </si>
  <si>
    <t>POINT (4.653248230204301 51.79232599773125)</t>
  </si>
  <si>
    <t>POINT (4.671146746588733 51.799958230611296)</t>
  </si>
  <si>
    <t>POINT (4.731203451089916 51.80215046734018)</t>
  </si>
  <si>
    <t>POINT (4.662542262723778 51.79187844880261)</t>
  </si>
  <si>
    <t>POINT (4.661233822607156 51.78869152120945)</t>
  </si>
  <si>
    <t>POINT (4.698190618234939 51.81755402729421)</t>
  </si>
  <si>
    <t>POINT (4.668775488645643 51.80928026386089)</t>
  </si>
  <si>
    <t>POINT (4.6843351005236995 51.81269708957997)</t>
  </si>
  <si>
    <t>POINT (4.664397898645343 51.78801900119141)</t>
  </si>
  <si>
    <t>POINT (4.702273072848649 51.81685066135299)</t>
  </si>
  <si>
    <t>POINT (4.659218374176938 51.81276577280529)</t>
  </si>
  <si>
    <t>POINT (4.656810671714684 51.80208710421187)</t>
  </si>
  <si>
    <t>POINT (4.674102827250017 51.816368560065605)</t>
  </si>
  <si>
    <t>POINT (4.652467263810789 51.78145247378894)</t>
  </si>
  <si>
    <t>POINT (4.678584291315791 51.815451751213786)</t>
  </si>
  <si>
    <t>POINT (4.682501811375687 51.77894922398358)</t>
  </si>
  <si>
    <t>POINT (4.665858683109923 51.81488868112433)</t>
  </si>
  <si>
    <t>POINT (4.704583895648914 51.8152675709029)</t>
  </si>
  <si>
    <t>POINT (4.664852451012009 51.81240570642508)</t>
  </si>
  <si>
    <t>POINT (4.685499652824549 51.78911549329545)</t>
  </si>
  <si>
    <t>POINT (4.6533058503381275 51.80021381352788)</t>
  </si>
  <si>
    <t>POINT (4.65846253729531 51.80111771533662)</t>
  </si>
  <si>
    <t>POINT (4.653058030408373 51.791174666024126)</t>
  </si>
  <si>
    <t>POINT (4.672619894646585 51.788403717581126)</t>
  </si>
  <si>
    <t>POINT (4.658609213131062 51.81341227871908)</t>
  </si>
  <si>
    <t>POINT (4.68281299725478 51.77488511699172)</t>
  </si>
  <si>
    <t>POINT (4.662911895767156 51.79072162916014)</t>
  </si>
  <si>
    <t>POINT (4.65344092903694 51.79030141719252)</t>
  </si>
  <si>
    <t>POINT (4.7104973521989875 51.79143403475888)</t>
  </si>
  <si>
    <t>POINT (4.709998044084883 51.803377197464016)</t>
  </si>
  <si>
    <t>POINT (4.697217867700231 51.7933477917692)</t>
  </si>
  <si>
    <t>POINT (4.71312381633016 51.81624162964395)</t>
  </si>
  <si>
    <t>POINT (4.668656174215865 51.80819025804341)</t>
  </si>
  <si>
    <t>POINT (4.6663253850995305 51.77755827830202)</t>
  </si>
  <si>
    <t>POINT (4.661957673083675 51.80191408907323)</t>
  </si>
  <si>
    <t>POINT (4.669157046090097 51.79114427865398)</t>
  </si>
  <si>
    <t>POINT (4.659606216739647 51.80112562213025)</t>
  </si>
  <si>
    <t>POINT (4.722392949803304 51.79892905574602)</t>
  </si>
  <si>
    <t>POINT (4.68271756965349 51.80481860197957)</t>
  </si>
  <si>
    <t>POINT (4.659389980685502 51.796145395658534)</t>
  </si>
  <si>
    <t>POINT (4.670101885632028 51.80534544716219)</t>
  </si>
  <si>
    <t>POINT (4.671140404802959 51.782358287697875)</t>
  </si>
  <si>
    <t>POINT (4.674510977358174 51.80725025146802)</t>
  </si>
  <si>
    <t>POINT (4.677587635803832 51.78170648935031)</t>
  </si>
  <si>
    <t>POINT (4.65827614633065 51.80097162375695)</t>
  </si>
  <si>
    <t>POINT (4.662588688248455 51.80895153818104)</t>
  </si>
  <si>
    <t>POINT (4.675297163881742 51.77579458086868)</t>
  </si>
  <si>
    <t>POINT (4.671204619886127 51.818484950045715)</t>
  </si>
  <si>
    <t>POINT (4.67435230480592 51.802890443193064)</t>
  </si>
  <si>
    <t>POINT (4.685790316534046 51.78641305668506)</t>
  </si>
  <si>
    <t>POINT (4.700716152331007 51.79716811168376)</t>
  </si>
  <si>
    <t>POINT (4.663460543228441 51.81335925176922)</t>
  </si>
  <si>
    <t>POINT (4.666566978456296 51.809583698783484)</t>
  </si>
  <si>
    <t>POINT (4.672368158583221 51.78073857791522)</t>
  </si>
  <si>
    <t>POINT (4.664352085426346 51.81745872062898)</t>
  </si>
  <si>
    <t>POINT (4.672497854503565 51.81943962679803)</t>
  </si>
  <si>
    <t>POINT (4.660745701299646 51.80102764092267)</t>
  </si>
  <si>
    <t>POINT (4.6828837260046665 51.80515228819198)</t>
  </si>
  <si>
    <t>POINT (4.656150745610784 51.76585407896494)</t>
  </si>
  <si>
    <t>POINT (4.664611191655723 51.77864858698372)</t>
  </si>
  <si>
    <t>POINT (4.721540977468791 51.8037778779204)</t>
  </si>
  <si>
    <t>POINT (4.710982713844193 51.81432402656441)</t>
  </si>
  <si>
    <t>POINT (4.67720172647936 51.77835120601765)</t>
  </si>
  <si>
    <t>POINT (4.676091880634948 51.77461491487731)</t>
  </si>
  <si>
    <t>POINT (4.733646075366527 51.80272980674003)</t>
  </si>
  <si>
    <t>POINT (4.716075280454095 51.80530464689408)</t>
  </si>
  <si>
    <t>POINT (4.712011216048632 51.808799947036036)</t>
  </si>
  <si>
    <t>POINT (4.683054930954477 51.8103135401198)</t>
  </si>
  <si>
    <t>POINT (4.659315820845767 51.78341053373656)</t>
  </si>
  <si>
    <t>POINT (4.638491910184686 51.77713660614444)</t>
  </si>
  <si>
    <t>POINT (4.65206523126866 51.79520447896022)</t>
  </si>
  <si>
    <t>POINT (4.692538230306369 51.81888792580437)</t>
  </si>
  <si>
    <t>POINT (4.7179649761218485 51.80314193140191)</t>
  </si>
  <si>
    <t>POINT (4.718294126594128 51.80422018954704)</t>
  </si>
  <si>
    <t>POINT (4.6635908218719715 51.79953400694369)</t>
  </si>
  <si>
    <t>POINT (4.667840404539653 51.79485237373441)</t>
  </si>
  <si>
    <t>POINT (4.6721284708246245 51.81274551884518)</t>
  </si>
  <si>
    <t>POINT (4.662743818607836 51.81350364598245)</t>
  </si>
  <si>
    <t>POINT (4.660122980066386 51.787511012628)</t>
  </si>
  <si>
    <t>POINT (4.721742208511612 51.8043910290092)</t>
  </si>
  <si>
    <t>POINT (4.727301827820771 51.79799002086752)</t>
  </si>
  <si>
    <t>POINT (4.66205642071357 51.80503853943206)</t>
  </si>
  <si>
    <t>POINT (4.684520028023025 51.803627597431095)</t>
  </si>
  <si>
    <t>POINT (4.69771286052619 51.79133843454054)</t>
  </si>
  <si>
    <t>POINT (4.672949994453801 51.81667040918487)</t>
  </si>
  <si>
    <t>POINT (4.6844791034719275 51.787520804417255)</t>
  </si>
  <si>
    <t>POINT (4.653934414358873 51.80386586144279)</t>
  </si>
  <si>
    <t>POINT (4.684638917570809 51.78104111209364)</t>
  </si>
  <si>
    <t>POINT (4.658961825258656 51.804465931253844)</t>
  </si>
  <si>
    <t>POINT (4.660813964644723 51.81520868049687)</t>
  </si>
  <si>
    <t>POINT (4.682623981664305 51.81031012646923)</t>
  </si>
  <si>
    <t>POINT (4.64820683739251 51.786487403202365)</t>
  </si>
  <si>
    <t>POINT (4.683633056217748 51.80419522037276)</t>
  </si>
  <si>
    <t>POINT (4.694160684082092 51.775857665884494)</t>
  </si>
  <si>
    <t>POINT (4.702394490863676 51.79543560182793)</t>
  </si>
  <si>
    <t>POINT (4.6858968645709815 51.78691615245767)</t>
  </si>
  <si>
    <t>POINT (4.682057494286363 51.78185064935726)</t>
  </si>
  <si>
    <t>POINT (4.667851467728612 51.80336849851699)</t>
  </si>
  <si>
    <t>POINT (4.732371220164027 51.80438974913858)</t>
  </si>
  <si>
    <t>POINT (4.667786011934279 51.803568023579274)</t>
  </si>
  <si>
    <t>POINT (4.652040447638821 51.78771030796516)</t>
  </si>
  <si>
    <t>POINT (4.678183532224175 51.784675347822215)</t>
  </si>
  <si>
    <t>POINT (4.731538087332287 51.79327456243936)</t>
  </si>
  <si>
    <t>POINT (4.705894652543768 51.79614127562897)</t>
  </si>
  <si>
    <t>POINT (4.660830467570344 51.79042514817765)</t>
  </si>
  <si>
    <t>POINT (4.674957063878713 51.779381302396146)</t>
  </si>
  <si>
    <t>POINT (4.681632369674092 51.78882428119812)</t>
  </si>
  <si>
    <t>POINT (4.673014012535647 51.78923821041181)</t>
  </si>
  <si>
    <t>POINT (4.6709716760363245 51.77812327042157)</t>
  </si>
  <si>
    <t>POINT (4.703808503824972 51.81530617679143)</t>
  </si>
  <si>
    <t>POINT (4.679430167156589 51.81695834898777)</t>
  </si>
  <si>
    <t>POINT (4.672365894722977 51.802978752822625)</t>
  </si>
  <si>
    <t>POINT (4.703384112505821 51.79865040802715)</t>
  </si>
  <si>
    <t>POINT (4.6303529623924975 51.72250612679749)</t>
  </si>
  <si>
    <t>POINT (4.7178633982109215 51.815417020463926)</t>
  </si>
  <si>
    <t>POINT (4.6587256713240155 51.81257095071903)</t>
  </si>
  <si>
    <t>POINT (4.674428871327149 51.78761489973331)</t>
  </si>
  <si>
    <t>POINT (4.663484861358369 51.817597212785266)</t>
  </si>
  <si>
    <t>POINT (4.656089696943858 51.80977059919577)</t>
  </si>
  <si>
    <t>POINT (4.678276144443206 51.7776182851436)</t>
  </si>
  <si>
    <t>POINT (4.6512900552466325 51.80185955817209)</t>
  </si>
  <si>
    <t>POINT (4.713903763533115 51.809011582426095)</t>
  </si>
  <si>
    <t>POINT (4.710197547135952 51.81426851619187)</t>
  </si>
  <si>
    <t>POINT (4.676382487153412 51.808161585444275)</t>
  </si>
  <si>
    <t>POINT (4.724606705193412 51.79719513830414)</t>
  </si>
  <si>
    <t>POINT (4.712479784647259 51.81394098125831)</t>
  </si>
  <si>
    <t>POINT (4.6855321313003495 51.80380078951778)</t>
  </si>
  <si>
    <t>POINT (4.680717338356397 51.804820472297216)</t>
  </si>
  <si>
    <t>POINT (4.628753634377634 51.724598788308356)</t>
  </si>
  <si>
    <t>POINT (4.672293842257388 51.81883042682021)</t>
  </si>
  <si>
    <t>POINT (4.655537937415754 51.80071954387328)</t>
  </si>
  <si>
    <t>POINT (4.7052616845500514 51.815782066246065)</t>
  </si>
  <si>
    <t>POINT (4.688880523340602 51.806854125589844)</t>
  </si>
  <si>
    <t>POINT (4.653035029754718 51.791175376010635)</t>
  </si>
  <si>
    <t>POINT (4.666060868459782 51.8148439915721)</t>
  </si>
  <si>
    <t>POINT (4.669106077918493 51.81509468921036)</t>
  </si>
  <si>
    <t>POINT (4.6690916201138695 51.81678166672403)</t>
  </si>
  <si>
    <t>POINT (4.668487983748205 51.791975132797226)</t>
  </si>
  <si>
    <t>POINT (4.6841210790846475 51.79819878895437)</t>
  </si>
  <si>
    <t>POINT (4.6511681195359715 51.78826900563943)</t>
  </si>
  <si>
    <t>POINT (4.665618789135647 51.81842179595542)</t>
  </si>
  <si>
    <t>POINT (4.682871220298501 51.805108186609196)</t>
  </si>
  <si>
    <t>POINT (4.688493499132958 51.8068113637311)</t>
  </si>
  <si>
    <t>POINT (4.669423051533994 51.796524202553776)</t>
  </si>
  <si>
    <t>POINT (4.725402936548412 51.793710225508846)</t>
  </si>
  <si>
    <t>POINT (4.7031096968034385 51.78960460901174)</t>
  </si>
  <si>
    <t>POINT (4.721169093007055 51.79937472018217)</t>
  </si>
  <si>
    <t>POINT (4.678811655168514 51.77568265699701)</t>
  </si>
  <si>
    <t>POINT (4.678122870241146 51.78137148136058)</t>
  </si>
  <si>
    <t>POINT (4.676446619626953 51.81600022940233)</t>
  </si>
  <si>
    <t>POINT (4.691450290369373 51.793722812815126)</t>
  </si>
  <si>
    <t>POINT (4.667940151393839 51.81484636507996)</t>
  </si>
  <si>
    <t>POINT (4.684014489823394 51.812475045510126)</t>
  </si>
  <si>
    <t>POINT (4.651402795645665 51.79256401820256)</t>
  </si>
  <si>
    <t>POINT (4.690965983465901 51.81853279797451)</t>
  </si>
  <si>
    <t>POINT (4.663175152222809 51.816458612475955)</t>
  </si>
  <si>
    <t>POINT (4.6697650641215755 51.80425160473136)</t>
  </si>
  <si>
    <t>POINT (4.702971350390431 51.796878178685766)</t>
  </si>
  <si>
    <t>POINT (4.660252407393067 51.78257973529689)</t>
  </si>
  <si>
    <t>POINT (4.669446839804797 51.80160585231027)</t>
  </si>
  <si>
    <t>POINT (4.73112632701866 51.80107654113901)</t>
  </si>
  <si>
    <t>POINT (4.69271620513404 51.7960288434541)</t>
  </si>
  <si>
    <t>POINT (4.668347630624822 51.815219303007524)</t>
  </si>
  <si>
    <t>POINT (4.6501577796743705 51.794858310882766)</t>
  </si>
  <si>
    <t>POINT (4.670039479372482 51.79827762997194)</t>
  </si>
  <si>
    <t>POINT (4.682707152504131 51.81103359326562)</t>
  </si>
  <si>
    <t>POINT (4.6681207780123515 51.804140938113186)</t>
  </si>
  <si>
    <t>POINT (4.654155147273971 51.79110041255688)</t>
  </si>
  <si>
    <t>POINT (4.664792146276085 51.79769824211987)</t>
  </si>
  <si>
    <t>POINT (4.734881570508844 51.80335666377612)</t>
  </si>
  <si>
    <t>POINT (4.658874657756151 51.80903794632443)</t>
  </si>
  <si>
    <t>POINT (4.682548814820086 51.80343579581362)</t>
  </si>
  <si>
    <t>POINT (4.673904508507954 51.81155750823052)</t>
  </si>
  <si>
    <t>POINT (4.692226033257412 51.811061723594655)</t>
  </si>
  <si>
    <t>POINT (4.681148837497609 51.8083044452547)</t>
  </si>
  <si>
    <t>POINT (4.669025870083043 51.818733900292365)</t>
  </si>
  <si>
    <t>POINT (4.713301924830498 51.805519832186874)</t>
  </si>
  <si>
    <t>POINT (4.6671495524340525 51.81807903943112)</t>
  </si>
  <si>
    <t>POINT (4.685932693890897 51.80980265276615)</t>
  </si>
  <si>
    <t>POINT (4.688927199849327 51.80864440604554)</t>
  </si>
  <si>
    <t>POINT (4.676707802874474 51.78381689667292)</t>
  </si>
  <si>
    <t>POINT (4.714770717253702 51.806444390129236)</t>
  </si>
  <si>
    <t>POINT (4.734313789382349 51.80273621153159)</t>
  </si>
  <si>
    <t>POINT (4.662839487078068 51.796810056317646)</t>
  </si>
  <si>
    <t>POINT (4.653755038704473 51.79178622229089)</t>
  </si>
  <si>
    <t>POINT (4.7115818789661805 51.795633999358444)</t>
  </si>
  <si>
    <t>POINT (4.699801865456236 51.82068876405019)</t>
  </si>
  <si>
    <t>POINT (4.668754456602024 51.7749880645252)</t>
  </si>
  <si>
    <t>POINT (4.7241264724604575 51.80488176031392)</t>
  </si>
  <si>
    <t>POINT (4.6875662312198765 51.81064815132874)</t>
  </si>
  <si>
    <t>POINT (4.675741366541107 51.8077322660589)</t>
  </si>
  <si>
    <t>POINT (4.653047748500113 51.802214791682786)</t>
  </si>
  <si>
    <t>POINT (4.730305580309129 51.79645539199527)</t>
  </si>
  <si>
    <t>POINT (4.661943317553154 51.803457682456894)</t>
  </si>
  <si>
    <t>POINT (4.721402195292787 51.81126690978499)</t>
  </si>
  <si>
    <t>POINT (4.668943254127257 51.81591496988109)</t>
  </si>
  <si>
    <t>POINT (4.674014352969248 51.817860419844706)</t>
  </si>
  <si>
    <t>POINT (4.684329173240299 51.78263759025372)</t>
  </si>
  <si>
    <t>POINT (4.651427568012974 51.7901155671317)</t>
  </si>
  <si>
    <t>POINT (4.681994920853189 51.7890908815326)</t>
  </si>
  <si>
    <t>POINT (4.684118107175376 51.80442239516591)</t>
  </si>
  <si>
    <t>POINT (4.68058675357692 51.78015191413577)</t>
  </si>
  <si>
    <t>POINT (4.653438998795709 51.76752473264691)</t>
  </si>
  <si>
    <t>POINT (4.690393845741544 51.8068325513709)</t>
  </si>
  <si>
    <t>POINT (4.721183974564951 51.816255153488804)</t>
  </si>
  <si>
    <t>POINT (4.678323830545853 51.78468596647195)</t>
  </si>
  <si>
    <t>POINT (4.668610499741145 51.80233760782476)</t>
  </si>
  <si>
    <t>POINT (4.671105117015526 51.796846712518914)</t>
  </si>
  <si>
    <t>POINT (4.696558121954386 51.79638830101349)</t>
  </si>
  <si>
    <t>POINT (4.670956182060809 51.77302212623144)</t>
  </si>
  <si>
    <t>POINT (4.663018381649638 51.79721071729051)</t>
  </si>
  <si>
    <t>POINT (4.676255464868352 51.81753819179522)</t>
  </si>
  <si>
    <t>POINT (4.675838848555121 51.77313193308288)</t>
  </si>
  <si>
    <t>POINT (4.678727396698426 51.78630885080971)</t>
  </si>
  <si>
    <t>POINT (4.664097237777863 51.787176910932644)</t>
  </si>
  <si>
    <t>POINT (4.655574281504877 51.80772986613569)</t>
  </si>
  <si>
    <t>POINT (4.663511109374959 51.7934461534587)</t>
  </si>
  <si>
    <t>POINT (4.715179621075561 51.80751215663721)</t>
  </si>
  <si>
    <t>POINT (4.686140210658784 51.789242593952224)</t>
  </si>
  <si>
    <t>POINT (4.658887847725957 51.7881240660067)</t>
  </si>
  <si>
    <t>POINT (4.679887561452922 51.80502799259119)</t>
  </si>
  <si>
    <t>POINT (4.713686645952932 51.804738015254074)</t>
  </si>
  <si>
    <t>POINT (4.6748860136807835 51.77977423465647)</t>
  </si>
  <si>
    <t>POINT (4.632170966635899 51.781062754520484)</t>
  </si>
  <si>
    <t>POINT (4.66391523258555 51.798468402016375)</t>
  </si>
  <si>
    <t>POINT (4.7248504342845665 51.79795773600306)</t>
  </si>
  <si>
    <t>POINT (4.691508886975389 51.793534523922396)</t>
  </si>
  <si>
    <t>POINT (4.700324654897673 51.788835767455545)</t>
  </si>
  <si>
    <t>POINT (4.722521675366816 51.80089933220493)</t>
  </si>
  <si>
    <t>POINT (4.665305889088355 51.79927464149594)</t>
  </si>
  <si>
    <t>POINT (4.663253736140094 51.8000136046832)</t>
  </si>
  <si>
    <t>POINT (4.682835447990955 51.804693378339046)</t>
  </si>
  <si>
    <t>POINT (4.689551233853659 51.80692360657705)</t>
  </si>
  <si>
    <t>POINT (4.652376822746869 51.79251570561026)</t>
  </si>
  <si>
    <t>POINT (4.701975704544442 51.789528571247565)</t>
  </si>
  <si>
    <t>POINT (4.675885931843926 51.78506961452197)</t>
  </si>
  <si>
    <t>POINT (4.658485586803306 51.80981413102492)</t>
  </si>
  <si>
    <t>POINT (4.660288209539555 51.80917262485828)</t>
  </si>
  <si>
    <t>POINT (4.668161601163033 51.79011490795516)</t>
  </si>
  <si>
    <t>POINT (4.671629829795633 51.818524981162554)</t>
  </si>
  <si>
    <t>POINT (4.721499815755995 51.81097441611868)</t>
  </si>
  <si>
    <t>POINT (4.675182311758078 51.80459872091353)</t>
  </si>
  <si>
    <t>POINT (4.663606515063312 51.81463187925543)</t>
  </si>
  <si>
    <t>POINT (4.675843765064989 51.78556828553295)</t>
  </si>
  <si>
    <t>POINT (4.726827382880615 51.80544881308251)</t>
  </si>
  <si>
    <t>POINT (4.733603328761129 51.796496325966984)</t>
  </si>
  <si>
    <t>POINT (4.678581660208505 51.7759869016143)</t>
  </si>
  <si>
    <t>POINT (4.681187552185921 51.80667274894941)</t>
  </si>
  <si>
    <t>POINT (4.659615757722183 51.79964451481155)</t>
  </si>
  <si>
    <t>POINT (4.651627228270896 51.78219027056069)</t>
  </si>
  <si>
    <t>POINT (4.678596779484961 51.78699745882242)</t>
  </si>
  <si>
    <t>POINT (4.705457161150254 51.79233529738367)</t>
  </si>
  <si>
    <t>POINT (4.671652159704686 51.78220151959045)</t>
  </si>
  <si>
    <t>POINT (4.692882366790622 51.78532585603852)</t>
  </si>
  <si>
    <t>POINT (4.671401300271764 51.80844332087228)</t>
  </si>
  <si>
    <t>POINT (4.667494083801549 51.7957859010083)</t>
  </si>
  <si>
    <t>POINT (4.730143292438556 51.79614477053926)</t>
  </si>
  <si>
    <t>POINT (4.684167064823161 51.8086209906088)</t>
  </si>
  <si>
    <t>POINT (4.6526528385051025 51.787735582336786)</t>
  </si>
  <si>
    <t>POINT (4.666907559092992 51.816576823614405)</t>
  </si>
  <si>
    <t>POINT (4.703049049864998 51.795700873967235)</t>
  </si>
  <si>
    <t>POINT (4.6851113655925785 51.81108832516973)</t>
  </si>
  <si>
    <t>POINT (4.659744826203685 51.790208372929804)</t>
  </si>
  <si>
    <t>POINT (4.669727058414088 51.808237915861085)</t>
  </si>
  <si>
    <t>POINT (4.6923144853125605 51.81832017248301)</t>
  </si>
  <si>
    <t>POINT (4.6775478040824146 51.80677107054153)</t>
  </si>
  <si>
    <t>POINT (4.6789208960471536 51.78813522761902)</t>
  </si>
  <si>
    <t>POINT (4.686586231533905 51.80888662055833)</t>
  </si>
  <si>
    <t>POINT (4.707820906172238 51.80694608654891)</t>
  </si>
  <si>
    <t>POINT (4.653245415485126 51.782487237309745)</t>
  </si>
  <si>
    <t>POINT (4.670738718759124 51.77325552027801)</t>
  </si>
  <si>
    <t>POINT (4.698918137090579 51.791304101249104)</t>
  </si>
  <si>
    <t>POINT (4.681063931033217 51.81282427268186)</t>
  </si>
  <si>
    <t>POINT (4.731189396034619 51.79307120460381)</t>
  </si>
  <si>
    <t>POINT (4.697644125267645 51.79850185747374)</t>
  </si>
  <si>
    <t>POINT (4.674367017083215 51.81796160850581)</t>
  </si>
  <si>
    <t>POINT (4.691154521773862 51.811081835573894)</t>
  </si>
  <si>
    <t>POINT (4.674141462609398 51.78945703141474)</t>
  </si>
  <si>
    <t>POINT (4.71688072493086 51.7635700915802)</t>
  </si>
  <si>
    <t>POINT (4.688302014772074 51.81983987831282)</t>
  </si>
  <si>
    <t>POINT (4.682310388425087 51.81005915822094)</t>
  </si>
  <si>
    <t>POINT (4.718792848229168 51.80214563870274)</t>
  </si>
  <si>
    <t>POINT (4.69013670154021 51.81818201912523)</t>
  </si>
  <si>
    <t>POINT (4.654824803420224 51.78968866631845)</t>
  </si>
  <si>
    <t>POINT (4.671961797166267 51.78620806411487)</t>
  </si>
  <si>
    <t>POINT (4.671059462345791 51.808779434200495)</t>
  </si>
  <si>
    <t>POINT (4.662081102262518 51.81315532241764)</t>
  </si>
  <si>
    <t>POINT (4.684621727942089 51.788897044915764)</t>
  </si>
  <si>
    <t>POINT (4.661098869672108 51.78824285954279)</t>
  </si>
  <si>
    <t>POINT (4.683640536647784 51.788353532886774)</t>
  </si>
  <si>
    <t>POINT (4.661133704239806 51.77177786759388)</t>
  </si>
  <si>
    <t>POINT (4.668649252185136 51.794869393335674)</t>
  </si>
  <si>
    <t>POINT (4.714423454734798 51.81504755818025)</t>
  </si>
  <si>
    <t>POINT (4.695274843499861 51.790451917997366)</t>
  </si>
  <si>
    <t>POINT (4.711136509071176 51.809802951490326)</t>
  </si>
  <si>
    <t>POINT (4.654643102999929 51.78261315164899)</t>
  </si>
  <si>
    <t>POINT (4.693088633067732 51.818028271873054)</t>
  </si>
  <si>
    <t>POINT (4.664633702939785 51.80326564465486)</t>
  </si>
  <si>
    <t>POINT (4.652144839831206 51.80140238468052)</t>
  </si>
  <si>
    <t>POINT (4.664815624787738 51.78946497152529)</t>
  </si>
  <si>
    <t>POINT (4.680416147828764 51.7986634095025)</t>
  </si>
  <si>
    <t>POINT (4.705502529907249 51.81636543512912)</t>
  </si>
  <si>
    <t>POINT (4.673061372835995 51.78476000508691)</t>
  </si>
  <si>
    <t>POINT (4.659631278353747 51.81168892731316)</t>
  </si>
  <si>
    <t>POINT (4.678142747031777 51.784703155018)</t>
  </si>
  <si>
    <t>POINT (4.698257512295396 51.79272883832868)</t>
  </si>
  <si>
    <t>POINT (4.660337786980068 51.81397335698701)</t>
  </si>
  <si>
    <t>POINT (4.683487327487618 51.78238616259836)</t>
  </si>
  <si>
    <t>POINT (4.660994826780751 51.786709631593844)</t>
  </si>
  <si>
    <t>POINT (4.685670521442687 51.81349770945384)</t>
  </si>
  <si>
    <t>POINT (4.659958815613467 51.78317100876727)</t>
  </si>
  <si>
    <t>POINT (4.652310035077863 51.78315070780473)</t>
  </si>
  <si>
    <t>POINT (4.693699785575108 51.79333082336223)</t>
  </si>
  <si>
    <t>POINT (4.680515648852078 51.77621675329369)</t>
  </si>
  <si>
    <t>POINT (4.738311814860543 51.81549900869367)</t>
  </si>
  <si>
    <t>POINT (4.6705101482495746 51.79844457657745)</t>
  </si>
  <si>
    <t>POINT (4.720947354275718 51.803197285084735)</t>
  </si>
  <si>
    <t>POINT (4.676871535323493 51.80130074750344)</t>
  </si>
  <si>
    <t>POINT (4.669159132253924 51.81632642604924)</t>
  </si>
  <si>
    <t>POINT (4.668097720754726 51.811630589068784)</t>
  </si>
  <si>
    <t>POINT (4.660398487433335 51.77060347576733)</t>
  </si>
  <si>
    <t>POINT (4.692023156029507 51.819207559577485)</t>
  </si>
  <si>
    <t>POINT (4.670411087583381 51.81101923821641)</t>
  </si>
  <si>
    <t>POINT (4.6669592246498794 51.80812691129704)</t>
  </si>
  <si>
    <t>POINT (4.663371197946882 51.79966128044416)</t>
  </si>
  <si>
    <t>POINT (4.67136745226936 51.80214923034221)</t>
  </si>
  <si>
    <t>POINT (4.73569824915404 51.80058535824509)</t>
  </si>
  <si>
    <t>POINT (4.661343523252246 51.79703307854567)</t>
  </si>
  <si>
    <t>POINT (4.710584386761336 51.803998972285164)</t>
  </si>
  <si>
    <t>POINT (4.704817162752783 51.81492513880544)</t>
  </si>
  <si>
    <t>POINT (4.642903946103959 51.77094441798034)</t>
  </si>
  <si>
    <t>POINT (4.720035744033685 51.80108609263991)</t>
  </si>
  <si>
    <t>POINT (4.6728208074408055 51.77520913593576)</t>
  </si>
  <si>
    <t>POINT (4.668673570076527 51.79487254449804)</t>
  </si>
  <si>
    <t>POINT (4.6725021475671955 51.81518313201336)</t>
  </si>
  <si>
    <t>POINT (4.6904778793211115 51.80552299736194)</t>
  </si>
  <si>
    <t>POINT (4.663930163521081 51.80090942786541)</t>
  </si>
  <si>
    <t>POINT (4.679076548279372 51.805813879733314)</t>
  </si>
  <si>
    <t>POINT (4.664710852384542 51.7915814714395)</t>
  </si>
  <si>
    <t>POINT (4.671643447408792 51.78634163626573)</t>
  </si>
  <si>
    <t>POINT (4.663455196511855 51.80095872332417)</t>
  </si>
  <si>
    <t>POINT (4.653481222157364 51.79207420723011)</t>
  </si>
  <si>
    <t>POINT (4.685069211865057 51.78886890188257)</t>
  </si>
  <si>
    <t>POINT (4.662958394040427 51.78732768200685)</t>
  </si>
  <si>
    <t>POINT (4.667531577365015 51.80817381130708)</t>
  </si>
  <si>
    <t>POINT (4.631423610667271 51.721758696667834)</t>
  </si>
  <si>
    <t>POINT (4.657954931437682 51.80274655828749)</t>
  </si>
  <si>
    <t>POINT (4.71082256551763 51.79514630406291)</t>
  </si>
  <si>
    <t>POINT (4.653239380760502 51.78285825394098)</t>
  </si>
  <si>
    <t>POINT (4.66633489831986 51.78772635602901)</t>
  </si>
  <si>
    <t>POINT (4.694022447271208 51.80341564534958)</t>
  </si>
  <si>
    <t>POINT (4.723951421997347 51.80528004636108)</t>
  </si>
  <si>
    <t>POINT (4.65118785434513 51.78858567610784)</t>
  </si>
  <si>
    <t>POINT (4.683400459163217 51.798019854330285)</t>
  </si>
  <si>
    <t>POINT (4.672369341749054 51.80809211073847)</t>
  </si>
  <si>
    <t>POINT (4.680538807669694 51.80963736148729)</t>
  </si>
  <si>
    <t>POINT (4.683606014780704 51.798044008343595)</t>
  </si>
  <si>
    <t>POINT (4.703682976257941 51.80718630474761)</t>
  </si>
  <si>
    <t>POINT (4.731135772388268 51.797070357062616)</t>
  </si>
  <si>
    <t>POINT (4.629000805091538 51.723427699967594)</t>
  </si>
  <si>
    <t>POINT (4.68098931791957 51.800916026296356)</t>
  </si>
  <si>
    <t>POINT (4.660429066706957 51.771155456227504)</t>
  </si>
  <si>
    <t>POINT (4.71401315051238 51.816116623786996)</t>
  </si>
  <si>
    <t>POINT (4.678437586331916 51.81697531582437)</t>
  </si>
  <si>
    <t>POINT (4.674016555960711 51.81897891988249)</t>
  </si>
  <si>
    <t>POINT (4.630197138812988 51.73023677931574)</t>
  </si>
  <si>
    <t>POINT (4.667960879844824 51.79435431167015)</t>
  </si>
  <si>
    <t>POINT (4.68332855176515 51.79800415119263)</t>
  </si>
  <si>
    <t>POINT (4.63243781947641 51.722106286324276)</t>
  </si>
  <si>
    <t>POINT (4.696741230518137 51.79946322476713)</t>
  </si>
  <si>
    <t>POINT (4.674793557432705 51.80783390332049)</t>
  </si>
  <si>
    <t>POINT (4.6786156236494545 51.786310683536584)</t>
  </si>
  <si>
    <t>POINT (4.716735991341006 51.81298158613547)</t>
  </si>
  <si>
    <t>POINT (4.715454834371001 51.80951339077808)</t>
  </si>
  <si>
    <t>POINT (4.722590693936059 51.80270318670098)</t>
  </si>
  <si>
    <t>POINT (4.685512020157779 51.80807047598559)</t>
  </si>
  <si>
    <t>POINT (4.671737434577401 51.79280368110541)</t>
  </si>
  <si>
    <t>POINT (4.719395604375359 51.81555357644453)</t>
  </si>
  <si>
    <t>POINT (4.68185969632718 51.77501624077138)</t>
  </si>
  <si>
    <t>POINT (4.679289673312058 51.7851316970911)</t>
  </si>
  <si>
    <t>POINT (4.710719182196726 51.79296532842042)</t>
  </si>
  <si>
    <t>POINT (4.676544324172988 51.78581200870899)</t>
  </si>
  <si>
    <t>POINT (4.697135096725112 51.79335731832109)</t>
  </si>
  <si>
    <t>POINT (4.7078979050833185 51.80846951513357)</t>
  </si>
  <si>
    <t>POINT (4.652444431320272 51.79275588496612)</t>
  </si>
  <si>
    <t>POINT (4.6675827938501255 51.80812742021471)</t>
  </si>
  <si>
    <t>POINT (4.6847035660174825 51.80582262436247)</t>
  </si>
  <si>
    <t>POINT (4.681097266290076 51.810607823040215)</t>
  </si>
  <si>
    <t>POINT (4.717483438125576 51.811994434362376)</t>
  </si>
  <si>
    <t>POINT (4.682899091109617 51.805206411328385)</t>
  </si>
  <si>
    <t>POINT (4.718666917400662 51.79932172172583)</t>
  </si>
  <si>
    <t>POINT (4.658577250398575 51.81308744494617)</t>
  </si>
  <si>
    <t>POINT (4.734231239918195 51.797032785683804)</t>
  </si>
  <si>
    <t>POINT (4.677266330361484 51.804628804493426)</t>
  </si>
  <si>
    <t>POINT (4.684047222722786 51.80108389150245)</t>
  </si>
  <si>
    <t>POINT (4.731999837024447 51.802382931770325)</t>
  </si>
  <si>
    <t>POINT (4.658671405175732 51.80274807878731)</t>
  </si>
  <si>
    <t>POINT (4.667715423987851 51.79240268174336)</t>
  </si>
  <si>
    <t>POINT (4.7269232999662245 51.803443277659674)</t>
  </si>
  <si>
    <t>POINT (4.67767082406706 51.80449016484607)</t>
  </si>
  <si>
    <t>POINT (4.676791912521385 51.77659186398314)</t>
  </si>
  <si>
    <t>POINT (4.665141713919605 51.79485021315904)</t>
  </si>
  <si>
    <t>POINT (4.7290424698464015 51.79382985771209)</t>
  </si>
  <si>
    <t>POINT (4.671966267609862 51.80760521875873)</t>
  </si>
  <si>
    <t>POINT (4.660274021729588 51.80418548598347)</t>
  </si>
  <si>
    <t>POINT (4.70804291159757 51.79508012525789)</t>
  </si>
  <si>
    <t>POINT (4.653101905495404 51.79180451895383)</t>
  </si>
  <si>
    <t>POINT (4.663115315674763 51.799199660142904)</t>
  </si>
  <si>
    <t>POINT (4.672135152745624 51.792870141414625)</t>
  </si>
  <si>
    <t>POINT (4.659020396702832 51.80388801614547)</t>
  </si>
  <si>
    <t>POINT (4.6656788587452045 51.77188137001452)</t>
  </si>
  <si>
    <t>POINT (4.674650796924979 51.80762956883259)</t>
  </si>
  <si>
    <t>POINT (4.6793572540410855 51.80822714458632)</t>
  </si>
  <si>
    <t>POINT (4.678601901540729 51.78637415971207)</t>
  </si>
  <si>
    <t>POINT (4.660356057086362 51.79901198441911)</t>
  </si>
  <si>
    <t>POINT (4.672514691782532 51.78349045498766)</t>
  </si>
  <si>
    <t>POINT (4.680441882560174 51.78576007834719)</t>
  </si>
  <si>
    <t>POINT (4.651111707959764 51.79451952000867)</t>
  </si>
  <si>
    <t>POINT (4.6776582186592215 51.79050212214311)</t>
  </si>
  <si>
    <t>POINT (4.684646371001022 51.79251385321911)</t>
  </si>
  <si>
    <t>POINT (4.665364454021928 51.77780740511007)</t>
  </si>
  <si>
    <t>POINT (4.676459538156435 51.81619915491373)</t>
  </si>
  <si>
    <t>POINT (4.6636923630753095 51.803027926731666)</t>
  </si>
  <si>
    <t>POINT (4.671624627533047 51.80196279171786)</t>
  </si>
  <si>
    <t>POINT (4.711517019352462 51.81033090681271)</t>
  </si>
  <si>
    <t>POINT (4.730853447585754 51.79340896161426)</t>
  </si>
  <si>
    <t>POINT (4.7217041953493535 51.7973213425514)</t>
  </si>
  <si>
    <t>POINT (4.654622927409435 51.78760412764847)</t>
  </si>
  <si>
    <t>POINT (4.654590119738803 51.78740111039018)</t>
  </si>
  <si>
    <t>POINT (4.682130713540126 51.77836187435038)</t>
  </si>
  <si>
    <t>POINT (4.648078387670764 51.7950793578601)</t>
  </si>
  <si>
    <t>POINT (4.685672981170735 51.77538116769746)</t>
  </si>
  <si>
    <t>POINT (4.666271076879437 51.77452101681047)</t>
  </si>
  <si>
    <t>POINT (4.6560521543636115 51.78965307769736)</t>
  </si>
  <si>
    <t>POINT (4.67303478918572 51.818343311764785)</t>
  </si>
  <si>
    <t>POINT (4.670215733187894 51.805305505035584)</t>
  </si>
  <si>
    <t>POINT (4.6812033837770715 51.802660839307876)</t>
  </si>
  <si>
    <t>POINT (4.732097305371104 51.79888679703867)</t>
  </si>
  <si>
    <t>POINT (4.642826552234482 51.76641497511498)</t>
  </si>
  <si>
    <t>POINT (4.680271433363994 51.80639968547161)</t>
  </si>
  <si>
    <t>POINT (4.67185726918319 51.81483495481823)</t>
  </si>
  <si>
    <t>POINT (4.694346771072157 51.79346384032796)</t>
  </si>
  <si>
    <t>POINT (4.686983328772562 51.81425496145658)</t>
  </si>
  <si>
    <t>POINT (4.659219408419672 51.78810639385322)</t>
  </si>
  <si>
    <t>POINT (4.70630236743305 51.79799860570219)</t>
  </si>
  <si>
    <t>POINT (4.68409720501133 51.78507106629329)</t>
  </si>
  <si>
    <t>POINT (4.6851383602012735 51.795253079221105)</t>
  </si>
  <si>
    <t>POINT (4.663968705045179 51.81428362535219)</t>
  </si>
  <si>
    <t>POINT (4.685985297698031 51.78812800571444)</t>
  </si>
  <si>
    <t>POINT (4.715587513771017 51.80258475886782)</t>
  </si>
  <si>
    <t>POINT (4.711840677230912 51.798659084923656)</t>
  </si>
  <si>
    <t>POINT (4.665798168369799 51.80378670216752)</t>
  </si>
  <si>
    <t>POINT (4.658946625253053 51.79418205549974)</t>
  </si>
  <si>
    <t>POINT (4.667174500276111 51.7941971655506)</t>
  </si>
  <si>
    <t>POINT (4.7057623114214016 51.792697416922756)</t>
  </si>
  <si>
    <t>POINT (4.680958167714847 51.80496059933034)</t>
  </si>
  <si>
    <t>POINT (4.681800554417947 51.8077691703928)</t>
  </si>
  <si>
    <t>POINT (4.658000724796551 51.80661618798718)</t>
  </si>
  <si>
    <t>POINT (4.666412667155822 51.81196164124624)</t>
  </si>
  <si>
    <t>POINT (4.668244419663193 51.77111818150344)</t>
  </si>
  <si>
    <t>POINT (4.71744678776547 51.802464520622145)</t>
  </si>
  <si>
    <t>POINT (4.663547307822248 51.80956013610267)</t>
  </si>
  <si>
    <t>POINT (4.657839049504989 51.800790023356086)</t>
  </si>
  <si>
    <t>POINT (4.657481727758078 51.807572198821035)</t>
  </si>
  <si>
    <t>POINT (4.651616446258957 51.78214936717801)</t>
  </si>
  <si>
    <t>POINT (4.683120989481732 51.79799526540496)</t>
  </si>
  <si>
    <t>POINT (4.734011517527258 51.80086353587251)</t>
  </si>
  <si>
    <t>POINT (4.66791656778913 51.7743171705892)</t>
  </si>
  <si>
    <t>POINT (4.674404215995281 51.78796543496519)</t>
  </si>
  <si>
    <t>POINT (4.724408570365288 51.7995593993682)</t>
  </si>
  <si>
    <t>POINT (4.6731274829255804 51.77884976794309)</t>
  </si>
  <si>
    <t>POINT (4.669562292591798 51.790042901229626)</t>
  </si>
  <si>
    <t>POINT (4.671239444397702 51.80229355365771)</t>
  </si>
  <si>
    <t>POINT (4.669872159743624 51.80388306726499)</t>
  </si>
  <si>
    <t>POINT (4.665000982998231 51.7800341261035)</t>
  </si>
  <si>
    <t>POINT (4.720634153990349 51.800075673235135)</t>
  </si>
  <si>
    <t>POINT (4.6320578359825895 51.76622443402415)</t>
  </si>
  <si>
    <t>POINT (4.676454443833103 51.7770853129201)</t>
  </si>
  <si>
    <t>POINT (4.67092833965562 51.80264922479652)</t>
  </si>
  <si>
    <t>POINT (4.689607990438983 51.80851395779725)</t>
  </si>
  <si>
    <t>POINT (4.652409010401571 51.792170830583196)</t>
  </si>
  <si>
    <t>POINT (4.6816660498339875 51.789111888147154)</t>
  </si>
  <si>
    <t>POINT (4.7276740182339365 51.797773464853016)</t>
  </si>
  <si>
    <t>POINT (4.656918808700069 51.80037742574805)</t>
  </si>
  <si>
    <t>POINT (4.667341999476937 51.78916661611314)</t>
  </si>
  <si>
    <t>POINT (4.673839169870848 51.80441441169809)</t>
  </si>
  <si>
    <t>POINT (4.677954616105482 51.78776969784776)</t>
  </si>
  <si>
    <t>POINT (4.729398669984668 51.79819018852613)</t>
  </si>
  <si>
    <t>POINT (4.6655106676608975 51.81591666175664)</t>
  </si>
  <si>
    <t>POINT (4.66525474514772 51.789410848197555)</t>
  </si>
  <si>
    <t>POINT (4.668910695356149 51.77414343504815)</t>
  </si>
  <si>
    <t>POINT (4.661217790516581 51.80243990030165)</t>
  </si>
  <si>
    <t>POINT (4.66192509610133 51.81047839145353)</t>
  </si>
  <si>
    <t>POINT (4.723433229220957 51.80526109847447)</t>
  </si>
  <si>
    <t>POINT (4.667970251578699 51.807521612467305)</t>
  </si>
  <si>
    <t>POINT (4.7133176215038075 51.81403038734399)</t>
  </si>
  <si>
    <t>POINT (4.680899781813221 51.80166748015756)</t>
  </si>
  <si>
    <t>POINT (4.672927815600646 51.811465932375015)</t>
  </si>
  <si>
    <t>POINT (4.668823393743574 51.81338261211633)</t>
  </si>
  <si>
    <t>POINT (4.68184797449449 51.818386057463144)</t>
  </si>
  <si>
    <t>POINT (4.734696031374652 51.799157642957994)</t>
  </si>
  <si>
    <t>POINT (4.685129260633008 51.7825584004285)</t>
  </si>
  <si>
    <t>POINT (4.734564654928663 51.79865970577799)</t>
  </si>
  <si>
    <t>POINT (4.709049315850618 51.79404993163509)</t>
  </si>
  <si>
    <t>POINT (4.7080866970930835 51.80866622782784)</t>
  </si>
  <si>
    <t>POINT (4.6649898762566755 51.78844096360484)</t>
  </si>
  <si>
    <t>POINT (4.661157790458055 51.78839222105979)</t>
  </si>
  <si>
    <t>POINT (4.681623597516644 51.77518600153226)</t>
  </si>
  <si>
    <t>POINT (4.692549357260344 51.81893858877288)</t>
  </si>
  <si>
    <t>POINT (4.668868189986322 51.795481902377134)</t>
  </si>
  <si>
    <t>POINT (4.6660708279892145 51.810551212686654)</t>
  </si>
  <si>
    <t>POINT (4.724282118982538 51.798253641510655)</t>
  </si>
  <si>
    <t>POINT (4.653328400010746 51.79361735894177)</t>
  </si>
  <si>
    <t>POINT (4.7234955074702505 51.798597037084804)</t>
  </si>
  <si>
    <t>POINT (4.65306802471415 51.79139690256493)</t>
  </si>
  <si>
    <t>POINT (4.685166342621906 51.78581890193296)</t>
  </si>
  <si>
    <t>POINT (4.698473218713236 51.793346961483685)</t>
  </si>
  <si>
    <t>POINT (4.683655440633906 51.80348996846514)</t>
  </si>
  <si>
    <t>POINT (4.704553457018177 51.80753710253727)</t>
  </si>
  <si>
    <t>POINT (4.671174449939997 51.8184613415143)</t>
  </si>
  <si>
    <t>POINT (4.711827752908388 51.81142266738287)</t>
  </si>
  <si>
    <t>POINT (4.726813577389685 51.803218186902726)</t>
  </si>
  <si>
    <t>POINT (4.729411630926963 51.805643595258346)</t>
  </si>
  <si>
    <t>POINT (4.665690666311323 51.80326327702469)</t>
  </si>
  <si>
    <t>POINT (4.678384841140435 51.78636904610131)</t>
  </si>
  <si>
    <t>POINT (4.677676414297535 51.781990314300344)</t>
  </si>
  <si>
    <t>POINT (4.679790679640933 51.80816109382852)</t>
  </si>
  <si>
    <t>POINT (4.678767494707696 51.807098158733126)</t>
  </si>
  <si>
    <t>POINT (4.6837689528889666 51.79809300288086)</t>
  </si>
  <si>
    <t>POINT (4.6702452050456085 51.80607557475562)</t>
  </si>
  <si>
    <t>POINT (4.666788399476817 51.79874276930888)</t>
  </si>
  <si>
    <t>POINT (4.716519664233567 51.80039070307299)</t>
  </si>
  <si>
    <t>POINT (4.689402084039961 51.807748337569485)</t>
  </si>
  <si>
    <t>POINT (4.6680394539450205 51.792371769916016)</t>
  </si>
  <si>
    <t>POINT (4.6639197478548855 51.81728813053395)</t>
  </si>
  <si>
    <t>POINT (4.6578468705530645 51.8002660578239)</t>
  </si>
  <si>
    <t>POINT (4.672437661787957 51.81112215132227)</t>
  </si>
  <si>
    <t>POINT (4.6678046359633285 51.81621797014926)</t>
  </si>
  <si>
    <t>POINT (4.67535576194799 51.77577159285858)</t>
  </si>
  <si>
    <t>POINT (4.6743752726330765 51.81491632503139)</t>
  </si>
  <si>
    <t>POINT (4.684251210067502 51.80827787591261)</t>
  </si>
  <si>
    <t>POINT (4.702080350651814 51.79774850198724)</t>
  </si>
  <si>
    <t>POINT (4.657182534728832 51.80259016978911)</t>
  </si>
  <si>
    <t>POINT (4.664195688384186 51.79869963897299)</t>
  </si>
  <si>
    <t>POINT (4.66303441178114 51.81651290762619)</t>
  </si>
  <si>
    <t>POINT (4.685535975914557 51.78540806521007)</t>
  </si>
  <si>
    <t>POINT (4.723134545991489 51.80532374021924)</t>
  </si>
  <si>
    <t>POINT (4.735071153019228 51.801946178545606)</t>
  </si>
  <si>
    <t>POINT (4.6461834660892585 51.78561218875816)</t>
  </si>
  <si>
    <t>POINT (4.686054777675718 51.78903482223146)</t>
  </si>
  <si>
    <t>POINT (4.67920286077375 51.78207524962165)</t>
  </si>
  <si>
    <t>POINT (4.725196951135093 51.7965773546861)</t>
  </si>
  <si>
    <t>POINT (4.721612830800699 51.799045853779305)</t>
  </si>
  <si>
    <t>POINT (4.715998995264358 51.80524740232073)</t>
  </si>
  <si>
    <t>POINT (4.664275322514058 51.78745548993373)</t>
  </si>
  <si>
    <t>POINT (4.731619570699342 51.799020594201934)</t>
  </si>
  <si>
    <t>POINT (4.712185546842961 51.808982718340694)</t>
  </si>
  <si>
    <t>POINT (4.68991465972273 51.807372017969676)</t>
  </si>
  <si>
    <t>POINT (4.676839648211068 51.78068924968633)</t>
  </si>
  <si>
    <t>POINT (4.663188063153778 51.78664281640897)</t>
  </si>
  <si>
    <t>POINT (4.655253782428205 51.788879330399965)</t>
  </si>
  <si>
    <t>POINT (4.681989755140141 51.81214710582878)</t>
  </si>
  <si>
    <t>POINT (4.6688722246286245 51.77087136013562)</t>
  </si>
  <si>
    <t>POINT (4.684291624276215 51.80800896132801)</t>
  </si>
  <si>
    <t>POINT (4.664774197700772 51.8003584434649)</t>
  </si>
  <si>
    <t>POINT (4.659287070179007 51.78944740781147)</t>
  </si>
  <si>
    <t>POINT (4.6996076613262225 51.79736601382678)</t>
  </si>
  <si>
    <t>POINT (4.668494777513643 51.80952798079831)</t>
  </si>
  <si>
    <t>POINT (4.663686891869387 51.787844821401904)</t>
  </si>
  <si>
    <t>POINT (4.685446856312622 51.810741643626855)</t>
  </si>
  <si>
    <t>POINT (4.66087829651231 51.79923555849344)</t>
  </si>
  <si>
    <t>POINT (4.708309169903951 51.79043700756182)</t>
  </si>
  <si>
    <t>POINT (4.6890462292625745 51.80822241337133)</t>
  </si>
  <si>
    <t>POINT (4.672967245622725 51.81347523965644)</t>
  </si>
  <si>
    <t>POINT (4.671086975126383 51.81790915523584)</t>
  </si>
  <si>
    <t>POINT (4.670797663577932 51.781943963811514)</t>
  </si>
  <si>
    <t>POINT (4.6646408837680235 51.79576975658471)</t>
  </si>
  <si>
    <t>POINT (4.652338903584569 51.78563884944679)</t>
  </si>
  <si>
    <t>POINT (4.697174960135551 51.799318910553154)</t>
  </si>
  <si>
    <t>POINT (4.6599965675284 51.80731968737017)</t>
  </si>
  <si>
    <t>POINT (4.671162871994593 51.77326951732914)</t>
  </si>
  <si>
    <t>POINT (4.662678962314743 51.814971105994154)</t>
  </si>
  <si>
    <t>POINT (4.732471479139985 51.80200904847141)</t>
  </si>
  <si>
    <t>POINT (4.730026133866923 51.79557645450245)</t>
  </si>
  <si>
    <t>POINT (4.689733103266739 51.81601040737946)</t>
  </si>
  <si>
    <t>POINT (4.650663462976276 51.801981944712004)</t>
  </si>
  <si>
    <t>POINT (4.684112841479078 51.79816272195466)</t>
  </si>
  <si>
    <t>POINT (4.721465114185599 51.81125923089984)</t>
  </si>
  <si>
    <t>POINT (4.671377330086229 51.80592143645774)</t>
  </si>
  <si>
    <t>POINT (4.716925857342441 51.813740053197414)</t>
  </si>
  <si>
    <t>POINT (4.680529536097386 51.814718985604344)</t>
  </si>
  <si>
    <t>POINT (4.67487423083989 51.805341293454774)</t>
  </si>
  <si>
    <t>POINT (4.723052742869081 51.80474366276188)</t>
  </si>
  <si>
    <t>POINT (4.665368213304586 51.79925115098018)</t>
  </si>
  <si>
    <t>POINT (4.727482492417542 51.79629399866907)</t>
  </si>
  <si>
    <t>POINT (4.723419623916549 51.8053500809531)</t>
  </si>
  <si>
    <t>POINT (4.663199509476065 51.81497902862019)</t>
  </si>
  <si>
    <t>POINT (4.666201773309423 51.786895475925206)</t>
  </si>
  <si>
    <t>POINT (4.680607782993498 51.81276900627717)</t>
  </si>
  <si>
    <t>POINT (4.6516123720405345 51.78204813759838)</t>
  </si>
  <si>
    <t>POINT (4.659635448721163 51.80732903526637)</t>
  </si>
  <si>
    <t>POINT (4.660417039875887 51.80188336976141)</t>
  </si>
  <si>
    <t>POINT (4.68595111804399 51.80360725137258)</t>
  </si>
  <si>
    <t>POINT (4.668086726388632 51.792367035012695)</t>
  </si>
  <si>
    <t>POINT (4.712871051925135 51.81628663984578)</t>
  </si>
  <si>
    <t>POINT (4.633198936740878 51.77875342704831)</t>
  </si>
  <si>
    <t>POINT (4.722814981689483 51.80472016877776)</t>
  </si>
  <si>
    <t>POINT (4.700675101004928 51.79831462745638)</t>
  </si>
  <si>
    <t>POINT (4.658430264122791 51.79622689814135)</t>
  </si>
  <si>
    <t>POINT (4.731100761934642 51.80413548284924)</t>
  </si>
  <si>
    <t>POINT (4.699198761392505 51.79036496575459)</t>
  </si>
  <si>
    <t>POINT (4.671688289868439 51.77622670274939)</t>
  </si>
  <si>
    <t>POINT (4.665692853255227 51.775401123948)</t>
  </si>
  <si>
    <t>POINT (4.708045267249626 51.806420272880295)</t>
  </si>
  <si>
    <t>POINT (4.667256420783215 51.79466559288256)</t>
  </si>
  <si>
    <t>POINT (4.671625278565195 51.79916673887166)</t>
  </si>
  <si>
    <t>POINT (4.663354942876574 51.800484409714784)</t>
  </si>
  <si>
    <t>POINT (4.65103170524838 51.794521220254005)</t>
  </si>
  <si>
    <t>POINT (4.689936989188076 51.818948832236345)</t>
  </si>
  <si>
    <t>POINT (4.68089961771176 51.78937770984026)</t>
  </si>
  <si>
    <t>POINT (4.655710718856459 51.80229050651156)</t>
  </si>
  <si>
    <t>POINT (4.662847736708111 51.791140807748384)</t>
  </si>
  <si>
    <t>POINT (4.677070040183645 51.803835938869646)</t>
  </si>
  <si>
    <t>POINT (4.654714076281239 51.80743093787146)</t>
  </si>
  <si>
    <t>POINT (4.666550366558534 51.79283307364101)</t>
  </si>
  <si>
    <t>POINT (4.666328512900113 51.79614302989628)</t>
  </si>
  <si>
    <t>POINT (4.667140039289554 51.79978496451567)</t>
  </si>
  <si>
    <t>POINT (4.681704225580567 51.79960975082817)</t>
  </si>
  <si>
    <t>POINT (4.681400252396874 51.776961256967724)</t>
  </si>
  <si>
    <t>POINT (4.690424278012986 51.81790440442235)</t>
  </si>
  <si>
    <t>POINT (4.670641654882716 51.80409476941981)</t>
  </si>
  <si>
    <t>POINT (4.682657230835577 51.80368774321504)</t>
  </si>
  <si>
    <t>POINT (4.671778771147287 51.81701516368435)</t>
  </si>
  <si>
    <t>POINT (4.676299728939599 51.80419130689059)</t>
  </si>
  <si>
    <t>POINT (4.656258441556319 51.80021097769173)</t>
  </si>
  <si>
    <t>POINT (4.718114042674502 51.79594001465723)</t>
  </si>
  <si>
    <t>POINT (4.6289355364447875 51.79754750211918)</t>
  </si>
  <si>
    <t>POINT (4.678631221461226 51.78465480821094)</t>
  </si>
  <si>
    <t>POINT (4.669659783693544 51.772371948977664)</t>
  </si>
  <si>
    <t>POINT (4.685799866221883 51.791752528498876)</t>
  </si>
  <si>
    <t>POINT (4.6646195849491905 51.81419157278154)</t>
  </si>
  <si>
    <t>POINT (4.671752466658223 51.80404430782178)</t>
  </si>
  <si>
    <t>POINT (4.675350795425747 51.81761542173808)</t>
  </si>
  <si>
    <t>POINT (4.660854088433944 51.81618294218958)</t>
  </si>
  <si>
    <t>POINT (4.680290680927439 51.807738592296346)</t>
  </si>
  <si>
    <t>POINT (4.704867580327245 51.796627580009726)</t>
  </si>
  <si>
    <t>POINT (4.659823683913737 51.772935219055356)</t>
  </si>
  <si>
    <t>POINT (4.686030817660045 51.78185163690433)</t>
  </si>
  <si>
    <t>POINT (4.698459091020895 51.79349755565098)</t>
  </si>
  <si>
    <t>POINT (4.702271455218625 51.80405664658627)</t>
  </si>
  <si>
    <t>POINT (4.685203783993941 51.813162427819094)</t>
  </si>
  <si>
    <t>POINT (4.716698453594748 51.812985937898645)</t>
  </si>
  <si>
    <t>POINT (4.677267843175732 51.80487808765121)</t>
  </si>
  <si>
    <t>POINT (4.724141176672276 51.80462227845872)</t>
  </si>
  <si>
    <t>POINT (4.636872883011901 51.77924234383576)</t>
  </si>
  <si>
    <t>POINT (4.678999895974335 51.78064510866551)</t>
  </si>
  <si>
    <t>POINT (4.6947506938737575 51.7946319752525)</t>
  </si>
  <si>
    <t>POINT (4.7057688013404215 51.7897976832972)</t>
  </si>
  <si>
    <t>POINT (4.6677752403450405 51.77748854717494)</t>
  </si>
  <si>
    <t>POINT (4.664457413359279 51.788181712896204)</t>
  </si>
  <si>
    <t>POINT (4.719450969886944 51.804438443161075)</t>
  </si>
  <si>
    <t>POINT (4.659276361349055 51.78876091860074)</t>
  </si>
  <si>
    <t>POINT (4.6744256220418565 51.81505139796037)</t>
  </si>
  <si>
    <t>POINT (4.652345518855615 51.78575681388646)</t>
  </si>
  <si>
    <t>POINT (4.7116735915647485 51.80317387870527)</t>
  </si>
  <si>
    <t>POINT (4.653327037736035 51.793970184225124)</t>
  </si>
  <si>
    <t>POINT (4.674566961397061 51.77615099811205)</t>
  </si>
  <si>
    <t>POINT (4.685217404530302 51.7877042345854)</t>
  </si>
  <si>
    <t>POINT (4.69832071606326 51.80001670087234)</t>
  </si>
  <si>
    <t>POINT (4.714701681003173 51.81452881864292)</t>
  </si>
  <si>
    <t>POINT (4.656608647662022 51.80295085575651)</t>
  </si>
  <si>
    <t>POINT (4.6813605144285 51.80242314428372)</t>
  </si>
  <si>
    <t>POINT (4.684708483782121 51.81229390064316)</t>
  </si>
  <si>
    <t>POINT (4.716706248666217 51.806464517229635)</t>
  </si>
  <si>
    <t>POINT (4.714676501680354 51.81431903237716)</t>
  </si>
  <si>
    <t>POINT (4.715791137649002 51.80007759655058)</t>
  </si>
  <si>
    <t>POINT (4.660187306685641 51.81559954696733)</t>
  </si>
  <si>
    <t>POINT (4.673597558087299 51.81258252604163)</t>
  </si>
  <si>
    <t>POINT (4.69386195073117 51.79354382471262)</t>
  </si>
  <si>
    <t>POINT (4.668585610004274 51.815389181259285)</t>
  </si>
  <si>
    <t>POINT (4.711114060544522 51.80372470753267)</t>
  </si>
  <si>
    <t>POINT (4.686364903186343 51.80937857888377)</t>
  </si>
  <si>
    <t>POINT (4.661526120174681 51.81391858147015)</t>
  </si>
  <si>
    <t>POINT (4.65994128505059 51.79174695646394)</t>
  </si>
  <si>
    <t>POINT (4.669049150023317 51.79089722897825)</t>
  </si>
  <si>
    <t>POINT (4.679075092177977 51.8071688236916)</t>
  </si>
  <si>
    <t>POINT (4.679040327891111 51.780337570666276)</t>
  </si>
  <si>
    <t>POINT (4.660783347853281 51.79639673512274)</t>
  </si>
  <si>
    <t>POINT (4.6753065913106555 51.80690368666937)</t>
  </si>
  <si>
    <t>POINT (4.709084854775744 51.788388715943185)</t>
  </si>
  <si>
    <t>POINT (4.66886679589004 51.797958943912825)</t>
  </si>
  <si>
    <t>POINT (4.653121443879265 51.7818541589041)</t>
  </si>
  <si>
    <t>POINT (4.72418521740645 51.79674187766689)</t>
  </si>
  <si>
    <t>POINT (4.654738512562936 51.7663028290721)</t>
  </si>
  <si>
    <t>POINT (4.684917120259801 51.78134248818453)</t>
  </si>
  <si>
    <t>Louterbloemenstraat</t>
  </si>
  <si>
    <t>POINT (4.643595812293491 51.79817938286277)</t>
  </si>
  <si>
    <t>POINT (4.678483629130975 51.786280421196615)</t>
  </si>
  <si>
    <t>POINT (4.699260754124685 51.79836373569766)</t>
  </si>
  <si>
    <t>POINT (4.655563642744201 51.81267324684144)</t>
  </si>
  <si>
    <t>POINT (4.6973895388696745 51.79170313694638)</t>
  </si>
  <si>
    <t>POINT (4.6764750377884905 51.81844765544076)</t>
  </si>
  <si>
    <t>POINT (4.709343830692625 51.80345793120533)</t>
  </si>
  <si>
    <t>POINT (4.670098020048352 51.77686145410469)</t>
  </si>
  <si>
    <t>POINT (4.675767628621416 51.7740717741548)</t>
  </si>
  <si>
    <t>POINT (4.719357424582312 51.80350417042498)</t>
  </si>
  <si>
    <t>POINT (4.683169721155456 51.798216814183206)</t>
  </si>
  <si>
    <t>POINT (4.676649640668265 51.78381802750153)</t>
  </si>
  <si>
    <t>POINT (4.686441149504178 51.775051676878)</t>
  </si>
  <si>
    <t>POINT (4.650549209236238 51.80152782825064)</t>
  </si>
  <si>
    <t>POINT (4.676048472352855 51.78516517014884)</t>
  </si>
  <si>
    <t>POINT (4.668348455022235 51.791988614880516)</t>
  </si>
  <si>
    <t>POINT (4.659964824868271 51.80392754508242)</t>
  </si>
  <si>
    <t>POINT (4.670605913708726 51.81093163794251)</t>
  </si>
  <si>
    <t>POINT (4.6723607150363815 51.80984636033821)</t>
  </si>
  <si>
    <t>POINT (4.631588859559637 51.768591819701186)</t>
  </si>
  <si>
    <t>POINT (4.636027038683294 51.7810187493599)</t>
  </si>
  <si>
    <t>POINT (4.659689146912235 51.790707548081514)</t>
  </si>
  <si>
    <t>POINT (4.727734161734678 51.798797070099845)</t>
  </si>
  <si>
    <t>POINT (4.653103831251199 51.767226339285294)</t>
  </si>
  <si>
    <t>POINT (4.6815764139494 51.77764792119046)</t>
  </si>
  <si>
    <t>POINT (4.657298236399481 51.79075488926486)</t>
  </si>
  <si>
    <t>POINT (4.661697719830329 51.79789146984002)</t>
  </si>
  <si>
    <t>POINT (4.676212155256955 51.815806793290946)</t>
  </si>
  <si>
    <t>POINT (4.667005280447852 51.8095139678148)</t>
  </si>
  <si>
    <t>POINT (4.68427577405975 51.77887496148392)</t>
  </si>
  <si>
    <t>POINT (4.671648413417636 51.81463417798304)</t>
  </si>
  <si>
    <t>POINT (4.7029780996362485 51.79559893322802)</t>
  </si>
  <si>
    <t>POINT (4.683930524476205 51.803517217284835)</t>
  </si>
  <si>
    <t>POINT (4.685254247997984 51.80944055988112)</t>
  </si>
  <si>
    <t>POINT (4.666433095911132 51.81515309774598)</t>
  </si>
  <si>
    <t>POINT (4.715857187172718 51.80768153392364)</t>
  </si>
  <si>
    <t>POINT (4.657059025287728 51.79041379824019)</t>
  </si>
  <si>
    <t>POINT (4.662762542060426 51.7952717406964)</t>
  </si>
  <si>
    <t>POINT (4.653526302154449 51.790428925712504)</t>
  </si>
  <si>
    <t>POINT (4.6596711930882275 51.771064078863276)</t>
  </si>
  <si>
    <t>POINT (4.66115103561165 51.79468504568798)</t>
  </si>
  <si>
    <t>POINT (4.718084093207917 51.80406572665048)</t>
  </si>
  <si>
    <t>POINT (4.63564589586651 51.76963052700324)</t>
  </si>
  <si>
    <t>POINT (4.676812256888992 51.817761578921186)</t>
  </si>
  <si>
    <t>POINT (4.7144194813410945 51.81606696355819)</t>
  </si>
  <si>
    <t>POINT (4.661736560514027 51.79501963182775)</t>
  </si>
  <si>
    <t>POINT (4.663390074989795 51.79066780783716)</t>
  </si>
  <si>
    <t>POINT (4.660985622229658 51.79163337281832)</t>
  </si>
  <si>
    <t>POINT (4.660525126809106 51.7881102828856)</t>
  </si>
  <si>
    <t>POINT (4.66510156140681 51.778266710218)</t>
  </si>
  <si>
    <t>POINT (4.669645458054994 51.81427761913876)</t>
  </si>
  <si>
    <t>POINT (4.732146779193408 51.79952007120967)</t>
  </si>
  <si>
    <t>POINT (4.697488637967276 51.79146922306455)</t>
  </si>
  <si>
    <t>POINT (4.7148222443852275 51.80836435416724)</t>
  </si>
  <si>
    <t>POINT (4.6758846904160425 51.78552069585459)</t>
  </si>
  <si>
    <t>POINT (4.664633027410623 51.79925918279834)</t>
  </si>
  <si>
    <t>POINT (4.670504593435888 51.81410811131135)</t>
  </si>
  <si>
    <t>POINT (4.666677343216121 51.77825563711436)</t>
  </si>
  <si>
    <t>POINT (4.705414568730963 51.80867818445629)</t>
  </si>
  <si>
    <t>POINT (4.722175174071602 51.79424541826196)</t>
  </si>
  <si>
    <t>POINT (4.678126570478262 51.81417550828379)</t>
  </si>
  <si>
    <t>POINT (4.688231589540272 51.805783055471814)</t>
  </si>
  <si>
    <t>POINT (4.703878109825817 51.79856332759218)</t>
  </si>
  <si>
    <t>POINT (4.673717739383654 51.782469758830544)</t>
  </si>
  <si>
    <t>POINT (4.660588072864866 51.80199347990173)</t>
  </si>
  <si>
    <t>POINT (4.671840203645113 51.807615182781696)</t>
  </si>
  <si>
    <t>POINT (4.680926697851839 51.80407964563431)</t>
  </si>
  <si>
    <t>POINT (4.653739370104463 51.785416892193226)</t>
  </si>
  <si>
    <t>POINT (4.6928342146617466 51.818688070892804)</t>
  </si>
  <si>
    <t>POINT (4.732072316645982 51.80014009624396)</t>
  </si>
  <si>
    <t>POINT (4.714310624698518 51.81609400649475)</t>
  </si>
  <si>
    <t>POINT (4.664982117672231 51.77878891125897)</t>
  </si>
  <si>
    <t>POINT (4.661378248779716 51.792275960212926)</t>
  </si>
  <si>
    <t>POINT (4.652430516257275 51.790369887940514)</t>
  </si>
  <si>
    <t>POINT (4.680274441973543 51.77810048248779)</t>
  </si>
  <si>
    <t>POINT (4.687211432435548 51.80867055183362)</t>
  </si>
  <si>
    <t>POINT (4.657138199433791 51.79726101527189)</t>
  </si>
  <si>
    <t>POINT (4.683522997079046 51.78016566517847)</t>
  </si>
  <si>
    <t>POINT (4.717955915514699 51.79897085926862)</t>
  </si>
  <si>
    <t>POINT (4.707866434567976 51.81130331854044)</t>
  </si>
  <si>
    <t>POINT (4.660296960922606 51.79321911069523)</t>
  </si>
  <si>
    <t>POINT (4.669562778004675 51.80796304417209)</t>
  </si>
  <si>
    <t>POINT (4.7023305730582425 51.79882622951117)</t>
  </si>
  <si>
    <t>POINT (4.674344590495141 51.80499648019397)</t>
  </si>
  <si>
    <t>POINT (4.664360109771062 51.813389164449056)</t>
  </si>
  <si>
    <t>POINT (4.7046741410970165 51.81491058145092)</t>
  </si>
  <si>
    <t>POINT (4.70039833852885 51.795284788775916)</t>
  </si>
  <si>
    <t>POINT (4.676863903726627 51.8049499434033)</t>
  </si>
  <si>
    <t>POINT (4.681701467913612 51.80628112935341)</t>
  </si>
  <si>
    <t>POINT (4.7271065241082075 51.80073191449245)</t>
  </si>
  <si>
    <t>POINT (4.715804560524579 51.803251700286005)</t>
  </si>
  <si>
    <t>POINT (4.726732740929438 51.80525700222621)</t>
  </si>
  <si>
    <t>POINT (4.7137595085886135 51.803249328988514)</t>
  </si>
  <si>
    <t>POINT (4.713459953736377 51.79281662575754)</t>
  </si>
  <si>
    <t>POINT (4.72884162411723 51.80263423895045)</t>
  </si>
  <si>
    <t>POINT (4.664086501470037 51.81481931243788)</t>
  </si>
  <si>
    <t>POINT (4.6923339776921535 51.78953536186811)</t>
  </si>
  <si>
    <t>POINT (4.664830838239569 51.79373620860088)</t>
  </si>
  <si>
    <t>POINT (4.667074533767886 51.78097842922527)</t>
  </si>
  <si>
    <t>POINT (4.678672390503519 51.773891139469335)</t>
  </si>
  <si>
    <t>POINT (4.7136325550343505 51.80963591422313)</t>
  </si>
  <si>
    <t>POINT (4.6920469550539945 51.80743778328068)</t>
  </si>
  <si>
    <t>POINT (4.663809628352972 51.79229220037873)</t>
  </si>
  <si>
    <t>POINT (4.66851424204225 51.790547987154916)</t>
  </si>
  <si>
    <t>POINT (4.6867219197488215 51.806633917984726)</t>
  </si>
  <si>
    <t>POINT (4.676906546025728 51.77436089579814)</t>
  </si>
  <si>
    <t>POINT (4.715919119415133 51.81550658823195)</t>
  </si>
  <si>
    <t>POINT (4.652631302926245 51.766682932504665)</t>
  </si>
  <si>
    <t>POINT (4.665023930144997 51.79978046186807)</t>
  </si>
  <si>
    <t>POINT (4.706715502699802 51.79499982316191)</t>
  </si>
  <si>
    <t>POINT (4.6789568383577205 51.780905691793095)</t>
  </si>
  <si>
    <t>POINT (4.644022141004037 51.80033630084204)</t>
  </si>
  <si>
    <t>POINT (4.727361826083585 51.80096630910818)</t>
  </si>
  <si>
    <t>POINT (4.669767367344914 51.808290925866785)</t>
  </si>
  <si>
    <t>POINT (4.713248889379588 51.81473314683744)</t>
  </si>
  <si>
    <t>POINT (4.656513440210974 51.79043539885614)</t>
  </si>
  <si>
    <t>POINT (4.678157314937868 51.77276065376614)</t>
  </si>
  <si>
    <t>POINT (4.666130598654288 51.8105722809079)</t>
  </si>
  <si>
    <t>POINT (4.670161773559918 51.78938643690943)</t>
  </si>
  <si>
    <t>POINT (4.660709310266456 51.803821362355436)</t>
  </si>
  <si>
    <t>POINT (4.6635201834035085 51.802823217122516)</t>
  </si>
  <si>
    <t>POINT (4.705756650551492 51.792002209519914)</t>
  </si>
  <si>
    <t>POINT (4.70245942341062 51.79896391485771)</t>
  </si>
  <si>
    <t>POINT (4.655878290527618 51.784988298695744)</t>
  </si>
  <si>
    <t>POINT (4.719185257936054 51.81151608707008)</t>
  </si>
  <si>
    <t>POINT (4.672990777996962 51.81050673862883)</t>
  </si>
  <si>
    <t>POINT (4.707074728184989 51.80128399076609)</t>
  </si>
  <si>
    <t>POINT (4.666494338818053 51.816839650369616)</t>
  </si>
  <si>
    <t>POINT (4.6986971505330475 51.80011268017338)</t>
  </si>
  <si>
    <t>POINT (4.710117620528386 51.80794369911798)</t>
  </si>
  <si>
    <t>POINT (4.723037678530708 51.806051038073164)</t>
  </si>
  <si>
    <t>POINT (4.6765995574944546 51.78937249608036)</t>
  </si>
  <si>
    <t>POINT (4.704466750665539 51.7885483458664)</t>
  </si>
  <si>
    <t>POINT (4.691719156105397 51.791555717612056)</t>
  </si>
  <si>
    <t>POINT (4.661132030368463 51.796683511716424)</t>
  </si>
  <si>
    <t>POINT (4.719705245507902 51.802183209784246)</t>
  </si>
  <si>
    <t>POINT (4.721036371932978 51.8112863255369)</t>
  </si>
  <si>
    <t>POINT (4.652400966258703 51.78519371239356)</t>
  </si>
  <si>
    <t>POINT (4.725760937754912 51.79576116646629)</t>
  </si>
  <si>
    <t>POINT (4.659545512681522 51.79068177649921)</t>
  </si>
  <si>
    <t>POINT (4.684990120662845 51.77709168484391)</t>
  </si>
  <si>
    <t>POINT (4.726013552400939 51.805256107007374)</t>
  </si>
  <si>
    <t>POINT (4.696351890649578 51.792246445787896)</t>
  </si>
  <si>
    <t>POINT (4.648285563776134 51.80168111679464)</t>
  </si>
  <si>
    <t>POINT (4.714982129568304 51.810603217275926)</t>
  </si>
  <si>
    <t>POINT (4.675043327462029 51.780340156980074)</t>
  </si>
  <si>
    <t>POINT (4.683669800812673 51.81919279430705)</t>
  </si>
  <si>
    <t>POINT (4.724085336940246 51.797135204728384)</t>
  </si>
  <si>
    <t>POINT (4.650665709098758 51.803031335900144)</t>
  </si>
  <si>
    <t>POINT (4.668434559038148 51.79196664374646)</t>
  </si>
  <si>
    <t>POINT (4.673995939546711 51.774948442204696)</t>
  </si>
  <si>
    <t>POINT (4.735666355610292 51.79888810871161)</t>
  </si>
  <si>
    <t>POINT (4.663202567986395 51.79063088471874)</t>
  </si>
  <si>
    <t>POINT (4.679963881645428 51.79865914708782)</t>
  </si>
  <si>
    <t>POINT (4.661276606051751 51.7946865418335)</t>
  </si>
  <si>
    <t>POINT (4.636795972701775 51.76752603907469)</t>
  </si>
  <si>
    <t>POINT (4.653773768206202 51.78555384364141)</t>
  </si>
  <si>
    <t>POINT (4.664082148512548 51.79548927343185)</t>
  </si>
  <si>
    <t>POINT (4.67236667342972 51.81931197083797)</t>
  </si>
  <si>
    <t>POINT (4.683997377905086 51.7782050189189)</t>
  </si>
  <si>
    <t>POINT (4.668047177637827 51.80407200224177)</t>
  </si>
  <si>
    <t>POINT (4.706385697796919 51.793040601042364)</t>
  </si>
  <si>
    <t>POINT (4.673448478913009 51.81799249289991)</t>
  </si>
  <si>
    <t>POINT (4.672058072141548 51.77381932694809)</t>
  </si>
  <si>
    <t>POINT (4.698274917093127 51.79285061120976)</t>
  </si>
  <si>
    <t>POINT (4.669785104248595 51.81080522169039)</t>
  </si>
  <si>
    <t>POINT (4.666040636630434 51.78863173234326)</t>
  </si>
  <si>
    <t>POINT (4.6642220085399435 51.81715187296868)</t>
  </si>
  <si>
    <t>POINT (4.6947785681611425 51.79665397087147)</t>
  </si>
  <si>
    <t>POINT (4.668936436848236 51.80791640787863)</t>
  </si>
  <si>
    <t>POINT (4.6612195346994305 51.78872824154512)</t>
  </si>
  <si>
    <t>POINT (4.660521315702524 51.81117509395911)</t>
  </si>
  <si>
    <t>POINT (4.680455135727017 51.780701049814866)</t>
  </si>
  <si>
    <t>POINT (4.716129944236542 51.80022811722245)</t>
  </si>
  <si>
    <t>POINT (4.699126546510806 51.790733859874706)</t>
  </si>
  <si>
    <t>POINT (4.673985641158655 51.815749859033794)</t>
  </si>
  <si>
    <t>POINT (4.679897122624648 51.79855828714409)</t>
  </si>
  <si>
    <t>POINT (4.715079713996084 51.81383830196465)</t>
  </si>
  <si>
    <t>POINT (4.656728683519249 51.80327845010097)</t>
  </si>
  <si>
    <t>POINT (4.66802790637524 51.77529378523746)</t>
  </si>
  <si>
    <t>POINT (4.697090860314047 51.7977715830737)</t>
  </si>
  <si>
    <t>POINT (4.665066972919972 51.78897327290486)</t>
  </si>
  <si>
    <t>POINT (4.716683563209426 51.79529423781417)</t>
  </si>
  <si>
    <t>POINT (4.683816792206367 51.78873514397214)</t>
  </si>
  <si>
    <t>POINT (4.672560744512733 51.81516720138163)</t>
  </si>
  <si>
    <t>POINT (4.676319290990424 51.81839465881313)</t>
  </si>
  <si>
    <t>POINT (4.685225101072667 51.81138257534843)</t>
  </si>
  <si>
    <t>POINT (4.658271170188123 51.80771819198471)</t>
  </si>
  <si>
    <t>POINT (4.671109592139105 51.81944170831896)</t>
  </si>
  <si>
    <t>POINT (4.708969052184399 51.79689701262036)</t>
  </si>
  <si>
    <t>POINT (4.707820125591355 51.811905208790165)</t>
  </si>
  <si>
    <t>POINT (4.67893000560123 51.81453808192966)</t>
  </si>
  <si>
    <t>POINT (4.654411452325984 51.794427701492886)</t>
  </si>
  <si>
    <t>POINT (4.698439231026416 51.79507550810875)</t>
  </si>
  <si>
    <t>POINT (4.664617642440758 51.79573106091913)</t>
  </si>
  <si>
    <t>POINT (4.669313364138513 51.79891003802914)</t>
  </si>
  <si>
    <t>POINT (4.7197716066388855 51.81138898923384)</t>
  </si>
  <si>
    <t>POINT (4.734033615777348 51.795516335658085)</t>
  </si>
  <si>
    <t>POINT (4.6872058147466795 51.8109023945963)</t>
  </si>
  <si>
    <t>POINT (4.672713729332944 51.81727577806234)</t>
  </si>
  <si>
    <t>POINT (4.652842773939075 51.802160098105915)</t>
  </si>
  <si>
    <t>POINT (4.665886242786388 51.77622393613567)</t>
  </si>
  <si>
    <t>POINT (4.69728473419958 51.818062856153965)</t>
  </si>
  <si>
    <t>POINT (4.697658442685389 51.81767259908483)</t>
  </si>
  <si>
    <t>POINT (4.680164813063149 51.79879154791805)</t>
  </si>
  <si>
    <t>POINT (4.657642307315159 51.80628681663012)</t>
  </si>
  <si>
    <t>POINT (4.712956209672711 51.80600099499362)</t>
  </si>
  <si>
    <t>POINT (4.727549439081197 51.8059130386618)</t>
  </si>
  <si>
    <t>POINT (4.733326159261995 51.80288407609144)</t>
  </si>
  <si>
    <t>POINT (4.672734815535142 51.78839382887837)</t>
  </si>
  <si>
    <t>POINT (4.6630093985915515 51.79789391068341)</t>
  </si>
  <si>
    <t>POINT (4.676256913989714 51.78950191563521)</t>
  </si>
  <si>
    <t>POINT (4.660745419151648 51.78986032851502)</t>
  </si>
  <si>
    <t>POINT (4.726389502177965 51.798008373378686)</t>
  </si>
  <si>
    <t>POINT (4.68804280662853 51.808084386639365)</t>
  </si>
  <si>
    <t>POINT (4.672378991995548 51.78825619251194)</t>
  </si>
  <si>
    <t>POINT (4.732887293487967 51.79600687634086)</t>
  </si>
  <si>
    <t>POINT (4.72226226940163 51.80228241027272)</t>
  </si>
  <si>
    <t>POINT (4.694823201983071 51.79681840337636)</t>
  </si>
  <si>
    <t>POINT (4.630440281675623 51.721412322294114)</t>
  </si>
  <si>
    <t>POINT (4.668042419803349 51.77051618187557)</t>
  </si>
  <si>
    <t>POINT (4.662858999782795 51.791284319026765)</t>
  </si>
  <si>
    <t>POINT (4.664183887155268 51.81145351707428)</t>
  </si>
  <si>
    <t>POINT (4.684695140353978 51.81107013999867)</t>
  </si>
  <si>
    <t>POINT (4.682088500295583 51.80037116372336)</t>
  </si>
  <si>
    <t>POINT (4.658324087942336 51.80094494650779)</t>
  </si>
  <si>
    <t>POINT (4.675699382263056 51.7764460332876)</t>
  </si>
  <si>
    <t>POINT (4.723517087299733 51.799440860441706)</t>
  </si>
  <si>
    <t>POINT (4.7207772108067605 51.79739260125439)</t>
  </si>
  <si>
    <t>POINT (4.6667590775437855 51.77511354951349)</t>
  </si>
  <si>
    <t>POINT (4.690308495572021 51.80830952914695)</t>
  </si>
  <si>
    <t>POINT (4.734523353284894 51.78909849031845)</t>
  </si>
  <si>
    <t>POINT (4.685009591296708 51.782570969392054)</t>
  </si>
  <si>
    <t>POINT (4.682303109658981 51.80903786695242)</t>
  </si>
  <si>
    <t>POINT (4.717329921154127 51.81548300038232)</t>
  </si>
  <si>
    <t>POINT (4.704899942492569 51.80895326622929)</t>
  </si>
  <si>
    <t>POINT (4.650542823897871 51.80249480183476)</t>
  </si>
  <si>
    <t>POINT (4.65685427282758 51.782565808053604)</t>
  </si>
  <si>
    <t>POINT (4.68121616034883 51.80649587119541)</t>
  </si>
  <si>
    <t>POINT (4.68121803375492 51.817952665801634)</t>
  </si>
  <si>
    <t>POINT (4.656388383980468 51.79964834844553)</t>
  </si>
  <si>
    <t>POINT (4.675686603203916 51.77388611519153)</t>
  </si>
  <si>
    <t>POINT (4.675919810151408 51.785700718736614)</t>
  </si>
  <si>
    <t>POINT (4.669735194412983 51.77235945759418)</t>
  </si>
  <si>
    <t>POINT (4.6790493163532805 51.79985566903487)</t>
  </si>
  <si>
    <t>POINT (4.718285795608284 51.8011885143396)</t>
  </si>
  <si>
    <t>POINT (4.682874700718499 51.8147746383772)</t>
  </si>
  <si>
    <t>POINT (4.652444171471788 51.78518829317345)</t>
  </si>
  <si>
    <t>POINT (4.680647376370199 51.79977425706181)</t>
  </si>
  <si>
    <t>POINT (4.655942939739457 51.81151455116393)</t>
  </si>
  <si>
    <t>POINT (4.673777873588349 51.7875850728963)</t>
  </si>
  <si>
    <t>POINT (4.666175060183022 51.79597745895418)</t>
  </si>
  <si>
    <t>POINT (4.701345558236908 51.78896897530314)</t>
  </si>
  <si>
    <t>POINT (4.6738818708292555 51.81187469775206)</t>
  </si>
  <si>
    <t>POINT (4.730246912487688 51.79340458702233)</t>
  </si>
  <si>
    <t>POINT (4.666734209183862 51.816668073227326)</t>
  </si>
  <si>
    <t>POINT (4.685180799971483 51.80289114673332)</t>
  </si>
  <si>
    <t>POINT (4.695706769273621 51.8105139869004)</t>
  </si>
  <si>
    <t>POINT (4.713598495148125 51.81099951144317)</t>
  </si>
  <si>
    <t>POINT (4.672006541454713 51.80394241498532)</t>
  </si>
  <si>
    <t>POINT (4.724357029958619 51.80598633743774)</t>
  </si>
  <si>
    <t>POINT (4.768971092063712 51.7940953253193)</t>
  </si>
  <si>
    <t>POINT (4.675194531955404 51.81639616796946)</t>
  </si>
  <si>
    <t>POINT (4.66070821918497 51.80190004034048)</t>
  </si>
  <si>
    <t>POINT (4.712004980743888 51.8149751619015)</t>
  </si>
  <si>
    <t>POINT (4.687137308740956 51.810924925002766)</t>
  </si>
  <si>
    <t>POINT (4.6539641516125005 51.80642960565908)</t>
  </si>
  <si>
    <t>POINT (4.657974419336862 51.79179079139388)</t>
  </si>
  <si>
    <t>POINT (4.663892723453968 51.815523999137554)</t>
  </si>
  <si>
    <t>POINT (4.662409441366305 51.79678735559043)</t>
  </si>
  <si>
    <t>POINT (4.657113533319765 51.7881347263039)</t>
  </si>
  <si>
    <t>POINT (4.659066435951538 51.7897904499092)</t>
  </si>
  <si>
    <t>POINT (4.717397018254334 51.815801697817804)</t>
  </si>
  <si>
    <t>POINT (4.6774967878736335 51.81656257869174)</t>
  </si>
  <si>
    <t>POINT (4.732533689190162 51.795720655942546)</t>
  </si>
  <si>
    <t>POINT (4.6628376064199495 51.79110278590143)</t>
  </si>
  <si>
    <t>POINT (4.6739183416343 51.805822978704036)</t>
  </si>
  <si>
    <t>POINT (4.661634600564348 51.79599433820714)</t>
  </si>
  <si>
    <t>POINT (4.672349758032462 51.8044568433861)</t>
  </si>
  <si>
    <t>POINT (4.670169674711074 51.79694194221657)</t>
  </si>
  <si>
    <t>POINT (4.673428397533382 51.789507211380915)</t>
  </si>
  <si>
    <t>POINT (4.68281894161641 51.77553852355443)</t>
  </si>
  <si>
    <t>POINT (4.660503324395178 51.80992237325266)</t>
  </si>
  <si>
    <t>POINT (4.667502043331302 51.79566045866293)</t>
  </si>
  <si>
    <t>POINT (4.689447848820829 51.80779507211128)</t>
  </si>
  <si>
    <t>POINT (4.711309583303541 51.81646472911024)</t>
  </si>
  <si>
    <t>POINT (4.680286485819578 51.809265922009146)</t>
  </si>
  <si>
    <t>POINT (4.6564947037681765 51.784425635327146)</t>
  </si>
  <si>
    <t>POINT (4.66853189249481 51.812767224344064)</t>
  </si>
  <si>
    <t>POINT (4.718950015508832 51.8023068194517)</t>
  </si>
  <si>
    <t>POINT (4.7084617181884205 51.80194929974673)</t>
  </si>
  <si>
    <t>POINT (4.67463517385639 51.77759237442095)</t>
  </si>
  <si>
    <t>POINT (4.72307074849619 51.805503898006485)</t>
  </si>
  <si>
    <t>POINT (4.691122919728426 51.7916155426048)</t>
  </si>
  <si>
    <t>POINT (4.678750034358733 51.78630984145628)</t>
  </si>
  <si>
    <t>POINT (4.674383592114067 51.78387467838187)</t>
  </si>
  <si>
    <t>POINT (4.708143197585141 51.818711084495035)</t>
  </si>
  <si>
    <t>POINT (4.653680840569581 51.792733671837915)</t>
  </si>
  <si>
    <t>POINT (4.665379762366827 51.79462513586737)</t>
  </si>
  <si>
    <t>POINT (4.6611954913005595 51.77297011899233)</t>
  </si>
  <si>
    <t>POINT (4.719169556311133 51.80588305111817)</t>
  </si>
  <si>
    <t>POINT (4.678007209617687 51.788461561003324)</t>
  </si>
  <si>
    <t>POINT (4.65970709949328 51.79319687471141)</t>
  </si>
  <si>
    <t>POINT (4.680153257064815 51.80653577206968)</t>
  </si>
  <si>
    <t>POINT (4.6632638075748645 51.795208687049005)</t>
  </si>
  <si>
    <t>POINT (4.6985568010865935 51.817252117560095)</t>
  </si>
  <si>
    <t>POINT (4.654401254845058 51.79391235112488)</t>
  </si>
  <si>
    <t>POINT (4.6673481605273555 51.79293006085348)</t>
  </si>
  <si>
    <t>POINT (4.67811951530055 51.775152059872966)</t>
  </si>
  <si>
    <t>POINT (4.725737647414958 51.79290576377399)</t>
  </si>
  <si>
    <t>POINT (4.678302478494991 51.77392414888297)</t>
  </si>
  <si>
    <t>POINT (4.713542183099368 51.80294376175131)</t>
  </si>
  <si>
    <t>POINT (4.629966272334917 51.77287546076346)</t>
  </si>
  <si>
    <t>POINT (4.651415490778304 51.78990068806397)</t>
  </si>
  <si>
    <t>POINT (4.64195553713579 51.77625557609959)</t>
  </si>
  <si>
    <t>POINT (4.667612490530271 51.808261003358034)</t>
  </si>
  <si>
    <t>POINT (4.679507933913889 51.80446738099395)</t>
  </si>
  <si>
    <t>POINT (4.690541627466786 51.80846482631756)</t>
  </si>
  <si>
    <t>POINT (4.683861928417241 51.78509969603412)</t>
  </si>
  <si>
    <t>POINT (4.731387823918607 51.79800991970897)</t>
  </si>
  <si>
    <t>POINT (4.669801825868894 51.80397322522454)</t>
  </si>
  <si>
    <t>POINT (4.676927007353495 51.77495373516831)</t>
  </si>
  <si>
    <t>POINT (4.670647792086161 51.803012281667485)</t>
  </si>
  <si>
    <t>POINT (4.666902517536384 51.79629025767882)</t>
  </si>
  <si>
    <t>POINT (4.667885617643368 51.79945487991969)</t>
  </si>
  <si>
    <t>POINT (4.667778424169104 51.81426164020594)</t>
  </si>
  <si>
    <t>POINT (4.734269617516954 51.80198574736231)</t>
  </si>
  <si>
    <t>POINT (4.666879398965043 51.815868541004384)</t>
  </si>
  <si>
    <t>POINT (4.725192066813743 51.798360171203754)</t>
  </si>
  <si>
    <t>POINT (4.720110192846256 51.79961866083488)</t>
  </si>
  <si>
    <t>POINT (4.671263973340531 51.81853127118901)</t>
  </si>
  <si>
    <t>POINT (4.706194055341265 51.79026149614314)</t>
  </si>
  <si>
    <t>POINT (4.715639889132734 51.80317631394875)</t>
  </si>
  <si>
    <t>POINT (4.669108658824351 51.816692603357296)</t>
  </si>
  <si>
    <t>POINT (4.679402470733788 51.785385894940205)</t>
  </si>
  <si>
    <t>POINT (4.6583179826219165 51.793506245800984)</t>
  </si>
  <si>
    <t>POINT (4.724425725295928 51.798229176740556)</t>
  </si>
  <si>
    <t>POINT (4.644078252589935 51.783969987715764)</t>
  </si>
  <si>
    <t>POINT (4.695465298039143 51.795612828068506)</t>
  </si>
  <si>
    <t>POINT (4.6844387290771525 51.80891526191888)</t>
  </si>
  <si>
    <t>POINT (4.68054065810071 51.78810567967909)</t>
  </si>
  <si>
    <t>POINT (4.666127678491141 51.81690606260876)</t>
  </si>
  <si>
    <t>POINT (4.681002764834145 51.7801904552846)</t>
  </si>
  <si>
    <t>POINT (4.668153283340375 51.81346962633105)</t>
  </si>
  <si>
    <t>POINT (4.681570223474662 51.80685233433121)</t>
  </si>
  <si>
    <t>POINT (4.680114522069639 51.7785009359826)</t>
  </si>
  <si>
    <t>POINT (4.715805293585756 51.80400884521068)</t>
  </si>
  <si>
    <t>POINT (4.6691534229349285 51.81610030803315)</t>
  </si>
  <si>
    <t>POINT (4.722030018441562 51.79972650294855)</t>
  </si>
  <si>
    <t>POINT (4.6688842142702365 51.81458507585422)</t>
  </si>
  <si>
    <t>POINT (4.680825145311961 51.78918794163171)</t>
  </si>
  <si>
    <t>POINT (4.710098687739988 51.794389768653424)</t>
  </si>
  <si>
    <t>POINT (4.667785763205283 51.77977550195088)</t>
  </si>
  <si>
    <t>POINT (4.6600991177943 51.81120675260537)</t>
  </si>
  <si>
    <t>POINT (4.674935033734096 51.814236845521876)</t>
  </si>
  <si>
    <t>POINT (4.6914517992005385 51.81784508985597)</t>
  </si>
  <si>
    <t>POINT (4.687130436922955 51.80687141857753)</t>
  </si>
  <si>
    <t>POINT (4.652456901368817 51.803030934661194)</t>
  </si>
  <si>
    <t>POINT (4.665292402349757 51.77305523781574)</t>
  </si>
  <si>
    <t>POINT (4.675505005349228 51.78335083077388)</t>
  </si>
  <si>
    <t>POINT (4.6903762943470815 51.80775158298061)</t>
  </si>
  <si>
    <t>POINT (4.696349183347148 51.795592193724026)</t>
  </si>
  <si>
    <t>POINT (4.683268917414611 51.797990696907604)</t>
  </si>
  <si>
    <t>POINT (4.729500256053987 51.80351083712188)</t>
  </si>
  <si>
    <t>POINT (4.705727406988384 51.79866476998507)</t>
  </si>
  <si>
    <t>POINT (4.700763444715397 51.79871011527013)</t>
  </si>
  <si>
    <t>POINT (4.679204976969385 51.78211771602161)</t>
  </si>
  <si>
    <t>POINT (4.683359152008368 51.81069986439023)</t>
  </si>
  <si>
    <t>POINT (4.6800556128325415 51.7897760017103)</t>
  </si>
  <si>
    <t>POINT (4.684343259245779 51.78261249732558)</t>
  </si>
  <si>
    <t>POINT (4.710132625897233 51.80544266725421)</t>
  </si>
  <si>
    <t>POINT (4.652327133425687 51.78542894306222)</t>
  </si>
  <si>
    <t>POINT (4.665942681687895 51.81379006198385)</t>
  </si>
  <si>
    <t>POINT (4.668677131558347 51.80826097448475)</t>
  </si>
  <si>
    <t>POINT (4.656974679900751 51.77039090885888)</t>
  </si>
  <si>
    <t>POINT (4.713640507087791 51.81511323249054)</t>
  </si>
  <si>
    <t>POINT (4.68839730724962 51.810203984740944)</t>
  </si>
  <si>
    <t>POINT (4.716637169988539 51.81274596865787)</t>
  </si>
  <si>
    <t>POINT (4.681645918836229 51.775142918123954)</t>
  </si>
  <si>
    <t>POINT (4.665293686281222 51.78893834494556)</t>
  </si>
  <si>
    <t>POINT (4.669505298393899 51.805849453542415)</t>
  </si>
  <si>
    <t>POINT (4.650016457433604 51.79373083177122)</t>
  </si>
  <si>
    <t>POINT (4.665190970379608 51.81729812436518)</t>
  </si>
  <si>
    <t>POINT (4.726419281717925 51.798054715766575)</t>
  </si>
  <si>
    <t>POINT (4.667589728521034 51.80979992373945)</t>
  </si>
  <si>
    <t>POINT (4.6524712507196755 51.785283149954445)</t>
  </si>
  <si>
    <t>POINT (4.6792270499555375 51.78926782626564)</t>
  </si>
  <si>
    <t>POINT (4.731500080612793 51.80233454972724)</t>
  </si>
  <si>
    <t>POINT (4.727453705039997 51.79955166300122)</t>
  </si>
  <si>
    <t>POINT (4.683395816538718 51.80254274002428)</t>
  </si>
  <si>
    <t>POINT (4.683228038957195 51.798015548031366)</t>
  </si>
  <si>
    <t>POINT (4.715419417197983 51.80066043228456)</t>
  </si>
  <si>
    <t>POINT (4.6619214428198115 51.79718627848308)</t>
  </si>
  <si>
    <t>POINT (4.669194580029665 51.816094087998614)</t>
  </si>
  <si>
    <t>POINT (4.6533043831149365 51.793584229126665)</t>
  </si>
  <si>
    <t>POINT (4.680431407113416 51.788126657284074)</t>
  </si>
  <si>
    <t>POINT (4.660867898373255 51.800942618327376)</t>
  </si>
  <si>
    <t>POINT (4.723226079449623 51.797816754268084)</t>
  </si>
  <si>
    <t>POINT (4.719814795293952 51.79539435562912)</t>
  </si>
  <si>
    <t>POINT (4.671928359524081 51.7924011450729)</t>
  </si>
  <si>
    <t>POINT (4.644339417897295 51.76926956879551)</t>
  </si>
  <si>
    <t>POINT (4.630158254484867 51.72752789898023)</t>
  </si>
  <si>
    <t>POINT (4.73257300673542 51.794967249532206)</t>
  </si>
  <si>
    <t>POINT (4.6738222738824176 51.77499097226985)</t>
  </si>
  <si>
    <t>POINT (4.674445412234306 51.78030042652049)</t>
  </si>
  <si>
    <t>POINT (4.656532125562112 51.81184997566891)</t>
  </si>
  <si>
    <t>POINT (4.67424890955129 51.8190889236581)</t>
  </si>
  <si>
    <t>POINT (4.734255097496217 51.80140941416465)</t>
  </si>
  <si>
    <t>POINT (4.684143868544179 51.79820438164623)</t>
  </si>
  <si>
    <t>POINT (4.6984371432272605 51.79656131391138)</t>
  </si>
  <si>
    <t>POINT (4.659734861376737 51.80788453240546)</t>
  </si>
  <si>
    <t>POINT (4.732801303755805 51.80021941717138)</t>
  </si>
  <si>
    <t>POINT (4.676371750981183 51.78372930625612)</t>
  </si>
  <si>
    <t>POINT (4.660883346123817 51.80095117231806)</t>
  </si>
  <si>
    <t>POINT (4.682425038482319 51.80525598691251)</t>
  </si>
  <si>
    <t>POINT (4.672731548875478 51.80808015949565)</t>
  </si>
  <si>
    <t>POINT (4.658464493070839 51.80410476094848)</t>
  </si>
  <si>
    <t>POINT (4.675614352354173 51.81890266873752)</t>
  </si>
  <si>
    <t>POINT (4.638462713981875 51.77759589713581)</t>
  </si>
  <si>
    <t>POINT (4.684503761886345 51.788045379216605)</t>
  </si>
  <si>
    <t>POINT (4.699275358494631 51.77764049004208)</t>
  </si>
  <si>
    <t>POINT (4.6437527788410335 51.77505203776913)</t>
  </si>
  <si>
    <t>POINT (4.682815653845826 51.78856403263481)</t>
  </si>
  <si>
    <t>POINT (4.715332384284168 51.807145989114176)</t>
  </si>
  <si>
    <t>POINT (4.676770591428597 51.78651627742123)</t>
  </si>
  <si>
    <t>POINT (4.6703281270372115 51.804696642186684)</t>
  </si>
  <si>
    <t>POINT (4.70003530291957 51.784669717506425)</t>
  </si>
  <si>
    <t>POINT (4.710511737351192 51.80332028767408)</t>
  </si>
  <si>
    <t>POINT (4.711038791430592 51.81648440044742)</t>
  </si>
  <si>
    <t>POINT (4.6771303573625005 51.77302507263885)</t>
  </si>
  <si>
    <t>POINT (4.673253568066845 51.817415367498164)</t>
  </si>
  <si>
    <t>POINT (4.630814604652462 51.72131188017815)</t>
  </si>
  <si>
    <t>POINT (4.664034025211588 51.810479083412844)</t>
  </si>
  <si>
    <t>POINT (4.635952599346507 51.77597213773627)</t>
  </si>
  <si>
    <t>POINT (4.6784772373566 51.8089336907724)</t>
  </si>
  <si>
    <t>POINT (4.7276935919576495 51.805001097889054)</t>
  </si>
  <si>
    <t>POINT (4.7104154650754815 51.80825910310337)</t>
  </si>
  <si>
    <t>POINT (4.66793631954846 51.81051332287054)</t>
  </si>
  <si>
    <t>POINT (4.64040557826289 51.76200855988687)</t>
  </si>
  <si>
    <t>POINT (4.723877758085739 51.797536327243016)</t>
  </si>
  <si>
    <t>POINT (4.652844053238332 51.788596882751655)</t>
  </si>
  <si>
    <t>POINT (4.680710087690002 51.81132570972599)</t>
  </si>
  <si>
    <t>POINT (4.65956106941677 51.80179957524637)</t>
  </si>
  <si>
    <t>POINT (4.668552821896961 51.81327105095969)</t>
  </si>
  <si>
    <t>POINT (4.6681272284184905 51.79235145417666)</t>
  </si>
  <si>
    <t>POINT (4.669856452593629 51.80223080589719)</t>
  </si>
  <si>
    <t>POINT (4.717905721734051 51.814859894653004)</t>
  </si>
  <si>
    <t>POINT (4.699971489037293 51.7986478079215)</t>
  </si>
  <si>
    <t>POINT (4.705336803534733 51.8059729933563)</t>
  </si>
  <si>
    <t>POINT (4.6772163829252955 51.77762589724625)</t>
  </si>
  <si>
    <t>POINT (4.663280330531478 51.81306087557028)</t>
  </si>
  <si>
    <t>POINT (4.6669900559297375 51.816942485783954)</t>
  </si>
  <si>
    <t>POINT (4.667784175451817 51.77462176818425)</t>
  </si>
  <si>
    <t>POINT (4.709076150634415 51.79636401988522)</t>
  </si>
  <si>
    <t>POINT (4.6294586963918265 51.726526367691335)</t>
  </si>
  <si>
    <t>POINT (4.71518489410228 51.81494579196343)</t>
  </si>
  <si>
    <t>POINT (4.667594003954131 51.81647807841593)</t>
  </si>
  <si>
    <t>POINT (4.643454931648558 51.77050820232531)</t>
  </si>
  <si>
    <t>POINT (4.711425817487283 51.81169832727816)</t>
  </si>
  <si>
    <t>POINT (4.700479797321051 51.79725747807838)</t>
  </si>
  <si>
    <t>POINT (4.657698314743272 51.79642318376619)</t>
  </si>
  <si>
    <t>POINT (4.653523813147423 51.78818885976635)</t>
  </si>
  <si>
    <t>POINT (4.717764657404301 51.79927614633236)</t>
  </si>
  <si>
    <t>POINT (4.674479214415076 51.80728192340913)</t>
  </si>
  <si>
    <t>POINT (4.71937781487732 51.81547782689007)</t>
  </si>
  <si>
    <t>POINT (4.6784029688611755 51.80761062190315)</t>
  </si>
  <si>
    <t>POINT (4.686888085124584 51.80705058173299)</t>
  </si>
  <si>
    <t>POINT (4.656845389044702 51.771594215956476)</t>
  </si>
  <si>
    <t>POINT (4.722270410684201 51.79725085492041)</t>
  </si>
  <si>
    <t>POINT (4.703780755927799 51.81525575070802)</t>
  </si>
  <si>
    <t>POINT (4.651751018575273 51.791227764462256)</t>
  </si>
  <si>
    <t>POINT (4.66622301607362 51.78736016973354)</t>
  </si>
  <si>
    <t>POINT (4.667589395267846 51.7907155838047)</t>
  </si>
  <si>
    <t>POINT (4.671089199112131 51.77930207525634)</t>
  </si>
  <si>
    <t>POINT (4.665395481572269 51.80989327780183)</t>
  </si>
  <si>
    <t>POINT (4.651069352262454 51.793735933038576)</t>
  </si>
  <si>
    <t>POINT (4.673094171478578 51.80958657693751)</t>
  </si>
  <si>
    <t>POINT (4.667952754496847 51.77089243015702)</t>
  </si>
  <si>
    <t>POINT (4.723426307017513 51.80530583173104)</t>
  </si>
  <si>
    <t>POINT (4.67722022783631 51.77352193732687)</t>
  </si>
  <si>
    <t>POINT (4.72153544096289 51.80586801128844)</t>
  </si>
  <si>
    <t>POINT (4.731368208491959 51.795488414994146)</t>
  </si>
  <si>
    <t>POINT (4.660784588528893 51.80979353607125)</t>
  </si>
  <si>
    <t>POINT (4.686117954772833 51.789240249729254)</t>
  </si>
  <si>
    <t>POINT (4.6727554268259714 51.78352067636633)</t>
  </si>
  <si>
    <t>POINT (4.693977189403791 51.76064591055947)</t>
  </si>
  <si>
    <t>POINT (4.676223495810999 51.80849226837661)</t>
  </si>
  <si>
    <t>POINT (4.686647168237272 51.8085652440712)</t>
  </si>
  <si>
    <t>POINT (4.719060393570664 51.80562042864907)</t>
  </si>
  <si>
    <t>POINT (4.734682021814766 51.797868270774295)</t>
  </si>
  <si>
    <t>POINT (4.668140013730845 51.816948422599516)</t>
  </si>
  <si>
    <t>POINT (4.658630462429352 51.81032230719903)</t>
  </si>
  <si>
    <t>POINT (4.727336276498796 51.79804428130955)</t>
  </si>
  <si>
    <t>POINT (4.665821617896332 51.801510433789765)</t>
  </si>
  <si>
    <t>POINT (4.658397074577609 51.79580652405718)</t>
  </si>
  <si>
    <t>POINT (4.665290735503597 51.7807853167837)</t>
  </si>
  <si>
    <t>POINT (4.661179847261033 51.78856445537561)</t>
  </si>
  <si>
    <t>POINT (4.6719590306594485 51.80921146041808)</t>
  </si>
  <si>
    <t>POINT (4.6517387624945705 51.794930470427296)</t>
  </si>
  <si>
    <t>POINT (4.711051498108131 51.81446814224404)</t>
  </si>
  <si>
    <t>POINT (4.710910387142325 51.805370685994234)</t>
  </si>
  <si>
    <t>POINT (4.668589809250806 51.80920452088466)</t>
  </si>
  <si>
    <t>POINT (4.65421205833587 51.78116076694652)</t>
  </si>
  <si>
    <t>POINT (4.662670319315355 51.809118081225805)</t>
  </si>
  <si>
    <t>POINT (4.7020633242614265 51.81591282026548)</t>
  </si>
  <si>
    <t>POINT (4.6792104002355845 51.807365062901816)</t>
  </si>
  <si>
    <t>POINT (4.734089609527213 51.799865962271916)</t>
  </si>
  <si>
    <t>POINT (4.682125880796447 51.78614221846278)</t>
  </si>
  <si>
    <t>POINT (4.723550734397335 51.798670481106015)</t>
  </si>
  <si>
    <t>POINT (4.672793437447587 51.818278032312264)</t>
  </si>
  <si>
    <t>POINT (4.657995186749137 51.80454843958088)</t>
  </si>
  <si>
    <t>POINT (4.661650838308543 51.81601198921937)</t>
  </si>
  <si>
    <t>POINT (4.6742924834859085 51.81158956441582)</t>
  </si>
  <si>
    <t>POINT (4.6563598245605995 51.80377272471626)</t>
  </si>
  <si>
    <t>POINT (4.655245990061687 51.78872264447054)</t>
  </si>
  <si>
    <t>POINT (4.6694499208984235 51.777697080453095)</t>
  </si>
  <si>
    <t>POINT (4.680438188361432 51.78078937852593)</t>
  </si>
  <si>
    <t>POINT (4.680423566065368 51.7774213498799)</t>
  </si>
  <si>
    <t>POINT (4.65796455426003 51.79793001502081)</t>
  </si>
  <si>
    <t>POINT (4.68573937153513 51.81346454836184)</t>
  </si>
  <si>
    <t>POINT (4.710056582963897 51.795150325920275)</t>
  </si>
  <si>
    <t>POINT (4.667045361419999 51.811062810608576)</t>
  </si>
  <si>
    <t>POINT (4.66167999103525 51.79835734328142)</t>
  </si>
  <si>
    <t>POINT (4.665833192625401 51.81679620002152)</t>
  </si>
  <si>
    <t>POINT (4.652227059684253 51.78314841714058)</t>
  </si>
  <si>
    <t>POINT (4.668509820073321 51.78318153785183)</t>
  </si>
  <si>
    <t>POINT (4.681351604522746 51.818080029544284)</t>
  </si>
  <si>
    <t>POINT (4.692528216227864 51.795600417932945)</t>
  </si>
  <si>
    <t>POINT (4.6824675466294 51.778375314331)</t>
  </si>
  <si>
    <t>POINT (4.659863966141664 51.805015477558236)</t>
  </si>
  <si>
    <t>POINT (4.658981132106795 51.80936056397129)</t>
  </si>
  <si>
    <t>POINT (4.704013013088055 51.788544490800795)</t>
  </si>
  <si>
    <t>POINT (4.664034256624784 51.80204257278712)</t>
  </si>
  <si>
    <t>POINT (4.734473721961861 51.801873814917336)</t>
  </si>
  <si>
    <t>POINT (4.660947504730313 51.76957365877867)</t>
  </si>
  <si>
    <t>POINT (4.71788968490443 51.79868405811764)</t>
  </si>
  <si>
    <t>POINT (4.665739168962899 51.81839469810945)</t>
  </si>
  <si>
    <t>POINT (4.669101397973851 51.79101417717902)</t>
  </si>
  <si>
    <t>POINT (4.730644581537043 51.80210949934069)</t>
  </si>
  <si>
    <t>POINT (4.682388016684371 51.80216422685709)</t>
  </si>
  <si>
    <t>POINT (4.665308922869982 51.80039304230118)</t>
  </si>
  <si>
    <t>POINT (4.665326301331796 51.77262254071439)</t>
  </si>
  <si>
    <t>POINT (4.676518186698422 51.776010541935655)</t>
  </si>
  <si>
    <t>POINT (4.705647787187108 51.791936292432055)</t>
  </si>
  <si>
    <t>POINT (4.679996256449838 51.781343870375956)</t>
  </si>
  <si>
    <t>POINT (4.704062246401365 51.79794075748641)</t>
  </si>
  <si>
    <t>POINT (4.654850498673611 51.792981876776835)</t>
  </si>
  <si>
    <t>POINT (4.669355443387345 51.81258231621651)</t>
  </si>
  <si>
    <t>POINT (4.680439911795602 51.8117484288703)</t>
  </si>
  <si>
    <t>POINT (4.661853433663277 51.792970247337024)</t>
  </si>
  <si>
    <t>POINT (4.690947690402072 51.80607359119657)</t>
  </si>
  <si>
    <t>POINT (4.6565259231137865 51.78989467085482)</t>
  </si>
  <si>
    <t>POINT (4.655245459328789 51.765939919172226)</t>
  </si>
  <si>
    <t>POINT (4.683955539549001 51.80099442603945)</t>
  </si>
  <si>
    <t>POINT (4.691525882857266 51.80689315525362)</t>
  </si>
  <si>
    <t>POINT (4.680430537108279 51.78064963904127)</t>
  </si>
  <si>
    <t>POINT (4.6936660742508645 51.77571477027113)</t>
  </si>
  <si>
    <t>POINT (4.713370179945269 51.80420751302416)</t>
  </si>
  <si>
    <t>POINT (4.657605037340094 51.798089621440845)</t>
  </si>
  <si>
    <t>POINT (4.72730446536255 51.799938198269984)</t>
  </si>
  <si>
    <t>POINT (4.654224639838864 51.79451523504825)</t>
  </si>
  <si>
    <t>POINT (4.677285406165248 51.79116761860251)</t>
  </si>
  <si>
    <t>POINT (4.688661862790102 51.81766199354756)</t>
  </si>
  <si>
    <t>POINT (4.681670657468866 51.775199174435045)</t>
  </si>
  <si>
    <t>POINT (4.701383276639639 51.79763199018392)</t>
  </si>
  <si>
    <t>POINT (4.671528020267513 51.803225687960044)</t>
  </si>
  <si>
    <t>POINT (4.674177666019674 51.81149016221995)</t>
  </si>
  <si>
    <t>POINT (4.676666705464222 51.81541479992724)</t>
  </si>
  <si>
    <t>POINT (4.680858064527006 51.778975012802725)</t>
  </si>
  <si>
    <t>POINT (4.663287518168064 51.78990577782915)</t>
  </si>
  <si>
    <t>POINT (4.668907214744702 51.81861643829371)</t>
  </si>
  <si>
    <t>POINT (4.655319983738168 51.79197484428921)</t>
  </si>
  <si>
    <t>POINT (4.686891260552446 51.81279337726593)</t>
  </si>
  <si>
    <t>POINT (4.645164197615145 51.77191850474217)</t>
  </si>
  <si>
    <t>POINT (4.673402133757767 51.796029804668706)</t>
  </si>
  <si>
    <t>POINT (4.685470962477859 51.788944419771774)</t>
  </si>
  <si>
    <t>POINT (4.679068065416736 51.77775075359458)</t>
  </si>
  <si>
    <t>POINT (4.720528617265159 51.81134928385696)</t>
  </si>
  <si>
    <t>POINT (4.655530753667662 51.798761058833925)</t>
  </si>
  <si>
    <t>POINT (4.678130675107994 51.784609042291585)</t>
  </si>
  <si>
    <t>POINT (4.715135886140275 51.81380586007692)</t>
  </si>
  <si>
    <t>POINT (4.68106771908059 51.78129786755799)</t>
  </si>
  <si>
    <t>POINT (4.682826671902093 51.8144040441884)</t>
  </si>
  <si>
    <t>POINT (4.685848894215236 51.77490524335115)</t>
  </si>
  <si>
    <t>POINT (4.694896684665626 51.81768142767557)</t>
  </si>
  <si>
    <t>POINT (4.669721281332585 51.80825468937017)</t>
  </si>
  <si>
    <t>POINT (4.666136475874963 51.81278266030384)</t>
  </si>
  <si>
    <t>POINT (4.726318003664056 51.80597791980026)</t>
  </si>
  <si>
    <t>POINT (4.692997697986667 51.78693134227503)</t>
  </si>
  <si>
    <t>POINT (4.665015021704816 51.812723153472874)</t>
  </si>
  <si>
    <t>POINT (4.72242924711238 51.80380316511265)</t>
  </si>
  <si>
    <t>POINT (4.715850784816191 51.80322916057034)</t>
  </si>
  <si>
    <t>POINT (4.715031018440697 51.8070971087929)</t>
  </si>
  <si>
    <t>POINT (4.665237762235864 51.788743925668854)</t>
  </si>
  <si>
    <t>POINT (4.68422051429809 51.8067914605832)</t>
  </si>
  <si>
    <t>POINT (4.668811054726701 51.795447629202236)</t>
  </si>
  <si>
    <t>POINT (4.6984821912330474 51.793278619352606)</t>
  </si>
  <si>
    <t>POINT (4.679240126287852 51.78525609824892)</t>
  </si>
  <si>
    <t>POINT (4.726957621972282 51.79742754354106)</t>
  </si>
  <si>
    <t>POINT (4.667053629897228 51.77620221112111)</t>
  </si>
  <si>
    <t>POINT (4.654288737818697 51.79958925614352)</t>
  </si>
  <si>
    <t>POINT (4.666636219579675 51.81699599866456)</t>
  </si>
  <si>
    <t>POINT (4.6662105070864595 51.8110733515099)</t>
  </si>
  <si>
    <t>POINT (4.664000013762274 51.78541910908485)</t>
  </si>
  <si>
    <t>POINT (4.681506327366638 51.80355165073579)</t>
  </si>
  <si>
    <t>POINT (4.714729556557585 51.814614253571825)</t>
  </si>
  <si>
    <t>POINT (4.667846763337744 51.81521573056989)</t>
  </si>
  <si>
    <t>POINT (4.6838718786944025 51.78247529983357)</t>
  </si>
  <si>
    <t>POINT (4.676199828509118 51.774266313026104)</t>
  </si>
  <si>
    <t>POINT (4.651913890789795 51.78437407999013)</t>
  </si>
  <si>
    <t>POINT (4.705270210228249 51.793062472645076)</t>
  </si>
  <si>
    <t>POINT (4.6918776014206625 51.81818312372964)</t>
  </si>
  <si>
    <t>POINT (4.68206896477066 51.800493076613094)</t>
  </si>
  <si>
    <t>POINT (4.720364223455606 51.80502333224015)</t>
  </si>
  <si>
    <t>POINT (4.660245270663796 51.81000470227172)</t>
  </si>
  <si>
    <t>POINT (4.720888607438421 51.81130465040958)</t>
  </si>
  <si>
    <t>POINT (4.719861309661268 51.79537406316559)</t>
  </si>
  <si>
    <t>POINT (4.673093424589065 51.80256609900264)</t>
  </si>
  <si>
    <t>POINT (4.7192005595653415 51.81156093758078)</t>
  </si>
  <si>
    <t>POINT (4.642881805672154 51.77023458032966)</t>
  </si>
  <si>
    <t>POINT (4.67356190189666 51.80875352942316)</t>
  </si>
  <si>
    <t>POINT (4.6646061197590605 51.77760056138405)</t>
  </si>
  <si>
    <t>POINT (4.661893093525817 51.81246055790219)</t>
  </si>
  <si>
    <t>POINT (4.696705341598107 51.81765113946099)</t>
  </si>
  <si>
    <t>POINT (4.663672745939357 51.79398332641578)</t>
  </si>
  <si>
    <t>POINT (4.656709900210975 51.80162923078977)</t>
  </si>
  <si>
    <t>POINT (4.730221026939869 51.79844067148059)</t>
  </si>
  <si>
    <t>POINT (4.692276507043195 51.78558592450131)</t>
  </si>
  <si>
    <t>POINT (4.629511330552899 51.72221495211457)</t>
  </si>
  <si>
    <t>POINT (4.689794318621745 51.80684445020677)</t>
  </si>
  <si>
    <t>POINT (4.677521252463168 51.818042260734735)</t>
  </si>
  <si>
    <t>POINT (4.662572109967275 51.81675827638759)</t>
  </si>
  <si>
    <t>POINT (4.654777790659539 51.78970159519871)</t>
  </si>
  <si>
    <t>POINT (4.666384387427532 51.773979271104814)</t>
  </si>
  <si>
    <t>POINT (4.684085402280702 51.788718165639466)</t>
  </si>
  <si>
    <t>POINT (4.663511690571648 51.814368501528655)</t>
  </si>
  <si>
    <t>POINT (4.653782646787562 51.81135117406624)</t>
  </si>
  <si>
    <t>POINT (4.66438845329305 51.81008987287114)</t>
  </si>
  <si>
    <t>POINT (4.700090806084105 51.7902908868476)</t>
  </si>
  <si>
    <t>POINT (4.636402101647634 51.777776737406654)</t>
  </si>
  <si>
    <t>POINT (4.659823191963253 51.79202928764097)</t>
  </si>
  <si>
    <t>POINT (4.731754304509 51.79802432697751)</t>
  </si>
  <si>
    <t>POINT (4.667841214098557 51.813759378366875)</t>
  </si>
  <si>
    <t>POINT (4.671302875964463 51.77873086180149)</t>
  </si>
  <si>
    <t>POINT (4.731823498570309 51.801542372364416)</t>
  </si>
  <si>
    <t>POINT (4.685829306609698 51.81585048748432)</t>
  </si>
  <si>
    <t>POINT (4.672972409554801 51.804281373827976)</t>
  </si>
  <si>
    <t>POINT (4.674350786544281 51.772676437458706)</t>
  </si>
  <si>
    <t>POINT (4.673612403029296 51.777287695208166)</t>
  </si>
  <si>
    <t>POINT (4.650014899561776 51.79370197720444)</t>
  </si>
  <si>
    <t>POINT (4.6548188366042265 51.79486242241824)</t>
  </si>
  <si>
    <t>POINT (4.659478949893917 51.79652166627883)</t>
  </si>
  <si>
    <t>POINT (4.68032144763247 51.80798204705047)</t>
  </si>
  <si>
    <t>POINT (4.67624414493884 51.81841594719738)</t>
  </si>
  <si>
    <t>POINT (4.652403289562188 51.802033113792696)</t>
  </si>
  <si>
    <t>POINT (4.676372059596241 51.78389095191677)</t>
  </si>
  <si>
    <t>POINT (4.635500213101198 51.742956590898984)</t>
  </si>
  <si>
    <t>POINT (4.7267099363413365 51.798479321994236)</t>
  </si>
  <si>
    <t>POINT (4.685089100528834 51.785729972939485)</t>
  </si>
  <si>
    <t>POINT (4.639392587029002 51.77817094253609)</t>
  </si>
  <si>
    <t>POINT (4.6635444928368965 51.78711352969604)</t>
  </si>
  <si>
    <t>POINT (4.680008613888933 51.776228438632785)</t>
  </si>
  <si>
    <t>POINT (4.6706446921721625 51.78190613976459)</t>
  </si>
  <si>
    <t>POINT (4.677606862505741 51.79071230869983)</t>
  </si>
  <si>
    <t>POINT (4.679276180869527 51.816569856044104)</t>
  </si>
  <si>
    <t>POINT (4.671511615727303 51.79270366177101)</t>
  </si>
  <si>
    <t>POINT (4.653450080986649 51.79045880387436)</t>
  </si>
  <si>
    <t>POINT (4.676071586174795 51.78519016402768)</t>
  </si>
  <si>
    <t>POINT (4.685013697137733 51.81209218802362)</t>
  </si>
  <si>
    <t>POINT (4.666938286874363 51.796225417104345)</t>
  </si>
  <si>
    <t>POINT (4.665878789479957 51.81634671396809)</t>
  </si>
  <si>
    <t>POINT (4.727283920081932 51.805597051324696)</t>
  </si>
  <si>
    <t>POINT (4.657960436694153 51.81350510203483)</t>
  </si>
  <si>
    <t>POINT (4.656807413842209 51.807478646916714)</t>
  </si>
  <si>
    <t>POINT (4.675337423446706 51.813830509349636)</t>
  </si>
  <si>
    <t>POINT (4.660576866832652 51.8034637720405)</t>
  </si>
  <si>
    <t>POINT (4.670358506246046 51.80607010973231)</t>
  </si>
  <si>
    <t>POINT (4.7298710732972085 51.79625145999534)</t>
  </si>
  <si>
    <t>POINT (4.703771271134206 51.81673474985911)</t>
  </si>
  <si>
    <t>POINT (4.671718041729314 51.79258328588196)</t>
  </si>
  <si>
    <t>POINT (4.67216096656523 51.81887101015661)</t>
  </si>
  <si>
    <t>POINT (4.701206449674648 51.7982691696146)</t>
  </si>
  <si>
    <t>POINT (4.653653759128948 51.79263584915918)</t>
  </si>
  <si>
    <t>POINT (4.6767301735753986 51.789391381451466)</t>
  </si>
  <si>
    <t>POINT (4.680316140201878 51.773623999327285)</t>
  </si>
  <si>
    <t>POINT (4.671857123264196 51.81894419598102)</t>
  </si>
  <si>
    <t>POINT (4.652242827519187 51.785476935974174)</t>
  </si>
  <si>
    <t>POINT (4.669418433920404 51.80434529519397)</t>
  </si>
  <si>
    <t>POINT (4.646944137191559 51.777487829285356)</t>
  </si>
  <si>
    <t>POINT (4.667194196823677 51.787158765323184)</t>
  </si>
  <si>
    <t>POINT (4.668575600484364 51.77017797776106)</t>
  </si>
  <si>
    <t>POINT (4.665718836891438 51.81620521977078)</t>
  </si>
  <si>
    <t>POINT (4.703562942617362 51.7989312672085)</t>
  </si>
  <si>
    <t>POINT (4.66264449454091 51.79044907632662)</t>
  </si>
  <si>
    <t>POINT (4.654713114347079 51.803340275185555)</t>
  </si>
  <si>
    <t>POINT (4.678776715628106 51.81373413620052)</t>
  </si>
  <si>
    <t>POINT (4.714043437272727 51.80903564634776)</t>
  </si>
  <si>
    <t>POINT (4.71332085341767 51.804779051606815)</t>
  </si>
  <si>
    <t>POINT (4.695812843816046 51.794724126247246)</t>
  </si>
  <si>
    <t>POINT (4.764004545056454 51.8071895218959)</t>
  </si>
  <si>
    <t>POINT (4.66236717404584 51.813529418850855)</t>
  </si>
  <si>
    <t>POINT (4.734240111917491 51.79876126942718)</t>
  </si>
  <si>
    <t>POINT (4.677502230560442 51.816852514018684)</t>
  </si>
  <si>
    <t>POINT (4.65544516673964 51.790265235443826)</t>
  </si>
  <si>
    <t>POINT (4.673886039645644 51.808219748152865)</t>
  </si>
  <si>
    <t>POINT (4.662534888302204 51.813969929187294)</t>
  </si>
  <si>
    <t>POINT (4.677866394207994 51.815631133615646)</t>
  </si>
  <si>
    <t>POINT (4.690770958554013 51.818400900928104)</t>
  </si>
  <si>
    <t>POINT (4.665833628001812 51.78821762635825)</t>
  </si>
  <si>
    <t>POINT (4.730955553607673 51.791382242310725)</t>
  </si>
  <si>
    <t>POINT (4.68538544076169 51.784665112256945)</t>
  </si>
  <si>
    <t>POINT (4.717586726624946 51.80497905703537)</t>
  </si>
  <si>
    <t>POINT (4.677104778022343 51.780087506379196)</t>
  </si>
  <si>
    <t>POINT (4.629883714343359 51.72404574396371)</t>
  </si>
  <si>
    <t>POINT (4.725618428494092 51.79978059767713)</t>
  </si>
  <si>
    <t>POINT (4.730526860823325 51.80146778890626)</t>
  </si>
  <si>
    <t>POINT (4.6842753781018915 51.78507318579313)</t>
  </si>
  <si>
    <t>POINT (4.711731587371362 51.81413822051514)</t>
  </si>
  <si>
    <t>POINT (4.684404496559216 51.80812238225948)</t>
  </si>
  <si>
    <t>POINT (4.73398246029148 51.80173464255586)</t>
  </si>
  <si>
    <t>POINT (4.667963673059229 51.81665360119746)</t>
  </si>
  <si>
    <t>POINT (4.654133707428006 51.792674929885266)</t>
  </si>
  <si>
    <t>POINT (4.6733267008586425 51.77884548852592)</t>
  </si>
  <si>
    <t>POINT (4.659909755215427 51.78235748655754)</t>
  </si>
  <si>
    <t>POINT (4.662212310824081 51.809764801791296)</t>
  </si>
  <si>
    <t>POINT (4.659209832032115 51.80699534203802)</t>
  </si>
  <si>
    <t>POINT (4.718799082618179 51.80216715708232)</t>
  </si>
  <si>
    <t>POINT (4.632187821036088 51.781308714060664)</t>
  </si>
  <si>
    <t>POINT (4.673789740211352 51.817584316097545)</t>
  </si>
  <si>
    <t>POINT (4.701020446290034 51.78962313043665)</t>
  </si>
  <si>
    <t>POINT (4.69203896397463 51.78878712202782)</t>
  </si>
  <si>
    <t>POINT (4.725878788770204 51.79806534224699)</t>
  </si>
  <si>
    <t>POINT (4.665639590315396 51.81480089013448)</t>
  </si>
  <si>
    <t>POINT (4.6757861024425 51.77411407922142)</t>
  </si>
  <si>
    <t>POINT (4.733620245922186 51.79575498314617)</t>
  </si>
  <si>
    <t>POINT (4.686006599944362 51.80999508329719)</t>
  </si>
  <si>
    <t>POINT (4.65333332578139 51.79369594208631)</t>
  </si>
  <si>
    <t>POINT (4.674378797464385 51.78093236810006)</t>
  </si>
  <si>
    <t>POINT (4.676652688735638 51.77772400211942)</t>
  </si>
  <si>
    <t>POINT (4.688891676667949 51.80944849126514)</t>
  </si>
  <si>
    <t>POINT (4.668477887039442 51.7983806486155)</t>
  </si>
  <si>
    <t>POINT (4.673346588831768 51.78560035100923)</t>
  </si>
  <si>
    <t>POINT (4.717497339948279 51.80238767758162)</t>
  </si>
  <si>
    <t>POINT (4.693471789886951 51.795732130175516)</t>
  </si>
  <si>
    <t>POINT (4.734060744196591 51.79560904272578)</t>
  </si>
  <si>
    <t>POINT (4.658081604355033 51.81159407834988)</t>
  </si>
  <si>
    <t>POINT (4.706950312134618 51.80666243962678)</t>
  </si>
  <si>
    <t>POINT (4.656737202819729 51.80421243764012)</t>
  </si>
  <si>
    <t>POINT (4.660914661645729 51.791366391450204)</t>
  </si>
  <si>
    <t>POINT (4.674809461614015 51.80544132176437)</t>
  </si>
  <si>
    <t>POINT (4.71795387628583 51.80312978735267)</t>
  </si>
  <si>
    <t>POINT (4.697768096203848 51.790570470148275)</t>
  </si>
  <si>
    <t>POINT (4.668618879307499 51.797061738521215)</t>
  </si>
  <si>
    <t>POINT (4.731140246675281 51.801483085170965)</t>
  </si>
  <si>
    <t>POINT (4.660885288167855 51.81117234058829)</t>
  </si>
  <si>
    <t>POINT (4.669832979626263 51.77419376283203)</t>
  </si>
  <si>
    <t>POINT (4.653980640575354 51.80311570184525)</t>
  </si>
  <si>
    <t>POINT (4.670751125719744 51.79071661681577)</t>
  </si>
  <si>
    <t>POINT (4.730672838456051 51.797850723198906)</t>
  </si>
  <si>
    <t>POINT (4.685601253478972 51.81093627254089)</t>
  </si>
  <si>
    <t>POINT (4.679991915514652 51.7789336409854)</t>
  </si>
  <si>
    <t>POINT (4.666342164872263 51.78775415780189)</t>
  </si>
  <si>
    <t>POINT (4.674906796921676 51.77682321564255)</t>
  </si>
  <si>
    <t>POINT (4.6762097580998025 51.80870046171425)</t>
  </si>
  <si>
    <t>POINT (4.651105343747505 51.803310191740124)</t>
  </si>
  <si>
    <t>POINT (4.712022108978864 51.79573347633191)</t>
  </si>
  <si>
    <t>POINT (4.668864291131545 51.81314770073106)</t>
  </si>
  <si>
    <t>POINT (4.671506351398458 51.8187008555588)</t>
  </si>
  <si>
    <t>POINT (4.704982126511728 51.798461600657745)</t>
  </si>
  <si>
    <t>POINT (4.673767299410301 51.77217492370057)</t>
  </si>
  <si>
    <t>POINT (4.66404123376381 51.78694905253163)</t>
  </si>
  <si>
    <t>POINT (4.661727123824276 51.81340028744516)</t>
  </si>
  <si>
    <t>POINT (4.640705645711916 51.76226896910836)</t>
  </si>
  <si>
    <t>POINT (4.652855353687372 51.78879131647605)</t>
  </si>
  <si>
    <t>POINT (4.705000714824387 51.81480102108939)</t>
  </si>
  <si>
    <t>POINT (4.665785052006694 51.772346128919935)</t>
  </si>
  <si>
    <t>POINT (4.6536303403881965 51.785326709741724)</t>
  </si>
  <si>
    <t>POINT (4.735876944706354 51.799247520027954)</t>
  </si>
  <si>
    <t>POINT (4.681648627808594 51.78022423851783)</t>
  </si>
  <si>
    <t>POINT (4.729601365975217 51.80107605821175)</t>
  </si>
  <si>
    <t>POINT (4.676992560205536 51.814410041640166)</t>
  </si>
  <si>
    <t>POINT (4.676874645942323 51.78643858005468)</t>
  </si>
  <si>
    <t>POINT (4.6647474476965884 51.79374410852459)</t>
  </si>
  <si>
    <t>POINT (4.669441746051056 51.7896052590027)</t>
  </si>
  <si>
    <t>POINT (4.664156325222907 51.810867213290074)</t>
  </si>
  <si>
    <t>POINT (4.652990351866859 51.801955441094314)</t>
  </si>
  <si>
    <t>POINT (4.72213562053529 51.80246460239841)</t>
  </si>
  <si>
    <t>POINT (4.68088462416014 51.807552768577494)</t>
  </si>
  <si>
    <t>POINT (4.659382597197942 51.80675479775705)</t>
  </si>
  <si>
    <t>POINT (4.654235610214078 51.78179585041595)</t>
  </si>
  <si>
    <t>POINT (4.687778911169617 51.8147759243587)</t>
  </si>
  <si>
    <t>POINT (4.675818912435126 51.78471685108863)</t>
  </si>
  <si>
    <t>POINT (4.71828895464109 51.80120328272039)</t>
  </si>
  <si>
    <t>POINT (4.687078491560344 51.781875575711034)</t>
  </si>
  <si>
    <t>POINT (4.684180993020199 51.809661215649946)</t>
  </si>
  <si>
    <t>POINT (4.665297368938606 51.77570798312432)</t>
  </si>
  <si>
    <t>POINT (4.671666582498898 51.792800813048885)</t>
  </si>
  <si>
    <t>POINT (4.702689415787144 51.81676378824239)</t>
  </si>
  <si>
    <t>POINT (4.680575026233482 51.779582984591705)</t>
  </si>
  <si>
    <t>POINT (4.693426321332994 51.789103709786644)</t>
  </si>
  <si>
    <t>POINT (4.6609396708165445 51.79394563913478)</t>
  </si>
  <si>
    <t>POINT (4.668984760999904 51.812156268011144)</t>
  </si>
  <si>
    <t>POINT (4.706620966009129 51.793179555608205)</t>
  </si>
  <si>
    <t>POINT (4.674072049655084 51.81895864607904)</t>
  </si>
  <si>
    <t>POINT (4.663055050310498 51.80713822608603)</t>
  </si>
  <si>
    <t>POINT (4.66808439628323 51.78289771877256)</t>
  </si>
  <si>
    <t>POINT (4.670001785906083 51.785400911296385)</t>
  </si>
  <si>
    <t>POINT (4.708661909023378 51.79701457014005)</t>
  </si>
  <si>
    <t>POINT (4.656774117098713 51.8008689979181)</t>
  </si>
  <si>
    <t>POINT (4.664411769011348 51.77822862790656)</t>
  </si>
  <si>
    <t>POINT (4.6626287782978055 51.788668703182886)</t>
  </si>
  <si>
    <t>POINT (4.659415933722957 51.79801214124133)</t>
  </si>
  <si>
    <t>POINT (4.723628270944431 51.804082927986606)</t>
  </si>
  <si>
    <t>POINT (4.668455487135174 51.80933286556852)</t>
  </si>
  <si>
    <t>POINT (4.6632321663604195 51.81492323061745)</t>
  </si>
  <si>
    <t>POINT (4.692814771199573 51.78595023241004)</t>
  </si>
  <si>
    <t>POINT (4.666199030934984 51.79849908793408)</t>
  </si>
  <si>
    <t>POINT (4.66339095919369 51.81096928951396)</t>
  </si>
  <si>
    <t>POINT (4.653706673793254 51.78518507545774)</t>
  </si>
  <si>
    <t>POINT (4.672467075617204 51.79695667057312)</t>
  </si>
  <si>
    <t>POINT (4.682005852804704 51.780150306430485)</t>
  </si>
  <si>
    <t>POINT (4.68195919365037 51.78162912517662)</t>
  </si>
  <si>
    <t>POINT (4.652840817637 51.766485126219294)</t>
  </si>
  <si>
    <t>POINT (4.666086122329425 51.8150359021814)</t>
  </si>
  <si>
    <t>POINT (4.658598665034829 51.81483757573238)</t>
  </si>
  <si>
    <t>POINT (4.65244718685348 51.79068217037135)</t>
  </si>
  <si>
    <t>POINT (4.654928987030061 51.7941269978028)</t>
  </si>
  <si>
    <t>POINT (4.678966786536446 51.79646507112929)</t>
  </si>
  <si>
    <t>POINT (4.649602667848919 51.79343242135596)</t>
  </si>
  <si>
    <t>POINT (4.673333580731386 51.793379755084075)</t>
  </si>
  <si>
    <t>POINT (4.730048629645433 51.78926479694334)</t>
  </si>
  <si>
    <t>POINT (4.7206471348378996 51.80468395551682)</t>
  </si>
  <si>
    <t>POINT (4.67382782036129 51.77500400368227)</t>
  </si>
  <si>
    <t>POINT (4.6757148629498335 51.81442668860981)</t>
  </si>
  <si>
    <t>POINT (4.678830553734961 51.79878618744473)</t>
  </si>
  <si>
    <t>POINT (4.668382692642212 51.80099803944932)</t>
  </si>
  <si>
    <t>POINT (4.66333106783159 51.81400145841054)</t>
  </si>
  <si>
    <t>POINT (4.685969326275496 51.7879022672178)</t>
  </si>
  <si>
    <t>POINT (4.663734274548462 51.78795406574584)</t>
  </si>
  <si>
    <t>POINT (4.676022476694353 51.81703101494614)</t>
  </si>
  <si>
    <t>POINT (4.652455812677992 51.79087165253767)</t>
  </si>
  <si>
    <t>POINT (4.718826723118936 51.80218628956603)</t>
  </si>
  <si>
    <t>POINT (4.705555653356569 51.79233936628541)</t>
  </si>
  <si>
    <t>POINT (4.708328380161382 51.79580576920736)</t>
  </si>
  <si>
    <t>POINT (4.6962745545641775 51.79295745291956)</t>
  </si>
  <si>
    <t>POINT (4.6584136101968125 51.804193909392275)</t>
  </si>
  <si>
    <t>POINT (4.757268992920095 51.789607931549504)</t>
  </si>
  <si>
    <t>POINT (4.669607484032836 51.8059593179677)</t>
  </si>
  <si>
    <t>POINT (4.677227473704517 51.80396561843156)</t>
  </si>
  <si>
    <t>POINT (4.684741697858407 51.800215502634344)</t>
  </si>
  <si>
    <t>POINT (4.6663890334990015 51.81345530655187)</t>
  </si>
  <si>
    <t>POINT (4.669943549000825 51.79662948834979)</t>
  </si>
  <si>
    <t>POINT (4.659738212467396 51.79015020194588)</t>
  </si>
  <si>
    <t>POINT (4.674729620264449 51.783870893044515)</t>
  </si>
  <si>
    <t>POINT (4.682414436956144 51.77481122647574)</t>
  </si>
  <si>
    <t>POINT (4.652408554733486 51.78197771257555)</t>
  </si>
  <si>
    <t>POINT (4.6852856336284905 51.8038063533413)</t>
  </si>
  <si>
    <t>POINT (4.721363163534859 51.80583706572943)</t>
  </si>
  <si>
    <t>POINT (4.678571470113102 51.78627880357376)</t>
  </si>
  <si>
    <t>POINT (4.672582214538054 51.811468736113895)</t>
  </si>
  <si>
    <t>POINT (4.63110802629181 51.73262460782113)</t>
  </si>
  <si>
    <t>POINT (4.678290343260727 51.786286066694664)</t>
  </si>
  <si>
    <t>POINT (4.674690426095812 51.81110378846894)</t>
  </si>
  <si>
    <t>POINT (4.6800481409331285 51.81510898936358)</t>
  </si>
  <si>
    <t>POINT (4.6804426658228415 51.78087083413409)</t>
  </si>
  <si>
    <t>POINT (4.676163022776616 51.80867838100142)</t>
  </si>
  <si>
    <t>POINT (4.666150322331364 51.77877280895025)</t>
  </si>
  <si>
    <t>POINT (4.683985471647888 51.781359144466464)</t>
  </si>
  <si>
    <t>POINT (4.657635404840389 51.80651538312853)</t>
  </si>
  <si>
    <t>POINT (4.67521813328293 51.81165928235319)</t>
  </si>
  <si>
    <t>POINT (4.671994835162085 51.80760052101781)</t>
  </si>
  <si>
    <t>POINT (4.631813447032274 51.777873826398825)</t>
  </si>
  <si>
    <t>POINT (4.717485854032607 51.802352736072606)</t>
  </si>
  <si>
    <t>POINT (4.66368322543396 51.81259282979063)</t>
  </si>
  <si>
    <t>POINT (4.672333809577564 51.777421706070065)</t>
  </si>
  <si>
    <t>POINT (4.709635171220045 51.80395010668825)</t>
  </si>
  <si>
    <t>POINT (4.672776675829289 51.8178284070318)</t>
  </si>
  <si>
    <t>POINT (4.672131967341414 51.79954171701816)</t>
  </si>
  <si>
    <t>POINT (4.725813941742525 51.814425095514814)</t>
  </si>
  <si>
    <t>POINT (4.6694233808866095 51.81076440334913)</t>
  </si>
  <si>
    <t>POINT (4.7213678990789365 51.80094790889856)</t>
  </si>
  <si>
    <t>POINT (4.694529675349398 51.79235380322235)</t>
  </si>
  <si>
    <t>POINT (4.707355322148924 51.80229800023815)</t>
  </si>
  <si>
    <t>POINT (4.675439057379918 51.779084418991985)</t>
  </si>
  <si>
    <t>POINT (4.637838574713813 51.77678583685022)</t>
  </si>
  <si>
    <t>POINT (4.667757077975416 51.816900602037606)</t>
  </si>
  <si>
    <t>POINT (4.678914285899153 51.80784547328548)</t>
  </si>
  <si>
    <t>POINT (4.667381674582168 51.813266569825636)</t>
  </si>
  <si>
    <t>POINT (4.654098484961811 51.78265945667735)</t>
  </si>
  <si>
    <t>POINT (4.712096839651324 51.80101696182271)</t>
  </si>
  <si>
    <t>POINT (4.659788486534098 51.804139690785135)</t>
  </si>
  <si>
    <t>POINT (4.720858816175958 51.80040901691818)</t>
  </si>
  <si>
    <t>POINT (4.659231988802068 51.81330751536389)</t>
  </si>
  <si>
    <t>POINT (4.667294793918909 51.78954614402812)</t>
  </si>
  <si>
    <t>POINT (4.715310894202162 51.80318915393971)</t>
  </si>
  <si>
    <t>POINT (4.75755844486559 51.78856004485116)</t>
  </si>
  <si>
    <t>POINT (4.73233818252368 51.7949873140415)</t>
  </si>
  <si>
    <t>POINT (4.66210844491561 51.79030232250642)</t>
  </si>
  <si>
    <t>POINT (4.699976576141132 51.8042435136905)</t>
  </si>
  <si>
    <t>POINT (4.685450317213392 51.78466097908223)</t>
  </si>
  <si>
    <t>POINT (4.671670445891874 51.77959236235917)</t>
  </si>
  <si>
    <t>POINT (4.725439048513043 51.80416376002512)</t>
  </si>
  <si>
    <t>POINT (4.656544366777409 51.78683969328117)</t>
  </si>
  <si>
    <t>POINT (4.678851699359805 51.81302111337421)</t>
  </si>
  <si>
    <t>POINT (4.6767716415931675 51.78384183146949)</t>
  </si>
  <si>
    <t>POINT (4.660040854387052 51.79711445848221)</t>
  </si>
  <si>
    <t>POINT (4.710909817184559 51.7923810138893)</t>
  </si>
  <si>
    <t>POINT (4.673980693029512 51.81181002266161)</t>
  </si>
  <si>
    <t>POINT (4.67925482055182 51.78571621939464)</t>
  </si>
  <si>
    <t>POINT (4.666067239850242 51.8137348729369)</t>
  </si>
  <si>
    <t>POINT (4.662388681104739 51.80039144295712)</t>
  </si>
  <si>
    <t>POINT (4.664189406731322 51.80168162623726)</t>
  </si>
  <si>
    <t>POINT (4.669067024519077 51.80039863952301)</t>
  </si>
  <si>
    <t>POINT (4.66715671701698 51.78837657652184)</t>
  </si>
  <si>
    <t>POINT (4.661745897802694 51.788116751156544)</t>
  </si>
  <si>
    <t>POINT (4.666706173425497 51.79911918723459)</t>
  </si>
  <si>
    <t>POINT (4.672862541253323 51.78499821747692)</t>
  </si>
  <si>
    <t>POINT (4.663376580334141 51.799085605721075)</t>
  </si>
  <si>
    <t>POINT (4.717498216688554 51.81204022592051)</t>
  </si>
  <si>
    <t>POINT (4.6864095451710694 51.775771321121645)</t>
  </si>
  <si>
    <t>POINT (4.708433444359008 51.80680836572356)</t>
  </si>
  <si>
    <t>POINT (4.66240578221778 51.78709539839894)</t>
  </si>
  <si>
    <t>POINT (4.678566584105644 51.778485526626326)</t>
  </si>
  <si>
    <t>POINT (4.678455717682417 51.81289869685711)</t>
  </si>
  <si>
    <t>POINT (4.683537264067926 51.782216306171215)</t>
  </si>
  <si>
    <t>POINT (4.672026946711925 51.80387809949189)</t>
  </si>
  <si>
    <t>POINT (4.70482484237252 51.79538098127094)</t>
  </si>
  <si>
    <t>POINT (4.663224238999967 51.78993893316684)</t>
  </si>
  <si>
    <t>POINT (4.6819285421023995 51.80281520334592)</t>
  </si>
  <si>
    <t>POINT (4.654670336316208 51.803919060043604)</t>
  </si>
  <si>
    <t>POINT (4.725896417158488 51.79718729586991)</t>
  </si>
  <si>
    <t>POINT (4.63081000462473 51.7224119267669)</t>
  </si>
  <si>
    <t>POINT (4.67293493756884 51.80270080951081)</t>
  </si>
  <si>
    <t>POINT (4.667492580319286 51.795632095210905)</t>
  </si>
  <si>
    <t>POINT (4.6647784092323485 51.791854236147465)</t>
  </si>
  <si>
    <t>POINT (4.661578449462705 51.812700974619396)</t>
  </si>
  <si>
    <t>POINT (4.6626045885064 51.800448066005686)</t>
  </si>
  <si>
    <t>POINT (4.663191956928531 51.788373854226215)</t>
  </si>
  <si>
    <t>POINT (4.6775443650836035 51.78093227340272)</t>
  </si>
  <si>
    <t>POINT (4.7082500100535984 51.796659238504056)</t>
  </si>
  <si>
    <t>POINT (4.710509772566588 51.79563193741259)</t>
  </si>
  <si>
    <t>POINT (4.693456351731544 51.80363245908815)</t>
  </si>
  <si>
    <t>POINT (4.679530781380588 51.81647761282135)</t>
  </si>
  <si>
    <t>POINT (4.683189141198972 51.79821257120446)</t>
  </si>
  <si>
    <t>POINT (4.658018499331196 51.80690865564235)</t>
  </si>
  <si>
    <t>POINT (4.724266780392651 51.80533265020497)</t>
  </si>
  <si>
    <t>POINT (4.656932903048614 51.79789973320295)</t>
  </si>
  <si>
    <t>POINT (4.65989464145348 51.813731386607486)</t>
  </si>
  <si>
    <t>POINT (4.661204488609563 51.80902655030771)</t>
  </si>
  <si>
    <t>POINT (4.65628220719741 51.80388388983471)</t>
  </si>
  <si>
    <t>POINT (4.685354063430016 51.803627843159376)</t>
  </si>
  <si>
    <t>POINT (4.727205919114093 51.803936159660076)</t>
  </si>
  <si>
    <t>POINT (4.7261169748422684 51.79708425255088)</t>
  </si>
  <si>
    <t>POINT (4.66907843212157 51.77721389242782)</t>
  </si>
  <si>
    <t>POINT (4.719884985959635 51.79968336585959)</t>
  </si>
  <si>
    <t>POINT (4.6683180841849765 51.79201883754323)</t>
  </si>
  <si>
    <t>POINT (4.6634939052357245 51.78593734179364)</t>
  </si>
  <si>
    <t>POINT (4.678485568731701 51.786313798953124)</t>
  </si>
  <si>
    <t>POINT (4.6645132814432415 51.8020926789062)</t>
  </si>
  <si>
    <t>POINT (4.711337326551652 51.79651240073746)</t>
  </si>
  <si>
    <t>POINT (4.683110184146838 51.79789806888766)</t>
  </si>
  <si>
    <t>POINT (4.665761901620337 51.80986557182153)</t>
  </si>
  <si>
    <t>POINT (4.660753012434255 51.77155995147619)</t>
  </si>
  <si>
    <t>POINT (4.701706087891886 51.794781323438635)</t>
  </si>
  <si>
    <t>POINT (4.655486583309956 51.790258662363065)</t>
  </si>
  <si>
    <t>POINT (4.681913089454811 51.78084225600138)</t>
  </si>
  <si>
    <t>POINT (4.6571464383407895 51.81015146736002)</t>
  </si>
  <si>
    <t>POINT (4.730130314127869 51.805204913588504)</t>
  </si>
  <si>
    <t>POINT (4.682903362770752 51.77823396009451)</t>
  </si>
  <si>
    <t>POINT (4.661186466559341 51.80076336890885)</t>
  </si>
  <si>
    <t>POINT (4.669163373853388 51.81025349620461)</t>
  </si>
  <si>
    <t>POINT (4.667205167139168 51.771294582455376)</t>
  </si>
  <si>
    <t>POINT (4.685954144776972 51.808354392299954)</t>
  </si>
  <si>
    <t>POINT (4.669025012643653 51.80890373636817)</t>
  </si>
  <si>
    <t>POINT (4.6543797859285405 51.79351084422295)</t>
  </si>
  <si>
    <t>POINT (4.671100514397103 51.81465931211203)</t>
  </si>
  <si>
    <t>POINT (4.664551343123468 51.79154829144144)</t>
  </si>
  <si>
    <t>POINT (4.666687315633629 51.78928659601619)</t>
  </si>
  <si>
    <t>POINT (4.639137264281224 51.783225181201544)</t>
  </si>
  <si>
    <t>POINT (4.673017703990797 51.81931000176822)</t>
  </si>
  <si>
    <t>POINT (4.685590990336281 51.774985462044114)</t>
  </si>
  <si>
    <t>POINT (4.695335525611617 51.799545495889895)</t>
  </si>
  <si>
    <t>POINT (4.716939720238583 51.795291737513644)</t>
  </si>
  <si>
    <t>POINT (4.7154063044658345 51.8031983383256)</t>
  </si>
  <si>
    <t>POINT (4.6775348419666125 51.81569210376902)</t>
  </si>
  <si>
    <t>POINT (4.659878596646557 51.80918306639675)</t>
  </si>
  <si>
    <t>POINT (4.684165463305295 51.779911542147566)</t>
  </si>
  <si>
    <t>POINT (4.67631562523958 51.77759588407429)</t>
  </si>
  <si>
    <t>POINT (4.657746322778828 51.79935202809356)</t>
  </si>
  <si>
    <t>POINT (4.688013394919287 51.80413272139961)</t>
  </si>
  <si>
    <t>POINT (4.667791694702464 51.81426795070994)</t>
  </si>
  <si>
    <t>POINT (4.688971567100987 51.80653304391882)</t>
  </si>
  <si>
    <t>POINT (4.685163269766233 51.7997454327231)</t>
  </si>
  <si>
    <t>POINT (4.643008040550836 51.79934144722241)</t>
  </si>
  <si>
    <t>POINT (4.710592165139465 51.81555410904224)</t>
  </si>
  <si>
    <t>POINT (4.695687868106047 51.796863403635214)</t>
  </si>
  <si>
    <t>POINT (4.66054381114269 51.80709346147495)</t>
  </si>
  <si>
    <t>POINT (4.683944997767037 51.786787722022694)</t>
  </si>
  <si>
    <t>POINT (4.661386750349422 51.804969959047654)</t>
  </si>
  <si>
    <t>POINT (4.673641922375145 51.79534152518502)</t>
  </si>
  <si>
    <t>POINT (4.71029232430819 51.793988913099426)</t>
  </si>
  <si>
    <t>POINT (4.677675648350429 51.80556585100316)</t>
  </si>
  <si>
    <t>POINT (4.680126175036637 51.80175186260749)</t>
  </si>
  <si>
    <t>POINT (4.674617805820088 51.785181620318845)</t>
  </si>
  <si>
    <t>POINT (4.675357239495082 51.81049417857885)</t>
  </si>
  <si>
    <t>POINT (4.674122842806788 51.819089730787105)</t>
  </si>
  <si>
    <t>POINT (4.654135032662249 51.79093689905752)</t>
  </si>
  <si>
    <t>POINT (4.661943147988172 51.816175942797756)</t>
  </si>
  <si>
    <t>POINT (4.656500142251956 51.78451579906177)</t>
  </si>
  <si>
    <t>POINT (4.703095926058849 51.81563122533601)</t>
  </si>
  <si>
    <t>POINT (4.680364294274977 51.785765084963714)</t>
  </si>
  <si>
    <t>POINT (4.672787794640148 51.78740506209376)</t>
  </si>
  <si>
    <t>POINT (4.668821751240201 51.79488976642613)</t>
  </si>
  <si>
    <t>POINT (4.659850137670706 51.81135806223725)</t>
  </si>
  <si>
    <t>POINT (4.706758697061535 51.788218160380126)</t>
  </si>
  <si>
    <t>POINT (4.68468986170805 51.79258244563387)</t>
  </si>
  <si>
    <t>POINT (4.692589385763131 51.79601779166642)</t>
  </si>
  <si>
    <t>POINT (4.651034842588325 51.793395430843205)</t>
  </si>
  <si>
    <t>POINT (4.684368689803846 51.803940979966015)</t>
  </si>
  <si>
    <t>POINT (4.734910173571142 51.7888921141506)</t>
  </si>
  <si>
    <t>POINT (4.651443727432822 51.79378625429928)</t>
  </si>
  <si>
    <t>POINT (4.697678656468073 51.79299210453986)</t>
  </si>
  <si>
    <t>POINT (4.659506008251618 51.78871866725319)</t>
  </si>
  <si>
    <t>POINT (4.691838154400391 51.81848944796255)</t>
  </si>
  <si>
    <t>POINT (4.666392189176774 51.81573689467463)</t>
  </si>
  <si>
    <t>POINT (4.711704721299114 51.806259726442974)</t>
  </si>
  <si>
    <t>POINT (4.658556430588497 51.81078194248271)</t>
  </si>
  <si>
    <t>POINT (4.671724505373179 51.79531056679183)</t>
  </si>
  <si>
    <t>POINT (4.675751866507656 51.808517921959016)</t>
  </si>
  <si>
    <t>POINT (4.662992508635654 51.78730714668766)</t>
  </si>
  <si>
    <t>POINT (4.666442740047052 51.77203636751096)</t>
  </si>
  <si>
    <t>POINT (4.676725448581347 51.78648930758515)</t>
  </si>
  <si>
    <t>POINT (4.658030567208802 51.81055970266071)</t>
  </si>
  <si>
    <t>POINT (4.66016148324135 51.81076192941974)</t>
  </si>
  <si>
    <t>POINT (4.677040052452182 51.79003392689379)</t>
  </si>
  <si>
    <t>POINT (4.666133599829107 51.80147009567452)</t>
  </si>
  <si>
    <t>POINT (4.652409775177694 51.78573854684337)</t>
  </si>
  <si>
    <t>POINT (4.671334158028214 51.813128114910405)</t>
  </si>
  <si>
    <t>POINT (4.672924878204398 51.795867773238854)</t>
  </si>
  <si>
    <t>POINT (4.671775933244037 51.785900065416946)</t>
  </si>
  <si>
    <t>POINT (4.734677850439229 51.801933511239916)</t>
  </si>
  <si>
    <t>POINT (4.70728650250955 51.78948055124392)</t>
  </si>
  <si>
    <t>POINT (4.680114847836452 51.78987984555687)</t>
  </si>
  <si>
    <t>POINT (4.654407266561528 51.791844149590666)</t>
  </si>
  <si>
    <t>POINT (4.7125201027217285 51.80405103471088)</t>
  </si>
  <si>
    <t>POINT (4.7217359211863235 51.797370025252505)</t>
  </si>
  <si>
    <t>POINT (4.674332463017703 51.81716961396524)</t>
  </si>
  <si>
    <t>POINT (4.663422236251886 51.81104170649276)</t>
  </si>
  <si>
    <t>POINT (4.664042511567156 51.8135366086013)</t>
  </si>
  <si>
    <t>POINT (4.6661724930292605 51.79968666374503)</t>
  </si>
  <si>
    <t>POINT (4.719861389201531 51.80396778662572)</t>
  </si>
  <si>
    <t>POINT (4.721498891422728 51.81334904614432)</t>
  </si>
  <si>
    <t>POINT (4.716996113591157 51.80469876298066)</t>
  </si>
  <si>
    <t>POINT (4.659956884445218 51.80931804934018)</t>
  </si>
  <si>
    <t>POINT (4.653688351204174 51.78555614997724)</t>
  </si>
  <si>
    <t>POINT (4.66936810561733 51.77629230911998)</t>
  </si>
  <si>
    <t>POINT (4.656958511785358 51.80060528470336)</t>
  </si>
  <si>
    <t>POINT (4.712986574746834 51.80528315630842)</t>
  </si>
  <si>
    <t>POINT (4.660100398174314 51.815509184659874)</t>
  </si>
  <si>
    <t>POINT (4.6610166987149535 51.80126100211489)</t>
  </si>
  <si>
    <t>POINT (4.679223479570457 51.782072695441556)</t>
  </si>
  <si>
    <t>POINT (4.67696535253888 51.77384382587199)</t>
  </si>
  <si>
    <t>POINT (4.664291727379722 51.8155681920768)</t>
  </si>
  <si>
    <t>POINT (4.675181029090989 51.80543297040401)</t>
  </si>
  <si>
    <t>POINT (4.6754143631417895 51.78337970978677)</t>
  </si>
  <si>
    <t>POINT (4.683362510792799 51.802094185133775)</t>
  </si>
  <si>
    <t>POINT (4.660334375992792 51.772732309804596)</t>
  </si>
  <si>
    <t>POINT (4.732217759531951 51.80448968218337)</t>
  </si>
  <si>
    <t>POINT (4.712865896387461 51.81627353175724)</t>
  </si>
  <si>
    <t>POINT (4.666731432145286 51.81271736233115)</t>
  </si>
  <si>
    <t>POINT (4.685876405495033 51.78679455700124)</t>
  </si>
  <si>
    <t>POINT (4.705348462682558 51.7988084812955)</t>
  </si>
  <si>
    <t>POINT (4.677564472862209 51.781328041748445)</t>
  </si>
  <si>
    <t>POINT (4.661841782753063 51.815602899285295)</t>
  </si>
  <si>
    <t>POINT (4.697796830565262 51.79020301117298)</t>
  </si>
  <si>
    <t>POINT (4.680144291364887 51.80869071622892)</t>
  </si>
  <si>
    <t>POINT (4.715726357440082 51.81335995201841)</t>
  </si>
  <si>
    <t>POINT (4.697155039578589 51.79776490445227)</t>
  </si>
  <si>
    <t>POINT (4.6854256540312536 51.78772369167739)</t>
  </si>
  <si>
    <t>POINT (4.6873251805994585 51.80542093740065)</t>
  </si>
  <si>
    <t>POINT (4.661291101283116 51.799830054885476)</t>
  </si>
  <si>
    <t>POINT (4.711637244030281 51.80107154728068)</t>
  </si>
  <si>
    <t>POINT (4.67709222469008 51.77560454728822)</t>
  </si>
  <si>
    <t>POINT (4.651157519663791 51.8012913329202)</t>
  </si>
  <si>
    <t>POINT (4.673465238914113 51.79513735996506)</t>
  </si>
  <si>
    <t>POINT (4.668632900983271 51.80821118499801)</t>
  </si>
  <si>
    <t>POINT (4.672947268321984 51.81348397191137)</t>
  </si>
  <si>
    <t>POINT (4.652172861852286 51.788076088608626)</t>
  </si>
  <si>
    <t>POINT (4.710569729812689 51.79602138431352)</t>
  </si>
  <si>
    <t>POINT (4.65279806916124 51.79446778788774)</t>
  </si>
  <si>
    <t>POINT (4.68611477703699 51.808273528289234)</t>
  </si>
  <si>
    <t>POINT (4.710470661004654 51.79202289895313)</t>
  </si>
  <si>
    <t>POINT (4.711260011035883 51.795412795147314)</t>
  </si>
  <si>
    <t>POINT (4.683334100762442 51.79798671947824)</t>
  </si>
  <si>
    <t>POINT (4.660569343718136 51.81308990012971)</t>
  </si>
  <si>
    <t>POINT (4.639287555120316 51.77778808967368)</t>
  </si>
  <si>
    <t>POINT (4.6789463253699335 51.78843394059727)</t>
  </si>
  <si>
    <t>POINT (4.6668461687520635 51.81191064067958)</t>
  </si>
  <si>
    <t>POINT (4.6572934605779 51.8015772224802)</t>
  </si>
  <si>
    <t>POINT (4.662580090790697 51.813027124914214)</t>
  </si>
  <si>
    <t>POINT (4.692552955791479 51.818968605196154)</t>
  </si>
  <si>
    <t>POINT (4.655870243359535 51.8072723978652)</t>
  </si>
  <si>
    <t>POINT (4.675102652441617 51.81418359813752)</t>
  </si>
  <si>
    <t>POINT (4.636554361083433 51.76726928413304)</t>
  </si>
  <si>
    <t>POINT (4.650613911340197 51.793357508019724)</t>
  </si>
  <si>
    <t>POINT (4.675924354793568 51.81739086579241)</t>
  </si>
  <si>
    <t>POINT (4.656326775955986 51.8026136151577)</t>
  </si>
  <si>
    <t>POINT (4.682037749980412 51.775552094376685)</t>
  </si>
  <si>
    <t>POINT (4.716257821804804 51.80543376100426)</t>
  </si>
  <si>
    <t>POINT (4.6385635750960965 51.77399210995684)</t>
  </si>
  <si>
    <t>POINT (4.670310244235898 51.81703034597334)</t>
  </si>
  <si>
    <t>POINT (4.721196592886967 51.81336987445519)</t>
  </si>
  <si>
    <t>POINT (4.666440870515913 51.77758943281823)</t>
  </si>
  <si>
    <t>POINT (4.683885940725164 51.803473489821684)</t>
  </si>
  <si>
    <t>POINT (4.699959882881394 51.795578883252695)</t>
  </si>
  <si>
    <t>POINT (4.6713213170113415 51.81772329700252)</t>
  </si>
  <si>
    <t>POINT (4.659063506051365 51.79878896019238)</t>
  </si>
  <si>
    <t>POINT (4.669372959369488 51.813224592321205)</t>
  </si>
  <si>
    <t>POINT (4.673929811193872 51.77501518572806)</t>
  </si>
  <si>
    <t>POINT (4.653682698229909 51.791487263883745)</t>
  </si>
  <si>
    <t>POINT (4.714290227362891 51.81608276161356)</t>
  </si>
  <si>
    <t>POINT (4.6759869884705685 51.81516939085367)</t>
  </si>
  <si>
    <t>POINT (4.684859776237336 51.806546581088256)</t>
  </si>
  <si>
    <t>POINT (4.676473748876291 51.7893805967834)</t>
  </si>
  <si>
    <t>POINT (4.666548990611189 51.7779720456379)</t>
  </si>
  <si>
    <t>POINT (4.6629791609678115 51.7872519994592)</t>
  </si>
  <si>
    <t>POINT (4.726476433333863 51.79814747684732)</t>
  </si>
  <si>
    <t>POINT (4.660548825291368 51.78938721277334)</t>
  </si>
  <si>
    <t>POINT (4.6614539635596595 51.78723796204718)</t>
  </si>
  <si>
    <t>POINT (4.670423371731477 51.81829901464789)</t>
  </si>
  <si>
    <t>POINT (4.653492081108685 51.78196445043359)</t>
  </si>
  <si>
    <t>POINT (4.684451940611377 51.78592780983715)</t>
  </si>
  <si>
    <t>POINT (4.730559260706065 51.80151285050014)</t>
  </si>
  <si>
    <t>POINT (4.662260315413901 51.79430850138463)</t>
  </si>
  <si>
    <t>POINT (4.67179567281402 51.810361590519015)</t>
  </si>
  <si>
    <t>POINT (4.663424944100147 51.790664535356726)</t>
  </si>
  <si>
    <t>POINT (4.682928412049807 51.775870109029746)</t>
  </si>
  <si>
    <t>POINT (4.709305886902559 51.804022208355796)</t>
  </si>
  <si>
    <t>POINT (4.719306957839727 51.800622671511555)</t>
  </si>
  <si>
    <t>POINT (4.698162144568937 51.790487365873105)</t>
  </si>
  <si>
    <t>POINT (4.683108069603066 51.80518800726385)</t>
  </si>
  <si>
    <t>POINT (4.680351978751641 51.80801299918852)</t>
  </si>
  <si>
    <t>POINT (4.6779792914197404 51.778527351877756)</t>
  </si>
  <si>
    <t>POINT (4.633576437124954 51.7786913140747)</t>
  </si>
  <si>
    <t>POINT (4.665679489306041 51.78115961676073)</t>
  </si>
  <si>
    <t>POINT (4.6552370318828 51.80608004541436)</t>
  </si>
  <si>
    <t>POINT (4.68321712932859 51.79816744518723)</t>
  </si>
  <si>
    <t>POINT (4.6619599777340115 51.80569801882434)</t>
  </si>
  <si>
    <t>POINT (4.729206187049958 51.80274882163802)</t>
  </si>
  <si>
    <t>POINT (4.676833470395174 51.81738547779026)</t>
  </si>
  <si>
    <t>POINT (4.682568370878755 51.8107749381006)</t>
  </si>
  <si>
    <t>POINT (4.679326791973257 51.78641474276267)</t>
  </si>
  <si>
    <t>POINT (4.667654831385172 51.79936569920375)</t>
  </si>
  <si>
    <t>POINT (4.693404896338874 51.78974573438144)</t>
  </si>
  <si>
    <t>POINT (4.6951719860095995 51.8107422563622)</t>
  </si>
  <si>
    <t>POINT (4.685138757306289 51.80644396404227)</t>
  </si>
  <si>
    <t>POINT (4.698788943160848 51.7911464189313)</t>
  </si>
  <si>
    <t>POINT (4.657613900286532 51.78801259068838)</t>
  </si>
  <si>
    <t>POINT (4.683067999009058 51.80505112101712)</t>
  </si>
  <si>
    <t>POINT (4.673437446475688 51.81796012952444)</t>
  </si>
  <si>
    <t>POINT (4.67304131712765 51.781685863308965)</t>
  </si>
  <si>
    <t>POINT (4.721232654771572 51.81122305400539)</t>
  </si>
  <si>
    <t>POINT (4.696731177724672 51.78387968846037)</t>
  </si>
  <si>
    <t>POINT (4.673388535324645 51.81640520602664)</t>
  </si>
  <si>
    <t>POINT (4.685450771973299 51.78490105177183)</t>
  </si>
  <si>
    <t>POINT (4.680331816544308 51.81630934560531)</t>
  </si>
  <si>
    <t>POINT (4.681200166439406 51.7779960995584)</t>
  </si>
  <si>
    <t>POINT (4.7079255311475805 51.79541640368684)</t>
  </si>
  <si>
    <t>POINT (4.672128024418652 51.81524875343635)</t>
  </si>
  <si>
    <t>POINT (4.707949373272149 51.811982558194885)</t>
  </si>
  <si>
    <t>POINT (4.727487372390152 51.793488264808374)</t>
  </si>
  <si>
    <t>POINT (4.656063075220881 51.809913551253935)</t>
  </si>
  <si>
    <t>POINT (4.7274639069732 51.79818121295506)</t>
  </si>
  <si>
    <t>POINT (4.6607971041616585 51.81113908492758)</t>
  </si>
  <si>
    <t>POINT (4.642950704378939 51.80028138371028)</t>
  </si>
  <si>
    <t>POINT (4.6773155045270585 51.77979873446485)</t>
  </si>
  <si>
    <t>POINT (4.68843497581514 51.80759838640082)</t>
  </si>
  <si>
    <t>POINT (4.661658011162516 51.816172769117884)</t>
  </si>
  <si>
    <t>POINT (4.66311264035558 51.816554531487796)</t>
  </si>
  <si>
    <t>POINT (4.668572066822242 51.80238838324194)</t>
  </si>
  <si>
    <t>POINT (4.68579828197203 51.78633046230234)</t>
  </si>
  <si>
    <t>POINT (4.669319440839861 51.77023179162295)</t>
  </si>
  <si>
    <t>POINT (4.675978264120173 51.784765448496316)</t>
  </si>
  <si>
    <t>POINT (4.668709661330606 51.81238841545076)</t>
  </si>
  <si>
    <t>POINT (4.665018041165533 51.813971411901605)</t>
  </si>
  <si>
    <t>POINT (4.701905574358223 51.81708451288916)</t>
  </si>
  <si>
    <t>POINT (4.679285693668085 51.78510545304752)</t>
  </si>
  <si>
    <t>POINT (4.673265085585276 51.79595272870434)</t>
  </si>
  <si>
    <t>POINT (4.670135109418245 51.81448786388635)</t>
  </si>
  <si>
    <t>POINT (4.687071105215279 51.81098407993018)</t>
  </si>
  <si>
    <t>POINT (4.712109444966359 51.80066687237692)</t>
  </si>
  <si>
    <t>POINT (4.652854127783846 51.78809636426476)</t>
  </si>
  <si>
    <t>POINT (4.661761566805775 51.78817528364612)</t>
  </si>
  <si>
    <t>POINT (4.668281766757639 51.815180634762314)</t>
  </si>
  <si>
    <t>POINT (4.636314756433591 51.77533607643442)</t>
  </si>
  <si>
    <t>POINT (4.653228448972641 51.800278659244235)</t>
  </si>
  <si>
    <t>POINT (4.6614315841479534 51.80100131503605)</t>
  </si>
  <si>
    <t>POINT (4.721008437182061 51.79488568526864)</t>
  </si>
  <si>
    <t>POINT (4.67761849810505 51.79078166391621)</t>
  </si>
  <si>
    <t>POINT (4.632160073150037 51.72203419571293)</t>
  </si>
  <si>
    <t>POINT (4.683706106874716 51.78150082100386)</t>
  </si>
  <si>
    <t>POINT (4.665209741072308 51.78737198694415)</t>
  </si>
  <si>
    <t>POINT (4.653583333886819 51.78726400557276)</t>
  </si>
  <si>
    <t>POINT (4.730067442417029 51.79906263434287)</t>
  </si>
  <si>
    <t>POINT (4.683795724882121 51.813085116378794)</t>
  </si>
  <si>
    <t>POINT (4.665795283820767 51.77545906609744)</t>
  </si>
  <si>
    <t>POINT (4.668528977315774 51.790602953437684)</t>
  </si>
  <si>
    <t>POINT (4.683855616377108 51.7825479568193)</t>
  </si>
  <si>
    <t>POINT (4.6737626313384535 51.78823368553574)</t>
  </si>
  <si>
    <t>POINT (4.6677322598096165 51.81009429608744)</t>
  </si>
  <si>
    <t>POINT (4.669878935253511 51.79985743544402)</t>
  </si>
  <si>
    <t>POINT (4.700845285380073 51.799515897453816)</t>
  </si>
  <si>
    <t>POINT (4.666155912587542 51.79594285164993)</t>
  </si>
  <si>
    <t>POINT (4.680415276394525 51.80259349749082)</t>
  </si>
  <si>
    <t>POINT (4.668344471466072 51.796281043403106)</t>
  </si>
  <si>
    <t>POINT (4.724105998926804 51.796758229754474)</t>
  </si>
  <si>
    <t>POINT (4.664960160261579 51.80256943113516)</t>
  </si>
  <si>
    <t>POINT (4.659097623290958 51.8111301346184)</t>
  </si>
  <si>
    <t>POINT (4.668150885361434 51.79188489697268)</t>
  </si>
  <si>
    <t>POINT (4.6622963636110715 51.798458977191395)</t>
  </si>
  <si>
    <t>POINT (4.6973864740162234 51.79287143979022)</t>
  </si>
  <si>
    <t>POINT (4.685957028998765 51.787698456108586)</t>
  </si>
  <si>
    <t>POINT (4.681111710404956 51.812578252746995)</t>
  </si>
  <si>
    <t>POINT (4.668563140075061 51.817846807348154)</t>
  </si>
  <si>
    <t>POINT (4.733927244418924 51.8002867243238)</t>
  </si>
  <si>
    <t>POINT (4.673964643195482 51.817045888356915)</t>
  </si>
  <si>
    <t>POINT (4.708535773465211 51.807068307105574)</t>
  </si>
  <si>
    <t>POINT (4.697705947355941 51.79699928854765)</t>
  </si>
  <si>
    <t>POINT (4.652335522400328 51.78519061479377)</t>
  </si>
  <si>
    <t>POINT (4.678640849284782 51.78966590180401)</t>
  </si>
  <si>
    <t>POINT (4.667857673766055 51.80029976236012)</t>
  </si>
  <si>
    <t>POINT (4.7086928999490025 51.80647250424219)</t>
  </si>
  <si>
    <t>POINT (4.684273803059492 51.80304643410657)</t>
  </si>
  <si>
    <t>POINT (4.658278787411535 51.80904007108154)</t>
  </si>
  <si>
    <t>POINT (4.669513416735738 51.78070423756026)</t>
  </si>
  <si>
    <t>POINT (4.671081337786652 51.80588640823547)</t>
  </si>
  <si>
    <t>POINT (4.6760542017242654 51.80819990159549)</t>
  </si>
  <si>
    <t>POINT (4.66598817420272 51.81265422659265)</t>
  </si>
  <si>
    <t>POINT (4.63219106640614 51.721809360832104)</t>
  </si>
  <si>
    <t>POINT (4.684506351500914 51.803045355133385)</t>
  </si>
  <si>
    <t>POINT (4.723864545165923 51.79831550531067)</t>
  </si>
  <si>
    <t>POINT (4.677680737022875 51.79556130843609)</t>
  </si>
  <si>
    <t>POINT (4.651217691045803 51.79051413153712)</t>
  </si>
  <si>
    <t>POINT (4.679293248211306 51.78514494103726)</t>
  </si>
  <si>
    <t>POINT (4.699481786105674 51.79006060584441)</t>
  </si>
  <si>
    <t>POINT (4.65412061218312 51.79231938053338)</t>
  </si>
  <si>
    <t>POINT (4.660495676582492 51.81536680738093)</t>
  </si>
  <si>
    <t>POINT (4.660865046638633 51.79356207863065)</t>
  </si>
  <si>
    <t>POINT (4.72723144288576 51.80129439827527)</t>
  </si>
  <si>
    <t>POINT (4.667810721104711 51.81628015513799)</t>
  </si>
  <si>
    <t>POINT (4.705284133792855 51.80896981835751)</t>
  </si>
  <si>
    <t>POINT (4.675961006461071 51.80755460604726)</t>
  </si>
  <si>
    <t>POINT (4.7135452529181485 51.81480756646783)</t>
  </si>
  <si>
    <t>POINT (4.717474205553286 51.80319279346902)</t>
  </si>
  <si>
    <t>POINT (4.665933919425847 51.77279446708517)</t>
  </si>
  <si>
    <t>POINT (4.673478439601115 51.80591248271854)</t>
  </si>
  <si>
    <t>POINT (4.7093564714825265 51.79437967602035)</t>
  </si>
  <si>
    <t>POINT (4.664591523981909 51.797075483267704)</t>
  </si>
  <si>
    <t>POINT (4.6602628645763655 51.8155394133326)</t>
  </si>
  <si>
    <t>POINT (4.673329121833358 51.811624930046435)</t>
  </si>
  <si>
    <t>POINT (4.676184038926422 51.804682448433745)</t>
  </si>
  <si>
    <t>POINT (4.6680600472626494 51.80410599543111)</t>
  </si>
  <si>
    <t>POINT (4.664891247959997 51.81704890274325)</t>
  </si>
  <si>
    <t>POINT (4.660352547083683 51.79115920798634)</t>
  </si>
  <si>
    <t>POINT (4.7042326451652645 51.79837258508465)</t>
  </si>
  <si>
    <t>POINT (4.68450243015442 51.78015262477148)</t>
  </si>
  <si>
    <t>POINT (4.66258777164325 51.80900857471902)</t>
  </si>
  <si>
    <t>POINT (4.6858646953419685 51.791750228464764)</t>
  </si>
  <si>
    <t>POINT (4.6564746251500315 51.799150291352724)</t>
  </si>
  <si>
    <t>POINT (4.685572421662855 51.8073161036873)</t>
  </si>
  <si>
    <t>POINT (4.662221362838964 51.77410070252271)</t>
  </si>
  <si>
    <t>POINT (4.651606594090667 51.78158913716556)</t>
  </si>
  <si>
    <t>POINT (4.704765340555545 51.79854740410152)</t>
  </si>
  <si>
    <t>POINT (4.714532620107332 51.816066875015835)</t>
  </si>
  <si>
    <t>POINT (4.7220172229413455 51.80015174618438)</t>
  </si>
  <si>
    <t>POINT (4.6777091771783725 51.79041027827612)</t>
  </si>
  <si>
    <t>POINT (4.709907072982989 51.791767981968526)</t>
  </si>
  <si>
    <t>POINT (4.634827729792737 51.7798530522632)</t>
  </si>
  <si>
    <t>POINT (4.681179141667809 51.80939271507391)</t>
  </si>
  <si>
    <t>POINT (4.669095253293564 51.79099042737866)</t>
  </si>
  <si>
    <t>POINT (4.659036781066913 51.788110150221854)</t>
  </si>
  <si>
    <t>POINT (4.694074244619338 51.81008359663435)</t>
  </si>
  <si>
    <t>POINT (4.668606378153452 51.81231934326236)</t>
  </si>
  <si>
    <t>POINT (4.694770997251784 51.7931912375559)</t>
  </si>
  <si>
    <t>POINT (4.684230939130935 51.81269765217889)</t>
  </si>
  <si>
    <t>POINT (4.686490744675841 51.77648267755041)</t>
  </si>
  <si>
    <t>POINT (4.7261350842283605 51.79249427430535)</t>
  </si>
  <si>
    <t>POINT (4.665540131606886 51.80915563933994)</t>
  </si>
  <si>
    <t>POINT (4.733385321410383 51.79484058096619)</t>
  </si>
  <si>
    <t>POINT (4.66031331076441 51.79337032109874)</t>
  </si>
  <si>
    <t>POINT (4.696398787467344 51.790784588035244)</t>
  </si>
  <si>
    <t>POINT (4.682130555867961 51.803893539336265)</t>
  </si>
  <si>
    <t>POINT (4.6614169745170955 51.8160175812859)</t>
  </si>
  <si>
    <t>POINT (4.674410757948948 51.80492176376147)</t>
  </si>
  <si>
    <t>POINT (4.701316292193024 51.796255874312855)</t>
  </si>
  <si>
    <t>POINT (4.681027917511377 51.798464686128575)</t>
  </si>
  <si>
    <t>POINT (4.674216871727542 51.819055821530746)</t>
  </si>
  <si>
    <t>POINT (4.638904381565513 51.76894495655766)</t>
  </si>
  <si>
    <t>POINT (4.692491315123309 51.818614689773085)</t>
  </si>
  <si>
    <t>POINT (4.677948744653353 51.80855575092681)</t>
  </si>
  <si>
    <t>POINT (4.667645076570897 51.79505270245139)</t>
  </si>
  <si>
    <t>POINT (4.719384508432898 51.81650724305264)</t>
  </si>
  <si>
    <t>POINT (4.652399102401101 51.785548449491024)</t>
  </si>
  <si>
    <t>POINT (4.674364443561375 51.81636795617647)</t>
  </si>
  <si>
    <t>POINT (4.67678744450548 51.78643545424934)</t>
  </si>
  <si>
    <t>POINT (4.666599527203254 51.775246222560774)</t>
  </si>
  <si>
    <t>POINT (4.7074685723669525 51.80208237133378)</t>
  </si>
  <si>
    <t>POINT (4.707284149314257 51.80701405093603)</t>
  </si>
  <si>
    <t>POINT (4.663831912982199 51.78843817036799)</t>
  </si>
  <si>
    <t>POINT (4.695266224470941 51.8178558744138)</t>
  </si>
  <si>
    <t>POINT (4.672272681691964 51.77347768897703)</t>
  </si>
  <si>
    <t>POINT (4.699673454651365 51.79640881869234)</t>
  </si>
  <si>
    <t>POINT (4.669991459842976 51.81762571337422)</t>
  </si>
  <si>
    <t>POINT (4.673051165613056 51.80492799554879)</t>
  </si>
  <si>
    <t>POINT (4.681759893574691 51.77741620851808)</t>
  </si>
  <si>
    <t>POINT (4.709277443098643 51.79429647875561)</t>
  </si>
  <si>
    <t>POINT (4.663237815500101 51.81143406644019)</t>
  </si>
  <si>
    <t>POINT (4.711263875748146 51.81522331472726)</t>
  </si>
  <si>
    <t>POINT (4.671854277520673 51.80864016669268)</t>
  </si>
  <si>
    <t>POINT (4.684038070284336 51.774917115199706)</t>
  </si>
  <si>
    <t>POINT (4.66204912833549 51.81487270890578)</t>
  </si>
  <si>
    <t>POINT (4.676169434466734 51.77726812360769)</t>
  </si>
  <si>
    <t>POINT (4.667967544271326 51.813345702805755)</t>
  </si>
  <si>
    <t>POINT (4.636264729308437 51.76796605349069)</t>
  </si>
  <si>
    <t>POINT (4.721322486403262 51.81125084426943)</t>
  </si>
  <si>
    <t>POINT (4.665580000340538 51.80145987876061)</t>
  </si>
  <si>
    <t>POINT (4.699225891417683 51.79671352662825)</t>
  </si>
  <si>
    <t>POINT (4.726758660294029 51.80376142979305)</t>
  </si>
  <si>
    <t>POINT (4.659080507264698 51.80954010945269)</t>
  </si>
  <si>
    <t>POINT (4.683225402056492 51.79795878667518)</t>
  </si>
  <si>
    <t>POINT (4.6744781740022265 51.797161640370625)</t>
  </si>
  <si>
    <t>POINT (4.658561773134069 51.81079502722942)</t>
  </si>
  <si>
    <t>POINT (4.683096502232354 51.81360839597801)</t>
  </si>
  <si>
    <t>POINT (4.661042632262541 51.8126460472494)</t>
  </si>
  <si>
    <t>POINT (4.690201552173515 51.80659298499594)</t>
  </si>
  <si>
    <t>POINT (4.636955360491736 51.77681251397526)</t>
  </si>
  <si>
    <t>POINT (4.716579573223599 51.81275247988858)</t>
  </si>
  <si>
    <t>POINT (4.717392335318147 51.802329523902365)</t>
  </si>
  <si>
    <t>POINT (4.680078102002445 51.80167673316198)</t>
  </si>
  <si>
    <t>POINT (4.6824948287094434 51.81129583015849)</t>
  </si>
  <si>
    <t>POINT (4.6844303680453985 51.78262298771707)</t>
  </si>
  <si>
    <t>POINT (4.718486070115355 51.8011936019439)</t>
  </si>
  <si>
    <t>POINT (4.708398508889276 51.80777964787097)</t>
  </si>
  <si>
    <t>POINT (4.676560750036396 51.8136730624169)</t>
  </si>
  <si>
    <t>POINT (4.717802483226136 51.800722707764805)</t>
  </si>
  <si>
    <t>POINT (4.6700401675038385 51.793783953004755)</t>
  </si>
  <si>
    <t>POINT (4.664982104797742 51.788768895613174)</t>
  </si>
  <si>
    <t>POINT (4.672044675833974 51.78710840127708)</t>
  </si>
  <si>
    <t>POINT (4.662117243928473 51.805057602789034)</t>
  </si>
  <si>
    <t>POINT (4.679673884483926 51.789252904258795)</t>
  </si>
  <si>
    <t>POINT (4.6716544015330905 51.79909288565275)</t>
  </si>
  <si>
    <t>POINT (4.679956336899074 51.80483355064905)</t>
  </si>
  <si>
    <t>POINT (4.658122335286383 51.79150694850528)</t>
  </si>
  <si>
    <t>POINT (4.653307895582207 51.794014306906526)</t>
  </si>
  <si>
    <t>POINT (4.693515277591574 51.818548100158175)</t>
  </si>
  <si>
    <t>POINT (4.652355366997722 51.7922008494566)</t>
  </si>
  <si>
    <t>POINT (4.686743287255343 51.80450222992821)</t>
  </si>
  <si>
    <t>POINT (4.628169457667306 51.72349492978102)</t>
  </si>
  <si>
    <t>POINT (4.690974809929064 51.818770788928006)</t>
  </si>
  <si>
    <t>POINT (4.715227359209409 51.81496806626521)</t>
  </si>
  <si>
    <t>POINT (4.674623663223035 51.78815576453559)</t>
  </si>
  <si>
    <t>POINT (4.665995949585457 51.81372291135486)</t>
  </si>
  <si>
    <t>POINT (4.6745716459057585 51.77589744609684)</t>
  </si>
  <si>
    <t>POINT (4.71052347740493 51.799665020454775)</t>
  </si>
  <si>
    <t>POINT (4.672759381546268 51.81575421142104)</t>
  </si>
  <si>
    <t>POINT (4.670476011834084 51.811036470559394)</t>
  </si>
  <si>
    <t>POINT (4.673495798602175 51.8180386498377)</t>
  </si>
  <si>
    <t>POINT (4.6810474781272875 51.779901054644064)</t>
  </si>
  <si>
    <t>POINT (4.668600377565892 51.77501411368979)</t>
  </si>
  <si>
    <t>POINT (4.666349670536878 51.80909826063286)</t>
  </si>
  <si>
    <t>POINT (4.652235783266862 51.801786987699785)</t>
  </si>
  <si>
    <t>POINT (4.714941791400543 51.81068950186595)</t>
  </si>
  <si>
    <t>POINT (4.683814230138111 51.78507563493699)</t>
  </si>
  <si>
    <t>POINT (4.734089071344858 51.79570607100658)</t>
  </si>
  <si>
    <t>POINT (4.721088191198602 51.812088855329485)</t>
  </si>
  <si>
    <t>POINT (4.6791120248351925 51.781947780868705)</t>
  </si>
  <si>
    <t>POINT (4.722813389685575 51.80336870854427)</t>
  </si>
  <si>
    <t>POINT (4.732210177286413 51.79808746521287)</t>
  </si>
  <si>
    <t>POINT (4.656603283841903 51.79688819582791)</t>
  </si>
  <si>
    <t>POINT (4.661038885749701 51.7923091317634)</t>
  </si>
  <si>
    <t>POINT (4.668559539334345 51.792797263963735)</t>
  </si>
  <si>
    <t>POINT (4.671696106534001 51.80189506642574)</t>
  </si>
  <si>
    <t>POINT (4.656562401367253 51.81183051490366)</t>
  </si>
  <si>
    <t>POINT (4.678016715128199 51.815569436035425)</t>
  </si>
  <si>
    <t>POINT (4.693176693913673 51.78786039297738)</t>
  </si>
  <si>
    <t>POINT (4.653553151117859 51.79150356830235)</t>
  </si>
  <si>
    <t>POINT (4.6849633512338364 51.80451851203209)</t>
  </si>
  <si>
    <t>POINT (4.676001989851938 51.81573900372412)</t>
  </si>
  <si>
    <t>POINT (4.728000097807192 51.79750083811142)</t>
  </si>
  <si>
    <t>POINT (4.703734453027787 51.815732823023616)</t>
  </si>
  <si>
    <t>POINT (4.709845001561249 51.80957877857508)</t>
  </si>
  <si>
    <t>POINT (4.661168208600349 51.80738927910816)</t>
  </si>
  <si>
    <t>POINT (4.6741303620902945 51.8034220155686)</t>
  </si>
  <si>
    <t>POINT (4.6543193011375905 51.78791874171743)</t>
  </si>
  <si>
    <t>POINT (4.6834495916767285 51.79802997367653)</t>
  </si>
  <si>
    <t>POINT (4.676160620954223 51.789414033824244)</t>
  </si>
  <si>
    <t>POINT (4.670906371647735 51.771894322432345)</t>
  </si>
  <si>
    <t>POINT (4.709008786330328 51.800994811769606)</t>
  </si>
  <si>
    <t>POINT (4.666435074511295 51.81680180364103)</t>
  </si>
  <si>
    <t>POINT (4.667898627039942 51.81575642957309)</t>
  </si>
  <si>
    <t>POINT (4.680153179822684 51.814416641152036)</t>
  </si>
  <si>
    <t>POINT (4.71460713257398 51.80770021792871)</t>
  </si>
  <si>
    <t>POINT (4.689267797851017 51.80724893771552)</t>
  </si>
  <si>
    <t>POINT (4.716775550140042 51.79550339018291)</t>
  </si>
  <si>
    <t>POINT (4.666039215989376 51.81053031748726)</t>
  </si>
  <si>
    <t>POINT (4.710440386127756 51.80401415961139)</t>
  </si>
  <si>
    <t>POINT (4.681089929019819 51.79885413439422)</t>
  </si>
  <si>
    <t>POINT (4.6792229951076605 51.78211373491832)</t>
  </si>
  <si>
    <t>POINT (4.720896663701654 51.804985467511294)</t>
  </si>
  <si>
    <t>POINT (4.659739636613935 51.801612333379964)</t>
  </si>
  <si>
    <t>POINT (4.671414013701565 51.79942840526777)</t>
  </si>
  <si>
    <t>POINT (4.681241729395658 51.798844099663015)</t>
  </si>
  <si>
    <t>POINT (4.671780376917073 51.77644140256892)</t>
  </si>
  <si>
    <t>POINT (4.695642865220921 51.794773119412554)</t>
  </si>
  <si>
    <t>POINT (4.66050748194577 51.81367626231846)</t>
  </si>
  <si>
    <t>POINT (4.73023461643517 51.80052548293346)</t>
  </si>
  <si>
    <t>POINT (4.674589396031384 51.77975370945352)</t>
  </si>
  <si>
    <t>POINT (4.713386642366764 51.81011961051048)</t>
  </si>
  <si>
    <t>POINT (4.681270036445135 51.789150772815724)</t>
  </si>
  <si>
    <t>POINT (4.719716543034574 51.8022211971492)</t>
  </si>
  <si>
    <t>POINT (4.672831022203617 51.81636122989852)</t>
  </si>
  <si>
    <t>POINT (4.662898612848014 51.79368861903207)</t>
  </si>
  <si>
    <t>POINT (4.66773252680403 51.79889112332676)</t>
  </si>
  <si>
    <t>POINT (4.7282588549577715 51.79228786985425)</t>
  </si>
  <si>
    <t>POINT (4.729267029558627 51.79152560090863)</t>
  </si>
  <si>
    <t>POINT (4.721751686051449 51.80542111813101)</t>
  </si>
  <si>
    <t>POINT (4.670895214183372 51.786211677250265)</t>
  </si>
  <si>
    <t>POINT (4.67353039893124 51.80744297746833)</t>
  </si>
  <si>
    <t>POINT (4.731748465513603 51.80051714968201)</t>
  </si>
  <si>
    <t>POINT (4.733963309654671 51.797560356589734)</t>
  </si>
  <si>
    <t>POINT (4.677376845411375 51.81776558826458)</t>
  </si>
  <si>
    <t>POINT (4.701673169993358 51.78906924429542)</t>
  </si>
  <si>
    <t>POINT (4.675711665659773 51.80713611878065)</t>
  </si>
  <si>
    <t>POINT (4.655599566161248 51.79946844933983)</t>
  </si>
  <si>
    <t>POINT (4.709937712562177 51.808757706480115)</t>
  </si>
  <si>
    <t>POINT (4.729127741616554 51.79936702628488)</t>
  </si>
  <si>
    <t>POINT (4.678602833488788 51.77603468765648)</t>
  </si>
  <si>
    <t>POINT (4.6880466354588215 51.819351073423924)</t>
  </si>
  <si>
    <t>POINT (4.661021567771345 51.80485468475803)</t>
  </si>
  <si>
    <t>POINT (4.667195736181729 51.77367613961186)</t>
  </si>
  <si>
    <t>POINT (4.677271350536365 51.77270730338228)</t>
  </si>
  <si>
    <t>POINT (4.7348246153684235 51.801275136823186)</t>
  </si>
  <si>
    <t>POINT (4.666455607138902 51.816851942722465)</t>
  </si>
  <si>
    <t>POINT (4.668585030672808 51.78084583336133)</t>
  </si>
  <si>
    <t>POINT (4.683831595088102 51.80438660198934)</t>
  </si>
  <si>
    <t>POINT (4.688318498585468 51.819820713788566)</t>
  </si>
  <si>
    <t>POINT (4.662897715453427 51.79907545053991)</t>
  </si>
  <si>
    <t>POINT (4.7006350375545916 51.789301274167954)</t>
  </si>
  <si>
    <t>POINT (4.682567715217369 51.80112929828521)</t>
  </si>
  <si>
    <t>POINT (4.668167215303322 51.79014917133698)</t>
  </si>
  <si>
    <t>POINT (4.652341757124629 51.802115909869684)</t>
  </si>
  <si>
    <t>POINT (4.656505905010029 51.784610998496056)</t>
  </si>
  <si>
    <t>POINT (4.673931501570621 51.776509101651776)</t>
  </si>
  <si>
    <t>POINT (4.699621486325302 51.7935603643937)</t>
  </si>
  <si>
    <t>POINT (4.679395332999564 51.80465488873394)</t>
  </si>
  <si>
    <t>POINT (4.685144307780694 51.8036687541795)</t>
  </si>
  <si>
    <t>POINT (4.651236368812171 51.80363635069835)</t>
  </si>
  <si>
    <t>POINT (4.649971290609789 51.79327479325788)</t>
  </si>
  <si>
    <t>POINT (4.7281884753477845 51.7986009467765)</t>
  </si>
  <si>
    <t>3328LA</t>
  </si>
  <si>
    <t>Schenkeldijk</t>
  </si>
  <si>
    <t>POINT (4.687724449422208 51.77523699905231)</t>
  </si>
  <si>
    <t>POINT (4.654064311883222 51.80290264419996)</t>
  </si>
  <si>
    <t>POINT (4.652209719700002 51.794961376759524)</t>
  </si>
  <si>
    <t>POINT (4.728034903288289 51.79379971595411)</t>
  </si>
  <si>
    <t>POINT (4.653014601921404 51.791093702568915)</t>
  </si>
  <si>
    <t>POINT (4.715886074517257 51.81363811127985)</t>
  </si>
  <si>
    <t>POINT (4.714775268252696 51.80478562449884)</t>
  </si>
  <si>
    <t>POINT (4.666511555505934 51.816803280058004)</t>
  </si>
  <si>
    <t>POINT (4.673797791026837 51.80600812273831)</t>
  </si>
  <si>
    <t>POINT (4.6590944822905325 51.78945190248141)</t>
  </si>
  <si>
    <t>POINT (4.679009855730123 51.78082676752318)</t>
  </si>
  <si>
    <t>POINT (4.703788107957946 51.81526824279414)</t>
  </si>
  <si>
    <t>POINT (4.725604814462907 51.79575998056963)</t>
  </si>
  <si>
    <t>POINT (4.667351812219199 51.778139824150216)</t>
  </si>
  <si>
    <t>POINT (4.660572946471031 51.77202619574499)</t>
  </si>
  <si>
    <t>POINT (4.670350655363699 51.81769765100685)</t>
  </si>
  <si>
    <t>POINT (4.6761135754579986 51.815459467183594)</t>
  </si>
  <si>
    <t>POINT (4.713744233321422 51.81603529781992)</t>
  </si>
  <si>
    <t>POINT (4.670612844107331 51.81576925879354)</t>
  </si>
  <si>
    <t>POINT (4.662414254020069 51.801088000021174)</t>
  </si>
  <si>
    <t>POINT (4.705404194306545 51.79417300106981)</t>
  </si>
  <si>
    <t>POINT (4.659610689911033 51.80876817759919)</t>
  </si>
  <si>
    <t>POINT (4.674098942690114 51.81914367036977)</t>
  </si>
  <si>
    <t>POINT (4.709504101008859 51.80486565288957)</t>
  </si>
  <si>
    <t>POINT (4.67697781181534 51.81499272363874)</t>
  </si>
  <si>
    <t>POINT (4.736171055411299 51.799432340717175)</t>
  </si>
  <si>
    <t>POINT (4.665366046206781 51.812653080135036)</t>
  </si>
  <si>
    <t>POINT (4.672935455385841 51.78857888755884)</t>
  </si>
  <si>
    <t>POINT (4.630435887913696 51.76893600713916)</t>
  </si>
  <si>
    <t>POINT (4.726406511190938 51.797594470159545)</t>
  </si>
  <si>
    <t>POINT (4.672454112718173 51.81948154422913)</t>
  </si>
  <si>
    <t>POINT (4.675360937531234 51.774271138967094)</t>
  </si>
  <si>
    <t>POINT (4.734165092155081 51.801102050240985)</t>
  </si>
  <si>
    <t>POINT (4.658417891051698 51.813167056932755)</t>
  </si>
  <si>
    <t>POINT (4.696687648658998 51.79948965072059)</t>
  </si>
  <si>
    <t>POINT (4.650607750279291 51.79324922726484)</t>
  </si>
  <si>
    <t>POINT (4.653675326161608 51.800263072026134)</t>
  </si>
  <si>
    <t>POINT (4.669567331880541 51.8176777718176)</t>
  </si>
  <si>
    <t>POINT (4.664252594218963 51.812196989693796)</t>
  </si>
  <si>
    <t>POINT (4.6585604010000035 51.813386124199894)</t>
  </si>
  <si>
    <t>POINT (4.652667880336318 51.80165967199797)</t>
  </si>
  <si>
    <t>POINT (4.660449621494427 51.76975998488302)</t>
  </si>
  <si>
    <t>POINT (4.671069309337982 51.78725172623236)</t>
  </si>
  <si>
    <t>POINT (4.735178086688508 51.79833229851236)</t>
  </si>
  <si>
    <t>POINT (4.674520537940283 51.78137666914209)</t>
  </si>
  <si>
    <t>POINT (4.685688832603055 51.80093211060196)</t>
  </si>
  <si>
    <t>POINT (4.65244320494861 51.80272539486937)</t>
  </si>
  <si>
    <t>POINT (4.6598642810388045 51.80875807340369)</t>
  </si>
  <si>
    <t>POINT (4.688312283609317 51.81994185280198)</t>
  </si>
  <si>
    <t>POINT (4.719125733530579 51.81134160237533)</t>
  </si>
  <si>
    <t>POINT (4.671001329900439 51.81947024290471)</t>
  </si>
  <si>
    <t>POINT (4.683671734789426 51.804727168219785)</t>
  </si>
  <si>
    <t>POINT (4.655595475685938 51.79122794698089)</t>
  </si>
  <si>
    <t>POINT (4.712455323792568 51.803825047116156)</t>
  </si>
  <si>
    <t>POINT (4.674277979780459 51.80507170625101)</t>
  </si>
  <si>
    <t>POINT (4.676875648712368 51.77478568583742)</t>
  </si>
  <si>
    <t>POINT (4.672040333685446 51.81911991737915)</t>
  </si>
  <si>
    <t>POINT (4.658336322147219 51.771779949161015)</t>
  </si>
  <si>
    <t>POINT (4.721215964271475 51.80030054722383)</t>
  </si>
  <si>
    <t>POINT (4.731527673706658 51.80013540004195)</t>
  </si>
  <si>
    <t>POINT (4.667059178232713 51.79499935507244)</t>
  </si>
  <si>
    <t>POINT (4.683119525068396 51.797976703982044)</t>
  </si>
  <si>
    <t>POINT (4.725627276254716 51.799533217168765)</t>
  </si>
  <si>
    <t>POINT (4.6638289684823455 51.813240041339746)</t>
  </si>
  <si>
    <t>POINT (4.663937637595232 51.8142539959629)</t>
  </si>
  <si>
    <t>POINT (4.671253570641374 51.77198177237741)</t>
  </si>
  <si>
    <t>POINT (4.671724918805876 51.78253001521062)</t>
  </si>
  <si>
    <t>POINT (4.664791865204799 51.8151867272351)</t>
  </si>
  <si>
    <t>POINT (4.673173645096914 51.81283671793198)</t>
  </si>
  <si>
    <t>POINT (4.728680170405385 51.79665340554993)</t>
  </si>
  <si>
    <t>POINT (4.685922546521844 51.7877535753474)</t>
  </si>
  <si>
    <t>POINT (4.661500514690457 51.804037321962724)</t>
  </si>
  <si>
    <t>POINT (4.686232645811661 51.77486386143762)</t>
  </si>
  <si>
    <t>POINT (4.667232584312117 51.78259044590211)</t>
  </si>
  <si>
    <t>POINT (4.660382119630081 51.80998296139475)</t>
  </si>
  <si>
    <t>POINT (4.670461041719608 51.77808724343995)</t>
  </si>
  <si>
    <t>POINT (4.672908413561115 51.78042229371413)</t>
  </si>
  <si>
    <t>POINT (4.711697017462634 51.81403247693055)</t>
  </si>
  <si>
    <t>POINT (4.701475236965837 51.813489695702955)</t>
  </si>
  <si>
    <t>POINT (4.665487063909689 51.774462550225074)</t>
  </si>
  <si>
    <t>POINT (4.658269632016964 51.80643826471533)</t>
  </si>
  <si>
    <t>POINT (4.659260589251725 51.81277296495162)</t>
  </si>
  <si>
    <t>POINT (4.673964616458731 51.817094328122366)</t>
  </si>
  <si>
    <t>POINT (4.651640829520897 51.79317896351895)</t>
  </si>
  <si>
    <t>POINT (4.725758419442007 51.7957470490805)</t>
  </si>
  <si>
    <t>POINT (4.672118658339571 51.80599639184138)</t>
  </si>
  <si>
    <t>POINT (4.674445774981413 51.77784418381998)</t>
  </si>
  <si>
    <t>POINT (4.680553291897551 51.80500834551448)</t>
  </si>
  <si>
    <t>POINT (4.721715119422529 51.800717576204335)</t>
  </si>
  <si>
    <t>POINT (4.680887150335282 51.77746194899489)</t>
  </si>
  <si>
    <t>POINT (4.678709187428982 51.786371967314636)</t>
  </si>
  <si>
    <t>POINT (4.675063595724065 51.8097630020287)</t>
  </si>
  <si>
    <t>POINT (4.665458998080821 51.81241607206677)</t>
  </si>
  <si>
    <t>POINT (4.702230209367062 51.78893302988523)</t>
  </si>
  <si>
    <t>POINT (4.685298073727049 51.789179275563285)</t>
  </si>
  <si>
    <t>POINT (4.657808781583013 51.79282632137074)</t>
  </si>
  <si>
    <t>POINT (4.6594657063767535 51.809998513033484)</t>
  </si>
  <si>
    <t>POINT (4.706228734578407 51.80769771994362)</t>
  </si>
  <si>
    <t>POINT (4.675770338237491 51.774127844188364)</t>
  </si>
  <si>
    <t>POINT (4.674333310941743 51.81702703189211)</t>
  </si>
  <si>
    <t>POINT (4.691164664219371 51.8076640112645)</t>
  </si>
  <si>
    <t>POINT (4.672070093698051 51.77645795585036)</t>
  </si>
  <si>
    <t>POINT (4.66570794030366 51.7791417358991)</t>
  </si>
  <si>
    <t>POINT (4.650524925932649 51.80239313509984)</t>
  </si>
  <si>
    <t>POINT (4.671166931466609 51.78554072954649)</t>
  </si>
  <si>
    <t>POINT (4.733523198222206 51.798044388538905)</t>
  </si>
  <si>
    <t>POINT (4.659380520679045 51.811982425935966)</t>
  </si>
  <si>
    <t>POINT (4.702419753284223 51.81621320669333)</t>
  </si>
  <si>
    <t>POINT (4.693312609018222 51.796704365502734)</t>
  </si>
  <si>
    <t>POINT (4.65689457280017 51.79785763423089)</t>
  </si>
  <si>
    <t>POINT (4.683300281532489 51.79842222483628)</t>
  </si>
  <si>
    <t>POINT (4.67882662857855 51.80744875040542)</t>
  </si>
  <si>
    <t>POINT (4.685573178905716 51.810127403528945)</t>
  </si>
  <si>
    <t>POINT (4.659650827954248 51.81285259777569)</t>
  </si>
  <si>
    <t>POINT (4.671172983708304 51.81863034649426)</t>
  </si>
  <si>
    <t>POINT (4.677475461881522 51.80673985578736)</t>
  </si>
  <si>
    <t>POINT (4.671860462778943 51.803283400085775)</t>
  </si>
  <si>
    <t>POINT (4.6784619449485225 51.80487780072364)</t>
  </si>
  <si>
    <t>POINT (4.721160259745483 51.81123217109705)</t>
  </si>
  <si>
    <t>POINT (4.7033656487817534 51.81644777068395)</t>
  </si>
  <si>
    <t>POINT (4.655621283857677 51.80267798202465)</t>
  </si>
  <si>
    <t>POINT (4.668088776693601 51.781101433087144)</t>
  </si>
  <si>
    <t>POINT (4.64032105765211 51.777400546373784)</t>
  </si>
  <si>
    <t>POINT (4.6833140717510116 51.809673178139576)</t>
  </si>
  <si>
    <t>POINT (4.68836768453714 51.815779896362336)</t>
  </si>
  <si>
    <t>POINT (4.675633152487872 51.7832806873687)</t>
  </si>
  <si>
    <t>POINT (4.68030318577871 51.81651570565711)</t>
  </si>
  <si>
    <t>POINT (4.664251953216934 51.78742325623047)</t>
  </si>
  <si>
    <t>POINT (4.669405642079579 51.77397311791189)</t>
  </si>
  <si>
    <t>POINT (4.676295431342104 51.807283853252834)</t>
  </si>
  <si>
    <t>POINT (4.662474548442682 51.8085711062726)</t>
  </si>
  <si>
    <t>POINT (4.665473166243311 51.795425713584464)</t>
  </si>
  <si>
    <t>POINT (4.641676667227908 51.74301922583658)</t>
  </si>
  <si>
    <t>POINT (4.666886976127208 51.77711479174818)</t>
  </si>
  <si>
    <t>POINT (4.717767270045275 51.812778307879626)</t>
  </si>
  <si>
    <t>POINT (4.6561518892239 51.8059696327892)</t>
  </si>
  <si>
    <t>POINT (4.675947450260195 51.77279230611268)</t>
  </si>
  <si>
    <t>POINT (4.669147852708761 51.81700360851079)</t>
  </si>
  <si>
    <t>POINT (4.659679332412161 51.81041663407213)</t>
  </si>
  <si>
    <t>POINT (4.684702464726928 51.7757422055163)</t>
  </si>
  <si>
    <t>POINT (4.668901859302493 51.81268936439396)</t>
  </si>
  <si>
    <t>POINT (4.665777626009982 51.80327806778249)</t>
  </si>
  <si>
    <t>POINT (4.689438287409627 51.807425302500526)</t>
  </si>
  <si>
    <t>POINT (4.682630924100084 51.78610553198111)</t>
  </si>
  <si>
    <t>POINT (4.6690244257221165 51.772230973039576)</t>
  </si>
  <si>
    <t>POINT (4.718045573091197 51.799323258318665)</t>
  </si>
  <si>
    <t>POINT (4.665115439537987 51.790111756845036)</t>
  </si>
  <si>
    <t>POINT (4.721488472401448 51.81094026686614)</t>
  </si>
  <si>
    <t>POINT (4.687153993236111 51.77806329164476)</t>
  </si>
  <si>
    <t>POINT (4.660466403066165 51.78988703162553)</t>
  </si>
  <si>
    <t>POINT (4.670856841936722 51.79940547236599)</t>
  </si>
  <si>
    <t>POINT (4.70560074079136 51.80860533432544)</t>
  </si>
  <si>
    <t>POINT (4.731262193387638 51.77229976046349)</t>
  </si>
  <si>
    <t>POINT (4.6601407741752325 51.800036000241526)</t>
  </si>
  <si>
    <t>POINT (4.7106835333037544 51.794383605589246)</t>
  </si>
  <si>
    <t>POINT (4.684454210441949 51.7759718627522)</t>
  </si>
  <si>
    <t>POINT (4.674894100459475 51.81645765207707)</t>
  </si>
  <si>
    <t>POINT (4.679670939955204 51.80732260068557)</t>
  </si>
  <si>
    <t>POINT (4.651221762105475 51.80321917435985)</t>
  </si>
  <si>
    <t>POINT (4.723943946436738 51.79388092792032)</t>
  </si>
  <si>
    <t>POINT (4.6708709490533336 51.7737402174872)</t>
  </si>
  <si>
    <t>POINT (4.706565547082172 51.78730177742328)</t>
  </si>
  <si>
    <t>POINT (4.667724784351245 51.78014539989552)</t>
  </si>
  <si>
    <t>POINT (4.6535232205191654 51.790384007820144)</t>
  </si>
  <si>
    <t>POINT (4.7139933853027935 51.81370498498169)</t>
  </si>
  <si>
    <t>POINT (4.6820304058168976 51.77986345387401)</t>
  </si>
  <si>
    <t>POINT (4.671789989051196 51.77588894308143)</t>
  </si>
  <si>
    <t>POINT (4.654810004027597 51.79297971837269)</t>
  </si>
  <si>
    <t>POINT (4.661691283951656 51.81626541438642)</t>
  </si>
  <si>
    <t>POINT (4.6437323473336205 51.77443546066679)</t>
  </si>
  <si>
    <t>POINT (4.686077531109667 51.788868038313936)</t>
  </si>
  <si>
    <t>POINT (4.653840486358832 51.78555258887463)</t>
  </si>
  <si>
    <t>POINT (4.676641874994583 51.808702404955035)</t>
  </si>
  <si>
    <t>POINT (4.67268397062703 51.78258031933119)</t>
  </si>
  <si>
    <t>POINT (4.727834633767175 51.80595065902293)</t>
  </si>
  <si>
    <t>POINT (4.675449695466893 51.81592151414581)</t>
  </si>
  <si>
    <t>POINT (4.7314772149481845 51.80138632748998)</t>
  </si>
  <si>
    <t>POINT (4.683406346031331 51.79798169674457)</t>
  </si>
  <si>
    <t>POINT (4.6694932599592045 51.774879779537336)</t>
  </si>
  <si>
    <t>POINT (4.6538368502663205 51.811308573845494)</t>
  </si>
  <si>
    <t>POINT (4.732723134525664 51.79495385808273)</t>
  </si>
  <si>
    <t>POINT (4.669884188357269 51.81500733191173)</t>
  </si>
  <si>
    <t>POINT (4.667760746922668 51.814282466462586)</t>
  </si>
  <si>
    <t>POINT (4.727887183476565 51.796489044034374)</t>
  </si>
  <si>
    <t>POINT (4.7161847432574335 51.80118620724965)</t>
  </si>
  <si>
    <t>POINT (4.6586228599907376 51.811956699847755)</t>
  </si>
  <si>
    <t>POINT (4.656494475624488 51.80440636752239)</t>
  </si>
  <si>
    <t>POINT (4.673639054764666 51.7847347388134)</t>
  </si>
  <si>
    <t>POINT (4.651059356768448 51.79390341090723)</t>
  </si>
  <si>
    <t>POINT (4.700195968632862 51.80971944740273)</t>
  </si>
  <si>
    <t>POINT (4.669590634479462 51.80919025923127)</t>
  </si>
  <si>
    <t>POINT (4.733896405967205 51.79224442461292)</t>
  </si>
  <si>
    <t>POINT (4.679787822890915 51.807741485395276)</t>
  </si>
  <si>
    <t>POINT (4.680050287312307 51.77937927522287)</t>
  </si>
  <si>
    <t>POINT (4.650983495061882 51.79483806639431)</t>
  </si>
  <si>
    <t>POINT (4.659707211941832 51.80525188815213)</t>
  </si>
  <si>
    <t>POINT (4.66122767877258 51.80005759782883)</t>
  </si>
  <si>
    <t>POINT (4.70506950612811 51.792028013585934)</t>
  </si>
  <si>
    <t>POINT (4.665469345244596 51.80373228497075)</t>
  </si>
  <si>
    <t>POINT (4.668246592752689 51.81472534067796)</t>
  </si>
  <si>
    <t>POINT (4.663674920776581 51.813209716669)</t>
  </si>
  <si>
    <t>POINT (4.683792070980586 51.77699830428663)</t>
  </si>
  <si>
    <t>POINT (4.709556090245489 51.807366056165506)</t>
  </si>
  <si>
    <t>POINT (4.679089336389139 51.799397263107444)</t>
  </si>
  <si>
    <t>POINT (4.714495179950078 51.80102723117401)</t>
  </si>
  <si>
    <t>POINT (4.726907497108038 51.79321627796377)</t>
  </si>
  <si>
    <t>POINT (4.7141373732929495 51.814372623970506)</t>
  </si>
  <si>
    <t>POINT (4.699958741855232 51.79607433195652)</t>
  </si>
  <si>
    <t>POINT (4.67967165967919 51.78923949768992)</t>
  </si>
  <si>
    <t>POINT (4.711130577259937 51.81647307321235)</t>
  </si>
  <si>
    <t>POINT (4.653857755059509 51.8021674979611)</t>
  </si>
  <si>
    <t>POINT (4.634843536295893 51.77041330904581)</t>
  </si>
  <si>
    <t>POINT (4.675893354467854 51.818076962476646)</t>
  </si>
  <si>
    <t>POINT (4.68563566235412 51.78941688845213)</t>
  </si>
  <si>
    <t>POINT (4.655795705610466 51.800348119967644)</t>
  </si>
  <si>
    <t>POINT (4.633639739274068 51.77505820988779)</t>
  </si>
  <si>
    <t>POINT (4.678703765367226 51.78702369585297)</t>
  </si>
  <si>
    <t>POINT (4.671821471932817 51.817919746966474)</t>
  </si>
  <si>
    <t>POINT (4.666965451950429 51.81353876396476)</t>
  </si>
  <si>
    <t>POINT (4.732768828202043 51.79940811931932)</t>
  </si>
  <si>
    <t>POINT (4.674099957536471 51.811448575843706)</t>
  </si>
  <si>
    <t>POINT (4.662913248960606 51.81403254305883)</t>
  </si>
  <si>
    <t>POINT (4.701419121887836 51.794892948534425)</t>
  </si>
  <si>
    <t>POINT (4.709753911742193 51.80657777930931)</t>
  </si>
  <si>
    <t>POINT (4.674087604775635 51.81256881296973)</t>
  </si>
  <si>
    <t>POINT (4.648275436445763 51.7843456700252)</t>
  </si>
  <si>
    <t>POINT (4.664398974529089 51.81725795073622)</t>
  </si>
  <si>
    <t>POINT (4.669707135989922 51.8143159464274)</t>
  </si>
  <si>
    <t>POINT (4.668184151298835 51.811635972556545)</t>
  </si>
  <si>
    <t>POINT (4.658997448075325 51.7938120992819)</t>
  </si>
  <si>
    <t>POINT (4.657943341006191 51.80445854502906)</t>
  </si>
  <si>
    <t>POINT (4.659171248666769 51.78979388692771)</t>
  </si>
  <si>
    <t>POINT (4.695550399423733 51.79026777394259)</t>
  </si>
  <si>
    <t>POINT (4.663381934142934 51.79647276849305)</t>
  </si>
  <si>
    <t>POINT (4.7041840591587345 51.79883919132724)</t>
  </si>
  <si>
    <t>POINT (4.706452771828109 51.78754575871692)</t>
  </si>
  <si>
    <t>POINT (4.665752666805734 51.79601871812687)</t>
  </si>
  <si>
    <t>POINT (4.660957925560128 51.800917800519684)</t>
  </si>
  <si>
    <t>POINT (4.659575309984825 51.80884445195856)</t>
  </si>
  <si>
    <t>POINT (4.721672937328832 51.79727338158681)</t>
  </si>
  <si>
    <t>POINT (4.660584479503006 51.772232315745754)</t>
  </si>
  <si>
    <t>POINT (4.682295601414866 51.80688016353711)</t>
  </si>
  <si>
    <t>POINT (4.673383461359931 51.78862064344132)</t>
  </si>
  <si>
    <t>POINT (4.715712061892776 51.8009017358734)</t>
  </si>
  <si>
    <t>POINT (4.681625390189037 51.81254707755325)</t>
  </si>
  <si>
    <t>POINT (4.709865861084112 51.80813996947244)</t>
  </si>
  <si>
    <t>POINT (4.665400935834018 51.79471696883532)</t>
  </si>
  <si>
    <t>POINT (4.670327993652045 51.81132848941747)</t>
  </si>
  <si>
    <t>POINT (4.680601562757132 51.798854466124276)</t>
  </si>
  <si>
    <t>POINT (4.680795763626039 51.79842078112355)</t>
  </si>
  <si>
    <t>POINT (4.708454232989253 51.80919863953935)</t>
  </si>
  <si>
    <t>POINT (4.674582281070774 51.79615841605895)</t>
  </si>
  <si>
    <t>POINT (4.664485154756073 51.77714069940159)</t>
  </si>
  <si>
    <t>POINT (4.68539989897041 51.80452012610522)</t>
  </si>
  <si>
    <t>POINT (4.716561522666774 51.81271319526818)</t>
  </si>
  <si>
    <t>POINT (4.682241239245379 51.778414502382546)</t>
  </si>
  <si>
    <t>POINT (4.704821911546303 51.79428967734365)</t>
  </si>
  <si>
    <t>POINT (4.636473808147004 51.767277316777864)</t>
  </si>
  <si>
    <t>POINT (4.72735349355509 51.798071415979884)</t>
  </si>
  <si>
    <t>POINT (4.678573185190901 51.78634309209609)</t>
  </si>
  <si>
    <t>POINT (4.667453520947626 51.81646117215235)</t>
  </si>
  <si>
    <t>POINT (4.680520602484518 51.80426123470204)</t>
  </si>
  <si>
    <t>POINT (4.712645375858596 51.81123835688846)</t>
  </si>
  <si>
    <t>POINT (4.717167765638516 51.80509529758051)</t>
  </si>
  <si>
    <t>POINT (4.734952816559825 51.80349308480982)</t>
  </si>
  <si>
    <t>POINT (4.71709829461765 51.795283942318676)</t>
  </si>
  <si>
    <t>POINT (4.683903988262564 51.7856919254938)</t>
  </si>
  <si>
    <t>POINT (4.660816013578119 51.789361236235855)</t>
  </si>
  <si>
    <t>POINT (4.650366962151201 51.79231741934673)</t>
  </si>
  <si>
    <t>POINT (4.723402311735419 51.793763654800344)</t>
  </si>
  <si>
    <t>POINT (4.679156579813848 51.78198800459613)</t>
  </si>
  <si>
    <t>POINT (4.683195148756295 51.798222422890326)</t>
  </si>
  <si>
    <t>POINT (4.729585868974979 51.79955065308116)</t>
  </si>
  <si>
    <t>POINT (4.693275889609312 51.79526916055043)</t>
  </si>
  <si>
    <t>POINT (4.7082737724796555 51.81854756357314)</t>
  </si>
  <si>
    <t>POINT (4.668570039658459 51.80939771935817)</t>
  </si>
  <si>
    <t>POINT (4.6695562885353095 51.809579798315646)</t>
  </si>
  <si>
    <t>POINT (4.666871661867769 51.78036031524296)</t>
  </si>
  <si>
    <t>POINT (4.657545767503272 51.807728613762876)</t>
  </si>
  <si>
    <t>POINT (4.6479136689483775 51.783101822976086)</t>
  </si>
  <si>
    <t>POINT (4.635840652188146 51.776035447431084)</t>
  </si>
  <si>
    <t>POINT (4.679191392820525 51.80796887916968)</t>
  </si>
  <si>
    <t>POINT (4.725237991780283 51.79653582499352)</t>
  </si>
  <si>
    <t>POINT (4.728284563234863 51.80382872220913)</t>
  </si>
  <si>
    <t>POINT (4.666622905693444 51.812613550912445)</t>
  </si>
  <si>
    <t>POINT (4.672471194889159 51.81689671427067)</t>
  </si>
  <si>
    <t>POINT (4.667113142430006 51.814005445537944)</t>
  </si>
  <si>
    <t>POINT (4.661143406106026 51.8025465672829)</t>
  </si>
  <si>
    <t>POINT (4.706412992844058 51.802709897818616)</t>
  </si>
  <si>
    <t>POINT (4.6902050410960126 51.81522076232744)</t>
  </si>
  <si>
    <t>POINT (4.6627096656047655 51.79284075259026)</t>
  </si>
  <si>
    <t>POINT (4.7341327327015685 51.79655127325406)</t>
  </si>
  <si>
    <t>POINT (4.677333930114042 51.81773146840106)</t>
  </si>
  <si>
    <t>POINT (4.629005677009224 51.72424256616456)</t>
  </si>
  <si>
    <t>POINT (4.68262511606927 51.78773229745333)</t>
  </si>
  <si>
    <t>POINT (4.72043909310566 51.799699603488946)</t>
  </si>
  <si>
    <t>POINT (4.723909099244711 51.80553922824481)</t>
  </si>
  <si>
    <t>POINT (4.698328617208343 51.792811115711395)</t>
  </si>
  <si>
    <t>POINT (4.6665621184103685 51.81246083752228)</t>
  </si>
  <si>
    <t>POINT (4.687693533965946 51.81733534903352)</t>
  </si>
  <si>
    <t>POINT (4.733869952855946 51.8035692166277)</t>
  </si>
  <si>
    <t>POINT (4.72220164437346 51.8034755787242)</t>
  </si>
  <si>
    <t>POINT (4.665588132294511 51.80942726690178)</t>
  </si>
  <si>
    <t>POINT (4.728420535327267 51.79576400468236)</t>
  </si>
  <si>
    <t>POINT (4.654828046615508 51.8036956506854)</t>
  </si>
  <si>
    <t>POINT (4.683613536640284 51.80465918849414)</t>
  </si>
  <si>
    <t>POINT (4.689274969774457 51.809567030902414)</t>
  </si>
  <si>
    <t>POINT (4.663965780633379 51.80089435765177)</t>
  </si>
  <si>
    <t>POINT (4.667661123564387 51.788001399948214)</t>
  </si>
  <si>
    <t>POINT (4.685899819037798 51.81159555995534)</t>
  </si>
  <si>
    <t>POINT (4.662095707240053 51.7972342766404)</t>
  </si>
  <si>
    <t>POINT (4.6585051530350885 51.800410290865706)</t>
  </si>
  <si>
    <t>POINT (4.682341876465727 51.77914017170804)</t>
  </si>
  <si>
    <t>POINT (4.668144997938661 51.79352923526908)</t>
  </si>
  <si>
    <t>POINT (4.6542511225627266 51.79230280284846)</t>
  </si>
  <si>
    <t>POINT (4.671345052925474 51.81542123665546)</t>
  </si>
  <si>
    <t>POINT (4.652458264737528 51.801954995689854)</t>
  </si>
  <si>
    <t>POINT (4.728559948539402 51.80499181587591)</t>
  </si>
  <si>
    <t>POINT (4.669278720656452 51.808278732885675)</t>
  </si>
  <si>
    <t>POINT (4.676367653123129 51.81716543726539)</t>
  </si>
  <si>
    <t>POINT (4.671184775483045 51.802290487497466)</t>
  </si>
  <si>
    <t>POINT (4.683902757065452 51.79809053315188)</t>
  </si>
  <si>
    <t>POINT (4.661950094302582 51.80935431313917)</t>
  </si>
  <si>
    <t>POINT (4.682572304055792 51.81831376216481)</t>
  </si>
  <si>
    <t>POINT (4.671680072243615 51.80188677995375)</t>
  </si>
  <si>
    <t>POINT (4.6695136381789455 51.80269521335139)</t>
  </si>
  <si>
    <t>POINT (4.675180591499317 51.8130016025181)</t>
  </si>
  <si>
    <t>POINT (4.666403699435341 51.788832353407685)</t>
  </si>
  <si>
    <t>POINT (4.65329220924848 51.793382706998614)</t>
  </si>
  <si>
    <t>POINT (4.654288218393936 51.80319961840905)</t>
  </si>
  <si>
    <t>POINT (4.710529419640205 51.81535646463068)</t>
  </si>
  <si>
    <t>POINT (4.689485869134904 51.80930192400765)</t>
  </si>
  <si>
    <t>POINT (4.67878072035263 51.81727243146227)</t>
  </si>
  <si>
    <t>POINT (4.702002298440812 51.7957387108981)</t>
  </si>
  <si>
    <t>POINT (4.676388998892882 51.80410125081626)</t>
  </si>
  <si>
    <t>POINT (4.727786430966986 51.797877403182305)</t>
  </si>
  <si>
    <t>POINT (4.6763873129397515 51.81570799023008)</t>
  </si>
  <si>
    <t>POINT (4.683509855389386 51.78239685946688)</t>
  </si>
  <si>
    <t>POINT (4.7037019654383645 51.81566689986538)</t>
  </si>
  <si>
    <t>POINT (4.672419998649936 51.802209776931676)</t>
  </si>
  <si>
    <t>POINT (4.655494877091518 51.80667100630374)</t>
  </si>
  <si>
    <t>POINT (4.675940437226841 51.78527390759397)</t>
  </si>
  <si>
    <t>POINT (4.659827132588058 51.81420963352117)</t>
  </si>
  <si>
    <t>POINT (4.687782794538303 51.80851568632177)</t>
  </si>
  <si>
    <t>POINT (4.676683263091953 51.81838817083896)</t>
  </si>
  <si>
    <t>POINT (4.670456613317128 51.781113355203765)</t>
  </si>
  <si>
    <t>POINT (4.730656069677976 51.79682855781888)</t>
  </si>
  <si>
    <t>POINT (4.693810275856456 51.792883525784845)</t>
  </si>
  <si>
    <t>POINT (4.67152543160081 51.811919999258265)</t>
  </si>
  <si>
    <t>POINT (4.65561637111986 51.79052757810874)</t>
  </si>
  <si>
    <t>POINT (4.7199332277768535 51.80402588428584)</t>
  </si>
  <si>
    <t>POINT (4.703429611734747 51.78958782263268)</t>
  </si>
  <si>
    <t>POINT (4.666338051253909 51.81102954222886)</t>
  </si>
  <si>
    <t>POINT (4.6679601734952865 51.81483128794254)</t>
  </si>
  <si>
    <t>POINT (4.692054511616217 51.790466578414396)</t>
  </si>
  <si>
    <t>POINT (4.6746650708697635 51.81834943669193)</t>
  </si>
  <si>
    <t>POINT (4.671700395667488 51.7862463618329)</t>
  </si>
  <si>
    <t>POINT (4.698634407698561 51.794884646793186)</t>
  </si>
  <si>
    <t>POINT (4.722227549189411 51.805563436359364)</t>
  </si>
  <si>
    <t>POINT (4.636042335699455 51.78118715244363)</t>
  </si>
  <si>
    <t>POINT (4.681671747487039 51.787958781267584)</t>
  </si>
  <si>
    <t>POINT (4.658647162460482 51.80895674151356)</t>
  </si>
  <si>
    <t>POINT (4.667704445392628 51.81346664164554)</t>
  </si>
  <si>
    <t>POINT (4.666239049483067 51.81585500899343)</t>
  </si>
  <si>
    <t>POINT (4.676530935306761 51.78376626155002)</t>
  </si>
  <si>
    <t>POINT (4.660502493475958 51.80192837511322)</t>
  </si>
  <si>
    <t>POINT (4.6609534434788085 51.80590482533882)</t>
  </si>
  <si>
    <t>POINT (4.676733587250787 51.81838105085619)</t>
  </si>
  <si>
    <t>POINT (4.66037305247184 51.77324127535193)</t>
  </si>
  <si>
    <t>POINT (4.6568432219757865 51.802631356727815)</t>
  </si>
  <si>
    <t>POINT (4.684372606346989 51.78867804435871)</t>
  </si>
  <si>
    <t>POINT (4.6599404630534 51.7941572724661)</t>
  </si>
  <si>
    <t>POINT (4.685082752199155 51.77897076952645)</t>
  </si>
  <si>
    <t>POINT (4.710148320146734 51.79351485604813)</t>
  </si>
  <si>
    <t>POINT (4.725829407229097 51.79308053507389)</t>
  </si>
  <si>
    <t>POINT (4.717833312925968 51.80315070834772)</t>
  </si>
  <si>
    <t>POINT (4.734035452839991 51.79911666461365)</t>
  </si>
  <si>
    <t>POINT (4.70457337521282 51.7950121696409)</t>
  </si>
  <si>
    <t>POINT (4.655606430785896 51.80621309869769)</t>
  </si>
  <si>
    <t>POINT (4.657211863612839 51.78867472385453)</t>
  </si>
  <si>
    <t>POINT (4.678449136751465 51.78565380855442)</t>
  </si>
  <si>
    <t>POINT (4.721512548416865 51.811079475604)</t>
  </si>
  <si>
    <t>POINT (4.653916418856836 51.781758700498145)</t>
  </si>
  <si>
    <t>POINT (4.686606290213105 51.80333146464262)</t>
  </si>
  <si>
    <t>POINT (4.716762305500459 51.80310855824521)</t>
  </si>
  <si>
    <t>POINT (4.685905038268408 51.77556106209522)</t>
  </si>
  <si>
    <t>POINT (4.709357019089899 51.81171818866253)</t>
  </si>
  <si>
    <t>POINT (4.72057803264508 51.813868368610414)</t>
  </si>
  <si>
    <t>POINT (4.703856343302841 51.815296936382076)</t>
  </si>
  <si>
    <t>POINT (4.700023671989358 51.79007167334108)</t>
  </si>
  <si>
    <t>POINT (4.675713779440385 51.81516065174475)</t>
  </si>
  <si>
    <t>POINT (4.711447283689715 51.81644773354391)</t>
  </si>
  <si>
    <t>POINT (4.680748340056777 51.803150643958574)</t>
  </si>
  <si>
    <t>POINT (4.6863490060446615 51.776250937957315)</t>
  </si>
  <si>
    <t>POINT (4.688739876877575 51.8076355540694)</t>
  </si>
  <si>
    <t>POINT (4.694343404287116 51.81866477476106)</t>
  </si>
  <si>
    <t>POINT (4.686055223408581 51.78873473759124)</t>
  </si>
  <si>
    <t>POINT (4.707709076608751 51.80782980532966)</t>
  </si>
  <si>
    <t>POINT (4.728245031668163 51.793774065258134)</t>
  </si>
  <si>
    <t>POINT (4.716188379598631 51.80777558879447)</t>
  </si>
  <si>
    <t>POINT (4.667226336741325 51.778463160022845)</t>
  </si>
  <si>
    <t>POINT (4.658488303330867 51.7962559416005)</t>
  </si>
  <si>
    <t>POINT (4.668932377299652 51.77770222674049)</t>
  </si>
  <si>
    <t>POINT (4.7072597131289475 51.80231280784741)</t>
  </si>
  <si>
    <t>POINT (4.706480080443708 51.808590151244964)</t>
  </si>
  <si>
    <t>POINT (4.652450740828353 51.79077634041284)</t>
  </si>
  <si>
    <t>POINT (4.680935799791929 51.78542291199952)</t>
  </si>
  <si>
    <t>POINT (4.696799588548487 51.79989761291556)</t>
  </si>
  <si>
    <t>POINT (4.686786107250021 51.804652290708205)</t>
  </si>
  <si>
    <t>POINT (4.681564393226602 51.81863186451795)</t>
  </si>
  <si>
    <t>POINT (4.656572383356011 51.81187406432332)</t>
  </si>
  <si>
    <t>POINT (4.701442334824546 51.79745195085493)</t>
  </si>
  <si>
    <t>POINT (4.672759874470213 51.77848911359224)</t>
  </si>
  <si>
    <t>POINT (4.667044550490629 51.799209722405045)</t>
  </si>
  <si>
    <t>POINT (4.664078058732905 51.79380744463311)</t>
  </si>
  <si>
    <t>POINT (4.6870166411750525 51.78000470424684)</t>
  </si>
  <si>
    <t>POINT (4.673943686745001 51.81413181432271)</t>
  </si>
  <si>
    <t>POINT (4.659001454143894 51.79385936877807)</t>
  </si>
  <si>
    <t>POINT (4.674960234353587 51.78080100668476)</t>
  </si>
  <si>
    <t>POINT (4.6728087773232465 51.80958851620585)</t>
  </si>
  <si>
    <t>POINT (4.676607751757262 51.77851833144286)</t>
  </si>
  <si>
    <t>POINT (4.684820432767916 51.81220669756584)</t>
  </si>
  <si>
    <t>POINT (4.72814287331135 51.803855908092494)</t>
  </si>
  <si>
    <t>POINT (4.669053862739975 51.815143286058984)</t>
  </si>
  <si>
    <t>POINT (4.695416665874026 51.818444915502226)</t>
  </si>
  <si>
    <t>POINT (4.705174531733963 51.81567312080607)</t>
  </si>
  <si>
    <t>POINT (4.666847645227004 51.80954003819732)</t>
  </si>
  <si>
    <t>POINT (4.668275243903656 51.79011370784051)</t>
  </si>
  <si>
    <t>POINT (4.681729005813433 51.775331884085716)</t>
  </si>
  <si>
    <t>POINT (4.687596455327882 51.81066754928163)</t>
  </si>
  <si>
    <t>POINT (4.67029823628934 51.811378671183874)</t>
  </si>
  <si>
    <t>POINT (4.665199179607738 51.77288581084072)</t>
  </si>
  <si>
    <t>POINT (4.669468132343966 51.80430734336154)</t>
  </si>
  <si>
    <t>POINT (4.661201914453981 51.80077191386994)</t>
  </si>
  <si>
    <t>POINT (4.662814874140316 51.81024022218023)</t>
  </si>
  <si>
    <t>POINT (4.652313955471804 51.80215732646417)</t>
  </si>
  <si>
    <t>POINT (4.7289312494054485 51.79859665810418)</t>
  </si>
  <si>
    <t>POINT (4.7340858438829905 51.799770589849174)</t>
  </si>
  <si>
    <t>POINT (4.683068363957606 51.80238493875047)</t>
  </si>
  <si>
    <t>POINT (4.671480052576716 51.810594692852135)</t>
  </si>
  <si>
    <t>POINT (4.674963261277662 51.771658510497204)</t>
  </si>
  <si>
    <t>POINT (4.7141612058588045 51.81609852490554)</t>
  </si>
  <si>
    <t>POINT (4.647372581146741 51.80592883627687)</t>
  </si>
  <si>
    <t>POINT (4.674712775301785 51.80341889295264)</t>
  </si>
  <si>
    <t>POINT (4.703922168978618 51.78854703583446)</t>
  </si>
  <si>
    <t>POINT (4.6649925592036015 51.80249644464555)</t>
  </si>
  <si>
    <t>POINT (4.7116335572385815 51.8030627821907)</t>
  </si>
  <si>
    <t>POINT (4.678593845161757 51.7813748668882)</t>
  </si>
  <si>
    <t>POINT (4.671863662029931 51.78684525898674)</t>
  </si>
  <si>
    <t>POINT (4.666072438057844 51.810371664690265)</t>
  </si>
  <si>
    <t>POINT (4.6660913194688645 51.8033309439696)</t>
  </si>
  <si>
    <t>POINT (4.680163524751076 51.8017887345211)</t>
  </si>
  <si>
    <t>POINT (4.688319503109422 51.81983918246221)</t>
  </si>
  <si>
    <t>POINT (4.68467731357506 51.792532797900236)</t>
  </si>
  <si>
    <t>POINT (4.651887315278417 51.78945450736542)</t>
  </si>
  <si>
    <t>POINT (4.680141021003454 51.8091341525946)</t>
  </si>
  <si>
    <t>POINT (4.659435540992687 51.796081759628855)</t>
  </si>
  <si>
    <t>POINT (4.714645861035049 51.81435675287807)</t>
  </si>
  <si>
    <t>POINT (4.674640197403537 51.81043920254401)</t>
  </si>
  <si>
    <t>POINT (4.733228974211888 51.80087938335247)</t>
  </si>
  <si>
    <t>POINT (4.705920287987881 51.792581886247284)</t>
  </si>
  <si>
    <t>POINT (4.660182569363701 51.80533523824299)</t>
  </si>
  <si>
    <t>POINT (4.6607042501819045 51.79726102119045)</t>
  </si>
  <si>
    <t>POINT (4.717905261805618 51.813796770286736)</t>
  </si>
  <si>
    <t>POINT (4.699519250285713 51.80053388330338)</t>
  </si>
  <si>
    <t>POINT (4.680968629062362 51.777650968677705)</t>
  </si>
  <si>
    <t>POINT (4.684379788096191 51.78618679118205)</t>
  </si>
  <si>
    <t>POINT (4.653517658949819 51.78809313640533)</t>
  </si>
  <si>
    <t>POINT (4.669830628364192 51.815136854893055)</t>
  </si>
  <si>
    <t>POINT (4.6644455568831615 51.78820163971618)</t>
  </si>
  <si>
    <t>POINT (4.714437631347939 51.81083310051461)</t>
  </si>
  <si>
    <t>POINT (4.678013624717813 51.78780724982056)</t>
  </si>
  <si>
    <t>POINT (4.728071962979953 51.80386950509733)</t>
  </si>
  <si>
    <t>POINT (4.717470122752183 51.80246211002903)</t>
  </si>
  <si>
    <t>POINT (4.66290364579213 51.808363752960865)</t>
  </si>
  <si>
    <t>POINT (4.668983537610314 51.81520164161721)</t>
  </si>
  <si>
    <t>POINT (4.7073973417230395 51.78938816985992)</t>
  </si>
  <si>
    <t>POINT (4.654195919921612 51.81150224042661)</t>
  </si>
  <si>
    <t>POINT (4.6530559669704195 51.791256036910966)</t>
  </si>
  <si>
    <t>POINT (4.709884040693805 51.79706628749493)</t>
  </si>
  <si>
    <t>POINT (4.655334528601274 51.791853848123566)</t>
  </si>
  <si>
    <t>POINT (4.671979873374509 51.797202103975785)</t>
  </si>
  <si>
    <t>POINT (4.697436299307755 51.791314498901755)</t>
  </si>
  <si>
    <t>POINT (4.663271534265642 51.80103909075168)</t>
  </si>
  <si>
    <t>POINT (4.653515183337257 51.79185147263105)</t>
  </si>
  <si>
    <t>POINT (4.676033087009955 51.81701853106479)</t>
  </si>
  <si>
    <t>POINT (4.665634756289577 51.79709229496074)</t>
  </si>
  <si>
    <t>POINT (4.6727828635124125 51.792768119847906)</t>
  </si>
  <si>
    <t>POINT (4.6971773074814305 51.79998991032886)</t>
  </si>
  <si>
    <t>POINT (4.665444274143205 51.809446885349516)</t>
  </si>
  <si>
    <t>POINT (4.658632596720494 51.811159427882686)</t>
  </si>
  <si>
    <t>POINT (4.679386643332735 51.78687710483947)</t>
  </si>
  <si>
    <t>POINT (4.660351767862562 51.78943344335648)</t>
  </si>
  <si>
    <t>POINT (4.685549303302371 51.78521833973519)</t>
  </si>
  <si>
    <t>POINT (4.658719742883077 51.80528913214341)</t>
  </si>
  <si>
    <t>POINT (4.681883433837055 51.81044758186806)</t>
  </si>
  <si>
    <t>POINT (4.6665525563179 51.81226792670448)</t>
  </si>
  <si>
    <t>POINT (4.676165186845176 51.789507831557884)</t>
  </si>
  <si>
    <t>POINT (4.734077428807981 51.7998140839653)</t>
  </si>
  <si>
    <t>POINT (4.684122503202462 51.808147721937786)</t>
  </si>
  <si>
    <t>POINT (4.667462866917791 51.80808433002185)</t>
  </si>
  <si>
    <t>POINT (4.684396453858772 51.782645471986065)</t>
  </si>
  <si>
    <t>POINT (4.678574863738024 51.78966908971847)</t>
  </si>
  <si>
    <t>POINT (4.690263860205643 51.807172656532835)</t>
  </si>
  <si>
    <t>POINT (4.691340562112623 51.7690416913209)</t>
  </si>
  <si>
    <t>POINT (4.714758462374846 51.807529707730204)</t>
  </si>
  <si>
    <t>POINT (4.650685540900046 51.80314069109384)</t>
  </si>
  <si>
    <t>POINT (4.69668071913436 51.817549539724396)</t>
  </si>
  <si>
    <t>POINT (4.691846715171515 51.81781882844612)</t>
  </si>
  <si>
    <t>POINT (4.660068089041761 51.81122266806887)</t>
  </si>
  <si>
    <t>POINT (4.6349555310183135 51.77767785067139)</t>
  </si>
  <si>
    <t>POINT (4.707738571563851 51.8103990395748)</t>
  </si>
  <si>
    <t>POINT (4.675683520063304 51.78333359478006)</t>
  </si>
  <si>
    <t>POINT (4.6614696897487296 51.79439851594372)</t>
  </si>
  <si>
    <t>POINT (4.719221456230436 51.811557020630374)</t>
  </si>
  <si>
    <t>POINT (4.6536348182362035 51.80613972021319)</t>
  </si>
  <si>
    <t>POINT (4.661865064341501 51.80615495643679)</t>
  </si>
  <si>
    <t>POINT (4.719749726122844 51.80071277643124)</t>
  </si>
  <si>
    <t>POINT (4.674639628999849 51.80563304377999)</t>
  </si>
  <si>
    <t>POINT (4.711535500911358 51.79437420532459)</t>
  </si>
  <si>
    <t>POINT (4.672640254338959 51.79556118860004)</t>
  </si>
  <si>
    <t>POINT (4.662591353214958 51.796540633877584)</t>
  </si>
  <si>
    <t>POINT (4.6662192697746505 51.79963362128702)</t>
  </si>
  <si>
    <t>POINT (4.661466308952436 51.79438520074029)</t>
  </si>
  <si>
    <t>POINT (4.723897164256993 51.805585685975025)</t>
  </si>
  <si>
    <t>POINT (4.679568308188615 51.806775569357825)</t>
  </si>
  <si>
    <t>POINT (4.718774079250849 51.80597296853316)</t>
  </si>
  <si>
    <t>POINT (4.721758030881067 51.79417526056008)</t>
  </si>
  <si>
    <t>POINT (4.683063042394336 51.81321119291687)</t>
  </si>
  <si>
    <t>POINT (4.655400609858272 51.810549677248936)</t>
  </si>
  <si>
    <t>POINT (4.656873547507053 51.79788028971291)</t>
  </si>
  <si>
    <t>POINT (4.663616073362508 51.79027953272467)</t>
  </si>
  <si>
    <t>POINT (4.673208917262669 51.81612665117039)</t>
  </si>
  <si>
    <t>POINT (4.666360955314514 51.81615468520353)</t>
  </si>
  <si>
    <t>POINT (4.675631802657257 51.81604503510061)</t>
  </si>
  <si>
    <t>POINT (4.671316083930772 51.805859283606836)</t>
  </si>
  <si>
    <t>POINT (4.669825004395067 51.80386875662509)</t>
  </si>
  <si>
    <t>POINT (4.698223050701773 51.792554588276225)</t>
  </si>
  <si>
    <t>POINT (4.6862337834537575 51.80637712706489)</t>
  </si>
  <si>
    <t>POINT (4.666032570146783 51.79595501029144)</t>
  </si>
  <si>
    <t>POINT (4.679967409198384 51.789861347940416)</t>
  </si>
  <si>
    <t>POINT (4.668919063984906 51.79922395475892)</t>
  </si>
  <si>
    <t>POINT (4.68428930098643 51.78263227271265)</t>
  </si>
  <si>
    <t>POINT (4.678943118906023 51.81617365764279)</t>
  </si>
  <si>
    <t>POINT (4.6534238900554605 51.79955810684147)</t>
  </si>
  <si>
    <t>POINT (4.675177531692745 51.787687751420556)</t>
  </si>
  <si>
    <t>POINT (4.652709189849841 51.80015585102518)</t>
  </si>
  <si>
    <t>POINT (4.707534273836201 51.797087682698624)</t>
  </si>
  <si>
    <t>POINT (4.714088681124926 51.79936225988974)</t>
  </si>
  <si>
    <t>POINT (4.66645441930049 51.81679561239697)</t>
  </si>
  <si>
    <t>POINT (4.6717825630970955 51.809006296762675)</t>
  </si>
  <si>
    <t>POINT (4.686386185165461 51.77883039508422)</t>
  </si>
  <si>
    <t>POINT (4.634662344068704 51.77629937089411)</t>
  </si>
  <si>
    <t>POINT (4.711970698836969 51.797763655280505)</t>
  </si>
  <si>
    <t>POINT (4.666990609619695 51.81389122055849)</t>
  </si>
  <si>
    <t>POINT (4.666002719915953 51.812508249955904)</t>
  </si>
  <si>
    <t>POINT (4.651121577257417 51.80843944275838)</t>
  </si>
  <si>
    <t>POINT (4.682994359492167 51.77461988877374)</t>
  </si>
  <si>
    <t>POINT (4.660742258246934 51.80962444851782)</t>
  </si>
  <si>
    <t>POINT (4.679167008455409 51.77433222714268)</t>
  </si>
  <si>
    <t>POINT (4.680252429479472 51.77787112890773)</t>
  </si>
  <si>
    <t>POINT (4.714293005014137 51.81614735189609)</t>
  </si>
  <si>
    <t>POINT (4.7268962454172945 51.80260450335142)</t>
  </si>
  <si>
    <t>POINT (4.651109183739405 51.80844982785687)</t>
  </si>
  <si>
    <t>POINT (4.668030826284757 51.8022252122404)</t>
  </si>
  <si>
    <t>POINT (4.664544880924616 51.78855387180213)</t>
  </si>
  <si>
    <t>POINT (4.663775909808728 51.8143875506464)</t>
  </si>
  <si>
    <t>POINT (4.651682256344315 51.784420034283265)</t>
  </si>
  <si>
    <t>POINT (4.686721744800617 51.78199491901523)</t>
  </si>
  <si>
    <t>POINT (4.673662826876535 51.79500240116977)</t>
  </si>
  <si>
    <t>POINT (4.666814836845161 51.79632324716336)</t>
  </si>
  <si>
    <t>POINT (4.669536652781185 51.80610417784313)</t>
  </si>
  <si>
    <t>POINT (4.70895439620907 51.80958014224012)</t>
  </si>
  <si>
    <t>POINT (4.696531133969081 51.796757225926555)</t>
  </si>
  <si>
    <t>POINT (4.6670076775263665 51.796304700908145)</t>
  </si>
  <si>
    <t>POINT (4.703131500659824 51.790351874541)</t>
  </si>
  <si>
    <t>POINT (4.734030081090274 51.80107034188398)</t>
  </si>
  <si>
    <t>POINT (4.664279031626621 51.78761477469039)</t>
  </si>
  <si>
    <t>POINT (4.665756285767049 51.81228646762183)</t>
  </si>
  <si>
    <t>POINT (4.66371881301149 51.79457267597026)</t>
  </si>
  <si>
    <t>POINT (4.698314607720817 51.79262266682385)</t>
  </si>
  <si>
    <t>POINT (4.676748906906057 51.786517341588386)</t>
  </si>
  <si>
    <t>POINT (4.6541135160513685 51.801969978544655)</t>
  </si>
  <si>
    <t>POINT (4.705282512416722 51.79295537227916)</t>
  </si>
  <si>
    <t>POINT (4.632007346679364 51.78352072372826)</t>
  </si>
  <si>
    <t>POINT (4.656131612896473 51.78437385409414)</t>
  </si>
  <si>
    <t>POINT (4.683567866983473 51.780170959039346)</t>
  </si>
  <si>
    <t>POINT (4.70810988905336 51.796516451652195)</t>
  </si>
  <si>
    <t>POINT (4.6612283062492175 51.80991771016235)</t>
  </si>
  <si>
    <t>POINT (4.666964504003747 51.808144992975734)</t>
  </si>
  <si>
    <t>POINT (4.657850092091456 51.80239238122276)</t>
  </si>
  <si>
    <t>POINT (4.671458918613209 51.814471873510435)</t>
  </si>
  <si>
    <t>POINT (4.678264436543861 51.807552311453094)</t>
  </si>
  <si>
    <t>POINT (4.655468303518074 51.79047594031741)</t>
  </si>
  <si>
    <t>POINT (4.660173884373983 51.7881441063131)</t>
  </si>
  <si>
    <t>POINT (4.733381710535015 51.797526034303836)</t>
  </si>
  <si>
    <t>POINT (4.699065498668256 51.79590682378745)</t>
  </si>
  <si>
    <t>POINT (4.684492575080162 51.78200278092268)</t>
  </si>
  <si>
    <t>POINT (4.691969394240678 51.80716123700385)</t>
  </si>
  <si>
    <t>POINT (4.6616953326355235 51.80084102386071)</t>
  </si>
  <si>
    <t>POINT (4.677640752190485 51.80782319968778)</t>
  </si>
  <si>
    <t>POINT (4.726597383997061 51.800965486294906)</t>
  </si>
  <si>
    <t>POINT (4.686425045366876 51.803016659701974)</t>
  </si>
  <si>
    <t>POINT (4.656731520790286 51.80729686358662)</t>
  </si>
  <si>
    <t>POINT (4.698112428492626 51.79373939164506)</t>
  </si>
  <si>
    <t>POINT (4.6926753396144845 51.796074965125904)</t>
  </si>
  <si>
    <t>POINT (4.685410078533008 51.808149910438345)</t>
  </si>
  <si>
    <t>POINT (4.667725544251044 51.77956509336101)</t>
  </si>
  <si>
    <t>POINT (4.676695375430932 51.78372255690489)</t>
  </si>
  <si>
    <t>POINT (4.65770831692121 51.802329217170616)</t>
  </si>
  <si>
    <t>POINT (4.717910251096504 51.815575640421265)</t>
  </si>
  <si>
    <t>POINT (4.715393923506914 51.80113290956251)</t>
  </si>
  <si>
    <t>POINT (4.720132937321994 51.8028888686954)</t>
  </si>
  <si>
    <t>POINT (4.6848955395230165 51.777154201236435)</t>
  </si>
  <si>
    <t>POINT (4.673232024370399 51.813436887211374)</t>
  </si>
  <si>
    <t>POINT (4.734087860887473 51.79650754542299)</t>
  </si>
  <si>
    <t>POINT (4.73056804197049 51.80202900025447)</t>
  </si>
  <si>
    <t>POINT (4.680243734994637 51.785942972797315)</t>
  </si>
  <si>
    <t>POINT (4.662434762219617 51.800080682824685)</t>
  </si>
  <si>
    <t>POINT (4.6806842545233085 51.77578830676237)</t>
  </si>
  <si>
    <t>POINT (4.7168255752116535 51.79519624604971)</t>
  </si>
  <si>
    <t>POINT (4.673183997066118 51.80695253324361)</t>
  </si>
  <si>
    <t>POINT (4.669913157094351 51.78038402409002)</t>
  </si>
  <si>
    <t>POINT (4.661769225328189 51.81627341073057)</t>
  </si>
  <si>
    <t>POINT (4.6549133204518895 51.804021250165064)</t>
  </si>
  <si>
    <t>POINT (4.678149278584091 51.788507821694196)</t>
  </si>
  <si>
    <t>POINT (4.685641834430807 51.80330660112725)</t>
  </si>
  <si>
    <t>POINT (4.667240039028921 51.79459936251244)</t>
  </si>
  <si>
    <t>POINT (4.66204664105588 51.771332398949966)</t>
  </si>
  <si>
    <t>POINT (4.720805303463394 51.80278951756027)</t>
  </si>
  <si>
    <t>POINT (4.673484708571893 51.779469637173065)</t>
  </si>
  <si>
    <t>POINT (4.684088119814955 51.776737258788266)</t>
  </si>
  <si>
    <t>POINT (4.678175418399768 51.80806971895669)</t>
  </si>
  <si>
    <t>POINT (4.730360148488083 51.79677774261508)</t>
  </si>
  <si>
    <t>POINT (4.672985070203894 51.80464738910134)</t>
  </si>
  <si>
    <t>POINT (4.662238763211204 51.7949441839537)</t>
  </si>
  <si>
    <t>POINT (4.666407798395479 51.77588398036415)</t>
  </si>
  <si>
    <t>POINT (4.729014331219536 51.79246889946213)</t>
  </si>
  <si>
    <t>POINT (4.662100522438671 51.79433757208884)</t>
  </si>
  <si>
    <t>POINT (4.6737856731862975 51.812199646745775)</t>
  </si>
  <si>
    <t>POINT (4.66217004513612 51.773901096337234)</t>
  </si>
  <si>
    <t>POINT (4.673778750334217 51.818880810458275)</t>
  </si>
  <si>
    <t>POINT (4.6627608288250375 51.793221137826364)</t>
  </si>
  <si>
    <t>POINT (4.710473174421268 51.81518860106935)</t>
  </si>
  <si>
    <t>POINT (4.733862721854381 51.79930839234377)</t>
  </si>
  <si>
    <t>POINT (4.663085897048803 51.7940743207627)</t>
  </si>
  <si>
    <t>POINT (4.656402685325344 51.79703796568329)</t>
  </si>
  <si>
    <t>POINT (4.663118204692583 51.79521061993795)</t>
  </si>
  <si>
    <t>POINT (4.732739158616977 51.803027444091384)</t>
  </si>
  <si>
    <t>POINT (4.651600873244845 51.78169204913498)</t>
  </si>
  <si>
    <t>POINT (4.706231874971472 51.79418401931781)</t>
  </si>
  <si>
    <t>POINT (4.678210397675071 51.815307714787615)</t>
  </si>
  <si>
    <t>POINT (4.7042194667827 51.795759827510196)</t>
  </si>
  <si>
    <t>POINT (4.665946298455816 51.80272554531438)</t>
  </si>
  <si>
    <t>POINT (4.675787164775563 51.816094273098486)</t>
  </si>
  <si>
    <t>POINT (4.661243139393572 51.79979872915594)</t>
  </si>
  <si>
    <t>POINT (4.65138857932035 51.79229362946743)</t>
  </si>
  <si>
    <t>POINT (4.723448276678503 51.80589668937786)</t>
  </si>
  <si>
    <t>POINT (4.691946091252939 51.81052712778665)</t>
  </si>
  <si>
    <t>POINT (4.679080832934008 51.79988993534215)</t>
  </si>
  <si>
    <t>POINT (4.680063377489536 51.78986875787069)</t>
  </si>
  <si>
    <t>POINT (4.7046463883124545 51.81485947240745)</t>
  </si>
  <si>
    <t>POINT (4.676365549918499 51.783769672884276)</t>
  </si>
  <si>
    <t>POINT (4.695255891061542 51.81779490640622)</t>
  </si>
  <si>
    <t>POINT (4.720206560111633 51.80571817501757)</t>
  </si>
  <si>
    <t>POINT (4.674250008496299 51.77595255170641)</t>
  </si>
  <si>
    <t>POINT (4.708538689865569 51.79757796775683)</t>
  </si>
  <si>
    <t>POINT (4.692673012072622 51.785201705403765)</t>
  </si>
  <si>
    <t>POINT (4.673415445958195 51.80452786974823)</t>
  </si>
  <si>
    <t>POINT (4.685966172375575 51.77754561108421)</t>
  </si>
  <si>
    <t>POINT (4.659376067640976 51.80884642529611)</t>
  </si>
  <si>
    <t>POINT (4.6657105513413075 51.79608415751891)</t>
  </si>
  <si>
    <t>POINT (4.6672860999809735 51.77978016647555)</t>
  </si>
  <si>
    <t>POINT (4.677308273488752 51.77426116241204)</t>
  </si>
  <si>
    <t>POINT (4.665556061884225 51.80107762227417)</t>
  </si>
  <si>
    <t>POINT (4.657478956498134 51.80130726817526)</t>
  </si>
  <si>
    <t>POINT (4.672271041005412 51.81634308749479)</t>
  </si>
  <si>
    <t>POINT (4.65153945152003 51.80372020133254)</t>
  </si>
  <si>
    <t>POINT (4.652103423209148 51.803201510437276)</t>
  </si>
  <si>
    <t>POINT (4.730973593476517 51.80081620301895)</t>
  </si>
  <si>
    <t>POINT (4.660734733598393 51.79333230252124)</t>
  </si>
  <si>
    <t>POINT (4.666821332458424 51.811147025764186)</t>
  </si>
  <si>
    <t>POINT (4.697279655993517 51.796820946196384)</t>
  </si>
  <si>
    <t>POINT (4.660481807863627 51.78987191816456)</t>
  </si>
  <si>
    <t>POINT (4.665835263786179 51.81491118863681)</t>
  </si>
  <si>
    <t>POINT (4.6669625377421875 51.81553580514309)</t>
  </si>
  <si>
    <t>POINT (4.668158629788605 51.79191102065457)</t>
  </si>
  <si>
    <t>POINT (4.709457592591263 51.809474853186956)</t>
  </si>
  <si>
    <t>POINT (4.67117608526836 51.805829395955314)</t>
  </si>
  <si>
    <t>POINT (4.705919578182002 51.7978426055758)</t>
  </si>
  <si>
    <t>POINT (4.647758457857414 51.7929479784325)</t>
  </si>
  <si>
    <t>POINT (4.676170251412669 51.81722223633759)</t>
  </si>
  <si>
    <t>POINT (4.670098931572722 51.8091473445123)</t>
  </si>
  <si>
    <t>POINT (4.7016360917185525 51.79811642866659)</t>
  </si>
  <si>
    <t>POINT (4.724669629811174 51.79458795865139)</t>
  </si>
  <si>
    <t>POINT (4.663063849444796 51.81384604947723)</t>
  </si>
  <si>
    <t>POINT (4.663973346838536 51.78870217778969)</t>
  </si>
  <si>
    <t>POINT (4.7106734912673955 51.80568112767129)</t>
  </si>
  <si>
    <t>POINT (4.681858812700106 51.7807897592197)</t>
  </si>
  <si>
    <t>POINT (4.677431183144161 51.80846868532346)</t>
  </si>
  <si>
    <t>POINT (4.666960950698875 51.80023329984445)</t>
  </si>
  <si>
    <t>POINT (4.659939479562779 51.787542117624604)</t>
  </si>
  <si>
    <t>POINT (4.669125070010453 51.81568418372942)</t>
  </si>
  <si>
    <t>POINT (4.67348451662852 51.789245388497946)</t>
  </si>
  <si>
    <t>POINT (4.6774535953415795 51.8156986505656)</t>
  </si>
  <si>
    <t>POINT (4.733123274867991 51.80208262422779)</t>
  </si>
  <si>
    <t>POINT (4.716562117580414 51.81275509470559)</t>
  </si>
  <si>
    <t>POINT (4.655175639554109 51.798707401382764)</t>
  </si>
  <si>
    <t>POINT (4.667492815567561 51.794154570759105)</t>
  </si>
  <si>
    <t>POINT (4.652494198508415 51.78569226240344)</t>
  </si>
  <si>
    <t>POINT (4.6821963426824125 51.81474591826958)</t>
  </si>
  <si>
    <t>POINT (4.6727369057646975 51.80604172153546)</t>
  </si>
  <si>
    <t>POINT (4.661059030255669 51.794693950350805)</t>
  </si>
  <si>
    <t>POINT (4.655952338647498 51.80733885953546)</t>
  </si>
  <si>
    <t>POINT (4.6813671646508865 51.7745322471317)</t>
  </si>
  <si>
    <t>POINT (4.675899516237371 51.81529296724935)</t>
  </si>
  <si>
    <t>POINT (4.721312077679077 51.81122607545025)</t>
  </si>
  <si>
    <t>POINT (4.6669529458647165 51.787168951643906)</t>
  </si>
  <si>
    <t>POINT (4.675288524561184 51.817453337924576)</t>
  </si>
  <si>
    <t>POINT (4.678755750570232 51.78034360044548)</t>
  </si>
  <si>
    <t>POINT (4.734998959304716 51.80161275737288)</t>
  </si>
  <si>
    <t>POINT (4.672260497481499 51.81493567615578)</t>
  </si>
  <si>
    <t>POINT (4.665661175001113 51.81374675886682)</t>
  </si>
  <si>
    <t>POINT (4.651420406772701 51.78798263478605)</t>
  </si>
  <si>
    <t>POINT (4.654396559195708 51.793829302084696)</t>
  </si>
  <si>
    <t>POINT (4.676223581572763 51.8160414127805)</t>
  </si>
  <si>
    <t>POINT (4.667594548756802 51.79514137163784)</t>
  </si>
  <si>
    <t>POINT (4.687147545873943 51.80397139863392)</t>
  </si>
  <si>
    <t>POINT (4.672073932415578 51.809676992157755)</t>
  </si>
  <si>
    <t>POINT (4.6802118851310475 51.777958038985176)</t>
  </si>
  <si>
    <t>POINT (4.665504500040398 51.786812078552884)</t>
  </si>
  <si>
    <t>POINT (4.662874343910365 51.81040266423096)</t>
  </si>
  <si>
    <t>POINT (4.704743035968146 51.785085440061636)</t>
  </si>
  <si>
    <t>POINT (4.634678331887975 51.784419181493845)</t>
  </si>
  <si>
    <t>POINT (4.674337603329147 51.80526604420021)</t>
  </si>
  <si>
    <t>POINT (4.687995172794723 51.806880880023506)</t>
  </si>
  <si>
    <t>POINT (4.657169534546379 51.810717745620686)</t>
  </si>
  <si>
    <t>POINT (4.6742768320947565 51.80875412684728)</t>
  </si>
  <si>
    <t>POINT (4.683364513939154 51.79795525278984)</t>
  </si>
  <si>
    <t>POINT (4.714660673215805 51.79963999049243)</t>
  </si>
  <si>
    <t>POINT (4.681011373285828 51.813603075964764)</t>
  </si>
  <si>
    <t>POINT (4.662242893703363 51.79097458273727)</t>
  </si>
  <si>
    <t>POINT (4.659405686367524 51.78943612587194)</t>
  </si>
  <si>
    <t>POINT (4.659702397346715 51.80723549158158)</t>
  </si>
  <si>
    <t>POINT (4.676329278019103 51.77440616204119)</t>
  </si>
  <si>
    <t>POINT (4.70635753684335 51.806938315098826)</t>
  </si>
  <si>
    <t>POINT (4.675913325134489 51.77329454114228)</t>
  </si>
  <si>
    <t>POINT (4.671136448222019 51.80964857883865)</t>
  </si>
  <si>
    <t>POINT (4.715747806584602 51.81335114902561)</t>
  </si>
  <si>
    <t>POINT (4.685283409831378 51.78463163910595)</t>
  </si>
  <si>
    <t>POINT (4.683002543455927 51.81323881160964)</t>
  </si>
  <si>
    <t>POINT (4.734157980077959 51.79772221108216)</t>
  </si>
  <si>
    <t>POINT (4.705862176205062 51.795075283211474)</t>
  </si>
  <si>
    <t>POINT (4.662730763602254 51.79472312590207)</t>
  </si>
  <si>
    <t>POINT (4.699016658333547 51.797077554041984)</t>
  </si>
  <si>
    <t>POINT (4.7048588745384645 51.815832389410865)</t>
  </si>
  <si>
    <t>POINT (4.670114056760363 51.80607907893556)</t>
  </si>
  <si>
    <t>POINT (4.677309097979146 51.80483914661533)</t>
  </si>
  <si>
    <t>POINT (4.671448035771793 51.78688229198463)</t>
  </si>
  <si>
    <t>POINT (4.682060064590762 51.812112472527936)</t>
  </si>
  <si>
    <t>POINT (4.68836102171816 51.80667698526999)</t>
  </si>
  <si>
    <t>POINT (4.714682983769703 51.804951637269085)</t>
  </si>
  <si>
    <t>POINT (4.664005934513175 51.79222557295585)</t>
  </si>
  <si>
    <t>POINT (4.683660134491904 51.79807271014284)</t>
  </si>
  <si>
    <t>POINT (4.690967364120491 51.78712091665787)</t>
  </si>
  <si>
    <t>POINT (4.674108340244509 51.818996124600496)</t>
  </si>
  <si>
    <t>POINT (4.668039335750824 51.80413096490194)</t>
  </si>
  <si>
    <t>POINT (4.699849461087033 51.79353939939086)</t>
  </si>
  <si>
    <t>POINT (4.7072464657569215 51.78800642906479)</t>
  </si>
  <si>
    <t>POINT (4.685355208776437 51.782244384269326)</t>
  </si>
  <si>
    <t>POINT (4.697210187803428 51.798352377575405)</t>
  </si>
  <si>
    <t>POINT (4.6543886600519775 51.79367129417076)</t>
  </si>
  <si>
    <t>POINT (4.653817464107178 51.794149366814295)</t>
  </si>
  <si>
    <t>POINT (4.706887785297051 51.795024147884675)</t>
  </si>
  <si>
    <t>POINT (4.630789170090938 51.723821307817495)</t>
  </si>
  <si>
    <t>POINT (4.658539282014833 51.81467664219553)</t>
  </si>
  <si>
    <t>POINT (4.672448028379442 51.817969065113274)</t>
  </si>
  <si>
    <t>POINT (4.673164357738578 51.77671331345015)</t>
  </si>
  <si>
    <t>POINT (4.671513701618389 51.77591027756192)</t>
  </si>
  <si>
    <t>POINT (4.676166655345289 51.77644658387128)</t>
  </si>
  <si>
    <t>POINT (4.652291716591404 51.801192753381684)</t>
  </si>
  <si>
    <t>POINT (4.658446311936296 51.80976875491964)</t>
  </si>
  <si>
    <t>POINT (4.70080704927401 51.796806004746564)</t>
  </si>
  <si>
    <t>POINT (4.701195256260636 51.789618867466736)</t>
  </si>
  <si>
    <t>POINT (4.648483256772795 51.77765530353226)</t>
  </si>
  <si>
    <t>POINT (4.685642505265041 51.77782280158241)</t>
  </si>
  <si>
    <t>POINT (4.679881957872806 51.77667115058694)</t>
  </si>
  <si>
    <t>POINT (4.6631836928646795 51.78756745330024)</t>
  </si>
  <si>
    <t>POINT (4.698051136888108 51.79581476738821)</t>
  </si>
  <si>
    <t>POINT (4.713586300646157 51.81141584024482)</t>
  </si>
  <si>
    <t>POINT (4.657547217311254 51.78813154602416)</t>
  </si>
  <si>
    <t>POINT (4.678994204412847 51.799865277869614)</t>
  </si>
  <si>
    <t>POINT (4.664142186205534 51.816988856963825)</t>
  </si>
  <si>
    <t>POINT (4.67094314932982 51.8002086441772)</t>
  </si>
  <si>
    <t>POINT (4.675747884849399 51.81673516060636)</t>
  </si>
  <si>
    <t>POINT (4.654741631681588 51.79266258333474)</t>
  </si>
  <si>
    <t>POINT (4.698270069620565 51.7968317727833)</t>
  </si>
  <si>
    <t>POINT (4.672583927547488 51.783570669530604)</t>
  </si>
  <si>
    <t>POINT (4.710082369881508 51.80355871556622)</t>
  </si>
  <si>
    <t>POINT (4.636880762726067 51.77852262996621)</t>
  </si>
  <si>
    <t>POINT (4.682837557202487 51.777937027705825)</t>
  </si>
  <si>
    <t>POINT (4.664314836912979 51.787760980918144)</t>
  </si>
  <si>
    <t>POINT (4.658278930061163 51.80979278476025)</t>
  </si>
  <si>
    <t>POINT (4.6758387005380815 51.785474925162525)</t>
  </si>
  <si>
    <t>POINT (4.676909911905119 51.789959854180964)</t>
  </si>
  <si>
    <t>POINT (4.679774057683366 51.77732876958569)</t>
  </si>
  <si>
    <t>POINT (4.663314830836657 51.81240966969687)</t>
  </si>
  <si>
    <t>POINT (4.653675938172164 51.7930431853882)</t>
  </si>
  <si>
    <t>POINT (4.659968425481367 51.809346021750336)</t>
  </si>
  <si>
    <t>POINT (4.6640104638849476 51.811388395099655)</t>
  </si>
  <si>
    <t>POINT (4.669771426522999 51.81874756570312)</t>
  </si>
  <si>
    <t>POINT (4.693395142220811 51.81825413533191)</t>
  </si>
  <si>
    <t>POINT (4.729841854429127 51.796074966057496)</t>
  </si>
  <si>
    <t>POINT (4.682435385011635 51.81089983701723)</t>
  </si>
  <si>
    <t>POINT (4.660364730710714 51.804969798935666)</t>
  </si>
  <si>
    <t>POINT (4.669306366773782 51.79892521306688)</t>
  </si>
  <si>
    <t>POINT (4.660305250366843 51.79067789330881)</t>
  </si>
  <si>
    <t>POINT (4.7114462249554805 51.816473857416256)</t>
  </si>
  <si>
    <t>POINT (4.63137245449756 51.768976923568566)</t>
  </si>
  <si>
    <t>POINT (4.667069472373773 51.804021089342775)</t>
  </si>
  <si>
    <t>POINT (4.70983400918545 51.80144138906843)</t>
  </si>
  <si>
    <t>POINT (4.683408149554758 51.802554229617556)</t>
  </si>
  <si>
    <t>POINT (4.696769933532347 51.79219635901458)</t>
  </si>
  <si>
    <t>POINT (4.734953889550929 51.799765755734924)</t>
  </si>
  <si>
    <t>POINT (4.6671535672968725 51.788363235930674)</t>
  </si>
  <si>
    <t>POINT (4.675924950147646 51.78498851238328)</t>
  </si>
  <si>
    <t>POINT (4.645262984152139 51.799926196982156)</t>
  </si>
  <si>
    <t>POINT (4.71751025783715 51.81317926274604)</t>
  </si>
  <si>
    <t>POINT (4.6592817167689295 51.80202664973997)</t>
  </si>
  <si>
    <t>POINT (4.715804287726388 51.813457592019155)</t>
  </si>
  <si>
    <t>POINT (4.729705061825289 51.79760581046786)</t>
  </si>
  <si>
    <t>POINT (4.683255589480279 51.79840994782281)</t>
  </si>
  <si>
    <t>POINT (4.680255824812485 51.81278357852464)</t>
  </si>
  <si>
    <t>POINT (4.66266186509795 51.809063953095375)</t>
  </si>
  <si>
    <t>POINT (4.651463839650369 51.7937565289233)</t>
  </si>
  <si>
    <t>POINT (4.67240646441285 51.775251563977484)</t>
  </si>
  <si>
    <t>POINT (4.716864666572549 51.80044657956561)</t>
  </si>
  <si>
    <t>POINT (4.6536778617543915 51.792400711385525)</t>
  </si>
  <si>
    <t>POINT (4.666712391987438 51.818790830075955)</t>
  </si>
  <si>
    <t>POINT (4.666620891280436 51.80089640194379)</t>
  </si>
  <si>
    <t>POINT (4.702617990527051 51.81584006705804)</t>
  </si>
  <si>
    <t>POINT (4.669370415071057 51.801704476062056)</t>
  </si>
  <si>
    <t>POINT (4.73447564161657 51.79980573827659)</t>
  </si>
  <si>
    <t>POINT (4.6523538659375605 51.785517496604236)</t>
  </si>
  <si>
    <t>POINT (4.665461367152027 51.78979386084498)</t>
  </si>
  <si>
    <t>POINT (4.679997528548607 51.773388533949515)</t>
  </si>
  <si>
    <t>POINT (4.713959376387016 51.81575808223153)</t>
  </si>
  <si>
    <t>POINT (4.728287029095724 51.805046255885316)</t>
  </si>
  <si>
    <t>POINT (4.675382824683628 51.77583436346593)</t>
  </si>
  <si>
    <t>POINT (4.732700142298509 51.796099916577624)</t>
  </si>
  <si>
    <t>POINT (4.668931306149545 51.77510724146252)</t>
  </si>
  <si>
    <t>POINT (4.672497188681898 51.81091640356382)</t>
  </si>
  <si>
    <t>POINT (4.668145909978152 51.77193961390654)</t>
  </si>
  <si>
    <t>POINT (4.660948092831546 51.80483167738557)</t>
  </si>
  <si>
    <t>POINT (4.6574048692283965 51.79991680400025)</t>
  </si>
  <si>
    <t>POINT (4.704700916163566 51.814848095303425)</t>
  </si>
  <si>
    <t>POINT (4.65384757382759 51.78564441697634)</t>
  </si>
  <si>
    <t>POINT (4.669107109007805 51.77300632474936)</t>
  </si>
  <si>
    <t>POINT (4.656631830406296 51.79259360608575)</t>
  </si>
  <si>
    <t>POINT (4.670138491327314 51.77695541785574)</t>
  </si>
  <si>
    <t>POINT (4.651890427532185 51.803499832135955)</t>
  </si>
  <si>
    <t>POINT (4.7280304750997235 51.79754703962795)</t>
  </si>
  <si>
    <t>POINT (4.6969170486779195 51.79671860765164)</t>
  </si>
  <si>
    <t>POINT (4.669177692584845 51.809111221575684)</t>
  </si>
  <si>
    <t>POINT (4.670551433255561 51.77729162968772)</t>
  </si>
  <si>
    <t>POINT (4.664842167223067 51.772121701474404)</t>
  </si>
  <si>
    <t>POINT (4.664658184809615 51.81726574008219)</t>
  </si>
  <si>
    <t>POINT (4.6817897058402975 51.77546990219476)</t>
  </si>
  <si>
    <t>POINT (4.670179697097813 51.81237740682414)</t>
  </si>
  <si>
    <t>POINT (4.685539008168131 51.78503226618364)</t>
  </si>
  <si>
    <t>POINT (4.708439463852371 51.790263525178425)</t>
  </si>
  <si>
    <t>POINT (4.66991503061301 51.80389601238047)</t>
  </si>
  <si>
    <t>POINT (4.71118839995077 51.80399242236293)</t>
  </si>
  <si>
    <t>POINT (4.650782920305745 51.79206444611904)</t>
  </si>
  <si>
    <t>POINT (4.666205580207941 51.811155648560565)</t>
  </si>
  <si>
    <t>POINT (4.677945912748101 51.78762446881958)</t>
  </si>
  <si>
    <t>POINT (4.667555235162757 51.79579647829444)</t>
  </si>
  <si>
    <t>POINT (4.664922857040586 51.78003520008293)</t>
  </si>
  <si>
    <t>POINT (4.668390581618475 51.79232499638271)</t>
  </si>
  <si>
    <t>POINT (4.702915229606447 51.81554084273357)</t>
  </si>
  <si>
    <t>POINT (4.667460803740529 51.803539611436456)</t>
  </si>
  <si>
    <t>POINT (4.679673594153673 51.816116266710225)</t>
  </si>
  <si>
    <t>POINT (4.691596481131755 51.81882105434035)</t>
  </si>
  <si>
    <t>POINT (4.667813436917846 51.77171858280679)</t>
  </si>
  <si>
    <t>POINT (4.717909014045078 51.8031368302473)</t>
  </si>
  <si>
    <t>POINT (4.69957307012186 51.79046687171804)</t>
  </si>
  <si>
    <t>POINT (4.669315644854862 51.81004344557413)</t>
  </si>
  <si>
    <t>POINT (4.703802147820165 51.81520501752724)</t>
  </si>
  <si>
    <t>POINT (4.664185061072049 51.81743446503325)</t>
  </si>
  <si>
    <t>POINT (4.673241003939653 51.811552071100756)</t>
  </si>
  <si>
    <t>POINT (4.68080463202402 51.78938443672836)</t>
  </si>
  <si>
    <t>POINT (4.68160457120789 51.8184778966385)</t>
  </si>
  <si>
    <t>POINT (4.679259066045812 51.785368040921725)</t>
  </si>
  <si>
    <t>POINT (4.731299516216788 51.795246757811526)</t>
  </si>
  <si>
    <t>POINT (4.674233445909839 51.8045429282463)</t>
  </si>
  <si>
    <t>POINT (4.665982565969937 51.79598437459381)</t>
  </si>
  <si>
    <t>POINT (4.651686212680106 51.78315575054537)</t>
  </si>
  <si>
    <t>POINT (4.683969745508239 51.79808329431033)</t>
  </si>
  <si>
    <t>POINT (4.661528408714957 51.8053466613519)</t>
  </si>
  <si>
    <t>POINT (4.686519192038376 51.80865818682172)</t>
  </si>
  <si>
    <t>POINT (4.661934666845027 51.813454208007435)</t>
  </si>
  <si>
    <t>POINT (4.696334227886362 51.79553509051551)</t>
  </si>
  <si>
    <t>POINT (4.717703508983682 51.799248651704936)</t>
  </si>
  <si>
    <t>POINT (4.6893718756298135 51.81570513560004)</t>
  </si>
  <si>
    <t>POINT (4.68527365419952 51.810766728801084)</t>
  </si>
  <si>
    <t>POINT (4.673291507049795 51.79426684477897)</t>
  </si>
  <si>
    <t>POINT (4.70514658958801 51.809173402918155)</t>
  </si>
  <si>
    <t>POINT (4.652370931552029 51.802074771527096)</t>
  </si>
  <si>
    <t>POINT (4.669061265220001 51.81466584402102)</t>
  </si>
  <si>
    <t>POINT (4.659229250375775 51.810376737523384)</t>
  </si>
  <si>
    <t>POINT (4.667818697367164 51.815660354085985)</t>
  </si>
  <si>
    <t>POINT (4.656328673412448 51.791311429077005)</t>
  </si>
  <si>
    <t>POINT (4.6555709534112415 51.81028710114238)</t>
  </si>
  <si>
    <t>POINT (4.673194340967731 51.81362686722407)</t>
  </si>
  <si>
    <t>POINT (4.717441695651317 51.81200074885328)</t>
  </si>
  <si>
    <t>POINT (4.672200361280585 51.8148849912067)</t>
  </si>
  <si>
    <t>POINT (4.671626229106397 51.80595089140673)</t>
  </si>
  <si>
    <t>POINT (4.662675745499746 51.81259581836856)</t>
  </si>
  <si>
    <t>POINT (4.662264555630216 51.816121479718646)</t>
  </si>
  <si>
    <t>POINT (4.657925900259188 51.804423461622505)</t>
  </si>
  <si>
    <t>POINT (4.715928092337543 51.81574258222448)</t>
  </si>
  <si>
    <t>POINT (4.678785384720563 51.77774592748675)</t>
  </si>
  <si>
    <t>POINT (4.671046901230363 51.818073511209185)</t>
  </si>
  <si>
    <t>POINT (4.681849185207553 51.775066694075306)</t>
  </si>
  <si>
    <t>POINT (4.666069643413842 51.81511139568841)</t>
  </si>
  <si>
    <t>POINT (4.676040105927154 51.78501093627463)</t>
  </si>
  <si>
    <t>POINT (4.676399732490389 51.78513164099276)</t>
  </si>
  <si>
    <t>POINT (4.659992550196362 51.79586193419652)</t>
  </si>
  <si>
    <t>POINT (4.654079460350237 51.79900701777669)</t>
  </si>
  <si>
    <t>POINT (4.678042132061495 51.78853955129027)</t>
  </si>
  <si>
    <t>POINT (4.676589273488688 51.783886470304026)</t>
  </si>
  <si>
    <t>POINT (4.651548308314755 51.80370788841034)</t>
  </si>
  <si>
    <t>POINT (4.681154766592374 51.813687623229534)</t>
  </si>
  <si>
    <t>POINT (4.674613201329272 51.81813776228801)</t>
  </si>
  <si>
    <t>POINT (4.673090213472549 51.77516542853649)</t>
  </si>
  <si>
    <t>POINT (4.734851094439952 51.7975690173806)</t>
  </si>
  <si>
    <t>POINT (4.662852708475026 51.80495420008517)</t>
  </si>
  <si>
    <t>POINT (4.710251830700366 51.79277416734571)</t>
  </si>
  <si>
    <t>POINT (4.671379803763142 51.803405294585126)</t>
  </si>
  <si>
    <t>POINT (4.6811452835092995 51.79864092343718)</t>
  </si>
  <si>
    <t>POINT (4.730264512731244 51.7984390902751)</t>
  </si>
  <si>
    <t>POINT (4.667124264614332 51.787557443516455)</t>
  </si>
  <si>
    <t>POINT (4.670178770931797 51.79326448958472)</t>
  </si>
  <si>
    <t>POINT (4.672314548373426 51.77137038718267)</t>
  </si>
  <si>
    <t>POINT (4.668272452036578 51.81519088770964)</t>
  </si>
  <si>
    <t>POINT (4.65812480686758 51.78313365524008)</t>
  </si>
  <si>
    <t>POINT (4.675596283839037 51.80535385428214)</t>
  </si>
  <si>
    <t>POINT (4.681008658641753 51.79841787401286)</t>
  </si>
  <si>
    <t>POINT (4.674079688527772 51.816334118710564)</t>
  </si>
  <si>
    <t>POINT (4.676635322858945 51.78009705876479)</t>
  </si>
  <si>
    <t>POINT (4.696974406715207 51.81783038280175)</t>
  </si>
  <si>
    <t>POINT (4.670236575382277 51.78234896439921)</t>
  </si>
  <si>
    <t>POINT (4.687860927033979 51.80896796721451)</t>
  </si>
  <si>
    <t>POINT (4.666083249294536 51.81374400493407)</t>
  </si>
  <si>
    <t>POINT (4.655699843597343 51.790463406886644)</t>
  </si>
  <si>
    <t>POINT (4.675918664651781 51.81177578102032)</t>
  </si>
  <si>
    <t>POINT (4.669162314515771 51.781803457224605)</t>
  </si>
  <si>
    <t>POINT (4.681833595691681 51.817884970127565)</t>
  </si>
  <si>
    <t>POINT (4.65553927743383 51.76750008477541)</t>
  </si>
  <si>
    <t>POINT (4.664760310252867 51.791790529628855)</t>
  </si>
  <si>
    <t>POINT (4.651487250390795 51.80329744105064)</t>
  </si>
  <si>
    <t>POINT (4.658513566847522 51.80650359952629)</t>
  </si>
  <si>
    <t>POINT (4.674332873914257 51.81790668711131)</t>
  </si>
  <si>
    <t>POINT (4.678597980719932 51.78897984159262)</t>
  </si>
  <si>
    <t>POINT (4.7332110816952815 51.80042658890784)</t>
  </si>
  <si>
    <t>POINT (4.658395548062165 51.78076159735182)</t>
  </si>
  <si>
    <t>POINT (4.713459692405667 51.81607076077568)</t>
  </si>
  <si>
    <t>POINT (4.665984912687997 51.812295144781)</t>
  </si>
  <si>
    <t>POINT (4.665105505242885 51.81401031379028)</t>
  </si>
  <si>
    <t>POINT (4.6387258612692115 51.77974285577929)</t>
  </si>
  <si>
    <t>POINT (4.6827381104376675 51.80950326976891)</t>
  </si>
  <si>
    <t>POINT (4.654355596600927 51.793856794352855)</t>
  </si>
  <si>
    <t>POINT (4.669556930908569 51.81293499677675)</t>
  </si>
  <si>
    <t>POINT (4.693340359145924 51.795549700842436)</t>
  </si>
  <si>
    <t>POINT (4.674411294984442 51.79708763469696)</t>
  </si>
  <si>
    <t>POINT (4.66673378327526 51.78928214436509)</t>
  </si>
  <si>
    <t>POINT (4.6876708781395475 51.80940277566432)</t>
  </si>
  <si>
    <t>POINT (4.663867299756153 51.78988422177104)</t>
  </si>
  <si>
    <t>POINT (4.659776663261766 51.7972780150806)</t>
  </si>
  <si>
    <t>POINT (4.667477159475722 51.790177847382175)</t>
  </si>
  <si>
    <t>POINT (4.735756042077747 51.78928140262801)</t>
  </si>
  <si>
    <t>POINT (4.682568566849966 51.78740803233738)</t>
  </si>
  <si>
    <t>POINT (4.652209897582501 51.803052389745766)</t>
  </si>
  <si>
    <t>POINT (4.639855039156231 51.77952432193198)</t>
  </si>
  <si>
    <t>POINT (4.62935106120016 51.724914097176175)</t>
  </si>
  <si>
    <t>POINT (4.69698167446783 51.81748643898887)</t>
  </si>
  <si>
    <t>POINT (4.707937352916758 51.80706178843399)</t>
  </si>
  <si>
    <t>POINT (4.689807078803916 51.81889720257077)</t>
  </si>
  <si>
    <t>POINT (4.719863559215606 51.80518112197204)</t>
  </si>
  <si>
    <t>POINT (4.671634335877125 51.813369340983684)</t>
  </si>
  <si>
    <t>POINT (4.685805574048326 51.77884251089919)</t>
  </si>
  <si>
    <t>POINT (4.660177703843316 51.802925465443515)</t>
  </si>
  <si>
    <t>POINT (4.680279619421127 51.81022182567255)</t>
  </si>
  <si>
    <t>POINT (4.713283408640938 51.81399365206747)</t>
  </si>
  <si>
    <t>POINT (4.659503499530162 51.80380399373151)</t>
  </si>
  <si>
    <t>POINT (4.671526944627438 51.8038352489785)</t>
  </si>
  <si>
    <t>POINT (4.685686996829071 51.80335051115051)</t>
  </si>
  <si>
    <t>POINT (4.673972077621029 51.81618549331765)</t>
  </si>
  <si>
    <t>POINT (4.667822932130714 51.79097491091641)</t>
  </si>
  <si>
    <t>POINT (4.66592731861249 51.813199366481975)</t>
  </si>
  <si>
    <t>POINT (4.687540937371148 51.79621715768733)</t>
  </si>
  <si>
    <t>POINT (4.658999231850149 51.81508510243926)</t>
  </si>
  <si>
    <t>POINT (4.678613617553749 51.78950418355662)</t>
  </si>
  <si>
    <t>POINT (4.661168403719545 51.789326905598216)</t>
  </si>
  <si>
    <t>POINT (4.67152047925088 51.79927980656262)</t>
  </si>
  <si>
    <t>POINT (4.665803666405187 51.81841105846037)</t>
  </si>
  <si>
    <t>POINT (4.665516114462684 51.80155268956211)</t>
  </si>
  <si>
    <t>POINT (4.727757214191888 51.79694764235326)</t>
  </si>
  <si>
    <t>POINT (4.660908911494721 51.793737602940624)</t>
  </si>
  <si>
    <t>POINT (4.680434955161151 51.81413588764721)</t>
  </si>
  <si>
    <t>POINT (4.693409885473431 51.79700009283013)</t>
  </si>
  <si>
    <t>POINT (4.661698761254398 51.774120131446786)</t>
  </si>
  <si>
    <t>POINT (4.653785125187264 51.78537051784835)</t>
  </si>
  <si>
    <t>POINT (4.66173427303255 51.81248736019676)</t>
  </si>
  <si>
    <t>POINT (4.659731417800061 51.79067404863505)</t>
  </si>
  <si>
    <t>POINT (4.669919734917204 51.809735043713395)</t>
  </si>
  <si>
    <t>POINT (4.681358476121512 51.776865851156295)</t>
  </si>
  <si>
    <t>POINT (4.731055608177725 51.79730035059291)</t>
  </si>
  <si>
    <t>POINT (4.6559818729948255 51.80310950299573)</t>
  </si>
  <si>
    <t>POINT (4.674273673655854 51.81605125537768)</t>
  </si>
  <si>
    <t>POINT (4.712177072186238 51.795673640643955)</t>
  </si>
  <si>
    <t>POINT (4.717856605694851 51.80312674266212)</t>
  </si>
  <si>
    <t>POINT (4.712118712193064 51.810044306211736)</t>
  </si>
  <si>
    <t>POINT (4.660015621597538 51.769755982201204)</t>
  </si>
  <si>
    <t>POINT (4.675952146245137 51.78467268855497)</t>
  </si>
  <si>
    <t>POINT (4.668508307719548 51.792756599860574)</t>
  </si>
  <si>
    <t>POINT (4.656978750403188 51.79583792921065)</t>
  </si>
  <si>
    <t>POINT (4.686380423008025 51.802973427338664)</t>
  </si>
  <si>
    <t>POINT (4.697750905837957 51.79663579030942)</t>
  </si>
  <si>
    <t>POINT (4.701348868093662 51.796302455257916)</t>
  </si>
  <si>
    <t>POINT (4.673086777977723 51.815243742027974)</t>
  </si>
  <si>
    <t>POINT (4.672345585505975 51.817917178802084)</t>
  </si>
  <si>
    <t>POINT (4.669627772949524 51.80443464672247)</t>
  </si>
  <si>
    <t>POINT (4.662505880207691 51.80517896901418)</t>
  </si>
  <si>
    <t>POINT (4.683843418246847 51.81232497028168)</t>
  </si>
  <si>
    <t>POINT (4.719817955477196 51.81175426335183)</t>
  </si>
  <si>
    <t>POINT (4.724144561310546 51.79897115590563)</t>
  </si>
  <si>
    <t>POINT (4.692066889910382 51.81780494191976)</t>
  </si>
  <si>
    <t>POINT (4.660001590387621 51.77259832827825)</t>
  </si>
  <si>
    <t>POINT (4.657125083895732 51.797920839219906)</t>
  </si>
  <si>
    <t>POINT (4.665945945319459 51.798966310712466)</t>
  </si>
  <si>
    <t>POINT (4.685079905412701 51.80336129780072)</t>
  </si>
  <si>
    <t>POINT (4.672642928869851 51.773772276304676)</t>
  </si>
  <si>
    <t>POINT (4.657907622500615 51.79621938082874)</t>
  </si>
  <si>
    <t>POINT (4.675782797187652 51.784861098436664)</t>
  </si>
  <si>
    <t>POINT (4.709169662371924 51.80870254825606)</t>
  </si>
  <si>
    <t>POINT (4.6628896471755725 51.79356809710484)</t>
  </si>
  <si>
    <t>POINT (4.6830508903231 51.80943295006965)</t>
  </si>
  <si>
    <t>POINT (4.65863218011883 51.76960780067934)</t>
  </si>
  <si>
    <t>POINT (4.655202447811372 51.78968039872972)</t>
  </si>
  <si>
    <t>POINT (4.678339781273778 51.77419679512728)</t>
  </si>
  <si>
    <t>POINT (4.665528980611916 51.81460057148379)</t>
  </si>
  <si>
    <t>POINT (4.640540330103792 51.798676244205765)</t>
  </si>
  <si>
    <t>POINT (4.661050631312963 51.79190453299562)</t>
  </si>
  <si>
    <t>POINT (4.668386277141472 51.79619205979497)</t>
  </si>
  <si>
    <t>POINT (4.6786414059789525 51.786342155888505)</t>
  </si>
  <si>
    <t>POINT (4.682394579110533 51.80217756052862)</t>
  </si>
  <si>
    <t>POINT (4.718572479915918 51.81532706830307)</t>
  </si>
  <si>
    <t>POINT (4.669777939665423 51.812589699835165)</t>
  </si>
  <si>
    <t>POINT (4.734203905339867 51.8019640965927)</t>
  </si>
  <si>
    <t>POINT (4.714315693357771 51.81610713199766)</t>
  </si>
  <si>
    <t>POINT (4.68269357330322 51.81139962910631)</t>
  </si>
  <si>
    <t>POINT (4.670671294709637 51.81584565983954)</t>
  </si>
  <si>
    <t>POINT (4.730291205673677 51.80445599149282)</t>
  </si>
  <si>
    <t>POINT (4.667839288791799 51.813935481691345)</t>
  </si>
  <si>
    <t>POINT (4.659249640024874 51.78910010352296)</t>
  </si>
  <si>
    <t>POINT (4.665926298985461 51.80304409836736)</t>
  </si>
  <si>
    <t>POINT (4.665525519436374 51.78680731801303)</t>
  </si>
  <si>
    <t>POINT (4.659275403798034 51.80407952953011)</t>
  </si>
  <si>
    <t>POINT (4.680264813093487 51.774996310347696)</t>
  </si>
  <si>
    <t>POINT (4.675578797086611 51.775679409822125)</t>
  </si>
  <si>
    <t>POINT (4.658338188039686 51.81068133406919)</t>
  </si>
  <si>
    <t>POINT (4.672753157948447 51.809552438611476)</t>
  </si>
  <si>
    <t>POINT (4.655591611721377 51.790243488301854)</t>
  </si>
  <si>
    <t>POINT (4.664983351868583 51.7901061887042)</t>
  </si>
  <si>
    <t>POINT (4.678813080611941 51.787036355945695)</t>
  </si>
  <si>
    <t>POINT (4.678683165090115 51.80851359031124)</t>
  </si>
  <si>
    <t>POINT (4.685205211388725 51.811330942335886)</t>
  </si>
  <si>
    <t>POINT (4.711746549698642 51.81418398689839)</t>
  </si>
  <si>
    <t>POINT (4.690858054208307 51.81792576521615)</t>
  </si>
  <si>
    <t>POINT (4.67736005465082 51.808052555879925)</t>
  </si>
  <si>
    <t>POINT (4.721627365755086 51.79412607950786)</t>
  </si>
  <si>
    <t>POINT (4.731375996622574 51.79991612842089)</t>
  </si>
  <si>
    <t>POINT (4.7055870826873045 51.79205804181086)</t>
  </si>
  <si>
    <t>POINT (4.671457885872892 51.79866725909968)</t>
  </si>
  <si>
    <t>POINT (4.6740435716528514 51.80533638267778)</t>
  </si>
  <si>
    <t>POINT (4.681996098497287 51.78532767393766)</t>
  </si>
  <si>
    <t>POINT (4.676461360170671 51.80715852256016)</t>
  </si>
  <si>
    <t>POINT (4.671682263221258 51.79279097618028)</t>
  </si>
  <si>
    <t>POINT (4.667296223296998 51.77997767464786)</t>
  </si>
  <si>
    <t>POINT (4.684441024612681 51.7794113005838)</t>
  </si>
  <si>
    <t>POINT (4.662223687709023 51.80621542841197)</t>
  </si>
  <si>
    <t>POINT (4.6988802910654455 51.79976473384838)</t>
  </si>
  <si>
    <t>POINT (4.684132239243899 51.7800191444508)</t>
  </si>
  <si>
    <t>POINT (4.672557609763528 51.80892960897323)</t>
  </si>
  <si>
    <t>POINT (4.657493112607242 51.7672461203985)</t>
  </si>
  <si>
    <t>POINT (4.711713877680525 51.795584980221264)</t>
  </si>
  <si>
    <t>POINT (4.67882404834276 51.816425673260305)</t>
  </si>
  <si>
    <t>POINT (4.666132638933509 51.815055441745656)</t>
  </si>
  <si>
    <t>POINT (4.677064171177751 51.81576081543632)</t>
  </si>
  <si>
    <t>POINT (4.683568417979389 51.79808525663858)</t>
  </si>
  <si>
    <t>POINT (4.674128032879908 51.8165620684504)</t>
  </si>
  <si>
    <t>POINT (4.678179901378243 51.81396490244557)</t>
  </si>
  <si>
    <t>POINT (4.70473694246631 51.8155099588936)</t>
  </si>
  <si>
    <t>POINT (4.656869814134604 51.79885486643121)</t>
  </si>
  <si>
    <t>POINT (4.670478098048235 51.78487749800653)</t>
  </si>
  <si>
    <t>POINT (4.662376819913378 51.801060020675)</t>
  </si>
  <si>
    <t>POINT (4.683233768441169 51.802606630177664)</t>
  </si>
  <si>
    <t>POINT (4.664849401725907 51.817079934763804)</t>
  </si>
  <si>
    <t>POINT (4.711648428943968 51.80306111502684)</t>
  </si>
  <si>
    <t>POINT (4.7182431227441075 51.80120838764926)</t>
  </si>
  <si>
    <t>POINT (4.683379815104006 51.78947604040795)</t>
  </si>
  <si>
    <t>POINT (4.711768559937002 51.80315733798972)</t>
  </si>
  <si>
    <t>POINT (4.675401811904985 51.775721940065075)</t>
  </si>
  <si>
    <t>POINT (4.711930839277092 51.808715701377785)</t>
  </si>
  <si>
    <t>POINT (4.72053408927842 51.81232086952989)</t>
  </si>
  <si>
    <t>POINT (4.693319427927256 51.795553370270405)</t>
  </si>
  <si>
    <t>POINT (4.727177376233791 51.79677695937693)</t>
  </si>
  <si>
    <t>POINT (4.6924761465989455 51.81913118668902)</t>
  </si>
  <si>
    <t>POINT (4.6877222023733305 51.80688136549832)</t>
  </si>
  <si>
    <t>POINT (4.684871821569988 51.80856983162018)</t>
  </si>
  <si>
    <t>POINT (4.628667487907529 51.722878107025764)</t>
  </si>
  <si>
    <t>POINT (4.678324167575987 51.77397222574822)</t>
  </si>
  <si>
    <t>POINT (4.717555508667519 51.80251652924741)</t>
  </si>
  <si>
    <t>POINT (4.7156027434444585 51.79695093904085)</t>
  </si>
  <si>
    <t>POINT (4.682586157941744 51.806925314920186)</t>
  </si>
  <si>
    <t>POINT (4.717472218603616 51.80076567645542)</t>
  </si>
  <si>
    <t>POINT (4.6553821230529735 51.804353511870644)</t>
  </si>
  <si>
    <t>POINT (4.671733927551536 51.77932666586615)</t>
  </si>
  <si>
    <t>POINT (4.734784239120823 51.80317030063338)</t>
  </si>
  <si>
    <t>POINT (4.693472322558679 51.818468602327584)</t>
  </si>
  <si>
    <t>POINT (4.65376301014885 51.78541678832283)</t>
  </si>
  <si>
    <t>POINT (4.6656801951641445 51.8027378507225)</t>
  </si>
  <si>
    <t>POINT (4.702209349018154 51.790054955124255)</t>
  </si>
  <si>
    <t>POINT (4.725710873600902 51.798107496225676)</t>
  </si>
  <si>
    <t>POINT (4.668096040094184 51.77979077983691)</t>
  </si>
  <si>
    <t>POINT (4.66549158341923 51.81475518045481)</t>
  </si>
  <si>
    <t>POINT (4.698356476754023 51.79026229812645)</t>
  </si>
  <si>
    <t>POINT (4.680472394818396 51.77305571315484)</t>
  </si>
  <si>
    <t>POINT (4.666717171802567 51.77152269448784)</t>
  </si>
  <si>
    <t>POINT (4.727731900688367 51.8007394579862)</t>
  </si>
  <si>
    <t>POINT (4.666302384685663 51.787509798105745)</t>
  </si>
  <si>
    <t>POINT (4.677887436592079 51.81418591022611)</t>
  </si>
  <si>
    <t>POINT (4.673112477753422 51.81726161187291)</t>
  </si>
  <si>
    <t>POINT (4.671559505006626 51.79269110906676)</t>
  </si>
  <si>
    <t>POINT (4.627926586924079 51.72591656604995)</t>
  </si>
  <si>
    <t>POINT (4.662541316343032 51.78867707073522)</t>
  </si>
  <si>
    <t>POINT (4.6791518871281825 51.80465873227416)</t>
  </si>
  <si>
    <t>POINT (4.724540119827594 51.79816818773971)</t>
  </si>
  <si>
    <t>POINT (4.657978903263992 51.805085574634646)</t>
  </si>
  <si>
    <t>POINT (4.667847168219468 51.79106850605551)</t>
  </si>
  <si>
    <t>POINT (4.728580666918486 51.801475424280866)</t>
  </si>
  <si>
    <t>POINT (4.653443748779307 51.79038114673403)</t>
  </si>
  <si>
    <t>POINT (4.665081663790666 51.802295682360494)</t>
  </si>
  <si>
    <t>POINT (4.660546537129722 51.81532996310816)</t>
  </si>
  <si>
    <t>POINT (4.692085979809679 51.80758139261358)</t>
  </si>
  <si>
    <t>POINT (4.692302334648051 51.804070039006966)</t>
  </si>
  <si>
    <t>POINT (4.705647831649032 51.809345445628914)</t>
  </si>
  <si>
    <t>POINT (4.72401512075901 51.8053271922555)</t>
  </si>
  <si>
    <t>POINT (4.708082334283945 51.81204928638858)</t>
  </si>
  <si>
    <t>POINT (4.751123909591982 51.7904170988888)</t>
  </si>
  <si>
    <t>POINT (4.681853671663943 51.80415559394439)</t>
  </si>
  <si>
    <t>POINT (4.664021262609745 51.785886491131066)</t>
  </si>
  <si>
    <t>POINT (4.680505095615692 51.78177124871775)</t>
  </si>
  <si>
    <t>POINT (4.6711494056608425 51.78271530212138)</t>
  </si>
  <si>
    <t>POINT (4.669154027648111 51.77645075509326)</t>
  </si>
  <si>
    <t>POINT (4.661213396304672 51.80908392627234)</t>
  </si>
  <si>
    <t>POINT (4.71512037157896 51.805821403799534)</t>
  </si>
  <si>
    <t>POINT (4.636667345961559 51.76766066739632)</t>
  </si>
  <si>
    <t>POINT (4.670734624966774 51.8028589885529)</t>
  </si>
  <si>
    <t>POINT (4.658821860876579 51.807029859942354)</t>
  </si>
  <si>
    <t>POINT (4.663833208189701 51.815488477592886)</t>
  </si>
  <si>
    <t>POINT (4.68150630095316 51.807881188729354)</t>
  </si>
  <si>
    <t>POINT (4.683328709399586 51.81176931503022)</t>
  </si>
  <si>
    <t>POINT (4.670841602626505 51.773673000406674)</t>
  </si>
  <si>
    <t>POINT (4.660046694380708 51.80871342452881)</t>
  </si>
  <si>
    <t>POINT (4.657184273544426 51.80060539522455)</t>
  </si>
  <si>
    <t>POINT (4.672471405378657 51.81818420741781)</t>
  </si>
  <si>
    <t>POINT (4.654649376607688 51.787966681827754)</t>
  </si>
  <si>
    <t>POINT (4.673596083003385 51.807472419354184)</t>
  </si>
  <si>
    <t>POINT (4.6638922705916155 51.80239978907397)</t>
  </si>
  <si>
    <t>POINT (4.685181503572063 51.808328100816986)</t>
  </si>
  <si>
    <t>POINT (4.679878115562884 51.77756445176223)</t>
  </si>
  <si>
    <t>POINT (4.669237632246285 51.81174892945752)</t>
  </si>
  <si>
    <t>POINT (4.668896304069903 51.80149325268945)</t>
  </si>
  <si>
    <t>POINT (4.676498155103293 51.81277079623908)</t>
  </si>
  <si>
    <t>POINT (4.699609835038842 51.79571323529625)</t>
  </si>
  <si>
    <t>POINT (4.68020382234076 51.80966878158311)</t>
  </si>
  <si>
    <t>POINT (4.663369641448972 51.7930958898869)</t>
  </si>
  <si>
    <t>POINT (4.669114720746185 51.79855483879586)</t>
  </si>
  <si>
    <t>POINT (4.674127657505171 51.817898761845484)</t>
  </si>
  <si>
    <t>POINT (4.6728602642764026 51.777424599009684)</t>
  </si>
  <si>
    <t>POINT (4.685660836043434 51.813523673729705)</t>
  </si>
  <si>
    <t>POINT (4.681981252786943 51.78675878235579)</t>
  </si>
  <si>
    <t>POINT (4.686248766217182 51.77830517334178)</t>
  </si>
  <si>
    <t>POINT (4.666542563272726 51.813087255265245)</t>
  </si>
  <si>
    <t>POINT (4.653848924295893 51.79185755038348)</t>
  </si>
  <si>
    <t>POINT (4.669300685977922 51.814934623040905)</t>
  </si>
  <si>
    <t>POINT (4.682175089481236 51.78534336548009)</t>
  </si>
  <si>
    <t>POINT (4.67182936622789 51.80597492531871)</t>
  </si>
  <si>
    <t>POINT (4.661470206903794 51.783228423254485)</t>
  </si>
  <si>
    <t>POINT (4.714500001830673 51.8139092715061)</t>
  </si>
  <si>
    <t>POINT (4.715753051304402 51.80322019695698)</t>
  </si>
  <si>
    <t>POINT (4.68008655766848 51.801714446683405)</t>
  </si>
  <si>
    <t>POINT (4.6612476501110205 51.78875817715003)</t>
  </si>
  <si>
    <t>POINT (4.720948919365194 51.80499921123519)</t>
  </si>
  <si>
    <t>POINT (4.66968569422536 51.81715388973696)</t>
  </si>
  <si>
    <t>POINT (4.715855168245518 51.80146691614374)</t>
  </si>
  <si>
    <t>POINT (4.681993083942214 51.806099702152466)</t>
  </si>
  <si>
    <t>POINT (4.690690615257079 51.78776073326171)</t>
  </si>
  <si>
    <t>POINT (4.719207764597688 51.80352195198091)</t>
  </si>
  <si>
    <t>POINT (4.671884387133523 51.77903334717904)</t>
  </si>
  <si>
    <t>POINT (4.6726786591166185 51.783725735462994)</t>
  </si>
  <si>
    <t>POINT (4.684837468819404 51.80465720883797)</t>
  </si>
  <si>
    <t>POINT (4.692576984131998 51.79558992926067)</t>
  </si>
  <si>
    <t>POINT (4.663104502085685 51.798459077691746)</t>
  </si>
  <si>
    <t>POINT (4.650377596806202 51.7925103030291)</t>
  </si>
  <si>
    <t>POINT (4.666157132651559 51.798491891178344)</t>
  </si>
  <si>
    <t>POINT (4.698100253925356 51.79755392284886)</t>
  </si>
  <si>
    <t>POINT (4.661709764378878 51.800454895841675)</t>
  </si>
  <si>
    <t>POINT (4.651232059150682 51.790760018072305)</t>
  </si>
  <si>
    <t>POINT (4.6644346767827 51.78824385555154)</t>
  </si>
  <si>
    <t>POINT (4.660506736191138 51.802455075960104)</t>
  </si>
  <si>
    <t>POINT (4.697498311606881 51.79573818024799)</t>
  </si>
  <si>
    <t>POINT (4.730239292587513 51.805183960044474)</t>
  </si>
  <si>
    <t>POINT (4.693025158323459 51.795163894039575)</t>
  </si>
  <si>
    <t>POINT (4.686039826929735 51.782016093968345)</t>
  </si>
  <si>
    <t>POINT (4.727914060657101 51.796532655168065)</t>
  </si>
  <si>
    <t>POINT (4.718728964213439 51.813653557072904)</t>
  </si>
  <si>
    <t>POINT (4.663707323120316 51.801025365407575)</t>
  </si>
  <si>
    <t>POINT (4.679087126255483 51.78756461317827)</t>
  </si>
  <si>
    <t>POINT (4.681045087986076 51.779774119809694)</t>
  </si>
  <si>
    <t>POINT (4.667997076110705 51.79237498875089)</t>
  </si>
  <si>
    <t>POINT (4.646025233190124 51.78720975258553)</t>
  </si>
  <si>
    <t>POINT (4.680248818641813 51.78985687789606)</t>
  </si>
  <si>
    <t>POINT (4.72210756323034 51.819246880602726)</t>
  </si>
  <si>
    <t>POINT (4.671669463313621 51.80345737999049)</t>
  </si>
  <si>
    <t>POINT (4.71662796314217 51.80077687222843)</t>
  </si>
  <si>
    <t>POINT (4.666779037885291 51.81108130156562)</t>
  </si>
  <si>
    <t>POINT (4.654759862727481 51.78970148326409)</t>
  </si>
  <si>
    <t>POINT (4.668836863504949 51.81406720914965)</t>
  </si>
  <si>
    <t>POINT (4.674491776734616 51.78099371940915)</t>
  </si>
  <si>
    <t>POINT (4.675619468537531 51.81658662635874)</t>
  </si>
  <si>
    <t>POINT (4.6650579653437845 51.812590753820636)</t>
  </si>
  <si>
    <t>POINT (4.652366714944928 51.80283273531781)</t>
  </si>
  <si>
    <t>POINT (4.683536161672571 51.7824087475279)</t>
  </si>
  <si>
    <t>POINT (4.682116454750845 51.804788942251086)</t>
  </si>
  <si>
    <t>POINT (4.723424074408317 51.802678619124116)</t>
  </si>
  <si>
    <t>POINT (4.668478180918268 51.809263728808425)</t>
  </si>
  <si>
    <t>POINT (4.6702453352112006 51.770963843023154)</t>
  </si>
  <si>
    <t>POINT (4.661865054569049 51.81480550455395)</t>
  </si>
  <si>
    <t>POINT (4.674629477263328 51.776289246764286)</t>
  </si>
  <si>
    <t>POINT (4.687877363320117 51.7899501518638)</t>
  </si>
  <si>
    <t>POINT (4.6820197606933585 51.781822602492895)</t>
  </si>
  <si>
    <t>POINT (4.726337508416367 51.79761406327065)</t>
  </si>
  <si>
    <t>POINT (4.6763706145612405 51.7838640040265)</t>
  </si>
  <si>
    <t>POINT (4.694403760641092 51.81771218144221)</t>
  </si>
  <si>
    <t>POINT (4.659748140252253 51.79023746296035)</t>
  </si>
  <si>
    <t>POINT (4.682386120825779 51.79879914217259)</t>
  </si>
  <si>
    <t>POINT (4.665194622833171 51.78896158230744)</t>
  </si>
  <si>
    <t>POINT (4.705863308226733 51.79200688289337)</t>
  </si>
  <si>
    <t>POINT (4.6622848313408305 51.78870024992865)</t>
  </si>
  <si>
    <t>POINT (4.664195652557711 51.8148262680335)</t>
  </si>
  <si>
    <t>POINT (4.667693111939908 51.80418356548547)</t>
  </si>
  <si>
    <t>POINT (4.68347603637533 51.804042451082374)</t>
  </si>
  <si>
    <t>POINT (4.691267101306186 51.818683714618366)</t>
  </si>
  <si>
    <t>POINT (4.714640438487316 51.803619024168796)</t>
  </si>
  <si>
    <t>POINT (4.685892389498248 51.78701943270371)</t>
  </si>
  <si>
    <t>POINT (4.66099043207241 51.806930340150075)</t>
  </si>
  <si>
    <t>POINT (4.705089728099129 51.81478303087186)</t>
  </si>
  <si>
    <t>POINT (4.728614482180486 51.795454248197544)</t>
  </si>
  <si>
    <t>POINT (4.681690298855293 51.786421116398685)</t>
  </si>
  <si>
    <t>POINT (4.715251377408617 51.8073509697181)</t>
  </si>
  <si>
    <t>POINT (4.676641085902854 51.78376398954976)</t>
  </si>
  <si>
    <t>POINT (4.66185986105724 51.815916095698086)</t>
  </si>
  <si>
    <t>POINT (4.720164561309793 51.803143579922974)</t>
  </si>
  <si>
    <t>POINT (4.648141411222823 51.78368354322661)</t>
  </si>
  <si>
    <t>POINT (4.706065599535075 51.79317262920623)</t>
  </si>
  <si>
    <t>POINT (4.629006701673635 51.722403131729564)</t>
  </si>
  <si>
    <t>POINT (4.685140256320991 51.81311456068396)</t>
  </si>
  <si>
    <t>POINT (4.727116778258353 51.79869889404388)</t>
  </si>
  <si>
    <t>POINT (4.715766902119546 51.813274468352496)</t>
  </si>
  <si>
    <t>POINT (4.658795176294157 51.803293238546594)</t>
  </si>
  <si>
    <t>POINT (4.699951727073088 51.79302092074637)</t>
  </si>
  <si>
    <t>POINT (4.666917219333992 51.81800001455603)</t>
  </si>
  <si>
    <t>POINT (4.697898199678666 51.79600447368191)</t>
  </si>
  <si>
    <t>POINT (4.662465136288527 51.80869839085584)</t>
  </si>
  <si>
    <t>POINT (4.696325116515082 51.818040213609436)</t>
  </si>
  <si>
    <t>POINT (4.677265262736173 51.790019640708046)</t>
  </si>
  <si>
    <t>POINT (4.6666840659552244 51.77226059086382)</t>
  </si>
  <si>
    <t>POINT (4.658486699917187 51.795718092623645)</t>
  </si>
  <si>
    <t>POINT (4.724733969064865 51.79789425681699)</t>
  </si>
  <si>
    <t>POINT (4.7209587698517685 51.81128372772036)</t>
  </si>
  <si>
    <t>POINT (4.6834159965274065 51.798039596786005)</t>
  </si>
  <si>
    <t>POINT (4.657574619274023 51.771040375250216)</t>
  </si>
  <si>
    <t>POINT (4.665546760984291 51.813868517092835)</t>
  </si>
  <si>
    <t>POINT (4.637727498787387 51.775411063222286)</t>
  </si>
  <si>
    <t>POINT (4.667772373503012 51.81427819620818)</t>
  </si>
  <si>
    <t>POINT (4.664676127058917 51.79152052091539)</t>
  </si>
  <si>
    <t>POINT (4.685677942265381 51.81171040326977)</t>
  </si>
  <si>
    <t>POINT (4.732699667684758 51.79997108745912)</t>
  </si>
  <si>
    <t>POINT (4.714536712536047 51.80768803915357)</t>
  </si>
  <si>
    <t>POINT (4.694713927998405 51.79648489896039)</t>
  </si>
  <si>
    <t>POINT (4.727185000548486 51.798672293927844)</t>
  </si>
  <si>
    <t>POINT (4.682494319324191 51.77752566544365)</t>
  </si>
  <si>
    <t>POINT (4.713618022221707 51.805091261710075)</t>
  </si>
  <si>
    <t>POINT (4.653024359218044 51.79142400891798)</t>
  </si>
  <si>
    <t>POINT (4.673345218855013 51.81077495108833)</t>
  </si>
  <si>
    <t>POINT (4.663231698943103 51.79026620400656)</t>
  </si>
  <si>
    <t>POINT (4.666043626123588 51.81375053891288)</t>
  </si>
  <si>
    <t>POINT (4.673791372801698 51.81697619774252)</t>
  </si>
  <si>
    <t>POINT (4.661399961077247 51.78695407909878)</t>
  </si>
  <si>
    <t>POINT (4.660667214231456 51.8128786608133)</t>
  </si>
  <si>
    <t>POINT (4.683358675476174 51.79799123540363)</t>
  </si>
  <si>
    <t>POINT (4.668085020766513 51.77746124258073)</t>
  </si>
  <si>
    <t>POINT (4.6857546226894184 51.80246102788982)</t>
  </si>
  <si>
    <t>POINT (4.661535005083798 51.80367799659282)</t>
  </si>
  <si>
    <t>POINT (4.731501759772629 51.80009794338827)</t>
  </si>
  <si>
    <t>POINT (4.656500770511321 51.81059205619702)</t>
  </si>
  <si>
    <t>POINT (4.717236776136397 51.803485393756546)</t>
  </si>
  <si>
    <t>POINT (4.690516019153163 51.81878145049978)</t>
  </si>
  <si>
    <t>POINT (4.727979940558056 51.7973554683656)</t>
  </si>
  <si>
    <t>POINT (4.7196812693988734 51.80587189597085)</t>
  </si>
  <si>
    <t>POINT (4.672457941092673 51.77555022202433)</t>
  </si>
  <si>
    <t>POINT (4.680778554606523 51.777863018069866)</t>
  </si>
  <si>
    <t>POINT (4.675719645982535 51.80826797627032)</t>
  </si>
  <si>
    <t>POINT (4.68094347848758 51.809842357372844)</t>
  </si>
  <si>
    <t>POINT (4.715764792055293 51.81340154662036)</t>
  </si>
  <si>
    <t>POINT (4.711636161315795 51.81461637020808)</t>
  </si>
  <si>
    <t>POINT (4.655605160775553 51.790383140514045)</t>
  </si>
  <si>
    <t>POINT (4.672785439261574 51.78368645803998)</t>
  </si>
  <si>
    <t>POINT (4.730265647123166 51.79284871714966)</t>
  </si>
  <si>
    <t>POINT (4.675979692630056 51.775252720601294)</t>
  </si>
  <si>
    <t>POINT (4.6738162577658295 51.789486847250146)</t>
  </si>
  <si>
    <t>POINT (4.663061064552227 51.81626216214885)</t>
  </si>
  <si>
    <t>POINT (4.670903783982405 51.810173230194714)</t>
  </si>
  <si>
    <t>POINT (4.6553972637771155 51.80055774184974)</t>
  </si>
  <si>
    <t>POINT (4.681767196590568 51.81839389545756)</t>
  </si>
  <si>
    <t>POINT (4.668859103976094 51.801546795275726)</t>
  </si>
  <si>
    <t>POINT (4.655763670033917 51.800394301953574)</t>
  </si>
  <si>
    <t>POINT (4.660931483027957 51.78984251441744)</t>
  </si>
  <si>
    <t>POINT (4.673251985079618 51.80382334015916)</t>
  </si>
  <si>
    <t>POINT (4.662373594968267 51.80935410736173)</t>
  </si>
  <si>
    <t>POINT (4.732000344674592 51.79125398937203)</t>
  </si>
  <si>
    <t>POINT (4.665274938019569 51.81245881364826)</t>
  </si>
  <si>
    <t>POINT (4.666168838636144 51.81689065722509)</t>
  </si>
  <si>
    <t>POINT (4.661195419547953 51.79040426141337)</t>
  </si>
  <si>
    <t>POINT (4.705395700435502 51.808926763814306)</t>
  </si>
  <si>
    <t>POINT (4.679513041164705 51.78753692746702)</t>
  </si>
  <si>
    <t>POINT (4.662029465154729 51.79923457144128)</t>
  </si>
  <si>
    <t>POINT (4.718001699754445 51.798734305423864)</t>
  </si>
  <si>
    <t>POINT (4.6421942931355575 51.76862716221185)</t>
  </si>
  <si>
    <t>POINT (4.729628400672968 51.803554350221965)</t>
  </si>
  <si>
    <t>POINT (4.65142221574506 51.80293885148219)</t>
  </si>
  <si>
    <t>POINT (4.662676122040943 51.8052320198951)</t>
  </si>
  <si>
    <t>POINT (4.677055829863235 51.80439858907483)</t>
  </si>
  <si>
    <t>POINT (4.714710394145647 51.81449595218418)</t>
  </si>
  <si>
    <t>POINT (4.667635256623291 51.789127984117385)</t>
  </si>
  <si>
    <t>POINT (4.664847279551617 51.78003730542996)</t>
  </si>
  <si>
    <t>POINT (4.669210129482055 51.81157639431844)</t>
  </si>
  <si>
    <t>POINT (4.66750376026435 51.813687656092455)</t>
  </si>
  <si>
    <t>POINT (4.712419695497343 51.80329915900965)</t>
  </si>
  <si>
    <t>POINT (4.6953942810411196 51.7932960551942)</t>
  </si>
  <si>
    <t>POINT (4.666210504222624 51.77556632891386)</t>
  </si>
  <si>
    <t>POINT (4.659347690828468 51.80768934209112)</t>
  </si>
  <si>
    <t>POINT (4.652537705401596 51.80368051465759)</t>
  </si>
  <si>
    <t>POINT (4.663018187754282 51.80500583681456)</t>
  </si>
  <si>
    <t>POINT (4.6766333031586775 51.78494016761861)</t>
  </si>
  <si>
    <t>POINT (4.663481429755075 51.81627068771928)</t>
  </si>
  <si>
    <t>POINT (4.676595825979425 51.7838458630994)</t>
  </si>
  <si>
    <t>POINT (4.706716666203512 51.793179535464475)</t>
  </si>
  <si>
    <t>POINT (4.6719880090088335 51.809811712126454)</t>
  </si>
  <si>
    <t>POINT (4.7013225691940095 51.79030574427084)</t>
  </si>
  <si>
    <t>POINT (4.711353959160214 51.816485281008966)</t>
  </si>
  <si>
    <t>POINT (4.673707516722058 51.81171346864113)</t>
  </si>
  <si>
    <t>POINT (4.666439017358607 51.81565808194311)</t>
  </si>
  <si>
    <t>POINT (4.7093767641212425 51.795639706967336)</t>
  </si>
  <si>
    <t>POINT (4.681964450680386 51.79982725030219)</t>
  </si>
  <si>
    <t>POINT (4.661141485589543 51.78832731155826)</t>
  </si>
  <si>
    <t>POINT (4.719839371930479 51.811470299312134)</t>
  </si>
  <si>
    <t>POINT (4.664401931837592 51.797882542977774)</t>
  </si>
  <si>
    <t>POINT (4.667774908196275 51.80260810751955)</t>
  </si>
  <si>
    <t>POINT (4.653546240981838 51.78852989703973)</t>
  </si>
  <si>
    <t>POINT (4.735380321752468 51.800088938897844)</t>
  </si>
  <si>
    <t>POINT (4.722383699878735 51.80624369154014)</t>
  </si>
  <si>
    <t>POINT (4.655585010768291 51.78741406113374)</t>
  </si>
  <si>
    <t>POINT (4.655612545030883 51.79185844961384)</t>
  </si>
  <si>
    <t>POINT (4.6855903447498495 51.8041018176657)</t>
  </si>
  <si>
    <t>POINT (4.686658995323342 51.80676237691034)</t>
  </si>
  <si>
    <t>POINT (4.656987368225029 51.80979287160971)</t>
  </si>
  <si>
    <t>POINT (4.728874522070012 51.79799469401767)</t>
  </si>
  <si>
    <t>POINT (4.6630685278502915 51.810174318653964)</t>
  </si>
  <si>
    <t>POINT (4.665786060696687 51.779140005192865)</t>
  </si>
  <si>
    <t>POINT (4.719368814044421 51.81113939334289)</t>
  </si>
  <si>
    <t>POINT (4.728223340827981 51.80003483101711)</t>
  </si>
  <si>
    <t>POINT (4.659049921671514 51.801568253131414)</t>
  </si>
  <si>
    <t>POINT (4.681484859314284 51.779348562920774)</t>
  </si>
  <si>
    <t>POINT (4.662734341312388 51.793157298296535)</t>
  </si>
  <si>
    <t>POINT (4.700671203963156 51.789825912035816)</t>
  </si>
  <si>
    <t>POINT (4.662110812072992 51.80422942600445)</t>
  </si>
  <si>
    <t>POINT (4.7130754676123 51.80322515858694)</t>
  </si>
  <si>
    <t>POINT (4.662060079528584 51.78630626445684)</t>
  </si>
  <si>
    <t>POINT (4.663946590998846 51.81422925137825)</t>
  </si>
  <si>
    <t>POINT (4.660317829467627 51.78749247197568)</t>
  </si>
  <si>
    <t>POINT (4.6700199940765525 51.80537450145421)</t>
  </si>
  <si>
    <t>POINT (4.66421876467711 51.81774931224306)</t>
  </si>
  <si>
    <t>POINT (4.677510527247255 51.780694515255455)</t>
  </si>
  <si>
    <t>POINT (4.658037264967086 51.813504473818675)</t>
  </si>
  <si>
    <t>POINT (4.671674312907958 51.81676240367618)</t>
  </si>
  <si>
    <t>POINT (4.690315595515164 51.76873160710722)</t>
  </si>
  <si>
    <t>POINT (4.712172723021248 51.810099879090274)</t>
  </si>
  <si>
    <t>POINT (4.675196118185015 51.815893540310505)</t>
  </si>
  <si>
    <t>POINT (4.706449332258453 51.78743366800051)</t>
  </si>
  <si>
    <t>POINT (4.704373457565941 51.79831318063847)</t>
  </si>
  <si>
    <t>POINT (4.695387600414074 51.79403130731709)</t>
  </si>
  <si>
    <t>POINT (4.66536107472658 51.80987037872472)</t>
  </si>
  <si>
    <t>POINT (4.713960230822124 51.80413019089878)</t>
  </si>
  <si>
    <t>POINT (4.654740736601256 51.792976607285844)</t>
  </si>
  <si>
    <t>POINT (4.72792959112345 51.79111173375552)</t>
  </si>
  <si>
    <t>POINT (4.667651987705397 51.80065259259208)</t>
  </si>
  <si>
    <t>POINT (4.632709582518372 51.78359628082138)</t>
  </si>
  <si>
    <t>POINT (4.684034384570132 51.79811423424642)</t>
  </si>
  <si>
    <t>POINT (4.6830857165672 51.78522750571278)</t>
  </si>
  <si>
    <t>POINT (4.663454932496869 51.81473950079523)</t>
  </si>
  <si>
    <t>POINT (4.659563915752246 51.79757843749411)</t>
  </si>
  <si>
    <t>POINT (4.65103028709877 51.79367990396559)</t>
  </si>
  <si>
    <t>POINT (4.663039473618859 51.79396913607931)</t>
  </si>
  <si>
    <t>POINT (4.679143222797126 51.805505134583434)</t>
  </si>
  <si>
    <t>POINT (4.697390219641488 51.79533478939929)</t>
  </si>
  <si>
    <t>POINT (4.657163966794452 51.802650772909196)</t>
  </si>
  <si>
    <t>POINT (4.66830910919381 51.782537822059005)</t>
  </si>
  <si>
    <t>POINT (4.681419440923749 51.80966655322722)</t>
  </si>
  <si>
    <t>POINT (4.685548784781876 51.80848848906118)</t>
  </si>
  <si>
    <t>POINT (4.7103361932175165 51.793125895091706)</t>
  </si>
  <si>
    <t>POINT (4.688235993760499 51.80973461580303)</t>
  </si>
  <si>
    <t>POINT (4.7274967302819695 51.796790440723356)</t>
  </si>
  <si>
    <t>POINT (4.667951809130176 51.794451351955885)</t>
  </si>
  <si>
    <t>POINT (4.6778111392628725 51.8179019924231)</t>
  </si>
  <si>
    <t>POINT (4.646359982303872 51.780308687712235)</t>
  </si>
  <si>
    <t>POINT (4.7205527901499 51.803559785235656)</t>
  </si>
  <si>
    <t>POINT (4.721846730691424 51.79454090066092)</t>
  </si>
  <si>
    <t>POINT (4.677541182836167 51.8171807099711)</t>
  </si>
  <si>
    <t>POINT (4.632295188850088 51.766353683466306)</t>
  </si>
  <si>
    <t>POINT (4.669439580296642 51.7987651215476)</t>
  </si>
  <si>
    <t>POINT (4.734219308332243 51.80281386892004)</t>
  </si>
  <si>
    <t>POINT (4.663280172590678 51.801193704628204)</t>
  </si>
  <si>
    <t>POINT (4.661858465597627 51.79190723843716)</t>
  </si>
  <si>
    <t>POINT (4.680098741994204 51.80550167417413)</t>
  </si>
  <si>
    <t>POINT (4.733919990634217 51.792295413698874)</t>
  </si>
  <si>
    <t>POINT (4.665972599346968 51.77663773241734)</t>
  </si>
  <si>
    <t>POINT (4.687353622891557 51.81046167216528)</t>
  </si>
  <si>
    <t>POINT (4.690859949468563 51.818125117801465)</t>
  </si>
  <si>
    <t>POINT (4.660003687171811 51.80506466676716)</t>
  </si>
  <si>
    <t>POINT (4.671659615242521 51.792582992457305)</t>
  </si>
  <si>
    <t>POINT (4.66634814270444 51.81575782841762)</t>
  </si>
  <si>
    <t>POINT (4.65385454982392 51.800868475831486)</t>
  </si>
  <si>
    <t>POINT (4.669773470338157 51.8127211049252)</t>
  </si>
  <si>
    <t>POINT (4.709171497598032 51.80893537380975)</t>
  </si>
  <si>
    <t>POINT (4.631746983615037 51.7759439101822)</t>
  </si>
  <si>
    <t>POINT (4.656463501270313 51.8044585068121)</t>
  </si>
  <si>
    <t>POINT (4.659045575398711 51.78317185997539)</t>
  </si>
  <si>
    <t>POINT (4.648125440367289 51.776433197649496)</t>
  </si>
  <si>
    <t>POINT (4.656246592287867 51.799348015585075)</t>
  </si>
  <si>
    <t>POINT (4.685981385571711 51.80756498159722)</t>
  </si>
  <si>
    <t>POINT (4.664260310278816 51.81414767059447)</t>
  </si>
  <si>
    <t>POINT (4.6828821084550185 51.809624600262694)</t>
  </si>
  <si>
    <t>POINT (4.671015515121176 51.81794480868651)</t>
  </si>
  <si>
    <t>POINT (4.709934434786879 51.79913705280124)</t>
  </si>
  <si>
    <t>POINT (4.6744596141400425 51.81810982770027)</t>
  </si>
  <si>
    <t>POINT (4.733260156975705 51.802855376092666)</t>
  </si>
  <si>
    <t>POINT (4.6738339969634906 51.772321279163656)</t>
  </si>
  <si>
    <t>POINT (4.655460692312976 51.80623636054883)</t>
  </si>
  <si>
    <t>POINT (4.723130097452548 51.804039588878915)</t>
  </si>
  <si>
    <t>POINT (4.699147999959557 51.79016734866082)</t>
  </si>
  <si>
    <t>POINT (4.665153214494679 51.79925202128752)</t>
  </si>
  <si>
    <t>POINT (4.656744530715963 51.78886606083306)</t>
  </si>
  <si>
    <t>POINT (4.7112820197822085 51.804310728458525)</t>
  </si>
  <si>
    <t>POINT (4.653650577584949 51.79257744759267)</t>
  </si>
  <si>
    <t>POINT (4.683221457994192 51.79822913350073)</t>
  </si>
  <si>
    <t>POINT (4.713538601295171 51.80569743160105)</t>
  </si>
  <si>
    <t>POINT (4.7319292910707835 51.80386250763)</t>
  </si>
  <si>
    <t>POINT (4.65437074923328 51.79374319982262)</t>
  </si>
  <si>
    <t>POINT (4.7196301100361 51.80014714144818)</t>
  </si>
  <si>
    <t>POINT (4.654596114790155 51.78751123261994)</t>
  </si>
  <si>
    <t>POINT (4.668036573774284 51.79235876359118)</t>
  </si>
  <si>
    <t>POINT (4.685877490207949 51.78643944734457)</t>
  </si>
  <si>
    <t>POINT (4.657269741563434 51.796892146384266)</t>
  </si>
  <si>
    <t>POINT (4.668539243731361 51.79232423527142)</t>
  </si>
  <si>
    <t>POINT (4.708342526459061 51.80652443662906)</t>
  </si>
  <si>
    <t>POINT (4.666877448293934 51.814693583346106)</t>
  </si>
  <si>
    <t>POINT (4.6665812392390205 51.78169330096764)</t>
  </si>
  <si>
    <t>POINT (4.675878980454857 51.78494792830394)</t>
  </si>
  <si>
    <t>POINT (4.728994869688642 51.79630333793466)</t>
  </si>
  <si>
    <t>POINT (4.735419831032288 51.79988909831027)</t>
  </si>
  <si>
    <t>POINT (4.658918173284752 51.814739658751535)</t>
  </si>
  <si>
    <t>POINT (4.668372488210698 51.803774070137926)</t>
  </si>
  <si>
    <t>POINT (4.661903636446078 51.78747480021191)</t>
  </si>
  <si>
    <t>POINT (4.65108952155053 51.802805898228975)</t>
  </si>
  <si>
    <t>POINT (4.663622594956598 51.8145652284728)</t>
  </si>
  <si>
    <t>POINT (4.684075944285651 51.80389878605438)</t>
  </si>
  <si>
    <t>POINT (4.7197513508635565 51.81124284464688)</t>
  </si>
  <si>
    <t>POINT (4.712666739274017 51.79752854277856)</t>
  </si>
  <si>
    <t>POINT (4.667850898383221 51.81624538154085)</t>
  </si>
  <si>
    <t>POINT (4.7144218680644885 51.813905093323804)</t>
  </si>
  <si>
    <t>POINT (4.657069062133476 51.80998121658011)</t>
  </si>
  <si>
    <t>POINT (4.712770860881117 51.80631795715944)</t>
  </si>
  <si>
    <t>POINT (4.700103360319368 51.79913674566041)</t>
  </si>
  <si>
    <t>POINT (4.7177187106759115 51.798607371251386)</t>
  </si>
  <si>
    <t>POINT (4.666093247250168 51.80307255798733)</t>
  </si>
  <si>
    <t>POINT (4.666580515767629 51.79634575402507)</t>
  </si>
  <si>
    <t>POINT (4.630822792702107 51.72307050175071)</t>
  </si>
  <si>
    <t>POINT (4.695509732722212 51.79578089057518)</t>
  </si>
  <si>
    <t>POINT (4.658621829397455 51.81199714253498)</t>
  </si>
  <si>
    <t>POINT (4.718746025194756 51.79925360702767)</t>
  </si>
  <si>
    <t>POINT (4.706723620131859 51.80669512032713)</t>
  </si>
  <si>
    <t>POINT (4.65738356557429 51.812094301158055)</t>
  </si>
  <si>
    <t>POINT (4.723597211228363 51.798845986631854)</t>
  </si>
  <si>
    <t>POINT (4.711401151094247 51.81645342737409)</t>
  </si>
  <si>
    <t>POINT (4.6706913522716125 51.81125488009287)</t>
  </si>
  <si>
    <t>POINT (4.657289341366022 51.797992233775176)</t>
  </si>
  <si>
    <t>POINT (4.715190629462509 51.81497257498534)</t>
  </si>
  <si>
    <t>POINT (4.652093254696005 51.79371795793342)</t>
  </si>
  <si>
    <t>POINT (4.665385606911029 51.79507067865782)</t>
  </si>
  <si>
    <t>POINT (4.654367319430847 51.76705646265807)</t>
  </si>
  <si>
    <t>POINT (4.670698676392072 51.808571984319705)</t>
  </si>
  <si>
    <t>POINT (4.673918800094747 51.81662504796634)</t>
  </si>
  <si>
    <t>POINT (4.709034726060639 51.80784116840481)</t>
  </si>
  <si>
    <t>POINT (4.702121178870307 51.815928879143534)</t>
  </si>
  <si>
    <t>POINT (4.682131610427365 51.781915310144505)</t>
  </si>
  <si>
    <t>POINT (4.676301447157968 51.7865901537443)</t>
  </si>
  <si>
    <t>POINT (4.682088887298783 51.78593024946417)</t>
  </si>
  <si>
    <t>POINT (4.655090523491005 51.80096087707679)</t>
  </si>
  <si>
    <t>POINT (4.6671004680537145 51.7534264941831)</t>
  </si>
  <si>
    <t>POINT (4.710388154891937 51.81001192928005)</t>
  </si>
  <si>
    <t>POINT (4.658984985942491 51.80414056743962)</t>
  </si>
  <si>
    <t>POINT (4.714452947758852 51.818911977088284)</t>
  </si>
  <si>
    <t>POINT (4.708906321803886 51.806791684628536)</t>
  </si>
  <si>
    <t>POINT (4.719727593658688 51.802161251813224)</t>
  </si>
  <si>
    <t>POINT (4.6669238029436695 51.81585245415257)</t>
  </si>
  <si>
    <t>POINT (4.629033756560173 51.72623576213928)</t>
  </si>
  <si>
    <t>POINT (4.708770015569026 51.78795010918443)</t>
  </si>
  <si>
    <t>POINT (4.6741355117142325 51.81477534634308)</t>
  </si>
  <si>
    <t>POINT (4.65388836790688 51.801779233619946)</t>
  </si>
  <si>
    <t>POINT (4.673409814571112 51.8050998301866)</t>
  </si>
  <si>
    <t>POINT (4.663233889052814 51.81124690683703)</t>
  </si>
  <si>
    <t>POINT (4.719923115921779 51.80430262307106)</t>
  </si>
  <si>
    <t>POINT (4.6613109192768825 51.788995888524646)</t>
  </si>
  <si>
    <t>POINT (4.6597065905947925 51.789872110962385)</t>
  </si>
  <si>
    <t>POINT (4.676901864228352 51.773595874339826)</t>
  </si>
  <si>
    <t>POINT (4.683890248501259 51.798102458056476)</t>
  </si>
  <si>
    <t>POINT (4.66429493746075 51.78753479232805)</t>
  </si>
  <si>
    <t>POINT (4.679907175250041 51.80897187309991)</t>
  </si>
  <si>
    <t>POINT (4.729259011180994 51.80276533335225)</t>
  </si>
  <si>
    <t>POINT (4.627761434822676 51.793953395766884)</t>
  </si>
  <si>
    <t>POINT (4.662318647115901 51.80526111067507)</t>
  </si>
  <si>
    <t>POINT (4.70707672758782 51.79317340774316)</t>
  </si>
  <si>
    <t>POINT (4.664795990314949 51.79572757499835)</t>
  </si>
  <si>
    <t>POINT (4.682659609094961 51.807004586597884)</t>
  </si>
  <si>
    <t>POINT (4.732542911458381 51.80142083518286)</t>
  </si>
  <si>
    <t>POINT (4.703981989819268 51.78820318101072)</t>
  </si>
  <si>
    <t>POINT (4.681920470790596 51.78097916230405)</t>
  </si>
  <si>
    <t>POINT (4.7121405204582665 51.815900207289715)</t>
  </si>
  <si>
    <t>POINT (4.652562867209609 51.80364543649674)</t>
  </si>
  <si>
    <t>POINT (4.625896381105196 51.795747943916545)</t>
  </si>
  <si>
    <t>POINT (4.660571852080084 51.7898905791972)</t>
  </si>
  <si>
    <t>POINT (4.67095010829047 51.79732655339716)</t>
  </si>
  <si>
    <t>POINT (4.713087452000644 51.80373383220153)</t>
  </si>
  <si>
    <t>POINT (4.660872236409885 51.793590895982355)</t>
  </si>
  <si>
    <t>POINT (4.71035630119023 51.809961364204085)</t>
  </si>
  <si>
    <t>POINT (4.6776741018026256 51.790461769094684)</t>
  </si>
  <si>
    <t>POINT (4.665583816313299 51.78705267281512)</t>
  </si>
  <si>
    <t>POINT (4.66823990602177 51.79013098328192)</t>
  </si>
  <si>
    <t>POINT (4.692386841174715 51.78616866731779)</t>
  </si>
  <si>
    <t>POINT (4.6665679171968675 51.771783573940404)</t>
  </si>
  <si>
    <t>POINT (4.662618346265976 51.81654082014295)</t>
  </si>
  <si>
    <t>POINT (4.671423156163095 51.81371368557715)</t>
  </si>
  <si>
    <t>POINT (4.664964370305941 51.77502271851144)</t>
  </si>
  <si>
    <t>POINT (4.69105283285505 51.80845142886842)</t>
  </si>
  <si>
    <t>POINT (4.7215327507045 51.81107345096389)</t>
  </si>
  <si>
    <t>POINT (4.667826421308081 51.7828629775793)</t>
  </si>
  <si>
    <t>POINT (4.681471381154778 51.78915144494659)</t>
  </si>
  <si>
    <t>POINT (4.644829259878374 51.77385654119977)</t>
  </si>
  <si>
    <t>POINT (4.668430950283564 51.81769516793399)</t>
  </si>
  <si>
    <t>POINT (4.698258527622559 51.79633934168979)</t>
  </si>
  <si>
    <t>POINT (4.660529380782754 51.80457243991544)</t>
  </si>
  <si>
    <t>POINT (4.680477553634983 51.809803103214584)</t>
  </si>
  <si>
    <t>POINT (4.640565535771042 51.76814691688158)</t>
  </si>
  <si>
    <t>POINT (4.721728322700807 51.79454022908625)</t>
  </si>
  <si>
    <t>POINT (4.664698393278929 51.791516792907686)</t>
  </si>
  <si>
    <t>POINT (4.6859645628257125 51.809826231716606)</t>
  </si>
  <si>
    <t>POINT (4.719713161854784 51.811111069756414)</t>
  </si>
  <si>
    <t>POINT (4.705968399311325 51.79061112159369)</t>
  </si>
  <si>
    <t>POINT (4.660256897082394 51.80294699864601)</t>
  </si>
  <si>
    <t>POINT (4.673383194816389 51.785275371567)</t>
  </si>
  <si>
    <t>POINT (4.665424182505263 51.79481060330387)</t>
  </si>
  <si>
    <t>POINT (4.658608043624304 51.81461531686708)</t>
  </si>
  <si>
    <t>POINT (4.656947536814298 51.79336309941121)</t>
  </si>
  <si>
    <t>POINT (4.6763749709574185 51.77792023267428)</t>
  </si>
  <si>
    <t>POINT (4.669800140038683 51.81110701856387)</t>
  </si>
  <si>
    <t>POINT (4.659105318783783 51.81348493917308)</t>
  </si>
  <si>
    <t>POINT (4.670668979018017 51.784576697637384)</t>
  </si>
  <si>
    <t>POINT (4.716685222275179 51.81473272278039)</t>
  </si>
  <si>
    <t>POINT (4.67618306531763 51.8080694478304)</t>
  </si>
  <si>
    <t>POINT (4.666954973995634 51.79388571695943)</t>
  </si>
  <si>
    <t>POINT (4.711350251387896 51.811140029975604)</t>
  </si>
  <si>
    <t>POINT (4.6310548559055 51.72357751138649)</t>
  </si>
  <si>
    <t>POINT (4.66739118503803 51.78983939865173)</t>
  </si>
  <si>
    <t>POINT (4.685210161724818 51.78918511351555)</t>
  </si>
  <si>
    <t>POINT (4.670035727341009 51.77764832258936)</t>
  </si>
  <si>
    <t>POINT (4.697086971870228 51.79333642421355)</t>
  </si>
  <si>
    <t>POINT (4.687303860771586 51.809293559194494)</t>
  </si>
  <si>
    <t>POINT (4.664665901224689 51.793751813006295)</t>
  </si>
  <si>
    <t>POINT (4.666891657098334 51.81550436817639)</t>
  </si>
  <si>
    <t>POINT (4.728034357462589 51.79189366088781)</t>
  </si>
  <si>
    <t>POINT (4.700869355347085 51.82098461627461)</t>
  </si>
  <si>
    <t>POINT (4.709380548677193 51.804709606365336)</t>
  </si>
  <si>
    <t>POINT (4.693907121292147 51.79046131701267)</t>
  </si>
  <si>
    <t>POINT (4.670365936903625 51.817000250519854)</t>
  </si>
  <si>
    <t>POINT (4.688069021519272 51.81907666634149)</t>
  </si>
  <si>
    <t>POINT (4.655464492393515 51.794405195776186)</t>
  </si>
  <si>
    <t>POINT (4.664283681315701 51.817644481717245)</t>
  </si>
  <si>
    <t>POINT (4.71470763375559 51.79693670631307)</t>
  </si>
  <si>
    <t>POINT (4.706937990310573 51.808405797816334)</t>
  </si>
  <si>
    <t>POINT (4.663258174320387 51.78889814266028)</t>
  </si>
  <si>
    <t>POINT (4.73284562367544 51.80171633529625)</t>
  </si>
  <si>
    <t>POINT (4.639670670181181 51.76181384586884)</t>
  </si>
  <si>
    <t>POINT (4.725778865232168 51.79990875442807)</t>
  </si>
  <si>
    <t>POINT (4.685872632035276 51.78641072640293)</t>
  </si>
  <si>
    <t>POINT (4.666422903008805 51.80066246863433)</t>
  </si>
  <si>
    <t>POINT (4.731516475043887 51.79768554655801)</t>
  </si>
  <si>
    <t>POINT (4.665310106142792 51.79700302659191)</t>
  </si>
  <si>
    <t>POINT (4.660062516119264 51.811197761844824)</t>
  </si>
  <si>
    <t>POINT (4.660522758894261 51.80355811485463)</t>
  </si>
  <si>
    <t>POINT (4.680825432727863 51.801649990045036)</t>
  </si>
  <si>
    <t>POINT (4.657390472928592 51.79676571630742)</t>
  </si>
  <si>
    <t>POINT (4.712732901158047 51.81556024726354)</t>
  </si>
  <si>
    <t>POINT (4.674608979509177 51.81426507705886)</t>
  </si>
  <si>
    <t>POINT (4.686540803464414 51.805915199367874)</t>
  </si>
  <si>
    <t>POINT (4.733311516086013 51.8012390652418)</t>
  </si>
  <si>
    <t>POINT (4.703686866097562 51.79797656630319)</t>
  </si>
  <si>
    <t>POINT (4.653513844185801 51.79445339011884)</t>
  </si>
  <si>
    <t>POINT (4.718928375150858 51.8023083770802)</t>
  </si>
  <si>
    <t>POINT (4.667506864139478 51.811727163697824)</t>
  </si>
  <si>
    <t>POINT (4.664228876432988 51.79225248398906)</t>
  </si>
  <si>
    <t>POINT (4.676743957223508 51.78643589199442)</t>
  </si>
  <si>
    <t>POINT (4.651391197981854 51.80171995076424)</t>
  </si>
  <si>
    <t>POINT (4.656816408290652 51.799595059091914)</t>
  </si>
  <si>
    <t>POINT (4.6635531341258725 51.815202699717446)</t>
  </si>
  <si>
    <t>POINT (4.675629437705175 51.81305523679315)</t>
  </si>
  <si>
    <t>POINT (4.6749149802556955 51.78633235174186)</t>
  </si>
  <si>
    <t>POINT (4.724158670471773 51.799093229536254)</t>
  </si>
  <si>
    <t>POINT (4.670926322250197 51.79029591897726)</t>
  </si>
  <si>
    <t>POINT (4.664781467290961 51.812528621122205)</t>
  </si>
  <si>
    <t>POINT (4.660579513709231 51.80704376837282)</t>
  </si>
  <si>
    <t>POINT (4.659357053305926 51.772523256128586)</t>
  </si>
  <si>
    <t>POINT (4.702147591551165 51.7952101988002)</t>
  </si>
  <si>
    <t>POINT (4.712870653138762 51.80969873761415)</t>
  </si>
  <si>
    <t>POINT (4.675776969725193 51.784745360555185)</t>
  </si>
  <si>
    <t>POINT (4.68039457657121 51.80922047921618)</t>
  </si>
  <si>
    <t>POINT (4.706285941804188 51.79001147935431)</t>
  </si>
  <si>
    <t>POINT (4.659611925824037 51.79241827612485)</t>
  </si>
  <si>
    <t>POINT (4.680279991667501 51.81607200240459)</t>
  </si>
  <si>
    <t>POINT (4.665169980449262 51.780510633503646)</t>
  </si>
  <si>
    <t>POINT (4.653466260499003 51.79473012451953)</t>
  </si>
  <si>
    <t>POINT (4.653480286882713 51.79499963078851)</t>
  </si>
  <si>
    <t>POINT (4.721522226244034 51.81097499267646)</t>
  </si>
  <si>
    <t>POINT (4.670464467170067 51.780335106923566)</t>
  </si>
  <si>
    <t>POINT (4.724293752415214 51.798265023945795)</t>
  </si>
  <si>
    <t>POINT (4.683569964738287 51.779382105508404)</t>
  </si>
  <si>
    <t>POINT (4.658855305735067 51.80057114251434)</t>
  </si>
  <si>
    <t>POINT (4.658258513897196 51.7954730182913)</t>
  </si>
  <si>
    <t>POINT (4.715335009120173 51.80329597828734)</t>
  </si>
  <si>
    <t>POINT (4.631162264073114 51.72343119258715)</t>
  </si>
  <si>
    <t>POINT (4.683882096234338 51.781406901823665)</t>
  </si>
  <si>
    <t>POINT (4.668122411043692 51.81523063322098)</t>
  </si>
  <si>
    <t>POINT (4.679042221747684 51.77404886877972)</t>
  </si>
  <si>
    <t>POINT (4.677187282101167 51.81499770345208)</t>
  </si>
  <si>
    <t>POINT (4.682918044507433 51.813263580653164)</t>
  </si>
  <si>
    <t>POINT (4.668949945791679 51.782937206049596)</t>
  </si>
  <si>
    <t>POINT (4.666039489540547 51.81035455450016)</t>
  </si>
  <si>
    <t>POINT (4.70578559763315 51.78974125111705)</t>
  </si>
  <si>
    <t>POINT (4.719013185338524 51.81118326495092)</t>
  </si>
  <si>
    <t>POINT (4.656012862632286 51.78967614951599)</t>
  </si>
  <si>
    <t>POINT (4.706199486498099 51.790001557386645)</t>
  </si>
  <si>
    <t>POINT (4.648022329766009 51.79429120690605)</t>
  </si>
  <si>
    <t>POINT (4.702070483712224 51.81592555402889)</t>
  </si>
  <si>
    <t>POINT (4.717865475784807 51.80093673629517)</t>
  </si>
  <si>
    <t>POINT (4.680445411018273 51.80901636505479)</t>
  </si>
  <si>
    <t>POINT (4.670564565559627 51.81812931689677)</t>
  </si>
  <si>
    <t>POINT (4.659087657724483 51.815136104567195)</t>
  </si>
  <si>
    <t>POINT (4.6684877258565605 51.783426785191644)</t>
  </si>
  <si>
    <t>POINT (4.675844490585066 51.80477731534616)</t>
  </si>
  <si>
    <t>POINT (4.665058410143044 51.802348069151215)</t>
  </si>
  <si>
    <t>POINT (4.6629684576517265 51.79039639850338)</t>
  </si>
  <si>
    <t>POINT (4.6641055404842335 51.81064303723482)</t>
  </si>
  <si>
    <t>POINT (4.691208125299434 51.789337849011226)</t>
  </si>
  <si>
    <t>POINT (4.711537714928974 51.80492991906916)</t>
  </si>
  <si>
    <t>POINT (4.655242492881044 51.78866482522569)</t>
  </si>
  <si>
    <t>POINT (4.659575303652578 51.78713971783737)</t>
  </si>
  <si>
    <t>POINT (4.667741312276423 51.813709130473335)</t>
  </si>
  <si>
    <t>POINT (4.672674601311649 51.783644273094616)</t>
  </si>
  <si>
    <t>POINT (4.668238261648059 51.8041638690796)</t>
  </si>
  <si>
    <t>POINT (4.657675707456327 51.80232038527423)</t>
  </si>
  <si>
    <t>POINT (4.712819226085487 51.79552090392813)</t>
  </si>
  <si>
    <t>POINT (4.6729706040969825 51.81742098952767)</t>
  </si>
  <si>
    <t>POINT (4.673951837273489 51.805689053240364)</t>
  </si>
  <si>
    <t>POINT (4.676056713438476 51.8051150210106)</t>
  </si>
  <si>
    <t>POINT (4.680840338278716 51.77800497121856)</t>
  </si>
  <si>
    <t>POINT (4.686955952466402 51.806092111652745)</t>
  </si>
  <si>
    <t>POINT (4.725290128720008 51.7959396414793)</t>
  </si>
  <si>
    <t>POINT (4.67025604884434 51.77648403136836)</t>
  </si>
  <si>
    <t>POINT (4.72807991279979 51.79763810267335)</t>
  </si>
  <si>
    <t>POINT (4.658002940014651 51.77182808778507)</t>
  </si>
  <si>
    <t>POINT (4.696947042403173 51.7990859589362)</t>
  </si>
  <si>
    <t>POINT (4.656346906045164 51.80982038979343)</t>
  </si>
  <si>
    <t>POINT (4.65730488803692 51.79082217518219)</t>
  </si>
  <si>
    <t>POINT (4.663556749406756 51.81383636193472)</t>
  </si>
  <si>
    <t>POINT (4.698444148242524 51.793419554118174)</t>
  </si>
  <si>
    <t>POINT (4.677451343972862 51.81473715526846)</t>
  </si>
  <si>
    <t>POINT (4.668796342158193 51.80163681024579)</t>
  </si>
  <si>
    <t>POINT (4.6861428556760005 51.804577025275535)</t>
  </si>
  <si>
    <t>POINT (4.670976089724965 51.77286509809655)</t>
  </si>
  <si>
    <t>POINT (4.67950134066336 51.804044900414375)</t>
  </si>
  <si>
    <t>POINT (4.704082959766645 51.795658934998904)</t>
  </si>
  <si>
    <t>POINT (4.693530621761501 51.79561677582911)</t>
  </si>
  <si>
    <t>POINT (4.647083583600537 51.79989679705251)</t>
  </si>
  <si>
    <t>POINT (4.68059914569402 51.79880053745944)</t>
  </si>
  <si>
    <t>POINT (4.680603943924313 51.78195551029849)</t>
  </si>
  <si>
    <t>POINT (4.702952933784884 51.794998792985425)</t>
  </si>
  <si>
    <t>POINT (4.703309081898659 51.799292417357634)</t>
  </si>
  <si>
    <t>POINT (4.685868016178848 51.78687458707415)</t>
  </si>
  <si>
    <t>POINT (4.665815714170899 51.79602494846146)</t>
  </si>
  <si>
    <t>POINT (4.715337663524818 51.80073631377876)</t>
  </si>
  <si>
    <t>POINT (4.67758271973059 51.78990470843952)</t>
  </si>
  <si>
    <t>POINT (4.669482967350133 51.81076709587009)</t>
  </si>
  <si>
    <t>POINT (4.654273393250442 51.7947282753807)</t>
  </si>
  <si>
    <t>POINT (4.710269793348745 51.80583180426171)</t>
  </si>
  <si>
    <t>POINT (4.675412160313612 51.78333928321921)</t>
  </si>
  <si>
    <t>POINT (4.705980804199524 51.80845822183388)</t>
  </si>
  <si>
    <t>POINT (4.6934705925830045 51.796999516979746)</t>
  </si>
  <si>
    <t>POINT (4.7141448475163354 51.80008779558804)</t>
  </si>
  <si>
    <t>POINT (4.668768785667523 51.77381659004448)</t>
  </si>
  <si>
    <t>POINT (4.722586353201622 51.80517102064963)</t>
  </si>
  <si>
    <t>POINT (4.734287266213998 51.80243512448231)</t>
  </si>
  <si>
    <t>POINT (4.671479672503612 51.805313715773444)</t>
  </si>
  <si>
    <t>POINT (4.662350237757531 51.80203920157698)</t>
  </si>
  <si>
    <t>POINT (4.661456580913389 51.7937293428406)</t>
  </si>
  <si>
    <t>POINT (4.671338850411277 51.782167994602375)</t>
  </si>
  <si>
    <t>POINT (4.685294716854758 51.81156458973496)</t>
  </si>
  <si>
    <t>POINT (4.71665748582861 51.8128650133968)</t>
  </si>
  <si>
    <t>POINT (4.676886699223552 51.80525079760406)</t>
  </si>
  <si>
    <t>POINT (4.694648057367226 51.818262569078975)</t>
  </si>
  <si>
    <t>POINT (4.716847452216865 51.795436062530285)</t>
  </si>
  <si>
    <t>POINT (4.678169169771893 51.80548020583401)</t>
  </si>
  <si>
    <t>POINT (4.681314729644857 51.818083232442376)</t>
  </si>
  <si>
    <t>POINT (4.681780566593638 51.77746473701532)</t>
  </si>
  <si>
    <t>POINT (4.659637786272273 51.80432276397132)</t>
  </si>
  <si>
    <t>POINT (4.674461866859153 51.78620790151165)</t>
  </si>
  <si>
    <t>POINT (4.66067276220015 51.79310113379142)</t>
  </si>
  <si>
    <t>POINT (4.652987294984175 51.79120225913156)</t>
  </si>
  <si>
    <t>POINT (4.696232932987499 51.79297480761101)</t>
  </si>
  <si>
    <t>POINT (4.683996145101762 51.778181838661034)</t>
  </si>
  <si>
    <t>POINT (4.699002372126269 51.79996738931953)</t>
  </si>
  <si>
    <t>POINT (4.628429684563589 51.72443667267223)</t>
  </si>
  <si>
    <t>POINT (4.658335513629936 51.771830020336104)</t>
  </si>
  <si>
    <t>POINT (4.668770498077785 51.796920016502646)</t>
  </si>
  <si>
    <t>POINT (4.710001634226226 51.79916482012883)</t>
  </si>
  <si>
    <t>POINT (4.674899208310735 51.80751346018268)</t>
  </si>
  <si>
    <t>POINT (4.652858093375868 51.80356459750362)</t>
  </si>
  <si>
    <t>POINT (4.669809264157416 51.81562818895867)</t>
  </si>
  <si>
    <t>POINT (4.699847136834502 51.817507831312355)</t>
  </si>
  <si>
    <t>POINT (4.666238922535477 51.80963005179862)</t>
  </si>
  <si>
    <t>POINT (4.656008981587515 51.80658204094465)</t>
  </si>
  <si>
    <t>POINT (4.6858153887056755 51.79176196953495)</t>
  </si>
  <si>
    <t>POINT (4.649882257986478 51.79399138017298)</t>
  </si>
  <si>
    <t>POINT (4.672251307930414 51.81490517554348)</t>
  </si>
  <si>
    <t>POINT (4.709661613532552 51.80649424522835)</t>
  </si>
  <si>
    <t>POINT (4.660995727298636 51.80421648054385)</t>
  </si>
  <si>
    <t>POINT (4.711574714149098 51.81597021776585)</t>
  </si>
  <si>
    <t>POINT (4.666651228384534 51.771887905549995)</t>
  </si>
  <si>
    <t>POINT (4.661137219114039 51.78696675417563)</t>
  </si>
  <si>
    <t>POINT (4.679276422352858 51.80407311638237)</t>
  </si>
  <si>
    <t>POINT (4.676241410454599 51.818429314753054)</t>
  </si>
  <si>
    <t>POINT (4.679459924045557 51.77915423283325)</t>
  </si>
  <si>
    <t>POINT (4.706603225033473 51.78963023244169)</t>
  </si>
  <si>
    <t>POINT (4.677585747339937 51.78131879524141)</t>
  </si>
  <si>
    <t>POINT (4.6300395969115336 51.72116400719289)</t>
  </si>
  <si>
    <t>POINT (4.665557789545575 51.80156041549254)</t>
  </si>
  <si>
    <t>POINT (4.660010171772577 51.81084135070993)</t>
  </si>
  <si>
    <t>POINT (4.651235741456332 51.79087815287761)</t>
  </si>
  <si>
    <t>POINT (4.662404476915889 51.80153579229811)</t>
  </si>
  <si>
    <t>POINT (4.670088702242132 51.78930467847222)</t>
  </si>
  <si>
    <t>POINT (4.678028735261293 51.788459596770096)</t>
  </si>
  <si>
    <t>POINT (4.67844772818365 51.78705458038473)</t>
  </si>
  <si>
    <t>POINT (4.683468668418889 51.810720116494025)</t>
  </si>
  <si>
    <t>POINT (4.712993454057136 51.79558514947228)</t>
  </si>
  <si>
    <t>POINT (4.6832393401761365 51.81924088222031)</t>
  </si>
  <si>
    <t>POINT (4.707618128345014 51.789388577178094)</t>
  </si>
  <si>
    <t>POINT (4.703307128918374 51.79590647527408)</t>
  </si>
  <si>
    <t>POINT (4.676045883698874 51.81466375767119)</t>
  </si>
  <si>
    <t>POINT (4.700651485288595 51.789543426434754)</t>
  </si>
  <si>
    <t>POINT (4.6569699823335835 51.803930706694636)</t>
  </si>
  <si>
    <t>POINT (4.654111183498038 51.80361992960464)</t>
  </si>
  <si>
    <t>POINT (4.7045486367342955 51.791976157403845)</t>
  </si>
  <si>
    <t>POINT (4.6729520930172805 51.817402063590436)</t>
  </si>
  <si>
    <t>POINT (4.66439884978806 51.80239902771411)</t>
  </si>
  <si>
    <t>POINT (4.710230397976865 51.78645827415505)</t>
  </si>
  <si>
    <t>POINT (4.6939196420519185 51.79211119089636)</t>
  </si>
  <si>
    <t>POINT (4.730606338169429 51.79882286812105)</t>
  </si>
  <si>
    <t>POINT (4.650004534670775 51.79311568621877)</t>
  </si>
  <si>
    <t>POINT (4.669258869133913 51.80620960568024)</t>
  </si>
  <si>
    <t>POINT (4.675241114026788 51.81767640967564)</t>
  </si>
  <si>
    <t>POINT (4.668375461569337 51.813039998412975)</t>
  </si>
  <si>
    <t>POINT (4.6609333973310285 51.794719743284226)</t>
  </si>
  <si>
    <t>POINT (4.666416033569812 51.80396253379083)</t>
  </si>
  <si>
    <t>POINT (4.6793874890792235 51.78925760349675)</t>
  </si>
  <si>
    <t>POINT (4.67045804667059 51.78023661436625)</t>
  </si>
  <si>
    <t>POINT (4.683903956034706 51.8009441667815)</t>
  </si>
  <si>
    <t>POINT (4.670959859729161 51.80258258633554)</t>
  </si>
  <si>
    <t>POINT (4.667496685542719 51.798795493355875)</t>
  </si>
  <si>
    <t>POINT (4.66825915879331 51.77371229010881)</t>
  </si>
  <si>
    <t>POINT (4.707674854304411 51.797230760527164)</t>
  </si>
  <si>
    <t>POINT (4.65759298375492 51.78731539497731)</t>
  </si>
  <si>
    <t>POINT (4.726605180634654 51.80500123158797)</t>
  </si>
  <si>
    <t>POINT (4.657997887511852 51.79080254794769)</t>
  </si>
  <si>
    <t>POINT (4.65770058394334 51.7918019427503)</t>
  </si>
  <si>
    <t>POINT (4.660273572473724 51.801235160112086)</t>
  </si>
  <si>
    <t>POINT (4.676516423067563 51.804813917012325)</t>
  </si>
  <si>
    <t>POINT (4.68606822540707 51.804339377333406)</t>
  </si>
  <si>
    <t>POINT (4.699630978580715 51.79972507295044)</t>
  </si>
  <si>
    <t>POINT (4.666819435260293 51.81549969120768)</t>
  </si>
  <si>
    <t>POINT (4.666601171724473 51.812390075765904)</t>
  </si>
  <si>
    <t>POINT (4.6640152003679525 51.81266530238655)</t>
  </si>
  <si>
    <t>POINT (4.689238814162285 51.810380469553)</t>
  </si>
  <si>
    <t>POINT (4.675858054446071 51.81354102220131)</t>
  </si>
  <si>
    <t>POINT (4.675984993103767 51.78569936116637)</t>
  </si>
  <si>
    <t>POINT (4.685939012734948 51.791837835995395)</t>
  </si>
  <si>
    <t>POINT (4.709467518921402 51.80590665991422)</t>
  </si>
  <si>
    <t>POINT (4.731040802733393 51.80450257599437)</t>
  </si>
  <si>
    <t>POINT (4.671850020566126 51.80592514608184)</t>
  </si>
  <si>
    <t>POINT (4.728417000596473 51.796306791150535)</t>
  </si>
  <si>
    <t>POINT (4.71197251648573 51.798987345393925)</t>
  </si>
  <si>
    <t>POINT (4.654033931315451 51.781162170508395)</t>
  </si>
  <si>
    <t>POINT (4.6717429710971885 51.78105506970398)</t>
  </si>
  <si>
    <t>POINT (4.676412913845466 51.78941200322988)</t>
  </si>
  <si>
    <t>POINT (4.68488474539668 51.77690176986917)</t>
  </si>
  <si>
    <t>POINT (4.722236662467234 51.80070335581841)</t>
  </si>
  <si>
    <t>POINT (4.660917148226895 51.77155677033313)</t>
  </si>
  <si>
    <t>POINT (4.698202653549882 51.79184955874799)</t>
  </si>
  <si>
    <t>POINT (4.725507026334447 51.79714516389087)</t>
  </si>
  <si>
    <t>POINT (4.683560129798885 51.79805246117359)</t>
  </si>
  <si>
    <t>POINT (4.6952874118156585 51.81797886516534)</t>
  </si>
  <si>
    <t>POINT (4.703481951451699 51.79033668626432)</t>
  </si>
  <si>
    <t>POINT (4.681030641225573 51.7997222458595)</t>
  </si>
  <si>
    <t>POINT (4.714418910073459 51.81503333907027)</t>
  </si>
  <si>
    <t>POINT (4.6645494099505616 51.79096226108911)</t>
  </si>
  <si>
    <t>POINT (4.7238849734542665 51.80340398423266)</t>
  </si>
  <si>
    <t>POINT (4.687663340326308 51.80549937553334)</t>
  </si>
  <si>
    <t>POINT (4.675958874692632 51.784796575651384)</t>
  </si>
  <si>
    <t>POINT (4.66984603263365 51.804171992617654)</t>
  </si>
  <si>
    <t>POINT (4.632047402305076 51.722908304481734)</t>
  </si>
  <si>
    <t>POINT (4.726095051003704 51.79590654439252)</t>
  </si>
  <si>
    <t>POINT (4.659515581866639 51.80441291779933)</t>
  </si>
  <si>
    <t>POINT (4.668356945478028 51.815209041066424)</t>
  </si>
  <si>
    <t>POINT (4.6674928554945465 51.795531261715155)</t>
  </si>
  <si>
    <t>POINT (4.677541397717732 51.780873999672586)</t>
  </si>
  <si>
    <t>POINT (4.731442478939155 51.797714696650296)</t>
  </si>
  <si>
    <t>POINT (4.729079117733827 51.80525276560411)</t>
  </si>
  <si>
    <t>POINT (4.732701088063171 51.798039904279584)</t>
  </si>
  <si>
    <t>POINT (4.667721363718122 51.78004818398148)</t>
  </si>
  <si>
    <t>POINT (4.679939020846747 51.808098123497565)</t>
  </si>
  <si>
    <t>POINT (4.627049481844174 51.78892443260343)</t>
  </si>
  <si>
    <t>POINT (4.663861424548696 51.793091983843944)</t>
  </si>
  <si>
    <t>POINT (4.671463728290559 51.80586333032523)</t>
  </si>
  <si>
    <t>POINT (4.699406079148735 51.79579177046094)</t>
  </si>
  <si>
    <t>POINT (4.657890773416123 51.78129697395556)</t>
  </si>
  <si>
    <t>POINT (4.722472130031745 51.79706623854349)</t>
  </si>
  <si>
    <t>POINT (4.719934674532179 51.799947609089976)</t>
  </si>
  <si>
    <t>POINT (4.636159590730081 51.7760339936072)</t>
  </si>
  <si>
    <t>POINT (4.686106323773471 51.789170715650414)</t>
  </si>
  <si>
    <t>POINT (4.693503597652465 51.79688479195671)</t>
  </si>
  <si>
    <t>POINT (4.657327919046697 51.790834803792244)</t>
  </si>
  <si>
    <t>POINT (4.71796439083444 51.80309832414121)</t>
  </si>
  <si>
    <t>POINT (4.659837130871139 51.79136975586528)</t>
  </si>
  <si>
    <t>POINT (4.734799717733926 51.79741763269176)</t>
  </si>
  <si>
    <t>POINT (4.666993913205325 51.81356731589015)</t>
  </si>
  <si>
    <t>POINT (4.6568774151144945 51.8040178512515)</t>
  </si>
  <si>
    <t>POINT (4.678434482262983 51.81386665707748)</t>
  </si>
  <si>
    <t>POINT (4.674130529806923 51.80834917893325)</t>
  </si>
  <si>
    <t>POINT (4.670456370844663 51.80430364038606)</t>
  </si>
  <si>
    <t>POINT (4.670112870059512 51.8060917007818)</t>
  </si>
  <si>
    <t>POINT (4.704240260976658 51.80384677679221)</t>
  </si>
  <si>
    <t>POINT (4.714090380003992 51.8161719064202)</t>
  </si>
  <si>
    <t>POINT (4.658627449530168 51.81318838493781)</t>
  </si>
  <si>
    <t>POINT (4.631648760297109 51.78352655829271)</t>
  </si>
  <si>
    <t>POINT (4.6729141391913815 51.78052199535627)</t>
  </si>
  <si>
    <t>POINT (4.682845791848175 51.77493683719469)</t>
  </si>
  <si>
    <t>POINT (4.714080110234929 51.79964999143337)</t>
  </si>
  <si>
    <t>POINT (4.651767560475008 51.78439518499912)</t>
  </si>
  <si>
    <t>POINT (4.668408009161684 51.818006934318674)</t>
  </si>
  <si>
    <t>POINT (4.66671477974524 51.799106808723415)</t>
  </si>
  <si>
    <t>POINT (4.680401234845318 51.81643564992034)</t>
  </si>
  <si>
    <t>POINT (4.7196675392361715 51.8110298675782)</t>
  </si>
  <si>
    <t>POINT (4.672502661434681 51.81646253746316)</t>
  </si>
  <si>
    <t>POINT (4.688077577726171 51.808119982180365)</t>
  </si>
  <si>
    <t>POINT (4.688600599023096 51.80831241635622)</t>
  </si>
  <si>
    <t>POINT (4.711980825181627 51.79626694931811)</t>
  </si>
  <si>
    <t>POINT (4.701520984352124 51.81766466779492)</t>
  </si>
  <si>
    <t>POINT (4.6596441348082465 51.79656064106226)</t>
  </si>
  <si>
    <t>POINT (4.726981487967346 51.802824997947155)</t>
  </si>
  <si>
    <t>POINT (4.734033662720921 51.791668675140016)</t>
  </si>
  <si>
    <t>POINT (4.674376663003674 51.81805051106702)</t>
  </si>
  <si>
    <t>POINT (4.661462017322906 51.787348186479846)</t>
  </si>
  <si>
    <t>POINT (4.659097731441612 51.78946522593691)</t>
  </si>
  <si>
    <t>POINT (4.660509076733549 51.78257451228223)</t>
  </si>
  <si>
    <t>POINT (4.684772469792016 51.80330551672056)</t>
  </si>
  <si>
    <t>POINT (4.724162120087893 51.80638311833521)</t>
  </si>
  <si>
    <t>POINT (4.661488009654844 51.78730912954788)</t>
  </si>
  <si>
    <t>POINT (4.685464711819172 51.78485181421593)</t>
  </si>
  <si>
    <t>POINT (4.673541962288767 51.81261523031667)</t>
  </si>
  <si>
    <t>POINT (4.6741445220180795 51.80522239052193)</t>
  </si>
  <si>
    <t>POINT (4.699454881742526 51.79394102882244)</t>
  </si>
  <si>
    <t>POINT (4.696006934132397 51.81778876134423)</t>
  </si>
  <si>
    <t>POINT (4.66484577180825 51.797242872399096)</t>
  </si>
  <si>
    <t>POINT (4.668083518692111 51.781004880086435)</t>
  </si>
  <si>
    <t>POINT (4.654057590892855 51.78792453104402)</t>
  </si>
  <si>
    <t>POINT (4.653514387479678 51.80156227246074)</t>
  </si>
  <si>
    <t>POINT (4.664729724605998 51.81788505973608)</t>
  </si>
  <si>
    <t>POINT (4.683511004677199 51.81182719868203)</t>
  </si>
  <si>
    <t>POINT (4.681952851423478 51.78533043413671)</t>
  </si>
  <si>
    <t>POINT (4.683506588877369 51.79798666651949)</t>
  </si>
  <si>
    <t>POINT (4.6556537828448485 51.794941446989654)</t>
  </si>
  <si>
    <t>POINT (4.675939328057217 51.78485882072667)</t>
  </si>
  <si>
    <t>POINT (4.666644028312969 51.812610336822104)</t>
  </si>
  <si>
    <t>POINT (4.668458270234144 51.8180256599236)</t>
  </si>
  <si>
    <t>POINT (4.659312261421657 51.80685247302827)</t>
  </si>
  <si>
    <t>POINT (4.712987687928443 51.79548987251653)</t>
  </si>
  <si>
    <t>POINT (4.674855144326647 51.80476426617546)</t>
  </si>
  <si>
    <t>POINT (4.721586707371916 51.81110212514812)</t>
  </si>
  <si>
    <t>POINT (4.629029216058158 51.7221575415549)</t>
  </si>
  <si>
    <t>POINT (4.662911739838517 51.79134617233204)</t>
  </si>
  <si>
    <t>POINT (4.66548086285323 51.78684004979935)</t>
  </si>
  <si>
    <t>POINT (4.684733677700676 51.814096476018626)</t>
  </si>
  <si>
    <t>POINT (4.675981029673539 51.78482721762808)</t>
  </si>
  <si>
    <t>POINT (4.670657350651988 51.77133038619358)</t>
  </si>
  <si>
    <t>POINT (4.718553821299882 51.815150631986576)</t>
  </si>
  <si>
    <t>POINT (4.727464360835711 51.80528825463518)</t>
  </si>
  <si>
    <t>POINT (4.672607160251559 51.79611746788401)</t>
  </si>
  <si>
    <t>POINT (4.668004555139411 51.77815591829153)</t>
  </si>
  <si>
    <t>POINT (4.72570605431369 51.79951061445162)</t>
  </si>
  <si>
    <t>POINT (4.667125826492959 51.81651632095874)</t>
  </si>
  <si>
    <t>POINT (4.6823801518375054 51.8021841344739)</t>
  </si>
  <si>
    <t>POINT (4.65366448671284 51.76751903323526)</t>
  </si>
  <si>
    <t>POINT (4.671938371417141 51.79243342159733)</t>
  </si>
  <si>
    <t>POINT (4.684400769895805 51.80214577449956)</t>
  </si>
  <si>
    <t>POINT (4.727246871251342 51.80484918613906)</t>
  </si>
  <si>
    <t>POINT (4.667753664735444 51.81080125213683)</t>
  </si>
  <si>
    <t>POINT (4.669119762415319 51.771924978612404)</t>
  </si>
  <si>
    <t>POINT (4.685192007020721 51.775835554016844)</t>
  </si>
  <si>
    <t>POINT (4.6650091522386266 51.799786186590794)</t>
  </si>
  <si>
    <t>POINT (4.707356343560264 51.78767750528246)</t>
  </si>
  <si>
    <t>POINT (4.665188942559338 51.810327104343635)</t>
  </si>
  <si>
    <t>POINT (4.6336220397753065 51.78444482254239)</t>
  </si>
  <si>
    <t>POINT (4.69201670437606 51.790538389660576)</t>
  </si>
  <si>
    <t>POINT (4.6699366616377 51.79529036471698)</t>
  </si>
  <si>
    <t>POINT (4.674513935563138 51.80480525900085)</t>
  </si>
  <si>
    <t>POINT (4.6529015183581945 51.79237031769887)</t>
  </si>
  <si>
    <t>POINT (4.6831287088918 51.80370448771703)</t>
  </si>
  <si>
    <t>POINT (4.68407671881202 51.806849052354025)</t>
  </si>
  <si>
    <t>POINT (4.66597072532505 51.80022717209791)</t>
  </si>
  <si>
    <t>POINT (4.677736620395243 51.79070400593443)</t>
  </si>
  <si>
    <t>POINT (4.658667516430626 51.77023979301659)</t>
  </si>
  <si>
    <t>POINT (4.687470449763487 51.80750203305598)</t>
  </si>
  <si>
    <t>POINT (4.686456923134003 51.77830076325705)</t>
  </si>
  <si>
    <t>POINT (4.650152299008581 51.794759014115606)</t>
  </si>
  <si>
    <t>POINT (4.707361681454597 51.800897972987585)</t>
  </si>
  <si>
    <t>POINT (4.707469448786634 51.796093619631534)</t>
  </si>
  <si>
    <t>POINT (4.659946437433983 51.811208215455025)</t>
  </si>
  <si>
    <t>POINT (4.653721763873438 51.78574301861204)</t>
  </si>
  <si>
    <t>POINT (4.712559246955951 51.79886591308172)</t>
  </si>
  <si>
    <t>POINT (4.664830060812995 51.778814419662815)</t>
  </si>
  <si>
    <t>POINT (4.7060918189465095 51.815628138550856)</t>
  </si>
  <si>
    <t>POINT (4.734608508181085 51.801913233748124)</t>
  </si>
  <si>
    <t>POINT (4.652175165983627 51.80238385326975)</t>
  </si>
  <si>
    <t>POINT (4.67188150975456 51.77258836035875)</t>
  </si>
  <si>
    <t>POINT (4.673391561225301 51.803869537247664)</t>
  </si>
  <si>
    <t>POINT (4.724739648235779 51.80485912066948)</t>
  </si>
  <si>
    <t>POINT (4.672231123466396 51.815239664836525)</t>
  </si>
  <si>
    <t>POINT (4.654654156050219 51.8033236645314)</t>
  </si>
  <si>
    <t>POINT (4.667592998237731 51.77724187550397)</t>
  </si>
  <si>
    <t>POINT (4.661720903003499 51.788002718638744)</t>
  </si>
  <si>
    <t>POINT (4.656631212343893 51.787468958723004)</t>
  </si>
  <si>
    <t>POINT (4.705442118559731 51.82128736208509)</t>
  </si>
  <si>
    <t>POINT (4.657738280862555 51.80501945926372)</t>
  </si>
  <si>
    <t>POINT (4.722794647130198 51.804343690258506)</t>
  </si>
  <si>
    <t>POINT (4.69766128848345 51.8002951792915)</t>
  </si>
  <si>
    <t>POINT (4.678576125979098 51.785569848309834)</t>
  </si>
  <si>
    <t>POINT (4.712925711434906 51.80655700125867)</t>
  </si>
  <si>
    <t>POINT (4.66864911068505 51.79951658252125)</t>
  </si>
  <si>
    <t>POINT (4.67619779230042 51.813301312800455)</t>
  </si>
  <si>
    <t>POINT (4.698563612242677 51.80016292513561)</t>
  </si>
  <si>
    <t>POINT (4.671242968753508 51.80585063084489)</t>
  </si>
  <si>
    <t>POINT (4.68004811761936 51.81226001362777)</t>
  </si>
  <si>
    <t>POINT (4.677296364768239 51.77833564413492)</t>
  </si>
  <si>
    <t>POINT (4.683104725572941 51.81163509191986)</t>
  </si>
  <si>
    <t>POINT (4.661953573685343 51.792234233239874)</t>
  </si>
  <si>
    <t>POINT (4.679048904002817 51.79988193147232)</t>
  </si>
  <si>
    <t>POINT (4.660086828258351 51.80656452261841)</t>
  </si>
  <si>
    <t>POINT (4.7148283375939215 51.81603072743742)</t>
  </si>
  <si>
    <t>POINT (4.6574490302602 51.796731375170886)</t>
  </si>
  <si>
    <t>POINT (4.716701047569069 51.80473327456985)</t>
  </si>
  <si>
    <t>POINT (4.683663876369436 51.778358109981426)</t>
  </si>
  <si>
    <t>POINT (4.656213547388764 51.78477512663453)</t>
  </si>
  <si>
    <t>POINT (4.660457168041451 51.80190428332794)</t>
  </si>
  <si>
    <t>POINT (4.654991128549446 51.79822262185117)</t>
  </si>
  <si>
    <t>POINT (4.659176794899475 51.80890596166796)</t>
  </si>
  <si>
    <t>POINT (4.66812064983036 51.81679670999525)</t>
  </si>
  <si>
    <t>POINT (4.675452698617304 51.78339239175656)</t>
  </si>
  <si>
    <t>POINT (4.675948393544313 51.77518106157189)</t>
  </si>
  <si>
    <t>POINT (4.674278690746826 51.81917208792017)</t>
  </si>
  <si>
    <t>POINT (4.68393740573447 51.78144261296015)</t>
  </si>
  <si>
    <t>POINT (4.6844205708717475 51.77735520196288)</t>
  </si>
  <si>
    <t>POINT (4.653670327956261 51.799352727884994)</t>
  </si>
  <si>
    <t>POINT (4.684954821222428 51.81212564208095)</t>
  </si>
  <si>
    <t>POINT (4.662581194575461 51.80899374771739)</t>
  </si>
  <si>
    <t>POINT (4.686187712730735 51.776802491388736)</t>
  </si>
  <si>
    <t>POINT (4.683530250564064 51.81870083544577)</t>
  </si>
  <si>
    <t>POINT (4.689354180465383 51.80633225704682)</t>
  </si>
  <si>
    <t>POINT (4.672651323914445 51.78104525412609)</t>
  </si>
  <si>
    <t>POINT (4.68500011245512 51.81184336345281)</t>
  </si>
  <si>
    <t>POINT (4.686832885070504 51.771880259036124)</t>
  </si>
  <si>
    <t>POINT (4.663156547043987 51.80554551761179)</t>
  </si>
  <si>
    <t>POINT (4.655469186196715 51.791903191191366)</t>
  </si>
  <si>
    <t>POINT (4.718825783876429 51.80210683356951)</t>
  </si>
  <si>
    <t>POINT (4.659349279006427 51.80942978679061)</t>
  </si>
  <si>
    <t>POINT (4.673208994152987 51.79330990083449)</t>
  </si>
  <si>
    <t>POINT (4.696955231087192 51.809684367276944)</t>
  </si>
  <si>
    <t>POINT (4.679901310813976 51.781314902584306)</t>
  </si>
  <si>
    <t>POINT (4.727676816484016 51.80316892152179)</t>
  </si>
  <si>
    <t>POINT (4.671513857279601 51.81493117913833)</t>
  </si>
  <si>
    <t>POINT (4.661079334576164 51.80945864410591)</t>
  </si>
  <si>
    <t>POINT (4.685573949972017 51.7851124745375)</t>
  </si>
  <si>
    <t>POINT (4.6767800756177005 51.81835871679175)</t>
  </si>
  <si>
    <t>POINT (4.629463566740723 51.726989573880516)</t>
  </si>
  <si>
    <t>POINT (4.679688557615503 51.80805729717548)</t>
  </si>
  <si>
    <t>POINT (4.674153741702476 51.79696026399435)</t>
  </si>
  <si>
    <t>POINT (4.707358161060789 51.81043863356578)</t>
  </si>
  <si>
    <t>POINT (4.686453375565911 51.77936823068005)</t>
  </si>
  <si>
    <t>POINT (4.684704812264191 51.80299873275097)</t>
  </si>
  <si>
    <t>POINT (4.671853892648106 51.792470874753036)</t>
  </si>
  <si>
    <t>POINT (4.67634606720758 51.77869176483573)</t>
  </si>
  <si>
    <t>POINT (4.675888362375847 51.80856558942413)</t>
  </si>
  <si>
    <t>POINT (4.6608579392429785 51.79362177354704)</t>
  </si>
  <si>
    <t>POINT (4.698825735958641 51.79628144922948)</t>
  </si>
  <si>
    <t>POINT (4.667555090522427 51.77058062583218)</t>
  </si>
  <si>
    <t>POINT (4.680525935691522 51.78172308698621)</t>
  </si>
  <si>
    <t>POINT (4.6734077926732125 51.77329326023268)</t>
  </si>
  <si>
    <t>POINT (4.667214916501774 51.79350501423875)</t>
  </si>
  <si>
    <t>POINT (4.715061357034522 51.80585162717129)</t>
  </si>
  <si>
    <t>POINT (4.667836866650708 51.79094369771163)</t>
  </si>
  <si>
    <t>POINT (4.7115557307508285 51.79462434141254)</t>
  </si>
  <si>
    <t>POINT (4.682087190005103 51.800322365304304)</t>
  </si>
  <si>
    <t>POINT (4.675347207657329 51.774300143100405)</t>
  </si>
  <si>
    <t>POINT (4.666529698004031 51.81123842975467)</t>
  </si>
  <si>
    <t>POINT (4.673390489714514 51.78578717864125)</t>
  </si>
  <si>
    <t>POINT (4.684522627024933 51.81020604245904)</t>
  </si>
  <si>
    <t>POINT (4.661126073153591 51.77193791852835)</t>
  </si>
  <si>
    <t>POINT (4.68324007399285 51.819251475259975)</t>
  </si>
  <si>
    <t>POINT (4.674870625639964 51.81856554054411)</t>
  </si>
  <si>
    <t>POINT (4.672380473870704 51.793739270083144)</t>
  </si>
  <si>
    <t>POINT (4.713331219887541 51.81472249167507)</t>
  </si>
  <si>
    <t>POINT (4.693349240647955 51.795328542103626)</t>
  </si>
  <si>
    <t>POINT (4.669171288789667 51.81893858117139)</t>
  </si>
  <si>
    <t>POINT (4.688274912363742 51.81987504232222)</t>
  </si>
  <si>
    <t>POINT (4.68810751273493 51.8043185925908)</t>
  </si>
  <si>
    <t>POINT (4.656061686416637 51.788420047643605)</t>
  </si>
  <si>
    <t>POINT (4.663746024210446 51.813169067772115)</t>
  </si>
  <si>
    <t>POINT (4.680584124355056 51.77974972586687)</t>
  </si>
  <si>
    <t>POINT (4.671216745781882 51.815454170441946)</t>
  </si>
  <si>
    <t>POINT (4.627998067120095 51.79499552576074)</t>
  </si>
  <si>
    <t>POINT (4.732836624129777 51.797317245513895)</t>
  </si>
  <si>
    <t>POINT (4.714344607251753 51.803134736578215)</t>
  </si>
  <si>
    <t>POINT (4.722859390145543 51.803677072676)</t>
  </si>
  <si>
    <t>POINT (4.655501634993927 51.80040493769129)</t>
  </si>
  <si>
    <t>POINT (4.665869972274872 51.781456795588916)</t>
  </si>
  <si>
    <t>POINT (4.658693629106772 51.795554327182295)</t>
  </si>
  <si>
    <t>POINT (4.656405852044984 51.80198013484567)</t>
  </si>
  <si>
    <t>POINT (4.633873848677375 51.78443904227163)</t>
  </si>
  <si>
    <t>POINT (4.661845660008836 51.80213121067205)</t>
  </si>
  <si>
    <t>POINT (4.688261470480828 51.819864526448306)</t>
  </si>
  <si>
    <t>POINT (4.675602280757401 51.788791021567654)</t>
  </si>
  <si>
    <t>POINT (4.68647807450717 51.791121117426385)</t>
  </si>
  <si>
    <t>POINT (4.6880316498278605 51.789949750166336)</t>
  </si>
  <si>
    <t>POINT (4.6758926643056915 51.807804787078176)</t>
  </si>
  <si>
    <t>POINT (4.680022827618808 51.78001543778986)</t>
  </si>
  <si>
    <t>POINT (4.715849097857472 51.81353169901174)</t>
  </si>
  <si>
    <t>POINT (4.66073025497492 51.80959543063779)</t>
  </si>
  <si>
    <t>POINT (4.690958500205513 51.8061125492894)</t>
  </si>
  <si>
    <t>POINT (4.661178419322194 51.788472150484836)</t>
  </si>
  <si>
    <t>POINT (4.661420950490301 51.80060171075297)</t>
  </si>
  <si>
    <t>POINT (4.650747959351398 51.79505302724026)</t>
  </si>
  <si>
    <t>POINT (4.665783593822873 51.80982486960007)</t>
  </si>
  <si>
    <t>POINT (4.692543354095606 51.81891120077987)</t>
  </si>
  <si>
    <t>POINT (4.6839669536949025 51.79814984773229)</t>
  </si>
  <si>
    <t>POINT (4.6735517507706374 51.78474289977168)</t>
  </si>
  <si>
    <t>POINT (4.730035738572485 51.803261418476794)</t>
  </si>
  <si>
    <t>POINT (4.666634872048475 51.77552188096157)</t>
  </si>
  <si>
    <t>POINT (4.661942981172814 51.79978669785353)</t>
  </si>
  <si>
    <t>POINT (4.718388540988013 51.80117796310827)</t>
  </si>
  <si>
    <t>POINT (4.728413138967033 51.798465041756906)</t>
  </si>
  <si>
    <t>POINT (4.67326393585427 51.81341265014404)</t>
  </si>
  <si>
    <t>POINT (4.653796484153204 51.802829914751925)</t>
  </si>
  <si>
    <t>POINT (4.71005081342444 51.808731887619004)</t>
  </si>
  <si>
    <t>POINT (4.667954145939498 51.77512418327057)</t>
  </si>
  <si>
    <t>POINT (4.695848430037486 51.79135892234656)</t>
  </si>
  <si>
    <t>POINT (4.698029148328665 51.80061175509293)</t>
  </si>
  <si>
    <t>POINT (4.660161523627928 51.815622739833096)</t>
  </si>
  <si>
    <t>POINT (4.696186410965401 51.79297897400479)</t>
  </si>
  <si>
    <t>POINT (4.663411038387008 51.803206154263975)</t>
  </si>
  <si>
    <t>POINT (4.661020306976924 51.79418094117387)</t>
  </si>
  <si>
    <t>POINT (4.728266529989189 51.77215624564975)</t>
  </si>
  <si>
    <t>POINT (4.629162825591584 51.789087599754)</t>
  </si>
  <si>
    <t>POINT (4.657278465375833 51.80159896274221)</t>
  </si>
  <si>
    <t>POINT (4.6865668299938665 51.811307322763426)</t>
  </si>
  <si>
    <t>POINT (4.653032974466249 51.79125624358035)</t>
  </si>
  <si>
    <t>POINT (4.657068634906075 51.781304263630695)</t>
  </si>
  <si>
    <t>POINT (4.717820433090035 51.81445350847055)</t>
  </si>
  <si>
    <t>POINT (4.659767276746504 51.79342484185487)</t>
  </si>
  <si>
    <t>POINT (4.683687411024474 51.81215378084761)</t>
  </si>
  <si>
    <t>POINT (4.666922053179695 51.77448743469765)</t>
  </si>
  <si>
    <t>POINT (4.6683557239146065 51.80970107799249)</t>
  </si>
  <si>
    <t>POINT (4.681996777925541 51.781690824847225)</t>
  </si>
  <si>
    <t>POINT (4.684468534254409 51.80427849138993)</t>
  </si>
  <si>
    <t>POINT (4.711202552538483 51.80403875050555)</t>
  </si>
  <si>
    <t>POINT (4.660072445437617 51.81051194171142)</t>
  </si>
  <si>
    <t>POINT (4.657159378815856 51.7923911566343)</t>
  </si>
  <si>
    <t>POINT (4.685471341089543 51.774495706929926)</t>
  </si>
  <si>
    <t>POINT (4.718879700488457 51.80221662239508)</t>
  </si>
  <si>
    <t>POINT (4.726041916698402 51.80531323681401)</t>
  </si>
  <si>
    <t>POINT (4.72102289916047 51.80193658024717)</t>
  </si>
  <si>
    <t>POINT (4.729576791828535 51.78981899982946)</t>
  </si>
  <si>
    <t>POINT (4.682499589569758 51.81832165806238)</t>
  </si>
  <si>
    <t>POINT (4.691241947267134 51.818684940723244)</t>
  </si>
  <si>
    <t>POINT (4.662521559204309 51.81651421828704)</t>
  </si>
  <si>
    <t>POINT (4.723288266876433 51.80449761023447)</t>
  </si>
  <si>
    <t>POINT (4.6787847321584355 51.816882401626415)</t>
  </si>
  <si>
    <t>POINT (4.659342219125428 51.8019718434742)</t>
  </si>
  <si>
    <t>POINT (4.69764875264582 51.79914271369891)</t>
  </si>
  <si>
    <t>POINT (4.677564228567105 51.79045827306931)</t>
  </si>
  <si>
    <t>POINT (4.686239860095692 51.811484918695164)</t>
  </si>
  <si>
    <t>POINT (4.679291826195407 51.78620368394016)</t>
  </si>
  <si>
    <t>POINT (4.672303315397565 51.7993404977518)</t>
  </si>
  <si>
    <t>POINT (4.680458304849335 51.79886981885226)</t>
  </si>
  <si>
    <t>POINT (4.670543185074763 51.77225726127301)</t>
  </si>
  <si>
    <t>POINT (4.733315014442658 51.79719672332706)</t>
  </si>
  <si>
    <t>POINT (4.6517336982307675 51.80986310815407)</t>
  </si>
  <si>
    <t>POINT (4.6728908635804896 51.78896570532037)</t>
  </si>
  <si>
    <t>POINT (4.659198161775023 51.80421186724668)</t>
  </si>
  <si>
    <t>POINT (4.667663724942401 51.81628335281569)</t>
  </si>
  <si>
    <t>POINT (4.656415907327195 51.782570529400935)</t>
  </si>
  <si>
    <t>POINT (4.667285055393755 51.78950515870545)</t>
  </si>
  <si>
    <t>POINT (4.663010004181794 51.80162942720489)</t>
  </si>
  <si>
    <t>POINT (4.674463885968054 51.784773550999134)</t>
  </si>
  <si>
    <t>POINT (4.656881455397939 51.79015737759833)</t>
  </si>
  <si>
    <t>POINT (4.734051208753105 51.79175329306027)</t>
  </si>
  <si>
    <t>POINT (4.678748996912972 51.78707097091546)</t>
  </si>
  <si>
    <t>POINT (4.676893519903946 51.80448178560593)</t>
  </si>
  <si>
    <t>POINT (4.70735393079825 51.787622166032)</t>
  </si>
  <si>
    <t>POINT (4.664456292381229 51.791168679283395)</t>
  </si>
  <si>
    <t>POINT (4.668159656000537 51.81518959442307)</t>
  </si>
  <si>
    <t>POINT (4.635861862390262 51.77591379483388)</t>
  </si>
  <si>
    <t>POINT (4.666289503870204 51.81110552193624)</t>
  </si>
  <si>
    <t>POINT (4.727486072073334 51.79959470284203)</t>
  </si>
  <si>
    <t>POINT (4.683470973432671 51.78598935310131)</t>
  </si>
  <si>
    <t>POINT (4.659292511967435 51.810691554213314)</t>
  </si>
  <si>
    <t>POINT (4.6710474897984025 51.80842031735101)</t>
  </si>
  <si>
    <t>POINT (4.669026174956669 51.7909000006678)</t>
  </si>
  <si>
    <t>POINT (4.6734637613324645 51.8179680377923)</t>
  </si>
  <si>
    <t>POINT (4.685117666308485 51.785770979535734)</t>
  </si>
  <si>
    <t>POINT (4.666945613492802 51.81428580796962)</t>
  </si>
  <si>
    <t>POINT (4.655335164797514 51.81249994046205)</t>
  </si>
  <si>
    <t>POINT (4.70584366952086 51.81585405684434)</t>
  </si>
  <si>
    <t>POINT (4.660725736143946 51.80509500887952)</t>
  </si>
  <si>
    <t>POINT (4.66582882995548 51.79606052546832)</t>
  </si>
  <si>
    <t>POINT (4.676271562803614 51.80353793790456)</t>
  </si>
  <si>
    <t>POINT (4.662466931135799 51.80250144684534)</t>
  </si>
  <si>
    <t>POINT (4.722134687954177 51.80435456707701)</t>
  </si>
  <si>
    <t>POINT (4.650947644852305 51.79007941465943)</t>
  </si>
  <si>
    <t>POINT (4.7139665984159285 51.80813338391968)</t>
  </si>
  <si>
    <t>POINT (4.679282766388052 51.785068482851514)</t>
  </si>
  <si>
    <t>POINT (4.705628704421774 51.79581759523082)</t>
  </si>
  <si>
    <t>POINT (4.663489212387136 51.79344758241498)</t>
  </si>
  <si>
    <t>POINT (4.662156833235647 51.81345824148187)</t>
  </si>
  <si>
    <t>POINT (4.699925712126583 51.7968206922552)</t>
  </si>
  <si>
    <t>POINT (4.7340554081760935 51.800046254730965)</t>
  </si>
  <si>
    <t>POINT (4.680605786036218 51.77719081790474)</t>
  </si>
  <si>
    <t>POINT (4.658638340101489 51.78383593437658)</t>
  </si>
  <si>
    <t>POINT (4.658855348666012 51.79819033311669)</t>
  </si>
  <si>
    <t>POINT (4.683818054110127 51.79810420951458)</t>
  </si>
  <si>
    <t>POINT (4.6596165850927616 51.8087811668517)</t>
  </si>
  <si>
    <t>POINT (4.679518373224289 51.7757151928432)</t>
  </si>
  <si>
    <t>POINT (4.669680283564744 51.81596848460123)</t>
  </si>
  <si>
    <t>POINT (4.651408570451545 51.8034072839861)</t>
  </si>
  <si>
    <t>POINT (4.679999519672497 51.77580084504327)</t>
  </si>
  <si>
    <t>POINT (4.73256591025649 51.79631829279823)</t>
  </si>
  <si>
    <t>POINT (4.717919894252819 51.80396196009998)</t>
  </si>
  <si>
    <t>POINT (4.715652907755656 51.80321145317362)</t>
  </si>
  <si>
    <t>POINT (4.68696077246639 51.77911776176226)</t>
  </si>
  <si>
    <t>POINT (4.695325708826037 51.81810216351523)</t>
  </si>
  <si>
    <t>POINT (4.703695639203979 51.799440115425426)</t>
  </si>
  <si>
    <t>POINT (4.629479929217447 51.72626482312575)</t>
  </si>
  <si>
    <t>POINT (4.680997070472986 51.80474759515349)</t>
  </si>
  <si>
    <t>POINT (4.711644314751197 51.816187900760475)</t>
  </si>
  <si>
    <t>POINT (4.700699752074785 51.817339098173505)</t>
  </si>
  <si>
    <t>POINT (4.664496414856245 51.8005983308395)</t>
  </si>
  <si>
    <t>POINT (4.679300162734095 51.804459790671366)</t>
  </si>
  <si>
    <t>241A</t>
  </si>
  <si>
    <t>POINT (4.628817137866764 51.72328196261272)</t>
  </si>
  <si>
    <t>POINT (4.6983917354240585 51.79293705807092)</t>
  </si>
  <si>
    <t>POINT (4.680403582086203 51.786604470221924)</t>
  </si>
  <si>
    <t>POINT (4.695157316492266 51.81849835210076)</t>
  </si>
  <si>
    <t>POINT (4.666886502514691 51.77721437480903)</t>
  </si>
  <si>
    <t>POINT (4.704255132736368 51.78987093864794)</t>
  </si>
  <si>
    <t>POINT (4.674197926132631 51.81906245692228)</t>
  </si>
  <si>
    <t>POINT (4.706358325956072 51.79767785547257)</t>
  </si>
  <si>
    <t>POINT (4.712659268380036 51.79538456124301)</t>
  </si>
  <si>
    <t>POINT (4.660374853865176 51.80997041312929)</t>
  </si>
  <si>
    <t>POINT (4.6366982366812595 51.76718465906988)</t>
  </si>
  <si>
    <t>POINT (4.682117165720373 51.786089645147385)</t>
  </si>
  <si>
    <t>POINT (4.697266998015222 51.79833087818325)</t>
  </si>
  <si>
    <t>POINT (4.661724096513616 51.81338654301362)</t>
  </si>
  <si>
    <t>POINT (4.662680860003171 51.804739486937905)</t>
  </si>
  <si>
    <t>POINT (4.660437433948687 51.79192464577077)</t>
  </si>
  <si>
    <t>POINT (4.659663833704365 51.80523993390018)</t>
  </si>
  <si>
    <t>POINT (4.667013045517646 51.8001313732642)</t>
  </si>
  <si>
    <t>POINT (4.6536394353955 51.785462622097214)</t>
  </si>
  <si>
    <t>POINT (4.676740435336831 51.78637790255741)</t>
  </si>
  <si>
    <t>POINT (4.6667357263127185 51.80015339185411)</t>
  </si>
  <si>
    <t>POINT (4.6581657615488945 51.804601948548175)</t>
  </si>
  <si>
    <t>POINT (4.6715294246754615 51.81465307468327)</t>
  </si>
  <si>
    <t>POINT (4.725980206612779 51.79865403188891)</t>
  </si>
  <si>
    <t>POINT (4.652362711207162 51.78528762957967)</t>
  </si>
  <si>
    <t>POINT (4.669540336483007 51.81076970289096)</t>
  </si>
  <si>
    <t>POINT (4.732466746658555 51.80054536638463)</t>
  </si>
  <si>
    <t>POINT (4.653714408649249 51.78532443097112)</t>
  </si>
  <si>
    <t>POINT (4.671016761343534 51.80587876923272)</t>
  </si>
  <si>
    <t>POINT (4.697043721406072 51.792902178664065)</t>
  </si>
  <si>
    <t>POINT (4.715115527108678 51.81455382277838)</t>
  </si>
  <si>
    <t>POINT (4.667898805502946 51.80360764509511)</t>
  </si>
  <si>
    <t>POINT (4.660482339530252 51.7883298996211)</t>
  </si>
  <si>
    <t>POINT (4.70581860735514 51.79863038770789)</t>
  </si>
  <si>
    <t>POINT (4.676609271716237 51.805201639664716)</t>
  </si>
  <si>
    <t>POINT (4.665982054178973 51.77471945454919)</t>
  </si>
  <si>
    <t>POINT (4.63930268093918 51.77659554233042)</t>
  </si>
  <si>
    <t>POINT (4.655225019031547 51.78169154860222)</t>
  </si>
  <si>
    <t>POINT (4.665874704344779 51.7960192797497)</t>
  </si>
  <si>
    <t>POINT (4.673858263863808 51.7750470650007)</t>
  </si>
  <si>
    <t>POINT (4.669277130160752 51.79836112866622)</t>
  </si>
  <si>
    <t>POINT (4.713083938028245 51.79902978983901)</t>
  </si>
  <si>
    <t>POINT (4.665729681114584 51.78780494488473)</t>
  </si>
  <si>
    <t>POINT (4.667039578969866 51.800079473630454)</t>
  </si>
  <si>
    <t>POINT (4.664090287438721 51.81305614346729)</t>
  </si>
  <si>
    <t>POINT (4.69904414637132 51.799393069890606)</t>
  </si>
  <si>
    <t>POINT (4.700474800263042 51.81663868122603)</t>
  </si>
  <si>
    <t>POINT (4.666528079676699 51.77452465472954)</t>
  </si>
  <si>
    <t>POINT (4.6537241835376015 51.79516918179118)</t>
  </si>
  <si>
    <t>POINT (4.683685345025225 51.78254811322834)</t>
  </si>
  <si>
    <t>POINT (4.67945852525715 51.803175509026886)</t>
  </si>
  <si>
    <t>POINT (4.7008495830188615 51.798014977441184)</t>
  </si>
  <si>
    <t>POINT (4.668278631723777 51.79012759816679)</t>
  </si>
  <si>
    <t>POINT (4.6540428950950155 51.80371434268584)</t>
  </si>
  <si>
    <t>POINT (4.663624167035121 51.813371235936316)</t>
  </si>
  <si>
    <t>POINT (4.686530790598155 51.804179058962106)</t>
  </si>
  <si>
    <t>POINT (4.651454517596308 51.79398234777489)</t>
  </si>
  <si>
    <t>POINT (4.665603995068143 51.8123856921324)</t>
  </si>
  <si>
    <t>POINT (4.71538229335154 51.801087342424196)</t>
  </si>
  <si>
    <t>POINT (4.703334431462504 51.79657064508104)</t>
  </si>
  <si>
    <t>POINT (4.716869599421247 51.79520703229749)</t>
  </si>
  <si>
    <t>POINT (4.670231307134321 51.8053227416157)</t>
  </si>
  <si>
    <t>POINT (4.703225277825297 51.79870596694815)</t>
  </si>
  <si>
    <t>POINT (4.6792987503679395 51.78517021450072)</t>
  </si>
  <si>
    <t>POINT (4.660438484755425 51.78726338723268)</t>
  </si>
  <si>
    <t>POINT (4.660729960545568 51.78936931454066)</t>
  </si>
  <si>
    <t>POINT (4.669527069722818 51.80441315011572)</t>
  </si>
  <si>
    <t>POINT (4.685352537236667 51.7845983271635)</t>
  </si>
  <si>
    <t>POINT (4.695471514089149 51.81602937749314)</t>
  </si>
  <si>
    <t>POINT (4.692927344908692 51.802034057593836)</t>
  </si>
  <si>
    <t>POINT (4.667146538790155 51.8139592958501)</t>
  </si>
  <si>
    <t>POINT (4.732195682509582 51.79592993956864)</t>
  </si>
  <si>
    <t>POINT (4.665737479576865 51.79944432409449)</t>
  </si>
  <si>
    <t>POINT (4.663761629679363 51.80953945329683)</t>
  </si>
  <si>
    <t>POINT (4.678201360416956 51.80310998728828)</t>
  </si>
  <si>
    <t>POINT (4.66676252511527 51.779077755722625)</t>
  </si>
  <si>
    <t>POINT (4.665937520307926 51.80382468213005)</t>
  </si>
  <si>
    <t>POINT (4.67085796301509 51.81109492805051)</t>
  </si>
  <si>
    <t>POINT (4.6640120310987285 51.814233447888974)</t>
  </si>
  <si>
    <t>POINT (4.664345892431865 51.817097841107795)</t>
  </si>
  <si>
    <t>POINT (4.673069302709698 51.804556370041134)</t>
  </si>
  <si>
    <t>POINT (4.674212301458119 51.796920386514685)</t>
  </si>
  <si>
    <t>POINT (4.6810489908250394 51.79846135232187)</t>
  </si>
  <si>
    <t>POINT (4.676157347880237 51.78940098936725)</t>
  </si>
  <si>
    <t>POINT (4.701042107975469 51.8165441669892)</t>
  </si>
  <si>
    <t>POINT (4.720349862076392 51.80032603656532)</t>
  </si>
  <si>
    <t>POINT (4.714637868412656 51.800484855979136)</t>
  </si>
  <si>
    <t>POINT (4.678064116667362 51.81732723109621)</t>
  </si>
  <si>
    <t>POINT (4.700656113528236 51.81735895949208)</t>
  </si>
  <si>
    <t>POINT (4.65924446846272 51.80994791874674)</t>
  </si>
  <si>
    <t>POINT (4.680725291042501 51.78209864018783)</t>
  </si>
  <si>
    <t>POINT (4.660961785978809 51.79468970799529)</t>
  </si>
  <si>
    <t>POINT (4.675595111292941 51.81691411555631)</t>
  </si>
  <si>
    <t>POINT (4.678090027873068 51.78761967719556)</t>
  </si>
  <si>
    <t>POINT (4.73119667098958 51.79178641707815)</t>
  </si>
  <si>
    <t>POINT (4.656618959543934 51.811844727586525)</t>
  </si>
  <si>
    <t>POINT (4.667520627975104 51.80813393328063)</t>
  </si>
  <si>
    <t>POINT (4.6605718698221885 51.79570113828893)</t>
  </si>
  <si>
    <t>POINT (4.680468008912954 51.774819208017504)</t>
  </si>
  <si>
    <t>POINT (4.663788114910226 51.80043464126545)</t>
  </si>
  <si>
    <t>POINT (4.671952598596214 51.80233203315903)</t>
  </si>
  <si>
    <t>POINT (4.683240668289383 51.81927100218802)</t>
  </si>
  <si>
    <t>POINT (4.683640255096332 51.80026537894185)</t>
  </si>
  <si>
    <t>POINT (4.669909099551011 51.77203249609684)</t>
  </si>
  <si>
    <t>POINT (4.681045416689707 51.77982349671822)</t>
  </si>
  <si>
    <t>POINT (4.712450596105385 51.80646769154681)</t>
  </si>
  <si>
    <t>POINT (4.669253762585982 51.79839378540953)</t>
  </si>
  <si>
    <t>POINT (4.652798450036597 51.803644385430786)</t>
  </si>
  <si>
    <t>POINT (4.658694788749267 51.81057634933996)</t>
  </si>
  <si>
    <t>POINT (4.669562197202498 51.809446352567626)</t>
  </si>
  <si>
    <t>POINT (4.661734145953184 51.78799849494752)</t>
  </si>
  <si>
    <t>POINT (4.687686585215081 51.79020819414961)</t>
  </si>
  <si>
    <t>POINT (4.732721221121136 51.796886162777426)</t>
  </si>
  <si>
    <t>POINT (4.703799734092216 51.79823343662708)</t>
  </si>
  <si>
    <t>POINT (4.660125841162346 51.804145844585335)</t>
  </si>
  <si>
    <t>POINT (4.664462817735531 51.81549761508802)</t>
  </si>
  <si>
    <t>POINT (4.6936407154638715 51.79080214804327)</t>
  </si>
  <si>
    <t>POINT (4.626386655094369 51.794165592978665)</t>
  </si>
  <si>
    <t>POINT (4.697753530374987 51.79020806002377)</t>
  </si>
  <si>
    <t>POINT (4.673190659673097 51.81106917187445)</t>
  </si>
  <si>
    <t>POINT (4.678601672037075 51.789016133265015)</t>
  </si>
  <si>
    <t>POINT (4.653464876113219 51.80297647866894)</t>
  </si>
  <si>
    <t>POINT (4.653295931095219 51.79381238160727)</t>
  </si>
  <si>
    <t>POINT (4.668086133857604 51.804129471961254)</t>
  </si>
  <si>
    <t>POINT (4.681531752723454 51.81432037359267)</t>
  </si>
  <si>
    <t>POINT (4.719563620234022 51.803727003803274)</t>
  </si>
  <si>
    <t>POINT (4.685703840372933 51.81592421761781)</t>
  </si>
  <si>
    <t>POINT (4.718852510083948 51.79686242357313)</t>
  </si>
  <si>
    <t>POINT (4.660421351650843 51.81358279494991)</t>
  </si>
  <si>
    <t>POINT (4.6826733165620835 51.78529803570284)</t>
  </si>
  <si>
    <t>POINT (4.6698031447888715 51.8082751357631)</t>
  </si>
  <si>
    <t>POINT (4.678559265287734 51.788750144374376)</t>
  </si>
  <si>
    <t>POINT (4.7314240325940675 51.79998558246129)</t>
  </si>
  <si>
    <t>POINT (4.67203970664119 51.803881709816466)</t>
  </si>
  <si>
    <t>POINT (4.67630661242798 51.80353022224739)</t>
  </si>
  <si>
    <t>POINT (4.733110878613223 51.80164077267134)</t>
  </si>
  <si>
    <t>POINT (4.660043001911197 51.784662093114406)</t>
  </si>
  <si>
    <t>POINT (4.695763198964499 51.79209851164469)</t>
  </si>
  <si>
    <t>POINT (4.6865164182808865 51.78141462303786)</t>
  </si>
  <si>
    <t>POINT (4.7111263749413785 51.816487340937954)</t>
  </si>
  <si>
    <t>POINT (4.6845079626324155 51.781948994868365)</t>
  </si>
  <si>
    <t>POINT (4.73572000089385 51.793989598171756)</t>
  </si>
  <si>
    <t>POINT (4.677462409434447 51.78989859638945)</t>
  </si>
  <si>
    <t>POINT (4.6762371664319415 51.77661482149321)</t>
  </si>
  <si>
    <t>POINT (4.659758650702415 51.806474642094315)</t>
  </si>
  <si>
    <t>POINT (4.680803181821987 51.812193307998356)</t>
  </si>
  <si>
    <t>POINT (4.719727618999388 51.80225848213809)</t>
  </si>
  <si>
    <t>POINT (4.6698873279316935 51.78179928204702)</t>
  </si>
  <si>
    <t>POINT (4.697434481198738 51.79549850860822)</t>
  </si>
  <si>
    <t>POINT (4.674551085753058 51.77842004706632)</t>
  </si>
  <si>
    <t>POINT (4.6905792033378555 51.805912457600925)</t>
  </si>
  <si>
    <t>POINT (4.6724629813538865 51.77524475339491)</t>
  </si>
  <si>
    <t>POINT (4.6678299099229585 51.782912320015555)</t>
  </si>
  <si>
    <t>POINT (4.661118783776767 51.78372981413764)</t>
  </si>
  <si>
    <t>POINT (4.685737862068104 51.77645737732078)</t>
  </si>
  <si>
    <t>POINT (4.71657041481311 51.80295544566166)</t>
  </si>
  <si>
    <t>POINT (4.6712111808911665 51.81318288770814)</t>
  </si>
  <si>
    <t>POINT (4.662647906565368 51.81268215355969)</t>
  </si>
  <si>
    <t>POINT (4.728047740385944 51.80592551960551)</t>
  </si>
  <si>
    <t>POINT (4.704452778423479 51.78923507996148)</t>
  </si>
  <si>
    <t>POINT (4.671330925486297 51.77268528799365)</t>
  </si>
  <si>
    <t>POINT (4.655560635365974 51.8017557139444)</t>
  </si>
  <si>
    <t>POINT (4.651249854268353 51.790677667246776)</t>
  </si>
  <si>
    <t>POINT (4.676516710729411 51.772312928439305)</t>
  </si>
  <si>
    <t>POINT (4.70939647756077 51.80823874102204)</t>
  </si>
  <si>
    <t>POINT (4.680423165332689 51.781658827793564)</t>
  </si>
  <si>
    <t>POINT (4.676472303370739 51.81846102300187)</t>
  </si>
  <si>
    <t>POINT (4.682581710433305 51.814529349764136)</t>
  </si>
  <si>
    <t>POINT (4.675606494885996 51.775742355016106)</t>
  </si>
  <si>
    <t>POINT (4.676551136683793 51.80559768826512)</t>
  </si>
  <si>
    <t>POINT (4.717575743316433 51.803182847268396)</t>
  </si>
  <si>
    <t>POINT (4.6693229334633015 51.81661582966492)</t>
  </si>
  <si>
    <t>POINT (4.6590495585632965 51.79443995111966)</t>
  </si>
  <si>
    <t>POINT (4.716279713857351 51.79961949825542)</t>
  </si>
  <si>
    <t>POINT (4.668091712413295 51.81317016883368)</t>
  </si>
  <si>
    <t>POINT (4.671957094925357 51.80922196537184)</t>
  </si>
  <si>
    <t>POINT (4.658718359776871 51.80717432186293)</t>
  </si>
  <si>
    <t>POINT (4.6504049226623945 51.79380503801022)</t>
  </si>
  <si>
    <t>POINT (4.67604248051356 51.79469634934638)</t>
  </si>
  <si>
    <t>POINT (4.678636237998642 51.785609896523155)</t>
  </si>
  <si>
    <t>POINT (4.672948813294656 51.782011922625095)</t>
  </si>
  <si>
    <t>POINT (4.68483640024515 51.80336850552732)</t>
  </si>
  <si>
    <t>POINT (4.680921946427272 51.7743208221639)</t>
  </si>
  <si>
    <t>POINT (4.674210400041278 51.81236290053913)</t>
  </si>
  <si>
    <t>POINT (4.682269072683139 51.78871013243229)</t>
  </si>
  <si>
    <t>POINT (4.733519598420349 51.7988919791528)</t>
  </si>
  <si>
    <t>POINT (4.705158748824587 51.82055836418692)</t>
  </si>
  <si>
    <t>POINT (4.669625107583571 51.81194986829146)</t>
  </si>
  <si>
    <t>POINT (4.672660029958432 51.815342887255866)</t>
  </si>
  <si>
    <t>POINT (4.66697579258016 51.814589037409306)</t>
  </si>
  <si>
    <t>POINT (4.676500866132426 51.783670376681826)</t>
  </si>
  <si>
    <t>POINT (4.723496318946024 51.79929163930779)</t>
  </si>
  <si>
    <t>POINT (4.685624755127047 51.81346493285958)</t>
  </si>
  <si>
    <t>POINT (4.683450251670149 51.775129812777024)</t>
  </si>
  <si>
    <t>POINT (4.7077800724952 51.80835124345386)</t>
  </si>
  <si>
    <t>POINT (4.6659899775727 51.81048450519032)</t>
  </si>
  <si>
    <t>POINT (4.663404021090202 51.81523857980314)</t>
  </si>
  <si>
    <t>POINT (4.661279638000802 51.788874437292634)</t>
  </si>
  <si>
    <t>POINT (4.684990787408091 51.79896670473486)</t>
  </si>
  <si>
    <t>POINT (4.675990015714429 51.785791723527105)</t>
  </si>
  <si>
    <t>POINT (4.6834663274144335 51.78560702717073)</t>
  </si>
  <si>
    <t>POINT (4.656444974028202 51.81060878725908)</t>
  </si>
  <si>
    <t>POINT (4.660331576346243 51.802532552174966)</t>
  </si>
  <si>
    <t>POINT (4.66657081258673 51.81533824728205)</t>
  </si>
  <si>
    <t>POINT (4.65835639432195 51.8042335087492)</t>
  </si>
  <si>
    <t>POINT (4.664756752429212 51.81579588943762)</t>
  </si>
  <si>
    <t>POINT (4.672527187922923 51.78374094741033)</t>
  </si>
  <si>
    <t>POINT (4.663551817930181 51.793697980325774)</t>
  </si>
  <si>
    <t>POINT (4.666841738085149 51.79421940126215)</t>
  </si>
  <si>
    <t>POINT (4.68618061844067 51.81564200021721)</t>
  </si>
  <si>
    <t>POINT (4.66806875336063 51.7740660781981)</t>
  </si>
  <si>
    <t>POINT (4.665282877296675 51.78063970520955)</t>
  </si>
  <si>
    <t>POINT (4.678849870952406 51.80763899216319)</t>
  </si>
  <si>
    <t>POINT (4.70718627911794 51.78988215931753)</t>
  </si>
  <si>
    <t>POINT (4.656233698238909 51.80611893230134)</t>
  </si>
  <si>
    <t>POINT (4.682582382415017 51.7750110926732)</t>
  </si>
  <si>
    <t>POINT (4.663639285577508 51.797672522287414)</t>
  </si>
  <si>
    <t>POINT (4.6564077499376255 51.804517655770944)</t>
  </si>
  <si>
    <t>POINT (4.691549163252405 51.806979117029144)</t>
  </si>
  <si>
    <t>POINT (4.691422039389293 51.81837496523008)</t>
  </si>
  <si>
    <t>POINT (4.672654231631584 51.7810959142082)</t>
  </si>
  <si>
    <t>POINT (4.705491141493341 51.790189261502576)</t>
  </si>
  <si>
    <t>POINT (4.734122772575858 51.80289322263728)</t>
  </si>
  <si>
    <t>POINT (4.735050850964681 51.78929442814302)</t>
  </si>
  <si>
    <t>POINT (4.653201235544351 51.79232692617375)</t>
  </si>
  <si>
    <t>POINT (4.668555449521149 51.81539521673477)</t>
  </si>
  <si>
    <t>POINT (4.658652603947104 51.80679185829696)</t>
  </si>
  <si>
    <t>POINT (4.659265875246664 51.8126458707776)</t>
  </si>
  <si>
    <t>POINT (4.648430954923671 51.78786976098771)</t>
  </si>
  <si>
    <t>POINT (4.703752915852735 51.81576434585568)</t>
  </si>
  <si>
    <t>POINT (4.654187000810876 51.791067802799034)</t>
  </si>
  <si>
    <t>POINT (4.734311802591273 51.80055192622584)</t>
  </si>
  <si>
    <t>POINT (4.716705392499507 51.79541433415121)</t>
  </si>
  <si>
    <t>POINT (4.70978768657287 51.79283013025594)</t>
  </si>
  <si>
    <t>POINT (4.706678585150811 51.794545043310364)</t>
  </si>
  <si>
    <t>POINT (4.679764631596817 51.80287838260677)</t>
  </si>
  <si>
    <t>POINT (4.6824236867372555 51.80700869787865)</t>
  </si>
  <si>
    <t>POINT (4.670773845096812 51.81079803090443)</t>
  </si>
  <si>
    <t>POINT (4.687613804153202 51.80764749746268)</t>
  </si>
  <si>
    <t>POINT (4.709117357663094 51.81171395469766)</t>
  </si>
  <si>
    <t>POINT (4.717606624510447 51.798557087310094)</t>
  </si>
  <si>
    <t>POINT (4.718710025105549 51.80248167482205)</t>
  </si>
  <si>
    <t>POINT (4.680053420461982 51.78688179139868)</t>
  </si>
  <si>
    <t>POINT (4.65667435002906 51.79897536554626)</t>
  </si>
  <si>
    <t>POINT (4.708035008810559 51.81856123810576)</t>
  </si>
  <si>
    <t>POINT (4.662551760065987 51.80086570503173)</t>
  </si>
  <si>
    <t>POINT (4.683239223559426 51.8124963207855)</t>
  </si>
  <si>
    <t>POINT (4.662013732843036 51.79433228061952)</t>
  </si>
  <si>
    <t>POINT (4.671612732756094 51.78745214669899)</t>
  </si>
  <si>
    <t>POINT (4.7106292957925575 51.79296627523386)</t>
  </si>
  <si>
    <t>POINT (4.654844775203469 51.794503188867644)</t>
  </si>
  <si>
    <t>POINT (4.673352667676381 51.816016048168514)</t>
  </si>
  <si>
    <t>POINT (4.668957311345784 51.81241465929117)</t>
  </si>
  <si>
    <t>POINT (4.655527719699907 51.79030064453701)</t>
  </si>
  <si>
    <t>POINT (4.672251154466476 51.81787225349291)</t>
  </si>
  <si>
    <t>POINT (4.676098361576902 51.78943187652414)</t>
  </si>
  <si>
    <t>POINT (4.678872995035364 51.77582460857483)</t>
  </si>
  <si>
    <t>POINT (4.674351984460293 51.81279193605216)</t>
  </si>
  <si>
    <t>POINT (4.676035904114747 51.78583568681265)</t>
  </si>
  <si>
    <t>POINT (4.680496693822488 51.78833078830427)</t>
  </si>
  <si>
    <t>POINT (4.681903931548339 51.78107586214454)</t>
  </si>
  <si>
    <t>POINT (4.663307800049953 51.81620559051095)</t>
  </si>
  <si>
    <t>POINT (4.657470751032345 51.79804382480772)</t>
  </si>
  <si>
    <t>POINT (4.698121043936 51.79353978586869)</t>
  </si>
  <si>
    <t>POINT (4.712191832525933 51.79951441668794)</t>
  </si>
  <si>
    <t>POINT (4.652884626460244 51.80319685608041)</t>
  </si>
  <si>
    <t>POINT (4.714772315492466 51.79662474823624)</t>
  </si>
  <si>
    <t>POINT (4.670185792705098 51.80606505451614)</t>
  </si>
  <si>
    <t>POINT (4.675937572317939 51.77515790395416)</t>
  </si>
  <si>
    <t>POINT (4.667673890828795 51.8027610957771)</t>
  </si>
  <si>
    <t>POINT (4.667184391672473 51.78235285715722)</t>
  </si>
  <si>
    <t>POINT (4.654251589471884 51.794420581541786)</t>
  </si>
  <si>
    <t>POINT (4.673427543115618 51.80565064749379)</t>
  </si>
  <si>
    <t>POINT (4.678682870990145 51.787024270772505)</t>
  </si>
  <si>
    <t>POINT (4.7304880157843066 51.79524986761639)</t>
  </si>
  <si>
    <t>POINT (4.709179897773705 51.794034291051474)</t>
  </si>
  <si>
    <t>POINT (4.667716898529223 51.81803318009139)</t>
  </si>
  <si>
    <t>POINT (4.65890097120931 51.80170526919257)</t>
  </si>
  <si>
    <t>POINT (4.706439718692893 51.79066633341123)</t>
  </si>
  <si>
    <t>POINT (4.671127880672955 51.773421114095676)</t>
  </si>
  <si>
    <t>POINT (4.653752428368806 51.801967479221716)</t>
  </si>
  <si>
    <t>POINT (4.712844269885798 51.79521003131403)</t>
  </si>
  <si>
    <t>POINT (4.6736539504090056 51.81174537632647)</t>
  </si>
  <si>
    <t>POINT (4.715999021980522 51.806454541521326)</t>
  </si>
  <si>
    <t>POINT (4.679604179036034 51.7771249057432)</t>
  </si>
  <si>
    <t>POINT (4.7132960230339105 51.80627860188917)</t>
  </si>
  <si>
    <t>POINT (4.6638359777526155 51.81694277267679)</t>
  </si>
  <si>
    <t>POINT (4.672220793959833 51.8178259027387)</t>
  </si>
  <si>
    <t>POINT (4.664027844991406 51.799364630863174)</t>
  </si>
  <si>
    <t>POINT (4.732043741687598 51.803956628512005)</t>
  </si>
  <si>
    <t>POINT (4.680156003871971 51.78986281735225)</t>
  </si>
  <si>
    <t>POINT (4.694551278319972 51.81794232563572)</t>
  </si>
  <si>
    <t>POINT (4.677256072406119 51.81508123781772)</t>
  </si>
  <si>
    <t>POINT (4.683261617015237 51.798007021491976)</t>
  </si>
  <si>
    <t>POINT (4.677258573423329 51.7732746203865)</t>
  </si>
  <si>
    <t>POINT (4.682352030828997 51.79880698224861)</t>
  </si>
  <si>
    <t>POINT (4.67971942108217 51.81663486525515)</t>
  </si>
  <si>
    <t>POINT (4.683857074630743 51.812279695332435)</t>
  </si>
  <si>
    <t>POINT (4.677595977597002 51.79038604322708)</t>
  </si>
  <si>
    <t>POINT (4.682985810233833 51.8061777533026)</t>
  </si>
  <si>
    <t>POINT (4.659196295545413 51.76935579931392)</t>
  </si>
  <si>
    <t>POINT (4.664797196650658 51.78737519986941)</t>
  </si>
  <si>
    <t>POINT (4.663508653228369 51.803493846160016)</t>
  </si>
  <si>
    <t>POINT (4.674610866166934 51.78911558070513)</t>
  </si>
  <si>
    <t>POINT (4.690419260264366 51.80791382282016)</t>
  </si>
  <si>
    <t>POINT (4.660262241934755 51.797100648502195)</t>
  </si>
  <si>
    <t>POINT (4.7249807477057155 51.79673733697135)</t>
  </si>
  <si>
    <t>POINT (4.693276466912791 51.795366385464106)</t>
  </si>
  <si>
    <t>POINT (4.665745821441267 51.79599443351825)</t>
  </si>
  <si>
    <t>POINT (4.685165263939522 51.7764556142696)</t>
  </si>
  <si>
    <t>POINT (4.671393151614358 51.79721227847652)</t>
  </si>
  <si>
    <t>POINT (4.664451422666335 51.81776156762692)</t>
  </si>
  <si>
    <t>POINT (4.677959787290702 51.80654646251889)</t>
  </si>
  <si>
    <t>POINT (4.721800793209236 51.80230525003166)</t>
  </si>
  <si>
    <t>POINT (4.676628132932474 51.81538504760351)</t>
  </si>
  <si>
    <t>POINT (4.67207251070673 51.818040673384246)</t>
  </si>
  <si>
    <t>POINT (4.660128515039216 51.78972722206404)</t>
  </si>
  <si>
    <t>POINT (4.682401890830734 51.802882352567345)</t>
  </si>
  <si>
    <t>POINT (4.679625350405486 51.77717291629398)</t>
  </si>
  <si>
    <t>POINT (4.682753702980227 51.81098990016054)</t>
  </si>
  <si>
    <t>POINT (4.653939391136508 51.79358122458946)</t>
  </si>
  <si>
    <t>POINT (4.646955115065259 51.80044730001486)</t>
  </si>
  <si>
    <t>POINT (4.678713614718244 51.780030341372004)</t>
  </si>
  <si>
    <t>POINT (4.676059905344703 51.77445008379642)</t>
  </si>
  <si>
    <t>POINT (4.685131622112045 51.81314098962864)</t>
  </si>
  <si>
    <t>POINT (4.664687665175543 51.80956703711668)</t>
  </si>
  <si>
    <t>POINT (4.666199586512698 51.775541354063726)</t>
  </si>
  <si>
    <t>POINT (4.716874279934913 51.79523446544967)</t>
  </si>
  <si>
    <t>POINT (4.702936330387136 51.8155791135737)</t>
  </si>
  <si>
    <t>POINT (4.668296317058392 51.804152000179236)</t>
  </si>
  <si>
    <t>POINT (4.681744996250927 51.81092919846659)</t>
  </si>
  <si>
    <t>POINT (4.658489153756497 51.809787232054596)</t>
  </si>
  <si>
    <t>POINT (4.720622184252927 51.812708519411004)</t>
  </si>
  <si>
    <t>POINT (4.6814649881973915 51.80955353397864)</t>
  </si>
  <si>
    <t>POINT (4.675878876982516 51.785747876921846)</t>
  </si>
  <si>
    <t>POINT (4.70123877356656 51.81690327146256)</t>
  </si>
  <si>
    <t>POINT (4.643918223918931 51.77027434018578)</t>
  </si>
  <si>
    <t>POINT (4.632475108832883 51.783564084830694)</t>
  </si>
  <si>
    <t>POINT (4.659686899199326 51.79320095615839)</t>
  </si>
  <si>
    <t>POINT (4.671329403719942 51.81487786588959)</t>
  </si>
  <si>
    <t>POINT (4.651745912886247 51.78775590417952)</t>
  </si>
  <si>
    <t>POINT (4.669376199817305 51.81854696686774)</t>
  </si>
  <si>
    <t>POINT (4.665631099286749 51.81373213812823)</t>
  </si>
  <si>
    <t>POINT (4.662146981669368 51.794333095215244)</t>
  </si>
  <si>
    <t>POINT (4.704611531203453 51.798350547559615)</t>
  </si>
  <si>
    <t>POINT (4.7103399665583785 51.79201650908826)</t>
  </si>
  <si>
    <t>POINT (4.663198058258054 51.813954130469355)</t>
  </si>
  <si>
    <t>POINT (4.664720945594763 51.77743478874243)</t>
  </si>
  <si>
    <t>POINT (4.698464313461214 51.79722187985853)</t>
  </si>
  <si>
    <t>POINT (4.673243520595752 51.81621370121673)</t>
  </si>
  <si>
    <t>POINT (4.67433622486446 51.81275591260046)</t>
  </si>
  <si>
    <t>POINT (4.663179678098624 51.78990218198812)</t>
  </si>
  <si>
    <t>POINT (4.6598947496845895 51.79599632925014)</t>
  </si>
  <si>
    <t>POINT (4.724046206042326 51.79747368478299)</t>
  </si>
  <si>
    <t>POINT (4.6629260375406485 51.79371579040396)</t>
  </si>
  <si>
    <t>POINT (4.662070793796809 51.79498757703143)</t>
  </si>
  <si>
    <t>POINT (4.678407064266603 51.80849855675761)</t>
  </si>
  <si>
    <t>POINT (4.691647701571764 51.81786933390024)</t>
  </si>
  <si>
    <t>POINT (4.671783570984373 51.78238362335552)</t>
  </si>
  <si>
    <t>POINT (4.7190493120455415 51.80591035713578)</t>
  </si>
  <si>
    <t>POINT (4.680417469778385 51.78096674454409)</t>
  </si>
  <si>
    <t>POINT (4.675984357914647 51.78488730928425)</t>
  </si>
  <si>
    <t>POINT (4.679618492082656 51.78133963259286)</t>
  </si>
  <si>
    <t>POINT (4.67957178157983 51.78134077101806)</t>
  </si>
  <si>
    <t>POINT (4.683189097082858 51.79938103626252)</t>
  </si>
  <si>
    <t>POINT (4.66840717713785 51.77548772271388)</t>
  </si>
  <si>
    <t>POINT (4.6617540268147355 51.80508407660678)</t>
  </si>
  <si>
    <t>POINT (4.666885634560436 51.81195287804043)</t>
  </si>
  <si>
    <t>POINT (4.679315638299251 51.78531133107821)</t>
  </si>
  <si>
    <t>POINT (4.698695767153706 51.796873579155395)</t>
  </si>
  <si>
    <t>POINT (4.66391384668377 51.81075070881122)</t>
  </si>
  <si>
    <t>POINT (4.673869506810871 51.789036963206414)</t>
  </si>
  <si>
    <t>POINT (4.671781839719662 51.818874344584614)</t>
  </si>
  <si>
    <t>POINT (4.684819014473663 51.80310888049442)</t>
  </si>
  <si>
    <t>POINT (4.6509560057407064 51.8029842053446)</t>
  </si>
  <si>
    <t>POINT (4.659175653251889 51.804204141134825)</t>
  </si>
  <si>
    <t>POINT (4.6521533220115145 51.80190138269765)</t>
  </si>
  <si>
    <t>POINT (4.680692092444038 51.812934959271885)</t>
  </si>
  <si>
    <t>POINT (4.702776505915574 51.816033105909966)</t>
  </si>
  <si>
    <t>POINT (4.68604750526827 51.78868857050819)</t>
  </si>
  <si>
    <t>POINT (4.672461225691115 51.80427130390175)</t>
  </si>
  <si>
    <t>POINT (4.684157330143567 51.81928907193119)</t>
  </si>
  <si>
    <t>POINT (4.66544231783427 51.795300697769285)</t>
  </si>
  <si>
    <t>POINT (4.6751507079376 51.80800149867737)</t>
  </si>
  <si>
    <t>POINT (4.717473411379714 51.81523796220876)</t>
  </si>
  <si>
    <t>POINT (4.6993519461060576 51.79719228306421)</t>
  </si>
  <si>
    <t>POINT (4.663588818053129 51.81462308707345)</t>
  </si>
  <si>
    <t>POINT (4.662633688543448 51.81716265267343)</t>
  </si>
  <si>
    <t>POINT (4.668979042609296 51.79877771884739)</t>
  </si>
  <si>
    <t>POINT (4.668329309287371 51.79906433506262)</t>
  </si>
  <si>
    <t>POINT (4.678021482325265 51.78790948080174)</t>
  </si>
  <si>
    <t>POINT (4.6829150645307935 51.77642275316918)</t>
  </si>
  <si>
    <t>POINT (4.715705375275719 51.808918751923784)</t>
  </si>
  <si>
    <t>POINT (4.725786265079998 51.79810311232871)</t>
  </si>
  <si>
    <t>POINT (4.719909196182078 51.79538546348877)</t>
  </si>
  <si>
    <t>POINT (4.677098224564131 51.78996176724692)</t>
  </si>
  <si>
    <t>POINT (4.69349025120152 51.795771241190366)</t>
  </si>
  <si>
    <t>POINT (4.667919548072902 51.8162785929902)</t>
  </si>
  <si>
    <t>POINT (4.670524599991873 51.806306483940105)</t>
  </si>
  <si>
    <t>POINT (4.662616049874688 51.81090971227226)</t>
  </si>
  <si>
    <t>POINT (4.666887742539705 51.8140638189848)</t>
  </si>
  <si>
    <t>POINT (4.669609769794657 51.80803800950882)</t>
  </si>
  <si>
    <t>POINT (4.66507200987938 51.77255335307911)</t>
  </si>
  <si>
    <t>POINT (4.673211237391392 51.81335664471148)</t>
  </si>
  <si>
    <t>POINT (4.718427866256718 51.813885537115276)</t>
  </si>
  <si>
    <t>POINT (4.696459138595051 51.79292729522808)</t>
  </si>
  <si>
    <t>POINT (4.732366376068674 51.795171154331825)</t>
  </si>
  <si>
    <t>POINT (4.675795303853954 51.774135186594606)</t>
  </si>
  <si>
    <t>POINT (4.666637538499615 51.78927773302967)</t>
  </si>
  <si>
    <t>POINT (4.702886409911825 51.79501509693681)</t>
  </si>
  <si>
    <t>POINT (4.670978618879554 51.818688710444356)</t>
  </si>
  <si>
    <t>POINT (4.659170675465055 51.812628480359756)</t>
  </si>
  <si>
    <t>POINT (4.665868665610917 51.79599531471228)</t>
  </si>
  <si>
    <t>POINT (4.673312275614609 51.819052084407865)</t>
  </si>
  <si>
    <t>POINT (4.656925266567184 51.81034937938956)</t>
  </si>
  <si>
    <t>POINT (4.669608272657075 51.79935648563305)</t>
  </si>
  <si>
    <t>POINT (4.735616314547601 51.80110766429086)</t>
  </si>
  <si>
    <t>POINT (4.6593078637967515 51.781146559401066)</t>
  </si>
  <si>
    <t>POINT (4.683930315940665 51.78132286798632)</t>
  </si>
  <si>
    <t>POINT (4.663874863126954 51.80239674246091)</t>
  </si>
  <si>
    <t>POINT (4.7168137333657825 51.79520979619819)</t>
  </si>
  <si>
    <t>POINT (4.661901278975909 51.81562419264913)</t>
  </si>
  <si>
    <t>POINT (4.715773466606589 51.801449657848245)</t>
  </si>
  <si>
    <t>POINT (4.711192898495894 51.805892792626054)</t>
  </si>
  <si>
    <t>POINT (4.680064074387669 51.80166335436615)</t>
  </si>
  <si>
    <t>POINT (4.7263988807643615 51.805949368948035)</t>
  </si>
  <si>
    <t>POINT (4.679922632678278 51.79866771633196)</t>
  </si>
  <si>
    <t>POINT (4.675586070649061 51.783254694062336)</t>
  </si>
  <si>
    <t>POINT (4.704328495187492 51.799203173974995)</t>
  </si>
  <si>
    <t>POINT (4.674933079283373 51.78641243409048)</t>
  </si>
  <si>
    <t>POINT (4.683719530900696 51.798101434567)</t>
  </si>
  <si>
    <t>POINT (4.665764619961078 51.80945913830857)</t>
  </si>
  <si>
    <t>POINT (4.700254617194936 51.79695665748381)</t>
  </si>
  <si>
    <t>POINT (4.676803788744982 51.81804399642965)</t>
  </si>
  <si>
    <t>POINT (4.651951571164636 51.79394748665973)</t>
  </si>
  <si>
    <t>POINT (4.656188272502437 51.810962088836504)</t>
  </si>
  <si>
    <t>POINT (4.685102282730005 51.785810500620975)</t>
  </si>
  <si>
    <t>POINT (4.658502625220048 51.799311397782844)</t>
  </si>
  <si>
    <t>POINT (4.676425607731544 51.78383588803398)</t>
  </si>
  <si>
    <t>POINT (4.667185138705217 51.80815161435724)</t>
  </si>
  <si>
    <t>POINT (4.685972754504665 51.77589557696171)</t>
  </si>
  <si>
    <t>POINT (4.734034673467767 51.802310942914495)</t>
  </si>
  <si>
    <t>POINT (4.716953187395033 51.79550636465631)</t>
  </si>
  <si>
    <t>POINT (4.698594797354641 51.79312546620076)</t>
  </si>
  <si>
    <t>POINT (4.667557121374388 51.808266848017496)</t>
  </si>
  <si>
    <t>POINT (4.6726665710320185 51.81787101716427)</t>
  </si>
  <si>
    <t>POINT (4.728872409526528 51.79597508666011)</t>
  </si>
  <si>
    <t>POINT (4.668707366484583 51.77367632239616)</t>
  </si>
  <si>
    <t>POINT (4.662969844474638 51.787218405071975)</t>
  </si>
  <si>
    <t>POINT (4.730677037556154 51.79890483565734)</t>
  </si>
  <si>
    <t>POINT (4.713759796810225 51.804730120607964)</t>
  </si>
  <si>
    <t>POINT (4.682461311383289 51.81126457303466)</t>
  </si>
  <si>
    <t>POINT (4.671017895558183 51.80368196007263)</t>
  </si>
  <si>
    <t>POINT (4.675212911897464 51.81936647608202)</t>
  </si>
  <si>
    <t>POINT (4.721650485880538 51.79785472993727)</t>
  </si>
  <si>
    <t>POINT (4.6742657961754075 51.81601655620777)</t>
  </si>
  <si>
    <t>POINT (4.6622564647270215 51.81242909565564)</t>
  </si>
  <si>
    <t>POINT (4.679694049144584 51.807132485772186)</t>
  </si>
  <si>
    <t>POINT (4.656147188298504 51.810896017717475)</t>
  </si>
  <si>
    <t>POINT (4.668054744770723 51.78996589444389)</t>
  </si>
  <si>
    <t>POINT (4.65557872216824 51.7918999013509)</t>
  </si>
  <si>
    <t>POINT (4.657513172192925 51.80958423402472)</t>
  </si>
  <si>
    <t>POINT (4.66363208141519 51.78725793425689)</t>
  </si>
  <si>
    <t>POINT (4.667382580812707 51.801116131759976)</t>
  </si>
  <si>
    <t>POINT (4.666491441033224 51.816781412933594)</t>
  </si>
  <si>
    <t>POINT (4.718238371528559 51.80119539893057)</t>
  </si>
  <si>
    <t>POINT (4.68513657907773 51.80186291947613)</t>
  </si>
  <si>
    <t>POINT (4.685522085886461 51.78493964436186)</t>
  </si>
  <si>
    <t>POINT (4.667654603157865 51.77125281968383)</t>
  </si>
  <si>
    <t>POINT (4.665287762728156 51.78073561787384)</t>
  </si>
  <si>
    <t>POINT (4.708824809950936 51.79405241792384)</t>
  </si>
  <si>
    <t>POINT (4.733497665883845 51.79927895266479)</t>
  </si>
  <si>
    <t>POINT (4.678552245816271 51.78634378357233)</t>
  </si>
  <si>
    <t>POINT (4.721324970625506 51.811264287385974)</t>
  </si>
  <si>
    <t>POINT (4.6654377047021205 51.80988445894196)</t>
  </si>
  <si>
    <t>POINT (4.686212998536523 51.77744528052772)</t>
  </si>
  <si>
    <t>POINT (4.671935448452925 51.80874368072862)</t>
  </si>
  <si>
    <t>POINT (4.716011497034114 51.81597546937858)</t>
  </si>
  <si>
    <t>POINT (4.719008208398303 51.770368805526054)</t>
  </si>
  <si>
    <t>POINT (4.676155514958079 51.81835418847283)</t>
  </si>
  <si>
    <t>POINT (4.732396867555635 51.800446442983656)</t>
  </si>
  <si>
    <t>POINT (4.713016010039287 51.80323181014537)</t>
  </si>
  <si>
    <t>POINT (4.669693577009821 51.804478895929655)</t>
  </si>
  <si>
    <t>POINT (4.676013146732819 51.81830911959307)</t>
  </si>
  <si>
    <t>POINT (4.728518820597714 51.80378424034035)</t>
  </si>
  <si>
    <t>POINT (4.651239009151453 51.790448611709884)</t>
  </si>
  <si>
    <t>POINT (4.673779295437764 51.81029962709069)</t>
  </si>
  <si>
    <t>POINT (4.660722650705706 51.81334063578942)</t>
  </si>
  <si>
    <t>POINT (4.660876480074039 51.79961302757678)</t>
  </si>
  <si>
    <t>POINT (4.64194660509979 51.77611817143993)</t>
  </si>
  <si>
    <t>POINT (4.7311362459821495 51.792933309195504)</t>
  </si>
  <si>
    <t>POINT (4.661129913811405 51.81271842485883)</t>
  </si>
  <si>
    <t>POINT (4.632584378403992 51.784361621458146)</t>
  </si>
  <si>
    <t>POINT (4.679030914863289 51.79986052871004)</t>
  </si>
  <si>
    <t>POINT (4.665187080465834 51.8103401534413)</t>
  </si>
  <si>
    <t>POINT (4.683179685683132 51.81061806062841)</t>
  </si>
  <si>
    <t>POINT (4.62723635998785 51.79391483162213)</t>
  </si>
  <si>
    <t>POINT (4.715859426874932 51.813558732999134)</t>
  </si>
  <si>
    <t>POINT (4.665763786508998 51.811981752557685)</t>
  </si>
  <si>
    <t>POINT (4.6580733976386925 51.79281646074339)</t>
  </si>
  <si>
    <t>POINT (4.719342528594822 51.80087869988381)</t>
  </si>
  <si>
    <t>POINT (4.665019071337468 51.779196309580904)</t>
  </si>
  <si>
    <t>POINT (4.6858690192218635 51.803527435660634)</t>
  </si>
  <si>
    <t>POINT (4.6607110646564545 51.81266829148686)</t>
  </si>
  <si>
    <t>POINT (4.670839841526893 51.77985670195566)</t>
  </si>
  <si>
    <t>POINT (4.668551247470196 51.77703313633286)</t>
  </si>
  <si>
    <t>POINT (4.656220811223207 51.78490377346001)</t>
  </si>
  <si>
    <t>POINT (4.664383206751506 51.787888412633606)</t>
  </si>
  <si>
    <t>POINT (4.678874251730215 51.81562858287971)</t>
  </si>
  <si>
    <t>POINT (4.728502637759521 51.7989668588165)</t>
  </si>
  <si>
    <t>POINT (4.7281022478452766 51.79555994555293)</t>
  </si>
  <si>
    <t>POINT (4.682541424396537 51.80928033840226)</t>
  </si>
  <si>
    <t>POINT (4.651643782858791 51.787758041338776)</t>
  </si>
  <si>
    <t>POINT (4.732512041225566 51.79619342761534)</t>
  </si>
  <si>
    <t>POINT (4.679368347685025 51.7852477125572)</t>
  </si>
  <si>
    <t>POINT (4.659760740837042 51.79989044570138)</t>
  </si>
  <si>
    <t>POINT (4.705913361017592 51.80872703137071)</t>
  </si>
  <si>
    <t>POINT (4.716852802089129 51.79506825934888)</t>
  </si>
  <si>
    <t>POINT (4.684851710640954 51.81222639915577)</t>
  </si>
  <si>
    <t>POINT (4.689208821220348 51.81038638547095)</t>
  </si>
  <si>
    <t>POINT (4.690537324261846 51.80730644971764)</t>
  </si>
  <si>
    <t>POINT (4.6546638257911495 51.8043359241709)</t>
  </si>
  <si>
    <t>POINT (4.672638888047718 51.78245293543373)</t>
  </si>
  <si>
    <t>POINT (4.657120725360844 51.77077591554508)</t>
  </si>
  <si>
    <t>POINT (4.672732045892098 51.79386434105793)</t>
  </si>
  <si>
    <t>POINT (4.683553617481182 51.80411795378921)</t>
  </si>
  <si>
    <t>POINT (4.664674887456098 51.79489492524631)</t>
  </si>
  <si>
    <t>POINT (4.681646499830897 51.81788681175582)</t>
  </si>
  <si>
    <t>POINT (4.696325233024384 51.79864471279993)</t>
  </si>
  <si>
    <t>POINT (4.668377945128872 51.817954966450856)</t>
  </si>
  <si>
    <t>POINT (4.669664990698138 51.805525525242864)</t>
  </si>
  <si>
    <t>POINT (4.65813153059613 51.802528340555085)</t>
  </si>
  <si>
    <t>POINT (4.6965939389029545 51.791120241609704)</t>
  </si>
  <si>
    <t>POINT (4.71637742235856 51.81376967414552)</t>
  </si>
  <si>
    <t>POINT (4.670454919150242 51.8153069597996)</t>
  </si>
  <si>
    <t>POINT (4.692880671815255 51.81877366600435)</t>
  </si>
  <si>
    <t>POINT (4.720837600312578 51.804983028769996)</t>
  </si>
  <si>
    <t>POINT (4.685301693627279 51.80143862618921)</t>
  </si>
  <si>
    <t>POINT (4.709159851591011 51.804542032241855)</t>
  </si>
  <si>
    <t>POINT (4.658153865938283 51.80722740879594)</t>
  </si>
  <si>
    <t>POINT (4.657532504634463 51.79347016322889)</t>
  </si>
  <si>
    <t>POINT (4.651400772888722 51.79252539899679)</t>
  </si>
  <si>
    <t>POINT (4.667144201991718 51.817812914944085)</t>
  </si>
  <si>
    <t>POINT (4.658620294217903 51.81345257187786)</t>
  </si>
  <si>
    <t>POINT (4.666631013682839 51.77542229823195)</t>
  </si>
  <si>
    <t>POINT (4.67412388832988 51.817820717320956)</t>
  </si>
  <si>
    <t>POINT (4.6857287911286045 51.77770293202763)</t>
  </si>
  <si>
    <t>POINT (4.69798295584245 51.80080636700078)</t>
  </si>
  <si>
    <t>POINT (4.661638557093396 51.78767500238609)</t>
  </si>
  <si>
    <t>POINT (4.711055529310849 51.79992503743627)</t>
  </si>
  <si>
    <t>POINT (4.672337610826914 51.805608192497026)</t>
  </si>
  <si>
    <t>POINT (4.655589354717513 51.791926250645886)</t>
  </si>
  <si>
    <t>POINT (4.668676167978443 51.79498519774561)</t>
  </si>
  <si>
    <t>POINT (4.657844892587735 51.80157712802755)</t>
  </si>
  <si>
    <t>POINT (4.6662417646447105 51.78697235942086)</t>
  </si>
  <si>
    <t>POINT (4.683110036600339 51.801667766678705)</t>
  </si>
  <si>
    <t>POINT (4.657088477345737 51.81398332556118)</t>
  </si>
  <si>
    <t>POINT (4.715739865940243 51.7963171428376)</t>
  </si>
  <si>
    <t>POINT (4.666909865667565 51.81591235902592)</t>
  </si>
  <si>
    <t>POINT (4.679961972516784 51.789781909069966)</t>
  </si>
  <si>
    <t>POINT (4.71821467650544 51.79975208234996)</t>
  </si>
  <si>
    <t>POINT (4.7129107812573 51.79851091349717)</t>
  </si>
  <si>
    <t>POINT (4.6761796295371045 51.818342559419456)</t>
  </si>
  <si>
    <t>POINT (4.656637628764143 51.79835236371162)</t>
  </si>
  <si>
    <t>POINT (4.689214029041205 51.80948886257675)</t>
  </si>
  <si>
    <t>POINT (4.634819944351214 51.781498624684005)</t>
  </si>
  <si>
    <t>POINT (4.651487399392043 51.79477839641522)</t>
  </si>
  <si>
    <t>POINT (4.671875553002269 51.81878637742962)</t>
  </si>
  <si>
    <t>POINT (4.683499427573154 51.78615824154216)</t>
  </si>
  <si>
    <t>POINT (4.674496103354869 51.814321280900174)</t>
  </si>
  <si>
    <t>POINT (4.659222814972104 51.81069628136839)</t>
  </si>
  <si>
    <t>POINT (4.674978291583056 51.81307392921213)</t>
  </si>
  <si>
    <t>POINT (4.64923279755397 51.80767351761273)</t>
  </si>
  <si>
    <t>POINT (4.672859075827508 51.795912801444416)</t>
  </si>
  <si>
    <t>POINT (4.656073526009794 51.78926270532085)</t>
  </si>
  <si>
    <t>POINT (4.663092224590228 51.805635043529904)</t>
  </si>
  <si>
    <t>POINT (4.730782442288847 51.796778434143015)</t>
  </si>
  <si>
    <t>POINT (4.667745499101729 51.810763170972514)</t>
  </si>
  <si>
    <t>POINT (4.679309539646369 51.81032522605671)</t>
  </si>
  <si>
    <t>POINT (4.707720868044073 51.797278837704624)</t>
  </si>
  <si>
    <t>POINT (4.665443759833467 51.77856138117085)</t>
  </si>
  <si>
    <t>POINT (4.724864539372094 51.798537295648515)</t>
  </si>
  <si>
    <t>POINT (4.689364302918785 51.80937445874269)</t>
  </si>
  <si>
    <t>POINT (4.719509444259753 51.80412904522427)</t>
  </si>
  <si>
    <t>POINT (4.721683691011658 51.79437702064113)</t>
  </si>
  <si>
    <t>POINT (4.733305865482853 51.80257378319764)</t>
  </si>
  <si>
    <t>POINT (4.734500364117666 51.796963263913725)</t>
  </si>
  <si>
    <t>POINT (4.662447374818056 51.80516091792131)</t>
  </si>
  <si>
    <t>POINT (4.726960470709585 51.797440907709806)</t>
  </si>
  <si>
    <t>POINT (4.676756735145795 51.81778840657852)</t>
  </si>
  <si>
    <t>POINT (4.667734934703863 51.81581991989815)</t>
  </si>
  <si>
    <t>POINT (4.655826863785468 51.80723722439866)</t>
  </si>
  <si>
    <t>POINT (4.654831509101334 51.803371737604)</t>
  </si>
  <si>
    <t>POINT (4.6625006929799495 51.79188370209009)</t>
  </si>
  <si>
    <t>POINT (4.722863000754251 51.79362757008727)</t>
  </si>
  <si>
    <t>POINT (4.650888353309868 51.78974156120361)</t>
  </si>
  <si>
    <t>POINT (4.663114206816228 51.80563951173009)</t>
  </si>
  <si>
    <t>POINT (4.696790729582469 51.80054452902088)</t>
  </si>
  <si>
    <t>POINT (4.6594149763596695 51.80670983940653)</t>
  </si>
  <si>
    <t>POINT (4.66221155732738 51.78585033161462)</t>
  </si>
  <si>
    <t>POINT (4.659334584957196 51.80965374767679)</t>
  </si>
  <si>
    <t>POINT (4.714413677237747 51.805838639161244)</t>
  </si>
  <si>
    <t>POINT (4.685896532864821 51.78759394252851)</t>
  </si>
  <si>
    <t>POINT (4.682221852109494 51.78767855822156)</t>
  </si>
  <si>
    <t>POINT (4.6850060040008215 51.77524750534001)</t>
  </si>
  <si>
    <t>POINT (4.644839079399084 51.76935681353681)</t>
  </si>
  <si>
    <t>POINT (4.65968726510329 51.801667370038295)</t>
  </si>
  <si>
    <t>POINT (4.663566853545499 51.81461633597073)</t>
  </si>
  <si>
    <t>POINT (4.667347185256339 51.80406853685861)</t>
  </si>
  <si>
    <t>POINT (4.672073967268464 51.816530873566144)</t>
  </si>
  <si>
    <t>POINT (4.691650545772779 51.79091016634185)</t>
  </si>
  <si>
    <t>POINT (4.7322895069574855 51.80013917842338)</t>
  </si>
  <si>
    <t>POINT (4.669171152141804 51.79032175522646)</t>
  </si>
  <si>
    <t>POINT (4.679205431694111 51.78926920589607)</t>
  </si>
  <si>
    <t>POINT (4.674658254071584 51.80925532400171)</t>
  </si>
  <si>
    <t>POINT (4.663080394025065 51.813308979047555)</t>
  </si>
  <si>
    <t>POINT (4.673635330742546 51.80487312305251)</t>
  </si>
  <si>
    <t>POINT (4.655034412646931 51.80617374686001)</t>
  </si>
  <si>
    <t>POINT (4.696099178591854 51.79680046157647)</t>
  </si>
  <si>
    <t>POINT (4.717179470982742 51.803494549568704)</t>
  </si>
  <si>
    <t>POINT (4.6851227396618125 51.79523869374237)</t>
  </si>
  <si>
    <t>POINT (4.688282972142278 51.81985662762677)</t>
  </si>
  <si>
    <t>POINT (4.668570379457738 51.779669193357314)</t>
  </si>
  <si>
    <t>POINT (4.625295593831755 51.79574925722603)</t>
  </si>
  <si>
    <t>POINT (4.668219791902515 51.815880221094446)</t>
  </si>
  <si>
    <t>POINT (4.688709270425762 51.806679580119805)</t>
  </si>
  <si>
    <t>POINT (4.681629284437096 51.78678145666986)</t>
  </si>
  <si>
    <t>POINT (4.70321444256905 51.81616081695551)</t>
  </si>
  <si>
    <t>POINT (4.717828347589932 51.81304916927119)</t>
  </si>
  <si>
    <t>POINT (4.65887860473602 51.792870675593505)</t>
  </si>
  <si>
    <t>POINT (4.673406604521782 51.81607740030744)</t>
  </si>
  <si>
    <t>POINT (4.686314223455077 51.77813428488258)</t>
  </si>
  <si>
    <t>POINT (4.658452726425508 51.80978190026273)</t>
  </si>
  <si>
    <t>POINT (4.668110662386788 51.772366838328985)</t>
  </si>
  <si>
    <t>POINT (4.663966603359914 51.79976718057556)</t>
  </si>
  <si>
    <t>POINT (4.68424577971438 51.78910147861107)</t>
  </si>
  <si>
    <t>POINT (4.661428934391294 51.80380836870759)</t>
  </si>
  <si>
    <t>POINT (4.729013855892555 51.80480570931664)</t>
  </si>
  <si>
    <t>POINT (4.66108321138082 51.81352018703641)</t>
  </si>
  <si>
    <t>POINT (4.666903230756616 51.792486317384494)</t>
  </si>
  <si>
    <t>POINT (4.666695956370078 51.80075067985512)</t>
  </si>
  <si>
    <t>POINT (4.681545500371466 51.81914293596207)</t>
  </si>
  <si>
    <t>POINT (4.6737646707900975 51.78752909188559)</t>
  </si>
  <si>
    <t>POINT (4.6865264642649995 51.78092908682431)</t>
  </si>
  <si>
    <t>POINT (4.68965747381748 51.80765017170944)</t>
  </si>
  <si>
    <t>POINT (4.678291076142861 51.7855669484662)</t>
  </si>
  <si>
    <t>POINT (4.661298574979832 51.80446850979075)</t>
  </si>
  <si>
    <t>POINT (4.64449726577857 51.773997243309)</t>
  </si>
  <si>
    <t>POINT (4.662899900851878 51.7967203355824)</t>
  </si>
  <si>
    <t>POINT (4.692245837919755 51.79083853097341)</t>
  </si>
  <si>
    <t>POINT (4.664722254882864 51.81273231760262)</t>
  </si>
  <si>
    <t>POINT (4.669358492595719 51.78128053540368)</t>
  </si>
  <si>
    <t>POINT (4.686131522739261 51.789321318877604)</t>
  </si>
  <si>
    <t>POINT (4.701339332229515 51.79974494125526)</t>
  </si>
  <si>
    <t>POINT (4.668482457918325 51.8133137926529)</t>
  </si>
  <si>
    <t>POINT (4.662839820583709 51.799064099943934)</t>
  </si>
  <si>
    <t>POINT (4.666731282161467 51.798775281241326)</t>
  </si>
  <si>
    <t>POINT (4.662055528932395 51.80421214967037)</t>
  </si>
  <si>
    <t>POINT (4.687877868477578 51.81051688680083)</t>
  </si>
  <si>
    <t>POINT (4.7098505579976235 51.792556617683225)</t>
  </si>
  <si>
    <t>POINT (4.686211882940886 51.7796059409137)</t>
  </si>
  <si>
    <t>POINT (4.65933049109762 51.79549470299427)</t>
  </si>
  <si>
    <t>POINT (4.687903402449124 51.809010790658526)</t>
  </si>
  <si>
    <t>POINT (4.721152723990535 51.81257769094203)</t>
  </si>
  <si>
    <t>POINT (4.645020915093904 51.777247064633535)</t>
  </si>
  <si>
    <t>POINT (4.667077328471072 51.78102760564154)</t>
  </si>
  <si>
    <t>POINT (4.683133580210077 51.81357987268798)</t>
  </si>
  <si>
    <t>POINT (4.676998730926118 51.80487555127141)</t>
  </si>
  <si>
    <t>POINT (4.686667891574187 51.79625935428451)</t>
  </si>
  <si>
    <t>POINT (4.690773111581578 51.818415502286065)</t>
  </si>
  <si>
    <t>POINT (4.66441399638048 51.79932258822887)</t>
  </si>
  <si>
    <t>POINT (4.689682583958831 51.81815911457455)</t>
  </si>
  <si>
    <t>POINT (4.730114429097436 51.80318541081209)</t>
  </si>
  <si>
    <t>POINT (4.65984473283147 51.815599653449475)</t>
  </si>
  <si>
    <t>POINT (4.668583413193694 51.80814370952865)</t>
  </si>
  <si>
    <t>POINT (4.663465415072698 51.81121013307311)</t>
  </si>
  <si>
    <t>POINT (4.676026223553233 51.81752713107898)</t>
  </si>
  <si>
    <t>POINT (4.716681095254177 51.8158302563969)</t>
  </si>
  <si>
    <t>POINT (4.7142477659920194 51.81612917815104)</t>
  </si>
  <si>
    <t>POINT (4.660069965014318 51.81362942679904)</t>
  </si>
  <si>
    <t>POINT (4.689674824595818 51.8089816307402)</t>
  </si>
  <si>
    <t>POINT (4.65528656026121 51.801080148733156)</t>
  </si>
  <si>
    <t>POINT (4.676921502394492 51.817708802524585)</t>
  </si>
  <si>
    <t>POINT (4.65226093890122 51.80861241672157)</t>
  </si>
  <si>
    <t>POINT (4.671692635134084 51.79751531627872)</t>
  </si>
  <si>
    <t>POINT (4.6516919262606145 51.78459854797974)</t>
  </si>
  <si>
    <t>POINT (4.663526598177343 51.79339690103528)</t>
  </si>
  <si>
    <t>POINT (4.665012171972018 51.80994876158993)</t>
  </si>
  <si>
    <t>POINT (4.653698813905483 51.792793469250604)</t>
  </si>
  <si>
    <t>POINT (4.70101014625218 51.79562929987981)</t>
  </si>
  <si>
    <t>POINT (4.664534262124495 51.80209621484488)</t>
  </si>
  <si>
    <t>POINT (4.69351803257079 51.79573407549349)</t>
  </si>
  <si>
    <t>POINT (4.6793066255472535 51.80662324193338)</t>
  </si>
  <si>
    <t>POINT (4.659892810504258 51.78367133382479)</t>
  </si>
  <si>
    <t>POINT (4.677684358823796 51.78025364634202)</t>
  </si>
  <si>
    <t>POINT (4.711359949729091 51.815429788753455)</t>
  </si>
  <si>
    <t>POINT (4.728770035800632 51.8053121633896)</t>
  </si>
  <si>
    <t>POINT (4.674629776314678 51.78255512260429)</t>
  </si>
  <si>
    <t>POINT (4.70801493577618 51.78985202083934)</t>
  </si>
  <si>
    <t>POINT (4.671703898071216 51.79255288075412)</t>
  </si>
  <si>
    <t>POINT (4.718780365104857 51.80210259287202)</t>
  </si>
  <si>
    <t>POINT (4.6704508662498165 51.79908150353258)</t>
  </si>
  <si>
    <t>POINT (4.6628175989171075 51.80071939269177)</t>
  </si>
  <si>
    <t>POINT (4.68266343878032 51.80254513117027)</t>
  </si>
  <si>
    <t>POINT (4.6850769072980345 51.78257937229004)</t>
  </si>
  <si>
    <t>POINT (4.7334133425659735 51.802206791873374)</t>
  </si>
  <si>
    <t>POINT (4.670450011802495 51.79904951655668)</t>
  </si>
  <si>
    <t>POINT (4.682929822197407 51.81434777400964)</t>
  </si>
  <si>
    <t>POINT (4.731934777778949 51.80075567912227)</t>
  </si>
  <si>
    <t>POINT (4.659784857958447 51.79017707080127)</t>
  </si>
  <si>
    <t>POINT (4.682001062721989 51.80658807768214)</t>
  </si>
  <si>
    <t>POINT (4.632012133415107 51.765684652541914)</t>
  </si>
  <si>
    <t>POINT (4.6998701092921955 51.79733968675723)</t>
  </si>
  <si>
    <t>POINT (4.697763792829199 51.799539951722835)</t>
  </si>
  <si>
    <t>POINT (4.650978178511339 51.79474192574061)</t>
  </si>
  <si>
    <t>POINT (4.6691044772398325 51.790940929145)</t>
  </si>
  <si>
    <t>POINT (4.704776952416084 51.81567879153824)</t>
  </si>
  <si>
    <t>POINT (4.660974333809487 51.79388060472116)</t>
  </si>
  <si>
    <t>POINT (4.65065552209737 51.80309579285569)</t>
  </si>
  <si>
    <t>POINT (4.669601532533986 51.81369436311884)</t>
  </si>
  <si>
    <t>POINT (4.678575539837132 51.807992406391506)</t>
  </si>
  <si>
    <t>POINT (4.681752147529555 51.80453011693846)</t>
  </si>
  <si>
    <t>POINT (4.672939329248155 51.80602390687132)</t>
  </si>
  <si>
    <t>POINT (4.707478189729529 51.79652847879971)</t>
  </si>
  <si>
    <t>POINT (4.690181601247654 51.81805656150836)</t>
  </si>
  <si>
    <t>POINT (4.661395357142959 51.81338142716422)</t>
  </si>
  <si>
    <t>POINT (4.672237066455115 51.788721724197686)</t>
  </si>
  <si>
    <t>POINT (4.679005781673366 51.77760872455424)</t>
  </si>
  <si>
    <t>POINT (4.669308433057425 51.81240442139278)</t>
  </si>
  <si>
    <t>POINT (4.656567952512165 51.79852253538713)</t>
  </si>
  <si>
    <t>POINT (4.65524212737611 51.79192316784247)</t>
  </si>
  <si>
    <t>POINT (4.663871319458142 51.816994468653135)</t>
  </si>
  <si>
    <t>POINT (4.660581650761461 51.80458594103619)</t>
  </si>
  <si>
    <t>POINT (4.6683029175143735 51.77240315387731)</t>
  </si>
  <si>
    <t>POINT (4.683963861889354 51.78135744188713)</t>
  </si>
  <si>
    <t>POINT (4.691519359431245 51.81139588747749)</t>
  </si>
  <si>
    <t>POINT (4.681183926832191 51.77369220135613)</t>
  </si>
  <si>
    <t>POINT (4.733430632498854 51.796035091422084)</t>
  </si>
  <si>
    <t>POINT (4.721531788897475 51.805880655565154)</t>
  </si>
  <si>
    <t>POINT (4.682284489596104 51.817676769307994)</t>
  </si>
  <si>
    <t>POINT (4.660074122404019 51.802140560000964)</t>
  </si>
  <si>
    <t>POINT (4.652418397412711 51.78550456159121)</t>
  </si>
  <si>
    <t>POINT (4.671103384440767 51.817901489150834)</t>
  </si>
  <si>
    <t>POINT (4.667191049836278 51.77513981556737)</t>
  </si>
  <si>
    <t>POINT (4.691227357389447 51.818111845648396)</t>
  </si>
  <si>
    <t>POINT (4.691419233139089 51.7912195872637)</t>
  </si>
  <si>
    <t>POINT (4.6536538556989 51.80210637661519)</t>
  </si>
  <si>
    <t>POINT (4.676864744866426 51.804043251544975)</t>
  </si>
  <si>
    <t>POINT (4.653899810359343 51.81114217315188)</t>
  </si>
  <si>
    <t>POINT (4.703041917601774 51.78810226943382)</t>
  </si>
  <si>
    <t>POINT (4.642896120087138 51.770419983089624)</t>
  </si>
  <si>
    <t>POINT (4.669988921224463 51.7990967209093)</t>
  </si>
  <si>
    <t>POINT (4.680987215848823 51.77434158360624)</t>
  </si>
  <si>
    <t>POINT (4.670320953676062 51.8113973176495)</t>
  </si>
  <si>
    <t>POINT (4.732046977497541 51.79582417586328)</t>
  </si>
  <si>
    <t>POINT (4.681779418772305 51.80065295257564)</t>
  </si>
  <si>
    <t>POINT (4.652283211598024 51.78542139601797)</t>
  </si>
  <si>
    <t>POINT (4.686074767636008 51.806704191521305)</t>
  </si>
  <si>
    <t>POINT (4.682358421650294 51.810095895786795)</t>
  </si>
  <si>
    <t>POINT (4.733671606415761 51.801274095672454)</t>
  </si>
  <si>
    <t>POINT (4.711746867481921 51.80304809988256)</t>
  </si>
  <si>
    <t>POINT (4.65843851182658 51.788666440677964)</t>
  </si>
  <si>
    <t>POINT (4.668156096192992 51.81753318031672)</t>
  </si>
  <si>
    <t>POINT (4.667054191841874 51.78757801995918)</t>
  </si>
  <si>
    <t>POINT (4.6835330585450885 51.81338467089867)</t>
  </si>
  <si>
    <t>POINT (4.68533005516636 51.803849432109125)</t>
  </si>
  <si>
    <t>POINT (4.677764810128383 51.81792440875361)</t>
  </si>
  <si>
    <t>POINT (4.68828582749095 51.81983898192848)</t>
  </si>
  <si>
    <t>POINT (4.678628627062986 51.81463325934435)</t>
  </si>
  <si>
    <t>POINT (4.7277737752333815 51.805161609175116)</t>
  </si>
  <si>
    <t>POINT (4.655738429510773 51.810820599219134)</t>
  </si>
  <si>
    <t>POINT (4.697278882639803 51.789747808846165)</t>
  </si>
  <si>
    <t>POINT (4.67807621703953 51.789241648441404)</t>
  </si>
  <si>
    <t>POINT (4.712706378581582 51.810849948760364)</t>
  </si>
  <si>
    <t>POINT (4.644563173815925 51.79131843670705)</t>
  </si>
  <si>
    <t>POINT (4.662836035648867 51.79784643182374)</t>
  </si>
  <si>
    <t>POINT (4.678669442819337 51.78970584946848)</t>
  </si>
  <si>
    <t>POINT (4.693342258261377 51.787767054143586)</t>
  </si>
  <si>
    <t>POINT (4.661589025279306 51.78979321748673)</t>
  </si>
  <si>
    <t>POINT (4.6860517353492 51.807542948280535)</t>
  </si>
  <si>
    <t>POINT (4.636153689333416 51.76731947367807)</t>
  </si>
  <si>
    <t>POINT (4.653755171785483 51.785600306899475)</t>
  </si>
  <si>
    <t>POINT (4.715495730467161 51.804704430720065)</t>
  </si>
  <si>
    <t>POINT (4.720024537146522 51.81239764001856)</t>
  </si>
  <si>
    <t>POINT (4.6714183079137745 51.802072822167105)</t>
  </si>
  <si>
    <t>POINT (4.68329846074222 51.79836982789049)</t>
  </si>
  <si>
    <t>POINT (4.663950296899967 51.817003980023905)</t>
  </si>
  <si>
    <t>POINT (4.671995570261811 51.81660356359769)</t>
  </si>
  <si>
    <t>POINT (4.675216221095687 51.805392465231975)</t>
  </si>
  <si>
    <t>POINT (4.662762788531871 51.7932633878372)</t>
  </si>
  <si>
    <t>POINT (4.706326420429674 51.80949748187266)</t>
  </si>
  <si>
    <t>POINT (4.691955208575086 51.78837848557363)</t>
  </si>
  <si>
    <t>POINT (4.683199308415346 51.80673573874353)</t>
  </si>
  <si>
    <t>POINT (4.678591268128987 51.78962777790526)</t>
  </si>
  <si>
    <t>POINT (4.731854348485548 51.79865098057435)</t>
  </si>
  <si>
    <t>POINT (4.6716414009069105 51.7927690102644)</t>
  </si>
  <si>
    <t>POINT (4.662474173390122 51.80035368821216)</t>
  </si>
  <si>
    <t>POINT (4.6950594455475905 51.816165148497234)</t>
  </si>
  <si>
    <t>POINT (4.661623595270811 51.79226617012191)</t>
  </si>
  <si>
    <t>POINT (4.652136414800115 51.78436867918752)</t>
  </si>
  <si>
    <t>POINT (4.714148780820565 51.80725132164693)</t>
  </si>
  <si>
    <t>POINT (4.6581763843813375 51.79215296120798)</t>
  </si>
  <si>
    <t>POINT (4.700343370158424 51.79613769830539)</t>
  </si>
  <si>
    <t>POINT (4.715256586215194 51.80713278223553)</t>
  </si>
  <si>
    <t>POINT (4.728687857033993 51.800358009868695)</t>
  </si>
  <si>
    <t>POINT (4.638097884331124 51.77440839829471)</t>
  </si>
  <si>
    <t>POINT (4.732316851456863 51.79420697170266)</t>
  </si>
  <si>
    <t>POINT (4.670440385316873 51.799292188308)</t>
  </si>
  <si>
    <t>POINT (4.6591427270326395 51.80708865077097)</t>
  </si>
  <si>
    <t>POINT (4.717504863208049 51.80242487958881)</t>
  </si>
  <si>
    <t>POINT (4.707600148493986 51.794737960662154)</t>
  </si>
  <si>
    <t>POINT (4.6528302684483975 51.80327264117587)</t>
  </si>
  <si>
    <t>POINT (4.669500776213539 51.81346355599547)</t>
  </si>
  <si>
    <t>POINT (4.707262317700586 51.807844538629766)</t>
  </si>
  <si>
    <t>POINT (4.684637946795546 51.78983806885329)</t>
  </si>
  <si>
    <t>POINT (4.6697614366410205 51.79304052859977)</t>
  </si>
  <si>
    <t>POINT (4.666902597917261 51.796277961637514)</t>
  </si>
  <si>
    <t>POINT (4.670629364960753 51.778329205316545)</t>
  </si>
  <si>
    <t>POINT (4.683131536975286 51.811613859759674)</t>
  </si>
  <si>
    <t>POINT (4.683813530806047 51.77457071045753)</t>
  </si>
  <si>
    <t>POINT (4.666341801493637 51.79627485885779)</t>
  </si>
  <si>
    <t>POINT (4.667542526917576 51.808213680344544)</t>
  </si>
  <si>
    <t>POINT (4.652071228284084 51.79371306488573)</t>
  </si>
  <si>
    <t>POINT (4.666812202192394 51.79631121310055)</t>
  </si>
  <si>
    <t>POINT (4.678043105837255 51.81778975064109)</t>
  </si>
  <si>
    <t>POINT (4.670322455515216 51.77248019870196)</t>
  </si>
  <si>
    <t>POINT (4.679071324663501 51.80551310511986)</t>
  </si>
  <si>
    <t>POINT (4.676261443114581 51.774417777755424)</t>
  </si>
  <si>
    <t>POINT (4.72772704028702 51.80388280279479)</t>
  </si>
  <si>
    <t>POINT (4.701486131233666 51.79542357271998)</t>
  </si>
  <si>
    <t>POINT (4.668172511460462 51.77250808873178)</t>
  </si>
  <si>
    <t>POINT (4.667050211848501 51.77124188297331)</t>
  </si>
  <si>
    <t>POINT (4.689022249376964 51.81931662101591)</t>
  </si>
  <si>
    <t>POINT (4.656483765556223 51.802000799726954)</t>
  </si>
  <si>
    <t>POINT (4.7273834752301624 51.80332860943634)</t>
  </si>
  <si>
    <t>POINT (4.7280693302456465 51.795810696654904)</t>
  </si>
  <si>
    <t>POINT (4.659947552588768 51.7962782546077)</t>
  </si>
  <si>
    <t>POINT (4.664461735243005 51.81215739741708)</t>
  </si>
  <si>
    <t>POINT (4.653216619000809 51.782673474200465)</t>
  </si>
  <si>
    <t>POINT (4.662462306858698 51.81610328554513)</t>
  </si>
  <si>
    <t>POINT (4.659496687647184 51.80119720299222)</t>
  </si>
  <si>
    <t>POINT (4.6674211781695085 51.80944690226053)</t>
  </si>
  <si>
    <t>POINT (4.683221348657205 51.79817947937978)</t>
  </si>
  <si>
    <t>POINT (4.6757655835322565 51.784922431796815)</t>
  </si>
  <si>
    <t>POINT (4.659188061917156 51.8089320088794)</t>
  </si>
  <si>
    <t>POINT (4.656767541988695 51.80587252379915)</t>
  </si>
  <si>
    <t>POINT (4.665562352421113 51.79977295233406)</t>
  </si>
  <si>
    <t>3328LD</t>
  </si>
  <si>
    <t>POINT (4.69496466825345 51.77697502515335)</t>
  </si>
  <si>
    <t>POINT (4.704543054445989 51.789232809854504)</t>
  </si>
  <si>
    <t>POINT (4.680047334344161 51.80917096294731)</t>
  </si>
  <si>
    <t>POINT (4.665757208138222 51.78097926889987)</t>
  </si>
  <si>
    <t>POINT (4.663096101520183 51.799184611338084)</t>
  </si>
  <si>
    <t>POINT (4.65320447723444 51.791873789573344)</t>
  </si>
  <si>
    <t>POINT (4.678769545471652 51.787070268053846)</t>
  </si>
  <si>
    <t>POINT (4.72946852695147 51.79958732517231)</t>
  </si>
  <si>
    <t>POINT (4.7093069659096685 51.799848117255074)</t>
  </si>
  <si>
    <t>POINT (4.720345088100161 51.80010863697462)</t>
  </si>
  <si>
    <t>POINT (4.715814507897732 51.813423763327314)</t>
  </si>
  <si>
    <t>POINT (4.678032171051499 51.808188510547666)</t>
  </si>
  <si>
    <t>POINT (4.671191591712084 51.78753127520789)</t>
  </si>
  <si>
    <t>POINT (4.722608613114993 51.8022683906739)</t>
  </si>
  <si>
    <t>POINT (4.69408819944749 51.792839110117455)</t>
  </si>
  <si>
    <t>POINT (4.684835696666527 51.77818569161493)</t>
  </si>
  <si>
    <t>POINT (4.718180745831321 51.803840815580685)</t>
  </si>
  <si>
    <t>POINT (4.656590047612507 51.787154043453405)</t>
  </si>
  <si>
    <t>POINT (4.714090401588758 51.81612092300363)</t>
  </si>
  <si>
    <t>POINT (4.666747777707671 51.8121219178007)</t>
  </si>
  <si>
    <t>POINT (4.684990450839542 51.78981686277616)</t>
  </si>
  <si>
    <t>POINT (4.675555266811469 51.78339024555618)</t>
  </si>
  <si>
    <t>POINT (4.700469139390922 51.79635974451777)</t>
  </si>
  <si>
    <t>POINT (4.680605634349977 51.78191511628283)</t>
  </si>
  <si>
    <t>POINT (4.675779011802891 51.77404638717708)</t>
  </si>
  <si>
    <t>POINT (4.653763383438413 51.800470991874555)</t>
  </si>
  <si>
    <t>POINT (4.663390662128196 51.81514566234206)</t>
  </si>
  <si>
    <t>POINT (4.672602668677392 51.8173019150729)</t>
  </si>
  <si>
    <t>POINT (4.671838609372441 51.81643861765949)</t>
  </si>
  <si>
    <t>POINT (4.660103797118571 51.79415407815752)</t>
  </si>
  <si>
    <t>POINT (4.6697040075553105 51.804088509239804)</t>
  </si>
  <si>
    <t>POINT (4.671257596061547 51.81331294036653)</t>
  </si>
  <si>
    <t>POINT (4.730323704009183 51.80521709730673)</t>
  </si>
  <si>
    <t>POINT (4.685189136281701 51.7921161531156)</t>
  </si>
  <si>
    <t>POINT (4.660348681053036 51.804047666447936)</t>
  </si>
  <si>
    <t>POINT (4.665708933238827 51.79607203080545)</t>
  </si>
  <si>
    <t>POINT (4.701487516671832 51.794103226386106)</t>
  </si>
  <si>
    <t>POINT (4.715904507114006 51.80140935647415)</t>
  </si>
  <si>
    <t>POINT (4.709434743503945 51.790848877705486)</t>
  </si>
  <si>
    <t>POINT (4.662017716480457 51.79693203500703)</t>
  </si>
  <si>
    <t>POINT (4.653570997432691 51.787421024204875)</t>
  </si>
  <si>
    <t>POINT (4.651488277745618 51.80369127842866)</t>
  </si>
  <si>
    <t>POINT (4.674604210498667 51.77613480206173)</t>
  </si>
  <si>
    <t>POINT (4.652382760890691 51.79261567929776)</t>
  </si>
  <si>
    <t>POINT (4.674322993432098 51.77591321131336)</t>
  </si>
  <si>
    <t>POINT (4.696419282437373 51.79295810743606)</t>
  </si>
  <si>
    <t>POINT (4.692320853837602 51.79427301876836)</t>
  </si>
  <si>
    <t>POINT (4.656627620448759 51.78422585307377)</t>
  </si>
  <si>
    <t>POINT (4.7005034332712174 51.79280534014111)</t>
  </si>
  <si>
    <t>POINT (4.66959418725561 51.80934787947051)</t>
  </si>
  <si>
    <t>POINT (4.6713216400673705 51.81359498215641)</t>
  </si>
  <si>
    <t>POINT (4.704269496085999 51.798590963402255)</t>
  </si>
  <si>
    <t>POINT (4.670107031711426 51.819140497987014)</t>
  </si>
  <si>
    <t>POINT (4.6859481878457405 51.78892098158898)</t>
  </si>
  <si>
    <t>POINT (4.711760357179369 51.79841834680303)</t>
  </si>
  <si>
    <t>POINT (4.674254001067178 51.81155625231078)</t>
  </si>
  <si>
    <t>POINT (4.67612467203626 51.81526717693937)</t>
  </si>
  <si>
    <t>POINT (4.680909640323483 51.79874664122282)</t>
  </si>
  <si>
    <t>POINT (4.662359025435227 51.79152139108564)</t>
  </si>
  <si>
    <t>POINT (4.654696333082207 51.80429040160924)</t>
  </si>
  <si>
    <t>POINT (4.676152727938662 51.77203924514434)</t>
  </si>
  <si>
    <t>POINT (4.683998151360744 51.81243752779991)</t>
  </si>
  <si>
    <t>POINT (4.660493261479533 51.80247251146935)</t>
  </si>
  <si>
    <t>POINT (4.654264033691565 51.80375275768118)</t>
  </si>
  <si>
    <t>POINT (4.653401672518124 51.78154959469697)</t>
  </si>
  <si>
    <t>POINT (4.67272643430316 51.81728675866355)</t>
  </si>
  <si>
    <t>POINT (4.659991507741354 51.809401957579254)</t>
  </si>
  <si>
    <t>POINT (4.721771790464929 51.803623350997356)</t>
  </si>
  <si>
    <t>POINT (4.651945635897861 51.79450194500593)</t>
  </si>
  <si>
    <t>POINT (4.6509863705681544 51.79489014704857)</t>
  </si>
  <si>
    <t>POINT (4.668438597010765 51.818991147358105)</t>
  </si>
  <si>
    <t>POINT (4.697920344769658 51.795131111797645)</t>
  </si>
  <si>
    <t>POINT (4.675091230919883 51.80817113158883)</t>
  </si>
  <si>
    <t>POINT (4.668121958134956 51.78150460934342)</t>
  </si>
  <si>
    <t>POINT (4.685758613581303 51.77831542947918)</t>
  </si>
  <si>
    <t>POINT (4.670472054250166 51.77209513755525)</t>
  </si>
  <si>
    <t>POINT (4.679990936497034 51.7987227702609)</t>
  </si>
  <si>
    <t>POINT (4.678554204915113 51.77527145942102)</t>
  </si>
  <si>
    <t>POINT (4.69456488601038 51.81802139819403)</t>
  </si>
  <si>
    <t>POINT (4.639970646273075 51.77576914153544)</t>
  </si>
  <si>
    <t>POINT (4.716488020347829 51.80300602124125)</t>
  </si>
  <si>
    <t>POINT (4.632152309446675 51.72192626213126)</t>
  </si>
  <si>
    <t>POINT (4.677469196090428 51.77775521076356)</t>
  </si>
  <si>
    <t>POINT (4.673961345114851 51.77905393245599)</t>
  </si>
  <si>
    <t>POINT (4.713682959753722 51.795203523306036)</t>
  </si>
  <si>
    <t>POINT (4.675583570840388 51.77569186118213)</t>
  </si>
  <si>
    <t>POINT (4.6657678385032355 51.81837412848969)</t>
  </si>
  <si>
    <t>POINT (4.669422709154013 51.790603193763594)</t>
  </si>
  <si>
    <t>POINT (4.704624656479979 51.80869115620911)</t>
  </si>
  <si>
    <t>POINT (4.674359012106674 51.78835330121469)</t>
  </si>
  <si>
    <t>POINT (4.6746981047249605 51.81822591725361)</t>
  </si>
  <si>
    <t>POINT (4.677661690833718 51.80911789300177)</t>
  </si>
  <si>
    <t>POINT (4.677991609150145 51.787609886785866)</t>
  </si>
  <si>
    <t>POINT (4.656443832855501 51.78861816701356)</t>
  </si>
  <si>
    <t>POINT (4.679709703527996 51.77507895802914)</t>
  </si>
  <si>
    <t>POINT (4.668687192985642 51.81166076132793)</t>
  </si>
  <si>
    <t>POINT (4.6406782310878985 51.762075806066946)</t>
  </si>
  <si>
    <t>POINT (4.706220530619449 51.79360843621089)</t>
  </si>
  <si>
    <t>POINT (4.677699268141195 51.81357955678089)</t>
  </si>
  <si>
    <t>POINT (4.668614761711746 51.815642049349144)</t>
  </si>
  <si>
    <t>POINT (4.668101351096757 51.79194426033425)</t>
  </si>
  <si>
    <t>POINT (4.679347852827809 51.77801950584705)</t>
  </si>
  <si>
    <t>POINT (4.658551851684731 51.786783883936565)</t>
  </si>
  <si>
    <t>POINT (4.677040320317799 51.78996534478771)</t>
  </si>
  <si>
    <t>POINT (4.709856250703871 51.78702109719294)</t>
  </si>
  <si>
    <t>POINT (4.674229806109168 51.782153342034874)</t>
  </si>
  <si>
    <t>POINT (4.685013869025687 51.803541556968064)</t>
  </si>
  <si>
    <t>POINT (4.664531798907815 51.81412933393951)</t>
  </si>
  <si>
    <t>POINT (4.660850749476042 51.7935929561946)</t>
  </si>
  <si>
    <t>POINT (4.652035255386319 51.79306251522843)</t>
  </si>
  <si>
    <t>POINT (4.704729821073643 51.79856088722936)</t>
  </si>
  <si>
    <t>POINT (4.662224876128955 51.79843920079278)</t>
  </si>
  <si>
    <t>POINT (4.724305741712077 51.79276536426378)</t>
  </si>
  <si>
    <t>POINT (4.657550668854018 51.800544411881894)</t>
  </si>
  <si>
    <t>POINT (4.652437395081571 51.79261207545041)</t>
  </si>
  <si>
    <t>POINT (4.70444539784054 51.798643267455866)</t>
  </si>
  <si>
    <t>POINT (4.732354162187972 51.80012054629778)</t>
  </si>
  <si>
    <t>POINT (4.664433133724939 51.81083059078515)</t>
  </si>
  <si>
    <t>POINT (4.680265916738762 51.813873155521634)</t>
  </si>
  <si>
    <t>POINT (4.668007328726311 51.817158978195025)</t>
  </si>
  <si>
    <t>POINT (4.683560235656109 51.80507930502755)</t>
  </si>
  <si>
    <t>POINT (4.677443210591817 51.816854754822515)</t>
  </si>
  <si>
    <t>POINT (4.7228245965077065 51.79921542510697)</t>
  </si>
  <si>
    <t>POINT (4.632662952227109 51.77021287272667)</t>
  </si>
  <si>
    <t>POINT (4.678730323062154 51.787095352328706)</t>
  </si>
  <si>
    <t>POINT (4.70438230961905 51.798677461720274)</t>
  </si>
  <si>
    <t>POINT (4.671533384016425 51.813287279013466)</t>
  </si>
  <si>
    <t>POINT (4.6556156318881445 51.790475735604126)</t>
  </si>
  <si>
    <t>POINT (4.659099379606923 51.79541179531928)</t>
  </si>
  <si>
    <t>POINT (4.66821831475457 51.77560689702121)</t>
  </si>
  <si>
    <t>POINT (4.682320654203207 51.802438030742564)</t>
  </si>
  <si>
    <t>POINT (4.6503945842335686 51.79281833606227)</t>
  </si>
  <si>
    <t>POINT (4.737221530718684 51.81538218172234)</t>
  </si>
  <si>
    <t>POINT (4.680546346883605 51.78176153776636)</t>
  </si>
  <si>
    <t>POINT (4.669334218494756 51.798879541160915)</t>
  </si>
  <si>
    <t>POINT (4.687955188600178 51.80683835907665)</t>
  </si>
  <si>
    <t>POINT (4.710236116714225 51.79583047324923)</t>
  </si>
  <si>
    <t>POINT (4.704212215910325 51.81667794680204)</t>
  </si>
  <si>
    <t>POINT (4.667117363442074 51.818225555039795)</t>
  </si>
  <si>
    <t>POINT (4.671418661872655 51.81848524892978)</t>
  </si>
  <si>
    <t>POINT (4.66021994160195 51.78869670296713)</t>
  </si>
  <si>
    <t>POINT (4.683185079758677 51.798248007174074)</t>
  </si>
  <si>
    <t>POINT (4.675321738188757 51.81570278982319)</t>
  </si>
  <si>
    <t>POINT (4.673955026795008 51.77557337620559)</t>
  </si>
  <si>
    <t>POINT (4.682674581812097 51.79807577586968)</t>
  </si>
  <si>
    <t>POINT (4.664093612888726 51.80314397234503)</t>
  </si>
  <si>
    <t>POINT (4.6982383486475054 51.79260169786484)</t>
  </si>
  <si>
    <t>POINT (4.651943591410018 51.7895793807682)</t>
  </si>
  <si>
    <t>POINT (4.70060484918143 51.817270067509114)</t>
  </si>
  <si>
    <t>POINT (4.685259794227335 51.813005730926506)</t>
  </si>
  <si>
    <t>POINT (4.686641557298179 51.78256827827755)</t>
  </si>
  <si>
    <t>POINT (4.716146475421395 51.80002032225649)</t>
  </si>
  <si>
    <t>POINT (4.656113663660794 51.79025448220765)</t>
  </si>
  <si>
    <t>POINT (4.691536018246535 51.81851255602386)</t>
  </si>
  <si>
    <t>POINT (4.681733350402202 51.817884754104576)</t>
  </si>
  <si>
    <t>POINT (4.670603391275632 51.81016334233693)</t>
  </si>
  <si>
    <t>POINT (4.655448815028872 51.79021724949497)</t>
  </si>
  <si>
    <t>POINT (4.65975605794366 51.790263309648545)</t>
  </si>
  <si>
    <t>POINT (4.678947895500056 51.816386573986065)</t>
  </si>
  <si>
    <t>POINT (4.673378396043501 51.80541115076028)</t>
  </si>
  <si>
    <t>POINT (4.678748287995667 51.786277067114575)</t>
  </si>
  <si>
    <t>POINT (4.664761309151694 51.791680181490904)</t>
  </si>
  <si>
    <t>POINT (4.675707069897182 51.80733548671914)</t>
  </si>
  <si>
    <t>POINT (4.720089546785899 51.797539783487196)</t>
  </si>
  <si>
    <t>POINT (4.661668318104958 51.80507791076801)</t>
  </si>
  <si>
    <t>POINT (4.733926161436373 51.79529765496243)</t>
  </si>
  <si>
    <t>POINT (4.659802260617977 51.791109649190986)</t>
  </si>
  <si>
    <t>POINT (4.6678325450310085 51.802076087880465)</t>
  </si>
  <si>
    <t>POINT (4.6617293275393665 51.79784706337043)</t>
  </si>
  <si>
    <t>POINT (4.654779538468099 51.79903517427945)</t>
  </si>
  <si>
    <t>POINT (4.638267316568457 51.76147252277099)</t>
  </si>
  <si>
    <t>POINT (4.720204324823891 51.79532574021817)</t>
  </si>
  <si>
    <t>POINT (4.630202217276064 51.72691584824504)</t>
  </si>
  <si>
    <t>POINT (4.710469992438273 51.80386541538003)</t>
  </si>
  <si>
    <t>POINT (4.701042484967199 51.797350566982445)</t>
  </si>
  <si>
    <t>POINT (4.679738635419456 51.81393831886258)</t>
  </si>
  <si>
    <t>POINT (4.66120548108757 51.79303329506973)</t>
  </si>
  <si>
    <t>POINT (4.699248407510301 51.7996028317317)</t>
  </si>
  <si>
    <t>POINT (4.675957225841371 51.78476602205365)</t>
  </si>
  <si>
    <t>POINT (4.688149016433173 51.81224035237259)</t>
  </si>
  <si>
    <t>POINT (4.663587398562544 51.7938402662042)</t>
  </si>
  <si>
    <t>POINT (4.711724929695157 51.81102342928036)</t>
  </si>
  <si>
    <t>POINT (4.660553505949784 51.81285245588824)</t>
  </si>
  <si>
    <t>POINT (4.731995644863023 51.79502082584178)</t>
  </si>
  <si>
    <t>POINT (4.669256878707023 51.774534244763906)</t>
  </si>
  <si>
    <t>POINT (4.652649509231626 51.801162176153106)</t>
  </si>
  <si>
    <t>POINT (4.665090300858406 51.81291059922518)</t>
  </si>
  <si>
    <t>POINT (4.6708413488510905 51.780775977351134)</t>
  </si>
  <si>
    <t>POINT (4.65953667659038 51.81294373638445)</t>
  </si>
  <si>
    <t>POINT (4.729527015589056 51.80030978242642)</t>
  </si>
  <si>
    <t>POINT (4.666382873743212 51.7878351804509)</t>
  </si>
  <si>
    <t>POINT (4.674037519638296 51.77223345677198)</t>
  </si>
  <si>
    <t>POINT (4.664918630865039 51.80996292731058)</t>
  </si>
  <si>
    <t>POINT (4.715124822833398 51.80942496755316)</t>
  </si>
  <si>
    <t>POINT (4.723323748637413 51.81697784605235)</t>
  </si>
  <si>
    <t>POINT (4.724910702169844 51.798363293361994)</t>
  </si>
  <si>
    <t>POINT (4.683193421666129 51.79816403105422)</t>
  </si>
  <si>
    <t>POINT (4.686514141679322 51.776883389698654)</t>
  </si>
  <si>
    <t>POINT (4.658975150260425 51.80345850721589)</t>
  </si>
  <si>
    <t>POINT (4.679976697532718 51.78542506148299)</t>
  </si>
  <si>
    <t>POINT (4.67279804549391 51.8054087423906)</t>
  </si>
  <si>
    <t>POINT (4.716818792687001 51.79519515562182)</t>
  </si>
  <si>
    <t>POINT (4.683100316319288 51.78682835355775)</t>
  </si>
  <si>
    <t>POINT (4.672775418969968 51.78348545455162)</t>
  </si>
  <si>
    <t>POINT (4.686493678024762 51.810861731435104)</t>
  </si>
  <si>
    <t>POINT (4.676008271647136 51.808588320495936)</t>
  </si>
  <si>
    <t>POINT (4.67431132965439 51.80503403057686)</t>
  </si>
  <si>
    <t>POINT (4.691862382961739 51.794312036789364)</t>
  </si>
  <si>
    <t>POINT (4.661198054507215 51.77322963930941)</t>
  </si>
  <si>
    <t>POINT (4.702415094255124 51.797173240147494)</t>
  </si>
  <si>
    <t>POINT (4.67766042342877 51.81774039998308)</t>
  </si>
  <si>
    <t>POINT (4.673912773762226 51.78188676016495)</t>
  </si>
  <si>
    <t>POINT (4.667420719944925 51.81453245087475)</t>
  </si>
  <si>
    <t>POINT (4.682414311938855 51.8121598135784)</t>
  </si>
  <si>
    <t>POINT (4.668425788894612 51.813207037628324)</t>
  </si>
  <si>
    <t>POINT (4.7042229381204805 51.78945171735171)</t>
  </si>
  <si>
    <t>POINT (4.682574563801875 51.81134740053197)</t>
  </si>
  <si>
    <t>POINT (4.674124425044023 51.81257706359385)</t>
  </si>
  <si>
    <t>POINT (4.692736855435757 51.79602460618358)</t>
  </si>
  <si>
    <t>POINT (4.680553413635818 51.78984999405408)</t>
  </si>
  <si>
    <t>POINT (4.7285932076992605 51.79667405870989)</t>
  </si>
  <si>
    <t>POINT (4.700357696173387 51.79850897435696)</t>
  </si>
  <si>
    <t>POINT (4.653191959615951 51.7946822965892)</t>
  </si>
  <si>
    <t>POINT (4.6982797869323445 51.79272915789627)</t>
  </si>
  <si>
    <t>POINT (4.705605700443714 51.79434866889142)</t>
  </si>
  <si>
    <t>POINT (4.681488627832901 51.80145003669736)</t>
  </si>
  <si>
    <t>POINT (4.682235228176055 51.775539456899416)</t>
  </si>
  <si>
    <t>POINT (4.660266121734485 51.79912037024809)</t>
  </si>
  <si>
    <t>POINT (4.734466580806559 51.802047669314874)</t>
  </si>
  <si>
    <t>POINT (4.709162057159301 51.807486034635325)</t>
  </si>
  <si>
    <t>POINT (4.671286578875691 51.80523720367287)</t>
  </si>
  <si>
    <t>POINT (4.679307613882928 51.785378464166186)</t>
  </si>
  <si>
    <t>POINT (4.631049823893426 51.77880544309001)</t>
  </si>
  <si>
    <t>POINT (4.658771738943091 51.80065463209406)</t>
  </si>
  <si>
    <t>POINT (4.693252261077171 51.79531719109638)</t>
  </si>
  <si>
    <t>POINT (4.68324271940222 51.80114242863389)</t>
  </si>
  <si>
    <t>POINT (4.669649547071349 51.77286367702515)</t>
  </si>
  <si>
    <t>POINT (4.718902058479824 51.80229382738214)</t>
  </si>
  <si>
    <t>POINT (4.711307826245162 51.81649099277807)</t>
  </si>
  <si>
    <t>POINT (4.661006114615125 51.80376142038588)</t>
  </si>
  <si>
    <t>POINT (4.703089013708747 51.81561843914421)</t>
  </si>
  <si>
    <t>POINT (4.730173685268558 51.795816774339116)</t>
  </si>
  <si>
    <t>POINT (4.679337298172851 51.80749486986424)</t>
  </si>
  <si>
    <t>POINT (4.674581408859149 51.818183663126526)</t>
  </si>
  <si>
    <t>POINT (4.659269223953941 51.81170285265695)</t>
  </si>
  <si>
    <t>POINT (4.67289987120095 51.79702124741953)</t>
  </si>
  <si>
    <t>POINT (4.6597597031718285 51.792031051265624)</t>
  </si>
  <si>
    <t>POINT (4.724064105832038 51.803745216796166)</t>
  </si>
  <si>
    <t>POINT (4.66621396464684 51.78686087243183)</t>
  </si>
  <si>
    <t>POINT (4.668282411093989 51.77235613403147)</t>
  </si>
  <si>
    <t>POINT (4.756709487546881 51.78786702794862)</t>
  </si>
  <si>
    <t>POINT (4.655071478543916 51.80514108714445)</t>
  </si>
  <si>
    <t>POINT (4.684540567993222 51.802195797798795)</t>
  </si>
  <si>
    <t>POINT (4.676169899553454 51.78945344256713)</t>
  </si>
  <si>
    <t>POINT (4.657916610233978 51.77006806129621)</t>
  </si>
  <si>
    <t>POINT (4.673233567807278 51.817420863744935)</t>
  </si>
  <si>
    <t>POINT (4.672683426516793 51.81862667118609)</t>
  </si>
  <si>
    <t>POINT (4.672499781639277 51.817949578253405)</t>
  </si>
  <si>
    <t>POINT (4.68659609505412 51.81583709023172)</t>
  </si>
  <si>
    <t>POINT (4.701428637989711 51.796933054011625)</t>
  </si>
  <si>
    <t>POINT (4.658823966476568 51.80433933273037)</t>
  </si>
  <si>
    <t>POINT (4.667320896278883 51.78834722031468)</t>
  </si>
  <si>
    <t>POINT (4.652376914406139 51.7920891648513)</t>
  </si>
  <si>
    <t>POINT (4.6547756074507705 51.795147310278765)</t>
  </si>
  <si>
    <t>POINT (4.67286223657394 51.817294551548116)</t>
  </si>
  <si>
    <t>POINT (4.715758907402929 51.803237821251365)</t>
  </si>
  <si>
    <t>POINT (4.656006960768969 51.800848570217816)</t>
  </si>
  <si>
    <t>POINT (4.729978054399299 51.79543085677436)</t>
  </si>
  <si>
    <t>POINT (4.653200374406094 51.79484400216801)</t>
  </si>
  <si>
    <t>POINT (4.657967144450991 51.80270141206316)</t>
  </si>
  <si>
    <t>POINT (4.719156736438784 51.8111518040322)</t>
  </si>
  <si>
    <t>POINT (4.674689553553487 51.781326361463144)</t>
  </si>
  <si>
    <t>POINT (4.734048064521259 51.7955656738518)</t>
  </si>
  <si>
    <t>POINT (4.655569320728972 51.7902978927796)</t>
  </si>
  <si>
    <t>POINT (4.660465666211282 51.79212287779236)</t>
  </si>
  <si>
    <t>POINT (4.710525710978759 51.806440643349625)</t>
  </si>
  <si>
    <t>POINT (4.672075830647323 51.81823457917668)</t>
  </si>
  <si>
    <t>POINT (4.6628722200447905 51.78864540674787)</t>
  </si>
  <si>
    <t>POINT (4.6692068983220585 51.773579103473025)</t>
  </si>
  <si>
    <t>POINT (4.679426097750685 51.775005750725974)</t>
  </si>
  <si>
    <t>POINT (4.660990627823575 51.78934413317256)</t>
  </si>
  <si>
    <t>POINT (4.733837463263136 51.800538652297035)</t>
  </si>
  <si>
    <t>POINT (4.670722545199239 51.79048823720773)</t>
  </si>
  <si>
    <t>POINT (4.710115045363029 51.80539002715243)</t>
  </si>
  <si>
    <t>POINT (4.733960948659738 51.801335984682346)</t>
  </si>
  <si>
    <t>POINT (4.669457158601542 51.804348201716785)</t>
  </si>
  <si>
    <t>POINT (4.66185909433029 51.80400929221699)</t>
  </si>
  <si>
    <t>POINT (4.6628548136126 51.79343540655704)</t>
  </si>
  <si>
    <t>POINT (4.7177813333171565 51.8054950459369)</t>
  </si>
  <si>
    <t>POINT (4.69881711815772 51.80100853818595)</t>
  </si>
  <si>
    <t>POINT (4.680494227611548 51.81328743593764)</t>
  </si>
  <si>
    <t>POINT (4.710302830470843 51.80591538254467)</t>
  </si>
  <si>
    <t>POINT (4.718680564642353 51.81351116207345)</t>
  </si>
  <si>
    <t>POINT (4.672653827267785 51.78476943324094)</t>
  </si>
  <si>
    <t>POINT (4.723874298827132 51.80567536221142)</t>
  </si>
  <si>
    <t>POINT (4.655938923925595 51.80094675223063)</t>
  </si>
  <si>
    <t>POINT (4.708203125852853 51.797278591489246)</t>
  </si>
  <si>
    <t>POINT (4.660376166111751 51.79125146159276)</t>
  </si>
  <si>
    <t>POINT (4.660954744431165 51.782565371434345)</t>
  </si>
  <si>
    <t>POINT (4.676706753139521 51.78387067869297)</t>
  </si>
  <si>
    <t>POINT (4.67069218034709 51.797048072878944)</t>
  </si>
  <si>
    <t>POINT (4.631022726327235 51.72152180845327)</t>
  </si>
  <si>
    <t>POINT (4.669060164304281 51.81856867367647)</t>
  </si>
  <si>
    <t>POINT (4.719355484467951 51.800842837015395)</t>
  </si>
  <si>
    <t>POINT (4.676900451661026 51.77484206941431)</t>
  </si>
  <si>
    <t>POINT (4.728352812726537 51.8038156314768)</t>
  </si>
  <si>
    <t>POINT (4.7095900562176825 51.811694249433074)</t>
  </si>
  <si>
    <t>POINT (4.680974295566233 51.8041270507597)</t>
  </si>
  <si>
    <t>POINT (4.6791317428825625 51.79985616649952)</t>
  </si>
  <si>
    <t>POINT (4.685099584169109 51.7789171718036)</t>
  </si>
  <si>
    <t>POINT (4.681606317284216 51.775146679857066)</t>
  </si>
  <si>
    <t>POINT (4.729882006867193 51.80478245928158)</t>
  </si>
  <si>
    <t>POINT (4.6753390338426986 51.7757325072979)</t>
  </si>
  <si>
    <t>POINT (4.696935382936951 51.79453625726291)</t>
  </si>
  <si>
    <t>POINT (4.667740683548685 51.81428196593854)</t>
  </si>
  <si>
    <t>POINT (4.6810397818894645 51.778971342975474)</t>
  </si>
  <si>
    <t>POINT (4.676031866801878 51.80552381032537)</t>
  </si>
  <si>
    <t>POINT (4.731459337827787 51.802374573154594)</t>
  </si>
  <si>
    <t>POINT (4.6786203444587215 51.78634324214173)</t>
  </si>
  <si>
    <t>POINT (4.665464949610253 51.81292935325971)</t>
  </si>
  <si>
    <t>POINT (4.7301977261095915 51.80521657178833)</t>
  </si>
  <si>
    <t>POINT (4.6659765645992275 51.7727534261773)</t>
  </si>
  <si>
    <t>POINT (4.6832145904995 51.79827437726085)</t>
  </si>
  <si>
    <t>POINT (4.671074998456586 51.77330033343544)</t>
  </si>
  <si>
    <t>POINT (4.664074436629922 51.815642897591545)</t>
  </si>
  <si>
    <t>POINT (4.731955755624425 51.79427904892275)</t>
  </si>
  <si>
    <t>POINT (4.667981756077092 51.789972781760135)</t>
  </si>
  <si>
    <t>POINT (4.684214604529738 51.780856629620274)</t>
  </si>
  <si>
    <t>POINT (4.687635563503369 51.80419243726392)</t>
  </si>
  <si>
    <t>POINT (4.674485923413081 51.8058061131235)</t>
  </si>
  <si>
    <t>POINT (4.731252967902052 51.79261300425971)</t>
  </si>
  <si>
    <t>POINT (4.708676661124956 51.808806357944)</t>
  </si>
  <si>
    <t>POINT (4.694946650383435 51.797360995877156)</t>
  </si>
  <si>
    <t>POINT (4.708169042045217 51.790229493168894)</t>
  </si>
  <si>
    <t>POINT (4.7018759400929175 51.79841747600642)</t>
  </si>
  <si>
    <t>POINT (4.685615896431293 51.78709293380627)</t>
  </si>
  <si>
    <t>POINT (4.675052504250535 51.78682021236866)</t>
  </si>
  <si>
    <t>POINT (4.684699465554848 51.77413072002883)</t>
  </si>
  <si>
    <t>POINT (4.659235034751472 51.79069514005796)</t>
  </si>
  <si>
    <t>POINT (4.6670626544001115 51.77493826428504)</t>
  </si>
  <si>
    <t>POINT (4.6535917243985905 51.78742097405572)</t>
  </si>
  <si>
    <t>POINT (4.669109922940632 51.81659594691531)</t>
  </si>
  <si>
    <t>POINT (4.655592536204951 51.79160851960931)</t>
  </si>
  <si>
    <t>POINT (4.673393614019297 51.813386086460596)</t>
  </si>
  <si>
    <t>POINT (4.6500151866475425 51.79334556757221)</t>
  </si>
  <si>
    <t>POINT (4.7064940603275245 51.78998422003296)</t>
  </si>
  <si>
    <t>POINT (4.636190073430821 51.74280702591211)</t>
  </si>
  <si>
    <t>POINT (4.682364596871144 51.787024805553806)</t>
  </si>
  <si>
    <t>POINT (4.683687334741096 51.776942494472486)</t>
  </si>
  <si>
    <t>POINT (4.707935339342662 51.787883751601505)</t>
  </si>
  <si>
    <t>POINT (4.683457129262978 51.78555188029369)</t>
  </si>
  <si>
    <t>POINT (4.677420320244191 51.77744002267323)</t>
  </si>
  <si>
    <t>POINT (4.657870045387362 51.80154048465338)</t>
  </si>
  <si>
    <t>POINT (4.682054779343523 51.782508497779595)</t>
  </si>
  <si>
    <t>POINT (4.625489824038271 51.79620217524836)</t>
  </si>
  <si>
    <t>POINT (4.682065116988793 51.78182190438481)</t>
  </si>
  <si>
    <t>POINT (4.72812703925723 51.79863543267917)</t>
  </si>
  <si>
    <t>POINT (4.6556487941426985 51.78870954372769)</t>
  </si>
  <si>
    <t>POINT (4.657020604687728 51.800841831231075)</t>
  </si>
  <si>
    <t>POINT (4.677651686703854 51.7818643139218)</t>
  </si>
  <si>
    <t>POINT (4.67942418452979 51.810871251178504)</t>
  </si>
  <si>
    <t>POINT (4.7073810097267295 51.79643095505306)</t>
  </si>
  <si>
    <t>POINT (4.6282404226758045 51.723652540600106)</t>
  </si>
  <si>
    <t>POINT (4.728929821502547 51.79232598219355)</t>
  </si>
  <si>
    <t>POINT (4.667961410034483 51.81498103785179)</t>
  </si>
  <si>
    <t>POINT (4.68030867264293 51.79980987947421)</t>
  </si>
  <si>
    <t>POINT (4.667766118695203 51.7736092672181)</t>
  </si>
  <si>
    <t>POINT (4.719339593531151 51.81565448768843)</t>
  </si>
  <si>
    <t>POINT (4.672433384399612 51.81512312732998)</t>
  </si>
  <si>
    <t>POINT (4.661179409016397 51.77271154868106)</t>
  </si>
  <si>
    <t>POINT (4.719926465519157 51.79990177423225)</t>
  </si>
  <si>
    <t>POINT (4.644831238728791 51.769726983190765)</t>
  </si>
  <si>
    <t>POINT (4.66476139436829 51.78946991393409)</t>
  </si>
  <si>
    <t>POINT (4.669039940686022 51.790776445386335)</t>
  </si>
  <si>
    <t>POINT (4.653308416789861 51.79365616403584)</t>
  </si>
  <si>
    <t>POINT (4.689392264602923 51.80685461713563)</t>
  </si>
  <si>
    <t>POINT (4.670628218017287 51.8175118873486)</t>
  </si>
  <si>
    <t>POINT (4.661432450113829 51.81313391051962)</t>
  </si>
  <si>
    <t>POINT (4.700610296489268 51.796555705638774)</t>
  </si>
  <si>
    <t>POINT (4.682675541930053 51.78531145120998)</t>
  </si>
  <si>
    <t>POINT (4.688600138750131 51.814118567476)</t>
  </si>
  <si>
    <t>POINT (4.6536473941488445 51.792519162867066)</t>
  </si>
  <si>
    <t>POINT (4.7210912919901435 51.8112537119145)</t>
  </si>
  <si>
    <t>POINT (4.658041276106718 51.798239226769226)</t>
  </si>
  <si>
    <t>POINT (4.661438962834563 51.79651911987705)</t>
  </si>
  <si>
    <t>POINT (4.659017264382081 51.80439806911416)</t>
  </si>
  <si>
    <t>POINT (4.679690205139329 51.80410873538756)</t>
  </si>
  <si>
    <t>POINT (4.660424542834806 51.771059383652606)</t>
  </si>
  <si>
    <t>POINT (4.673164810210327 51.80330270656853)</t>
  </si>
  <si>
    <t>POINT (4.677656444452253 51.775052810473)</t>
  </si>
  <si>
    <t>POINT (4.654984936857162 51.81022700601685)</t>
  </si>
  <si>
    <t>POINT (4.675292604881088 51.81315957483196)</t>
  </si>
  <si>
    <t>POINT (4.638222285319305 51.78145512347364)</t>
  </si>
  <si>
    <t>POINT (4.704948344594393 51.79847619057135)</t>
  </si>
  <si>
    <t>POINT (4.670338115897648 51.80857493270719)</t>
  </si>
  <si>
    <t>POINT (4.709607307751923 51.79457957668464)</t>
  </si>
  <si>
    <t>POINT (4.683411482117529 51.78111459804932)</t>
  </si>
  <si>
    <t>POINT (4.711351457905867 51.81540128182167)</t>
  </si>
  <si>
    <t>POINT (4.6854848239263935 51.774525980648825)</t>
  </si>
  <si>
    <t>POINT (4.705214813524752 51.79478514304633)</t>
  </si>
  <si>
    <t>POINT (4.678646867249309 51.78983092559293)</t>
  </si>
  <si>
    <t>POINT (4.677122808313449 51.80755564676939)</t>
  </si>
  <si>
    <t>POINT (4.650677135540408 51.80309428359666)</t>
  </si>
  <si>
    <t>POINT (4.675724833839301 51.805402750200294)</t>
  </si>
  <si>
    <t>POINT (4.660435075948226 51.78725006282282)</t>
  </si>
  <si>
    <t>POINT (4.661873342509854 51.78900666620927)</t>
  </si>
  <si>
    <t>POINT (4.71305933268584 51.81624960969857)</t>
  </si>
  <si>
    <t>POINT (4.681875417757904 51.78053771708958)</t>
  </si>
  <si>
    <t>POINT (4.688558428916584 51.808269541046855)</t>
  </si>
  <si>
    <t>POINT (4.6584241053817905 51.80649891812326)</t>
  </si>
  <si>
    <t>POINT (4.726718350410383 51.79603949145071)</t>
  </si>
  <si>
    <t>POINT (4.654605523355683 51.78728438026364)</t>
  </si>
  <si>
    <t>POINT (4.710222427533343 51.80570400903307)</t>
  </si>
  <si>
    <t>POINT (4.730792871149448 51.79740364358191)</t>
  </si>
  <si>
    <t>POINT (4.677866807577448 51.80321459796229)</t>
  </si>
  <si>
    <t>POINT (4.668520402291335 51.80034803902296)</t>
  </si>
  <si>
    <t>POINT (4.6670965770017965 51.78081578799559)</t>
  </si>
  <si>
    <t>POINT (4.6594237205400235 51.80068583289986)</t>
  </si>
  <si>
    <t>POINT (4.664001066728389 51.80334920701855)</t>
  </si>
  <si>
    <t>POINT (4.667793037629356 51.81396658662611)</t>
  </si>
  <si>
    <t>POINT (4.6666495137701185 51.79891157800892)</t>
  </si>
  <si>
    <t>POINT (4.668508857858714 51.80936149780665)</t>
  </si>
  <si>
    <t>POINT (4.662132427200287 51.79496802102253)</t>
  </si>
  <si>
    <t>POINT (4.675125219002678 51.81152080539493)</t>
  </si>
  <si>
    <t>POINT (4.717257631966514 51.79541412711755)</t>
  </si>
  <si>
    <t>POINT (4.661641937573691 51.80457633151618)</t>
  </si>
  <si>
    <t>POINT (4.6581518748231145 51.809779177589554)</t>
  </si>
  <si>
    <t>POINT (4.667804640769848 51.79461978766055)</t>
  </si>
  <si>
    <t>POINT (4.706377803021691 51.79673419498947)</t>
  </si>
  <si>
    <t>POINT (4.681261159825237 51.78129389938865)</t>
  </si>
  <si>
    <t>POINT (4.661147166294411 51.78805627424164)</t>
  </si>
  <si>
    <t>POINT (4.664675287235855 51.81787634716455)</t>
  </si>
  <si>
    <t>POINT (4.629572033665159 51.728060562034344)</t>
  </si>
  <si>
    <t>POINT (4.663258342689473 51.81487452065077)</t>
  </si>
  <si>
    <t>POINT (4.672791419846698 51.78279427575601)</t>
  </si>
  <si>
    <t>POINT (4.6769123884082715 51.80434246745007)</t>
  </si>
  <si>
    <t>POINT (4.666189854005401 51.81106266291649)</t>
  </si>
  <si>
    <t>POINT (4.681987716678662 51.78171888701452)</t>
  </si>
  <si>
    <t>POINT (4.726797287225569 51.80008499661511)</t>
  </si>
  <si>
    <t>POINT (4.664106553437602 51.7922161078632)</t>
  </si>
  <si>
    <t>POINT (4.669643948924561 51.793120780226964)</t>
  </si>
  <si>
    <t>POINT (4.727021764553253 51.79811042125367)</t>
  </si>
  <si>
    <t>POINT (4.685442003809909 51.7871039654699)</t>
  </si>
  <si>
    <t>POINT (4.653541236381464 51.788482018812786)</t>
  </si>
  <si>
    <t>POINT (4.664064989848564 51.81160627518613)</t>
  </si>
  <si>
    <t>POINT (4.676372289660079 51.77689536007472)</t>
  </si>
  <si>
    <t>POINT (4.678815987329016 51.77310044325358)</t>
  </si>
  <si>
    <t>POINT (4.676083305872237 51.77509386221253)</t>
  </si>
  <si>
    <t>POINT (4.667471853377281 51.81372502409056)</t>
  </si>
  <si>
    <t>POINT (4.664229799717948 51.81768614489467)</t>
  </si>
  <si>
    <t>POINT (4.677613706119971 51.78886630631026)</t>
  </si>
  <si>
    <t>POINT (4.673722957126583 51.81250729827574)</t>
  </si>
  <si>
    <t>POINT (4.727912005221538 51.80108091488711)</t>
  </si>
  <si>
    <t>POINT (4.663037040286144 51.79813798059203)</t>
  </si>
  <si>
    <t>POINT (4.684404797019557 51.804843146547384)</t>
  </si>
  <si>
    <t>POINT (4.676328571296302 51.805639755429596)</t>
  </si>
  <si>
    <t>POINT (4.664631848706598 51.78900257535033)</t>
  </si>
  <si>
    <t>POINT (4.667923109526046 51.801868393167986)</t>
  </si>
  <si>
    <t>POINT (4.713769345890329 51.80827344570367)</t>
  </si>
  <si>
    <t>POINT (4.63403807820084 51.770444048991884)</t>
  </si>
  <si>
    <t>POINT (4.677463598527568 51.80796710665386)</t>
  </si>
  <si>
    <t>POINT (4.680557339633583 51.80221192088983)</t>
  </si>
  <si>
    <t>POINT (4.663338681657584 51.81521357479064)</t>
  </si>
  <si>
    <t>POINT (4.6836366364379645 51.81846199743418)</t>
  </si>
  <si>
    <t>POINT (4.6829286667694 51.79942436275999)</t>
  </si>
  <si>
    <t>POINT (4.730976992366684 51.789415088491765)</t>
  </si>
  <si>
    <t>POINT (4.666825683815807 51.81346590677601)</t>
  </si>
  <si>
    <t>POINT (4.67787723626928 51.80704902370679)</t>
  </si>
  <si>
    <t>POINT (4.684730782785405 51.803264737228574)</t>
  </si>
  <si>
    <t>POINT (4.70757875724257 51.81799027234105)</t>
  </si>
  <si>
    <t>POINT (4.671540755292115 51.802035798632325)</t>
  </si>
  <si>
    <t>POINT (4.673026181762007 51.816551269613406)</t>
  </si>
  <si>
    <t>POINT (4.722190084021359 51.79943075797808)</t>
  </si>
  <si>
    <t>POINT (4.687000547478362 51.80873422779133)</t>
  </si>
  <si>
    <t>POINT (4.670281168096915 51.81424228682465)</t>
  </si>
  <si>
    <t>POINT (4.67279998802919 51.78513927374685)</t>
  </si>
  <si>
    <t>POINT (4.706750335310892 51.79719001390697)</t>
  </si>
  <si>
    <t>POINT (4.68704319275301 51.78143821789579)</t>
  </si>
  <si>
    <t>POINT (4.6757973807095095 51.78552087648956)</t>
  </si>
  <si>
    <t>POINT (4.7044060773004155 51.788138504782815)</t>
  </si>
  <si>
    <t>POINT (4.673505225517492 51.813504984296955)</t>
  </si>
  <si>
    <t>POINT (4.673685741292054 51.80939015042005)</t>
  </si>
  <si>
    <t>POINT (4.661803936966722 51.815902617579845)</t>
  </si>
  <si>
    <t>POINT (4.673528299666607 51.81094064728812)</t>
  </si>
  <si>
    <t>POINT (4.660142726027301 51.806631043718866)</t>
  </si>
  <si>
    <t>POINT (4.698718091946925 51.79078358879424)</t>
  </si>
  <si>
    <t>POINT (4.65588844327497 51.80336784013334)</t>
  </si>
  <si>
    <t>POINT (4.728401263730132 51.80415042463285)</t>
  </si>
  <si>
    <t>POINT (4.667383729462733 51.80937016089851)</t>
  </si>
  <si>
    <t>POINT (4.68356711639692 51.80389027075234)</t>
  </si>
  <si>
    <t>POINT (4.725480577376189 51.80434830627332)</t>
  </si>
  <si>
    <t>POINT (4.674150829737227 51.812599273248225)</t>
  </si>
  <si>
    <t>POINT (4.670294461767017 51.78513811789382)</t>
  </si>
  <si>
    <t>POINT (4.659537400629715 51.81507415756765)</t>
  </si>
  <si>
    <t>POINT (4.665018875751167 51.79987157610416)</t>
  </si>
  <si>
    <t>POINT (4.683246955659064 51.809630825425366)</t>
  </si>
  <si>
    <t>POINT (4.683332592053315 51.80085176166221)</t>
  </si>
  <si>
    <t>POINT (4.712079375449728 51.804358940752685)</t>
  </si>
  <si>
    <t>POINT (4.6794734511193585 51.806450245488385)</t>
  </si>
  <si>
    <t>POINT (4.713689531093755 51.8089766006877)</t>
  </si>
  <si>
    <t>POINT (4.65255704051383 51.785648692168486)</t>
  </si>
  <si>
    <t>POINT (4.668210189655664 51.79189281095668)</t>
  </si>
  <si>
    <t>POINT (4.726749742471648 51.79852212527867)</t>
  </si>
  <si>
    <t>POINT (4.732624453423485 51.8018590906281)</t>
  </si>
  <si>
    <t>POINT (4.711445424652823 51.79397637874113)</t>
  </si>
  <si>
    <t>POINT (4.666870737925898 51.77749393487506)</t>
  </si>
  <si>
    <t>POINT (4.663834164992831 51.799429189214806)</t>
  </si>
  <si>
    <t>POINT (4.674372781899888 51.81934428000799)</t>
  </si>
  <si>
    <t>POINT (4.6986673815984945 51.798149066280004)</t>
  </si>
  <si>
    <t>POINT (4.71944314669205 51.80104114011725)</t>
  </si>
  <si>
    <t>POINT (4.660621320534739 51.7693252123498)</t>
  </si>
  <si>
    <t>POINT (4.709612913642411 51.79424111403398)</t>
  </si>
  <si>
    <t>POINT (4.691203218604262 51.81809336565079)</t>
  </si>
  <si>
    <t>POINT (4.727677040113668 51.799435706695114)</t>
  </si>
  <si>
    <t>POINT (4.681689492411867 51.80899738872188)</t>
  </si>
  <si>
    <t>POINT (4.682690162755992 51.804552435627095)</t>
  </si>
  <si>
    <t>POINT (4.651418682028061 51.789957417882306)</t>
  </si>
  <si>
    <t>POINT (4.662938825586927 51.78708492001182)</t>
  </si>
  <si>
    <t>POINT (4.697573903137058 51.800319312626065)</t>
  </si>
  <si>
    <t>POINT (4.669784452842126 51.805510040117355)</t>
  </si>
  <si>
    <t>POINT (4.73180333262384 51.80059648427636)</t>
  </si>
  <si>
    <t>POINT (4.67546016082399 51.775699121276645)</t>
  </si>
  <si>
    <t>POINT (4.682107512222792 51.80797684679851)</t>
  </si>
  <si>
    <t>POINT (4.682411273254152 51.77895095412662)</t>
  </si>
  <si>
    <t>POINT (4.7007325090846415 51.79744502234535)</t>
  </si>
  <si>
    <t>POINT (4.685776215087038 51.81050262665718)</t>
  </si>
  <si>
    <t>POINT (4.667492268166204 51.81496985615065)</t>
  </si>
  <si>
    <t>POINT (4.686899829651314 51.780271555384765)</t>
  </si>
  <si>
    <t>POINT (4.685087813484435 51.81301235146072)</t>
  </si>
  <si>
    <t>POINT (4.658673632865511 51.780817886426895)</t>
  </si>
  <si>
    <t>POINT (4.6566362395663745 51.787550544624004)</t>
  </si>
  <si>
    <t>POINT (4.678267808679563 51.80706851644845)</t>
  </si>
  <si>
    <t>POINT (4.694961775786575 51.790462996784775)</t>
  </si>
  <si>
    <t>POINT (4.673197155889017 51.81298944369318)</t>
  </si>
  <si>
    <t>POINT (4.660327487437244 51.79701910277086)</t>
  </si>
  <si>
    <t>POINT (4.72860739121637 51.805087074067664)</t>
  </si>
  <si>
    <t>POINT (4.668007573424073 51.782523937735114)</t>
  </si>
  <si>
    <t>POINT (4.669076888784307 51.79864095260623)</t>
  </si>
  <si>
    <t>POINT (4.67138343037394 51.80589429189994)</t>
  </si>
  <si>
    <t>POINT (4.702074397302622 51.794625310259626)</t>
  </si>
  <si>
    <t>POINT (4.655554582948673 51.79020205311393)</t>
  </si>
  <si>
    <t>POINT (4.73411152618398 51.78920878117883)</t>
  </si>
  <si>
    <t>POINT (4.687815689541067 51.805782509877794)</t>
  </si>
  <si>
    <t>POINT (4.686702239997305 51.80919443784182)</t>
  </si>
  <si>
    <t>POINT (4.721779201068737 51.79427999057185)</t>
  </si>
  <si>
    <t>POINT (4.661521090429507 51.813316578368315)</t>
  </si>
  <si>
    <t>POINT (4.702550333077893 51.78928997818546)</t>
  </si>
  <si>
    <t>POINT (4.66161746109101 51.78767636402669)</t>
  </si>
  <si>
    <t>POINT (4.6761928874438325 51.7753011320491)</t>
  </si>
  <si>
    <t>POINT (4.708612368943022 51.80071027597992)</t>
  </si>
  <si>
    <t>POINT (4.663818409231171 51.788389961566416)</t>
  </si>
  <si>
    <t>POINT (4.676364104890924 51.78374272499357)</t>
  </si>
  <si>
    <t>POINT (4.668146235034931 51.81884331757193)</t>
  </si>
  <si>
    <t>POINT (4.671371195497873 51.81770041047509)</t>
  </si>
  <si>
    <t>POINT (4.666860834390238 51.81470591270805)</t>
  </si>
  <si>
    <t>POINT (4.732393263265135 51.802085734500835)</t>
  </si>
  <si>
    <t>POINT (4.663956674628252 51.791729497418764)</t>
  </si>
  <si>
    <t>POINT (4.656328060213859 51.81173266093497)</t>
  </si>
  <si>
    <t>POINT (4.663241069317603 51.810517959961196)</t>
  </si>
  <si>
    <t>POINT (4.721532473222594 51.81100580991139)</t>
  </si>
  <si>
    <t>POINT (4.680956765611921 51.78881682702304)</t>
  </si>
  <si>
    <t>POINT (4.711896775987419 51.7998921119656)</t>
  </si>
  <si>
    <t>POINT (4.674522050324313 51.81646325842614)</t>
  </si>
  <si>
    <t>POINT (4.704970424553416 51.80709147914001)</t>
  </si>
  <si>
    <t>POINT (4.678638191144116 51.804681779425195)</t>
  </si>
  <si>
    <t>POINT (4.688899155292163 51.80807233540924)</t>
  </si>
  <si>
    <t>POINT (4.652336196168391 51.8016457120078)</t>
  </si>
  <si>
    <t>POINT (4.710404584724674 51.7983518380595)</t>
  </si>
  <si>
    <t>POINT (4.668150507501146 51.816796991809746)</t>
  </si>
  <si>
    <t>POINT (4.7014186625653345 51.80027515179069)</t>
  </si>
  <si>
    <t>POINT (4.716993261870548 51.7999403003889)</t>
  </si>
  <si>
    <t>POINT (4.698642438942722 51.817786986066764)</t>
  </si>
  <si>
    <t>POINT (4.677305218914406 51.77963731600047)</t>
  </si>
  <si>
    <t>POINT (4.690618511235129 51.807540133584)</t>
  </si>
  <si>
    <t>POINT (4.67492197423337 51.78080114289024)</t>
  </si>
  <si>
    <t>POINT (4.715024516642954 51.8105127467126)</t>
  </si>
  <si>
    <t>POINT (4.673747075497828 51.81695722304188)</t>
  </si>
  <si>
    <t>POINT (4.661432456620599 51.783551738408335)</t>
  </si>
  <si>
    <t>POINT (4.670288049969455 51.80174530418529)</t>
  </si>
  <si>
    <t>POINT (4.711190825778304 51.81608312463001)</t>
  </si>
  <si>
    <t>POINT (4.698424568014017 51.79141042582614)</t>
  </si>
  <si>
    <t>POINT (4.660535262222727 51.79231340203066)</t>
  </si>
  <si>
    <t>POINT (4.673365913682268 51.80643234162959)</t>
  </si>
  <si>
    <t>POINT (4.680568672138245 51.79845722900345)</t>
  </si>
  <si>
    <t>POINT (4.682279054086365 51.81790935418084)</t>
  </si>
  <si>
    <t>POINT (4.671492081609415 51.803874991028636)</t>
  </si>
  <si>
    <t>POINT (4.664445884187645 51.7881305410721)</t>
  </si>
  <si>
    <t>POINT (4.661626152954148 51.78771088948562)</t>
  </si>
  <si>
    <t>POINT (4.6838164559749265 51.78508904143554)</t>
  </si>
  <si>
    <t>POINT (4.717945663639355 51.798709159149034)</t>
  </si>
  <si>
    <t>POINT (4.680426977788786 51.78056693054483)</t>
  </si>
  <si>
    <t>POINT (4.6826170039515835 51.77577557414842)</t>
  </si>
  <si>
    <t>POINT (4.731817305787601 51.799783539982855)</t>
  </si>
  <si>
    <t>POINT (4.6793552474542395 51.785126591725955)</t>
  </si>
  <si>
    <t>POINT (4.659885913888304 51.81132923254836)</t>
  </si>
  <si>
    <t>POINT (4.674748319784228 51.81835693526791)</t>
  </si>
  <si>
    <t>POINT (4.668050492926563 51.77402356645264)</t>
  </si>
  <si>
    <t>POINT (4.667763940319039 51.81429228369581)</t>
  </si>
  <si>
    <t>POINT (4.6821131883131235 51.80644820461237)</t>
  </si>
  <si>
    <t>POINT (4.665488837824427 51.79819264738853)</t>
  </si>
  <si>
    <t>POINT (4.667466526405142 51.808097619762655)</t>
  </si>
  <si>
    <t>POINT (4.682264767711995 51.788330738893876)</t>
  </si>
  <si>
    <t>POINT (4.665938463075116 51.79257762963677)</t>
  </si>
  <si>
    <t>POINT (4.703228526531805 51.81583857524099)</t>
  </si>
  <si>
    <t>POINT (4.674329637561478 51.79700485611675)</t>
  </si>
  <si>
    <t>POINT (4.659234898219603 51.795468878596395)</t>
  </si>
  <si>
    <t>POINT (4.67590432205747 51.81642228754766)</t>
  </si>
  <si>
    <t>POINT (4.715523942584557 51.814506301021424)</t>
  </si>
  <si>
    <t>POINT (4.711609554781345 51.79496986983931)</t>
  </si>
  <si>
    <t>POINT (4.678365408093338 51.81636626645092)</t>
  </si>
  <si>
    <t>POINT (4.665656469087381 51.80966504225981)</t>
  </si>
  <si>
    <t>POINT (4.686612562022253 51.77540651413427)</t>
  </si>
  <si>
    <t>POINT (4.643148905887734 51.76560795281472)</t>
  </si>
  <si>
    <t>POINT (4.686633165136679 51.80855655831848)</t>
  </si>
  <si>
    <t>POINT (4.730999666717564 51.80086064484921)</t>
  </si>
  <si>
    <t>POINT (4.68278032899279 51.78835161553084)</t>
  </si>
  <si>
    <t>POINT (4.722624551761944 51.80255733099989)</t>
  </si>
  <si>
    <t>POINT (4.676603178863692 51.78938644150369)</t>
  </si>
  <si>
    <t>POINT (4.684174086859696 51.81922368095617)</t>
  </si>
  <si>
    <t>POINT (4.714457147531937 51.80316676124815)</t>
  </si>
  <si>
    <t>POINT (4.678233167846181 51.78460725283013)</t>
  </si>
  <si>
    <t>POINT (4.663066737006518 51.79000146624235)</t>
  </si>
  <si>
    <t>POINT (4.7007376907767355 51.81778973208255)</t>
  </si>
  <si>
    <t>POINT (4.68075940519547 51.775087173056924)</t>
  </si>
  <si>
    <t>POINT (4.711307619245566 51.809637584313386)</t>
  </si>
  <si>
    <t>POINT (4.713046131525122 51.80355720154786)</t>
  </si>
  <si>
    <t>POINT (4.669909285408914 51.770807236112375)</t>
  </si>
  <si>
    <t>POINT (4.681089035240125 51.80657393693477)</t>
  </si>
  <si>
    <t>POINT (4.732151748122548 51.80223050571595)</t>
  </si>
  <si>
    <t>POINT (4.6934076010994055 51.79550018439704)</t>
  </si>
  <si>
    <t>POINT (4.657936895459287 51.80144465819263)</t>
  </si>
  <si>
    <t>POINT (4.62985241482515 51.729182369027306)</t>
  </si>
  <si>
    <t>POINT (4.684300187347131 51.81165667633349)</t>
  </si>
  <si>
    <t>POINT (4.6671775714511 51.78876544794435)</t>
  </si>
  <si>
    <t>POINT (4.6820376260501115 51.80637516701984)</t>
  </si>
  <si>
    <t>POINT (4.693389230156402 51.79701405593398)</t>
  </si>
  <si>
    <t>POINT (4.697473492297004 51.79169286212904)</t>
  </si>
  <si>
    <t>POINT (4.660026474108685 51.8094322324364)</t>
  </si>
  <si>
    <t>POINT (4.659971299414605 51.8014338157897)</t>
  </si>
  <si>
    <t>POINT (4.683890854181335 51.781378693876434)</t>
  </si>
  <si>
    <t>POINT (4.7158502758461625 51.80145469055349)</t>
  </si>
  <si>
    <t>POINT (4.653658126211763 51.785418379660015)</t>
  </si>
  <si>
    <t>POINT (4.683274928377197 51.79936675588474)</t>
  </si>
  <si>
    <t>POINT (4.657651679351159 51.80105780029808)</t>
  </si>
  <si>
    <t>POINT (4.6729525430309975 51.78208575158971)</t>
  </si>
  <si>
    <t>POINT (4.669329884797305 51.79892957266126)</t>
  </si>
  <si>
    <t>POINT (4.698350108398622 51.800519447667135)</t>
  </si>
  <si>
    <t>POINT (4.677377546327683 51.78994449155254)</t>
  </si>
  <si>
    <t>POINT (4.651717299521153 51.78450720190439)</t>
  </si>
  <si>
    <t>POINT (4.702836437920024 51.816468361977996)</t>
  </si>
  <si>
    <t>POINT (4.6623579176742656 51.7914369713228)</t>
  </si>
  <si>
    <t>POINT (4.70662824065593 51.797041217537355)</t>
  </si>
  <si>
    <t>POINT (4.714901917269342 51.81502181508286)</t>
  </si>
  <si>
    <t>POINT (4.721101800973175 51.7952728622485)</t>
  </si>
  <si>
    <t>POINT (4.662780983381368 51.813405539240605)</t>
  </si>
  <si>
    <t>POINT (4.65301813556618 51.793144193543064)</t>
  </si>
  <si>
    <t>POINT (4.689560185789719 51.814062877052066)</t>
  </si>
  <si>
    <t>POINT (4.726915723358698 51.796352211804546)</t>
  </si>
  <si>
    <t>POINT (4.696183472655039 51.79292475499244)</t>
  </si>
  <si>
    <t>POINT (4.731759482490423 51.79970018892555)</t>
  </si>
  <si>
    <t>POINT (4.684791465979918 51.792518766947666)</t>
  </si>
  <si>
    <t>POINT (4.685545830838751 51.80171069042947)</t>
  </si>
  <si>
    <t>POINT (4.721151199537513 51.800985986338766)</t>
  </si>
  <si>
    <t>POINT (4.686706840150619 51.778192881640194)</t>
  </si>
  <si>
    <t>POINT (4.65122996444022 51.790732930923554)</t>
  </si>
  <si>
    <t>POINT (4.678450596283503 51.785573808986925)</t>
  </si>
  <si>
    <t>POINT (4.658276151113822 51.783378585540504)</t>
  </si>
  <si>
    <t>POINT (4.6654482815031955 51.809909476577594)</t>
  </si>
  <si>
    <t>POINT (4.676056957972972 51.81831583893103)</t>
  </si>
  <si>
    <t>POINT (4.658106315966939 51.801199348877276)</t>
  </si>
  <si>
    <t>POINT (4.701954255411769 51.793916193683856)</t>
  </si>
  <si>
    <t>POINT (4.66070959096459 51.79318422872168)</t>
  </si>
  <si>
    <t>POINT (4.6748457240100105 51.81545594895488)</t>
  </si>
  <si>
    <t>POINT (4.654663728525388 51.788188783698395)</t>
  </si>
  <si>
    <t>POINT (4.6284263293108285 51.72436236750878)</t>
  </si>
  <si>
    <t>POINT (4.713504651855126 51.80514945953787)</t>
  </si>
  <si>
    <t>POINT (4.6697773359149854 51.80548619457121)</t>
  </si>
  <si>
    <t>POINT (4.680800018621649 51.786226133093365)</t>
  </si>
  <si>
    <t>POINT (4.668344648330466 51.79313897407393)</t>
  </si>
  <si>
    <t>POINT (4.685906627596011 51.7875328797986)</t>
  </si>
  <si>
    <t>POINT (4.680962583233686 51.81372372484416)</t>
  </si>
  <si>
    <t>POINT (4.659734762535928 51.78992818644001)</t>
  </si>
  <si>
    <t>POINT (4.6628495401559835 51.8108950190735)</t>
  </si>
  <si>
    <t>POINT (4.670087727852879 51.79600889151608)</t>
  </si>
  <si>
    <t>POINT (4.675950152096128 51.785518189441575)</t>
  </si>
  <si>
    <t>POINT (4.657253692384232 51.80050582784903)</t>
  </si>
  <si>
    <t>POINT (4.6773170383969855 51.780398595847004)</t>
  </si>
  <si>
    <t>POINT (4.6627144352902565 51.794645857078066)</t>
  </si>
  <si>
    <t>POINT (4.6598379084557315 51.78235894666038)</t>
  </si>
  <si>
    <t>POINT (4.694012596311052 51.818733022721844)</t>
  </si>
  <si>
    <t>POINT (4.720905650331105 51.800569559442124)</t>
  </si>
  <si>
    <t>POINT (4.669226200141154 51.7722991744156)</t>
  </si>
  <si>
    <t>POINT (4.682810785062352 51.809189767809784)</t>
  </si>
  <si>
    <t>POINT (4.657406087726114 51.79802177780763)</t>
  </si>
  <si>
    <t>POINT (4.680663648391257 51.78198252143413)</t>
  </si>
  <si>
    <t>POINT (4.690051755505204 51.80805032611882)</t>
  </si>
  <si>
    <t>POINT (4.7074032032546285 51.80929011838882)</t>
  </si>
  <si>
    <t>POINT (4.657406271710232 51.81107051404618)</t>
  </si>
  <si>
    <t>POINT (4.659206589991975 51.812791452283044)</t>
  </si>
  <si>
    <t>POINT (4.702496478716871 51.7994404673063)</t>
  </si>
  <si>
    <t>POINT (4.678849101312568 51.78560516868361)</t>
  </si>
  <si>
    <t>POINT (4.65432885608396 51.802566330759895)</t>
  </si>
  <si>
    <t>POINT (4.650973793653804 51.77428813593815)</t>
  </si>
  <si>
    <t>POINT (4.712224670872011 51.81015474795161)</t>
  </si>
  <si>
    <t>POINT (4.6661218379960925 51.79603129773509)</t>
  </si>
  <si>
    <t>POINT (4.671471646339564 51.80493326579472)</t>
  </si>
  <si>
    <t>POINT (4.6535994130098866 51.799409308835166)</t>
  </si>
  <si>
    <t>POINT (4.708530204461449 51.809993315773845)</t>
  </si>
  <si>
    <t>POINT (4.672823315922386 51.79561970520003)</t>
  </si>
  <si>
    <t>POINT (4.728665643986575 51.80360703549415)</t>
  </si>
  <si>
    <t>POINT (4.71039769626675 51.804889758526805)</t>
  </si>
  <si>
    <t>POINT (4.68063815982977 51.7751201503377)</t>
  </si>
  <si>
    <t>POINT (4.6643839892071455 51.801109930837754)</t>
  </si>
  <si>
    <t>POINT (4.67326996130062 51.81157602231624)</t>
  </si>
  <si>
    <t>POINT (4.665800460240983 51.77871513433702)</t>
  </si>
  <si>
    <t>POINT (4.668205006773181 51.774676780005635)</t>
  </si>
  <si>
    <t>POINT (4.674173837701845 51.77849384371894)</t>
  </si>
  <si>
    <t>POINT (4.68218965390508 51.77554709301628)</t>
  </si>
  <si>
    <t>POINT (4.716179852505056 51.801375579113234)</t>
  </si>
  <si>
    <t>POINT (4.6973562230551975 51.8180476541093)</t>
  </si>
  <si>
    <t>POINT (4.708087064103038 51.80398765527301)</t>
  </si>
  <si>
    <t>POINT (4.664196726353317 51.80207425244494)</t>
  </si>
  <si>
    <t>POINT (4.717084279798935 51.80357593748169)</t>
  </si>
  <si>
    <t>POINT (4.684145329569129 51.81263379621518)</t>
  </si>
  <si>
    <t>POINT (4.679575758092675 51.80575843795776)</t>
  </si>
  <si>
    <t>POINT (4.717986693100015 51.803075638157)</t>
  </si>
  <si>
    <t>POINT (4.672054737992414 51.77395660022878)</t>
  </si>
  <si>
    <t>POINT (4.729640973579783 51.79671161163172)</t>
  </si>
  <si>
    <t>POINT (4.668911703853274 51.814087631094004)</t>
  </si>
  <si>
    <t>POINT (4.652580923946908 51.800263730403984)</t>
  </si>
  <si>
    <t>POINT (4.687793373533447 51.81052974937715)</t>
  </si>
  <si>
    <t>POINT (4.68573292387403 51.813491206146054)</t>
  </si>
  <si>
    <t>POINT (4.730934375522465 51.801677122157685)</t>
  </si>
  <si>
    <t>POINT (4.6605892452957045 51.78938392159061)</t>
  </si>
  <si>
    <t>POINT (4.653992891937839 51.78996676691051)</t>
  </si>
  <si>
    <t>POINT (4.686200755525478 51.80746265296745)</t>
  </si>
  <si>
    <t>POINT (4.718408704736179 51.814453806222815)</t>
  </si>
  <si>
    <t>POINT (4.6648515849410295 51.77722704618994)</t>
  </si>
  <si>
    <t>POINT (4.66601349244158 51.810480353119075)</t>
  </si>
  <si>
    <t>POINT (4.710515101153136 51.79552218065425)</t>
  </si>
  <si>
    <t>POINT (4.669406813059184 51.81596408872973)</t>
  </si>
  <si>
    <t>POINT (4.678601151356367 51.81380058114168)</t>
  </si>
  <si>
    <t>POINT (4.669921630556897 51.77617021315808)</t>
  </si>
  <si>
    <t>POINT (4.67188779402704 51.81170461076957)</t>
  </si>
  <si>
    <t>POINT (4.6314835656180975 51.72202481020732)</t>
  </si>
  <si>
    <t>POINT (4.705381276597286 51.80778913930022)</t>
  </si>
  <si>
    <t>POINT (4.7301510937446265 51.79619239112084)</t>
  </si>
  <si>
    <t>POINT (4.685501522088352 51.80631494430627)</t>
  </si>
  <si>
    <t>POINT (4.671258884927187 51.81826264076717)</t>
  </si>
  <si>
    <t>POINT (4.721903567495979 51.80357446295147)</t>
  </si>
  <si>
    <t>POINT (4.725997008512201 51.79664451711042)</t>
  </si>
  <si>
    <t>POINT (4.67765148660608 51.790587321190884)</t>
  </si>
  <si>
    <t>POINT (4.727373717072822 51.79806646011869)</t>
  </si>
  <si>
    <t>POINT (4.681822317202449 51.78881218316316)</t>
  </si>
  <si>
    <t>POINT (4.6649185559563096 51.80929682949875)</t>
  </si>
  <si>
    <t>POINT (4.674660129949684 51.78277036170347)</t>
  </si>
  <si>
    <t>POINT (4.689555983412398 51.80905243806925)</t>
  </si>
  <si>
    <t>POINT (4.663237218540864 51.81133667937239)</t>
  </si>
  <si>
    <t>POINT (4.689471987469457 51.80865842398742)</t>
  </si>
  <si>
    <t>POINT (4.674006789166848 51.80827357821939)</t>
  </si>
  <si>
    <t>POINT (4.669412937067907 51.81905982435487)</t>
  </si>
  <si>
    <t>POINT (4.66502974393506 51.8099942356118)</t>
  </si>
  <si>
    <t>POINT (4.678218518398194 51.78923177605199)</t>
  </si>
  <si>
    <t>POINT (4.682303503756861 51.77390662870435)</t>
  </si>
  <si>
    <t>POINT (4.680088991099193 51.77426769557782)</t>
  </si>
  <si>
    <t>POINT (4.6720247527900005 51.80225190740042)</t>
  </si>
  <si>
    <t>POINT (4.702435538277043 51.795421684263445)</t>
  </si>
  <si>
    <t>POINT (4.642874546859097 51.770140574934864)</t>
  </si>
  <si>
    <t>POINT (4.676614518038161 51.80472515465764)</t>
  </si>
  <si>
    <t>POINT (4.660990285984227 51.805393506994776)</t>
  </si>
  <si>
    <t>POINT (4.659447859866265 51.80666417406851)</t>
  </si>
  <si>
    <t>POINT (4.70581677967693 51.81539165977889)</t>
  </si>
  <si>
    <t>POINT (4.731961317518699 51.798924877594224)</t>
  </si>
  <si>
    <t>POINT (4.703703629617695 51.80777428295257)</t>
  </si>
  <si>
    <t>POINT (4.665004227412988 51.78943504085162)</t>
  </si>
  <si>
    <t>POINT (4.652209387922354 51.801121164007704)</t>
  </si>
  <si>
    <t>POINT (4.679018041764972 51.781328305536185)</t>
  </si>
  <si>
    <t>POINT (4.666532581246716 51.774625679620954)</t>
  </si>
  <si>
    <t>POINT (4.719720751310694 51.80506573148461)</t>
  </si>
  <si>
    <t>POINT (4.653681767722853 51.785462760978255)</t>
  </si>
  <si>
    <t>POINT (4.732680899077747 51.802997726293285)</t>
  </si>
  <si>
    <t>POINT (4.708099043441093 51.81870946274381)</t>
  </si>
  <si>
    <t>POINT (4.68067555882682 51.80483479138021)</t>
  </si>
  <si>
    <t>POINT (4.668018636827099 51.8158274475097)</t>
  </si>
  <si>
    <t>POINT (4.73237274046397 51.79654817797291)</t>
  </si>
  <si>
    <t>POINT (4.705790571806541 51.79164985303096)</t>
  </si>
  <si>
    <t>POINT (4.657597297147778 51.78737042373552)</t>
  </si>
  <si>
    <t>POINT (4.698292490420624 51.79723934278995)</t>
  </si>
  <si>
    <t>POINT (4.668182841036021 51.80293196259161)</t>
  </si>
  <si>
    <t>POINT (4.730308456053531 51.80138242373877)</t>
  </si>
  <si>
    <t>POINT (4.683593260329165 51.78214388757629)</t>
  </si>
  <si>
    <t>POINT (4.706839516994499 51.7900250371094)</t>
  </si>
  <si>
    <t>POINT (4.681316881978505 51.785388648804755)</t>
  </si>
  <si>
    <t>POINT (4.704121795343339 51.7986494826882)</t>
  </si>
  <si>
    <t>POINT (4.671579906077344 51.781058973793336)</t>
  </si>
  <si>
    <t>POINT (4.662745874597475 51.793070071245175)</t>
  </si>
  <si>
    <t>POINT (4.6669180421984935 51.80321233753913)</t>
  </si>
  <si>
    <t>POINT (4.67237236492536 51.78226613519346)</t>
  </si>
  <si>
    <t>POINT (4.711258205242803 51.79397868894621)</t>
  </si>
  <si>
    <t>POINT (4.692068118770014 51.80760563709408)</t>
  </si>
  <si>
    <t>POINT (4.708280929689199 51.78988347480824)</t>
  </si>
  <si>
    <t>POINT (4.678121946027193 51.777645262952966)</t>
  </si>
  <si>
    <t>POINT (4.681365599374095 51.77458045312579)</t>
  </si>
  <si>
    <t>POINT (4.670508902933235 51.77719585576348)</t>
  </si>
  <si>
    <t>POINT (4.658836781587649 51.814982216585555)</t>
  </si>
  <si>
    <t>POINT (4.692865123281632 51.79518815126603)</t>
  </si>
  <si>
    <t>POINT (4.7191622233515576 51.8113834005243)</t>
  </si>
  <si>
    <t>POINT (4.659116072744443 51.81321415887229)</t>
  </si>
  <si>
    <t>POINT (4.674663702614156 51.7778073508832)</t>
  </si>
  <si>
    <t>POINT (4.676969018429546 51.808189954654004)</t>
  </si>
  <si>
    <t>POINT (4.698451907189241 51.79335000038298)</t>
  </si>
  <si>
    <t>POINT (4.678218201030399 51.77373733048597)</t>
  </si>
  <si>
    <t>POINT (4.650917148753045 51.80312452683578)</t>
  </si>
  <si>
    <t>POINT (4.656995330300227 51.769825475525224)</t>
  </si>
  <si>
    <t>POINT (4.66911049877294 51.790964219767595)</t>
  </si>
  <si>
    <t>POINT (4.66405069620979 51.81056892915547)</t>
  </si>
  <si>
    <t>POINT (4.669031122713815 51.81288824797193)</t>
  </si>
  <si>
    <t>POINT (4.662063605628417 51.80343033624559)</t>
  </si>
  <si>
    <t>POINT (4.687704514997606 51.80949564031226)</t>
  </si>
  <si>
    <t>POINT (4.680190151412951 51.7761976231952)</t>
  </si>
  <si>
    <t>POINT (4.660582568719596 51.79606557053088)</t>
  </si>
  <si>
    <t>POINT (4.669076672801411 51.812861884284175)</t>
  </si>
  <si>
    <t>POINT (4.677689175043375 51.79081207767028)</t>
  </si>
  <si>
    <t>POINT (4.720401617607992 51.80342002474805)</t>
  </si>
  <si>
    <t>POINT (4.711699728962661 51.799858780324826)</t>
  </si>
  <si>
    <t>POINT (4.6818612850383845 51.80284192688259)</t>
  </si>
  <si>
    <t>POINT (4.685057582069926 51.80416743012582)</t>
  </si>
  <si>
    <t>POINT (4.656926310702743 51.77054090822365)</t>
  </si>
  <si>
    <t>POINT (4.716504998251283 51.799421220231906)</t>
  </si>
  <si>
    <t>POINT (4.702546430521965 51.81644759659614)</t>
  </si>
  <si>
    <t>POINT (4.682643084960639 51.809417046250196)</t>
  </si>
  <si>
    <t>POINT (4.6512841173285615 51.80157661948512)</t>
  </si>
  <si>
    <t>POINT (4.704318783404861 51.816248172727576)</t>
  </si>
  <si>
    <t>POINT (4.662967205480854 51.78720312595328)</t>
  </si>
  <si>
    <t>POINT (4.664780435329963 51.80154029712138)</t>
  </si>
  <si>
    <t>POINT (4.7141801096710525 51.807629635637205)</t>
  </si>
  <si>
    <t>POINT (4.679124711639085 51.780268318793155)</t>
  </si>
  <si>
    <t>POINT (4.666961355568135 51.80813602991187)</t>
  </si>
  <si>
    <t>POINT (4.655318553280367 51.80805685306429)</t>
  </si>
  <si>
    <t>POINT (4.6806243643281595 51.774404755030595)</t>
  </si>
  <si>
    <t>POINT (4.679952708121447 51.80875550259028)</t>
  </si>
  <si>
    <t>POINT (4.66162144484051 51.816133379374726)</t>
  </si>
  <si>
    <t>POINT (4.707292991399679 51.79076965374679)</t>
  </si>
  <si>
    <t>POINT (4.7349842831470355 51.800982419688395)</t>
  </si>
  <si>
    <t>POINT (4.717793280163936 51.81437078399803)</t>
  </si>
  <si>
    <t>POINT (4.656678147202155 51.81343384642627)</t>
  </si>
  <si>
    <t>POINT (4.660418480542388 51.79413847310302)</t>
  </si>
  <si>
    <t>POINT (4.682091783778939 51.781872814875044)</t>
  </si>
  <si>
    <t>POINT (4.730652868688646 51.797802423344734)</t>
  </si>
  <si>
    <t>POINT (4.6775357755903695 51.780763377656825)</t>
  </si>
  <si>
    <t>POINT (4.670088610201841 51.81709199350878)</t>
  </si>
  <si>
    <t>POINT (4.675429019245296 51.799043540263405)</t>
  </si>
  <si>
    <t>POINT (4.6672869382866145 51.808125785259165)</t>
  </si>
  <si>
    <t>POINT (4.710577369596155 51.81551080636499)</t>
  </si>
  <si>
    <t>POINT (4.727276472560448 51.79936334298379)</t>
  </si>
  <si>
    <t>POINT (4.675934793625828 51.78597669970356)</t>
  </si>
  <si>
    <t>POINT (4.720239091473241 51.8121789706268)</t>
  </si>
  <si>
    <t>POINT (4.722277799542683 51.79803298112203)</t>
  </si>
  <si>
    <t>POINT (4.733828917093128 51.78980426947935)</t>
  </si>
  <si>
    <t>POINT (4.698509262527883 51.791432262164335)</t>
  </si>
  <si>
    <t>POINT (4.674970091883924 51.813058706571226)</t>
  </si>
  <si>
    <t>POINT (4.682387945950146 51.779397974792495)</t>
  </si>
  <si>
    <t>POINT (4.667870338210458 51.7708700641053)</t>
  </si>
  <si>
    <t>POINT (4.671913556336916 51.776195492712596)</t>
  </si>
  <si>
    <t>POINT (4.661427117646969 51.801878880605315)</t>
  </si>
  <si>
    <t>POINT (4.662574934302235 51.80968736588922)</t>
  </si>
  <si>
    <t>POINT (4.734208438059646 51.801796232097374)</t>
  </si>
  <si>
    <t>POINT (4.653801363959158 51.8033242158463)</t>
  </si>
  <si>
    <t>POINT (4.630330143616206 51.723868924037674)</t>
  </si>
  <si>
    <t>POINT (4.661811027004708 51.81487794296752)</t>
  </si>
  <si>
    <t>POINT (4.717231477253845 51.80645081629434)</t>
  </si>
  <si>
    <t>POINT (4.675858040360547 51.81526343077755)</t>
  </si>
  <si>
    <t>POINT (4.714668813915417 51.79139046378715)</t>
  </si>
  <si>
    <t>POINT (4.716911006964087 51.80057793477344)</t>
  </si>
  <si>
    <t>POINT (4.667968138380114 51.81481746723172)</t>
  </si>
  <si>
    <t>POINT (4.685343614837051 51.804444536300565)</t>
  </si>
  <si>
    <t>POINT (4.66053867913213 51.80377674655027)</t>
  </si>
  <si>
    <t>POINT (4.629702329681213 51.72207331890776)</t>
  </si>
  <si>
    <t>POINT (4.704253962402793 51.79581957822091)</t>
  </si>
  <si>
    <t>POINT (4.714369411649557 51.803112586964374)</t>
  </si>
  <si>
    <t>POINT (4.659109700951971 51.796418558054604)</t>
  </si>
  <si>
    <t>POINT (4.665156205126568 51.790071495679214)</t>
  </si>
  <si>
    <t>POINT (4.686662919029342 51.782595335980986)</t>
  </si>
  <si>
    <t>POINT (4.71750857091417 51.80234996239819)</t>
  </si>
  <si>
    <t>POINT (4.675803467907332 51.78483144423893)</t>
  </si>
  <si>
    <t>POINT (4.671115355747032 51.79335364317535)</t>
  </si>
  <si>
    <t>POINT (4.679171402111976 51.799579536474525)</t>
  </si>
  <si>
    <t>POINT (4.68668451112622 51.77752249707292)</t>
  </si>
  <si>
    <t>POINT (4.724025738711847 51.80529041682211)</t>
  </si>
  <si>
    <t>POINT (4.6706909921698045 51.8108669086432)</t>
  </si>
  <si>
    <t>POINT (4.726613965482439 51.79914839971175)</t>
  </si>
  <si>
    <t>POINT (4.659573307111824 51.771314931213986)</t>
  </si>
  <si>
    <t>POINT (4.7174355476444525 51.802324188621355)</t>
  </si>
  <si>
    <t>POINT (4.671772814388925 51.79287703787482)</t>
  </si>
  <si>
    <t>POINT (4.683488285212923 51.81283126703649)</t>
  </si>
  <si>
    <t>POINT (4.6693130810889505 51.81932824446081)</t>
  </si>
  <si>
    <t>POINT (4.7174847081110975 51.802521680145695)</t>
  </si>
  <si>
    <t>POINT (4.665250604684146 51.80991393243855)</t>
  </si>
  <si>
    <t>POINT (4.661302014246848 51.79766030481092)</t>
  </si>
  <si>
    <t>POINT (4.662515636102639 51.803549631383554)</t>
  </si>
  <si>
    <t>POINT (4.65690976126865 51.80298024469142)</t>
  </si>
  <si>
    <t>POINT (4.685052051422749 51.80995995575295)</t>
  </si>
  <si>
    <t>POINT (4.649467758534702 51.79483802788537)</t>
  </si>
  <si>
    <t>POINT (4.671696966976688 51.817229332376584)</t>
  </si>
  <si>
    <t>POINT (4.684109155733435 51.77490417516204)</t>
  </si>
  <si>
    <t>POINT (4.641955103581553 51.76843649226686)</t>
  </si>
  <si>
    <t>POINT (4.692795266786232 51.79520033095084)</t>
  </si>
  <si>
    <t>POINT (4.693714408107825 51.78720281500282)</t>
  </si>
  <si>
    <t>POINT (4.691964667753528 51.80722233190727)</t>
  </si>
  <si>
    <t>POINT (4.652042350157018 51.7926387329589)</t>
  </si>
  <si>
    <t>POINT (4.714606387762487 51.81051292169938)</t>
  </si>
  <si>
    <t>POINT (4.661358813248021 51.814808136292655)</t>
  </si>
  <si>
    <t>POINT (4.6638719090692975 51.809693120515654)</t>
  </si>
  <si>
    <t>POINT (4.72181573954743 51.803286094667044)</t>
  </si>
  <si>
    <t>POINT (4.675017415836801 51.814174802334705)</t>
  </si>
  <si>
    <t>POINT (4.679144997073158 51.7893001667335)</t>
  </si>
  <si>
    <t>POINT (4.652433546902459 51.79253329226004)</t>
  </si>
  <si>
    <t>POINT (4.662564195291759 51.80519713575535)</t>
  </si>
  <si>
    <t>POINT (4.724337608278053 51.79823234631235)</t>
  </si>
  <si>
    <t>POINT (4.653566439173762 51.782636597701305)</t>
  </si>
  <si>
    <t>POINT (4.654902753585976 51.78969947198581)</t>
  </si>
  <si>
    <t>POINT (4.6736797068611695 51.81693986983703)</t>
  </si>
  <si>
    <t>POINT (4.7271574999873005 51.799236922649776)</t>
  </si>
  <si>
    <t>POINT (4.706962142441795 51.78907419873218)</t>
  </si>
  <si>
    <t>POINT (4.703179407586938 51.79866011802658)</t>
  </si>
  <si>
    <t>POINT (4.684678787389466 51.8110195887266)</t>
  </si>
  <si>
    <t>POINT (4.707932833977875 51.787824888272276)</t>
  </si>
  <si>
    <t>POINT (4.663250635754996 51.797960477643514)</t>
  </si>
  <si>
    <t>POINT (4.682455031507877 51.774108176208394)</t>
  </si>
  <si>
    <t>POINT (4.6970847061036025 51.79382185314822)</t>
  </si>
  <si>
    <t>POINT (4.684686881644253 51.80322183212665)</t>
  </si>
  <si>
    <t>POINT (4.6668107043777605 51.79390247597251)</t>
  </si>
  <si>
    <t>POINT (4.681235811212039 51.80269271950265)</t>
  </si>
  <si>
    <t>POINT (4.666797548045328 51.81110994526996)</t>
  </si>
  <si>
    <t>POINT (4.654847434766878 51.78151092738573)</t>
  </si>
  <si>
    <t>POINT (4.669970843955965 51.80540528390119)</t>
  </si>
  <si>
    <t>POINT (4.684138845759398 51.819248557192985)</t>
  </si>
  <si>
    <t>POINT (4.712668221653976 51.799192755888626)</t>
  </si>
  <si>
    <t>POINT (4.701098709451983 51.797076687549776)</t>
  </si>
  <si>
    <t>POINT (4.658301883450053 51.80315129084277)</t>
  </si>
  <si>
    <t>POINT (4.66360063067754 51.804253130761026)</t>
  </si>
  <si>
    <t>POINT (4.676667694395003 51.78939558727268)</t>
  </si>
  <si>
    <t>POINT (4.6610276224145375 51.7697997989243)</t>
  </si>
  <si>
    <t>POINT (4.659116651556204 51.781976954785506)</t>
  </si>
  <si>
    <t>POINT (4.671138094475131 51.81788578200135)</t>
  </si>
  <si>
    <t>POINT (4.710729755549115 51.79120655965263)</t>
  </si>
  <si>
    <t>POINT (4.6540716643726405 51.790946489518454)</t>
  </si>
  <si>
    <t>POINT (4.670213777545586 51.77639210607486)</t>
  </si>
  <si>
    <t>POINT (4.659872541341201 51.797142565524794)</t>
  </si>
  <si>
    <t>POINT (4.667607842182001 51.80238716580111)</t>
  </si>
  <si>
    <t>POINT (4.681767063131842 51.80463697408096)</t>
  </si>
  <si>
    <t>POINT (4.710961142053634 51.80664075097498)</t>
  </si>
  <si>
    <t>POINT (4.664626444131697 51.813579027582634)</t>
  </si>
  <si>
    <t>POINT (4.658996503036921 51.78845043747585)</t>
  </si>
  <si>
    <t>POINT (4.686808494950153 51.80961775505014)</t>
  </si>
  <si>
    <t>POINT (4.664590501702293 51.813377630645284)</t>
  </si>
  <si>
    <t>POINT (4.696365862360934 51.79293565377483)</t>
  </si>
  <si>
    <t>POINT (4.666822369613098 51.79502193700864)</t>
  </si>
  <si>
    <t>POINT (4.67888702861877 51.81640579294215)</t>
  </si>
  <si>
    <t>POINT (4.667456902047935 51.81690525132072)</t>
  </si>
  <si>
    <t>POINT (4.686371327033091 51.810382426363034)</t>
  </si>
  <si>
    <t>POINT (4.683550878380373 51.80303251908205)</t>
  </si>
  <si>
    <t>POINT (4.664225513263968 51.79744405705701)</t>
  </si>
  <si>
    <t>POINT (4.639040393397488 51.742301764114714)</t>
  </si>
  <si>
    <t>POINT (4.699680949625237 51.79003727010362)</t>
  </si>
  <si>
    <t>POINT (4.6601085459613305 51.8156856020425)</t>
  </si>
  <si>
    <t>POINT (4.720892878510716 51.811317869976705)</t>
  </si>
  <si>
    <t>POINT (4.710912612669517 51.80595224643918)</t>
  </si>
  <si>
    <t>POINT (4.652534350947018 51.80143890042361)</t>
  </si>
  <si>
    <t>POINT (4.682752983055502 51.79056528447468)</t>
  </si>
  <si>
    <t>POINT (4.654113243737763 51.791051261106084)</t>
  </si>
  <si>
    <t>POINT (4.6754564645480166 51.78329788942616)</t>
  </si>
  <si>
    <t>POINT (4.666080564716773 51.78934560892895)</t>
  </si>
  <si>
    <t>POINT (4.732734409904574 51.79978686136646)</t>
  </si>
  <si>
    <t>POINT (4.663124338775974 51.7952357722226)</t>
  </si>
  <si>
    <t>POINT (4.697330596312028 51.79224188608866)</t>
  </si>
  <si>
    <t>POINT (4.681625730682798 51.799621152858215)</t>
  </si>
  <si>
    <t>POINT (4.6671199744022225 51.79628163307954)</t>
  </si>
  <si>
    <t>POINT (4.674040382702233 51.777439798487656)</t>
  </si>
  <si>
    <t>POINT (4.710182650627037 51.814223298292156)</t>
  </si>
  <si>
    <t>POINT (4.691443285986877 51.806588039729746)</t>
  </si>
  <si>
    <t>POINT (4.712113606358691 51.815316959553364)</t>
  </si>
  <si>
    <t>POINT (4.674281469262061 51.817889512124864)</t>
  </si>
  <si>
    <t>POINT (4.733488471293626 51.80335523884688)</t>
  </si>
  <si>
    <t>POINT (4.66921045793156 51.77034214412427)</t>
  </si>
  <si>
    <t>POINT (4.668425602526511 51.77076674552386)</t>
  </si>
  <si>
    <t>POINT (4.715182608683829 51.794732613929426)</t>
  </si>
  <si>
    <t>POINT (4.67360189502792 51.81372133622524)</t>
  </si>
  <si>
    <t>POINT (4.67687252869439 51.78640367311282)</t>
  </si>
  <si>
    <t>POINT (4.663075039363899 51.81329293716678)</t>
  </si>
  <si>
    <t>POINT (4.683918390424348 51.80423207663298)</t>
  </si>
  <si>
    <t>POINT (4.663652870717588 51.8097275451076)</t>
  </si>
  <si>
    <t>POINT (4.671747700744309 51.775870141412994)</t>
  </si>
  <si>
    <t>POINT (4.724481364610291 51.7995395501487)</t>
  </si>
  <si>
    <t>POINT (4.670221048768674 51.81942036463023)</t>
  </si>
  <si>
    <t>POINT (4.668521765000343 51.81460704531364)</t>
  </si>
  <si>
    <t>POINT (4.712945435609261 51.816249944147344)</t>
  </si>
  <si>
    <t>POINT (4.676090174157481 51.81469503695958)</t>
  </si>
  <si>
    <t>POINT (4.674600286929987 51.776220863090494)</t>
  </si>
  <si>
    <t>POINT (4.674348322148452 51.79707010167805)</t>
  </si>
  <si>
    <t>POINT (4.670261091222317 51.81422986766823)</t>
  </si>
  <si>
    <t>POINT (4.675470551851302 51.805106217654725)</t>
  </si>
  <si>
    <t>POINT (4.666320586764843 51.799456312675126)</t>
  </si>
  <si>
    <t>POINT (4.671254942296507 51.80229818751013)</t>
  </si>
  <si>
    <t>POINT (4.662676445384822 51.813512425467636)</t>
  </si>
  <si>
    <t>POINT (4.6766158027934575 51.77213423104639)</t>
  </si>
  <si>
    <t>POINT (4.652450273761842 51.78568487720188)</t>
  </si>
  <si>
    <t>POINT (4.669566615811392 51.805765748428584)</t>
  </si>
  <si>
    <t>POINT (4.722413993516812 51.80468055886375)</t>
  </si>
  <si>
    <t>POINT (4.655413645666771 51.81024594980383)</t>
  </si>
  <si>
    <t>POINT (4.691295678034571 51.788357325647105)</t>
  </si>
  <si>
    <t>POINT (4.661811224585374 51.80077559261238)</t>
  </si>
  <si>
    <t>POINT (4.670575930238417 51.79887477257881)</t>
  </si>
  <si>
    <t>POINT (4.685464686490959 51.787952903021086)</t>
  </si>
  <si>
    <t>POINT (4.65933668738528 51.804980810442075)</t>
  </si>
  <si>
    <t>POINT (4.663114069984266 51.81384249422237)</t>
  </si>
  <si>
    <t>POINT (4.681088677717683 51.798813677801256)</t>
  </si>
  <si>
    <t>POINT (4.722717666914368 51.803046040530624)</t>
  </si>
  <si>
    <t>POINT (4.684113812976564 51.77634647623369)</t>
  </si>
  <si>
    <t>POINT (4.671541014441353 51.786873933489495)</t>
  </si>
  <si>
    <t>POINT (4.670359296176237 51.80608335488655)</t>
  </si>
  <si>
    <t>POINT (4.670450067701901 51.818319420170134)</t>
  </si>
  <si>
    <t>POINT (4.651057791057181 51.79356587497344)</t>
  </si>
  <si>
    <t>POINT (4.659446918262515 51.8099209230214)</t>
  </si>
  <si>
    <t>POINT (4.729924268976949 51.80396295942649)</t>
  </si>
  <si>
    <t>POINT (4.643733712748239 51.77486451972314)</t>
  </si>
  <si>
    <t>POINT (4.675069281598648 51.77917940531682)</t>
  </si>
  <si>
    <t>POINT (4.727020927481535 51.7920978114188)</t>
  </si>
  <si>
    <t>POINT (4.661377806255972 51.801034006835074)</t>
  </si>
  <si>
    <t>POINT (4.6888076805774075 51.80770386699851)</t>
  </si>
  <si>
    <t>POINT (4.722092692053398 51.800405833599925)</t>
  </si>
  <si>
    <t>POINT (4.667775029258031 51.81426445082679)</t>
  </si>
  <si>
    <t>POINT (4.652407158393193 51.785691870014546)</t>
  </si>
  <si>
    <t>POINT (4.6626530359640554 51.7999529173362)</t>
  </si>
  <si>
    <t>POINT (4.662918770738009 51.788930096833916)</t>
  </si>
  <si>
    <t>POINT (4.714205774126417 51.80499579501489)</t>
  </si>
  <si>
    <t>POINT (4.716796392026908 51.79533002823548)</t>
  </si>
  <si>
    <t>POINT (4.701329928069819 51.79700940200612)</t>
  </si>
  <si>
    <t>POINT (4.632395435394177 51.72251930028307)</t>
  </si>
  <si>
    <t>POINT (4.7217316162263465 51.79408212312299)</t>
  </si>
  <si>
    <t>POINT (4.66065496343236 51.81347777954453)</t>
  </si>
  <si>
    <t>POINT (4.66980738361244 51.81013683397347)</t>
  </si>
  <si>
    <t>POINT (4.679207240300405 51.77603778040438)</t>
  </si>
  <si>
    <t>POINT (4.673800073794535 51.774938828553594)</t>
  </si>
  <si>
    <t>POINT (4.678902702996385 51.80790160055324)</t>
  </si>
  <si>
    <t>POINT (4.653715686224318 51.811318629969925)</t>
  </si>
  <si>
    <t>POINT (4.664608093430825 51.79108031165)</t>
  </si>
  <si>
    <t>POINT (4.720233462196574 51.798127758277005)</t>
  </si>
  <si>
    <t>POINT (4.65830406111587 51.809705723621825)</t>
  </si>
  <si>
    <t>POINT (4.668254265925345 51.79010578607439)</t>
  </si>
  <si>
    <t>POINT (4.671177939924213 51.81461205468518)</t>
  </si>
  <si>
    <t>POINT (4.715744078877068 51.81327621639517)</t>
  </si>
  <si>
    <t>POINT (4.6695523721526655 51.780192901512)</t>
  </si>
  <si>
    <t>POINT (4.6666301500562755 51.79630415358292)</t>
  </si>
  <si>
    <t>POINT (4.670310340586292 51.78614734967294)</t>
  </si>
  <si>
    <t>POINT (4.64293217596994 51.77088692537478)</t>
  </si>
  <si>
    <t>POINT (4.669453726916599 51.81685606987666)</t>
  </si>
  <si>
    <t>POINT (4.715565772978349 51.80325603251767)</t>
  </si>
  <si>
    <t>POINT (4.668651496575235 51.818312619919524)</t>
  </si>
  <si>
    <t>POINT (4.680295107813021 51.778147537058075)</t>
  </si>
  <si>
    <t>POINT (4.672349789391115 51.797036674441436)</t>
  </si>
  <si>
    <t>POINT (4.660303182133886 51.788688589636)</t>
  </si>
  <si>
    <t>POINT (4.6311547901813 51.724886107055184)</t>
  </si>
  <si>
    <t>POINT (4.6557515651498536 51.79845170520833)</t>
  </si>
  <si>
    <t>POINT (4.670229882076346 51.80036274932431)</t>
  </si>
  <si>
    <t>POINT (4.680202302490555 51.789859851472166)</t>
  </si>
  <si>
    <t>POINT (4.71972487530361 51.81115147738091)</t>
  </si>
  <si>
    <t>POINT (4.677539604429432 51.816826780756735)</t>
  </si>
  <si>
    <t>POINT (4.6622678953818655 51.80524508490439)</t>
  </si>
  <si>
    <t>POINT (4.666496917127221 51.81689882066532)</t>
  </si>
  <si>
    <t>POINT (4.693325042726566 51.788575457243155)</t>
  </si>
  <si>
    <t>POINT (4.6736639595740055 51.7890555152377)</t>
  </si>
  <si>
    <t>POINT (4.6775575913913015 51.780754709707494)</t>
  </si>
  <si>
    <t>POINT (4.655591601573058 51.78753049709462)</t>
  </si>
  <si>
    <t>POINT (4.68194082818819 51.809206304093046)</t>
  </si>
  <si>
    <t>POINT (4.711816041189131 51.79633094389898)</t>
  </si>
  <si>
    <t>POINT (4.667854241553595 51.816279451127286)</t>
  </si>
  <si>
    <t>POINT (4.663549535055965 51.80337219368135)</t>
  </si>
  <si>
    <t>POINT (4.685157175366068 51.78886344187136)</t>
  </si>
  <si>
    <t>POINT (4.688965815479429 51.807296857502905)</t>
  </si>
  <si>
    <t>POINT (4.67422226757754 51.81919242808438)</t>
  </si>
  <si>
    <t>POINT (4.67541365012206 51.775747674674115)</t>
  </si>
  <si>
    <t>POINT (4.693915476309628 51.813469036156896)</t>
  </si>
  <si>
    <t>POINT (4.736165181284091 51.79938531553523)</t>
  </si>
  <si>
    <t>POINT (4.667283335089237 51.81381969603814)</t>
  </si>
  <si>
    <t>POINT (4.666019224326188 51.77271237635485)</t>
  </si>
  <si>
    <t>POINT (4.678480529417619 51.789486660623275)</t>
  </si>
  <si>
    <t>POINT (4.659794552738041 51.79725193292471)</t>
  </si>
  <si>
    <t>POINT (4.668960827015629 51.79917234568286)</t>
  </si>
  <si>
    <t>POINT (4.659294905621681 51.804084890921814)</t>
  </si>
  <si>
    <t>POINT (4.65959475594008 51.80313455140678)</t>
  </si>
  <si>
    <t>POINT (4.68438767308161 51.8042002910263)</t>
  </si>
  <si>
    <t>POINT (4.659106830069454 51.79936517094564)</t>
  </si>
  <si>
    <t>POINT (4.682861518756592 51.818566479528364)</t>
  </si>
  <si>
    <t>POINT (4.659083124482034 51.80335700280894)</t>
  </si>
  <si>
    <t>POINT (4.664548339509068 51.78864470599468)</t>
  </si>
  <si>
    <t>POINT (4.665677093520033 51.78098044801015)</t>
  </si>
  <si>
    <t>POINT (4.681483544094236 51.811552275880565)</t>
  </si>
  <si>
    <t>POINT (4.682833150530169 51.81014831875419)</t>
  </si>
  <si>
    <t>POINT (4.659728289725658 51.789871166881895)</t>
  </si>
  <si>
    <t>POINT (4.707108908908521 51.79529055951066)</t>
  </si>
  <si>
    <t>POINT (4.686254950249938 51.811494626700366)</t>
  </si>
  <si>
    <t>POINT (4.6696222325922765 51.805531825504936)</t>
  </si>
  <si>
    <t>POINT (4.71590191274254 51.8154553984108)</t>
  </si>
  <si>
    <t>POINT (4.682400835803347 51.79873604914016)</t>
  </si>
  <si>
    <t>POINT (4.669842582687509 51.811128167710116)</t>
  </si>
  <si>
    <t>POINT (4.674263622636278 51.803950227221726)</t>
  </si>
  <si>
    <t>POINT (4.710284032936818 51.80868605177578)</t>
  </si>
  <si>
    <t>POINT (4.649691894871499 51.794549227566606)</t>
  </si>
  <si>
    <t>POINT (4.669239864176858 51.819319167465494)</t>
  </si>
  <si>
    <t>POINT (4.665258846447959 51.81397721709526)</t>
  </si>
  <si>
    <t>POINT (4.7000021304630675 51.79824951086971)</t>
  </si>
  <si>
    <t>POINT (4.658085162011612 51.80199755754341)</t>
  </si>
  <si>
    <t>POINT (4.671159847542204 51.773319512073606)</t>
  </si>
  <si>
    <t>POINT (4.689180814692173 51.80716068196517)</t>
  </si>
  <si>
    <t>POINT (4.698355533855293 51.79296214862702)</t>
  </si>
  <si>
    <t>POINT (4.694086596781806 51.794737832405325)</t>
  </si>
  <si>
    <t>POINT (4.686498029560014 51.81133007575816)</t>
  </si>
  <si>
    <t>POINT (4.694510477159008 51.78283627662938)</t>
  </si>
  <si>
    <t>POINT (4.66499711505586 51.815949430281655)</t>
  </si>
  <si>
    <t>POINT (4.653756707606576 51.78564669828364)</t>
  </si>
  <si>
    <t>POINT (4.7000561246404535 51.79908744485387)</t>
  </si>
  <si>
    <t>POINT (4.657249453827278 51.807006614852945)</t>
  </si>
  <si>
    <t>POINT (4.7302442588462545 51.80436232775086)</t>
  </si>
  <si>
    <t>POINT (4.666913327294294 51.77786246404913)</t>
  </si>
  <si>
    <t>POINT (4.678664775727287 51.78707364424135)</t>
  </si>
  <si>
    <t>POINT (4.662704475256993 51.81317509153185)</t>
  </si>
  <si>
    <t>POINT (4.643448032091004 51.77041605992222)</t>
  </si>
  <si>
    <t>POINT (4.669575711533385 51.81726345433318)</t>
  </si>
  <si>
    <t>POINT (4.663008915761391 51.81329978299725)</t>
  </si>
  <si>
    <t>POINT (4.68589260597646 51.79180942400476)</t>
  </si>
  <si>
    <t>POINT (4.6762771437756605 51.80799312871398)</t>
  </si>
  <si>
    <t>POINT (4.680777746267149 51.78750056868553)</t>
  </si>
  <si>
    <t>POINT (4.659163863630516 51.81278359178275)</t>
  </si>
  <si>
    <t>POINT (4.639992056247328 51.79191045922244)</t>
  </si>
  <si>
    <t>POINT (4.665878317356068 51.812412519964695)</t>
  </si>
  <si>
    <t>POINT (4.674461115836087 51.786436191924246)</t>
  </si>
  <si>
    <t>POINT (4.685404111628339 51.8030754919784)</t>
  </si>
  <si>
    <t>POINT (4.669536020089764 51.80066644174771)</t>
  </si>
  <si>
    <t>POINT (4.667139444313519 51.81374518699021)</t>
  </si>
  <si>
    <t>POINT (4.713436392086023 51.804200109066166)</t>
  </si>
  <si>
    <t>POINT (4.677508755824691 51.78065971826012)</t>
  </si>
  <si>
    <t>POINT (4.679796534638075 51.786171915458816)</t>
  </si>
  <si>
    <t>POINT (4.679405281842655 51.804255662768675)</t>
  </si>
  <si>
    <t>POINT (4.721528835639047 51.802494464475956)</t>
  </si>
  <si>
    <t>POINT (4.715421931079999 51.80326959990747)</t>
  </si>
  <si>
    <t>POINT (4.673896818322768 51.810801576959406)</t>
  </si>
  <si>
    <t>POINT (4.665478116153129 51.789772534822525)</t>
  </si>
  <si>
    <t>POINT (4.673992868234279 51.817199793061455)</t>
  </si>
  <si>
    <t>POINT (4.68685522402464 51.7825826956696)</t>
  </si>
  <si>
    <t>POINT (4.652240255126321 51.78543110435711)</t>
  </si>
  <si>
    <t>POINT (4.675383447320209 51.774323032581314)</t>
  </si>
  <si>
    <t>POINT (4.658260851395875 51.801830920089635)</t>
  </si>
  <si>
    <t>POINT (4.665853538577199 51.812607089407)</t>
  </si>
  <si>
    <t>POINT (4.733781612897486 51.80027876743464)</t>
  </si>
  <si>
    <t>POINT (4.706780684622712 51.8027123901556)</t>
  </si>
  <si>
    <t>POINT (4.659177445173756 51.812757968403034)</t>
  </si>
  <si>
    <t>POINT (4.672651154139495 51.783610296785405)</t>
  </si>
  <si>
    <t>POINT (4.652680838577971 51.787365359634435)</t>
  </si>
  <si>
    <t>POINT (4.657510246065981 51.80126232153142)</t>
  </si>
  <si>
    <t>POINT (4.6758315169636955 51.8044995224721)</t>
  </si>
  <si>
    <t>POINT (4.665283568140133 51.80925080641722)</t>
  </si>
  <si>
    <t>POINT (4.653096068513654 51.80290085095378)</t>
  </si>
  <si>
    <t>POINT (4.652424933712007 51.78523312525245)</t>
  </si>
  <si>
    <t>POINT (4.71233386739515 51.79819076440365)</t>
  </si>
  <si>
    <t>POINT (4.656692844176242 51.813462099466975)</t>
  </si>
  <si>
    <t>POINT (4.659823620141539 51.80409551343267)</t>
  </si>
  <si>
    <t>POINT (4.718601350912476 51.80365476601925)</t>
  </si>
  <si>
    <t>POINT (4.711512277074395 51.80682795940001)</t>
  </si>
  <si>
    <t>POINT (4.71829550389173 51.80121625472137)</t>
  </si>
  <si>
    <t>POINT (4.654196943783764 51.783118128169434)</t>
  </si>
  <si>
    <t>POINT (4.679122989048437 51.78024141420016)</t>
  </si>
  <si>
    <t>POINT (4.6593455125234335 51.80968017927766)</t>
  </si>
  <si>
    <t>POINT (4.64193767326448 51.77598075778978)</t>
  </si>
  <si>
    <t>POINT (4.679618303327718 51.816162809242435)</t>
  </si>
  <si>
    <t>POINT (4.669822851888224 51.78995333150299)</t>
  </si>
  <si>
    <t>POINT (4.732828301927546 51.80236958666886)</t>
  </si>
  <si>
    <t>POINT (4.655863955483593 51.784767527349544)</t>
  </si>
  <si>
    <t>POINT (4.66624105684657 51.81508471880058)</t>
  </si>
  <si>
    <t>POINT (4.734612427014872 51.80121555770916)</t>
  </si>
  <si>
    <t>POINT (4.704416982418471 51.798534132552156)</t>
  </si>
  <si>
    <t>POINT (4.662754773585968 51.79521838973757)</t>
  </si>
  <si>
    <t>POINT (4.672621881549138 51.77776494257541)</t>
  </si>
  <si>
    <t>POINT (4.71076822773102 51.79884814046604)</t>
  </si>
  <si>
    <t>POINT (4.678395173235486 51.772829488897386)</t>
  </si>
  <si>
    <t>POINT (4.668512422648245 51.79062580016978)</t>
  </si>
  <si>
    <t>POINT (4.721126258584229 51.80236947589766)</t>
  </si>
  <si>
    <t>POINT (4.659805394074764 51.807091547024264)</t>
  </si>
  <si>
    <t>POINT (4.682180603011868 51.81205310752596)</t>
  </si>
  <si>
    <t>POINT (4.731792731454723 51.79856641283797)</t>
  </si>
  <si>
    <t>POINT (4.692539120275048 51.78454023521256)</t>
  </si>
  <si>
    <t>POINT (4.669693887291544 51.812637050653656)</t>
  </si>
  <si>
    <t>POINT (4.666948419599215 51.796273559840614)</t>
  </si>
  <si>
    <t>POINT (4.671700236139566 51.81467588678374)</t>
  </si>
  <si>
    <t>POINT (4.672289755846427 51.80235809671697)</t>
  </si>
  <si>
    <t>POINT (4.715759045914233 51.81510779059193)</t>
  </si>
  <si>
    <t>POINT (4.663739705247009 51.81689124041777)</t>
  </si>
  <si>
    <t>POINT (4.669248002406286 51.8149771407666)</t>
  </si>
  <si>
    <t>POINT (4.677612666797095 51.7907469233057)</t>
  </si>
  <si>
    <t>POINT (4.672420534350699 51.803661569430346)</t>
  </si>
  <si>
    <t>POINT (4.670826936689685 51.773639391907814)</t>
  </si>
  <si>
    <t>POINT (4.660656500199209 51.80507256689252)</t>
  </si>
  <si>
    <t>POINT (4.674100720321641 51.81937969654292)</t>
  </si>
  <si>
    <t>POINT (4.683730328093458 51.78648502608226)</t>
  </si>
  <si>
    <t>POINT (4.666746278717369 51.77809208845803)</t>
  </si>
  <si>
    <t>POINT (4.670071437462104 51.77293138975432)</t>
  </si>
  <si>
    <t>POINT (4.712049157379773 51.800404739940774)</t>
  </si>
  <si>
    <t>POINT (4.657462449249538 51.799276465604486)</t>
  </si>
  <si>
    <t>POINT (4.720143791130168 51.80314803706724)</t>
  </si>
  <si>
    <t>POINT (4.662164395021681 51.80142060200766)</t>
  </si>
  <si>
    <t>POINT (4.657074319740772 51.77020437489222)</t>
  </si>
  <si>
    <t>POINT (4.686689315882801 51.77504702908491)</t>
  </si>
  <si>
    <t>POINT (4.712830460647091 51.80861353238687)</t>
  </si>
  <si>
    <t>POINT (4.687426586193745 51.81457409604994)</t>
  </si>
  <si>
    <t>POINT (4.660863336657289 51.804825822467095)</t>
  </si>
  <si>
    <t>POINT (4.639894585018244 51.77965563865474)</t>
  </si>
  <si>
    <t>POINT (4.676680848099284 51.807665599599375)</t>
  </si>
  <si>
    <t>POINT (4.695054684588698 51.81767110580018)</t>
  </si>
  <si>
    <t>POINT (4.655264405997314 51.78175958731485)</t>
  </si>
  <si>
    <t>POINT (4.67227860766943 51.819040192420786)</t>
  </si>
  <si>
    <t>POINT (4.721303004520109 51.811212010684216)</t>
  </si>
  <si>
    <t>POINT (4.729902820716044 51.804826719061445)</t>
  </si>
  <si>
    <t>POINT (4.6583763736284105 51.80423982606116)</t>
  </si>
  <si>
    <t>POINT (4.704934483366257 51.793300814728255)</t>
  </si>
  <si>
    <t>POINT (4.717279725439669 51.8013193030335)</t>
  </si>
  <si>
    <t>POINT (4.724874140129632 51.793716603083496)</t>
  </si>
  <si>
    <t>POINT (4.668142065655238 51.81166428969261)</t>
  </si>
  <si>
    <t>POINT (4.719327462734096 51.81539550111038)</t>
  </si>
  <si>
    <t>POINT (4.701062855422745 51.795030783104956)</t>
  </si>
  <si>
    <t>POINT (4.6932341542783895 51.79527673383626)</t>
  </si>
  <si>
    <t>POINT (4.70954982776153 51.79719288645484)</t>
  </si>
  <si>
    <t>POINT (4.719474058816377 51.81305999174001)</t>
  </si>
  <si>
    <t>POINT (4.655091390078967 51.79466260574476)</t>
  </si>
  <si>
    <t>POINT (4.661730591418988 51.81247462743983)</t>
  </si>
  <si>
    <t>POINT (4.675983770935956 51.78485742728934)</t>
  </si>
  <si>
    <t>POINT (4.682647706936044 51.77516117399077)</t>
  </si>
  <si>
    <t>POINT (4.731917242386103 51.80076117212472)</t>
  </si>
  <si>
    <t>POINT (4.654536900853723 51.81202838345126)</t>
  </si>
  <si>
    <t>POINT (4.6892314165970115 51.8103843446103)</t>
  </si>
  <si>
    <t>POINT (4.6717807734863666 51.792540612605)</t>
  </si>
  <si>
    <t>POINT (4.693440495095777 51.81042732620374)</t>
  </si>
  <si>
    <t>POINT (4.674873202718139 51.803326384714225)</t>
  </si>
  <si>
    <t>POINT (4.6536791603557095 51.78541720783056)</t>
  </si>
  <si>
    <t>POINT (4.657395923243031 51.79770651677247)</t>
  </si>
  <si>
    <t>POINT (4.720866277988645 51.79839663589257)</t>
  </si>
  <si>
    <t>POINT (4.67935054747767 51.78534858415474)</t>
  </si>
  <si>
    <t>POINT (4.674301215391394 51.80594071113303)</t>
  </si>
  <si>
    <t>POINT (4.667657871998341 51.795192950648364)</t>
  </si>
  <si>
    <t>POINT (4.691541412129649 51.806950505105085)</t>
  </si>
  <si>
    <t>POINT (4.6852541581416505 51.81145827191437)</t>
  </si>
  <si>
    <t>POINT (4.706383748042056 51.79298441955457)</t>
  </si>
  <si>
    <t>POINT (4.709044336198385 51.79686793802684)</t>
  </si>
  <si>
    <t>POINT (4.652441461645312 51.79057179805682)</t>
  </si>
  <si>
    <t>POINT (4.631425185347205 51.76952413018384)</t>
  </si>
  <si>
    <t>POINT (4.671107624120253 51.80582077150821)</t>
  </si>
  <si>
    <t>POINT (4.658049994884077 51.81122260424006)</t>
  </si>
  <si>
    <t>POINT (4.667122563776339 51.77216672719534)</t>
  </si>
  <si>
    <t>POINT (4.652510460267185 51.785594333293474)</t>
  </si>
  <si>
    <t>POINT (4.6558700102615935 51.78486072415496)</t>
  </si>
  <si>
    <t>POINT (4.65949410258574 51.81005672009508)</t>
  </si>
  <si>
    <t>POINT (4.673921278650833 51.8079913173879)</t>
  </si>
  <si>
    <t>POINT (4.667866984275785 51.80247025524172)</t>
  </si>
  <si>
    <t>POINT (4.715700733943932 51.80320694492383)</t>
  </si>
  <si>
    <t>POINT (4.694352942787561 51.791308410189096)</t>
  </si>
  <si>
    <t>POINT (4.655405761192076 51.79022378538271)</t>
  </si>
  <si>
    <t>POINT (4.663331553921363 51.79302680143045)</t>
  </si>
  <si>
    <t>POINT (4.665323017186372 51.788408758179116)</t>
  </si>
  <si>
    <t>POINT (4.703766395382796 51.792292399603305)</t>
  </si>
  <si>
    <t>POINT (4.664590278760032 51.788732918822646)</t>
  </si>
  <si>
    <t>POINT (4.630463839977573 51.72412538391888)</t>
  </si>
  <si>
    <t>POINT (4.705470454911285 51.79018464695546)</t>
  </si>
  <si>
    <t>POINT (4.665993022713408 51.81039385507984)</t>
  </si>
  <si>
    <t>POINT (4.6652383130007165 51.788416946957646)</t>
  </si>
  <si>
    <t>POINT (4.66315190938165 51.78821492042577)</t>
  </si>
  <si>
    <t>POINT (4.680169029989266 51.79980527180547)</t>
  </si>
  <si>
    <t>POINT (4.731580952642834 51.803691971008575)</t>
  </si>
  <si>
    <t>POINT (4.656854100027752 51.80075460226763)</t>
  </si>
  <si>
    <t>POINT (4.67128587852847 51.8107491922747)</t>
  </si>
  <si>
    <t>POINT (4.75635857884751 51.78774254550241)</t>
  </si>
  <si>
    <t>POINT (4.6666015839636 51.772613421675196)</t>
  </si>
  <si>
    <t>POINT (4.66391270821398 51.788587036133215)</t>
  </si>
  <si>
    <t>POINT (4.682199959268913 51.80855232655863)</t>
  </si>
  <si>
    <t>POINT (4.6547385838989275 51.812121641698624)</t>
  </si>
  <si>
    <t>POINT (4.664116566569137 51.801409458195565)</t>
  </si>
  <si>
    <t>POINT (4.673164243539042 51.80412235406959)</t>
  </si>
  <si>
    <t>POINT (4.678401767351829 51.80574525793817)</t>
  </si>
  <si>
    <t>POINT (4.667623455444122 51.79900786472223)</t>
  </si>
  <si>
    <t>POINT (4.670625287268705 51.79985067035701)</t>
  </si>
  <si>
    <t>POINT (4.692656291706097 51.79610976437402)</t>
  </si>
  <si>
    <t>POINT (4.681923290474143 51.78103148449288)</t>
  </si>
  <si>
    <t>POINT (4.675304659814918 51.81761450369992)</t>
  </si>
  <si>
    <t>POINT (4.692343779104562 51.818070128849435)</t>
  </si>
  <si>
    <t>POINT (4.668139227215572 51.79200882461197)</t>
  </si>
  <si>
    <t>POINT (4.6824410316120355 51.81458160105893)</t>
  </si>
  <si>
    <t>POINT (4.674390959912806 51.78848339100492)</t>
  </si>
  <si>
    <t>POINT (4.678287000453376 51.805050872544186)</t>
  </si>
  <si>
    <t>POINT (4.71661451282328 51.795304305955284)</t>
  </si>
  <si>
    <t>POINT (4.64959782595941 51.79455122492222)</t>
  </si>
  <si>
    <t>POINT (4.648398129400772 51.790590376345605)</t>
  </si>
  <si>
    <t>POINT (4.65478969138921 51.79188003869269)</t>
  </si>
  <si>
    <t>POINT (4.724266971846997 51.799152051974005)</t>
  </si>
  <si>
    <t>POINT (4.683069273487449 51.77709308564188)</t>
  </si>
  <si>
    <t>POINT (4.654877065086769 51.8121937143642)</t>
  </si>
  <si>
    <t>POINT (4.703401862075873 51.79621065556805)</t>
  </si>
  <si>
    <t>POINT (4.6850514128016645 51.8131315840064)</t>
  </si>
  <si>
    <t>POINT (4.721586415441649 51.81103447502572)</t>
  </si>
  <si>
    <t>POINT (4.681277962012747 51.81807958661502)</t>
  </si>
  <si>
    <t>POINT (4.666049227436368 51.796014806612575)</t>
  </si>
  <si>
    <t>POINT (4.68016730674849 51.77313553671532)</t>
  </si>
  <si>
    <t>POINT (4.6685685883773385 51.81184885123169)</t>
  </si>
  <si>
    <t>POINT (4.730010195042998 51.7955282040643)</t>
  </si>
  <si>
    <t>POINT (4.7134650558249005 51.81049766459814)</t>
  </si>
  <si>
    <t>POINT (4.659708323488671 51.76977246725327)</t>
  </si>
  <si>
    <t>POINT (4.675985509453084 51.8085945195543)</t>
  </si>
  <si>
    <t>POINT (4.728017338228978 51.79838048274865)</t>
  </si>
  <si>
    <t>POINT (4.662869559222142 51.79357060677005)</t>
  </si>
  <si>
    <t>POINT (4.677265960554569 51.80349458387001)</t>
  </si>
  <si>
    <t>POINT (4.678077908902153 51.781352602939336)</t>
  </si>
  <si>
    <t>POINT (4.669422690109445 51.80615027586152)</t>
  </si>
  <si>
    <t>POINT (4.705628823725118 51.79138007135739)</t>
  </si>
  <si>
    <t>POINT (4.692135068284046 51.81098633628345)</t>
  </si>
  <si>
    <t>POINT (4.709518408816441 51.80396564791706)</t>
  </si>
  <si>
    <t>POINT (4.686315518197659 51.77815728570746)</t>
  </si>
  <si>
    <t>POINT (4.674687416298447 51.80557912324422)</t>
  </si>
  <si>
    <t>POINT (4.664213595045916 51.81483423467683)</t>
  </si>
  <si>
    <t>POINT (4.676703264015507 51.81544627485783)</t>
  </si>
  <si>
    <t>POINT (4.678192505803842 51.81742926409295)</t>
  </si>
  <si>
    <t>POINT (4.682056882312762 51.813278391140614)</t>
  </si>
  <si>
    <t>POINT (4.6711709566709905 51.81205490522514)</t>
  </si>
  <si>
    <t>POINT (4.676687113340189 51.818403384989864)</t>
  </si>
  <si>
    <t>POINT (4.631540213642569 51.72350690699329)</t>
  </si>
  <si>
    <t>POINT (4.696642362392121 51.79334676067249)</t>
  </si>
  <si>
    <t>POINT (4.705653911269249 51.79187153769393)</t>
  </si>
  <si>
    <t>POINT (4.702789923520471 51.79520139051121)</t>
  </si>
  <si>
    <t>POINT (4.671969492012329 51.778376926391324)</t>
  </si>
  <si>
    <t>POINT (4.63821211832518 51.768521607654776)</t>
  </si>
  <si>
    <t>POINT (4.681295609428572 51.802359824094516)</t>
  </si>
  <si>
    <t>POINT (4.684182408857501 51.807844245884375)</t>
  </si>
  <si>
    <t>POINT (4.720821870639712 51.81134006421209)</t>
  </si>
  <si>
    <t>POINT (4.659898157646064 51.81264683386797)</t>
  </si>
  <si>
    <t>POINT (4.681665947466762 51.819111040248735)</t>
  </si>
  <si>
    <t>POINT (4.677589210834509 51.80731503690443)</t>
  </si>
  <si>
    <t>POINT (4.676608789789986 51.77415443719572)</t>
  </si>
  <si>
    <t>POINT (4.661761606590595 51.81402146567457)</t>
  </si>
  <si>
    <t>POINT (4.703661763837933 51.815642971658114)</t>
  </si>
  <si>
    <t>POINT (4.66700957654916 51.810623125454114)</t>
  </si>
  <si>
    <t>POINT (4.650425626912974 51.79414913906602)</t>
  </si>
  <si>
    <t>POINT (4.680370507296494 51.816371537490284)</t>
  </si>
  <si>
    <t>POINT (4.72087182811852 51.81126548153972)</t>
  </si>
  <si>
    <t>POINT (4.6580726446908995 51.79908871006036)</t>
  </si>
  <si>
    <t>POINT (4.711129562931074 51.79899793368713)</t>
  </si>
  <si>
    <t>POINT (4.653691609539789 51.78527815830688)</t>
  </si>
  <si>
    <t>POINT (4.6292742144756955 51.720990474349016)</t>
  </si>
  <si>
    <t>POINT (4.664957246698233 51.79973480231913)</t>
  </si>
  <si>
    <t>POINT (4.715768748776902 51.80402393477756)</t>
  </si>
  <si>
    <t>POINT (4.65532619312241 51.80683036654399)</t>
  </si>
  <si>
    <t>POINT (4.6677945617689796 51.79486728353002)</t>
  </si>
  <si>
    <t>POINT (4.670015631188739 51.789222919989236)</t>
  </si>
  <si>
    <t>POINT (4.708139590685281 51.786445749102384)</t>
  </si>
  <si>
    <t>POINT (4.675292799617994 51.80772582419991)</t>
  </si>
  <si>
    <t>POINT (4.7169675764716334 51.79567066059202)</t>
  </si>
  <si>
    <t>POINT (4.728573843264793 51.80554151297951)</t>
  </si>
  <si>
    <t>POINT (4.683964090452218 51.777904776554685)</t>
  </si>
  <si>
    <t>POINT (4.657443926950788 51.81113353420286)</t>
  </si>
  <si>
    <t>POINT (4.70882266193955 51.80900818821464)</t>
  </si>
  <si>
    <t>POINT (4.733250797948192 51.79321164627519)</t>
  </si>
  <si>
    <t>POINT (4.70837319321474 51.81854676339546)</t>
  </si>
  <si>
    <t>POINT (4.637089285993997 51.778448638118206)</t>
  </si>
  <si>
    <t>POINT (4.6540210488751095 51.794117947369024)</t>
  </si>
  <si>
    <t>POINT (4.711257737119624 51.80421956950552)</t>
  </si>
  <si>
    <t>POINT (4.652841938260554 51.78854961583654)</t>
  </si>
  <si>
    <t>POINT (4.725954238410246 51.798060940592876)</t>
  </si>
  <si>
    <t>POINT (4.686569040135492 51.78174024718424)</t>
  </si>
  <si>
    <t>POINT (4.679362060411771 51.81457710177394)</t>
  </si>
  <si>
    <t>POINT (4.6666585947301655 51.781691645861045)</t>
  </si>
  <si>
    <t>POINT (4.685171090093606 51.812030334895624)</t>
  </si>
  <si>
    <t>POINT (4.710766307380835 51.800811880917)</t>
  </si>
  <si>
    <t>POINT (4.712546215260819 51.80898025318715)</t>
  </si>
  <si>
    <t>POINT (4.655662832677871 51.80663601784032)</t>
  </si>
  <si>
    <t>POINT (4.653500588542561 51.79025957934384)</t>
  </si>
  <si>
    <t>POINT (4.69342844184199 51.7911148584338)</t>
  </si>
  <si>
    <t>POINT (4.666328535497237 51.815806759181214)</t>
  </si>
  <si>
    <t>POINT (4.655524685695164 51.79170674753561)</t>
  </si>
  <si>
    <t>POINT (4.714124169925942 51.799782026831714)</t>
  </si>
  <si>
    <t>POINT (4.7192596373486095 51.80058345432811)</t>
  </si>
  <si>
    <t>POINT (4.660674507077498 51.81292195950607)</t>
  </si>
  <si>
    <t>POINT (4.6708599104075805 51.81684200094486)</t>
  </si>
  <si>
    <t>POINT (4.693095547860055 51.818069939208385)</t>
  </si>
  <si>
    <t>POINT (4.70716999396364 51.78993556547221)</t>
  </si>
  <si>
    <t>POINT (4.683598104389719 51.77464842897748)</t>
  </si>
  <si>
    <t>POINT (4.662118305231284 51.77318301800168)</t>
  </si>
  <si>
    <t>POINT (4.657241467108028 51.782605818082295)</t>
  </si>
  <si>
    <t>POINT (4.676817591239832 51.78657351443835)</t>
  </si>
  <si>
    <t>POINT (4.728953931004817 51.79362114795731)</t>
  </si>
  <si>
    <t>POINT (4.677194200875804 51.77346417112528)</t>
  </si>
  <si>
    <t>POINT (4.680802361074326 51.798432739836805)</t>
  </si>
  <si>
    <t>POINT (4.664087923299466 51.79666721493471)</t>
  </si>
  <si>
    <t>POINT (4.663934620300195 51.81286012081501)</t>
  </si>
  <si>
    <t>POINT (4.728676749711979 51.79826199402332)</t>
  </si>
  <si>
    <t>POINT (4.679072806432213 51.8163471394313)</t>
  </si>
  <si>
    <t>POINT (4.678171369431416 51.815554927971846)</t>
  </si>
  <si>
    <t>POINT (4.731453560728461 51.79714388996162)</t>
  </si>
  <si>
    <t>POINT (4.659913989313324 51.7825866261727)</t>
  </si>
  <si>
    <t>POINT (4.708278721425988 51.808464429220656)</t>
  </si>
  <si>
    <t>POINT (4.66559059406812 51.78707837726377)</t>
  </si>
  <si>
    <t>POINT (4.69720772204888 51.81746387635621)</t>
  </si>
  <si>
    <t>POINT (4.668105933363798 51.8030332791723)</t>
  </si>
  <si>
    <t>POINT (4.720624585606935 51.804625293383424)</t>
  </si>
  <si>
    <t>POINT (4.7078037759895075 51.80996644296653)</t>
  </si>
  <si>
    <t>POINT (4.721281436846845 51.7948575995423)</t>
  </si>
  <si>
    <t>POINT (4.651134857695039 51.80281842525695)</t>
  </si>
  <si>
    <t>POINT (4.675436354427846 51.81663972659347)</t>
  </si>
  <si>
    <t>POINT (4.6648188278567835 51.77793914624992)</t>
  </si>
  <si>
    <t>POINT (4.666411041224977 51.78794640896877)</t>
  </si>
  <si>
    <t>POINT (4.669084239014284 51.77629160510923)</t>
  </si>
  <si>
    <t>POINT (4.7049634099482285 51.79308368192691)</t>
  </si>
  <si>
    <t>POINT (4.685835778596716 51.807216034225796)</t>
  </si>
  <si>
    <t>POINT (4.6718981752370095 51.792440762975694)</t>
  </si>
  <si>
    <t>POINT (4.697628141891337 51.79328022717908)</t>
  </si>
  <si>
    <t>POINT (4.681585177766915 51.803092632841725)</t>
  </si>
  <si>
    <t>POINT (4.67977640987048 51.780259873705795)</t>
  </si>
  <si>
    <t>POINT (4.680572504753126 51.77842428086169)</t>
  </si>
  <si>
    <t>POINT (4.7279213915197715 51.79974352972756)</t>
  </si>
  <si>
    <t>POINT (4.729942541826074 51.80162377795489)</t>
  </si>
  <si>
    <t>POINT (4.682508819669847 51.800583026251985)</t>
  </si>
  <si>
    <t>POINT (4.759159098629557 51.78881172245883)</t>
  </si>
  <si>
    <t>POINT (4.682490333372405 51.80191366185869)</t>
  </si>
  <si>
    <t>POINT (4.656571053339265 51.7701865709633)</t>
  </si>
  <si>
    <t>POINT (4.692235355606534 51.7921042546426)</t>
  </si>
  <si>
    <t>POINT (4.684251578087406 51.80127619726324)</t>
  </si>
  <si>
    <t>POINT (4.677837709281144 51.80760020397849)</t>
  </si>
  <si>
    <t>POINT (4.669474686176942 51.8061284278226)</t>
  </si>
  <si>
    <t>POINT (4.6362754148867715 51.776031130758916)</t>
  </si>
  <si>
    <t>POINT (4.664799313906602 51.801501267605914)</t>
  </si>
  <si>
    <t>POINT (4.664913012187706 51.7749035893526)</t>
  </si>
  <si>
    <t>POINT (4.6731677390361135 51.800350364162206)</t>
  </si>
  <si>
    <t>POINT (4.678676270894855 51.78974638476554)</t>
  </si>
  <si>
    <t>POINT (4.673264577209288 51.805284589807215)</t>
  </si>
  <si>
    <t>POINT (4.682038486444889 51.81925815836835)</t>
  </si>
  <si>
    <t>POINT (4.668765249547376 51.813035293287925)</t>
  </si>
  <si>
    <t>POINT (4.663537158637991 51.81463762681603)</t>
  </si>
  <si>
    <t>POINT (4.658640455801881 51.801957969017835)</t>
  </si>
  <si>
    <t>POINT (4.719481977629593 51.797812090140695)</t>
  </si>
  <si>
    <t>POINT (4.67265379362484 51.81297029843874)</t>
  </si>
  <si>
    <t>POINT (4.694188627448912 51.79163866341314)</t>
  </si>
  <si>
    <t>POINT (4.663434846447272 51.80315008585156)</t>
  </si>
  <si>
    <t>POINT (4.652577071259787 51.787723584337094)</t>
  </si>
  <si>
    <t>POINT (4.6771656831695925 51.815206091864994)</t>
  </si>
  <si>
    <t>POINT (4.684082531691939 51.77834974410963)</t>
  </si>
  <si>
    <t>POINT (4.655041489016704 51.794124392118924)</t>
  </si>
  <si>
    <t>POINT (4.6731986772507765 51.807930159291836)</t>
  </si>
  <si>
    <t>POINT (4.682534706590215 51.78701380965924)</t>
  </si>
  <si>
    <t>POINT (4.683908461467385 51.781321990889495)</t>
  </si>
  <si>
    <t>POINT (4.654218093572852 51.78137894295066)</t>
  </si>
  <si>
    <t>POINT (4.659122965462176 51.80426865864974)</t>
  </si>
  <si>
    <t>POINT (4.720771486099046 51.79530056808046)</t>
  </si>
  <si>
    <t>POINT (4.65421848808971 51.791090740980074)</t>
  </si>
  <si>
    <t>POINT (4.669367581365751 51.798095895504304)</t>
  </si>
  <si>
    <t>POINT (4.680033269871952 51.80204863918739)</t>
  </si>
  <si>
    <t>POINT (4.656502039716724 51.78454719048938)</t>
  </si>
  <si>
    <t>POINT (4.634013934362805 51.78180062391998)</t>
  </si>
  <si>
    <t>POINT (4.652390325031818 51.7927368585493)</t>
  </si>
  <si>
    <t>POINT (4.721812102204262 51.804000383489296)</t>
  </si>
  <si>
    <t>POINT (4.678129935623968 51.8081072055446)</t>
  </si>
  <si>
    <t>POINT (4.68967761220282 51.818115804661474)</t>
  </si>
  <si>
    <t>POINT (4.655975109783896 51.79725461693444)</t>
  </si>
  <si>
    <t>POINT (4.6690797485861335 51.79101561767794)</t>
  </si>
  <si>
    <t>POINT (4.680052638392437 51.77423615075495)</t>
  </si>
  <si>
    <t>POINT (4.6596032121300945 51.7713175976411)</t>
  </si>
  <si>
    <t>3313LG</t>
  </si>
  <si>
    <t>POINT (4.720281267016071 51.8086100474079)</t>
  </si>
  <si>
    <t>POINT (4.659263716278744 51.81359692306836)</t>
  </si>
  <si>
    <t>POINT (4.659347933398068 51.8068029508899)</t>
  </si>
  <si>
    <t>POINT (4.677901339283861 51.81650539362547)</t>
  </si>
  <si>
    <t>POINT (4.68283106653122 51.81445878455476)</t>
  </si>
  <si>
    <t>POINT (4.708719560528438 51.79739444970119)</t>
  </si>
  <si>
    <t>POINT (4.685407416291574 51.80454671461163)</t>
  </si>
  <si>
    <t>POINT (4.717316642242693 51.80128679512472)</t>
  </si>
  <si>
    <t>POINT (4.665715232561283 51.81300138149294)</t>
  </si>
  <si>
    <t>POINT (4.681837345481286 51.77504176011429)</t>
  </si>
  <si>
    <t>POINT (4.666680232219167 51.80343191827696)</t>
  </si>
  <si>
    <t>POINT (4.628021788249702 51.796500779100555)</t>
  </si>
  <si>
    <t>POINT (4.677992968742404 51.781322399713495)</t>
  </si>
  <si>
    <t>POINT (4.659591744343369 51.80339220263477)</t>
  </si>
  <si>
    <t>POINT (4.65946539636226 51.79786399968034)</t>
  </si>
  <si>
    <t>POINT (4.6616599595059185 51.7868677509592)</t>
  </si>
  <si>
    <t>POINT (4.678750330174178 51.77554070547304)</t>
  </si>
  <si>
    <t>POINT (4.658184251772273 51.81120541605635)</t>
  </si>
  <si>
    <t>POINT (4.656263434444658 51.8008082000323)</t>
  </si>
  <si>
    <t>POINT (4.667791367843992 51.813523209945366)</t>
  </si>
  <si>
    <t>POINT (4.659453497416755 51.781404108912774)</t>
  </si>
  <si>
    <t>POINT (4.667817344586948 51.77994338005828)</t>
  </si>
  <si>
    <t>POINT (4.714820939192961 51.81497678550687)</t>
  </si>
  <si>
    <t>POINT (4.667535367052201 51.795711566061435)</t>
  </si>
  <si>
    <t>POINT (4.663864154080894 51.79227357941329)</t>
  </si>
  <si>
    <t>POINT (4.682135254861699 51.7876848242291)</t>
  </si>
  <si>
    <t>POINT (4.67988435510125 51.80495878743132)</t>
  </si>
  <si>
    <t>POINT (4.654557315715759 51.78719788639899)</t>
  </si>
  <si>
    <t>POINT (4.668865454546382 51.79549073050364)</t>
  </si>
  <si>
    <t>POINT (4.655631398217698 51.791911501693114)</t>
  </si>
  <si>
    <t>POINT (4.6497684175009235 51.79454759624694)</t>
  </si>
  <si>
    <t>POINT (4.685772894879128 51.80786739966438)</t>
  </si>
  <si>
    <t>POINT (4.679731122996308 51.78986293441359)</t>
  </si>
  <si>
    <t>POINT (4.713930954900791 51.8040371072642)</t>
  </si>
  <si>
    <t>POINT (4.697068311824902 51.795974552508795)</t>
  </si>
  <si>
    <t>POINT (4.673754180165227 51.817611650194806)</t>
  </si>
  <si>
    <t>POINT (4.6725290412164915 51.79674127455373)</t>
  </si>
  <si>
    <t>POINT (4.691195389266882 51.79151822068337)</t>
  </si>
  <si>
    <t>POINT (4.6628676260730595 51.79908852310898)</t>
  </si>
  <si>
    <t>POINT (4.676370846568041 51.81429924046436)</t>
  </si>
  <si>
    <t>POINT (4.6662283934835616 51.816203910856444)</t>
  </si>
  <si>
    <t>POINT (4.696939167370089 51.791733017919505)</t>
  </si>
  <si>
    <t>POINT (4.688029306934038 51.80691541112975)</t>
  </si>
  <si>
    <t>POINT (4.662738346173958 51.79694523307019)</t>
  </si>
  <si>
    <t>POINT (4.685150235054959 51.785585459122174)</t>
  </si>
  <si>
    <t>POINT (4.662857571929174 51.79368701733775)</t>
  </si>
  <si>
    <t>POINT (4.726347628484957 51.805945134303904)</t>
  </si>
  <si>
    <t>POINT (4.730193181000867 51.79706199941015)</t>
  </si>
  <si>
    <t>POINT (4.684745030119869 51.79249036331952)</t>
  </si>
  <si>
    <t>POINT (4.650921855184704 51.803109778943586)</t>
  </si>
  <si>
    <t>POINT (4.66012597279846 51.81065651481692)</t>
  </si>
  <si>
    <t>POINT (4.6695583183562475 51.7802910226888)</t>
  </si>
  <si>
    <t>POINT (4.667854350045114 51.792376181077024)</t>
  </si>
  <si>
    <t>POINT (4.679295983122927 51.78519140213483)</t>
  </si>
  <si>
    <t>POINT (4.664271071426173 51.78750370612238)</t>
  </si>
  <si>
    <t>POINT (4.653584030178903 51.802548489717815)</t>
  </si>
  <si>
    <t>POINT (4.675267195372384 51.817648604153874)</t>
  </si>
  <si>
    <t>POINT (4.671581179465325 51.805891435195214)</t>
  </si>
  <si>
    <t>POINT (4.685638494573648 51.78114668973043)</t>
  </si>
  <si>
    <t>POINT (4.678937481060032 51.78838057526043)</t>
  </si>
  <si>
    <t>POINT (4.678624465310463 51.78637339714079)</t>
  </si>
  <si>
    <t>POINT (4.663975044641356 51.80335712745935)</t>
  </si>
  <si>
    <t>POINT (4.653774624196273 51.79444830613789)</t>
  </si>
  <si>
    <t>POINT (4.6779576095762865 51.78780885272237)</t>
  </si>
  <si>
    <t>POINT (4.720912910934404 51.804974135204205)</t>
  </si>
  <si>
    <t>POINT (4.714718625807732 51.80486687186208)</t>
  </si>
  <si>
    <t>POINT (4.655239320139201 51.78861202370653)</t>
  </si>
  <si>
    <t>POINT (4.674924060534731 51.78842787899902)</t>
  </si>
  <si>
    <t>POINT (4.676666297222582 51.80487226231575)</t>
  </si>
  <si>
    <t>POINT (4.682632058884611 51.811372662328125)</t>
  </si>
  <si>
    <t>POINT (4.639750357410353 51.77816010851007)</t>
  </si>
  <si>
    <t>POINT (4.667387439255969 51.78991246279774)</t>
  </si>
  <si>
    <t>POINT (4.674173769339003 51.81911612530061)</t>
  </si>
  <si>
    <t>POINT (4.66902480360599 51.813649091690706)</t>
  </si>
  <si>
    <t>POINT (4.707894139327206 51.796946460632135)</t>
  </si>
  <si>
    <t>POINT (4.66644349279052 51.77527753326225)</t>
  </si>
  <si>
    <t>POINT (4.6570738244019365 51.79723198565309)</t>
  </si>
  <si>
    <t>POINT (4.656993123782428 51.80166876427473)</t>
  </si>
  <si>
    <t>POINT (4.666236632360827 51.78932979527975)</t>
  </si>
  <si>
    <t>POINT (4.7270890099366785 51.7974303592128)</t>
  </si>
  <si>
    <t>POINT (4.7101360196233735 51.79277172826714)</t>
  </si>
  <si>
    <t>POINT (4.690027569156383 51.80661070178017)</t>
  </si>
  <si>
    <t>POINT (4.6672673177810085 51.78916159154979)</t>
  </si>
  <si>
    <t>POINT (4.710879945257927 51.805003800601405)</t>
  </si>
  <si>
    <t>POINT (4.675502423027363 51.8081535005694)</t>
  </si>
  <si>
    <t>POINT (4.679562739784866 51.80843968064474)</t>
  </si>
  <si>
    <t>POINT (4.682865511375875 51.77564536430231)</t>
  </si>
  <si>
    <t>POINT (4.665639325388707 51.8161666189485)</t>
  </si>
  <si>
    <t>POINT (4.671260376607934 51.77351300563832)</t>
  </si>
  <si>
    <t>POINT (4.6793062642470185 51.78526310408676)</t>
  </si>
  <si>
    <t>POINT (4.672690724627016 51.80603619094792)</t>
  </si>
  <si>
    <t>POINT (4.7032004791580455 51.796378684303676)</t>
  </si>
  <si>
    <t>POINT (4.710862873319233 51.809174785253646)</t>
  </si>
  <si>
    <t>POINT (4.682514797043102 51.80383499427145)</t>
  </si>
  <si>
    <t>POINT (4.752181951558379 51.78629543822427)</t>
  </si>
  <si>
    <t>POINT (4.667436774273958 51.787526957144806)</t>
  </si>
  <si>
    <t>POINT (4.668842162558176 51.78944258780725)</t>
  </si>
  <si>
    <t>POINT (4.672019044639309 51.79967430401097)</t>
  </si>
  <si>
    <t>POINT (4.670180092197749 51.8163291086917)</t>
  </si>
  <si>
    <t>POINT (4.672259962597051 51.777826206309534)</t>
  </si>
  <si>
    <t>POINT (4.7274197146235855 51.79167198833343)</t>
  </si>
  <si>
    <t>POINT (4.69771968643044 51.79136696875634)</t>
  </si>
  <si>
    <t>POINT (4.728725377089293 51.8011991346939)</t>
  </si>
  <si>
    <t>POINT (4.696472337751026 51.793311117401835)</t>
  </si>
  <si>
    <t>POINT (4.712183178310241 51.80156022936319)</t>
  </si>
  <si>
    <t>POINT (4.708219358453207 51.79607599365285)</t>
  </si>
  <si>
    <t>POINT (4.6970252141995665 51.79290384055671)</t>
  </si>
  <si>
    <t>POINT (4.6862248973993434 51.810232996110706)</t>
  </si>
  <si>
    <t>POINT (4.665443987699699 51.77365420829197)</t>
  </si>
  <si>
    <t>POINT (4.66651469024083 51.801102498536224)</t>
  </si>
  <si>
    <t>POINT (4.632889285478261 51.76585796540366)</t>
  </si>
  <si>
    <t>POINT (4.7068496094633865 51.79823285178859)</t>
  </si>
  <si>
    <t>POINT (4.680289889394434 51.80795001906468)</t>
  </si>
  <si>
    <t>POINT (4.687599491431547 51.81013823400729)</t>
  </si>
  <si>
    <t>POINT (4.660994177382132 51.80913501879551)</t>
  </si>
  <si>
    <t>POINT (4.669461231167972 51.80275679786726)</t>
  </si>
  <si>
    <t>POINT (4.653277427059797 51.80189632070934)</t>
  </si>
  <si>
    <t>POINT (4.667156407986742 51.77906958571609)</t>
  </si>
  <si>
    <t>POINT (4.6701374286784505 51.79755687724032)</t>
  </si>
  <si>
    <t>POINT (4.735908762023452 51.80100281758003)</t>
  </si>
  <si>
    <t>POINT (4.684865028085854 51.804752420008896)</t>
  </si>
  <si>
    <t>POINT (4.656562486728735 51.78998992723567)</t>
  </si>
  <si>
    <t>POINT (4.708282671231372 51.79591471694699)</t>
  </si>
  <si>
    <t>POINT (4.656429036218694 51.80656830728148)</t>
  </si>
  <si>
    <t>POINT (4.670073936825231 51.798978059537504)</t>
  </si>
  <si>
    <t>POINT (4.672548609253544 51.78373446223714)</t>
  </si>
  <si>
    <t>POINT (4.661245102430944 51.77395385533096)</t>
  </si>
  <si>
    <t>POINT (4.681157825537402 51.808012879891436)</t>
  </si>
  <si>
    <t>POINT (4.66065142738101 51.79310276345058)</t>
  </si>
  <si>
    <t>POINT (4.658107981879147 51.79880220811178)</t>
  </si>
  <si>
    <t>POINT (4.726006935591858 51.79714317326784)</t>
  </si>
  <si>
    <t>POINT (4.6595762940032355 51.78236534201323)</t>
  </si>
  <si>
    <t>POINT (4.73467999042437 51.79996179405472)</t>
  </si>
  <si>
    <t>POINT (4.681671601238367 51.788821775603395)</t>
  </si>
  <si>
    <t>POINT (4.732694441287618 51.80130731810876)</t>
  </si>
  <si>
    <t>POINT (4.71546304480162 51.80324754343758)</t>
  </si>
  <si>
    <t>POINT (4.653586664237971 51.78730342394159)</t>
  </si>
  <si>
    <t>POINT (4.661530765999082 51.800558902693496)</t>
  </si>
  <si>
    <t>POINT (4.672016120502797 51.7774910587929)</t>
  </si>
  <si>
    <t>POINT (4.655569460126663 51.79742682839055)</t>
  </si>
  <si>
    <t>POINT (4.660932382245192 51.79072485139956)</t>
  </si>
  <si>
    <t>POINT (4.678519387034656 51.77524184698209)</t>
  </si>
  <si>
    <t>POINT (4.723001650203857 51.80077316204945)</t>
  </si>
  <si>
    <t>POINT (4.670176605095098 51.819374062146046)</t>
  </si>
  <si>
    <t>POINT (4.686116898055108 51.80747215636587)</t>
  </si>
  <si>
    <t>POINT (4.671375631028519 51.785673337224374)</t>
  </si>
  <si>
    <t>POINT (4.6382869516846466 51.776611191142756)</t>
  </si>
  <si>
    <t>POINT (4.654102855723581 51.79102509297237)</t>
  </si>
  <si>
    <t>POINT (4.675221384213208 51.771689336077515)</t>
  </si>
  <si>
    <t>POINT (4.679362084810953 51.7852118008797)</t>
  </si>
  <si>
    <t>POINT (4.733559009326651 51.80027302425001)</t>
  </si>
  <si>
    <t>POINT (4.653512654766995 51.80005213275095)</t>
  </si>
  <si>
    <t>POINT (4.6618605198048995 51.77360004675427)</t>
  </si>
  <si>
    <t>POINT (4.6833972083749424 51.800826783232054)</t>
  </si>
  <si>
    <t>POINT (4.70761486397311 51.79019322384525)</t>
  </si>
  <si>
    <t>POINT (4.6595404025574485 51.8100496544619)</t>
  </si>
  <si>
    <t>POINT (4.677195094525688 51.77228820154621)</t>
  </si>
  <si>
    <t>POINT (4.704278670166147 51.79021002046311)</t>
  </si>
  <si>
    <t>POINT (4.66380314897862 51.81292858621374)</t>
  </si>
  <si>
    <t>POINT (4.7121249319933405 51.79396957620415)</t>
  </si>
  <si>
    <t>POINT (4.654611818950583 51.78740009535153)</t>
  </si>
  <si>
    <t>POINT (4.697663839944782 51.79191777209958)</t>
  </si>
  <si>
    <t>POINT (4.668347608254163 51.81788464203708)</t>
  </si>
  <si>
    <t>POINT (4.668863392153339 51.78954302271504)</t>
  </si>
  <si>
    <t>POINT (4.654715013500977 51.79244235555775)</t>
  </si>
  <si>
    <t>POINT (4.6623172356111855 51.8058098434614)</t>
  </si>
  <si>
    <t>POINT (4.6708337564996105 51.81555451982044)</t>
  </si>
  <si>
    <t>POINT (4.686522519134065 51.81102142545285)</t>
  </si>
  <si>
    <t>POINT (4.668695342636328 51.81839898184332)</t>
  </si>
  <si>
    <t>POINT (4.685983737601485 51.808419835848426)</t>
  </si>
  <si>
    <t>POINT (4.649081804848022 51.77870367902861)</t>
  </si>
  <si>
    <t>POINT (4.6746257306704075 51.776185134750996)</t>
  </si>
  <si>
    <t>POINT (4.658354449294986 51.78792780145867)</t>
  </si>
  <si>
    <t>POINT (4.6536525528294215 51.789708568778)</t>
  </si>
  <si>
    <t>POINT (4.68257631335591 51.802813513199034)</t>
  </si>
  <si>
    <t>POINT (4.702585850050411 51.790144477870044)</t>
  </si>
  <si>
    <t>POINT (4.705904149962442 51.807878157172766)</t>
  </si>
  <si>
    <t>POINT (4.711878585104282 51.80110120590654)</t>
  </si>
  <si>
    <t>POINT (4.665893793322191 51.81196458335984)</t>
  </si>
  <si>
    <t>POINT (4.727520198759757 51.799637375043936)</t>
  </si>
  <si>
    <t>POINT (4.655497117742234 51.80623088886323)</t>
  </si>
  <si>
    <t>POINT (4.70245662171732 51.79542989711747)</t>
  </si>
  <si>
    <t>POINT (4.6537733002438735 51.78518497071395)</t>
  </si>
  <si>
    <t>POINT (4.657592192770245 51.81138425175343)</t>
  </si>
  <si>
    <t>POINT (4.6583211331136996 51.7715666960784)</t>
  </si>
  <si>
    <t>POINT (4.686115926803203 51.78909746131587)</t>
  </si>
  <si>
    <t>POINT (4.662487317385601 51.78741702375115)</t>
  </si>
  <si>
    <t>POINT (4.661577867911954 51.79035443923128)</t>
  </si>
  <si>
    <t>POINT (4.670766732446138 51.778210000246744)</t>
  </si>
  <si>
    <t>POINT (4.675356791696751 51.80766046923871)</t>
  </si>
  <si>
    <t>POINT (4.674347397813138 51.816995585213725)</t>
  </si>
  <si>
    <t>POINT (4.661588863885622 51.80090196499276)</t>
  </si>
  <si>
    <t>POINT (4.668158140000074 51.80415199844157)</t>
  </si>
  <si>
    <t>POINT (4.665605745346419 51.80324884031033)</t>
  </si>
  <si>
    <t>POINT (4.730057707374047 51.79694365127607)</t>
  </si>
  <si>
    <t>POINT (4.678421354723277 51.77349662731086)</t>
  </si>
  <si>
    <t>POINT (4.684347404384749 51.78260037843718)</t>
  </si>
  <si>
    <t>POINT (4.669113018639568 51.81673210828014)</t>
  </si>
  <si>
    <t>POINT (4.657789595326508 51.80165604660766)</t>
  </si>
  <si>
    <t>POINT (4.673349739201855 51.81636675922061)</t>
  </si>
  <si>
    <t>POINT (4.6665615689537265 51.78188507110513)</t>
  </si>
  <si>
    <t>POINT (4.651766399615317 51.783137062410475)</t>
  </si>
  <si>
    <t>POINT (4.657876936727136 51.77216220627322)</t>
  </si>
  <si>
    <t>POINT (4.6525131358555445 51.785641855427926)</t>
  </si>
  <si>
    <t>POINT (4.658025124218466 51.81040040726852)</t>
  </si>
  <si>
    <t>POINT (4.6663965876341615 51.81511712555383)</t>
  </si>
  <si>
    <t>POINT (4.675746147405964 51.805285163702244)</t>
  </si>
  <si>
    <t>POINT (4.675870715561164 51.77466515092)</t>
  </si>
  <si>
    <t>POINT (4.663874952752537 51.8131714625048)</t>
  </si>
  <si>
    <t>POINT (4.699281676861907 51.796925366072124)</t>
  </si>
  <si>
    <t>POINT (4.676308577191169 51.81558196860687)</t>
  </si>
  <si>
    <t>POINT (4.685015554506854 51.7769778604043)</t>
  </si>
  <si>
    <t>POINT (4.6677326542332676 51.81801289037351)</t>
  </si>
  <si>
    <t>POINT (4.662373927194745 51.81354235032993)</t>
  </si>
  <si>
    <t>POINT (4.674429491305694 51.81807856195372)</t>
  </si>
  <si>
    <t>POINT (4.670231621891945 51.786150410113684)</t>
  </si>
  <si>
    <t>POINT (4.679003200804364 51.78107260425919)</t>
  </si>
  <si>
    <t>POINT (4.667548068068241 51.79576958509928)</t>
  </si>
  <si>
    <t>POINT (4.672813511002428 51.81121264584507)</t>
  </si>
  <si>
    <t>POINT (4.665170122026082 51.77810340285132)</t>
  </si>
  <si>
    <t>POINT (4.670116058553361 51.79322918519722)</t>
  </si>
  <si>
    <t>POINT (4.652918166779291 51.80768270468974)</t>
  </si>
  <si>
    <t>POINT (4.674251118069477 51.79701522834415)</t>
  </si>
  <si>
    <t>POINT (4.717225646755532 51.80043021461285)</t>
  </si>
  <si>
    <t>POINT (4.6542895987140085 51.80229391671662)</t>
  </si>
  <si>
    <t>POINT (4.666859451344774 51.81188800782268)</t>
  </si>
  <si>
    <t>POINT (4.668521279514293 51.77943008943773)</t>
  </si>
  <si>
    <t>POINT (4.672189953899702 51.818858584648325)</t>
  </si>
  <si>
    <t>POINT (4.669160803425335 51.81281332990084)</t>
  </si>
  <si>
    <t>POINT (4.693343573870673 51.796782597277556)</t>
  </si>
  <si>
    <t>POINT (4.68550367589765 51.78914106320788)</t>
  </si>
  <si>
    <t>POINT (4.718021156584757 51.814088393294256)</t>
  </si>
  <si>
    <t>POINT (4.695854295033396 51.79172816677213)</t>
  </si>
  <si>
    <t>POINT (4.668585950414107 51.79959445122901)</t>
  </si>
  <si>
    <t>POINT (4.672656396440365 51.80600462040606)</t>
  </si>
  <si>
    <t>POINT (4.682474934634727 51.785297140668554)</t>
  </si>
  <si>
    <t>POINT (4.697086071369794 51.79775390116025)</t>
  </si>
  <si>
    <t>POINT (4.660516916955606 51.796159850877594)</t>
  </si>
  <si>
    <t>POINT (4.670465068536796 51.81260151195036)</t>
  </si>
  <si>
    <t>POINT (4.66395387650177 51.79223042053186)</t>
  </si>
  <si>
    <t>POINT (4.676992501638373 51.807638974190205)</t>
  </si>
  <si>
    <t>POINT (4.664322828781387 51.812183265186)</t>
  </si>
  <si>
    <t>3311EW</t>
  </si>
  <si>
    <t>Zakkendragersstraat</t>
  </si>
  <si>
    <t>POINT (4.669979339359975 51.816903471544144)</t>
  </si>
  <si>
    <t>POINT (4.666872195718946 51.80397307432935)</t>
  </si>
  <si>
    <t>POINT (4.683174569798147 51.80374903211255)</t>
  </si>
  <si>
    <t>POINT (4.7229588567715135 51.80044995778695)</t>
  </si>
  <si>
    <t>POINT (4.6920696660243255 51.819203133992964)</t>
  </si>
  <si>
    <t>POINT (4.659858123350958 51.80874337468606)</t>
  </si>
  <si>
    <t>POINT (4.683497793638345 51.7811249045905)</t>
  </si>
  <si>
    <t>POINT (4.663647095474871 51.813454333833434)</t>
  </si>
  <si>
    <t>POINT (4.725921587744873 51.79320885532282)</t>
  </si>
  <si>
    <t>POINT (4.673741756281239 51.81005008898029)</t>
  </si>
  <si>
    <t>POINT (4.732097363998958 51.79578745097432)</t>
  </si>
  <si>
    <t>POINT (4.721879889389915 51.80439125245134)</t>
  </si>
  <si>
    <t>POINT (4.658091360740185 51.792156181105724)</t>
  </si>
  <si>
    <t>POINT (4.707581353675402 51.80815623453174)</t>
  </si>
  <si>
    <t>POINT (4.659818419164424 51.80877671930569)</t>
  </si>
  <si>
    <t>POINT (4.673837881318215 51.81187691122622)</t>
  </si>
  <si>
    <t>POINT (4.666399166157181 51.81452500336713)</t>
  </si>
  <si>
    <t>POINT (4.678079288209017 51.80653495116634)</t>
  </si>
  <si>
    <t>POINT (4.668486535298049 51.80936003975265)</t>
  </si>
  <si>
    <t>POINT (4.651032043993527 51.79370903841503)</t>
  </si>
  <si>
    <t>POINT (4.700646150460712 51.817341768852366)</t>
  </si>
  <si>
    <t>POINT (4.662643929752343 51.79994128366255)</t>
  </si>
  <si>
    <t>POINT (4.711933184310915 51.79397129514439)</t>
  </si>
  <si>
    <t>POINT (4.734083720909466 51.79169023894256)</t>
  </si>
  <si>
    <t>POINT (4.704788209314691 51.79533600464775)</t>
  </si>
  <si>
    <t>POINT (4.677641058389537 51.790785872250645)</t>
  </si>
  <si>
    <t>POINT (4.661983932689687 51.81597386867104)</t>
  </si>
  <si>
    <t>POINT (4.703296234934898 51.81631215902257)</t>
  </si>
  <si>
    <t>POINT (4.717322148906221 51.81377682329993)</t>
  </si>
  <si>
    <t>POINT (4.6632259311202535 51.81495387950089)</t>
  </si>
  <si>
    <t>POINT (4.663754032339979 51.803931373726044)</t>
  </si>
  <si>
    <t>POINT (4.682469108133543 51.79879517329513)</t>
  </si>
  <si>
    <t>POINT (4.666019780305499 51.81035740862844)</t>
  </si>
  <si>
    <t>POINT (4.703150961694439 51.815605586928676)</t>
  </si>
  <si>
    <t>POINT (4.659092795515469 51.787342565401595)</t>
  </si>
  <si>
    <t>POINT (4.68391381100107 51.80952378692898)</t>
  </si>
  <si>
    <t>POINT (4.669566216767717 51.809394242810804)</t>
  </si>
  <si>
    <t>POINT (4.659056827295862 51.80769752399178)</t>
  </si>
  <si>
    <t>POINT (4.6974978836482695 51.79498968214163)</t>
  </si>
  <si>
    <t>POINT (4.718901636489101 51.81254053403575)</t>
  </si>
  <si>
    <t>POINT (4.6603668852725795 51.796395045669286)</t>
  </si>
  <si>
    <t>POINT (4.6734846531048975 51.81796395814799)</t>
  </si>
  <si>
    <t>POINT (4.666210686955945 51.801751259219174)</t>
  </si>
  <si>
    <t>POINT (4.656664477165697 51.8028697388123)</t>
  </si>
  <si>
    <t>POINT (4.689319522683384 51.818544537980216)</t>
  </si>
  <si>
    <t>POINT (4.691005793073095 51.81899879907469)</t>
  </si>
  <si>
    <t>POINT (4.685389900418301 51.801771285328286)</t>
  </si>
  <si>
    <t>POINT (4.671377952779532 51.777655623139346)</t>
  </si>
  <si>
    <t>POINT (4.672026599289373 51.80481061024633)</t>
  </si>
  <si>
    <t>POINT (4.734547853520531 51.80251591688798)</t>
  </si>
  <si>
    <t>POINT (4.664051473348098 51.78698930416542)</t>
  </si>
  <si>
    <t>POINT (4.641715992754114 51.769681693372306)</t>
  </si>
  <si>
    <t>POINT (4.730733325497392 51.80202390270843)</t>
  </si>
  <si>
    <t>POINT (4.67171943465342 51.78243351497507)</t>
  </si>
  <si>
    <t>3311KW</t>
  </si>
  <si>
    <t>Visbrug</t>
  </si>
  <si>
    <t>POINT (4.665348617135023 51.81440374274702)</t>
  </si>
  <si>
    <t>POINT (4.676410290679314 51.80411184261974)</t>
  </si>
  <si>
    <t>POINT (4.717567591076531 51.81345414778358)</t>
  </si>
  <si>
    <t>POINT (4.6646679256646495 51.81271814953303)</t>
  </si>
  <si>
    <t>POINT (4.685650631169749 51.80294803266686)</t>
  </si>
  <si>
    <t>POINT (4.66320662946448 51.8110290687203)</t>
  </si>
  <si>
    <t>POINT (4.66921051908832 51.79842098123441)</t>
  </si>
  <si>
    <t>POINT (4.713632520849768 51.8057679204091)</t>
  </si>
  <si>
    <t>POINT (4.722176396102269 51.81281142111439)</t>
  </si>
  <si>
    <t>POINT (4.676014185073902 51.81538885218922)</t>
  </si>
  <si>
    <t>POINT (4.660737289979936 51.81305852672331)</t>
  </si>
  <si>
    <t>POINT (4.671861841179331 51.817894707907364)</t>
  </si>
  <si>
    <t>POINT (4.716684982286927 51.812822052011995)</t>
  </si>
  <si>
    <t>POINT (4.6662744083194445 51.78739662017955)</t>
  </si>
  <si>
    <t>POINT (4.685538091716618 51.777892297829226)</t>
  </si>
  <si>
    <t>POINT (4.666169276802737 51.79856563714214)</t>
  </si>
  <si>
    <t>POINT (4.659368817664567 51.79815589287474)</t>
  </si>
  <si>
    <t>POINT (4.673883231734317 51.80642834156017)</t>
  </si>
  <si>
    <t>POINT (4.667196135938468 51.80404293613351)</t>
  </si>
  <si>
    <t>POINT (4.729806264050689 51.805553196902565)</t>
  </si>
  <si>
    <t>POINT (4.728068962618736 51.80242604777527)</t>
  </si>
  <si>
    <t>POINT (4.658477337515803 51.79576191731768)</t>
  </si>
  <si>
    <t>POINT (4.651803746555234 51.76520346672247)</t>
  </si>
  <si>
    <t>POINT (4.68032888714765 51.787480255939876)</t>
  </si>
  <si>
    <t>POINT (4.685747463317823 51.776642350268645)</t>
  </si>
  <si>
    <t>POINT (4.689173828875886 51.808075632536514)</t>
  </si>
  <si>
    <t>POINT (4.713753941837194 51.81594848735324)</t>
  </si>
  <si>
    <t>POINT (4.6658113630568145 51.81677096047269)</t>
  </si>
  <si>
    <t>POINT (4.661223660249987 51.80112956478104)</t>
  </si>
  <si>
    <t>POINT (4.677307715835844 51.78994881503245)</t>
  </si>
  <si>
    <t>POINT (4.680710036693179 51.80150399329139)</t>
  </si>
  <si>
    <t>POINT (4.675576898567738 51.803196417700704)</t>
  </si>
  <si>
    <t>POINT (4.677637540468767 51.80452199023592)</t>
  </si>
  <si>
    <t>POINT (4.667289711191676 51.7875411287626)</t>
  </si>
  <si>
    <t>POINT (4.684154932574522 51.80472017681338)</t>
  </si>
  <si>
    <t>POINT (4.669423301465489 51.80573747434082)</t>
  </si>
  <si>
    <t>POINT (4.662567428087926 51.80291158336645)</t>
  </si>
  <si>
    <t>POINT (4.685602160500242 51.81353111612396)</t>
  </si>
  <si>
    <t>POINT (4.670290126204754 51.811349723043456)</t>
  </si>
  <si>
    <t>POINT (4.651723241000557 51.790831538610604)</t>
  </si>
  <si>
    <t>POINT (4.657869901530164 51.799385146680834)</t>
  </si>
  <si>
    <t>POINT (4.670107708294653 51.7856494583209)</t>
  </si>
  <si>
    <t>POINT (4.7042414106669765 51.81677368394834)</t>
  </si>
  <si>
    <t>POINT (4.706874938008539 51.80898368106743)</t>
  </si>
  <si>
    <t>POINT (4.682391202764855 51.779454811931345)</t>
  </si>
  <si>
    <t>POINT (4.707388663529338 51.7894158046706)</t>
  </si>
  <si>
    <t>POINT (4.700041372285213 51.79013051800666)</t>
  </si>
  <si>
    <t>POINT (4.68409621613552 51.78794613803633)</t>
  </si>
  <si>
    <t>POINT (4.684174905064567 51.78871250885177)</t>
  </si>
  <si>
    <t>POINT (4.666998584176432 51.81357086811747)</t>
  </si>
  <si>
    <t>POINT (4.6978295239215155 51.790764051696016)</t>
  </si>
  <si>
    <t>POINT (4.727496947621912 51.80072449244503)</t>
  </si>
  <si>
    <t>POINT (4.728189417962319 51.80080863438638)</t>
  </si>
  <si>
    <t>POINT (4.719558874878579 51.80575261249131)</t>
  </si>
  <si>
    <t>POINT (4.70367964164823 51.79332748764058)</t>
  </si>
  <si>
    <t>POINT (4.671151276675093 51.77760440608153)</t>
  </si>
  <si>
    <t>POINT (4.677361280095649 51.808741994558495)</t>
  </si>
  <si>
    <t>POINT (4.728215226203212 51.80541847656549)</t>
  </si>
  <si>
    <t>POINT (4.686757103980568 51.78258226259608)</t>
  </si>
  <si>
    <t>POINT (4.63035343074285 51.72442822261732)</t>
  </si>
  <si>
    <t>POINT (4.720379227377229 51.80057953049732)</t>
  </si>
  <si>
    <t>POINT (4.71278866144962 51.80072018902335)</t>
  </si>
  <si>
    <t>POINT (4.680299284063121 51.77507496255151)</t>
  </si>
  <si>
    <t>POINT (4.671082485132252 51.81841090228278)</t>
  </si>
  <si>
    <t>POINT (4.705632114869931 51.80710240736978)</t>
  </si>
  <si>
    <t>POINT (4.6869424552298 51.779451195938016)</t>
  </si>
  <si>
    <t>POINT (4.703425067951936 51.789528992257395)</t>
  </si>
  <si>
    <t>POINT (4.66828089378492 51.81251525342522)</t>
  </si>
  <si>
    <t>POINT (4.678632722804621 51.789175537533175)</t>
  </si>
  <si>
    <t>POINT (4.677180049386467 51.808017381795494)</t>
  </si>
  <si>
    <t>POINT (4.674008022538314 51.80360889277239)</t>
  </si>
  <si>
    <t>POINT (4.6626258443418 51.81486520600975)</t>
  </si>
  <si>
    <t>POINT (4.721466048724549 51.80093627722521)</t>
  </si>
  <si>
    <t>POINT (4.666033776834052 51.810385332591196)</t>
  </si>
  <si>
    <t>POINT (4.676294561879198 51.7775476668287)</t>
  </si>
  <si>
    <t>POINT (4.702430758350869 51.81587825512158)</t>
  </si>
  <si>
    <t>POINT (4.660955178602836 51.77322918725271)</t>
  </si>
  <si>
    <t>POINT (4.68037792922315 51.77376330118117)</t>
  </si>
  <si>
    <t>POINT (4.65974152650761 51.79017929197677)</t>
  </si>
  <si>
    <t>POINT (4.699538517118033 51.795740520379205)</t>
  </si>
  <si>
    <t>POINT (4.653876467214971 51.794148198574746)</t>
  </si>
  <si>
    <t>POINT (4.688620252619966 51.806588021975614)</t>
  </si>
  <si>
    <t>POINT (4.717011676404273 51.80317933923194)</t>
  </si>
  <si>
    <t>POINT (4.6711509049192745 51.810880403421436)</t>
  </si>
  <si>
    <t>POINT (4.6684036085033025 51.79630709541979)</t>
  </si>
  <si>
    <t>POINT (4.653600617053652 51.78886275660943)</t>
  </si>
  <si>
    <t>POINT (4.698977820333657 51.817719399103524)</t>
  </si>
  <si>
    <t>POINT (4.709401118430071 51.80998664612471)</t>
  </si>
  <si>
    <t>POINT (4.681206669821118 51.81356631885085)</t>
  </si>
  <si>
    <t>POINT (4.684074931360903 51.77625839657135)</t>
  </si>
  <si>
    <t>POINT (4.679013267212455 51.78088364165266)</t>
  </si>
  <si>
    <t>POINT (4.711362971249326 51.80755063173119)</t>
  </si>
  <si>
    <t>POINT (4.658311768900346 51.804411827907195)</t>
  </si>
  <si>
    <t>POINT (4.668278610840496 51.791995359865254)</t>
  </si>
  <si>
    <t>POINT (4.66963561830209 51.779974634621084)</t>
  </si>
  <si>
    <t>POINT (4.680182239345396 51.80457261350758)</t>
  </si>
  <si>
    <t>POINT (4.6517847479907735 51.8036472047241)</t>
  </si>
  <si>
    <t>POINT (4.726128110336119 51.797143469573456)</t>
  </si>
  <si>
    <t>POINT (4.673723682145178 51.777424784829286)</t>
  </si>
  <si>
    <t>POINT (4.726632540656086 51.80505767246095)</t>
  </si>
  <si>
    <t>POINT (4.719180741221047 51.80350122312839)</t>
  </si>
  <si>
    <t>POINT (4.669533210126563 51.81763555012124)</t>
  </si>
  <si>
    <t>POINT (4.654354147538233 51.79343293173855)</t>
  </si>
  <si>
    <t>POINT (4.678361013325437 51.786329414778635)</t>
  </si>
  <si>
    <t>POINT (4.663156800147077 51.79923806417994)</t>
  </si>
  <si>
    <t>POINT (4.7158746024918505 51.81367030587272)</t>
  </si>
  <si>
    <t>POINT (4.7200090589662445 51.81235876606251)</t>
  </si>
  <si>
    <t>POINT (4.667593316598861 51.773293125548044)</t>
  </si>
  <si>
    <t>POINT (4.707944391180344 51.79699804986233)</t>
  </si>
  <si>
    <t>POINT (4.674739767712095 51.81840065815168)</t>
  </si>
  <si>
    <t>POINT (4.704289369674242 51.797114637324746)</t>
  </si>
  <si>
    <t>POINT (4.65650791421211 51.784644440046456)</t>
  </si>
  <si>
    <t>POINT (4.729333985896044 51.79163865810045)</t>
  </si>
  <si>
    <t>POINT (4.669400200462198 51.81324515425117)</t>
  </si>
  <si>
    <t>POINT (4.654911939569751 51.812217068877565)</t>
  </si>
  <si>
    <t>POINT (4.685496216151679 51.7991028419635)</t>
  </si>
  <si>
    <t>POINT (4.7206110304099855 51.816235766077014)</t>
  </si>
  <si>
    <t>POINT (4.672190036435467 51.81803958273025)</t>
  </si>
  <si>
    <t>POINT (4.661137538869685 51.80318296640497)</t>
  </si>
  <si>
    <t>POINT (4.661266604578225 51.80400821683407)</t>
  </si>
  <si>
    <t>POINT (4.673489144079459 51.818409481747324)</t>
  </si>
  <si>
    <t>POINT (4.733117093103846 51.80249087155665)</t>
  </si>
  <si>
    <t>POINT (4.718473603938886 51.81481843143762)</t>
  </si>
  <si>
    <t>POINT (4.65803801671133 51.810586858832025)</t>
  </si>
  <si>
    <t>POINT (4.675975519541071 51.78470234916368)</t>
  </si>
  <si>
    <t>POINT (4.682685896120798 51.801360927062866)</t>
  </si>
  <si>
    <t>POINT (4.6667804540964095 51.78927767596592)</t>
  </si>
  <si>
    <t>POINT (4.678974396638613 51.80499321737723)</t>
  </si>
  <si>
    <t>POINT (4.683321444770675 51.79841961924457)</t>
  </si>
  <si>
    <t>POINT (4.722574138531273 51.80540951896667)</t>
  </si>
  <si>
    <t>POINT (4.686057756649376 51.78888044136686)</t>
  </si>
  <si>
    <t>POINT (4.6862209427619375 51.7770121716196)</t>
  </si>
  <si>
    <t>POINT (4.704707857856824 51.81486088157069)</t>
  </si>
  <si>
    <t>POINT (4.714745714209266 51.814582040995646)</t>
  </si>
  <si>
    <t>POINT (4.719354404505549 51.80090989516662)</t>
  </si>
  <si>
    <t>POINT (4.677992372455476 51.78508926330234)</t>
  </si>
  <si>
    <t>POINT (4.686511309516615 51.81099157009131)</t>
  </si>
  <si>
    <t>POINT (4.661048257822747 51.7941771771306)</t>
  </si>
  <si>
    <t>POINT (4.6726170777484555 51.81932162147169)</t>
  </si>
  <si>
    <t>POINT (4.662976079552836 51.79388538354063)</t>
  </si>
  <si>
    <t>POINT (4.666114593786233 51.7999520585977)</t>
  </si>
  <si>
    <t>POINT (4.6793480909472835 51.78533518516295)</t>
  </si>
  <si>
    <t>POINT (4.670243837979317 51.81777235951669)</t>
  </si>
  <si>
    <t>POINT (4.6667742786404585 51.79631486334999)</t>
  </si>
  <si>
    <t>POINT (4.702538648655961 51.788904241988774)</t>
  </si>
  <si>
    <t>POINT (4.62811737062402 51.72303455456183)</t>
  </si>
  <si>
    <t>POINT (4.628735482049785 51.72238994287177)</t>
  </si>
  <si>
    <t>POINT (4.688945386621157 51.78434095797951)</t>
  </si>
  <si>
    <t>POINT (4.673884227828164 51.804600850187406)</t>
  </si>
  <si>
    <t>POINT (4.659986015699726 51.81076653200269)</t>
  </si>
  <si>
    <t>POINT (4.657060709194936 51.806427027184306)</t>
  </si>
  <si>
    <t>POINT (4.698776376277462 51.80096688837396)</t>
  </si>
  <si>
    <t>POINT (4.727211882585728 51.79830147482873)</t>
  </si>
  <si>
    <t>POINT (4.719857124124974 51.81294956106672)</t>
  </si>
  <si>
    <t>POINT (4.703047818639948 51.812618130382404)</t>
  </si>
  <si>
    <t>POINT (4.675509592131323 51.81187110658344)</t>
  </si>
  <si>
    <t>POINT (4.662777150778034 51.81651135585837)</t>
  </si>
  <si>
    <t>POINT (4.6450678447039815 51.77129735745732)</t>
  </si>
  <si>
    <t>POINT (4.661900186008666 51.798052019358366)</t>
  </si>
  <si>
    <t>POINT (4.66629367218055 51.78755163192662)</t>
  </si>
  <si>
    <t>POINT (4.6622378519319945 51.80476349201948)</t>
  </si>
  <si>
    <t>POINT (4.706167407565987 51.794342717507945)</t>
  </si>
  <si>
    <t>POINT (4.707531032743189 51.80899732554508)</t>
  </si>
  <si>
    <t>POINT (4.667761645647208 51.80218071296193)</t>
  </si>
  <si>
    <t>POINT (4.67871052530784 51.81626279652918)</t>
  </si>
  <si>
    <t>POINT (4.663801051897951 51.78590996012503)</t>
  </si>
  <si>
    <t>POINT (4.713176117263036 51.799305983462396)</t>
  </si>
  <si>
    <t>POINT (4.7036871907182505 51.79486604982957)</t>
  </si>
  <si>
    <t>POINT (4.681368375388556 51.801364118672495)</t>
  </si>
  <si>
    <t>POINT (4.676619335572509 51.783656119236184)</t>
  </si>
  <si>
    <t>POINT (4.733331589896187 51.797873372659595)</t>
  </si>
  <si>
    <t>POINT (4.665384839008755 51.79464850176217)</t>
  </si>
  <si>
    <t>POINT (4.668600946542355 51.798175516417125)</t>
  </si>
  <si>
    <t>POINT (4.687024199465401 51.81101263570299)</t>
  </si>
  <si>
    <t>POINT (4.6775669702258735 51.781711101372096)</t>
  </si>
  <si>
    <t>POINT (4.661172575260139 51.80442894402285)</t>
  </si>
  <si>
    <t>POINT (4.6592556275036445 51.808907340611455)</t>
  </si>
  <si>
    <t>POINT (4.662971733636922 51.81619305426947)</t>
  </si>
  <si>
    <t>POINT (4.686063341125803 51.809151224879855)</t>
  </si>
  <si>
    <t>POINT (4.652984474634053 51.803388670565106)</t>
  </si>
  <si>
    <t>POINT (4.690128821526866 51.809142367157946)</t>
  </si>
  <si>
    <t>POINT (4.679847197777275 51.80514983345713)</t>
  </si>
  <si>
    <t>POINT (4.699664199864611 51.7994697288853)</t>
  </si>
  <si>
    <t>POINT (4.647745789640651 51.792732151443566)</t>
  </si>
  <si>
    <t>POINT (4.6836311605469545 51.788297665881466)</t>
  </si>
  <si>
    <t>POINT (4.663878118510384 51.798372632367425)</t>
  </si>
  <si>
    <t>POINT (4.714642466712922 51.81387851096136)</t>
  </si>
  <si>
    <t>POINT (4.663113500302929 51.81660844188944)</t>
  </si>
  <si>
    <t>POINT (4.672181236657189 51.8183365057068)</t>
  </si>
  <si>
    <t>POINT (4.700996496746039 51.79775104868249)</t>
  </si>
  <si>
    <t>POINT (4.6648235707307375 51.78901126168391)</t>
  </si>
  <si>
    <t>POINT (4.703334301154188 51.79507994607223)</t>
  </si>
  <si>
    <t>POINT (4.692661406739095 51.79522114735291)</t>
  </si>
  <si>
    <t>POINT (4.670749957633722 51.817948239484615)</t>
  </si>
  <si>
    <t>POINT (4.66100638610333 51.79695188270968)</t>
  </si>
  <si>
    <t>POINT (4.715151004593697 51.80758174462562)</t>
  </si>
  <si>
    <t>POINT (4.6798025608563 51.814637096544864)</t>
  </si>
  <si>
    <t>POINT (4.689255168527175 51.81384956929462)</t>
  </si>
  <si>
    <t>POINT (4.683765731200741 51.782488748599846)</t>
  </si>
  <si>
    <t>POINT (4.66410256574328 51.79225056394356)</t>
  </si>
  <si>
    <t>POINT (4.660456341384477 51.80721522886457)</t>
  </si>
  <si>
    <t>POINT (4.662385662775874 51.79163174818615)</t>
  </si>
  <si>
    <t>POINT (4.6281566666166585 51.722886233202544)</t>
  </si>
  <si>
    <t>POINT (4.664316934086399 51.8177288295272)</t>
  </si>
  <si>
    <t>POINT (4.680084824792945 51.81190382516395)</t>
  </si>
  <si>
    <t>POINT (4.725209306917662 51.79917389365784)</t>
  </si>
  <si>
    <t>POINT (4.679122528146697 51.81360444039116)</t>
  </si>
  <si>
    <t>POINT (4.697210963470623 51.79050491210053)</t>
  </si>
  <si>
    <t>POINT (4.724134177564184 51.79901479103075)</t>
  </si>
  <si>
    <t>POINT (4.667796213248082 51.77716097428178)</t>
  </si>
  <si>
    <t>POINT (4.651381270382601 51.80344540465269)</t>
  </si>
  <si>
    <t>POINT (4.705576579589648 51.791639369542466)</t>
  </si>
  <si>
    <t>POINT (4.676715495809282 51.81835562027103)</t>
  </si>
  <si>
    <t>POINT (4.700238819487209 51.81713454306397)</t>
  </si>
  <si>
    <t>POINT (4.6787052697537606 51.787046958692166)</t>
  </si>
  <si>
    <t>POINT (4.6581340177238335 51.80115926063743)</t>
  </si>
  <si>
    <t>POINT (4.7104998267349085 51.81527289740471)</t>
  </si>
  <si>
    <t>POINT (4.664601170197167 51.813167127537284)</t>
  </si>
  <si>
    <t>POINT (4.688065925445399 51.80695337272099)</t>
  </si>
  <si>
    <t>POINT (4.679620078208603 51.78135308026719)</t>
  </si>
  <si>
    <t>POINT (4.668573192319325 51.798246896409246)</t>
  </si>
  <si>
    <t>POINT (4.692875161674894 51.786290434037554)</t>
  </si>
  <si>
    <t>POINT (4.663217781961875 51.789912268773776)</t>
  </si>
  <si>
    <t>POINT (4.697300838474001 51.79286549808298)</t>
  </si>
  <si>
    <t>POINT (4.6679989533981185 51.81720849939701)</t>
  </si>
  <si>
    <t>POINT (4.667800596656659 51.78856512792174)</t>
  </si>
  <si>
    <t>POINT (4.700132668446232 51.81748100922798)</t>
  </si>
  <si>
    <t>POINT (4.668816994918725 51.7730416804389)</t>
  </si>
  <si>
    <t>POINT (4.663683134596585 51.794220422505504)</t>
  </si>
  <si>
    <t>POINT (4.674579065359769 51.81669792122242)</t>
  </si>
  <si>
    <t>POINT (4.6624964463581415 51.80005388203217)</t>
  </si>
  <si>
    <t>POINT (4.675313100050418 51.7792746196218)</t>
  </si>
  <si>
    <t>POINT (4.683716280642877 51.79808395906375)</t>
  </si>
  <si>
    <t>POINT (4.7174860823060385 51.7999169753991)</t>
  </si>
  <si>
    <t>POINT (4.657316411595398 51.81093941245424)</t>
  </si>
  <si>
    <t>POINT (4.72558603750916 51.79713900281312)</t>
  </si>
  <si>
    <t>POINT (4.665238911589067 51.81611949164183)</t>
  </si>
  <si>
    <t>POINT (4.733518549855024 51.80130206963468)</t>
  </si>
  <si>
    <t>POINT (4.662723367600584 51.81290278820811)</t>
  </si>
  <si>
    <t>POINT (4.6682096043676715 51.811733098364215)</t>
  </si>
  <si>
    <t>POINT (4.675367261496079 51.77579675013935)</t>
  </si>
  <si>
    <t>POINT (4.670875178580714 51.778806362397276)</t>
  </si>
  <si>
    <t>POINT (4.675947157258653 51.81811225445698)</t>
  </si>
  <si>
    <t>POINT (4.666840696918646 51.80319924259568)</t>
  </si>
  <si>
    <t>POINT (4.670011212695455 51.774609753975014)</t>
  </si>
  <si>
    <t>POINT (4.6728411355539485 51.8060267338014)</t>
  </si>
  <si>
    <t>POINT (4.681998412605111 51.80394538289639)</t>
  </si>
  <si>
    <t>POINT (4.671907958171189 51.78047734705868)</t>
  </si>
  <si>
    <t>POINT (4.640931275872048 51.77926947649402)</t>
  </si>
  <si>
    <t>POINT (4.668859752922276 51.77196916585292)</t>
  </si>
  <si>
    <t>POINT (4.656442344417831 51.80055119497118)</t>
  </si>
  <si>
    <t>POINT (4.651050119700031 51.79332534284627)</t>
  </si>
  <si>
    <t>POINT (4.674552228733975 51.803915261681546)</t>
  </si>
  <si>
    <t>POINT (4.718856243625461 51.8124007898801)</t>
  </si>
  <si>
    <t>POINT (4.7180328341653555 51.81412530429315)</t>
  </si>
  <si>
    <t>POINT (4.679058487634492 51.78788405128033)</t>
  </si>
  <si>
    <t>POINT (4.667610096653748 51.77726643869935)</t>
  </si>
  <si>
    <t>POINT (4.67259854813822 51.782456195275024)</t>
  </si>
  <si>
    <t>POINT (4.663519150660357 51.8044443300364)</t>
  </si>
  <si>
    <t>POINT (4.66593919128753 51.79831074175707)</t>
  </si>
  <si>
    <t>POINT (4.713480053279769 51.8096084773412)</t>
  </si>
  <si>
    <t>POINT (4.668562611548153 51.81007030575133)</t>
  </si>
  <si>
    <t>POINT (4.701176284344118 51.796055696089915)</t>
  </si>
  <si>
    <t>POINT (4.700294227643672 51.79323322555859)</t>
  </si>
  <si>
    <t>POINT (4.7111004645224295 51.79128389584052)</t>
  </si>
  <si>
    <t>POINT (4.709103612407451 51.80871603608259)</t>
  </si>
  <si>
    <t>POINT (4.651790565189548 51.795210083348906)</t>
  </si>
  <si>
    <t>POINT (4.683632300743322 51.81843684814425)</t>
  </si>
  <si>
    <t>POINT (4.686946308541533 51.78107813673403)</t>
  </si>
  <si>
    <t>POINT (4.726929719652685 51.792730935053044)</t>
  </si>
  <si>
    <t>POINT (4.719756187731873 51.80035255718715)</t>
  </si>
  <si>
    <t>POINT (4.675111602644361 51.803391921062804)</t>
  </si>
  <si>
    <t>POINT (4.677295379328968 51.789936021378566)</t>
  </si>
  <si>
    <t>POINT (4.67982089057531 51.805223184249904)</t>
  </si>
  <si>
    <t>POINT (4.7082632918067615 51.790242604824435)</t>
  </si>
  <si>
    <t>POINT (4.656738124739915 51.80124903175904)</t>
  </si>
  <si>
    <t>POINT (4.726697620886082 51.80518984818639)</t>
  </si>
  <si>
    <t>POINT (4.696372745817511 51.79296228280629)</t>
  </si>
  <si>
    <t>POINT (4.662439710576114 51.81262662123588)</t>
  </si>
  <si>
    <t>POINT (4.668311783674327 51.79184206314715)</t>
  </si>
  <si>
    <t>POINT (4.6765017340226285 51.81490805364079)</t>
  </si>
  <si>
    <t>POINT (4.68698223311002 51.77918131411956)</t>
  </si>
  <si>
    <t>POINT (4.685566866748439 51.77503008146304)</t>
  </si>
  <si>
    <t>POINT (4.668983588375007 51.77272407771087)</t>
  </si>
  <si>
    <t>POINT (4.668601881196908 51.772549785348104)</t>
  </si>
  <si>
    <t>POINT (4.675949934828861 51.80329875949703)</t>
  </si>
  <si>
    <t>POINT (4.682024321196257 51.77975205629763)</t>
  </si>
  <si>
    <t>POINT (4.731956455962691 51.80414634062592)</t>
  </si>
  <si>
    <t>POINT (4.727997581525414 51.79735162146797)</t>
  </si>
  <si>
    <t>POINT (4.665379897068454 51.81392108136178)</t>
  </si>
  <si>
    <t>POINT (4.721542414381494 51.81096894098862)</t>
  </si>
  <si>
    <t>POINT (4.6707042410290756 51.7997841238865)</t>
  </si>
  <si>
    <t>POINT (4.731992352255359 51.81906428094597)</t>
  </si>
  <si>
    <t>POINT (4.668964771124292 51.81567681185104)</t>
  </si>
  <si>
    <t>POINT (4.691852859725454 51.818790421183735)</t>
  </si>
  <si>
    <t>POINT (4.671160295175071 51.778091784070575)</t>
  </si>
  <si>
    <t>POINT (4.67166288387269 51.815258448548384)</t>
  </si>
  <si>
    <t>POINT (4.665761246316599 51.79939234480742)</t>
  </si>
  <si>
    <t>POINT (4.672799307681086 51.78472455787018)</t>
  </si>
  <si>
    <t>POINT (4.697724881040664 51.799114136683805)</t>
  </si>
  <si>
    <t>POINT (4.655220797115781 51.79185664414471)</t>
  </si>
  <si>
    <t>POINT (4.664450202926849 51.81025336184407)</t>
  </si>
  <si>
    <t>POINT (4.7148377592772395 51.81889868582267)</t>
  </si>
  <si>
    <t>POINT (4.6625312348240255 51.79192247926015)</t>
  </si>
  <si>
    <t>POINT (4.7263056220992485 51.797877754331424)</t>
  </si>
  <si>
    <t>POINT (4.6580201812844075 51.81060741299967)</t>
  </si>
  <si>
    <t>POINT (4.66734302023479 51.78965404371994)</t>
  </si>
  <si>
    <t>POINT (4.671816682666654 51.778428308749795)</t>
  </si>
  <si>
    <t>POINT (4.661048464440845 51.787134877925695)</t>
  </si>
  <si>
    <t>POINT (4.72894239089899 51.80136066475304)</t>
  </si>
  <si>
    <t>POINT (4.632183114873211 51.769389039473324)</t>
  </si>
  <si>
    <t>POINT (4.663520723484158 51.811379991726334)</t>
  </si>
  <si>
    <t>POINT (4.680733070627677 51.803865295577985)</t>
  </si>
  <si>
    <t>POINT (4.665968055180075 51.77438497916242)</t>
  </si>
  <si>
    <t>POINT (4.7106534284507235 51.80990420197119)</t>
  </si>
  <si>
    <t>POINT (4.6964018132457035 51.79677016329796)</t>
  </si>
  <si>
    <t>POINT (4.6616739891861485 51.79499834616138)</t>
  </si>
  <si>
    <t>POINT (4.666404609289571 51.814407698616904)</t>
  </si>
  <si>
    <t>POINT (4.673885953108037 51.81078989754793)</t>
  </si>
  <si>
    <t>POINT (4.682297316242039 51.813992340017634)</t>
  </si>
  <si>
    <t>POINT (4.667996213891239 51.814807562989095)</t>
  </si>
  <si>
    <t>POINT (4.674995042050301 51.78526632871937)</t>
  </si>
  <si>
    <t>POINT (4.666946658337989 51.802490910301955)</t>
  </si>
  <si>
    <t>POINT (4.664973203880396 51.78770420061572)</t>
  </si>
  <si>
    <t>POINT (4.712745656975295 51.76791575595189)</t>
  </si>
  <si>
    <t>POINT (4.6762134011151355 51.77736179178792)</t>
  </si>
  <si>
    <t>POINT (4.6717954894643965 51.78780378474361)</t>
  </si>
  <si>
    <t>POINT (4.650930089957018 51.807981660597605)</t>
  </si>
  <si>
    <t>POINT (4.672344240193327 51.77675952642669)</t>
  </si>
  <si>
    <t>POINT (4.666926953640165 51.77463252471201)</t>
  </si>
  <si>
    <t>POINT (4.691609847441408 51.78808024316492)</t>
  </si>
  <si>
    <t>POINT (4.6795821961475434 51.80769514941057)</t>
  </si>
  <si>
    <t>POINT (4.667022140135852 51.811799371252015)</t>
  </si>
  <si>
    <t>POINT (4.6823141279758325 51.813503295889696)</t>
  </si>
  <si>
    <t>POINT (4.671514238425318 51.78728458970467)</t>
  </si>
  <si>
    <t>POINT (4.683255203853412 51.78194414389854)</t>
  </si>
  <si>
    <t>POINT (4.681455818161266 51.80818922348635)</t>
  </si>
  <si>
    <t>POINT (4.735607945879302 51.80192876549699)</t>
  </si>
  <si>
    <t>POINT (4.703970912651438 51.79891899209579)</t>
  </si>
  <si>
    <t>POINT (4.678217040925601 51.78136946186033)</t>
  </si>
  <si>
    <t>POINT (4.669102569725836 51.7704546874871)</t>
  </si>
  <si>
    <t>POINT (4.658581422052841 51.795624623147646)</t>
  </si>
  <si>
    <t>POINT (4.715064556811901 51.80956217556759)</t>
  </si>
  <si>
    <t>POINT (4.717276393791288 51.8001224633472)</t>
  </si>
  <si>
    <t>POINT (4.709839891046418 51.806673681175305)</t>
  </si>
  <si>
    <t>POINT (4.6746689934511245 51.78255412938594)</t>
  </si>
  <si>
    <t>POINT (4.6371944396744444 51.77976570232427)</t>
  </si>
  <si>
    <t>POINT (4.7003813512004164 51.792344603278316)</t>
  </si>
  <si>
    <t>POINT (4.701534810157377 51.78989880933053)</t>
  </si>
  <si>
    <t>POINT (4.704998199049348 51.806208298742206)</t>
  </si>
  <si>
    <t>POINT (4.67170168499055 51.80592169787747)</t>
  </si>
  <si>
    <t>POINT (4.724895120908351 51.79805108367056)</t>
  </si>
  <si>
    <t>POINT (4.708516307571098 51.786630498125774)</t>
  </si>
  <si>
    <t>POINT (4.6766702834076055 51.81590183652959)</t>
  </si>
  <si>
    <t>POINT (4.68641510552576 51.808700252438314)</t>
  </si>
  <si>
    <t>POINT (4.732752650427916 51.79529045864828)</t>
  </si>
  <si>
    <t>POINT (4.665508646422173 51.80968769256371)</t>
  </si>
  <si>
    <t>POINT (4.67171691959525 51.81934132355806)</t>
  </si>
  <si>
    <t>POINT (4.726341384776164 51.80593089709443)</t>
  </si>
  <si>
    <t>POINT (4.651698510668798 51.80300250692029)</t>
  </si>
  <si>
    <t>POINT (4.688832178914819 51.809484118808406)</t>
  </si>
  <si>
    <t>POINT (4.663016618201366 51.81333217180181)</t>
  </si>
  <si>
    <t>POINT (4.655282953929445 51.80679463644742)</t>
  </si>
  <si>
    <t>POINT (4.6708207778545425 51.796959807206555)</t>
  </si>
  <si>
    <t>POINT (4.667494660320106 51.79033558060867)</t>
  </si>
  <si>
    <t>POINT (4.708095092652272 51.79022260225981)</t>
  </si>
  <si>
    <t>POINT (4.724106616576038 51.79898628508372)</t>
  </si>
  <si>
    <t>POINT (4.729431368100275 51.79664584430452)</t>
  </si>
  <si>
    <t>POINT (4.677959906972428 51.78785909543716)</t>
  </si>
  <si>
    <t>POINT (4.656374426088515 51.790873505540105)</t>
  </si>
  <si>
    <t>POINT (4.699412664244251 51.789778989924294)</t>
  </si>
  <si>
    <t>POINT (4.655596428633587 51.790479166386156)</t>
  </si>
  <si>
    <t>POINT (4.673557077881678 51.81765927826957)</t>
  </si>
  <si>
    <t>POINT (4.65962957603376 51.79204921046888)</t>
  </si>
  <si>
    <t>POINT (4.675517733147033 51.80842099752567)</t>
  </si>
  <si>
    <t>POINT (4.685927307889479 51.787782008065165)</t>
  </si>
  <si>
    <t>POINT (4.655868988542033 51.788232177862625)</t>
  </si>
  <si>
    <t>POINT (4.668316458161123 51.79200535352047)</t>
  </si>
  <si>
    <t>POINT (4.662644813899457 51.809063847812666)</t>
  </si>
  <si>
    <t>POINT (4.684063799275852 51.77751518387496)</t>
  </si>
  <si>
    <t>POINT (4.659354013789911 51.798209032115835)</t>
  </si>
  <si>
    <t>POINT (4.663885349814729 51.81698417320587)</t>
  </si>
  <si>
    <t>POINT (4.679748751283605 51.80347848779497)</t>
  </si>
  <si>
    <t>POINT (4.709536338547543 51.80490291725863)</t>
  </si>
  <si>
    <t>POINT (4.663242742324701 51.79727086106188)</t>
  </si>
  <si>
    <t>POINT (4.678778724330967 51.80828281679985)</t>
  </si>
  <si>
    <t>POINT (4.697739392806864 51.81783814217651)</t>
  </si>
  <si>
    <t>POINT (4.68411459567404 51.80393618582299)</t>
  </si>
  <si>
    <t>POINT (4.713681889258227 51.800688744959956)</t>
  </si>
  <si>
    <t>POINT (4.660320738521787 51.80995136348989)</t>
  </si>
  <si>
    <t>POINT (4.666997402298939 51.77907288810416)</t>
  </si>
  <si>
    <t>POINT (4.666784575529405 51.7871850951543)</t>
  </si>
  <si>
    <t>POINT (4.669554643473612 51.78024052860202)</t>
  </si>
  <si>
    <t>POINT (4.697084984558 51.79331472285521)</t>
  </si>
  <si>
    <t>POINT (4.71134721924899 51.81538702839728)</t>
  </si>
  <si>
    <t>POINT (4.70817712174645 51.79618440414761)</t>
  </si>
  <si>
    <t>POINT (4.66850035801507 51.77915141007457)</t>
  </si>
  <si>
    <t>POINT (4.666952752953856 51.79628543354352)</t>
  </si>
  <si>
    <t>POINT (4.6598670742618475 51.79240657297984)</t>
  </si>
  <si>
    <t>POINT (4.721651288694096 51.82087523522153)</t>
  </si>
  <si>
    <t>POINT (4.682394199331221 51.77951161155111)</t>
  </si>
  <si>
    <t>POINT (4.679296150182378 51.78515765957792)</t>
  </si>
  <si>
    <t>POINT (4.683976576766648 51.78138777406839)</t>
  </si>
  <si>
    <t>POINT (4.661311442468383 51.79590521173848)</t>
  </si>
  <si>
    <t>POINT (4.679786983223523 51.78985935220856)</t>
  </si>
  <si>
    <t>POINT (4.671473047963369 51.78711094635934)</t>
  </si>
  <si>
    <t>POINT (4.683325231758353 51.819050541213784)</t>
  </si>
  <si>
    <t>POINT (4.668506042473841 51.80939438812117)</t>
  </si>
  <si>
    <t>POINT (4.65778075923139 51.77076082270952)</t>
  </si>
  <si>
    <t>POINT (4.660730908668667 51.79471204469533)</t>
  </si>
  <si>
    <t>POINT (4.683951574892466 51.78132569205568)</t>
  </si>
  <si>
    <t>POINT (4.724724763412618 51.803127500991806)</t>
  </si>
  <si>
    <t>POINT (4.654742171912222 51.76749969304847)</t>
  </si>
  <si>
    <t>POINT (4.662102151341161 51.78763485792735)</t>
  </si>
  <si>
    <t>POINT (4.700123558737823 51.7962861804165)</t>
  </si>
  <si>
    <t>POINT (4.6728512134055045 51.796489818489334)</t>
  </si>
  <si>
    <t>POINT (4.73516383564328 51.80021867350531)</t>
  </si>
  <si>
    <t>POINT (4.672906026719329 51.816686509953804)</t>
  </si>
  <si>
    <t>POINT (4.704728622428357 51.80375923733441)</t>
  </si>
  <si>
    <t>POINT (4.710381621565261 51.79187669704043)</t>
  </si>
  <si>
    <t>POINT (4.669152922045312 51.81638670204253)</t>
  </si>
  <si>
    <t>POINT (4.707320162455239 51.807297123438076)</t>
  </si>
  <si>
    <t>POINT (4.665354722339022 51.809924784096644)</t>
  </si>
  <si>
    <t>POINT (4.675230861120664 51.804231009976604)</t>
  </si>
  <si>
    <t>POINT (4.673694465394062 51.78850133188312)</t>
  </si>
  <si>
    <t>POINT (4.67038891814005 51.81765553908976)</t>
  </si>
  <si>
    <t>POINT (4.699337288080687 51.79615241500611)</t>
  </si>
  <si>
    <t>POINT (4.663763515215166 51.79483684186781)</t>
  </si>
  <si>
    <t>POINT (4.683667893455451 51.81098733961198)</t>
  </si>
  <si>
    <t>POINT (4.669128766956037 51.791205255676246)</t>
  </si>
  <si>
    <t>POINT (4.7228743794635 51.80345283699546)</t>
  </si>
  <si>
    <t>POINT (4.668144192949184 51.79185824940511)</t>
  </si>
  <si>
    <t>POINT (4.7168779630652855 51.79988847833613)</t>
  </si>
  <si>
    <t>POINT (4.664329053953553 51.81244622243665)</t>
  </si>
  <si>
    <t>POINT (4.67803272170679 51.78462446799539)</t>
  </si>
  <si>
    <t>POINT (4.66976858781235 51.81591134414745)</t>
  </si>
  <si>
    <t>POINT (4.666874563135519 51.815495894800044)</t>
  </si>
  <si>
    <t>POINT (4.6618533102668565 51.79224409418863)</t>
  </si>
  <si>
    <t>POINT (4.669366794730739 51.806168405674775)</t>
  </si>
  <si>
    <t>POINT (4.669988169354816 51.80207142372714)</t>
  </si>
  <si>
    <t>POINT (4.669713827367518 51.77934851909171)</t>
  </si>
  <si>
    <t>POINT (4.703841254654482 51.79656460053068)</t>
  </si>
  <si>
    <t>POINT (4.710801197775711 51.81478538311408)</t>
  </si>
  <si>
    <t>POINT (4.657671875103568 51.813664439698755)</t>
  </si>
  <si>
    <t>POINT (4.656453524150344 51.81180538773539)</t>
  </si>
  <si>
    <t>POINT (4.673239784067583 51.77973945269831)</t>
  </si>
  <si>
    <t>POINT (4.660109406383613 51.789553046293065)</t>
  </si>
  <si>
    <t>POINT (4.66186002292598 51.77048152271532)</t>
  </si>
  <si>
    <t>POINT (4.662366891193168 51.815008270705206)</t>
  </si>
  <si>
    <t>POINT (4.6801227960356995 51.78546063858904)</t>
  </si>
  <si>
    <t>POINT (4.73192867663926 51.80457635455351)</t>
  </si>
  <si>
    <t>POINT (4.669793735582195 51.78481122950994)</t>
  </si>
  <si>
    <t>POINT (4.659851105239828 51.80095935748576)</t>
  </si>
  <si>
    <t>POINT (4.657719411226698 51.80630513855207)</t>
  </si>
  <si>
    <t>POINT (4.685816037711464 51.78630613721005)</t>
  </si>
  <si>
    <t>POINT (4.661459862964109 51.797678953114165)</t>
  </si>
  <si>
    <t>POINT (4.680910951000897 51.77939853729185)</t>
  </si>
  <si>
    <t>POINT (4.6848859013827795 51.79946238674024)</t>
  </si>
  <si>
    <t>POINT (4.685558955384273 51.81348472800544)</t>
  </si>
  <si>
    <t>POINT (4.672091573682781 51.80253371442381)</t>
  </si>
  <si>
    <t>POINT (4.679180311370725 51.807333726614765)</t>
  </si>
  <si>
    <t>POINT (4.722735397538278 51.80046590578333)</t>
  </si>
  <si>
    <t>POINT (4.675277288796836 51.77860243358629)</t>
  </si>
  <si>
    <t>POINT (4.668155195228838 51.77813085552524)</t>
  </si>
  <si>
    <t>POINT (4.670297344561469 51.77657626528676)</t>
  </si>
  <si>
    <t>POINT (4.732112211225622 51.79144102964041)</t>
  </si>
  <si>
    <t>POINT (4.658220236470027 51.8097726540314)</t>
  </si>
  <si>
    <t>POINT (4.702823525299202 51.78983730153102)</t>
  </si>
  <si>
    <t>POINT (4.724757752308008 51.80317163270421)</t>
  </si>
  <si>
    <t>POINT (4.707029805067982 51.7945395655205)</t>
  </si>
  <si>
    <t>POINT (4.667216368909479 51.81768051410689)</t>
  </si>
  <si>
    <t>POINT (4.675965765649231 51.78574593188665)</t>
  </si>
  <si>
    <t>POINT (4.720722548363409 51.79936820252889)</t>
  </si>
  <si>
    <t>POINT (4.6759265442430475 51.80548228244426)</t>
  </si>
  <si>
    <t>POINT (4.672332087185725 51.802309905626174)</t>
  </si>
  <si>
    <t>POINT (4.658051677321097 51.81332979637168)</t>
  </si>
  <si>
    <t>POINT (4.700845032294213 51.79306171850837)</t>
  </si>
  <si>
    <t>POINT (4.731151193896231 51.7917100738718)</t>
  </si>
  <si>
    <t>POINT (4.676937018443059 51.77242260211439)</t>
  </si>
  <si>
    <t>POINT (4.659700535112979 51.80224773552151)</t>
  </si>
  <si>
    <t>POINT (4.686585297925377 51.80858274415546)</t>
  </si>
  <si>
    <t>POINT (4.684903919230042 51.81073016196319)</t>
  </si>
  <si>
    <t>POINT (4.68344820335178 51.81190212012593)</t>
  </si>
  <si>
    <t>POINT (4.671571706056323 51.77590018661367)</t>
  </si>
  <si>
    <t>POINT (4.678301360657222 51.80705014854994)</t>
  </si>
  <si>
    <t>POINT (4.657586320912682 51.78307751625515)</t>
  </si>
  <si>
    <t>POINT (4.655022690710998 51.81229469411865)</t>
  </si>
  <si>
    <t>POINT (4.697248168213356 51.796705373481124)</t>
  </si>
  <si>
    <t>POINT (4.636211786057676 51.77594332580689)</t>
  </si>
  <si>
    <t>POINT (4.713248272679372 51.808379198808765)</t>
  </si>
  <si>
    <t>POINT (4.713398697522079 51.80559243192703)</t>
  </si>
  <si>
    <t>POINT (4.667344103432331 51.81394025640115)</t>
  </si>
  <si>
    <t>POINT (4.66643485449363 51.811013714523895)</t>
  </si>
  <si>
    <t>POINT (4.7122644380948655 51.80868867715375)</t>
  </si>
  <si>
    <t>POINT (4.657026937874335 51.76991807647459)</t>
  </si>
  <si>
    <t>POINT (4.669142746248297 51.81699276389564)</t>
  </si>
  <si>
    <t>POINT (4.703969198618452 51.797949716693125)</t>
  </si>
  <si>
    <t>POINT (4.729615841536405 51.797483900850736)</t>
  </si>
  <si>
    <t>POINT (4.658546450093201 51.79565912930791)</t>
  </si>
  <si>
    <t>POINT (4.678012608466559 51.80749713635044)</t>
  </si>
  <si>
    <t>POINT (4.662185160664545 51.79082484266565)</t>
  </si>
  <si>
    <t>POINT (4.653942307019572 51.804390760842544)</t>
  </si>
  <si>
    <t>POINT (4.66358603881799 51.78714562398742)</t>
  </si>
  <si>
    <t>POINT (4.664793166435891 51.81426293290099)</t>
  </si>
  <si>
    <t>POINT (4.659510777893863 51.80999028924187)</t>
  </si>
  <si>
    <t>POINT (4.681881080556631 51.80646076908593)</t>
  </si>
  <si>
    <t>POINT (4.663947682198093 51.79521428924952)</t>
  </si>
  <si>
    <t>POINT (4.678034868974684 51.784664894161835)</t>
  </si>
  <si>
    <t>POINT (4.657633938386245 51.78836349078426)</t>
  </si>
  <si>
    <t>POINT (4.652699390639803 51.78736446906272)</t>
  </si>
  <si>
    <t>POINT (4.6659878289382855 51.798973543406184)</t>
  </si>
  <si>
    <t>POINT (4.705162501104888 51.795786769420715)</t>
  </si>
  <si>
    <t>POINT (4.716612755276573 51.815738775111036)</t>
  </si>
  <si>
    <t>POINT (4.711663300648262 51.80305944786112)</t>
  </si>
  <si>
    <t>POINT (4.709102770734176 51.78762098943562)</t>
  </si>
  <si>
    <t>POINT (4.719382062238985 51.80097678430563)</t>
  </si>
  <si>
    <t>POINT (4.6682177129654985 51.790120177678375)</t>
  </si>
  <si>
    <t>POINT (4.671053928143236 51.79933392106457)</t>
  </si>
  <si>
    <t>POINT (4.6556217560206905 51.79042969766463)</t>
  </si>
  <si>
    <t>POINT (4.664323266685601 51.80258366618773)</t>
  </si>
  <si>
    <t>POINT (4.677999506219231 51.81582442137589)</t>
  </si>
  <si>
    <t>POINT (4.679181849353474 51.80826545676472)</t>
  </si>
  <si>
    <t>POINT (4.670508303247158 51.81349798279969)</t>
  </si>
  <si>
    <t>POINT (4.673787109823393 51.77690028398723)</t>
  </si>
  <si>
    <t>POINT (4.674739662457225 51.80552013318159)</t>
  </si>
  <si>
    <t>POINT (4.684294212055999 51.81005308962957)</t>
  </si>
  <si>
    <t>POINT (4.651886568704657 51.79244832852999)</t>
  </si>
  <si>
    <t>POINT (4.732929245912921 51.7969593669696)</t>
  </si>
  <si>
    <t>POINT (4.682713770132908 51.80252521784523)</t>
  </si>
  <si>
    <t>POINT (4.6666070490583875 51.774792338564666)</t>
  </si>
  <si>
    <t>POINT (4.6704660636554625 51.80605198940631)</t>
  </si>
  <si>
    <t>POINT (4.662415528087792 51.798882325946686)</t>
  </si>
  <si>
    <t>POINT (4.663974477093208 51.81129762133729)</t>
  </si>
  <si>
    <t>POINT (4.6733982856773375 51.81081025781332)</t>
  </si>
  <si>
    <t>POINT (4.686748143104314 51.80670251423896)</t>
  </si>
  <si>
    <t>POINT (4.662340084296123 51.791367782943944)</t>
  </si>
  <si>
    <t>POINT (4.671176237016472 51.81047325409886)</t>
  </si>
  <si>
    <t>POINT (4.718052360224636 51.80120223928485)</t>
  </si>
  <si>
    <t>POINT (4.643336460618143 51.76874976525102)</t>
  </si>
  <si>
    <t>POINT (4.68335873947433 51.77997036196348)</t>
  </si>
  <si>
    <t>POINT (4.6527010352149505 51.80235778029962)</t>
  </si>
  <si>
    <t>POINT (4.70702381839984 51.78945088496413)</t>
  </si>
  <si>
    <t>POINT (4.71749649938136 51.800848897128326)</t>
  </si>
  <si>
    <t>POINT (4.686479302299424 51.807116617030225)</t>
  </si>
  <si>
    <t>POINT (4.6856116075334535 51.81350462908545)</t>
  </si>
  <si>
    <t>POINT (4.6678548675440235 51.8166528534325)</t>
  </si>
  <si>
    <t>POINT (4.706078900597326 51.79153899826283)</t>
  </si>
  <si>
    <t>POINT (4.6513260653353585 51.76490023718214)</t>
  </si>
  <si>
    <t>POINT (4.659876181964076 51.81363418543874)</t>
  </si>
  <si>
    <t>POINT (4.705021439703294 51.809061827413096)</t>
  </si>
  <si>
    <t>POINT (4.666096347536141 51.812556078802984)</t>
  </si>
  <si>
    <t>POINT (4.67801783007085 51.787882726345046)</t>
  </si>
  <si>
    <t>POINT (4.714784048641613 51.805914028577746)</t>
  </si>
  <si>
    <t>POINT (4.678581992801121 51.784654573751475)</t>
  </si>
  <si>
    <t>POINT (4.677447446961698 51.81807796681912)</t>
  </si>
  <si>
    <t>POINT (4.660556234199484 51.80011370155023)</t>
  </si>
  <si>
    <t>POINT (4.662387399999187 51.816196116426546)</t>
  </si>
  <si>
    <t>POINT (4.702074011870683 51.79583894884418)</t>
  </si>
  <si>
    <t>POINT (4.657348283527632 51.79082052159103)</t>
  </si>
  <si>
    <t>POINT (4.6640038081987205 51.815125748248605)</t>
  </si>
  <si>
    <t>POINT (4.682691384367483 51.807038565790066)</t>
  </si>
  <si>
    <t>POINT (4.6469158308718095 51.80090273469481)</t>
  </si>
  <si>
    <t>POINT (4.728157744759172 51.797776182993296)</t>
  </si>
  <si>
    <t>POINT (4.675088217821676 51.81471641278589)</t>
  </si>
  <si>
    <t>POINT (4.655308040155894 51.794408543415464)</t>
  </si>
  <si>
    <t>POINT (4.692997357890145 51.8038038818413)</t>
  </si>
  <si>
    <t>POINT (4.684392962150435 51.78260633226688)</t>
  </si>
  <si>
    <t>POINT (4.713241772766051 51.81379864714723)</t>
  </si>
  <si>
    <t>POINT (4.685514345262671 51.785270579638144)</t>
  </si>
  <si>
    <t>POINT (4.672830849776234 51.79706804476108)</t>
  </si>
  <si>
    <t>POINT (4.715144484610564 51.81497825223301)</t>
  </si>
  <si>
    <t>POINT (4.71383604986552 51.80372403635162)</t>
  </si>
  <si>
    <t>POINT (4.664834700710406 51.784700490387166)</t>
  </si>
  <si>
    <t>POINT (4.660707892762546 51.809867334785366)</t>
  </si>
  <si>
    <t>POINT (4.680651190982915 51.790734971186524)</t>
  </si>
  <si>
    <t>POINT (4.663235219136322 51.804912588108536)</t>
  </si>
  <si>
    <t>POINT (4.652376309178064 51.79212987992488)</t>
  </si>
  <si>
    <t>POINT (4.705416263077086 51.78824405557295)</t>
  </si>
  <si>
    <t>POINT (4.669076806657572 51.79091906104488)</t>
  </si>
  <si>
    <t>POINT (4.681853708769732 51.780537757330066)</t>
  </si>
  <si>
    <t>POINT (4.66896105093245 51.813610005276)</t>
  </si>
  <si>
    <t>POINT (4.66088693729431 51.79472423765154)</t>
  </si>
  <si>
    <t>POINT (4.7215648243366415 51.81096955348978)</t>
  </si>
  <si>
    <t>POINT (4.678037016246251 51.78470532032797)</t>
  </si>
  <si>
    <t>POINT (4.708622124213991 51.80639650941709)</t>
  </si>
  <si>
    <t>POINT (4.671852685854217 51.81532853076883)</t>
  </si>
  <si>
    <t>POINT (4.65632340763773 51.80443534230007)</t>
  </si>
  <si>
    <t>POINT (4.684788447924507 51.792558991215564)</t>
  </si>
  <si>
    <t>POINT (4.65689923060184 51.81030858848537)</t>
  </si>
  <si>
    <t>POINT (4.659403609763207 51.81306568763561)</t>
  </si>
  <si>
    <t>POINT (4.699267822573722 51.79687278203111)</t>
  </si>
  <si>
    <t>POINT (4.732566752356504 51.79705837729229)</t>
  </si>
  <si>
    <t>POINT (4.706075351464228 51.79328327338081)</t>
  </si>
  <si>
    <t>POINT (4.656810559325313 51.81200919977361)</t>
  </si>
  <si>
    <t>POINT (4.657194347261654 51.80173502267222)</t>
  </si>
  <si>
    <t>POINT (4.710227093364116 51.7925535057301)</t>
  </si>
  <si>
    <t>POINT (4.6841731077452025 51.819213922398895)</t>
  </si>
  <si>
    <t>POINT (4.680603132753547 51.78541682771751)</t>
  </si>
  <si>
    <t>POINT (4.668413910966483 51.79332985995991)</t>
  </si>
  <si>
    <t>POINT (4.629998181822857 51.72473541208935)</t>
  </si>
  <si>
    <t>POINT (4.685605416886822 51.80772102472154)</t>
  </si>
  <si>
    <t>POINT (4.662533330088191 51.81625654063786)</t>
  </si>
  <si>
    <t>POINT (4.70729857688572 51.80788340890477)</t>
  </si>
  <si>
    <t>POINT (4.6827187889427115 51.7853086907443)</t>
  </si>
  <si>
    <t>POINT (4.679425855595301 51.80829643857776)</t>
  </si>
  <si>
    <t>POINT (4.716901197926228 51.795609176497585)</t>
  </si>
  <si>
    <t>POINT (4.661777524137563 51.804951072407995)</t>
  </si>
  <si>
    <t>POINT (4.710580190638688 51.80656698734256)</t>
  </si>
  <si>
    <t>POINT (4.684998251363876 51.809589453605014)</t>
  </si>
  <si>
    <t>POINT (4.664005461610781 51.8008781079913)</t>
  </si>
  <si>
    <t>POINT (4.655496101751018 51.790164214424784)</t>
  </si>
  <si>
    <t>POINT (4.6719875432665505 51.80596857276451)</t>
  </si>
  <si>
    <t>POINT (4.6294816409791215 51.72666520418359)</t>
  </si>
  <si>
    <t>POINT (4.677608731892807 51.77440935278314)</t>
  </si>
  <si>
    <t>POINT (4.723723967506317 51.79832424740211)</t>
  </si>
  <si>
    <t>POINT (4.696818931173512 51.799424823987316)</t>
  </si>
  <si>
    <t>POINT (4.682251515363773 51.813441590134985)</t>
  </si>
  <si>
    <t>POINT (4.6712166848213 51.77346591669909)</t>
  </si>
  <si>
    <t>POINT (4.682037298307233 51.81064555612971)</t>
  </si>
  <si>
    <t>POINT (4.705249682474636 51.79884458093063)</t>
  </si>
  <si>
    <t>POINT (4.685362067179507 51.79218029735135)</t>
  </si>
  <si>
    <t>POINT (4.661039154568785 51.78710906764178)</t>
  </si>
  <si>
    <t>POINT (4.656269642591485 51.81066135776446)</t>
  </si>
  <si>
    <t>POINT (4.66088727144715 51.81625855359025)</t>
  </si>
  <si>
    <t>POINT (4.675905592421786 51.785839534879756)</t>
  </si>
  <si>
    <t>POINT (4.713886535809591 51.809212658399424)</t>
  </si>
  <si>
    <t>POINT (4.665792315821375 51.78013113916916)</t>
  </si>
  <si>
    <t>POINT (4.663473806230576 51.81236952702013)</t>
  </si>
  <si>
    <t>POINT (4.685180907138576 51.78256422859856)</t>
  </si>
  <si>
    <t>POINT (4.6938594846754995 51.79056928613678)</t>
  </si>
  <si>
    <t>POINT (4.672768742964306 51.787324946640695)</t>
  </si>
  <si>
    <t>POINT (4.682258189545203 51.806599240561596)</t>
  </si>
  <si>
    <t>POINT (4.687378270770222 51.80560826329084)</t>
  </si>
  <si>
    <t>POINT (4.678597165033599 51.789668532300226)</t>
  </si>
  <si>
    <t>POINT (4.6690116208909656 51.79548986358143)</t>
  </si>
  <si>
    <t>POINT (4.669525492213589 51.80893273067928)</t>
  </si>
  <si>
    <t>POINT (4.684037995764414 51.81174336527886)</t>
  </si>
  <si>
    <t>POINT (4.670209943346764 51.81029126587328)</t>
  </si>
  <si>
    <t>POINT (4.680414442732833 51.78092037158092)</t>
  </si>
  <si>
    <t>POINT (4.721040252756301 51.79928542359779)</t>
  </si>
  <si>
    <t>POINT (4.671097459929218 51.80584724406628)</t>
  </si>
  <si>
    <t>POINT (4.6685252809627125 51.79266203487899)</t>
  </si>
  <si>
    <t>POINT (4.663119758525368 51.805587240810276)</t>
  </si>
  <si>
    <t>POINT (4.689035687406175 51.81393972336565)</t>
  </si>
  <si>
    <t>POINT (4.69636402336827 51.80563485030158)</t>
  </si>
  <si>
    <t>POINT (4.730242810247746 51.798440092339234)</t>
  </si>
  <si>
    <t>POINT (4.663771258833683 51.788104387250215)</t>
  </si>
  <si>
    <t>POINT (4.712356495666135 51.807330734633375)</t>
  </si>
  <si>
    <t>POINT (4.670363642976831 51.772571730871704)</t>
  </si>
  <si>
    <t>POINT (4.662817892768677 51.790742630621665)</t>
  </si>
  <si>
    <t>POINT (4.714784438539756 51.80481726315472)</t>
  </si>
  <si>
    <t>POINT (4.650832475823871 51.774184273831224)</t>
  </si>
  <si>
    <t>POINT (4.711435132720975 51.810348250784244)</t>
  </si>
  <si>
    <t>POINT (4.66710333753417 51.787167735631115)</t>
  </si>
  <si>
    <t>POINT (4.6591106725020435 51.78878998454316)</t>
  </si>
  <si>
    <t>POINT (4.6512894601610535 51.7868039497964)</t>
  </si>
  <si>
    <t>POINT (4.632424099866602 51.77000133149547)</t>
  </si>
  <si>
    <t>POINT (4.725778097953571 51.79809061701423)</t>
  </si>
  <si>
    <t>POINT (4.671991385765845 51.80229524520276)</t>
  </si>
  <si>
    <t>POINT (4.680646868729007 51.8074182599443)</t>
  </si>
  <si>
    <t>POINT (4.655597844316525 51.78725634430054)</t>
  </si>
  <si>
    <t>POINT (4.6866949173931785 51.81016232947731)</t>
  </si>
  <si>
    <t>POINT (4.732502652300677 51.80422215239556)</t>
  </si>
  <si>
    <t>POINT (4.734365811124653 51.803731749419455)</t>
  </si>
  <si>
    <t>POINT (4.716445893969979 51.813977819862124)</t>
  </si>
  <si>
    <t>POINT (4.6715803180772015 51.81860328517357)</t>
  </si>
  <si>
    <t>POINT (4.662139051066797 51.809776573766776)</t>
  </si>
  <si>
    <t>POINT (4.665699272976512 51.81314864376727)</t>
  </si>
  <si>
    <t>POINT (4.682653672207715 51.81069482192786)</t>
  </si>
  <si>
    <t>POINT (4.6703164855229495 51.81136823895175)</t>
  </si>
  <si>
    <t>POINT (4.675929818025769 51.78588503874557)</t>
  </si>
  <si>
    <t>POINT (4.631308874655158 51.72323064545751)</t>
  </si>
  <si>
    <t>POINT (4.684708226907034 51.79255176037531)</t>
  </si>
  <si>
    <t>POINT (4.698176703490644 51.80116726722918)</t>
  </si>
  <si>
    <t>POINT (4.716700343965152 51.80310033912754)</t>
  </si>
  <si>
    <t>POINT (4.698785631845783 51.79652504054044)</t>
  </si>
  <si>
    <t>POINT (4.670090971223768 51.78211742410279)</t>
  </si>
  <si>
    <t>POINT (4.687611581426571 51.80648604063621)</t>
  </si>
  <si>
    <t>POINT (4.659278419996349 51.805052304592664)</t>
  </si>
  <si>
    <t>POINT (4.690925847998714 51.788835342538)</t>
  </si>
  <si>
    <t>POINT (4.720489731725968 51.79775288700423)</t>
  </si>
  <si>
    <t>POINT (4.670572305070336 51.79660830607142)</t>
  </si>
  <si>
    <t>POINT (4.672051840022251 51.8176422685352)</t>
  </si>
  <si>
    <t>POINT (4.6930297179940546 51.811617116621534)</t>
  </si>
  <si>
    <t>POINT (4.653705295516696 51.80345873345227)</t>
  </si>
  <si>
    <t>POINT (4.661332600732039 51.804318330490666)</t>
  </si>
  <si>
    <t>POINT (4.681414171085851 51.80286800203586)</t>
  </si>
  <si>
    <t>POINT (4.665584380124487 51.80967621235094)</t>
  </si>
  <si>
    <t>POINT (4.682344409436022 51.79986519161105)</t>
  </si>
  <si>
    <t>POINT (4.675545180582594 51.788547989389144)</t>
  </si>
  <si>
    <t>POINT (4.6687614735318235 51.79740741803906)</t>
  </si>
  <si>
    <t>POINT (4.6829407096316515 51.77589825459092)</t>
  </si>
  <si>
    <t>POINT (4.659356882152603 51.795482552202785)</t>
  </si>
  <si>
    <t>POINT (4.661535030948165 51.80093719133476)</t>
  </si>
  <si>
    <t>POINT (4.667990426384926 51.772148106639335)</t>
  </si>
  <si>
    <t>POINT (4.680565815515786 51.781756531495844)</t>
  </si>
  <si>
    <t>POINT (4.664172914626636 51.79018651726173)</t>
  </si>
  <si>
    <t>POINT (4.667782988067136 51.816219464397435)</t>
  </si>
  <si>
    <t>POINT (4.675065283282681 51.81541178981859)</t>
  </si>
  <si>
    <t>POINT (4.6866885126079465 51.776880062768)</t>
  </si>
  <si>
    <t>POINT (4.663780448018984 51.801335629563084)</t>
  </si>
  <si>
    <t>POINT (4.6432577053457145 51.76770094441368)</t>
  </si>
  <si>
    <t>POINT (4.673352873940365 51.785627229517495)</t>
  </si>
  <si>
    <t>POINT (4.701252643166255 51.79578650052553)</t>
  </si>
  <si>
    <t>POINT (4.665799017221323 51.75352380566526)</t>
  </si>
  <si>
    <t>POINT (4.672986596648337 51.79468994731893)</t>
  </si>
  <si>
    <t>POINT (4.655025051610618 51.807267324913155)</t>
  </si>
  <si>
    <t>POINT (4.669461964706218 51.79953491505993)</t>
  </si>
  <si>
    <t>POINT (4.685406003264939 51.8043626631205)</t>
  </si>
  <si>
    <t>POINT (4.665052508966087 51.772039779276334)</t>
  </si>
  <si>
    <t>POINT (4.690150667913634 51.81830493201344)</t>
  </si>
  <si>
    <t>POINT (4.734529524525859 51.80049336308603)</t>
  </si>
  <si>
    <t>POINT (4.670770057197569 51.80773818980065)</t>
  </si>
  <si>
    <t>POINT (4.681631816329573 51.81908623310565)</t>
  </si>
  <si>
    <t>POINT (4.725536948505891 51.794624025934574)</t>
  </si>
  <si>
    <t>POINT (4.6663132552117865 51.78763587755851)</t>
  </si>
  <si>
    <t>POINT (4.708063993815734 51.804258349861556)</t>
  </si>
  <si>
    <t>POINT (4.661485425989099 51.80905268338624)</t>
  </si>
  <si>
    <t>POINT (4.663351492847456 51.81275372188035)</t>
  </si>
  <si>
    <t>POINT (4.681231106209325 51.779941296818365)</t>
  </si>
  <si>
    <t>POINT (4.719142842435511 51.80455427871818)</t>
  </si>
  <si>
    <t>POINT (4.6619701575167465 51.81058258813051)</t>
  </si>
  <si>
    <t>POINT (4.658812614443025 51.80383927515443)</t>
  </si>
  <si>
    <t>POINT (4.673917830801094 51.81709694712084)</t>
  </si>
  <si>
    <t>POINT (4.669537086160375 51.81371521824875)</t>
  </si>
  <si>
    <t>POINT (4.6854959781913195 51.789088954688836)</t>
  </si>
  <si>
    <t>POINT (4.661967273600212 51.79433675744027)</t>
  </si>
  <si>
    <t>POINT (4.701713804768198 51.7898939408349)</t>
  </si>
  <si>
    <t>POINT (4.676589509388675 51.783778544415775)</t>
  </si>
  <si>
    <t>POINT (4.67701164820998 51.8038868478953)</t>
  </si>
  <si>
    <t>POINT (4.682249138997869 51.80332990689388)</t>
  </si>
  <si>
    <t>POINT (4.679967862788355 51.816142903058214)</t>
  </si>
  <si>
    <t>POINT (4.681362210335949 51.81850309965959)</t>
  </si>
  <si>
    <t>POINT (4.663198707767391 51.79453563396109)</t>
  </si>
  <si>
    <t>POINT (4.702733534033077 51.78983982366374)</t>
  </si>
  <si>
    <t>POINT (4.66387092867326 51.811571092970944)</t>
  </si>
  <si>
    <t>POINT (4.733601251317154 51.80229122630012)</t>
  </si>
  <si>
    <t>POINT (4.681788803436992 51.77794827982445)</t>
  </si>
  <si>
    <t>POINT (4.683112039188926 51.81361642618557)</t>
  </si>
  <si>
    <t>POINT (4.720901612382578 51.800404217323624)</t>
  </si>
  <si>
    <t>POINT (4.666038869869243 51.776198429900774)</t>
  </si>
  <si>
    <t>POINT (4.707238982556042 51.7878384144057)</t>
  </si>
  <si>
    <t>POINT (4.699787743067905 51.798124103530526)</t>
  </si>
  <si>
    <t>POINT (4.727076639727893 51.7974177774205)</t>
  </si>
  <si>
    <t>POINT (4.669566130809032 51.79940733756912)</t>
  </si>
  <si>
    <t>POINT (4.666178152825255 51.80308703919869)</t>
  </si>
  <si>
    <t>POINT (4.631978460311288 51.765226009089865)</t>
  </si>
  <si>
    <t>POINT (4.666863452033612 51.811953469961594)</t>
  </si>
  <si>
    <t>POINT (4.6730879454925285 51.81862528609227)</t>
  </si>
  <si>
    <t>POINT (4.6888260845845116 51.8096968981203)</t>
  </si>
  <si>
    <t>POINT (4.661177867876318 51.80207654600632)</t>
  </si>
  <si>
    <t>POINT (4.660217152994448 51.815574401756734)</t>
  </si>
  <si>
    <t>POINT (4.655080619878532 51.79878978320669)</t>
  </si>
  <si>
    <t>POINT (4.669760126990063 51.80545325369328)</t>
  </si>
  <si>
    <t>POINT (4.658774854584479 51.80439965659117)</t>
  </si>
  <si>
    <t>POINT (4.694670703277251 51.796318434293646)</t>
  </si>
  <si>
    <t>POINT (4.668346486988684 51.79622006746463)</t>
  </si>
  <si>
    <t>POINT (4.712840196992241 51.81506550004244)</t>
  </si>
  <si>
    <t>POINT (4.673808875814225 51.81422784781785)</t>
  </si>
  <si>
    <t>POINT (4.660254683875392 51.811049695315035)</t>
  </si>
  <si>
    <t>POINT (4.66183241537879 51.79224633801274)</t>
  </si>
  <si>
    <t>POINT (4.661073258336779 51.79093014461394)</t>
  </si>
  <si>
    <t>POINT (4.698545952969459 51.79887924905169)</t>
  </si>
  <si>
    <t>POINT (4.69118094933319 51.78920343282052)</t>
  </si>
  <si>
    <t>POINT (4.670108893197625 51.7712194479566)</t>
  </si>
  <si>
    <t>POINT (4.692705785336868 51.78793301207149)</t>
  </si>
  <si>
    <t>POINT (4.669923490453317 51.8171220313193)</t>
  </si>
  <si>
    <t>POINT (4.675779833097622 51.7746800602573)</t>
  </si>
  <si>
    <t>POINT (4.666584730762493 51.7925166757821)</t>
  </si>
  <si>
    <t>POINT (4.659778244174908 51.79011889981929)</t>
  </si>
  <si>
    <t>POINT (4.671577511295303 51.7926388417812)</t>
  </si>
  <si>
    <t>POINT (4.6591087252055665 51.80498182307921)</t>
  </si>
  <si>
    <t>POINT (4.672291080302745 51.81117710505425)</t>
  </si>
  <si>
    <t>POINT (4.668399760281497 51.791942718348594)</t>
  </si>
  <si>
    <t>POINT (4.70871476158187 51.79672466791802)</t>
  </si>
  <si>
    <t>POINT (4.65879402036293 51.80257037849032)</t>
  </si>
  <si>
    <t>POINT (4.674792350882012 51.81837634840855)</t>
  </si>
  <si>
    <t>POINT (4.71987420357572 51.81300076756287)</t>
  </si>
  <si>
    <t>POINT (4.724258823274902 51.79823086748507)</t>
  </si>
  <si>
    <t>POINT (4.707223977627233 51.80780615964949)</t>
  </si>
  <si>
    <t>POINT (4.663320351103254 51.79067436184411)</t>
  </si>
  <si>
    <t>POINT (4.683396112547402 51.803964714068194)</t>
  </si>
  <si>
    <t>POINT (4.673966381821388 51.78821486174918)</t>
  </si>
  <si>
    <t>POINT (4.669491473932347 51.81891056241803)</t>
  </si>
  <si>
    <t>POINT (4.674458793579229 51.80435121145226)</t>
  </si>
  <si>
    <t>POINT (4.67948031995644 51.80451404544538)</t>
  </si>
  <si>
    <t>POINT (4.676145692088851 51.814725242697335)</t>
  </si>
  <si>
    <t>POINT (4.685061172609024 51.801534201873416)</t>
  </si>
  <si>
    <t>POINT (4.681838985232809 51.80437150350039)</t>
  </si>
  <si>
    <t>POINT (4.714748796665015 51.80490202858253)</t>
  </si>
  <si>
    <t>POINT (4.680742621823061 51.80890596713963)</t>
  </si>
  <si>
    <t>POINT (4.6677604947942015 51.810812161323895)</t>
  </si>
  <si>
    <t>POINT (4.672754289985358 51.79275091226566)</t>
  </si>
  <si>
    <t>POINT (4.711269099178636 51.79515649992364)</t>
  </si>
  <si>
    <t>POINT (4.665840650268722 51.814393285205625)</t>
  </si>
  <si>
    <t>POINT (4.725926719889519 51.79214477181766)</t>
  </si>
  <si>
    <t>POINT (4.66444730267389 51.81007967364381)</t>
  </si>
  <si>
    <t>POINT (4.680242348891753 51.805663337871536)</t>
  </si>
  <si>
    <t>POINT (4.675535996652399 51.775713217330825)</t>
  </si>
  <si>
    <t>POINT (4.674086811248832 51.77790470710265)</t>
  </si>
  <si>
    <t>POINT (4.630104607736347 51.72250166409978)</t>
  </si>
  <si>
    <t>POINT (4.731350316719426 51.79553550535803)</t>
  </si>
  <si>
    <t>POINT (4.658174594159872 51.8064296294103)</t>
  </si>
  <si>
    <t>POINT (4.662373684163207 51.805278448277754)</t>
  </si>
  <si>
    <t>POINT (4.731785272625406 51.801579875167036)</t>
  </si>
  <si>
    <t>POINT (4.661624829560383 51.816611508109524)</t>
  </si>
  <si>
    <t>POINT (4.673133109593494 51.81651214540252)</t>
  </si>
  <si>
    <t>POINT (4.686096775443417 51.788983019755875)</t>
  </si>
  <si>
    <t>POINT (4.655635751144848 51.79460258616643)</t>
  </si>
  <si>
    <t>POINT (4.659440129252415 51.80882231945403)</t>
  </si>
  <si>
    <t>POINT (4.692432232935016 51.79058592054557)</t>
  </si>
  <si>
    <t>POINT (4.676340782459455 51.808558101889375)</t>
  </si>
  <si>
    <t>POINT (4.701330007559474 51.790413310262046)</t>
  </si>
  <si>
    <t>POINT (4.677664532407225 51.790669314044955)</t>
  </si>
  <si>
    <t>POINT (4.696140051312049 51.79294226084627)</t>
  </si>
  <si>
    <t>POINT (4.676352316429213 51.805102915679626)</t>
  </si>
  <si>
    <t>POINT (4.722612213435986 51.80311814343855)</t>
  </si>
  <si>
    <t>POINT (4.663852391566192 51.788436462949974)</t>
  </si>
  <si>
    <t>POINT (4.664604148242265 51.81056997444702)</t>
  </si>
  <si>
    <t>POINT (4.710293387758103 51.80980253150226)</t>
  </si>
  <si>
    <t>POINT (4.662647316547475 51.81591953980159)</t>
  </si>
  <si>
    <t>POINT (4.70981146044025 51.7878323535643)</t>
  </si>
  <si>
    <t>POINT (4.682490970220341 51.80020925072503)</t>
  </si>
  <si>
    <t>POINT (4.6692062850508975 51.790361062113014)</t>
  </si>
  <si>
    <t>POINT (4.717563806697053 51.814906959234406)</t>
  </si>
  <si>
    <t>POINT (4.674196498035963 51.775935031014875)</t>
  </si>
  <si>
    <t>POINT (4.708021494923843 51.78712092358105)</t>
  </si>
  <si>
    <t>POINT (4.6612117636650385 51.788693245356804)</t>
  </si>
  <si>
    <t>POINT (4.730853683124169 51.80336639069381)</t>
  </si>
  <si>
    <t>POINT (4.725021828533369 51.79831949870188)</t>
  </si>
  <si>
    <t>POINT (4.669934995577089 51.774622609154136)</t>
  </si>
  <si>
    <t>POINT (4.735034744186419 51.798287772118)</t>
  </si>
  <si>
    <t>POINT (4.713604986645119 51.81113962768966)</t>
  </si>
  <si>
    <t>POINT (4.652831757599092 51.78840482480088)</t>
  </si>
  <si>
    <t>POINT (4.660784560954384 51.78938102337174)</t>
  </si>
  <si>
    <t>POINT (4.689745319812241 51.80912927506005)</t>
  </si>
  <si>
    <t>POINT (4.710444202056978 51.80125455740057)</t>
  </si>
  <si>
    <t>POINT (4.697372278252595 51.79752129464446)</t>
  </si>
  <si>
    <t>POINT (4.669788868833499 51.77820047258085)</t>
  </si>
  <si>
    <t>POINT (4.707863944895243 51.80980831246523)</t>
  </si>
  <si>
    <t>POINT (4.715761509124644 51.80107351330204)</t>
  </si>
  <si>
    <t>POINT (4.703666369458293 51.79660937902076)</t>
  </si>
  <si>
    <t>POINT (4.663119712455245 51.7903195079905)</t>
  </si>
  <si>
    <t>POINT (4.669824716276183 51.81101792921882)</t>
  </si>
  <si>
    <t>POINT (4.652651429941818 51.76638438979873)</t>
  </si>
  <si>
    <t>POINT (4.714417656787539 51.81389186487273)</t>
  </si>
  <si>
    <t>POINT (4.714735243073371 51.81449261597021)</t>
  </si>
  <si>
    <t>POINT (4.699180127868608 51.798180766033745)</t>
  </si>
  <si>
    <t>POINT (4.686739876871612 51.78204797069808)</t>
  </si>
  <si>
    <t>POINT (4.7360007945326466 51.79904785975975)</t>
  </si>
  <si>
    <t>POINT (4.6724285131433225 51.81794486561999)</t>
  </si>
  <si>
    <t>POINT (4.6565932063675035 51.80343771326287)</t>
  </si>
  <si>
    <t>POINT (4.710277934328734 51.791210362372816)</t>
  </si>
  <si>
    <t>POINT (4.654229857454854 51.7914927691987)</t>
  </si>
  <si>
    <t>POINT (4.6637092320328195 51.79412523132003)</t>
  </si>
  <si>
    <t>POINT (4.717290214082978 51.814941235504904)</t>
  </si>
  <si>
    <t>POINT (4.679328329827043 51.8145381661617)</t>
  </si>
  <si>
    <t>POINT (4.653970223625508 51.7944444951091)</t>
  </si>
  <si>
    <t>POINT (4.690584315470933 51.80772343414849)</t>
  </si>
  <si>
    <t>POINT (4.672209857101536 51.773337675307765)</t>
  </si>
  <si>
    <t>POINT (4.682546321567201 51.80689128729068)</t>
  </si>
  <si>
    <t>POINT (4.733286568996411 51.799445845915265)</t>
  </si>
  <si>
    <t>POINT (4.718837426713419 51.80519924541994)</t>
  </si>
  <si>
    <t>POINT (4.6700873308762585 51.80538630166254)</t>
  </si>
  <si>
    <t>POINT (4.718848733055837 51.804668233792135)</t>
  </si>
  <si>
    <t>POINT (4.6673975171733 51.78995217379614)</t>
  </si>
  <si>
    <t>POINT (4.675654196009349 51.81701620751986)</t>
  </si>
  <si>
    <t>POINT (4.666184049375836 51.786820994437704)</t>
  </si>
  <si>
    <t>POINT (4.67902241413983 51.78101829368136)</t>
  </si>
  <si>
    <t>POINT (4.6831991994197075 51.80449975208134)</t>
  </si>
  <si>
    <t>POINT (4.728735994774392 51.805483700250846)</t>
  </si>
  <si>
    <t>POINT (4.652562693676867 51.80288264533139)</t>
  </si>
  <si>
    <t>POINT (4.711245737342345 51.79999775499948)</t>
  </si>
  <si>
    <t>POINT (4.671432079790356 51.78061560269731)</t>
  </si>
  <si>
    <t>POINT (4.688986277375993 51.81833334501839)</t>
  </si>
  <si>
    <t>POINT (4.665893462726536 51.77743952457939)</t>
  </si>
  <si>
    <t>POINT (4.697313109397487 51.79285077488679)</t>
  </si>
  <si>
    <t>POINT (4.677663992339916 51.8136435495587)</t>
  </si>
  <si>
    <t>POINT (4.69268857118597 51.796176894115305)</t>
  </si>
  <si>
    <t>POINT (4.693309578320559 51.796671440047696)</t>
  </si>
  <si>
    <t>POINT (4.725294869418819 51.80387432159278)</t>
  </si>
  <si>
    <t>POINT (4.660360855910528 51.80185293656833)</t>
  </si>
  <si>
    <t>POINT (4.718480418023134 51.801180742930676)</t>
  </si>
  <si>
    <t>POINT (4.679972550350389 51.789888443882454)</t>
  </si>
  <si>
    <t>POINT (4.676008111794781 51.80538711934385)</t>
  </si>
  <si>
    <t>POINT (4.674271853657019 51.78389853846245)</t>
  </si>
  <si>
    <t>POINT (4.678445044969393 51.78700303198512)</t>
  </si>
  <si>
    <t>POINT (4.676369169669479 51.783837047148346)</t>
  </si>
  <si>
    <t>POINT (4.678083415902035 51.7846504102317)</t>
  </si>
  <si>
    <t>POINT (4.6683487869363915 51.773523258471904)</t>
  </si>
  <si>
    <t>POINT (4.686245422881531 51.80602758233288)</t>
  </si>
  <si>
    <t>POINT (4.678692811188781 51.80849308247075)</t>
  </si>
  <si>
    <t>POINT (4.688236883313189 51.81026281291029)</t>
  </si>
  <si>
    <t>POINT (4.6716247208881505 51.815383104454256)</t>
  </si>
  <si>
    <t>POINT (4.673283082070897 51.809939633041395)</t>
  </si>
  <si>
    <t>POINT (4.7003787946829245 51.797548982549024)</t>
  </si>
  <si>
    <t>POINT (4.722059504737851 51.799254757166224)</t>
  </si>
  <si>
    <t>POINT (4.679918590274136 51.81331091604269)</t>
  </si>
  <si>
    <t>POINT (4.6954506230019675 51.795557362334606)</t>
  </si>
  <si>
    <t>POINT (4.652384509474497 51.795073859749564)</t>
  </si>
  <si>
    <t>POINT (4.7196976538362785 51.80383538739382)</t>
  </si>
  <si>
    <t>POINT (4.660901784256275 51.79379673144721)</t>
  </si>
  <si>
    <t>POINT (4.686782132838991 51.8020571747257)</t>
  </si>
  <si>
    <t>POINT (4.671668549366202 51.78266311767726)</t>
  </si>
  <si>
    <t>POINT (4.678309399071203 51.78628533691651)</t>
  </si>
  <si>
    <t>POINT (4.6673412994192764 51.79965312193271)</t>
  </si>
  <si>
    <t>POINT (4.671172646535304 51.81725181523958)</t>
  </si>
  <si>
    <t>POINT (4.683466877527152 51.80451786997951)</t>
  </si>
  <si>
    <t>POINT (4.6716141102641 51.80270877942446)</t>
  </si>
  <si>
    <t>POINT (4.6814603643902215 51.80145507114333)</t>
  </si>
  <si>
    <t>POINT (4.671902911132842 51.80461461313812)</t>
  </si>
  <si>
    <t>POINT (4.701381183818797 51.79634803693059)</t>
  </si>
  <si>
    <t>POINT (4.695621096335228 51.78982767362276)</t>
  </si>
  <si>
    <t>POINT (4.696429653943673 51.793342919696514)</t>
  </si>
  <si>
    <t>POINT (4.712107068435957 51.8152993401691)</t>
  </si>
  <si>
    <t>POINT (4.664143700704069 51.81408502018763)</t>
  </si>
  <si>
    <t>POINT (4.674138971267235 51.78384254911027)</t>
  </si>
  <si>
    <t>POINT (4.685678960603689 51.80418774887015)</t>
  </si>
  <si>
    <t>POINT (4.669111244074954 51.77801133817219)</t>
  </si>
  <si>
    <t>POINT (4.671379411913652 51.80399539927031)</t>
  </si>
  <si>
    <t>POINT (4.707486576292091 51.79703881367686)</t>
  </si>
  <si>
    <t>POINT (4.658232250736012 51.79617241889239)</t>
  </si>
  <si>
    <t>POINT (4.719194881529902 51.8116094349071)</t>
  </si>
  <si>
    <t>POINT (4.7236492339593905 51.80386533266543)</t>
  </si>
  <si>
    <t>POINT (4.629546833247889 51.722840936988945)</t>
  </si>
  <si>
    <t>POINT (4.731613075758552 51.795648298255585)</t>
  </si>
  <si>
    <t>POINT (4.674967124273069 51.78514906342174)</t>
  </si>
  <si>
    <t>POINT (4.6964129883135035 51.792945054775274)</t>
  </si>
  <si>
    <t>POINT (4.656991047257781 51.79791878260935)</t>
  </si>
  <si>
    <t>POINT (4.72958491241027 51.79744163368318)</t>
  </si>
  <si>
    <t>POINT (4.729732432876765 51.79229862712735)</t>
  </si>
  <si>
    <t>POINT (4.689218610083692 51.81039384136343)</t>
  </si>
  <si>
    <t>POINT (4.665927515848724 51.77621727763788)</t>
  </si>
  <si>
    <t>POINT (4.668261973126373 51.777850082478835)</t>
  </si>
  <si>
    <t>POINT (4.700742702548325 51.79784114955953)</t>
  </si>
  <si>
    <t>POINT (4.631534495888551 51.767489528999505)</t>
  </si>
  <si>
    <t>POINT (4.679032504080917 51.781202748800546)</t>
  </si>
  <si>
    <t>POINT (4.736145966610192 51.80034384688403)</t>
  </si>
  <si>
    <t>POINT (4.677582096250536 51.78867541996256)</t>
  </si>
  <si>
    <t>POINT (4.662250255574868 51.79110186334291)</t>
  </si>
  <si>
    <t>POINT (4.729953446767265 51.80131123216883)</t>
  </si>
  <si>
    <t>POINT (4.695632260073281 51.7907702112446)</t>
  </si>
  <si>
    <t>POINT (4.666265508273067 51.787356763497414)</t>
  </si>
  <si>
    <t>POINT (4.687937537143013 51.80797663246708)</t>
  </si>
  <si>
    <t>POINT (4.730111856741383 51.80030894232943)</t>
  </si>
  <si>
    <t>POINT (4.658002502223052 51.80197538109666)</t>
  </si>
  <si>
    <t>POINT (4.698942588164647 51.798438426195666)</t>
  </si>
  <si>
    <t>POINT (4.670518974638669 51.81334759554446)</t>
  </si>
  <si>
    <t>POINT (4.67990211036455 51.78134617909116)</t>
  </si>
  <si>
    <t>POINT (4.672706276961288 51.80952312873778)</t>
  </si>
  <si>
    <t>POINT (4.6565049832352665 51.769886951443056)</t>
  </si>
  <si>
    <t>POINT (4.6612649203948635 51.78982424580897)</t>
  </si>
  <si>
    <t>POINT (4.666324805162758 51.79610018496794)</t>
  </si>
  <si>
    <t>POINT (4.66567936645981 51.799560729853894)</t>
  </si>
  <si>
    <t>POINT (4.674435683131054 51.7820761218686)</t>
  </si>
  <si>
    <t>POINT (4.653643688900782 51.788929039072904)</t>
  </si>
  <si>
    <t>POINT (4.674083667544964 51.817868544324234)</t>
  </si>
  <si>
    <t>POINT (4.664482452976313 51.81024886837781)</t>
  </si>
  <si>
    <t>POINT (4.67531031873621 51.81384612004624)</t>
  </si>
  <si>
    <t>POINT (4.650925975555518 51.80309540489913)</t>
  </si>
  <si>
    <t>POINT (4.669011097523059 51.78144608420776)</t>
  </si>
  <si>
    <t>POINT (4.664433542438615 51.81727836118243)</t>
  </si>
  <si>
    <t>POINT (4.663659177272244 51.81761448518566)</t>
  </si>
  <si>
    <t>POINT (4.669452757757388 51.817168348362266)</t>
  </si>
  <si>
    <t>POINT (4.653657487785256 51.79270428554661)</t>
  </si>
  <si>
    <t>POINT (4.721444050301037 51.81119691004955)</t>
  </si>
  <si>
    <t>POINT (4.653819472845897 51.7936566812796)</t>
  </si>
  <si>
    <t>POINT (4.67376416191058 51.812482236684936)</t>
  </si>
  <si>
    <t>POINT (4.717422713417052 51.801289557936464)</t>
  </si>
  <si>
    <t>POINT (4.683202720279452 51.79824538945468)</t>
  </si>
  <si>
    <t>POINT (4.631803306672277 51.7783255443605)</t>
  </si>
  <si>
    <t>POINT (4.668489779511753 51.80039645328864)</t>
  </si>
  <si>
    <t>POINT (4.664276556042954 51.80836375179005)</t>
  </si>
  <si>
    <t>POINT (4.672097521326105 51.80382733009215)</t>
  </si>
  <si>
    <t>POINT (4.667791003734639 51.79474225591887)</t>
  </si>
  <si>
    <t>POINT (4.669040561282611 51.79086402607887)</t>
  </si>
  <si>
    <t>POINT (4.678772211683842 51.77726319045568)</t>
  </si>
  <si>
    <t>POINT (4.713199788801318 51.801043724945984)</t>
  </si>
  <si>
    <t>POINT (4.716748292994918 51.80311681065577)</t>
  </si>
  <si>
    <t>POINT (4.66228995198943 51.791395365120906)</t>
  </si>
  <si>
    <t>POINT (4.716589537181412 51.80299941955205)</t>
  </si>
  <si>
    <t>POINT (4.682381305417415 51.80217526059163)</t>
  </si>
  <si>
    <t>POINT (4.72073723669831 51.81131088287887)</t>
  </si>
  <si>
    <t>POINT (4.662208973544081 51.790536353531216)</t>
  </si>
  <si>
    <t>POINT (4.655501127307766 51.79034856827935)</t>
  </si>
  <si>
    <t>POINT (4.707373080155637 51.81062634900851)</t>
  </si>
  <si>
    <t>POINT (4.704382219976297 51.79854835705095)</t>
  </si>
  <si>
    <t>POINT (4.682639824982343 51.786159238946986)</t>
  </si>
  <si>
    <t>POINT (4.65664665509632 51.767185641441806)</t>
  </si>
  <si>
    <t>POINT (4.669374206860059 51.81255511440581)</t>
  </si>
  <si>
    <t>POINT (4.696451987375585 51.79745169200511)</t>
  </si>
  <si>
    <t>POINT (4.687982527043204 51.8066556295863)</t>
  </si>
  <si>
    <t>POINT (4.663275305817847 51.8015285123989)</t>
  </si>
  <si>
    <t>POINT (4.677559350664968 51.790429273007405)</t>
  </si>
  <si>
    <t>POINT (4.663212333397784 51.79067088179836)</t>
  </si>
  <si>
    <t>POINT (4.67567251141437 51.7739068475535)</t>
  </si>
  <si>
    <t>POINT (4.6603116844077945 51.80350852916814)</t>
  </si>
  <si>
    <t>POINT (4.6616159058818365 51.78960618495289)</t>
  </si>
  <si>
    <t>POINT (4.722753684198637 51.799235445753034)</t>
  </si>
  <si>
    <t>POINT (4.691407811981793 51.81784777736017)</t>
  </si>
  <si>
    <t>POINT (4.654021792069283 51.79498816680164)</t>
  </si>
  <si>
    <t>POINT (4.73076285141703 51.797218129825005)</t>
  </si>
  <si>
    <t>POINT (4.724709780964041 51.79713669192687)</t>
  </si>
  <si>
    <t>POINT (4.66705021232948 51.81312870833275)</t>
  </si>
  <si>
    <t>POINT (4.683651381608447 51.77766955456665)</t>
  </si>
  <si>
    <t>POINT (4.681349458098442 51.80683582469363)</t>
  </si>
  <si>
    <t>POINT (4.661701420187551 51.788004701503894)</t>
  </si>
  <si>
    <t>POINT (4.729948783517587 51.805449493401255)</t>
  </si>
  <si>
    <t>POINT (4.666908252530168 51.811130777450266)</t>
  </si>
  <si>
    <t>POINT (4.689786585025202 51.814265155147794)</t>
  </si>
  <si>
    <t>POINT (4.663769545113671 51.79229694193807)</t>
  </si>
  <si>
    <t>POINT (4.706536643256704 51.796928282956294)</t>
  </si>
  <si>
    <t>POINT (4.680471013283883 51.807134965620406)</t>
  </si>
  <si>
    <t>POINT (4.7220381637095254 51.79881046218043)</t>
  </si>
  <si>
    <t>POINT (4.664210079511557 51.81150399708728)</t>
  </si>
  <si>
    <t>POINT (4.706953119041696 51.81111312245604)</t>
  </si>
  <si>
    <t>POINT (4.666595412555541 51.81248818778098)</t>
  </si>
  <si>
    <t>POINT (4.663151306803307 51.81657523726599)</t>
  </si>
  <si>
    <t>POINT (4.663051950963024 51.79981250480881)</t>
  </si>
  <si>
    <t>POINT (4.671305641032886 51.8023522491905)</t>
  </si>
  <si>
    <t>POINT (4.66643455868325 51.77840474231691)</t>
  </si>
  <si>
    <t>POINT (4.720939392003589 51.80493648832795)</t>
  </si>
  <si>
    <t>POINT (4.6884936038989915 51.8062562243226)</t>
  </si>
  <si>
    <t>POINT (4.669669436162264 51.80831884816317)</t>
  </si>
  <si>
    <t>POINT (4.680143818554781 51.80177042268673)</t>
  </si>
  <si>
    <t>POINT (4.686818460132797 51.78028275484464)</t>
  </si>
  <si>
    <t>POINT (4.66447412445012 51.815486197190324)</t>
  </si>
  <si>
    <t>POINT (4.672626682604242 51.817057857149315)</t>
  </si>
  <si>
    <t>POINT (4.660932238272384 51.804847399350116)</t>
  </si>
  <si>
    <t>POINT (4.681968693766339 51.777715367725605)</t>
  </si>
  <si>
    <t>POINT (4.705727900928135 51.81733293306329)</t>
  </si>
  <si>
    <t>POINT (4.654433437204216 51.79870509632224)</t>
  </si>
  <si>
    <t>POINT (4.725280600837568 51.79214238652273)</t>
  </si>
  <si>
    <t>POINT (4.683309683877636 51.79844028556937)</t>
  </si>
  <si>
    <t>POINT (4.727432563105649 51.80343104133433)</t>
  </si>
  <si>
    <t>POINT (4.697395348621913 51.79761003159127)</t>
  </si>
  <si>
    <t>POINT (4.6728789459561115 51.777467418146514)</t>
  </si>
  <si>
    <t>POINT (4.651232743705491 51.79078913681224)</t>
  </si>
  <si>
    <t>POINT (4.719699568887888 51.80216413953929)</t>
  </si>
  <si>
    <t>POINT (4.692786947437204 51.81114447688849)</t>
  </si>
  <si>
    <t>POINT (4.680482417878813 51.80900242179098)</t>
  </si>
  <si>
    <t>POINT (4.674226941380842 51.79691041714015)</t>
  </si>
  <si>
    <t>POINT (4.6844959749727 51.80886705694853)</t>
  </si>
  <si>
    <t>POINT (4.663650860955201 51.799508444831275)</t>
  </si>
  <si>
    <t>POINT (4.716640515380118 51.81459885128312)</t>
  </si>
  <si>
    <t>POINT (4.686135789561742 51.807478830961415)</t>
  </si>
  <si>
    <t>POINT (4.652643411235543 51.804034306506374)</t>
  </si>
  <si>
    <t>POINT (4.668648556918418 51.8180493776923)</t>
  </si>
  <si>
    <t>POINT (4.683764155452076 51.79806132497862)</t>
  </si>
  <si>
    <t>POINT (4.6584315116454285 51.78314612293582)</t>
  </si>
  <si>
    <t>POINT (4.681492590703155 51.774928639746975)</t>
  </si>
  <si>
    <t>POINT (4.6814365130461715 51.80882692543016)</t>
  </si>
  <si>
    <t>POINT (4.6704836409651564 51.81830226808319)</t>
  </si>
  <si>
    <t>POINT (4.711617121617355 51.8095023796073)</t>
  </si>
  <si>
    <t>POINT (4.727662972472926 51.80337299366285)</t>
  </si>
  <si>
    <t>POINT (4.72716189444715 51.797451577969284)</t>
  </si>
  <si>
    <t>POINT (4.727715461818457 51.79948011082527)</t>
  </si>
  <si>
    <t>POINT (4.654508781821464 51.80687320206185)</t>
  </si>
  <si>
    <t>POINT (4.675319791178101 51.817629849249094)</t>
  </si>
  <si>
    <t>POINT (4.676403018496313 51.80512239567682)</t>
  </si>
  <si>
    <t>POINT (4.66721614397856 51.777811343824965)</t>
  </si>
  <si>
    <t>POINT (4.667615279839042 51.808347905062256)</t>
  </si>
  <si>
    <t>POINT (4.664060529399301 51.801209707689196)</t>
  </si>
  <si>
    <t>POINT (4.669614228975167 51.79314107469292)</t>
  </si>
  <si>
    <t>POINT (4.6809907586563595 51.80836242372629)</t>
  </si>
  <si>
    <t>POINT (4.664125740108839 51.81227972196379)</t>
  </si>
  <si>
    <t>POINT (4.652084224600973 51.79355868432113)</t>
  </si>
  <si>
    <t>POINT (4.6977346394812525 51.790463479070404)</t>
  </si>
  <si>
    <t>POINT (4.707310579374267 51.81146977810766)</t>
  </si>
  <si>
    <t>POINT (4.69374345942599 51.81127926414235)</t>
  </si>
  <si>
    <t>POINT (4.707296456607563 51.80641898367328)</t>
  </si>
  <si>
    <t>POINT (4.647222922264806 51.779019407508116)</t>
  </si>
  <si>
    <t>POINT (4.670441046716957 51.81829112267934)</t>
  </si>
  <si>
    <t>POINT (4.704516332336972 51.812230328007125)</t>
  </si>
  <si>
    <t>POINT (4.683995955762222 51.80316031865993)</t>
  </si>
  <si>
    <t>POINT (4.675356562955915 51.81763960926492)</t>
  </si>
  <si>
    <t>POINT (4.676066822114919 51.78510254027632)</t>
  </si>
  <si>
    <t>POINT (4.666347036805571 51.78769416117251)</t>
  </si>
  <si>
    <t>POINT (4.66751068169113 51.81105557101179)</t>
  </si>
  <si>
    <t>POINT (4.685272301169989 51.79208319486065)</t>
  </si>
  <si>
    <t>POINT (4.72254271875217 51.803130091212125)</t>
  </si>
  <si>
    <t>POINT (4.657914483768808 51.770016740404756)</t>
  </si>
  <si>
    <t>POINT (4.661830907346861 51.8051081472114)</t>
  </si>
  <si>
    <t>POINT (4.715828854843015 51.81353351576376)</t>
  </si>
  <si>
    <t>POINT (4.668690103596536 51.799466029489906)</t>
  </si>
  <si>
    <t>POINT (4.714365294593513 51.8055070761972)</t>
  </si>
  <si>
    <t>POINT (4.68648416359795 51.77576978943493)</t>
  </si>
  <si>
    <t>POINT (4.712435288199222 51.81559716067041)</t>
  </si>
  <si>
    <t>POINT (4.686364753138421 51.81552496203296)</t>
  </si>
  <si>
    <t>POINT (4.670647068614575 51.77424158866861)</t>
  </si>
  <si>
    <t>POINT (4.676463349340598 51.77564843212386)</t>
  </si>
  <si>
    <t>POINT (4.665604603071887 51.81335162828386)</t>
  </si>
  <si>
    <t>POINT (4.702384606434196 51.79442331235238)</t>
  </si>
  <si>
    <t>POINT (4.6821526394503366 51.80427460305485)</t>
  </si>
  <si>
    <t>POINT (4.680039579057862 51.77415503882392)</t>
  </si>
  <si>
    <t>POINT (4.65370926305856 51.78523174309376)</t>
  </si>
  <si>
    <t>POINT (4.67102607829828 51.808569677391986)</t>
  </si>
  <si>
    <t>POINT (4.659444436460654 51.78719564275734)</t>
  </si>
  <si>
    <t>POINT (4.666291118119776 51.81447358062429)</t>
  </si>
  <si>
    <t>POINT (4.691190939420329 51.81802538356566)</t>
  </si>
  <si>
    <t>POINT (4.660403086330983 51.77069578253705)</t>
  </si>
  <si>
    <t>POINT (4.6775276882324 51.78171903444112)</t>
  </si>
  <si>
    <t>POINT (4.683285153011424 51.818834411264554)</t>
  </si>
  <si>
    <t>POINT (4.655572781548898 51.790534955656554)</t>
  </si>
  <si>
    <t>POINT (4.666966628020764 51.79917418819144)</t>
  </si>
  <si>
    <t>POINT (4.683872018576975 51.80370053216634)</t>
  </si>
  <si>
    <t>POINT (4.6610996690439555 51.78794192253169)</t>
  </si>
  <si>
    <t>POINT (4.667313394230538 51.78954408290715)</t>
  </si>
  <si>
    <t>POINT (4.6534503745980045 51.803816966188656)</t>
  </si>
  <si>
    <t>POINT (4.6765391125902775 51.78937638157392)</t>
  </si>
  <si>
    <t>POINT (4.709029322974161 51.81868882876463)</t>
  </si>
  <si>
    <t>POINT (4.6855960856243914 51.778975279458294)</t>
  </si>
  <si>
    <t>POINT (4.656208274305068 51.78468194370905)</t>
  </si>
  <si>
    <t>POINT (4.72792467487547 51.80360915769456)</t>
  </si>
  <si>
    <t>POINT (4.6700699044870895 51.77420521620832)</t>
  </si>
  <si>
    <t>POINT (4.673476879804447 51.81508937970888)</t>
  </si>
  <si>
    <t>POINT (4.6912306174571174 51.80731131877945)</t>
  </si>
  <si>
    <t>POINT (4.7149675581349815 51.76645818922264)</t>
  </si>
  <si>
    <t>POINT (4.669142412170185 51.771976658601396)</t>
  </si>
  <si>
    <t>POINT (4.6660143023759835 51.81039163981502)</t>
  </si>
  <si>
    <t>POINT (4.704943946934687 51.816423761423934)</t>
  </si>
  <si>
    <t>POINT (4.652343499818497 51.785332614618795)</t>
  </si>
  <si>
    <t>POINT (4.65094282851701 51.803450312676404)</t>
  </si>
  <si>
    <t>POINT (4.660370365061901 51.80995741465188)</t>
  </si>
  <si>
    <t>POINT (4.6554062823762505 51.80758143993323)</t>
  </si>
  <si>
    <t>POINT (4.68974587409043 51.807739738872705)</t>
  </si>
  <si>
    <t>POINT (4.693213279360214 51.79528052043075)</t>
  </si>
  <si>
    <t>POINT (4.6704296642405865 51.812044501208256)</t>
  </si>
  <si>
    <t>POINT (4.683597250621775 51.78808722604141)</t>
  </si>
  <si>
    <t>POINT (4.682948201450958 51.80761379129855)</t>
  </si>
  <si>
    <t>POINT (4.663381086351346 51.81485054092326)</t>
  </si>
  <si>
    <t>POINT (4.66401992280324 51.81150296919619)</t>
  </si>
  <si>
    <t>POINT (4.697671132842447 51.796375791651805)</t>
  </si>
  <si>
    <t>POINT (4.693493080902698 51.81850701667405)</t>
  </si>
  <si>
    <t>POINT (4.667553461846821 51.808253558279716)</t>
  </si>
  <si>
    <t>POINT (4.671603440339936 51.811966326206566)</t>
  </si>
  <si>
    <t>POINT (4.7105117489114585 51.79565867209737)</t>
  </si>
  <si>
    <t>POINT (4.652752205442178 51.765423324909946)</t>
  </si>
  <si>
    <t>POINT (4.717421070074469 51.81200103562564)</t>
  </si>
  <si>
    <t>POINT (4.662059321096901 51.7978834492205)</t>
  </si>
  <si>
    <t>POINT (4.667629872129765 51.80808137225999)</t>
  </si>
  <si>
    <t>POINT (4.689467737767578 51.806933294286075)</t>
  </si>
  <si>
    <t>POINT (4.680850990002678 51.77436625521852)</t>
  </si>
  <si>
    <t>POINT (4.680322523479916 51.78641829335459)</t>
  </si>
  <si>
    <t>POINT (4.733281253145892 51.79729059229682)</t>
  </si>
  <si>
    <t>POINT (4.661777965402695 51.79660676192705)</t>
  </si>
  <si>
    <t>POINT (4.69318377053822 51.796248731648376)</t>
  </si>
  <si>
    <t>POINT (4.668179336112293 51.790113497567184)</t>
  </si>
  <si>
    <t>POINT (4.683105526177588 51.77717683527634)</t>
  </si>
  <si>
    <t>POINT (4.666242560307323 51.78726633092159)</t>
  </si>
  <si>
    <t>POINT (4.666648569276547 51.798862709675504)</t>
  </si>
  <si>
    <t>POINT (4.666129428788656 51.8144074553072)</t>
  </si>
  <si>
    <t>POINT (4.6915828238780355 51.81850960652584)</t>
  </si>
  <si>
    <t>POINT (4.677115088797413 51.80825394814205)</t>
  </si>
  <si>
    <t>POINT (4.667920049856527 51.8148382419576)</t>
  </si>
  <si>
    <t>POINT (4.684135097593967 51.77451780747152)</t>
  </si>
  <si>
    <t>POINT (4.669678222038482 51.8055414442123)</t>
  </si>
  <si>
    <t>POINT (4.671623118221552 51.78004743258692)</t>
  </si>
  <si>
    <t>POINT (4.652066943563015 51.793248375626504)</t>
  </si>
  <si>
    <t>POINT (4.678466467988442 51.78850321267334)</t>
  </si>
  <si>
    <t>POINT (4.716059205695816 51.80808673799364)</t>
  </si>
  <si>
    <t>POINT (4.655646069599374 51.79037481141159)</t>
  </si>
  <si>
    <t>POINT (4.663414808764929 51.816718344427144)</t>
  </si>
  <si>
    <t>POINT (4.70819404126239 51.81870863712435)</t>
  </si>
  <si>
    <t>POINT (4.666588488629989 51.803992311897105)</t>
  </si>
  <si>
    <t>POINT (4.654063815072726 51.79178269621685)</t>
  </si>
  <si>
    <t>POINT (4.717404480343497 51.81403533896491)</t>
  </si>
  <si>
    <t>POINT (4.642549959247594 51.79995867203322)</t>
  </si>
  <si>
    <t>POINT (4.6677637252745985 51.814267590486004)</t>
  </si>
  <si>
    <t>POINT (4.723824990128805 51.793341987941275)</t>
  </si>
  <si>
    <t>POINT (4.658840541531768 51.79842408222075)</t>
  </si>
  <si>
    <t>POINT (4.706178175518239 51.794579092005044)</t>
  </si>
  <si>
    <t>POINT (4.677766805900355 51.81563187994079)</t>
  </si>
  <si>
    <t>POINT (4.666450274119383 51.81432808772559)</t>
  </si>
  <si>
    <t>POINT (4.658098611594651 51.79613532803149)</t>
  </si>
  <si>
    <t>POINT (4.691042918620899 51.8154997906536)</t>
  </si>
  <si>
    <t>POINT (4.7082829059816085 51.80972067086063)</t>
  </si>
  <si>
    <t>POINT (4.666419921222125 51.81772322038866)</t>
  </si>
  <si>
    <t>POINT (4.6646524273157155 51.7957550053167)</t>
  </si>
  <si>
    <t>POINT (4.67282186185927 51.81730536185387)</t>
  </si>
  <si>
    <t>POINT (4.667815722414242 51.81591040075593)</t>
  </si>
  <si>
    <t>POINT (4.683754182157025 51.7803067722089)</t>
  </si>
  <si>
    <t>POINT (4.675115087506202 51.81324940922272)</t>
  </si>
  <si>
    <t>POINT (4.673575376179075 51.811068590728986)</t>
  </si>
  <si>
    <t>POINT (4.713333685675064 51.809177395517445)</t>
  </si>
  <si>
    <t>POINT (4.663286519937101 51.80066910072787)</t>
  </si>
  <si>
    <t>POINT (4.723587137128398 51.804527300485596)</t>
  </si>
  <si>
    <t>POINT (4.6806440704081265 51.78194730263785)</t>
  </si>
  <si>
    <t>POINT (4.641670746560968 51.77626430993442)</t>
  </si>
  <si>
    <t>POINT (4.667743756428935 51.81427934210664)</t>
  </si>
  <si>
    <t>POINT (4.651476853734996 51.79598666448676)</t>
  </si>
  <si>
    <t>POINT (4.675396098774844 51.80372639024752)</t>
  </si>
  <si>
    <t>POINT (4.6620778650620815 51.8135720895888)</t>
  </si>
  <si>
    <t>POINT (4.67666636966391 51.78380393568053)</t>
  </si>
  <si>
    <t>POINT (4.714072407048918 51.81403527632733)</t>
  </si>
  <si>
    <t>POINT (4.666398753754251 51.81114022418418)</t>
  </si>
  <si>
    <t>POINT (4.651022943564154 51.79266073570507)</t>
  </si>
  <si>
    <t>POINT (4.678833533481461 51.81456586788668)</t>
  </si>
  <si>
    <t>POINT (4.678381449550727 51.785575638353244)</t>
  </si>
  <si>
    <t>POINT (4.659353983654156 51.80970068108481)</t>
  </si>
  <si>
    <t>POINT (4.659296399071447 51.811746023094706)</t>
  </si>
  <si>
    <t>POINT (4.6792317894232855 51.78897780775246)</t>
  </si>
  <si>
    <t>POINT (4.6629048810534925 51.810518357302186)</t>
  </si>
  <si>
    <t>POINT (4.686326028952368 51.80155409665414)</t>
  </si>
  <si>
    <t>POINT (4.675751408520838 51.77398301112378)</t>
  </si>
  <si>
    <t>POINT (4.6666075558823135 51.81251870700089)</t>
  </si>
  <si>
    <t>POINT (4.732023024992908 51.80134665348308)</t>
  </si>
  <si>
    <t>POINT (4.661537422172342 51.79037189679891)</t>
  </si>
  <si>
    <t>POINT (4.675114725692604 51.811549820075975)</t>
  </si>
  <si>
    <t>POINT (4.650942448296802 51.80302689750516)</t>
  </si>
  <si>
    <t>POINT (4.653726248697909 51.78550814450551)</t>
  </si>
  <si>
    <t>POINT (4.644814752085598 51.779006580689064)</t>
  </si>
  <si>
    <t>POINT (4.665457185345061 51.80918564577858)</t>
  </si>
  <si>
    <t>POINT (4.7190239773585425 51.80252471195919)</t>
  </si>
  <si>
    <t>POINT (4.6713861888966255 51.81373384640694)</t>
  </si>
  <si>
    <t>POINT (4.704796542468294 51.79443061588251)</t>
  </si>
  <si>
    <t>POINT (4.665053359135086 51.79832638021827)</t>
  </si>
  <si>
    <t>POINT (4.678363459415879 51.7863692944249)</t>
  </si>
  <si>
    <t>POINT (4.692163654091915 51.79095130145683)</t>
  </si>
  <si>
    <t>POINT (4.7258604472840124 51.79915906703335)</t>
  </si>
  <si>
    <t>POINT (4.660135520423996 51.80492772303661)</t>
  </si>
  <si>
    <t>POINT (4.687450516348494 51.809851739964344)</t>
  </si>
  <si>
    <t>POINT (4.66683680691668 51.816955648455796)</t>
  </si>
  <si>
    <t>POINT (4.6828915188348255 51.77578570828948)</t>
  </si>
  <si>
    <t>POINT (4.669714620143918 51.81718812465392)</t>
  </si>
  <si>
    <t>POINT (4.763089394442421 51.79340433884695)</t>
  </si>
  <si>
    <t>POINT (4.678519164541768 51.8154680229386)</t>
  </si>
  <si>
    <t>POINT (4.681209972118022 51.778478078825295)</t>
  </si>
  <si>
    <t>POINT (4.665113821419754 51.81621918847498)</t>
  </si>
  <si>
    <t>POINT (4.724672656212016 51.79665493348788)</t>
  </si>
  <si>
    <t>POINT (4.670457098525807 51.7727860717038)</t>
  </si>
  <si>
    <t>POINT (4.677559347757136 51.80375987971767)</t>
  </si>
  <si>
    <t>POINT (4.67545911421856 51.77460038002569)</t>
  </si>
  <si>
    <t>POINT (4.662131696581918 51.79612814305871)</t>
  </si>
  <si>
    <t>POINT (4.72767598073752 51.793449235865374)</t>
  </si>
  <si>
    <t>POINT (4.6666369026007635 51.814422671072045)</t>
  </si>
  <si>
    <t>POINT (4.673325059020996 51.81920010661228)</t>
  </si>
  <si>
    <t>POINT (4.6785249914761895 51.80820922252021)</t>
  </si>
  <si>
    <t>POINT (4.678601113780366 51.78708970002375)</t>
  </si>
  <si>
    <t>POINT (4.662570238702622 51.79207696633453)</t>
  </si>
  <si>
    <t>POINT (4.666160841533122 51.81694089073486)</t>
  </si>
  <si>
    <t>POINT (4.660417524138933 51.791926931399985)</t>
  </si>
  <si>
    <t>POINT (4.65435017930003 51.80826684345218)</t>
  </si>
  <si>
    <t>POINT (4.684643380635297 51.80317930692785)</t>
  </si>
  <si>
    <t>POINT (4.66510355349687 51.790058353707096)</t>
  </si>
  <si>
    <t>POINT (4.675809971951075 51.78492173921329)</t>
  </si>
  <si>
    <t>POINT (4.680954751681046 51.80762377870756)</t>
  </si>
  <si>
    <t>POINT (4.657854045182495 51.782060373112095)</t>
  </si>
  <si>
    <t>POINT (4.666730473908688 51.78926882076061)</t>
  </si>
  <si>
    <t>POINT (4.704687460011413 51.798936438768024)</t>
  </si>
  <si>
    <t>POINT (4.653223046481107 51.782806664339866)</t>
  </si>
  <si>
    <t>POINT (4.706072715991873 51.809181514705344)</t>
  </si>
  <si>
    <t>POINT (4.699180001975873 51.793215532459605)</t>
  </si>
  <si>
    <t>POINT (4.702287499722402 51.794535840902604)</t>
  </si>
  <si>
    <t>POINT (4.664055056498358 51.79225558342116)</t>
  </si>
  <si>
    <t>POINT (4.6552930843719205 51.791908492601934)</t>
  </si>
  <si>
    <t>POINT (4.681234613368677 51.81802569952279)</t>
  </si>
  <si>
    <t>POINT (4.656884550783073 51.79786865491619)</t>
  </si>
  <si>
    <t>POINT (4.634807061798547 51.774843259909545)</t>
  </si>
  <si>
    <t>POINT (4.7222483267999005 51.79425482155162)</t>
  </si>
  <si>
    <t>POINT (4.668022888376058 51.80752792154618)</t>
  </si>
  <si>
    <t>POINT (4.696750220101684 51.79140742385184)</t>
  </si>
  <si>
    <t>POINT (4.725747428581528 51.79712630398985)</t>
  </si>
  <si>
    <t>POINT (4.668611943876209 51.80814045956077)</t>
  </si>
  <si>
    <t>POINT (4.66306694727728 51.80077020789836)</t>
  </si>
  <si>
    <t>POINT (4.655541606784261 51.79039084297769)</t>
  </si>
  <si>
    <t>POINT (4.627638728807095 51.790384865162586)</t>
  </si>
  <si>
    <t>POINT (4.654315866213319 51.79148506390313)</t>
  </si>
  <si>
    <t>POINT (4.65382486819243 51.76571546660579)</t>
  </si>
  <si>
    <t>POINT (4.6808918677234495 51.773501266526665)</t>
  </si>
  <si>
    <t>POINT (4.683144491158745 51.801199276891786)</t>
  </si>
  <si>
    <t>POINT (4.720820292736886 51.802842662655486)</t>
  </si>
  <si>
    <t>POINT (4.667853837505978 51.79942950775374)</t>
  </si>
  <si>
    <t>POINT (4.678683300605698 51.78630930357376)</t>
  </si>
  <si>
    <t>POINT (4.667283289926121 51.799031215959936)</t>
  </si>
  <si>
    <t>POINT (4.681602611237865 51.81913311315547)</t>
  </si>
  <si>
    <t>POINT (4.673772871766504 51.804980367395)</t>
  </si>
  <si>
    <t>POINT (4.681649575001072 51.80910191166322)</t>
  </si>
  <si>
    <t>POINT (4.681048620185945 51.81260926154888)</t>
  </si>
  <si>
    <t>POINT (4.6628348406239155 51.79102317385037)</t>
  </si>
  <si>
    <t>POINT (4.732751245446025 51.79969768011832)</t>
  </si>
  <si>
    <t>POINT (4.666576403960387 51.788815670757046)</t>
  </si>
  <si>
    <t>POINT (4.6748498770490645 51.81507931300103)</t>
  </si>
  <si>
    <t>POINT (4.655439475105203 51.80085929736644)</t>
  </si>
  <si>
    <t>POINT (4.728628111756356 51.79625730736294)</t>
  </si>
  <si>
    <t>POINT (4.685037323920248 51.77706044407395)</t>
  </si>
  <si>
    <t>POINT (4.655885076269776 51.80102373740534)</t>
  </si>
  <si>
    <t>POINT (4.666145979705794 51.81051001195173)</t>
  </si>
  <si>
    <t>POINT (4.670244073037064 51.81096739596199)</t>
  </si>
  <si>
    <t>POINT (4.682313297978352 51.78897615778488)</t>
  </si>
  <si>
    <t>POINT (4.676832231333927 51.78645649835462)</t>
  </si>
  <si>
    <t>POINT (4.670897539889388 51.8077247569667)</t>
  </si>
  <si>
    <t>POINT (4.679093188149386 51.817121482948934)</t>
  </si>
  <si>
    <t>POINT (4.711685853674706 51.80673908127845)</t>
  </si>
  <si>
    <t>POINT (4.7134450445683065 51.81045397277059)</t>
  </si>
  <si>
    <t>POINT (4.711621355547314 51.81645216936393)</t>
  </si>
  <si>
    <t>POINT (4.721396375740348 51.81124168162386)</t>
  </si>
  <si>
    <t>POINT (4.683597365369627 51.81197843843766)</t>
  </si>
  <si>
    <t>POINT (4.663749821646298 51.800830770572844)</t>
  </si>
  <si>
    <t>POINT (4.66351953727133 51.78623414528494)</t>
  </si>
  <si>
    <t>POINT (4.718224702076168 51.81297285068482)</t>
  </si>
  <si>
    <t>POINT (4.724888004580587 51.80484337410152)</t>
  </si>
  <si>
    <t>POINT (4.664163787919609 51.77769946183306)</t>
  </si>
  <si>
    <t>POINT (4.701472155708189 51.799883504821295)</t>
  </si>
  <si>
    <t>POINT (4.660145721809614 51.804912820075806)</t>
  </si>
  <si>
    <t>POINT (4.6777166478038295 51.80734853525474)</t>
  </si>
  <si>
    <t>POINT (4.714667231914898 51.814354214712516)</t>
  </si>
  <si>
    <t>POINT (4.660938825722937 51.79147438753279)</t>
  </si>
  <si>
    <t>POINT (4.728965117878528 51.798639184621294)</t>
  </si>
  <si>
    <t>POINT (4.71802902937889 51.79896379772855)</t>
  </si>
  <si>
    <t>POINT (4.634467005317237 51.78023905136415)</t>
  </si>
  <si>
    <t>POINT (4.703488378514477 51.796188598231886)</t>
  </si>
  <si>
    <t>POINT (4.671038234826936 51.77301934642908)</t>
  </si>
  <si>
    <t>POINT (4.678425391487818 51.77804036186558)</t>
  </si>
  <si>
    <t>POINT (4.674316775924639 51.79697935795746)</t>
  </si>
  <si>
    <t>POINT (4.683305532925772 51.807044282896875)</t>
  </si>
  <si>
    <t>POINT (4.666064175157435 51.803832498752804)</t>
  </si>
  <si>
    <t>POINT (4.66426494847627 51.81135417020973)</t>
  </si>
  <si>
    <t>POINT (4.656128786009763 51.805866199763216)</t>
  </si>
  <si>
    <t>POINT (4.66314052859071 51.79148442866908)</t>
  </si>
  <si>
    <t>POINT (4.655550936541564 51.790538612650664)</t>
  </si>
  <si>
    <t>POINT (4.667829464916168 51.79091519410003)</t>
  </si>
  <si>
    <t>POINT (4.681255434884069 51.786921489452304)</t>
  </si>
  <si>
    <t>POINT (4.697051284402722 51.79336574207066)</t>
  </si>
  <si>
    <t>POINT (4.709194388043709 51.81038424213751)</t>
  </si>
  <si>
    <t>POINT (4.6820765807718026 51.78736969657577)</t>
  </si>
  <si>
    <t>POINT (4.680888040350884 51.80064623270746)</t>
  </si>
  <si>
    <t>POINT (4.72780340905064 51.79877273153597)</t>
  </si>
  <si>
    <t>POINT (4.676001893207165 51.809639012883956)</t>
  </si>
  <si>
    <t>POINT (4.700867367211093 51.81657989080538)</t>
  </si>
  <si>
    <t>POINT (4.704986061449234 51.80871561263219)</t>
  </si>
  <si>
    <t>POINT (4.681279109614641 51.806765074132656)</t>
  </si>
  <si>
    <t>POINT (4.690974175462282 51.807307999792975)</t>
  </si>
  <si>
    <t>POINT (4.730633228286384 51.797755401717055)</t>
  </si>
  <si>
    <t>POINT (4.669920440064424 51.80089042654884)</t>
  </si>
  <si>
    <t>POINT (4.681718810196685 51.774889362779376)</t>
  </si>
  <si>
    <t>POINT (4.692622972201453 51.78497638637314)</t>
  </si>
  <si>
    <t>POINT (4.670155668725458 51.81755549054237)</t>
  </si>
  <si>
    <t>POINT (4.652418537212542 51.782231517744265)</t>
  </si>
  <si>
    <t>POINT (4.667899865067084 51.81170124994198)</t>
  </si>
  <si>
    <t>POINT (4.677813597211217 51.81674213707208)</t>
  </si>
  <si>
    <t>POINT (4.668201204918816 51.804151848858)</t>
  </si>
  <si>
    <t>POINT (4.669542163767143 51.799436646908184)</t>
  </si>
  <si>
    <t>POINT (4.676280720790042 51.78939293716326)</t>
  </si>
  <si>
    <t>POINT (4.66881325465931 51.81024463879523)</t>
  </si>
  <si>
    <t>POINT (4.731613806559559 51.79068753161478)</t>
  </si>
  <si>
    <t>POINT (4.706477939784817 51.80793952237087)</t>
  </si>
  <si>
    <t>POINT (4.671288417038493 51.791569050122526)</t>
  </si>
  <si>
    <t>POINT (4.728611453576842 51.8054959449561)</t>
  </si>
  <si>
    <t>POINT (4.651184555662932 51.80201823016729)</t>
  </si>
  <si>
    <t>POINT (4.654020148905151 51.79185355997792)</t>
  </si>
  <si>
    <t>POINT (4.718902195816048 51.80221802690994)</t>
  </si>
  <si>
    <t>POINT (4.673234814710046 51.78952520625689)</t>
  </si>
  <si>
    <t>POINT (4.685184416189187 51.81127693089519)</t>
  </si>
  <si>
    <t>POINT (4.6679839946470505 51.81173361247283)</t>
  </si>
  <si>
    <t>POINT (4.652829618347705 51.78835815997641)</t>
  </si>
  <si>
    <t>POINT (4.6591238231063965 51.81024405761553)</t>
  </si>
  <si>
    <t>POINT (4.674754550885641 51.77843666281455)</t>
  </si>
  <si>
    <t>POINT (4.706549381993136 51.810066381493826)</t>
  </si>
  <si>
    <t>POINT (4.71662221034942 51.79527212562257)</t>
  </si>
  <si>
    <t>POINT (4.675879611175852 51.78542734438524)</t>
  </si>
  <si>
    <t>POINT (4.653592605722695 51.791849484915055)</t>
  </si>
  <si>
    <t>POINT (4.681363964041646 51.77462850589005)</t>
  </si>
  <si>
    <t>POINT (4.669365478692313 51.8094909646537)</t>
  </si>
  <si>
    <t>POINT (4.65995499261722 51.802866737400635)</t>
  </si>
  <si>
    <t>POINT (4.721732376247235 51.802104702897694)</t>
  </si>
  <si>
    <t>POINT (4.6752750142924135 51.77574369617099)</t>
  </si>
  <si>
    <t>POINT (4.667184477502156 51.81806721787068)</t>
  </si>
  <si>
    <t>POINT (4.6565153786881766 51.791511341471356)</t>
  </si>
  <si>
    <t>POINT (4.668272500734579 51.81329805280956)</t>
  </si>
  <si>
    <t>POINT (4.661294211254731 51.8109518526055)</t>
  </si>
  <si>
    <t>POINT (4.71870555226973 51.80246847198376)</t>
  </si>
  <si>
    <t>POINT (4.71927307779932 51.80062940889823)</t>
  </si>
  <si>
    <t>POINT (4.653955593164557 51.79911047672206)</t>
  </si>
  <si>
    <t>3311JZ</t>
  </si>
  <si>
    <t>Keizershofstraat</t>
  </si>
  <si>
    <t>POINT (4.657965664175354 51.81267715077952)</t>
  </si>
  <si>
    <t>POINT (4.660031875139036 51.80081955319202)</t>
  </si>
  <si>
    <t>POINT (4.718597359647858 51.79868983675957)</t>
  </si>
  <si>
    <t>POINT (4.666800838556977 51.816874889158676)</t>
  </si>
  <si>
    <t>POINT (4.733993846868987 51.79224015826226)</t>
  </si>
  <si>
    <t>POINT (4.664785588311695 51.8131782853259)</t>
  </si>
  <si>
    <t>POINT (4.69751367144911 51.79579548342839)</t>
  </si>
  <si>
    <t>POINT (4.705417379152543 51.81509885419459)</t>
  </si>
  <si>
    <t>POINT (4.663770641834247 51.79468442848422)</t>
  </si>
  <si>
    <t>POINT (4.713557617649437 51.81477690529183)</t>
  </si>
  <si>
    <t>POINT (4.730795933179259 51.8047002957098)</t>
  </si>
  <si>
    <t>POINT (4.669673640918527 51.77636920749998)</t>
  </si>
  <si>
    <t>POINT (4.675396885627195 51.775709056313794)</t>
  </si>
  <si>
    <t>POINT (4.654790719411578 51.79260775306317)</t>
  </si>
  <si>
    <t>POINT (4.662783910606645 51.790893763594674)</t>
  </si>
  <si>
    <t>POINT (4.661756286896278 51.79119344282705)</t>
  </si>
  <si>
    <t>POINT (4.7126952781800675 51.80848225829744)</t>
  </si>
  <si>
    <t>POINT (4.728072603777267 51.798128356172285)</t>
  </si>
  <si>
    <t>POINT (4.66008159528774 51.81299733377063)</t>
  </si>
  <si>
    <t>POINT (4.712661072113222 51.79534440129896)</t>
  </si>
  <si>
    <t>POINT (4.658715726212327 51.79549210976189)</t>
  </si>
  <si>
    <t>POINT (4.68339056551824 51.80220566018426)</t>
  </si>
  <si>
    <t>POINT (4.660503361753778 51.79227626984202)</t>
  </si>
  <si>
    <t>POINT (4.668127317686886 51.77466466332388)</t>
  </si>
  <si>
    <t>POINT (4.673418752885939 51.79662121773154)</t>
  </si>
  <si>
    <t>POINT (4.65553219731182 51.79020777413574)</t>
  </si>
  <si>
    <t>POINT (4.715805506946959 51.81339617064909)</t>
  </si>
  <si>
    <t>POINT (4.666091807685177 51.81040817888897)</t>
  </si>
  <si>
    <t>POINT (4.6562090471471755 51.79295015224929)</t>
  </si>
  <si>
    <t>POINT (4.644896477472605 51.7730529870293)</t>
  </si>
  <si>
    <t>POINT (4.694376184308285 51.81037716048763)</t>
  </si>
  <si>
    <t>POINT (4.670655611912635 51.80294535473096)</t>
  </si>
  <si>
    <t>POINT (4.709213770902383 51.80458758368409)</t>
  </si>
  <si>
    <t>POINT (4.668758282865647 51.80927984391693)</t>
  </si>
  <si>
    <t>POINT (4.668210363519241 51.812101980366684)</t>
  </si>
  <si>
    <t>POINT (4.7250012966080055 51.80378820792654)</t>
  </si>
  <si>
    <t>POINT (4.68240289494803 51.80982324897391)</t>
  </si>
  <si>
    <t>POINT (4.681255437738682 51.80941541205631)</t>
  </si>
  <si>
    <t>POINT (4.672896993432225 51.8047430857795)</t>
  </si>
  <si>
    <t>POINT (4.674010551632256 51.783868249096216)</t>
  </si>
  <si>
    <t>POINT (4.664860932976717 51.79572133221829)</t>
  </si>
  <si>
    <t>POINT (4.68378270338816 51.799630068401925)</t>
  </si>
  <si>
    <t>POINT (4.666774243596027 51.79391722724933)</t>
  </si>
  <si>
    <t>POINT (4.674110071764734 51.81433081889473)</t>
  </si>
  <si>
    <t>POINT (4.6408388159520335 51.77884838614876)</t>
  </si>
  <si>
    <t>3317DM</t>
  </si>
  <si>
    <t>Laan van Kopenhagen</t>
  </si>
  <si>
    <t>POINT (4.672185926729082 51.77277661566578)</t>
  </si>
  <si>
    <t>POINT (4.705786914025494 51.815747931002086)</t>
  </si>
  <si>
    <t>POINT (4.717754500966034 51.803166105709714)</t>
  </si>
  <si>
    <t>POINT (4.717387748745837 51.80410459360938)</t>
  </si>
  <si>
    <t>POINT (4.675930562807415 51.785111466875236)</t>
  </si>
  <si>
    <t>POINT (4.659217792600321 51.81022955759279)</t>
  </si>
  <si>
    <t>POINT (4.703368369760514 51.79661930977691)</t>
  </si>
  <si>
    <t>POINT (4.681905308580258 51.775199012732116)</t>
  </si>
  <si>
    <t>POINT (4.679632843666978 51.7892690790631)</t>
  </si>
  <si>
    <t>POINT (4.668499153441169 51.797311690817025)</t>
  </si>
  <si>
    <t>POINT (4.7261855685129355 51.796245737642785)</t>
  </si>
  <si>
    <t>POINT (4.685277593660086 51.81151967882673)</t>
  </si>
  <si>
    <t>POINT (4.6321817121047895 51.78119658514156)</t>
  </si>
  <si>
    <t>POINT (4.66954762671803 51.78009855394982)</t>
  </si>
  <si>
    <t>POINT (4.685172298036313 51.817545208838226)</t>
  </si>
  <si>
    <t>POINT (4.726220083272489 51.79778220855803)</t>
  </si>
  <si>
    <t>POINT (4.666534952000469 51.772586909006826)</t>
  </si>
  <si>
    <t>POINT (4.6920134022587145 51.81848292669472)</t>
  </si>
  <si>
    <t>POINT (4.651288445031021 51.790847939856675)</t>
  </si>
  <si>
    <t>POINT (4.682660821291849 51.81444584365241)</t>
  </si>
  <si>
    <t>POINT (4.650869340386482 51.78942516491228)</t>
  </si>
  <si>
    <t>POINT (4.672018902602451 51.787236629751085)</t>
  </si>
  <si>
    <t>POINT (4.705435133142105 51.809430860669266)</t>
  </si>
  <si>
    <t>POINT (4.731306340157126 51.791183289757)</t>
  </si>
  <si>
    <t>POINT (4.719725418962893 51.804359511359074)</t>
  </si>
  <si>
    <t>POINT (4.667231975975219 51.79245248844102)</t>
  </si>
  <si>
    <t>POINT (4.643511490031665 51.770895400471986)</t>
  </si>
  <si>
    <t>POINT (4.661543006622922 51.78979762493744)</t>
  </si>
  <si>
    <t>POINT (4.664533072554464 51.77868829423329)</t>
  </si>
  <si>
    <t>POINT (4.698844861767004 51.79119695778606)</t>
  </si>
  <si>
    <t>POINT (4.729798815102853 51.79132920483303)</t>
  </si>
  <si>
    <t>POINT (4.671655053467578 51.81742478712641)</t>
  </si>
  <si>
    <t>POINT (4.686568151994049 51.77476608260279)</t>
  </si>
  <si>
    <t>POINT (4.682237102548532 51.798736018258786)</t>
  </si>
  <si>
    <t>POINT (4.735247564584027 51.79835386182501)</t>
  </si>
  <si>
    <t>POINT (4.677571406547966 51.80787972359353)</t>
  </si>
  <si>
    <t>POINT (4.646846472984096 51.801215301831505)</t>
  </si>
  <si>
    <t>POINT (4.670629267353095 51.77318340029251)</t>
  </si>
  <si>
    <t>POINT (4.6818354867590415 51.81048505506769)</t>
  </si>
  <si>
    <t>POINT (4.673097067891856 51.817709773972084)</t>
  </si>
  <si>
    <t>POINT (4.668640756641837 51.77677091768591)</t>
  </si>
  <si>
    <t>POINT (4.664532057423174 51.79865802625786)</t>
  </si>
  <si>
    <t>POINT (4.675673124749652 51.79917426918361)</t>
  </si>
  <si>
    <t>POINT (4.67508511794741 51.807931096845785)</t>
  </si>
  <si>
    <t>POINT (4.712234972004941 51.804660793843325)</t>
  </si>
  <si>
    <t>POINT (4.66336497216316 51.814842522508016)</t>
  </si>
  <si>
    <t>POINT (4.675896266244923 51.78533341460291)</t>
  </si>
  <si>
    <t>POINT (4.642907153614731 51.77056273141806)</t>
  </si>
  <si>
    <t>POINT (4.688312661554945 51.80662851799541)</t>
  </si>
  <si>
    <t>POINT (4.664991212896194 51.79920528073459)</t>
  </si>
  <si>
    <t>POINT (4.654007776947203 51.794718660681454)</t>
  </si>
  <si>
    <t>POINT (4.6850554255580725 51.8004580433156)</t>
  </si>
  <si>
    <t>POINT (4.672672565168813 51.78360354186601)</t>
  </si>
  <si>
    <t>POINT (4.664735212078344 51.791571023780044)</t>
  </si>
  <si>
    <t>POINT (4.662272099566983 51.787618146610804)</t>
  </si>
  <si>
    <t>POINT (4.670516887382819 51.801482875248944)</t>
  </si>
  <si>
    <t>POINT (4.66756019661586 51.790596016773854)</t>
  </si>
  <si>
    <t>POINT (4.671526712303417 51.81508155710944)</t>
  </si>
  <si>
    <t>POINT (4.66351206464287 51.814693022107036)</t>
  </si>
  <si>
    <t>POINT (4.723166002369132 51.80604109480547)</t>
  </si>
  <si>
    <t>POINT (4.669037965192778 51.77304193713412)</t>
  </si>
  <si>
    <t>POINT (4.672712262375264 51.78352744261826)</t>
  </si>
  <si>
    <t>POINT (4.663836542494268 51.81511256467619)</t>
  </si>
  <si>
    <t>POINT (4.685965852538713 51.788011998329445)</t>
  </si>
  <si>
    <t>POINT (4.676761323862494 51.774508662487165)</t>
  </si>
  <si>
    <t>POINT (4.733007503738918 51.79491596595062)</t>
  </si>
  <si>
    <t>POINT (4.632176623121294 51.722737334218294)</t>
  </si>
  <si>
    <t>POINT (4.681522734852044 51.77490048872627)</t>
  </si>
  <si>
    <t>POINT (4.669801749529441 51.81109062406758)</t>
  </si>
  <si>
    <t>POINT (4.678486352150845 51.7863774166847)</t>
  </si>
  <si>
    <t>POINT (4.680409895000985 51.78085080759801)</t>
  </si>
  <si>
    <t>POINT (4.7216501997250875 51.79821209900351)</t>
  </si>
  <si>
    <t>POINT (4.6760307964800445 51.785744114944755)</t>
  </si>
  <si>
    <t>POINT (4.660682441421313 51.81296414757289)</t>
  </si>
  <si>
    <t>POINT (4.686365675368912 51.81060701932115)</t>
  </si>
  <si>
    <t>POINT (4.7186790929282925 51.80249875679078)</t>
  </si>
  <si>
    <t>POINT (4.710755549615994 51.811229986472334)</t>
  </si>
  <si>
    <t>POINT (4.675658660875319 51.80537774693475)</t>
  </si>
  <si>
    <t>POINT (4.6776089544067325 51.78883758565734)</t>
  </si>
  <si>
    <t>POINT (4.728682262377031 51.798080022921646)</t>
  </si>
  <si>
    <t>POINT (4.709644028127735 51.79568062109208)</t>
  </si>
  <si>
    <t>POINT (4.668255586657234 51.7797873354449)</t>
  </si>
  <si>
    <t>POINT (4.685302894601434 51.8071147635872)</t>
  </si>
  <si>
    <t>POINT (4.668541862229822 51.79713331115541)</t>
  </si>
  <si>
    <t>POINT (4.6691940746805445 51.77799758916802)</t>
  </si>
  <si>
    <t>POINT (4.677560074748242 51.780819802934474)</t>
  </si>
  <si>
    <t>POINT (4.690964062394292 51.81869192166444)</t>
  </si>
  <si>
    <t>POINT (4.695664834181004 51.817623665033516)</t>
  </si>
  <si>
    <t>POINT (4.668458937036326 51.77461046264272)</t>
  </si>
  <si>
    <t>POINT (4.677296833692129 51.77509904752997)</t>
  </si>
  <si>
    <t>POINT (4.719687583523943 51.802026670915225)</t>
  </si>
  <si>
    <t>POINT (4.733499780535696 51.79145558292671)</t>
  </si>
  <si>
    <t>POINT (4.666307162584738 51.800990968366406)</t>
  </si>
  <si>
    <t>POINT (4.662607231877812 51.80093686954064)</t>
  </si>
  <si>
    <t>POINT (4.675932055539215 51.7847032541543)</t>
  </si>
  <si>
    <t>POINT (4.7255165646961235 51.80430578621208)</t>
  </si>
  <si>
    <t>POINT (4.673478450345156 51.81802045015165)</t>
  </si>
  <si>
    <t>POINT (4.673294346269554 51.81093810065349)</t>
  </si>
  <si>
    <t>POINT (4.65559322507736 51.787174742911105)</t>
  </si>
  <si>
    <t>POINT (4.663088955284316 51.81628284640257)</t>
  </si>
  <si>
    <t>POINT (4.666588428216841 51.77475068729286)</t>
  </si>
  <si>
    <t>POINT (4.67416873887087 51.8165467563886)</t>
  </si>
  <si>
    <t>POINT (4.659110613628056 51.79845095385044)</t>
  </si>
  <si>
    <t>POINT (4.669431579973115 51.816616539141584)</t>
  </si>
  <si>
    <t>POINT (4.698805238068544 51.789870500286725)</t>
  </si>
  <si>
    <t>POINT (4.673345978494938 51.77506801983157)</t>
  </si>
  <si>
    <t>POINT (4.652408312382163 51.785324652134626)</t>
  </si>
  <si>
    <t>POINT (4.66682610847418 51.8144213517761)</t>
  </si>
  <si>
    <t>POINT (4.684906835735154 51.804901927127055)</t>
  </si>
  <si>
    <t>POINT (4.663611889955741 51.814599696971804)</t>
  </si>
  <si>
    <t>POINT (4.678600116250754 51.78705816165699)</t>
  </si>
  <si>
    <t>POINT (4.679397924414025 51.80029205169127)</t>
  </si>
  <si>
    <t>POINT (4.67953935622662 51.77576223150348)</t>
  </si>
  <si>
    <t>POINT (4.682212611669915 51.80124521347503)</t>
  </si>
  <si>
    <t>POINT (4.668262656261644 51.791874094437205)</t>
  </si>
  <si>
    <t>POINT (4.6820765414505185 51.8132945180765)</t>
  </si>
  <si>
    <t>POINT (4.663715690638993 51.8029746687604)</t>
  </si>
  <si>
    <t>POINT (4.694822860465831 51.79351437190808)</t>
  </si>
  <si>
    <t>POINT (4.732254860028572 51.80275473225785)</t>
  </si>
  <si>
    <t>POINT (4.721085571556557 51.79933650270749)</t>
  </si>
  <si>
    <t>POINT (4.683716256724996 51.81924114411051)</t>
  </si>
  <si>
    <t>POINT (4.672738051172784 51.78360848903946)</t>
  </si>
  <si>
    <t>POINT (4.6669171682903245 51.799798382910424)</t>
  </si>
  <si>
    <t>POINT (4.67391492391384 51.804442197816456)</t>
  </si>
  <si>
    <t>POINT (4.662193074848483 51.78797197511156)</t>
  </si>
  <si>
    <t>POINT (4.723069253811822 51.81914508308404)</t>
  </si>
  <si>
    <t>POINT (4.669338214613467 51.80565476130513)</t>
  </si>
  <si>
    <t>POINT (4.679796834142212 51.780622816793475)</t>
  </si>
  <si>
    <t>POINT (4.6737347454486855 51.80733516048652)</t>
  </si>
  <si>
    <t>POINT (4.684152433226053 51.8039727807103)</t>
  </si>
  <si>
    <t>POINT (4.671854823316128 51.81925089325417)</t>
  </si>
  <si>
    <t>POINT (4.677205685236802 51.80865378220701)</t>
  </si>
  <si>
    <t>120A</t>
  </si>
  <si>
    <t>POINT (4.631390875384169 51.721857245477274)</t>
  </si>
  <si>
    <t>POINT (4.671542917315573 51.79872912559757)</t>
  </si>
  <si>
    <t>POINT (4.681390727266344 51.785383834768126)</t>
  </si>
  <si>
    <t>POINT (4.697586882794405 51.79670832666916)</t>
  </si>
  <si>
    <t>POINT (4.721966228472554 51.806187258907336)</t>
  </si>
  <si>
    <t>POINT (4.70145329963873 51.797800613351086)</t>
  </si>
  <si>
    <t>POINT (4.685580146839958 51.80324662839128)</t>
  </si>
  <si>
    <t>POINT (4.715503674751498 51.803207345092325)</t>
  </si>
  <si>
    <t>POINT (4.6910715922855095 51.806282953218776)</t>
  </si>
  <si>
    <t>POINT (4.685616397759014 51.77831839908281)</t>
  </si>
  <si>
    <t>POINT (4.678590129119572 51.7731383415121)</t>
  </si>
  <si>
    <t>POINT (4.728978731579408 51.805272085396666)</t>
  </si>
  <si>
    <t>POINT (4.661255760036808 51.78892434764176)</t>
  </si>
  <si>
    <t>POINT (4.688298877402602 51.81020656256427)</t>
  </si>
  <si>
    <t>POINT (4.671018979844312 51.81662669537554)</t>
  </si>
  <si>
    <t>POINT (4.664150050826414 51.79742269329841)</t>
  </si>
  <si>
    <t>POINT (4.670697035604558 51.80629258881576)</t>
  </si>
  <si>
    <t>POINT (4.720998952854026 51.79481625699426)</t>
  </si>
  <si>
    <t>POINT (4.657296774133981 51.79988809583137)</t>
  </si>
  <si>
    <t>POINT (4.655077792867181 51.80406358856955)</t>
  </si>
  <si>
    <t>POINT (4.667666529016727 51.79513916145642)</t>
  </si>
  <si>
    <t>POINT (4.7313488875954866 51.79259180597554)</t>
  </si>
  <si>
    <t>POINT (4.690102426618803 51.808456959666884)</t>
  </si>
  <si>
    <t>POINT (4.72919404219119 51.798981228110186)</t>
  </si>
  <si>
    <t>POINT (4.656480517743588 51.78887141878007)</t>
  </si>
  <si>
    <t>POINT (4.721769380208529 51.803018284805695)</t>
  </si>
  <si>
    <t>POINT (4.681399944738186 51.804073459629535)</t>
  </si>
  <si>
    <t>POINT (4.717855940772616 51.80490159182733)</t>
  </si>
  <si>
    <t>POINT (4.7161017723623235 51.80137119552572)</t>
  </si>
  <si>
    <t>POINT (4.666108144273119 51.81048926729245)</t>
  </si>
  <si>
    <t>POINT (4.703489489099993 51.79044760545016)</t>
  </si>
  <si>
    <t>POINT (4.668304757684386 51.77404064879743)</t>
  </si>
  <si>
    <t>POINT (4.6804878438472555 51.77442693457577)</t>
  </si>
  <si>
    <t>POINT (4.674216329893115 51.796977354335674)</t>
  </si>
  <si>
    <t>POINT (4.661747665469254 51.7998724290223)</t>
  </si>
  <si>
    <t>POINT (4.659684563195513 51.789371186463946)</t>
  </si>
  <si>
    <t>POINT (4.71889943630159 51.80213225051744)</t>
  </si>
  <si>
    <t>POINT (4.678743088899743 51.77365176579968)</t>
  </si>
  <si>
    <t>POINT (4.720796468156503 51.804959307856656)</t>
  </si>
  <si>
    <t>POINT (4.661593350442444 51.80388337150064)</t>
  </si>
  <si>
    <t>POINT (4.69099199293096 51.818818944189374)</t>
  </si>
  <si>
    <t>POINT (4.670336155293166 51.78442950552805)</t>
  </si>
  <si>
    <t>POINT (4.657730947130135 51.77103431854793)</t>
  </si>
  <si>
    <t>POINT (4.664980579820537 51.809979191598636)</t>
  </si>
  <si>
    <t>POINT (4.675319912560632 51.81575502987365)</t>
  </si>
  <si>
    <t>POINT (4.681854455763695 51.78705778390112)</t>
  </si>
  <si>
    <t>POINT (4.708552985713018 51.7883036186335)</t>
  </si>
  <si>
    <t>POINT (4.67862057597285 51.805730867258376)</t>
  </si>
  <si>
    <t>POINT (4.636522131141149 51.78187101305388)</t>
  </si>
  <si>
    <t>POINT (4.659326267810292 51.771996505495494)</t>
  </si>
  <si>
    <t>POINT (4.671027012501805 51.805838607450255)</t>
  </si>
  <si>
    <t>POINT (4.637137160178687 51.778214338192186)</t>
  </si>
  <si>
    <t>POINT (4.665658637929566 51.77183207730509)</t>
  </si>
  <si>
    <t>POINT (4.6571624140255174 51.81018667656793)</t>
  </si>
  <si>
    <t>POINT (4.665099039236121 51.812097006704846)</t>
  </si>
  <si>
    <t>POINT (4.72198272577483 51.80281209056446)</t>
  </si>
  <si>
    <t>POINT (4.673416471259134 51.813847622980255)</t>
  </si>
  <si>
    <t>POINT (4.663960796299062 51.79174274521002)</t>
  </si>
  <si>
    <t>POINT (4.677486209083721 51.80406610409119)</t>
  </si>
  <si>
    <t>POINT (4.662584698765809 51.79625370048393)</t>
  </si>
  <si>
    <t>POINT (4.672475117190159 51.819485042893696)</t>
  </si>
  <si>
    <t>POINT (4.730165419328419 51.800394014139016)</t>
  </si>
  <si>
    <t>POINT (4.711028283916369 51.814464961345294)</t>
  </si>
  <si>
    <t>POINT (4.697455256298026 51.790243349017)</t>
  </si>
  <si>
    <t>POINT (4.676835694468279 51.78651362451716)</t>
  </si>
  <si>
    <t>POINT (4.7193962580919075 51.80100894558455)</t>
  </si>
  <si>
    <t>POINT (4.663614139854571 51.78718010722508)</t>
  </si>
  <si>
    <t>POINT (4.665233858917808 51.78015377031586)</t>
  </si>
  <si>
    <t>POINT (4.7024361198240685 51.79543685153819)</t>
  </si>
  <si>
    <t>POINT (4.736176840659564 51.79947849350768)</t>
  </si>
  <si>
    <t>POINT (4.669953835589228 51.79609928130594)</t>
  </si>
  <si>
    <t>POINT (4.658813412067884 51.803299760691274)</t>
  </si>
  <si>
    <t>POINT (4.694793495628643 51.796709015706526)</t>
  </si>
  <si>
    <t>POINT (4.676936897739417 51.808216789180584)</t>
  </si>
  <si>
    <t>POINT (4.652465839980809 51.801361869702376)</t>
  </si>
  <si>
    <t>POINT (4.666935245485293 51.79419618229886)</t>
  </si>
  <si>
    <t>POINT (4.655518664324352 51.79011183411388)</t>
  </si>
  <si>
    <t>POINT (4.681605320253847 51.812336694011634)</t>
  </si>
  <si>
    <t>POINT (4.636904327701384 51.77701893754787)</t>
  </si>
  <si>
    <t>POINT (4.693462943139578 51.795617391378016)</t>
  </si>
  <si>
    <t>POINT (4.72833192494966 51.79928185107393)</t>
  </si>
  <si>
    <t>POINT (4.653552399145665 51.791490089521226)</t>
  </si>
  <si>
    <t>POINT (4.714096589735175 51.81023480242847)</t>
  </si>
  <si>
    <t>POINT (4.723627809056068 51.81996813976998)</t>
  </si>
  <si>
    <t>POINT (4.6722278292097155 51.81958428166937)</t>
  </si>
  <si>
    <t>POINT (4.660558058619868 51.771871874953554)</t>
  </si>
  <si>
    <t>POINT (4.699042140085053 51.79074356692393)</t>
  </si>
  <si>
    <t>POINT (4.683568041049587 51.81023999851044)</t>
  </si>
  <si>
    <t>POINT (4.674401735789575 51.80519350864806)</t>
  </si>
  <si>
    <t>POINT (4.677316033990317 51.77977244571242)</t>
  </si>
  <si>
    <t>POINT (4.700758641236163 51.79037802263289)</t>
  </si>
  <si>
    <t>POINT (4.668201277883917 51.79357060461699)</t>
  </si>
  <si>
    <t>POINT (4.668206705452782 51.79187950430632)</t>
  </si>
  <si>
    <t>POINT (4.6970994751998045 51.79289717635703)</t>
  </si>
  <si>
    <t>POINT (4.7818980861776925 51.8105369829901)</t>
  </si>
  <si>
    <t>POINT (4.651705917981212 51.790503566664185)</t>
  </si>
  <si>
    <t>POINT (4.665599384841692 51.81478394196272)</t>
  </si>
  <si>
    <t>POINT (4.659313313380904 51.77179802592492)</t>
  </si>
  <si>
    <t>POINT (4.687720345331563 51.80640189893868)</t>
  </si>
  <si>
    <t>POINT (4.681918185199478 51.80926888194781)</t>
  </si>
  <si>
    <t>POINT (4.673407201423245 51.78709353615272)</t>
  </si>
  <si>
    <t>POINT (4.678345754442874 51.77350923099595)</t>
  </si>
  <si>
    <t>POINT (4.6538679374992595 51.80069781013301)</t>
  </si>
  <si>
    <t>POINT (4.724516561950483 51.80284820777537)</t>
  </si>
  <si>
    <t>POINT (4.634245358719401 51.77059460225392)</t>
  </si>
  <si>
    <t>POINT (4.676090402317756 51.808404469510464)</t>
  </si>
  <si>
    <t>POINT (4.680455424106324 51.781103655401196)</t>
  </si>
  <si>
    <t>POINT (4.628179008374374 51.72265207581906)</t>
  </si>
  <si>
    <t>POINT (4.682388502611147 51.80512221376047)</t>
  </si>
  <si>
    <t>POINT (4.6733401403674515 51.79566287768496)</t>
  </si>
  <si>
    <t>POINT (4.674104563886257 51.81904505392557)</t>
  </si>
  <si>
    <t>POINT (4.697470108204735 51.791417411266835)</t>
  </si>
  <si>
    <t>POINT (4.6627953845200345 51.79102773917137)</t>
  </si>
  <si>
    <t>POINT (4.663007298276682 51.81002391067518)</t>
  </si>
  <si>
    <t>POINT (4.659643392486443 51.8003894267242)</t>
  </si>
  <si>
    <t>POINT (4.6604261925347705 51.80336757668622)</t>
  </si>
  <si>
    <t>POINT (4.67400768770032 51.80764653358152)</t>
  </si>
  <si>
    <t>POINT (4.710370401838928 51.80127804153118)</t>
  </si>
  <si>
    <t>POINT (4.665185182624335 51.8128058536864)</t>
  </si>
  <si>
    <t>POINT (4.716623077991485 51.81270573589342)</t>
  </si>
  <si>
    <t>POINT (4.719110083304616 51.80566057620061)</t>
  </si>
  <si>
    <t>POINT (4.683460657575356 51.77600600403504)</t>
  </si>
  <si>
    <t>POINT (4.672488639425987 51.812829761546894)</t>
  </si>
  <si>
    <t>POINT (4.6667489178723045 51.7991306316495)</t>
  </si>
  <si>
    <t>POINT (4.71051980914901 51.79544122897055)</t>
  </si>
  <si>
    <t>POINT (4.651716592048283 51.794552967430384)</t>
  </si>
  <si>
    <t>POINT (4.663657965289055 51.80413174151142)</t>
  </si>
  <si>
    <t>POINT (4.6820277715887 51.781751397250666)</t>
  </si>
  <si>
    <t>POINT (4.731820871689998 51.80451272418107)</t>
  </si>
  <si>
    <t>POINT (4.67195552051367 51.81237623485546)</t>
  </si>
  <si>
    <t>POINT (4.668286032008822 51.81309155794815)</t>
  </si>
  <si>
    <t>POINT (4.661423834452518 51.80220181507435)</t>
  </si>
  <si>
    <t>POINT (4.691479675411843 51.793823246782765)</t>
  </si>
  <si>
    <t>POINT (4.659671840929088 51.790689517274785)</t>
  </si>
  <si>
    <t>POINT (4.658083040107523 51.810056176789665)</t>
  </si>
  <si>
    <t>POINT (4.6660742267352076 51.80004849287039)</t>
  </si>
  <si>
    <t>POINT (4.6676747707351645 51.788063586605084)</t>
  </si>
  <si>
    <t>POINT (4.667725921152267 51.79349407291224)</t>
  </si>
  <si>
    <t>POINT (4.6839085541867735 51.81235882545642)</t>
  </si>
  <si>
    <t>POINT (4.714038530946439 51.80814724359855)</t>
  </si>
  <si>
    <t>POINT (4.682572683403438 51.79878089214845)</t>
  </si>
  <si>
    <t>POINT (4.667213958489711 51.77112038109479)</t>
  </si>
  <si>
    <t>POINT (4.6633217116402905 51.79306834041098)</t>
  </si>
  <si>
    <t>POINT (4.650026039494547 51.79350461912675)</t>
  </si>
  <si>
    <t>POINT (4.6706222432537485 51.77989752083131)</t>
  </si>
  <si>
    <t>POINT (4.725811042678294 51.793027056938286)</t>
  </si>
  <si>
    <t>POINT (4.661826805226556 51.80284734911723)</t>
  </si>
  <si>
    <t>POINT (4.6733593247231955 51.811649904536175)</t>
  </si>
  <si>
    <t>POINT (4.659184408652065 51.81274433981369)</t>
  </si>
  <si>
    <t>POINT (4.670075400088866 51.79653993103102)</t>
  </si>
  <si>
    <t>POINT (4.721825391976518 51.79887096281004)</t>
  </si>
  <si>
    <t>POINT (4.728106348920919 51.79200320554807)</t>
  </si>
  <si>
    <t>POINT (4.732466372001888 51.79744319616211)</t>
  </si>
  <si>
    <t>POINT (4.70445406676284 51.78838370743762)</t>
  </si>
  <si>
    <t>POINT (4.6820029907052945 51.780096986238)</t>
  </si>
  <si>
    <t>POINT (4.683973522134854 51.774543022872905)</t>
  </si>
  <si>
    <t>POINT (4.72883036042233 51.7921597273207)</t>
  </si>
  <si>
    <t>POINT (4.711169233168059 51.807003257685665)</t>
  </si>
  <si>
    <t>POINT (4.697981337979344 51.801031775224274)</t>
  </si>
  <si>
    <t>POINT (4.67858667532594 51.78974946604143)</t>
  </si>
  <si>
    <t>POINT (4.675455603377428 51.80838117839133)</t>
  </si>
  <si>
    <t>POINT (4.659366353194943 51.80465291616884)</t>
  </si>
  <si>
    <t>POINT (4.665277023897571 51.809235683146476)</t>
  </si>
  <si>
    <t>POINT (4.683215837954774 51.81013599060563)</t>
  </si>
  <si>
    <t>POINT (4.71205389035257 51.79436845267168)</t>
  </si>
  <si>
    <t>POINT (4.676197360605745 51.803554270159594)</t>
  </si>
  <si>
    <t>POINT (4.702216787765179 51.79997428938189)</t>
  </si>
  <si>
    <t>POINT (4.7082634472253435 51.81166011031546)</t>
  </si>
  <si>
    <t>POINT (4.665017718224217 51.80370761868184)</t>
  </si>
  <si>
    <t>POINT (4.6640037080485595 51.7953509662152)</t>
  </si>
  <si>
    <t>POINT (4.678019248176216 51.787923444714885)</t>
  </si>
  <si>
    <t>POINT (4.723648773108231 51.80428293331718)</t>
  </si>
  <si>
    <t>POINT (4.6807040807434905 51.807089160601414)</t>
  </si>
  <si>
    <t>POINT (4.649679200611607 51.79433794899306)</t>
  </si>
  <si>
    <t>POINT (4.66640831882945 51.81281234802684)</t>
  </si>
  <si>
    <t>POINT (4.680827535099991 51.809985415293085)</t>
  </si>
  <si>
    <t>POINT (4.6789068762451285 51.77802834922253)</t>
  </si>
  <si>
    <t>POINT (4.678946157949724 51.78928572607381)</t>
  </si>
  <si>
    <t>POINT (4.712812442702272 51.795252256860984)</t>
  </si>
  <si>
    <t>POINT (4.665364716033394 51.798860031409774)</t>
  </si>
  <si>
    <t>POINT (4.670493903510922 51.77767501522908)</t>
  </si>
  <si>
    <t>POINT (4.671561247400456 51.81190467626055)</t>
  </si>
  <si>
    <t>POINT (4.67251352570578 51.806001251451164)</t>
  </si>
  <si>
    <t>POINT (4.68110306762182 51.79864737493675)</t>
  </si>
  <si>
    <t>POINT (4.71565083800609 51.809055085166314)</t>
  </si>
  <si>
    <t>POINT (4.661759072754237 51.78823844984955)</t>
  </si>
  <si>
    <t>POINT (4.716155234049081 51.80252249777151)</t>
  </si>
  <si>
    <t>POINT (4.6632138516422685 51.81100465507214)</t>
  </si>
  <si>
    <t>POINT (4.703765113686858 51.81522664427154)</t>
  </si>
  <si>
    <t>POINT (4.6711371559742005 51.81296962919203)</t>
  </si>
  <si>
    <t>POINT (4.676500978642089 51.81843610030179)</t>
  </si>
  <si>
    <t>POINT (4.6962728184130995 51.792943986649526)</t>
  </si>
  <si>
    <t>POINT (4.681709291385515 51.80699424772722)</t>
  </si>
  <si>
    <t>POINT (4.670671615127141 51.809632510108685)</t>
  </si>
  <si>
    <t>POINT (4.733273058776779 51.7998707174612)</t>
  </si>
  <si>
    <t>POINT (4.722918629064393 51.80240458933573)</t>
  </si>
  <si>
    <t>POINT (4.672049828836294 51.81650560314508)</t>
  </si>
  <si>
    <t>POINT (4.662746742004339 51.809968927582545)</t>
  </si>
  <si>
    <t>POINT (4.679265802552522 51.7821951612403)</t>
  </si>
  <si>
    <t>POINT (4.659997711025149 51.804435421280346)</t>
  </si>
  <si>
    <t>POINT (4.652474511085757 51.80107256868532)</t>
  </si>
  <si>
    <t>POINT (4.660782745980447 51.79749358645339)</t>
  </si>
  <si>
    <t>POINT (4.67673253969492 51.78660596089721)</t>
  </si>
  <si>
    <t>POINT (4.672151204733166 51.81254833800891)</t>
  </si>
  <si>
    <t>POINT (4.706099485558537 51.79292715670717)</t>
  </si>
  <si>
    <t>POINT (4.672391530209721 51.772363767888436)</t>
  </si>
  <si>
    <t>POINT (4.643302508136781 51.798675713965956)</t>
  </si>
  <si>
    <t>POINT (4.679364807437349 51.785223943059684)</t>
  </si>
  <si>
    <t>POINT (4.659350788228183 51.78875379394345)</t>
  </si>
  <si>
    <t>POINT (4.683414932662626 51.7890032573188)</t>
  </si>
  <si>
    <t>POINT (4.697221865551109 51.79285895730245)</t>
  </si>
  <si>
    <t>POINT (4.663230013712287 51.78996566525817)</t>
  </si>
  <si>
    <t>POINT (4.7146318436936845 51.81604099912363)</t>
  </si>
  <si>
    <t>POINT (4.664701416825505 51.816001740029314)</t>
  </si>
  <si>
    <t>POINT (4.669596696847807 51.80184900506466)</t>
  </si>
  <si>
    <t>3317NK</t>
  </si>
  <si>
    <t>POINT (4.663660447068683 51.78390835001958)</t>
  </si>
  <si>
    <t>POINT (4.663595391824388 51.79653190052896)</t>
  </si>
  <si>
    <t>POINT (4.678509838984237 51.78704223663408)</t>
  </si>
  <si>
    <t>POINT (4.6952067069590395 51.796267026735784)</t>
  </si>
  <si>
    <t>POINT (4.669934495509324 51.80410614299344)</t>
  </si>
  <si>
    <t>POINT (4.664982846506549 51.79357925797375)</t>
  </si>
  <si>
    <t>POINT (4.682897137556113 51.789702489909146)</t>
  </si>
  <si>
    <t>POINT (4.730531622253879 51.7954937129457)</t>
  </si>
  <si>
    <t>POINT (4.680048414137288 51.801648689336496)</t>
  </si>
  <si>
    <t>POINT (4.668516027786316 51.77657136805967)</t>
  </si>
  <si>
    <t>POINT (4.6722919159331315 51.79331322369664)</t>
  </si>
  <si>
    <t>POINT (4.680051917979471 51.774183175963536)</t>
  </si>
  <si>
    <t>POINT (4.671289992068858 51.81864457925747)</t>
  </si>
  <si>
    <t>POINT (4.7002064796281555 51.79782810547245)</t>
  </si>
  <si>
    <t>POINT (4.625896273855098 51.79731491267118)</t>
  </si>
  <si>
    <t>POINT (4.653792137999348 51.78583161098188)</t>
  </si>
  <si>
    <t>POINT (4.628279398114254 51.72215268796477)</t>
  </si>
  <si>
    <t>POINT (4.6645100305295655 51.788499077689366)</t>
  </si>
  <si>
    <t>POINT (4.630856205490934 51.721674783851164)</t>
  </si>
  <si>
    <t>POINT (4.717701764349859 51.81424128403844)</t>
  </si>
  <si>
    <t>POINT (4.704685035774008 51.81541328978571)</t>
  </si>
  <si>
    <t>POINT (4.721422260655184 51.80365505771381)</t>
  </si>
  <si>
    <t>POINT (4.6710170024287585 51.800117293537284)</t>
  </si>
  <si>
    <t>POINT (4.638297234301346 51.77850906723805)</t>
  </si>
  <si>
    <t>POINT (4.7317844442460695 51.80060130454217)</t>
  </si>
  <si>
    <t>POINT (4.683055399653365 51.804119711036634)</t>
  </si>
  <si>
    <t>POINT (4.672601600803674 51.78348879123602)</t>
  </si>
  <si>
    <t>POINT (4.682820017629638 51.81829025167823)</t>
  </si>
  <si>
    <t>POINT (4.679413488406488 51.77547996370639)</t>
  </si>
  <si>
    <t>POINT (4.720605281741206 51.812654123064824)</t>
  </si>
  <si>
    <t>POINT (4.686622153473441 51.78256819834194)</t>
  </si>
  <si>
    <t>POINT (4.7310120332294145 51.792669292110816)</t>
  </si>
  <si>
    <t>POINT (4.710914436568871 51.79667344059725)</t>
  </si>
  <si>
    <t>POINT (4.695604262216662 51.76026961519947)</t>
  </si>
  <si>
    <t>POINT (4.709865168011941 51.80857513284299)</t>
  </si>
  <si>
    <t>POINT (4.684047893425846 51.77713912714922)</t>
  </si>
  <si>
    <t>POINT (4.673521250882456 51.8156257517752)</t>
  </si>
  <si>
    <t>3315KJ</t>
  </si>
  <si>
    <t>POINT (4.717643070688456 51.80398006594857)</t>
  </si>
  <si>
    <t>POINT (4.6790364737124746 51.79987121384893)</t>
  </si>
  <si>
    <t>POINT (4.725804418376287 51.80634019848487)</t>
  </si>
  <si>
    <t>POINT (4.6659849276323015 51.808327999422374)</t>
  </si>
  <si>
    <t>POINT (4.667274433403126 51.801917537967626)</t>
  </si>
  <si>
    <t>POINT (4.65166064030795 51.783091320830934)</t>
  </si>
  <si>
    <t>POINT (4.685431535711261 51.81187690114655)</t>
  </si>
  <si>
    <t>POINT (4.684255621469865 51.7825885206573)</t>
  </si>
  <si>
    <t>POINT (4.661868253379883 51.80996626036196)</t>
  </si>
  <si>
    <t>POINT (4.715739490784581 51.803166915551174)</t>
  </si>
  <si>
    <t>POINT (4.651650833414252 51.7933877620948)</t>
  </si>
  <si>
    <t>POINT (4.733527716345851 51.801286813054716)</t>
  </si>
  <si>
    <t>POINT (4.637825244007212 51.77655279948315)</t>
  </si>
  <si>
    <t>POINT (4.667918821573961 51.81051937286363)</t>
  </si>
  <si>
    <t>POINT (4.6652703818315056 51.80042870600014)</t>
  </si>
  <si>
    <t>POINT (4.66269768829935 51.792960138474356)</t>
  </si>
  <si>
    <t>POINT (4.668352092219022 51.78273528874758)</t>
  </si>
  <si>
    <t>POINT (4.673240661591717 51.793327657464275)</t>
  </si>
  <si>
    <t>POINT (4.692023254929123 51.78952066714211)</t>
  </si>
  <si>
    <t>POINT (4.666858541990124 51.77315393684892)</t>
  </si>
  <si>
    <t>POINT (4.70442402172511 51.79332462226448)</t>
  </si>
  <si>
    <t>POINT (4.6348426108884055 51.75706148607227)</t>
  </si>
  <si>
    <t>POINT (4.71349445071663 51.800015731128305)</t>
  </si>
  <si>
    <t>POINT (4.712011578618566 51.79516247409748)</t>
  </si>
  <si>
    <t>POINT (4.710445031689399 51.79457391325165)</t>
  </si>
  <si>
    <t>POINT (4.664155660216089 51.81490638042213)</t>
  </si>
  <si>
    <t>POINT (4.701180929620964 51.79511067273901)</t>
  </si>
  <si>
    <t>POINT (4.675950541807702 51.81459587273072)</t>
  </si>
  <si>
    <t>POINT (4.6523616376524926 51.785656115375474)</t>
  </si>
  <si>
    <t>POINT (4.684294452281958 51.78675980327126)</t>
  </si>
  <si>
    <t>POINT (4.650552309885821 51.79522926302299)</t>
  </si>
  <si>
    <t>POINT (4.701739734456842 51.7987372879957)</t>
  </si>
  <si>
    <t>POINT (4.7178472881295574 51.814538721088226)</t>
  </si>
  <si>
    <t>POINT (4.672169746819617 51.815100748513835)</t>
  </si>
  <si>
    <t>POINT (4.686580009037467 51.80864129171229)</t>
  </si>
  <si>
    <t>POINT (4.663269201036405 51.8106670220609)</t>
  </si>
  <si>
    <t>POINT (4.669655336029365 51.79024597677931)</t>
  </si>
  <si>
    <t>POINT (4.728517407607721 51.80490543898531)</t>
  </si>
  <si>
    <t>POINT (4.666936329679195 51.81482241988433)</t>
  </si>
  <si>
    <t>POINT (4.676916913669662 51.7754920077717)</t>
  </si>
  <si>
    <t>POINT (4.686532730143265 51.80866880237454)</t>
  </si>
  <si>
    <t>POINT (4.653705073814776 51.785139960066964)</t>
  </si>
  <si>
    <t>POINT (4.672869763932804 51.80790552399449)</t>
  </si>
  <si>
    <t>POINT (4.680367756519845 51.809553078234416)</t>
  </si>
  <si>
    <t>POINT (4.692594766421691 51.79564201604598)</t>
  </si>
  <si>
    <t>POINT (4.676570308446126 51.77753447952285)</t>
  </si>
  <si>
    <t>POINT (4.7013194825401 51.80413900389978)</t>
  </si>
  <si>
    <t>POINT (4.681020747679345 51.78129716230619)</t>
  </si>
  <si>
    <t>POINT (4.663889246253419 51.81244053718827)</t>
  </si>
  <si>
    <t>POINT (4.67611085021763 51.80837307014142)</t>
  </si>
  <si>
    <t>POINT (4.657162127353105 51.80679746201133)</t>
  </si>
  <si>
    <t>POINT (4.656111996263142 51.802923717478414)</t>
  </si>
  <si>
    <t>POINT (4.6553022943578855 51.801057595358515)</t>
  </si>
  <si>
    <t>POINT (4.678170912039972 51.817727907813776)</t>
  </si>
  <si>
    <t>POINT (4.701943708437679 51.78986207085418)</t>
  </si>
  <si>
    <t>POINT (4.6643553034023855 51.814526499327464)</t>
  </si>
  <si>
    <t>POINT (4.6713835445569405 51.800427428847435)</t>
  </si>
  <si>
    <t>POINT (4.70130720683542 51.790083472436905)</t>
  </si>
  <si>
    <t>POINT (4.655572900616971 51.7904820308704)</t>
  </si>
  <si>
    <t>POINT (4.680973779662897 51.78129901883499)</t>
  </si>
  <si>
    <t>POINT (4.717137247886482 51.80351519807311)</t>
  </si>
  <si>
    <t>POINT (4.681908419481973 51.78909640189814)</t>
  </si>
  <si>
    <t>POINT (4.664282641031443 51.79224697265483)</t>
  </si>
  <si>
    <t>POINT (4.651806402415312 51.802851876382086)</t>
  </si>
  <si>
    <t>POINT (4.671603062566977 51.81713217658749)</t>
  </si>
  <si>
    <t>POINT (4.6705423966581705 51.79998156971286)</t>
  </si>
  <si>
    <t>POINT (4.696182395804146 51.79296571902654)</t>
  </si>
  <si>
    <t>POINT (4.7048549996306805 51.816706422499536)</t>
  </si>
  <si>
    <t>POINT (4.700056630727223 51.79956713688333)</t>
  </si>
  <si>
    <t>POINT (4.732780044176522 51.79747402441075)</t>
  </si>
  <si>
    <t>POINT (4.7034110587509 51.815978243794)</t>
  </si>
  <si>
    <t>POINT (4.726593784492245 51.79676588174397)</t>
  </si>
  <si>
    <t>POINT (4.685608899274916 51.801318289478345)</t>
  </si>
  <si>
    <t>POINT (4.6622251490308155 51.79090170052636)</t>
  </si>
  <si>
    <t>POINT (4.73548311220336 51.79912364497421)</t>
  </si>
  <si>
    <t>POINT (4.683233885035573 51.80429333755827)</t>
  </si>
  <si>
    <t>POINT (4.728141792901307 51.79993349346392)</t>
  </si>
  <si>
    <t>POINT (4.7099705628795325 51.80691997831834)</t>
  </si>
  <si>
    <t>POINT (4.65586949566446 51.801837935535794)</t>
  </si>
  <si>
    <t>POINT (4.663726619167584 51.797299958042466)</t>
  </si>
  <si>
    <t>POINT (4.682053555554725 51.77556990613951)</t>
  </si>
  <si>
    <t>POINT (4.6676301806692875 51.79528949018489)</t>
  </si>
  <si>
    <t>POINT (4.694585356744168 51.795645613747396)</t>
  </si>
  <si>
    <t>POINT (4.699484418397486 51.79977945832709)</t>
  </si>
  <si>
    <t>POINT (4.705169597969346 51.8072841401888)</t>
  </si>
  <si>
    <t>POINT (4.668043412928765 51.81319700967029)</t>
  </si>
  <si>
    <t>POINT (4.704823886426934 51.81493795975242)</t>
  </si>
  <si>
    <t>POINT (4.663470506127464 51.81526449970026)</t>
  </si>
  <si>
    <t>POINT (4.713794209083124 51.80329270062507)</t>
  </si>
  <si>
    <t>POINT (4.705169808438007 51.80822602624556)</t>
  </si>
  <si>
    <t>POINT (4.640490878376198 51.79245537663996)</t>
  </si>
  <si>
    <t>POINT (4.718063860997391 51.80124205267441)</t>
  </si>
  <si>
    <t>POINT (4.679252103840469 51.81600662495914)</t>
  </si>
  <si>
    <t>POINT (4.658752034248488 51.80712733130218)</t>
  </si>
  <si>
    <t>POINT (4.673301317030563 51.813341552441585)</t>
  </si>
  <si>
    <t>POINT (4.733302968002374 51.801629654734356)</t>
  </si>
  <si>
    <t>POINT (4.688351642512776 51.80354064833736)</t>
  </si>
  <si>
    <t>POINT (4.6573298313579885 51.791485310549284)</t>
  </si>
  <si>
    <t>POINT (4.659376404197123 51.81309261979031)</t>
  </si>
  <si>
    <t>POINT (4.652256921481794 51.785340395753735)</t>
  </si>
  <si>
    <t>POINT (4.682968160541535 51.80012987845606)</t>
  </si>
  <si>
    <t>POINT (4.665383403631591 51.773432479228305)</t>
  </si>
  <si>
    <t>POINT (4.720127996572651 51.80539502718799)</t>
  </si>
  <si>
    <t>POINT (4.663497874479414 51.80300723982791)</t>
  </si>
  <si>
    <t>POINT (4.714638234917068 51.80705182056484)</t>
  </si>
  <si>
    <t>POINT (4.682801660065103 51.80387309389264)</t>
  </si>
  <si>
    <t>POINT (4.720111917336685 51.80289257835602)</t>
  </si>
  <si>
    <t>POINT (4.6699843428648835 51.81576309140246)</t>
  </si>
  <si>
    <t>POINT (4.676298328965077 51.80508213936328)</t>
  </si>
  <si>
    <t>POINT (4.6718929571342755 51.81251533077477)</t>
  </si>
  <si>
    <t>POINT (4.669371552308873 51.806181054889855)</t>
  </si>
  <si>
    <t>POINT (4.704731377542273 51.80746792708824)</t>
  </si>
  <si>
    <t>POINT (4.685807994020445 51.78638817382748)</t>
  </si>
  <si>
    <t>POINT (4.657934878982908 51.80772623271931)</t>
  </si>
  <si>
    <t>POINT (4.676230181677091 51.78944793831184)</t>
  </si>
  <si>
    <t>POINT (4.6716331881337005 51.77872418536123)</t>
  </si>
  <si>
    <t>POINT (4.656601086356692 51.800100833975044)</t>
  </si>
  <si>
    <t>POINT (4.676224085391099 51.81749642912658)</t>
  </si>
  <si>
    <t>POINT (4.669086249008026 51.77295869165432)</t>
  </si>
  <si>
    <t>POINT (4.719720186919816 51.8112115307591)</t>
  </si>
  <si>
    <t>POINT (4.67178181109102 51.812421440691296)</t>
  </si>
  <si>
    <t>POINT (4.665164028695014 51.802110132339955)</t>
  </si>
  <si>
    <t>POINT (4.665607430973937 51.78077205662672)</t>
  </si>
  <si>
    <t>POINT (4.72642338192894 51.79781837345134)</t>
  </si>
  <si>
    <t>POINT (4.658285513460972 51.80436949884293)</t>
  </si>
  <si>
    <t>POINT (4.675789776619506 51.78538084936782)</t>
  </si>
  <si>
    <t>POINT (4.6717664320276375 51.77872149258659)</t>
  </si>
  <si>
    <t>POINT (4.709178468884194 51.786793660398324)</t>
  </si>
  <si>
    <t>POINT (4.663674568919746 51.799012028571234)</t>
  </si>
  <si>
    <t>POINT (4.720839683216166 51.80500495490759)</t>
  </si>
  <si>
    <t>POINT (4.687853933776632 51.80859237913463)</t>
  </si>
  <si>
    <t>POINT (4.683986492884238 51.79813795597044)</t>
  </si>
  <si>
    <t>POINT (4.66040959724321 51.804677989311635)</t>
  </si>
  <si>
    <t>POINT (4.661754470689327 51.78814426467557)</t>
  </si>
  <si>
    <t>POINT (4.668399803135603 51.80198121914592)</t>
  </si>
  <si>
    <t>POINT (4.689065487167603 51.80796571282128)</t>
  </si>
  <si>
    <t>POINT (4.659455301359115 51.79789306045029)</t>
  </si>
  <si>
    <t>POINT (4.660606012818942 51.78987366729999)</t>
  </si>
  <si>
    <t>POINT (4.714724346173111 51.80054238464257)</t>
  </si>
  <si>
    <t>POINT (4.686466723824734 51.77543060451652)</t>
  </si>
  <si>
    <t>POINT (4.717711441651646 51.804359453305665)</t>
  </si>
  <si>
    <t>POINT (4.665088558356188 51.79924276950419)</t>
  </si>
  <si>
    <t>POINT (4.729105219314778 51.80022602527187)</t>
  </si>
  <si>
    <t>POINT (4.7087358329890705 51.792074756882364)</t>
  </si>
  <si>
    <t>POINT (4.693276977915615 51.81859915818044)</t>
  </si>
  <si>
    <t>POINT (4.686892571160457 51.81549022566529)</t>
  </si>
  <si>
    <t>POINT (4.668663663766693 51.814211765343565)</t>
  </si>
  <si>
    <t>POINT (4.657073806070964 51.80480770561393)</t>
  </si>
  <si>
    <t>POINT (4.72644450908182 51.80594159903744)</t>
  </si>
  <si>
    <t>POINT (4.662695436436453 51.81281978507249)</t>
  </si>
  <si>
    <t>POINT (4.7153780651328026 51.809692589295835)</t>
  </si>
  <si>
    <t>POINT (4.672163709153653 51.814822152812035)</t>
  </si>
  <si>
    <t>POINT (4.685448179373017 51.79023490604969)</t>
  </si>
  <si>
    <t>POINT (4.720432614179777 51.8010136080013)</t>
  </si>
  <si>
    <t>POINT (4.720176833779111 51.80303628931939)</t>
  </si>
  <si>
    <t>POINT (4.656085342887238 51.80657013932533)</t>
  </si>
  <si>
    <t>POINT (4.663591590016719 51.81393717806916)</t>
  </si>
  <si>
    <t>POINT (4.708042017678032 51.79076343074483)</t>
  </si>
  <si>
    <t>POINT (4.6533112260206595 51.79965269141815)</t>
  </si>
  <si>
    <t>POINT (4.685906583134948 51.80973237614937)</t>
  </si>
  <si>
    <t>POINT (4.702562549123888 51.789459216300095)</t>
  </si>
  <si>
    <t>POINT (4.626432285142181 51.79775250929516)</t>
  </si>
  <si>
    <t>POINT (4.661382430320519 51.79228904667075)</t>
  </si>
  <si>
    <t>POINT (4.715815109707015 51.807779745793674)</t>
  </si>
  <si>
    <t>POINT (4.687812640345826 51.80458611792971)</t>
  </si>
  <si>
    <t>POINT (4.720663830275829 51.811305018854625)</t>
  </si>
  <si>
    <t>POINT (4.67178381755014 51.811578495029806)</t>
  </si>
  <si>
    <t>POINT (4.673805539029016 51.777613650119974)</t>
  </si>
  <si>
    <t>POINT (4.677688217232997 51.7803345230597)</t>
  </si>
  <si>
    <t>POINT (4.667384809245407 51.80272423084604)</t>
  </si>
  <si>
    <t>POINT (4.679535031539487 51.8069750880114)</t>
  </si>
  <si>
    <t>POINT (4.686643918955944 51.780403554258356)</t>
  </si>
  <si>
    <t>POINT (4.654433239116077 51.7961517906353)</t>
  </si>
  <si>
    <t>POINT (4.677737046246378 51.80821689258032)</t>
  </si>
  <si>
    <t>POINT (4.669750902471258 51.80121922089315)</t>
  </si>
  <si>
    <t>POINT (4.656775175543034 51.80740192550957)</t>
  </si>
  <si>
    <t>POINT (4.691004498096444 51.819193458606804)</t>
  </si>
  <si>
    <t>POINT (4.693349803891214 51.79542574895511)</t>
  </si>
  <si>
    <t>POINT (4.658394339526059 51.78210071999703)</t>
  </si>
  <si>
    <t>POINT (4.727410112785941 51.8043065342782)</t>
  </si>
  <si>
    <t>POINT (4.7039715220729255 51.79550414846408)</t>
  </si>
  <si>
    <t>POINT (4.657321267373125 51.79076751787627)</t>
  </si>
  <si>
    <t>POINT (4.6901315647640445 51.81584485770506)</t>
  </si>
  <si>
    <t>POINT (4.669536530986982 51.81228242000602)</t>
  </si>
  <si>
    <t>POINT (4.65655452602475 51.79948291246335)</t>
  </si>
  <si>
    <t>POINT (4.661794388144102 51.796868299779305)</t>
  </si>
  <si>
    <t>POINT (4.6532031793001565 51.79489790702276)</t>
  </si>
  <si>
    <t>POINT (4.717521223728288 51.80093349559004)</t>
  </si>
  <si>
    <t>POINT (4.720389217538409 51.7984848547676)</t>
  </si>
  <si>
    <t>POINT (4.712047128927059 51.8151211461653)</t>
  </si>
  <si>
    <t>POINT (4.6721714319123056 51.819584612239424)</t>
  </si>
  <si>
    <t>POINT (4.684236675259478 51.80453629990791)</t>
  </si>
  <si>
    <t>POINT (4.67145751927924 51.805876317051)</t>
  </si>
  <si>
    <t>POINT (4.6561717890269465 51.77401893524489)</t>
  </si>
  <si>
    <t>POINT (4.67803762647582 51.78759517184412)</t>
  </si>
  <si>
    <t>POINT (4.629243581086984 51.72352347308239)</t>
  </si>
  <si>
    <t>POINT (4.710731723572423 51.809757958653066)</t>
  </si>
  <si>
    <t>POINT (4.656580741434751 51.80299177831403)</t>
  </si>
  <si>
    <t>POINT (4.73200164565337 51.798169634579)</t>
  </si>
  <si>
    <t>POINT (4.671902343481898 51.77263782648431)</t>
  </si>
  <si>
    <t>POINT (4.698307603766569 51.79288292866772)</t>
  </si>
  <si>
    <t>POINT (4.698537639191734 51.790804911425035)</t>
  </si>
  <si>
    <t>POINT (4.7195996826498305 51.801132231949644)</t>
  </si>
  <si>
    <t>POINT (4.683488970624471 51.80482937908196)</t>
  </si>
  <si>
    <t>POINT (4.665774147111779 51.813644380244156)</t>
  </si>
  <si>
    <t>POINT (4.687684125487533 51.807718855238164)</t>
  </si>
  <si>
    <t>POINT (4.7061533168787495 51.80815154168797)</t>
  </si>
  <si>
    <t>POINT (4.664481087761388 51.79960509369958)</t>
  </si>
  <si>
    <t>POINT (4.651498927900786 51.79414265229725)</t>
  </si>
  <si>
    <t>POINT (4.677753415671772 51.8073838493418)</t>
  </si>
  <si>
    <t>POINT (4.667408921522312 51.77467447670777)</t>
  </si>
  <si>
    <t>POINT (4.637312631563622 51.77820989618361)</t>
  </si>
  <si>
    <t>POINT (4.652380903900581 51.792589968940554)</t>
  </si>
  <si>
    <t>POINT (4.667455495435215 51.77344119591577)</t>
  </si>
  <si>
    <t>POINT (4.664877241573189 51.793168462425896)</t>
  </si>
  <si>
    <t>POINT (4.661913499147607 51.80402616771384)</t>
  </si>
  <si>
    <t>POINT (4.721527962317947 51.80589333480629)</t>
  </si>
  <si>
    <t>POINT (4.6862748522751705 51.776252355485056)</t>
  </si>
  <si>
    <t>POINT (4.696675773213859 51.79054947499055)</t>
  </si>
  <si>
    <t>POINT (4.730520406145119 51.79534805210645)</t>
  </si>
  <si>
    <t>POINT (4.655219382296771 51.7872519428761)</t>
  </si>
  <si>
    <t>POINT (4.663118956977878 51.81627865402639)</t>
  </si>
  <si>
    <t>POINT (4.6563374249043115 51.80444987444538)</t>
  </si>
  <si>
    <t>POINT (4.660839724917151 51.79753375017585)</t>
  </si>
  <si>
    <t>POINT (4.710531837359426 51.81026561744546)</t>
  </si>
  <si>
    <t>POINT (4.687320155050247 51.810814744996385)</t>
  </si>
  <si>
    <t>POINT (4.681885612152479 51.78676419381124)</t>
  </si>
  <si>
    <t>POINT (4.6807947522893105 51.788101978644036)</t>
  </si>
  <si>
    <t>POINT (4.686631275521087 51.81017424604461)</t>
  </si>
  <si>
    <t>POINT (4.705294504303453 51.7926971436491)</t>
  </si>
  <si>
    <t>POINT (4.666730488694497 51.81066648154025)</t>
  </si>
  <si>
    <t>POINT (4.716145768617766 51.81605122039204)</t>
  </si>
  <si>
    <t>POINT (4.672755637515463 51.79354631197046)</t>
  </si>
  <si>
    <t>POINT (4.715461942768108 51.80865371281768)</t>
  </si>
  <si>
    <t>POINT (4.733391438285781 51.79710795494824)</t>
  </si>
  <si>
    <t>POINT (4.685495306313764 51.779355141161076)</t>
  </si>
  <si>
    <t>POINT (4.701741825893981 51.79489451081122)</t>
  </si>
  <si>
    <t>POINT (4.726351026043199 51.79285117179585)</t>
  </si>
  <si>
    <t>POINT (4.703581864647903 51.80722567928945)</t>
  </si>
  <si>
    <t>POINT (4.656602316716598 51.787353183910355)</t>
  </si>
  <si>
    <t>POINT (4.676423495786129 51.783808954080584)</t>
  </si>
  <si>
    <t>POINT (4.660979344353678 51.77134988447164)</t>
  </si>
  <si>
    <t>POINT (4.667848681306206 51.78252753865143)</t>
  </si>
  <si>
    <t>POINT (4.673213334860208 51.80324978885238)</t>
  </si>
  <si>
    <t>POINT (4.681549695648337 51.803277253594246)</t>
  </si>
  <si>
    <t>POINT (4.67140342382376 51.81174495572076)</t>
  </si>
  <si>
    <t>POINT (4.667822268280389 51.7925845581086)</t>
  </si>
  <si>
    <t>POINT (4.712810320956532 51.803020069002656)</t>
  </si>
  <si>
    <t>POINT (4.676810497929844 51.786456986960395)</t>
  </si>
  <si>
    <t>POINT (4.696829624084653 51.797114178975306)</t>
  </si>
  <si>
    <t>POINT (4.672828233787742 51.778487840087955)</t>
  </si>
  <si>
    <t>POINT (4.708614093189647 51.81853857460731)</t>
  </si>
  <si>
    <t>POINT (4.661013020316835 51.79469840261025)</t>
  </si>
  <si>
    <t>POINT (4.6606305071611995 51.801401495558636)</t>
  </si>
  <si>
    <t>POINT (4.669236099431515 51.81204188802094)</t>
  </si>
  <si>
    <t>POINT (4.66782851149517 51.81099540803189)</t>
  </si>
  <si>
    <t>POINT (4.714564972002226 51.805877159960396)</t>
  </si>
  <si>
    <t>POINT (4.668247326917424 51.81197384851612)</t>
  </si>
  <si>
    <t>POINT (4.6729156597559065 51.81923821749823)</t>
  </si>
  <si>
    <t>POINT (4.672360609552157 51.81917119835596)</t>
  </si>
  <si>
    <t>POINT (4.663548404938075 51.81470586630395)</t>
  </si>
  <si>
    <t>POINT (4.718851688193437 51.802272471094426)</t>
  </si>
  <si>
    <t>POINT (4.682153943158032 51.79955322770789)</t>
  </si>
  <si>
    <t>POINT (4.672677233693297 51.81664565695166)</t>
  </si>
  <si>
    <t>POINT (4.712490514664599 51.81404381005827)</t>
  </si>
  <si>
    <t>POINT (4.729770646415028 51.80456306101558)</t>
  </si>
  <si>
    <t>POINT (4.6914314104883035 51.80763868113508)</t>
  </si>
  <si>
    <t>POINT (4.684209441975059 51.81218646394433)</t>
  </si>
  <si>
    <t>POINT (4.698096486876472 51.79511223662073)</t>
  </si>
  <si>
    <t>POINT (4.714168509891707 51.81612511922166)</t>
  </si>
  <si>
    <t>POINT (4.668347390684533 51.782632869563855)</t>
  </si>
  <si>
    <t>POINT (4.73001640727844 51.800788221324574)</t>
  </si>
  <si>
    <t>POINT (4.669167174179469 51.79804110556825)</t>
  </si>
  <si>
    <t>POINT (4.659042551555338 51.79429031762156)</t>
  </si>
  <si>
    <t>POINT (4.686662980287726 51.815798964114556)</t>
  </si>
  <si>
    <t>POINT (4.667589398255341 51.790627251865395)</t>
  </si>
  <si>
    <t>POINT (4.67385662278205 51.77495745554859)</t>
  </si>
  <si>
    <t>POINT (4.69970239328109 51.79835744358106)</t>
  </si>
  <si>
    <t>POINT (4.709900493042423 51.791826819732016)</t>
  </si>
  <si>
    <t>POINT (4.661202081386078 51.786960252296936)</t>
  </si>
  <si>
    <t>POINT (4.6542203900031565 51.79145275522562)</t>
  </si>
  <si>
    <t>POINT (4.688844740635295 51.80856071626411)</t>
  </si>
  <si>
    <t>POINT (4.700134503303642 51.80042995632313)</t>
  </si>
  <si>
    <t>POINT (4.705564376810915 51.79573938867226)</t>
  </si>
  <si>
    <t>POINT (4.666706698036355 51.80815693828761)</t>
  </si>
  <si>
    <t>POINT (4.726674356127629 51.79232190723546)</t>
  </si>
  <si>
    <t>POINT (4.733580498114502 51.798178944099924)</t>
  </si>
  <si>
    <t>POINT (4.684864613985089 51.774498717842555)</t>
  </si>
  <si>
    <t>POINT (4.684425237662773 51.80896866369012)</t>
  </si>
  <si>
    <t>POINT (4.709354447460758 51.80473678108678)</t>
  </si>
  <si>
    <t>POINT (4.6727918839811835 51.807975898631824)</t>
  </si>
  <si>
    <t>POINT (4.683388687977077 51.78952978307654)</t>
  </si>
  <si>
    <t>POINT (4.659577266370468 51.80521239508911)</t>
  </si>
  <si>
    <t>POINT (4.633684322696186 51.76892992256313)</t>
  </si>
  <si>
    <t>POINT (4.721597133581649 51.799094734882864)</t>
  </si>
  <si>
    <t>POINT (4.677563103684375 51.780873241115295)</t>
  </si>
  <si>
    <t>POINT (4.683295872273181 51.77598209398309)</t>
  </si>
  <si>
    <t>POINT (4.653986003327106 51.80164171443327)</t>
  </si>
  <si>
    <t>POINT (4.6692112474695335 51.81591994455536)</t>
  </si>
  <si>
    <t>POINT (4.666101424721984 51.816931626884205)</t>
  </si>
  <si>
    <t>POINT (4.66039557305533 51.78833829684709)</t>
  </si>
  <si>
    <t>POINT (4.671236230286665 51.80817639275545)</t>
  </si>
  <si>
    <t>POINT (4.70295743106711 51.81561739339777)</t>
  </si>
  <si>
    <t>POINT (4.658986716729034 51.80447424747155)</t>
  </si>
  <si>
    <t>POINT (4.697418419081228 51.797698768532776)</t>
  </si>
  <si>
    <t>POINT (4.67427237621262 51.7761088125687)</t>
  </si>
  <si>
    <t>POINT (4.671763382961342 51.785751019119346)</t>
  </si>
  <si>
    <t>POINT (4.682194132682862 51.80386860025373)</t>
  </si>
  <si>
    <t>POINT (4.68503329154925 51.77918888081181)</t>
  </si>
  <si>
    <t>POINT (4.653640080007502 51.79150168495234)</t>
  </si>
  <si>
    <t>POINT (4.680427388839668 51.77676270770108)</t>
  </si>
  <si>
    <t>POINT (4.66575917899321 51.81425984185273)</t>
  </si>
  <si>
    <t>POINT (4.699883670969495 51.799388462860314)</t>
  </si>
  <si>
    <t>POINT (4.689165733290252 51.809477195654225)</t>
  </si>
  <si>
    <t>POINT (4.68138955003142 51.80047708150159)</t>
  </si>
  <si>
    <t>POINT (4.66754454722741 51.81339015631311)</t>
  </si>
  <si>
    <t>POINT (4.670741966963919 51.78512149036114)</t>
  </si>
  <si>
    <t>POINT (4.667762464785286 51.77912534036827)</t>
  </si>
  <si>
    <t>POINT (4.687152428626909 51.809008712973444)</t>
  </si>
  <si>
    <t>POINT (4.65124823758298 51.79064882130902)</t>
  </si>
  <si>
    <t>POINT (4.679209695199225 51.81706503593093)</t>
  </si>
  <si>
    <t>POINT (4.659913352822553 51.7704041543781)</t>
  </si>
  <si>
    <t>POINT (4.674050886999614 51.81147591781619)</t>
  </si>
  <si>
    <t>POINT (4.680600413755105 51.77559773552447)</t>
  </si>
  <si>
    <t>POINT (4.654382495525041 51.78943210780222)</t>
  </si>
  <si>
    <t>POINT (4.6745491591564035 51.776703965203595)</t>
  </si>
  <si>
    <t>POINT (4.679788494798655 51.773199750872266)</t>
  </si>
  <si>
    <t>POINT (4.697908560159585 51.800846612665985)</t>
  </si>
  <si>
    <t>POINT (4.667292612844335 51.78034025710056)</t>
  </si>
  <si>
    <t>POINT (4.721210811159017 51.79939377022906)</t>
  </si>
  <si>
    <t>POINT (4.66506604089786 51.779826375027945)</t>
  </si>
  <si>
    <t>POINT (4.6584162764364585 51.800123430831846)</t>
  </si>
  <si>
    <t>POINT (4.652423586928083 51.78559706104581)</t>
  </si>
  <si>
    <t>POINT (4.678919544222309 51.80427230006757)</t>
  </si>
  <si>
    <t>POINT (4.684224957151022 51.78537829242449)</t>
  </si>
  <si>
    <t>POINT (4.679872880162081 51.80247250429348)</t>
  </si>
  <si>
    <t>POINT (4.721051657527413 51.797928193447326)</t>
  </si>
  <si>
    <t>POINT (4.673317078067242 51.776107361362435)</t>
  </si>
  <si>
    <t>POINT (4.678615489147533 51.785611398142805)</t>
  </si>
  <si>
    <t>POINT (4.664038258846366 51.815362200967876)</t>
  </si>
  <si>
    <t>POINT (4.7016695967653295 51.790298370528)</t>
  </si>
  <si>
    <t>POINT (4.721674274888988 51.799170371498384)</t>
  </si>
  <si>
    <t>POINT (4.679875088781752 51.798561848659375)</t>
  </si>
  <si>
    <t>POINT (4.709814188296951 51.811642375567196)</t>
  </si>
  <si>
    <t>POINT (4.7112739104982015 51.80621186195165)</t>
  </si>
  <si>
    <t>POINT (4.652524679061444 51.78545987022187)</t>
  </si>
  <si>
    <t>POINT (4.639298133620825 51.765551150698506)</t>
  </si>
  <si>
    <t>POINT (4.669153449615607 51.81171346641142)</t>
  </si>
  <si>
    <t>POINT (4.678507339925411 51.77822933219125)</t>
  </si>
  <si>
    <t>POINT (4.712515355370392 51.8049294860614)</t>
  </si>
  <si>
    <t>POINT (4.688002703633873 51.80874519207544)</t>
  </si>
  <si>
    <t>POINT (4.681039413057173 51.80352507558126)</t>
  </si>
  <si>
    <t>POINT (4.630762359323571 51.784525354893454)</t>
  </si>
  <si>
    <t>POINT (4.6648875521051965 51.79968435119773)</t>
  </si>
  <si>
    <t>POINT (4.708410444935131 51.78641195527657)</t>
  </si>
  <si>
    <t>POINT (4.667144438246461 51.811095292446005)</t>
  </si>
  <si>
    <t>POINT (4.67937804725356 51.80660693587205)</t>
  </si>
  <si>
    <t>POINT (4.725041571026518 51.805509633735554)</t>
  </si>
  <si>
    <t>POINT (4.686615988016846 51.780324583545124)</t>
  </si>
  <si>
    <t>POINT (4.685065920049081 51.779024376234304)</t>
  </si>
  <si>
    <t>POINT (4.725845086779285 51.800000982659164)</t>
  </si>
  <si>
    <t>POINT (4.665059872297454 51.8099411181365)</t>
  </si>
  <si>
    <t>POINT (4.688183249098353 51.81029520317933)</t>
  </si>
  <si>
    <t>POINT (4.655409969197054 51.806898591882856)</t>
  </si>
  <si>
    <t>POINT (4.668145774421693 51.79203548926669)</t>
  </si>
  <si>
    <t>POINT (4.698178915528595 51.790261453126796)</t>
  </si>
  <si>
    <t>POINT (4.684926433869735 51.803456315450035)</t>
  </si>
  <si>
    <t>POINT (4.727173139689386 51.79137569270392)</t>
  </si>
  <si>
    <t>POINT (4.634848771256629 51.770739876916515)</t>
  </si>
  <si>
    <t>POINT (4.67075203483654 51.78061545082082)</t>
  </si>
  <si>
    <t>POINT (4.7321967944338486 51.80404340532646)</t>
  </si>
  <si>
    <t>POINT (4.652743414250836 51.7949132317657)</t>
  </si>
  <si>
    <t>POINT (4.718340832477248 51.80119620777013)</t>
  </si>
  <si>
    <t>POINT (4.711185125633389 51.79878070139625)</t>
  </si>
  <si>
    <t>POINT (4.670617351863338 51.77795868918579)</t>
  </si>
  <si>
    <t>POINT (4.663294949700957 51.8162164684437)</t>
  </si>
  <si>
    <t>POINT (4.663303668124887 51.78997243884641)</t>
  </si>
  <si>
    <t>POINT (4.671950587048416 51.7761903972278)</t>
  </si>
  <si>
    <t>POINT (4.662715527500874 51.80926641298154)</t>
  </si>
  <si>
    <t>POINT (4.667935149233938 51.815741642332405)</t>
  </si>
  <si>
    <t>POINT (4.681351964395966 51.81365078742514)</t>
  </si>
  <si>
    <t>POINT (4.660034171064074 51.81335714454585)</t>
  </si>
  <si>
    <t>POINT (4.713878992753882 51.8032182937488)</t>
  </si>
  <si>
    <t>POINT (4.713725968205413 51.80838264248771)</t>
  </si>
  <si>
    <t>POINT (4.720118852805707 51.81278798629174)</t>
  </si>
  <si>
    <t>POINT (4.6859208315439345 51.78747692923072)</t>
  </si>
  <si>
    <t>POINT (4.706791402181346 51.788437808465595)</t>
  </si>
  <si>
    <t>POINT (4.731831647692797 51.80199227218456)</t>
  </si>
  <si>
    <t>POINT (4.681896533847692 51.78053481487374)</t>
  </si>
  <si>
    <t>POINT (4.671080895510993 51.8046387315069)</t>
  </si>
  <si>
    <t>POINT (4.6576107680391505 51.787958908599364)</t>
  </si>
  <si>
    <t>POINT (4.671417175112613 51.8097817329634)</t>
  </si>
  <si>
    <t>POINT (4.710539606795152 51.81538890044572)</t>
  </si>
  <si>
    <t>POINT (4.667852635144981 51.792410093909)</t>
  </si>
  <si>
    <t>POINT (4.656434724831397 51.80135609451295)</t>
  </si>
  <si>
    <t>POINT (4.683729777701026 51.80202503555169)</t>
  </si>
  <si>
    <t>POINT (4.6730276322163995 51.78584696509817)</t>
  </si>
  <si>
    <t>POINT (4.66955441541218 51.77837401254121)</t>
  </si>
  <si>
    <t>POINT (4.682911672678718 51.80422164290505)</t>
  </si>
  <si>
    <t>POINT (4.6788970179098515 51.803991321872005)</t>
  </si>
  <si>
    <t>POINT (4.668130094318537 51.774305751917424)</t>
  </si>
  <si>
    <t>POINT (4.658611325122916 51.799024416498504)</t>
  </si>
  <si>
    <t>POINT (4.679064524575883 51.78181450630148)</t>
  </si>
  <si>
    <t>POINT (4.702242046072741 51.79050861555348)</t>
  </si>
  <si>
    <t>POINT (4.7011837549890965 51.81628716474703)</t>
  </si>
  <si>
    <t>POINT (4.727515941890047 51.79987092996608)</t>
  </si>
  <si>
    <t>POINT (4.7136715199175985 51.810167825058606)</t>
  </si>
  <si>
    <t>POINT (4.676036778977593 51.7849498378948)</t>
  </si>
  <si>
    <t>POINT (4.673894267889195 51.778500044904774)</t>
  </si>
  <si>
    <t>POINT (4.723432533117948 51.80277080954693)</t>
  </si>
  <si>
    <t>POINT (4.729763613273399 51.80064944076568)</t>
  </si>
  <si>
    <t>POINT (4.657652824660938 51.78872917012728)</t>
  </si>
  <si>
    <t>POINT (4.709600859626035 51.809944851896574)</t>
  </si>
  <si>
    <t>POINT (4.714664569174484 51.79546040530205)</t>
  </si>
  <si>
    <t>POINT (4.629787647689466 51.72449783495183)</t>
  </si>
  <si>
    <t>POINT (4.676378020371985 51.81495076458463)</t>
  </si>
  <si>
    <t>POINT (4.71680370403756 51.79518137069351)</t>
  </si>
  <si>
    <t>POINT (4.71027942471188 51.81451693115085)</t>
  </si>
  <si>
    <t>POINT (4.662116302571047 51.79399525403028)</t>
  </si>
  <si>
    <t>POINT (4.644927722808043 51.77036090463795)</t>
  </si>
  <si>
    <t>POINT (4.682430069782489 51.818833027866916)</t>
  </si>
  <si>
    <t>POINT (4.722229321007248 51.794249033001044)</t>
  </si>
  <si>
    <t>POINT (4.661004854794409 51.80283482218076)</t>
  </si>
  <si>
    <t>POINT (4.6563875746584875 51.810625993701564)</t>
  </si>
  <si>
    <t>POINT (4.716541964583261 51.80297227159632)</t>
  </si>
  <si>
    <t>POINT (4.695604862518331 51.81820787940959)</t>
  </si>
  <si>
    <t>POINT (4.710155974022608 51.80552063469212)</t>
  </si>
  <si>
    <t>POINT (4.661430100956341 51.78350717577218)</t>
  </si>
  <si>
    <t>POINT (4.658515533465798 51.81080099623434)</t>
  </si>
  <si>
    <t>POINT (4.661465693401626 51.80499378197967)</t>
  </si>
  <si>
    <t>POINT (4.654763148888768 51.81215740820811)</t>
  </si>
  <si>
    <t>POINT (4.688629150070047 51.81441202210759)</t>
  </si>
  <si>
    <t>POINT (4.67820567499743 51.78561076457302)</t>
  </si>
  <si>
    <t>POINT (4.711240961356128 51.816459453060716)</t>
  </si>
  <si>
    <t>POINT (4.684655886283922 51.79260373412125)</t>
  </si>
  <si>
    <t>POINT (4.730142629701015 51.79866133507382)</t>
  </si>
  <si>
    <t>POINT (4.671459450437974 51.80036747895231)</t>
  </si>
  <si>
    <t>POINT (4.730029894426137 51.79688649850656)</t>
  </si>
  <si>
    <t>POINT (4.663603489983076 51.787216068270446)</t>
  </si>
  <si>
    <t>POINT (4.660940674572578 51.80435868247884)</t>
  </si>
  <si>
    <t>POINT (4.667075034111072 51.81610791451858)</t>
  </si>
  <si>
    <t>POINT (4.665929637060567 51.80221712351738)</t>
  </si>
  <si>
    <t>POINT (4.728133467090487 51.79773120227667)</t>
  </si>
  <si>
    <t>POINT (4.721905630828637 51.80616093818519)</t>
  </si>
  <si>
    <t>POINT (4.672197510274405 51.780182152569566)</t>
  </si>
  <si>
    <t>POINT (4.671379706239383 51.79947628544271)</t>
  </si>
  <si>
    <t>POINT (4.6759161422822375 51.77465769613702)</t>
  </si>
  <si>
    <t>POINT (4.717571891561215 51.80424588546465)</t>
  </si>
  <si>
    <t>POINT (4.692760324618491 51.79520732405708)</t>
  </si>
  <si>
    <t>POINT (4.654092805684484 51.79094334075767)</t>
  </si>
  <si>
    <t>POINT (4.682583147002338 51.8093237075789)</t>
  </si>
  <si>
    <t>POINT (4.6710525492120185 51.77186783551495)</t>
  </si>
  <si>
    <t>POINT (4.717579515634439 51.80244933229899)</t>
  </si>
  <si>
    <t>POINT (4.6983780824364665 51.797230649928814)</t>
  </si>
  <si>
    <t>POINT (4.676976284885134 51.78594713622556)</t>
  </si>
  <si>
    <t>POINT (4.71086891269667 51.79254819192816)</t>
  </si>
  <si>
    <t>POINT (4.671591186094374 51.792669558668536)</t>
  </si>
  <si>
    <t>POINT (4.666441752640466 51.78807260132303)</t>
  </si>
  <si>
    <t>POINT (4.664511845581598 51.79303029395132)</t>
  </si>
  <si>
    <t>POINT (4.683967208875313 51.798133480877645)</t>
  </si>
  <si>
    <t>POINT (4.668860514762426 51.79489427340925)</t>
  </si>
  <si>
    <t>POINT (4.671523254513711 51.803428236859155)</t>
  </si>
  <si>
    <t>POINT (4.666992052533821 51.799553046835626)</t>
  </si>
  <si>
    <t>POINT (4.672607844577546 51.817315753182726)</t>
  </si>
  <si>
    <t>POINT (4.732584919490896 51.80189783581194)</t>
  </si>
  <si>
    <t>POINT (4.70203791368148 51.79578850038041)</t>
  </si>
  <si>
    <t>POINT (4.726185014449504 51.79788314223563)</t>
  </si>
  <si>
    <t>POINT (4.731793357879476 51.797576488356)</t>
  </si>
  <si>
    <t>POINT (4.678975814062607 51.79986942749766)</t>
  </si>
  <si>
    <t>POINT (4.6863342816258236 51.77979873381764)</t>
  </si>
  <si>
    <t>POINT (4.674996080029372 51.815294948634744)</t>
  </si>
  <si>
    <t>POINT (4.709247410353079 51.79403393514455)</t>
  </si>
  <si>
    <t>POINT (4.682033480302313 51.77991987644522)</t>
  </si>
  <si>
    <t>POINT (4.69336827947076 51.79546486007587)</t>
  </si>
  <si>
    <t>POINT (4.679526377727846 51.78809768664865)</t>
  </si>
  <si>
    <t>POINT (4.632712376431685 51.759669145576936)</t>
  </si>
  <si>
    <t>POINT (4.632047191592959 51.72160841502618)</t>
  </si>
  <si>
    <t>POINT (4.669218536928628 51.811884406818706)</t>
  </si>
  <si>
    <t>POINT (4.674842223077363 51.807077433085325)</t>
  </si>
  <si>
    <t>POINT (4.666090463101919 51.77420451929319)</t>
  </si>
  <si>
    <t>POINT (4.732350012506937 51.79934191828474)</t>
  </si>
  <si>
    <t>POINT (4.666831916031952 51.79392399932116)</t>
  </si>
  <si>
    <t>POINT (4.680845782338656 51.78931218173478)</t>
  </si>
  <si>
    <t>POINT (4.665780531113555 51.814268620221135)</t>
  </si>
  <si>
    <t>POINT (4.736812020479313 51.80124412105846)</t>
  </si>
  <si>
    <t>POINT (4.651263588253511 51.79090557236634)</t>
  </si>
  <si>
    <t>POINT (4.666450832314441 51.796358224721)</t>
  </si>
  <si>
    <t>POINT (4.717392361653154 51.79759304487301)</t>
  </si>
  <si>
    <t>POINT (4.690254302254655 51.806265607543516)</t>
  </si>
  <si>
    <t>POINT (4.672721954733572 51.80294496676885)</t>
  </si>
  <si>
    <t>POINT (4.704272472461924 51.789239639376994)</t>
  </si>
  <si>
    <t>POINT (4.714252708502769 51.808726846311835)</t>
  </si>
  <si>
    <t>POINT (4.681659126376823 51.80906050435967)</t>
  </si>
  <si>
    <t>POINT (4.700080191334305 51.798221402075846)</t>
  </si>
  <si>
    <t>POINT (4.6660231673269665 51.789337417934505)</t>
  </si>
  <si>
    <t>POINT (4.698254785885862 51.79201515762924)</t>
  </si>
  <si>
    <t>POINT (4.633301126902634 51.778751737882395)</t>
  </si>
  <si>
    <t>POINT (4.6527018164231775 51.78770690939705)</t>
  </si>
  <si>
    <t>POINT (4.67132117673325 51.79896037313289)</t>
  </si>
  <si>
    <t>POINT (4.654269650422885 51.79147557971983)</t>
  </si>
  <si>
    <t>POINT (4.731970184796481 51.8046214755795)</t>
  </si>
  <si>
    <t>POINT (4.656809546276816 51.8077569950337)</t>
  </si>
  <si>
    <t>POINT (4.666079434513363 51.812208157943644)</t>
  </si>
  <si>
    <t>POINT (4.68230692950512 51.80497374322806)</t>
  </si>
  <si>
    <t>POINT (4.651269397789915 51.7905094581978)</t>
  </si>
  <si>
    <t>POINT (4.724057176217716 51.8020353941806)</t>
  </si>
  <si>
    <t>POINT (4.6805787546286854 51.78659403800632)</t>
  </si>
  <si>
    <t>POINT (4.63854163373464 51.76169760014892)</t>
  </si>
  <si>
    <t>POINT (4.727260346440985 51.796346555368544)</t>
  </si>
  <si>
    <t>POINT (4.657478326219448 51.79888834239113)</t>
  </si>
  <si>
    <t>POINT (4.669544585414565 51.807928083795154)</t>
  </si>
  <si>
    <t>POINT (4.674141488562007 51.819082796959954)</t>
  </si>
  <si>
    <t>POINT (4.683720183212811 51.78145217770539)</t>
  </si>
  <si>
    <t>POINT (4.704994049125608 51.81608584600709)</t>
  </si>
  <si>
    <t>POINT (4.671944211587915 51.77903210303355)</t>
  </si>
  <si>
    <t>POINT (4.6685901040053235 51.81822426292049)</t>
  </si>
  <si>
    <t>POINT (4.728539775749159 51.80494842236128)</t>
  </si>
  <si>
    <t>POINT (4.6743879751168045 51.781777047452024)</t>
  </si>
  <si>
    <t>POINT (4.671232592918871 51.771985293731646)</t>
  </si>
  <si>
    <t>POINT (4.665374510658055 51.8145256087065)</t>
  </si>
  <si>
    <t>POINT (4.6738683070677425 51.80796850571552)</t>
  </si>
  <si>
    <t>POINT (4.6767933319236255 51.7893734989179)</t>
  </si>
  <si>
    <t>POINT (4.659570355644348 51.77020013992788)</t>
  </si>
  <si>
    <t>POINT (4.70895032343788 51.811905184612655)</t>
  </si>
  <si>
    <t>POINT (4.704682968387928 51.815452135669446)</t>
  </si>
  <si>
    <t>POINT (4.667902493225759 51.81527143340657)</t>
  </si>
  <si>
    <t>POINT (4.666312706653933 51.787547748928276)</t>
  </si>
  <si>
    <t>POINT (4.656701219508121 51.78842667459186)</t>
  </si>
  <si>
    <t>POINT (4.7279055743599105 51.80238666744813)</t>
  </si>
  <si>
    <t>POINT (4.66248378920715 51.79890625305073)</t>
  </si>
  <si>
    <t>POINT (4.673255647837347 51.796732179426925)</t>
  </si>
  <si>
    <t>POINT (4.708935368705439 51.79611467861895)</t>
  </si>
  <si>
    <t>POINT (4.713730147919141 51.807548430387584)</t>
  </si>
  <si>
    <t>POINT (4.651208742736137 51.78919859491069)</t>
  </si>
  <si>
    <t>POINT (4.680061834886313 51.775942756918575)</t>
  </si>
  <si>
    <t>POINT (4.687579023673074 51.80726302462479)</t>
  </si>
  <si>
    <t>POINT (4.703434076470659 51.78964613120359)</t>
  </si>
  <si>
    <t>POINT (4.668353211079904 51.81530408240762)</t>
  </si>
  <si>
    <t>POINT (4.6681654903292396 51.79013917431799)</t>
  </si>
  <si>
    <t>POINT (4.708278766305608 51.78830793748187)</t>
  </si>
  <si>
    <t>POINT (4.6541991237768965 51.80293819183721)</t>
  </si>
  <si>
    <t>POINT (4.66569509275236 51.81842455718236)</t>
  </si>
  <si>
    <t>POINT (4.670642443312578 51.789978340458426)</t>
  </si>
  <si>
    <t>POINT (4.706775060345416 51.78776840827771)</t>
  </si>
  <si>
    <t>POINT (4.721643359992463 51.79895072033102)</t>
  </si>
  <si>
    <t>POINT (4.626731409733217 51.796620700149234)</t>
  </si>
  <si>
    <t>POINT (4.677585293073751 51.80597824439376)</t>
  </si>
  <si>
    <t>POINT (4.692216476667575 51.789703437288416)</t>
  </si>
  <si>
    <t>POINT (4.672072673471718 51.815278546185866)</t>
  </si>
  <si>
    <t>POINT (4.710556204104747 51.79222635639081)</t>
  </si>
  <si>
    <t>POINT (4.665116731968296 51.810321347715174)</t>
  </si>
  <si>
    <t>POINT (4.668522274901589 51.81904998727059)</t>
  </si>
  <si>
    <t>POINT (4.71809812495981 51.801211434986456)</t>
  </si>
  <si>
    <t>POINT (4.70905996126729 51.809558047013596)</t>
  </si>
  <si>
    <t>POINT (4.660025743779031 51.784150213745576)</t>
  </si>
  <si>
    <t>POINT (4.659784741142865 51.770957008376925)</t>
  </si>
  <si>
    <t>POINT (4.722105005145525 51.80045469376598)</t>
  </si>
  <si>
    <t>POINT (4.659609365068031 51.81107885520559)</t>
  </si>
  <si>
    <t>POINT (4.732600088521111 51.79775907502463)</t>
  </si>
  <si>
    <t>POINT (4.67228674614471 51.81926504854448)</t>
  </si>
  <si>
    <t>POINT (4.6745941758387195 51.818222877296265)</t>
  </si>
  <si>
    <t>POINT (4.648855361966817 51.781190252591806)</t>
  </si>
  <si>
    <t>POINT (4.656948699058477 51.810457802958005)</t>
  </si>
  <si>
    <t>POINT (4.6637772480873645 51.790204913776996)</t>
  </si>
  <si>
    <t>POINT (4.685923781314847 51.80119460911897)</t>
  </si>
  <si>
    <t>POINT (4.653797557786462 51.78523157607509)</t>
  </si>
  <si>
    <t>POINT (4.70860834382953 51.79588807106148)</t>
  </si>
  <si>
    <t>POINT (4.660578179938025 51.801370178490544)</t>
  </si>
  <si>
    <t>POINT (4.675195096561464 51.81559092162718)</t>
  </si>
  <si>
    <t>POINT (4.678978087037074 51.79914209508317)</t>
  </si>
  <si>
    <t>POINT (4.664158919055251 51.790131860580985)</t>
  </si>
  <si>
    <t>POINT (4.685516205163821 51.78489375787074)</t>
  </si>
  <si>
    <t>POINT (4.663658964684999 51.811444250326005)</t>
  </si>
  <si>
    <t>POINT (4.706776113848586 51.78965048008753)</t>
  </si>
  <si>
    <t>POINT (4.712864294623942 51.81513957005267)</t>
  </si>
  <si>
    <t>POINT (4.652446230833042 51.785612744378916)</t>
  </si>
  <si>
    <t>POINT (4.681355298887402 51.81125452800256)</t>
  </si>
  <si>
    <t>POINT (4.676853956675564 51.774787585906104)</t>
  </si>
  <si>
    <t>POINT (4.6759464514871745 51.78494477790604)</t>
  </si>
  <si>
    <t>POINT (4.662047846124794 51.772246748412705)</t>
  </si>
  <si>
    <t>POINT (4.729631320551418 51.79750503900658)</t>
  </si>
  <si>
    <t>POINT (4.659099330686579 51.80152253762575)</t>
  </si>
  <si>
    <t>POINT (4.712068842878362 51.805892478453636)</t>
  </si>
  <si>
    <t>POINT (4.670712790155052 51.80285258112096)</t>
  </si>
  <si>
    <t>POINT (4.6689709499908565 51.812649086544944)</t>
  </si>
  <si>
    <t>POINT (4.680069265203142 51.79876720601596)</t>
  </si>
  <si>
    <t>POINT (4.643121810462146 51.76534281061068)</t>
  </si>
  <si>
    <t>POINT (4.665529281306907 51.81477113347785)</t>
  </si>
  <si>
    <t>POINT (4.685970864336686 51.80836275279845)</t>
  </si>
  <si>
    <t>POINT (4.654198035419656 51.790982811571645)</t>
  </si>
  <si>
    <t>POINT (4.6821666209939945 51.78736381085442)</t>
  </si>
  <si>
    <t>POINT (4.675645595254812 51.776455172093435)</t>
  </si>
  <si>
    <t>POINT (4.713596081869933 51.82003154024648)</t>
  </si>
  <si>
    <t>POINT (4.721802933531677 51.80609775000269)</t>
  </si>
  <si>
    <t>POINT (4.673984418326342 51.80565694596671)</t>
  </si>
  <si>
    <t>POINT (4.715729601838115 51.80796571694258)</t>
  </si>
  <si>
    <t>POINT (4.653337811581939 51.79377305731806)</t>
  </si>
  <si>
    <t>POINT (4.6679126428647635 51.800111121139935)</t>
  </si>
  <si>
    <t>POINT (4.666414817264527 51.8168070095124)</t>
  </si>
  <si>
    <t>POINT (4.674805602296149 51.789097833265274)</t>
  </si>
  <si>
    <t>POINT (4.705276640682665 51.79300818252121)</t>
  </si>
  <si>
    <t>POINT (4.68637858339337 51.78222477749572)</t>
  </si>
  <si>
    <t>POINT (4.729644134238305 51.800984649733785)</t>
  </si>
  <si>
    <t>POINT (4.709505619146354 51.80484085298068)</t>
  </si>
  <si>
    <t>POINT (4.662558717037672 51.79951684155012)</t>
  </si>
  <si>
    <t>POINT (4.652133387858396 51.78472262701576)</t>
  </si>
  <si>
    <t>POINT (4.730475736711342 51.80337770501274)</t>
  </si>
  <si>
    <t>POINT (4.67085882667849 51.77190299378425)</t>
  </si>
  <si>
    <t>POINT (4.70154278888868 51.79757562873631)</t>
  </si>
  <si>
    <t>POINT (4.665804702352251 51.809877744953006)</t>
  </si>
  <si>
    <t>POINT (4.659426555714762 51.80987619487015)</t>
  </si>
  <si>
    <t>POINT (4.676650124239388 51.81842115635656)</t>
  </si>
  <si>
    <t>POINT (4.697207794702753 51.7928738406879)</t>
  </si>
  <si>
    <t>POINT (4.711909088374885 51.816390743069434)</t>
  </si>
  <si>
    <t>POINT (4.673634878908518 51.77638212960397)</t>
  </si>
  <si>
    <t>POINT (4.674651332521168 51.80390317153538)</t>
  </si>
  <si>
    <t>POINT (4.67122571588435 51.810434850753154)</t>
  </si>
  <si>
    <t>POINT (4.724028954598806 51.802980489262204)</t>
  </si>
  <si>
    <t>POINT (4.642473103444729 51.791954783870786)</t>
  </si>
  <si>
    <t>POINT (4.710213304726519 51.801325017781124)</t>
  </si>
  <si>
    <t>POINT (4.713342307337308 51.79536691357675)</t>
  </si>
  <si>
    <t>POINT (4.661797641333829 51.788318687854265)</t>
  </si>
  <si>
    <t>POINT (4.698719887345196 51.795930620606924)</t>
  </si>
  <si>
    <t>POINT (4.715812683308142 51.81348298800653)</t>
  </si>
  <si>
    <t>POINT (4.730883622604499 51.798150828743566)</t>
  </si>
  <si>
    <t>POINT (4.636120938170443 51.782419238552734)</t>
  </si>
  <si>
    <t>POINT (4.703494239569691 51.797994940366756)</t>
  </si>
  <si>
    <t>POINT (4.6680467134313925 51.81736120399171)</t>
  </si>
  <si>
    <t>POINT (4.678500073898298 51.81652833637423)</t>
  </si>
  <si>
    <t>POINT (4.674195067581069 51.80391925813352)</t>
  </si>
  <si>
    <t>POINT (4.667785220084949 51.77176085445223)</t>
  </si>
  <si>
    <t>POINT (4.6853437027171685 51.79221097372684)</t>
  </si>
  <si>
    <t>POINT (4.693407704070469 51.79116169264821)</t>
  </si>
  <si>
    <t>POINT (4.664056104415513 51.79222095641316)</t>
  </si>
  <si>
    <t>POINT (4.691239883632281 51.78771131056199)</t>
  </si>
  <si>
    <t>POINT (4.667645670817255 51.81646584702162)</t>
  </si>
  <si>
    <t>POINT (4.721845103164285 51.80438750469312)</t>
  </si>
  <si>
    <t>POINT (4.697860619710912 51.793792680320706)</t>
  </si>
  <si>
    <t>POINT (4.727411141249725 51.803384943995944)</t>
  </si>
  <si>
    <t>POINT (4.7206806384298154 51.811344187918465)</t>
  </si>
  <si>
    <t>POINT (4.68563699011152 51.7816377600876)</t>
  </si>
  <si>
    <t>POINT (4.71034067245546 51.792779057426856)</t>
  </si>
  <si>
    <t>POINT (4.670417981570583 51.78049821959827)</t>
  </si>
  <si>
    <t>POINT (4.688983834422183 51.809042698138946)</t>
  </si>
  <si>
    <t>POINT (4.711647791328557 51.80953525685974)</t>
  </si>
  <si>
    <t>POINT (4.711128273642659 51.796592453747735)</t>
  </si>
  <si>
    <t>POINT (4.691484203126747 51.80665769279491)</t>
  </si>
  <si>
    <t>POINT (4.681159019419621 51.80892844607175)</t>
  </si>
  <si>
    <t>POINT (4.711547148284381 51.80710771610728)</t>
  </si>
  <si>
    <t>POINT (4.669207390153983 51.81501204700686)</t>
  </si>
  <si>
    <t>POINT (4.653630809832033 51.789462609482214)</t>
  </si>
  <si>
    <t>POINT (4.674393049698817 51.8164079317466)</t>
  </si>
  <si>
    <t>POINT (4.665521085387695 51.78976844864054)</t>
  </si>
  <si>
    <t>POINT (4.658259003161991 51.80320286226103)</t>
  </si>
  <si>
    <t>POINT (4.71653144747019 51.80620068135411)</t>
  </si>
  <si>
    <t>POINT (4.685157117633091 51.78128576801534)</t>
  </si>
  <si>
    <t>POINT (4.662399631624437 51.816187652725446)</t>
  </si>
  <si>
    <t>POINT (4.6696046996562846 51.79080680454114)</t>
  </si>
  <si>
    <t>POINT (4.703754459800994 51.79658681830251)</t>
  </si>
  <si>
    <t>POINT (4.686820465971638 51.78256905902977)</t>
  </si>
  <si>
    <t>POINT (4.664814866218057 51.81312680761601)</t>
  </si>
  <si>
    <t>POINT (4.701350257567709 51.798217992946995)</t>
  </si>
  <si>
    <t>POINT (4.687041731306214 51.807690053487185)</t>
  </si>
  <si>
    <t>POINT (4.668755702525945 51.81226477943484)</t>
  </si>
  <si>
    <t>POINT (4.669751562474941 51.80428824095249)</t>
  </si>
  <si>
    <t>POINT (4.722031770720167 51.799930123700626)</t>
  </si>
  <si>
    <t>POINT (4.673652984308052 51.807497924687375)</t>
  </si>
  <si>
    <t>POINT (4.678773557714368 51.78634119227152)</t>
  </si>
  <si>
    <t>POINT (4.668199463138132 51.79381269505054)</t>
  </si>
  <si>
    <t>POINT (4.679424079130434 51.80460723338875)</t>
  </si>
  <si>
    <t>POINT (4.684204795466777 51.81259792814463)</t>
  </si>
  <si>
    <t>POINT (4.66509714871043 51.777611486598005)</t>
  </si>
  <si>
    <t>POINT (4.652448465582457 51.785652623343054)</t>
  </si>
  <si>
    <t>POINT (4.668617278563887 51.8180016900486)</t>
  </si>
  <si>
    <t>POINT (4.678920772391946 51.774413499389745)</t>
  </si>
  <si>
    <t>POINT (4.652843051725052 51.78800658754569)</t>
  </si>
  <si>
    <t>POINT (4.669740743979834 51.78200785837047)</t>
  </si>
  <si>
    <t>POINT (4.66426201427532 51.817052956344035)</t>
  </si>
  <si>
    <t>POINT (4.681990167699512 51.787375343361354)</t>
  </si>
  <si>
    <t>POINT (4.661839944601545 51.80566045919698)</t>
  </si>
  <si>
    <t>POINT (4.6708504745047925 51.771123737859476)</t>
  </si>
  <si>
    <t>POINT (4.683918297961385 51.78579482394219)</t>
  </si>
  <si>
    <t>POINT (4.68232799071137 51.79952427823742)</t>
  </si>
  <si>
    <t>POINT (4.708377725278555 51.804218934319664)</t>
  </si>
  <si>
    <t>POINT (4.707703515690716 51.806827619563784)</t>
  </si>
  <si>
    <t>POINT (4.725276929911136 51.79716311965772)</t>
  </si>
  <si>
    <t>POINT (4.669492685624095 51.79006682578083)</t>
  </si>
  <si>
    <t>POINT (4.67031234569247 51.79002013460586)</t>
  </si>
  <si>
    <t>POINT (4.643302804965355 51.76956917231804)</t>
  </si>
  <si>
    <t>POINT (4.6558619278853755 51.78473614408788)</t>
  </si>
  <si>
    <t>POINT (4.674284968126875 51.78239793633761)</t>
  </si>
  <si>
    <t>POINT (4.662951105086023 51.80014560560964)</t>
  </si>
  <si>
    <t>POINT (4.651722293900348 51.7952114710931)</t>
  </si>
  <si>
    <t>POINT (4.652065711454487 51.793615736513566)</t>
  </si>
  <si>
    <t>POINT (4.68426582870384 51.7826300826297)</t>
  </si>
  <si>
    <t>POINT (4.661334866677515 51.78696059762779)</t>
  </si>
  <si>
    <t>POINT (4.718189993605357 51.79930887309061)</t>
  </si>
  <si>
    <t>POINT (4.700764270527624 51.798407229068935)</t>
  </si>
  <si>
    <t>POINT (4.694609090866249 51.793217993930234)</t>
  </si>
  <si>
    <t>POINT (4.680384547639172 51.77372742219608)</t>
  </si>
  <si>
    <t>POINT (4.721058855060537 51.799278419193435)</t>
  </si>
  <si>
    <t>POINT (4.690457040468272 51.80880957863507)</t>
  </si>
  <si>
    <t>POINT (4.683376237554444 51.77991602241922)</t>
  </si>
  <si>
    <t>POINT (4.644226882654588 51.80077097920711)</t>
  </si>
  <si>
    <t>POINT (4.686014614111218 51.78093587073769)</t>
  </si>
  <si>
    <t>POINT (4.661415535789743 51.79941743455448)</t>
  </si>
  <si>
    <t>POINT (4.665766610498048 51.80257814970775)</t>
  </si>
  <si>
    <t>POINT (4.663177975502121 51.788318424468095)</t>
  </si>
  <si>
    <t>POINT (4.674957632103019 51.81421274922366)</t>
  </si>
  <si>
    <t>POINT (4.666451598784429 51.809293150127644)</t>
  </si>
  <si>
    <t>POINT (4.659283896837649 51.80934611002615)</t>
  </si>
  <si>
    <t>POINT (4.6839268708141075 51.7766424409984)</t>
  </si>
  <si>
    <t>POINT (4.6738200504740455 51.80862378350986)</t>
  </si>
  <si>
    <t>POINT (4.651949406101932 51.78968418068317)</t>
  </si>
  <si>
    <t>POINT (4.6854707882846665 51.784756507518054)</t>
  </si>
  <si>
    <t>POINT (4.6749550823953125 51.80382551085061)</t>
  </si>
  <si>
    <t>POINT (4.664969964956196 51.81375692482161)</t>
  </si>
  <si>
    <t>POINT (4.698929383187293 51.79708637232374)</t>
  </si>
  <si>
    <t>POINT (4.655624454755018 51.7903776878366)</t>
  </si>
  <si>
    <t>POINT (4.6775387977825265 51.8174096008674)</t>
  </si>
  <si>
    <t>POINT (4.659829503331258 51.80649404745571)</t>
  </si>
  <si>
    <t>POINT (4.658270663411863 51.80922417188847)</t>
  </si>
  <si>
    <t>POINT (4.700015308520007 51.81750563413982)</t>
  </si>
  <si>
    <t>POINT (4.686797315468106 51.809529958958585)</t>
  </si>
  <si>
    <t>POINT (4.65241097213582 51.79269914539817)</t>
  </si>
  <si>
    <t>POINT (4.682113026667688 51.78195551274237)</t>
  </si>
  <si>
    <t>POINT (4.679786776712771 51.786120396336145)</t>
  </si>
  <si>
    <t>POINT (4.729199829810274 51.7955962363201)</t>
  </si>
  <si>
    <t>POINT (4.671616525767784 51.77843250795634)</t>
  </si>
  <si>
    <t>POINT (4.720133679713479 51.80311411936023)</t>
  </si>
  <si>
    <t>POINT (4.677557706600874 51.78077410802348)</t>
  </si>
  <si>
    <t>POINT (4.6824881329857915 51.80459676804932)</t>
  </si>
  <si>
    <t>POINT (4.655596295874792 51.79143568118059)</t>
  </si>
  <si>
    <t>POINT (4.658548102409323 51.80323478804783)</t>
  </si>
  <si>
    <t>POINT (4.66899197197906 51.79076766638997)</t>
  </si>
  <si>
    <t>POINT (4.662606633722895 51.80016826057517)</t>
  </si>
  <si>
    <t>POINT (4.693054691168335 51.81893081022936)</t>
  </si>
  <si>
    <t>POINT (4.675643600309837 51.78326698005764)</t>
  </si>
  <si>
    <t>POINT (4.719276315627978 51.81113705120636)</t>
  </si>
  <si>
    <t>POINT (4.63924642951776 51.775207933422564)</t>
  </si>
  <si>
    <t>POINT (4.665777349000056 51.78889283530087)</t>
  </si>
  <si>
    <t>POINT (4.70100281484853 51.797960863103)</t>
  </si>
  <si>
    <t>POINT (4.7044835375489695 51.8073388195689)</t>
  </si>
  <si>
    <t>POINT (4.7035764664881 51.79616614549935)</t>
  </si>
  <si>
    <t>POINT (4.662687298744345 51.80490277028972)</t>
  </si>
  <si>
    <t>POINT (4.712890338341452 51.81625675558052)</t>
  </si>
  <si>
    <t>POINT (4.676188407702067 51.81564351410449)</t>
  </si>
  <si>
    <t>POINT (4.658176507272725 51.801529975831066)</t>
  </si>
  <si>
    <t>POINT (4.6614814997661 51.79382932551787)</t>
  </si>
  <si>
    <t>POINT (4.672115112982006 51.80758784294215)</t>
  </si>
  <si>
    <t>POINT (4.667605016649389 51.77912819471028)</t>
  </si>
  <si>
    <t>POINT (4.650423885035566 51.79411999571291)</t>
  </si>
  <si>
    <t>POINT (4.669777134021903 51.79998216027528)</t>
  </si>
  <si>
    <t>POINT (4.678016080889218 51.787780082857424)</t>
  </si>
  <si>
    <t>POINT (4.670140091035469 51.781141200214456)</t>
  </si>
  <si>
    <t>POINT (4.729518833482563 51.79666724221861)</t>
  </si>
  <si>
    <t>POINT (4.704792187080163 51.80744425407127)</t>
  </si>
  <si>
    <t>POINT (4.672261506740736 51.77262628175179)</t>
  </si>
  <si>
    <t>POINT (4.722435869697357 51.80516077509177)</t>
  </si>
  <si>
    <t>POINT (4.668523560334792 51.80923512611169)</t>
  </si>
  <si>
    <t>POINT (4.674466939721456 51.81448543464332)</t>
  </si>
  <si>
    <t>POINT (4.72646297713032 51.793044968446054)</t>
  </si>
  <si>
    <t>POINT (4.667697877107238 51.79535410263648)</t>
  </si>
  <si>
    <t>POINT (4.660564502509155 51.813069951232116)</t>
  </si>
  <si>
    <t>POINT (4.676421830460889 51.81317835665895)</t>
  </si>
  <si>
    <t>POINT (4.664607504162211 51.8176397793879)</t>
  </si>
  <si>
    <t>POINT (4.695643339567396 51.791707867414154)</t>
  </si>
  <si>
    <t>POINT (4.719219274400046 51.80044547351736)</t>
  </si>
  <si>
    <t>POINT (4.664921883048696 51.817029639795386)</t>
  </si>
  <si>
    <t>POINT (4.685742557712548 51.788564878828154)</t>
  </si>
  <si>
    <t>POINT (4.685220890376941 51.787435475675515)</t>
  </si>
  <si>
    <t>POINT (4.661891165599665 51.81614190500845)</t>
  </si>
  <si>
    <t>POINT (4.667463805063972 51.79552669701728)</t>
  </si>
  <si>
    <t>POINT (4.67022841574057 51.7811386300463)</t>
  </si>
  <si>
    <t>POINT (4.709356915722197 51.80949591634563)</t>
  </si>
  <si>
    <t>POINT (4.72020012304649 51.81342405250821)</t>
  </si>
  <si>
    <t>POINT (4.710221908183733 51.79641981362741)</t>
  </si>
  <si>
    <t>POINT (4.654905278078196 51.80814691215599)</t>
  </si>
  <si>
    <t>POINT (4.669512265131331 51.777840715054744)</t>
  </si>
  <si>
    <t>POINT (4.693460570589525 51.795565234052944)</t>
  </si>
  <si>
    <t>POINT (4.6699531019792015 51.815055833523346)</t>
  </si>
  <si>
    <t>POINT (4.686688134829269 51.77540506891938)</t>
  </si>
  <si>
    <t>POINT (4.6743364266410685 51.81915311299081)</t>
  </si>
  <si>
    <t>POINT (4.673509881744119 51.805679354806344)</t>
  </si>
  <si>
    <t>POINT (4.687063385213054 51.78081299500117)</t>
  </si>
  <si>
    <t>POINT (4.67085626858506 51.77370660890366)</t>
  </si>
  <si>
    <t>POINT (4.731874206286664 51.80454420362896)</t>
  </si>
  <si>
    <t>POINT (4.716442631546054 51.8067995364639)</t>
  </si>
  <si>
    <t>POINT (4.66988615841458 51.810140173930066)</t>
  </si>
  <si>
    <t>POINT (4.6650730711659305 51.797777013644385)</t>
  </si>
  <si>
    <t>POINT (4.673132579873404 51.817665361311924)</t>
  </si>
  <si>
    <t>POINT (4.716100864847641 51.8159715130922)</t>
  </si>
  <si>
    <t>POINT (4.654093770530644 51.782597288190416)</t>
  </si>
  <si>
    <t>POINT (4.727056918846577 51.79394029160161)</t>
  </si>
  <si>
    <t>POINT (4.665501165850019 51.812407234858796)</t>
  </si>
  <si>
    <t>POINT (4.630633058317168 51.72484087017096)</t>
  </si>
  <si>
    <t>POINT (4.675395121035144 51.774350905512506)</t>
  </si>
  <si>
    <t>POINT (4.683649963903296 51.809738697382315)</t>
  </si>
  <si>
    <t>POINT (4.673357855188554 51.81616745789387)</t>
  </si>
  <si>
    <t>POINT (4.661547635677591 51.81303957650699)</t>
  </si>
  <si>
    <t>POINT (4.671693887875992 51.818818618000876)</t>
  </si>
  <si>
    <t>POINT (4.672027912368096 51.814980874252385)</t>
  </si>
  <si>
    <t>POINT (4.6720730785601985 51.81763461376526)</t>
  </si>
  <si>
    <t>POINT (4.661413277742822 51.79705137961725)</t>
  </si>
  <si>
    <t>POINT (4.671696629749172 51.81681380211919)</t>
  </si>
  <si>
    <t>POINT (4.718013759747497 51.80123393783098)</t>
  </si>
  <si>
    <t>POINT (4.674593675057283 51.777277445609684)</t>
  </si>
  <si>
    <t>POINT (4.713317063430832 51.81621773304063)</t>
  </si>
  <si>
    <t>POINT (4.66201713610004 51.806196579176415)</t>
  </si>
  <si>
    <t>POINT (4.731331747275032 51.795584335727625)</t>
  </si>
  <si>
    <t>POINT (4.681856204942488 51.800905735383786)</t>
  </si>
  <si>
    <t>POINT (4.7207465367736186 51.797965498377636)</t>
  </si>
  <si>
    <t>POINT (4.659749326331272 51.80877384607649)</t>
  </si>
  <si>
    <t>POINT (4.6559281113521935 51.787886912450624)</t>
  </si>
  <si>
    <t>POINT (4.6802951173892025 51.78985390299148)</t>
  </si>
  <si>
    <t>POINT (4.72466748359014 51.80619056876901)</t>
  </si>
  <si>
    <t>POINT (4.71163439681973 51.81061023953228)</t>
  </si>
  <si>
    <t>POINT (4.651126148638268 51.789200683414236)</t>
  </si>
  <si>
    <t>POINT (4.710511889231549 51.79568700516245)</t>
  </si>
  <si>
    <t>POINT (4.692145724412983 51.810642196687255)</t>
  </si>
  <si>
    <t>POINT (4.653471774835446 51.790177476000565)</t>
  </si>
  <si>
    <t>POINT (4.661153403967113 51.78809017331329)</t>
  </si>
  <si>
    <t>POINT (4.676249614185905 51.818389194110196)</t>
  </si>
  <si>
    <t>POINT (4.718390825101973 51.80119111753105)</t>
  </si>
  <si>
    <t>POINT (4.658776817114398 51.799626581287754)</t>
  </si>
  <si>
    <t>POINT (4.7178153190561725 51.800766322008734)</t>
  </si>
  <si>
    <t>POINT (4.663345748198022 51.78594767251238)</t>
  </si>
  <si>
    <t>POINT (4.674070240589148 51.814797951737305)</t>
  </si>
  <si>
    <t>POINT (4.671162250082989 51.81295922960573)</t>
  </si>
  <si>
    <t>POINT (4.692703100561138 51.78820911950035)</t>
  </si>
  <si>
    <t>POINT (4.660448371816026 51.79204918911773)</t>
  </si>
  <si>
    <t>POINT (4.7059322988295476 51.809235692144526)</t>
  </si>
  <si>
    <t>POINT (4.63025012652236 51.727829428266446)</t>
  </si>
  <si>
    <t>POINT (4.659507430418059 51.78317932836793)</t>
  </si>
  <si>
    <t>POINT (4.677627188798157 51.790444766378634)</t>
  </si>
  <si>
    <t>POINT (4.664094910644663 51.81332396270186)</t>
  </si>
  <si>
    <t>POINT (4.679572281141937 51.81481966126997)</t>
  </si>
  <si>
    <t>POINT (4.667048675318453 51.808117087361516)</t>
  </si>
  <si>
    <t>POINT (4.659977290624728 51.772113703282194)</t>
  </si>
  <si>
    <t>POINT (4.655016972960518 51.799923247871874)</t>
  </si>
  <si>
    <t>POINT (4.667259402943326 51.79416448235321)</t>
  </si>
  <si>
    <t>POINT (4.667945539262555 51.79427818223994)</t>
  </si>
  <si>
    <t>POINT (4.676487914497457 51.77734494778999)</t>
  </si>
  <si>
    <t>POINT (4.671417024232141 51.80978027587737)</t>
  </si>
  <si>
    <t>POINT (4.6633332784165455 51.79310451939489)</t>
  </si>
  <si>
    <t>POINT (4.672499877319195 51.81872567833571)</t>
  </si>
  <si>
    <t>POINT (4.67987494731282 51.80506771840587)</t>
  </si>
  <si>
    <t>POINT (4.676993275034622 51.790036897617156)</t>
  </si>
  <si>
    <t>POINT (4.702221875303846 51.79022850963803)</t>
  </si>
  <si>
    <t>POINT (4.6601169657366 51.8137086206665)</t>
  </si>
  <si>
    <t>POINT (4.7163264029599254 51.801170729866406)</t>
  </si>
  <si>
    <t>POINT (4.654351788748458 51.79379137771294)</t>
  </si>
  <si>
    <t>POINT (4.660296231907809 51.78943842055703)</t>
  </si>
  <si>
    <t>POINT (4.67288750489475 51.80603228345271)</t>
  </si>
  <si>
    <t>POINT (4.731505774782215 51.795741971517984)</t>
  </si>
  <si>
    <t>POINT (4.719890285043235 51.81305571664173)</t>
  </si>
  <si>
    <t>POINT (4.71270199833907 51.80506956852525)</t>
  </si>
  <si>
    <t>POINT (4.6672469079500365 51.78835423586029)</t>
  </si>
  <si>
    <t>POINT (4.721072442358204 51.802797299516016)</t>
  </si>
  <si>
    <t>POINT (4.652758167875244 51.804065721271236)</t>
  </si>
  <si>
    <t>POINT (4.6679409318817 51.79440167665613)</t>
  </si>
  <si>
    <t>POINT (4.681829975649651 51.780220421403904)</t>
  </si>
  <si>
    <t>POINT (4.699281704343915 51.79647490813618)</t>
  </si>
  <si>
    <t>POINT (4.672969426988837 51.784768416002045)</t>
  </si>
  <si>
    <t>POINT (4.718897169435794 51.79907991744628)</t>
  </si>
  <si>
    <t>POINT (4.6651123377573125 51.8103503451297)</t>
  </si>
  <si>
    <t>POINT (4.667186511948464 51.7823998092113)</t>
  </si>
  <si>
    <t>POINT (4.668973250947497 51.81462568332259)</t>
  </si>
  <si>
    <t>POINT (4.679431092663695 51.787145209153095)</t>
  </si>
  <si>
    <t>POINT (4.712456488326718 51.81393748556669)</t>
  </si>
  <si>
    <t>POINT (4.670747845278002 51.79009625977449)</t>
  </si>
  <si>
    <t>POINT (4.658363135041706 51.783842467363236)</t>
  </si>
  <si>
    <t>POINT (4.640678955816745 51.7880476764287)</t>
  </si>
  <si>
    <t>POINT (4.678420106116403 51.80847050997652)</t>
  </si>
  <si>
    <t>POINT (4.67198384558616 51.787552773306714)</t>
  </si>
  <si>
    <t>POINT (4.661499817995749 51.803715711251094)</t>
  </si>
  <si>
    <t>POINT (4.6667239570872 51.81665617220589)</t>
  </si>
  <si>
    <t>POINT (4.659893463480703 51.78754649746986)</t>
  </si>
  <si>
    <t>POINT (4.726339262201515 51.797869368650105)</t>
  </si>
  <si>
    <t>POINT (4.662737825567073 51.81239201474082)</t>
  </si>
  <si>
    <t>POINT (4.709413241604962 51.804715592893984)</t>
  </si>
  <si>
    <t>POINT (4.724264976714239 51.80246678281005)</t>
  </si>
  <si>
    <t>POINT (4.708995909929673 51.7874714024629)</t>
  </si>
  <si>
    <t>POINT (4.651766023591148 51.78437744061822)</t>
  </si>
  <si>
    <t>POINT (4.721593332781361 51.802691412004904)</t>
  </si>
  <si>
    <t>POINT (4.683649884206517 51.788409372753605)</t>
  </si>
  <si>
    <t>POINT (4.689137834850298 51.80747549697418)</t>
  </si>
  <si>
    <t>POINT (4.641962514188076 51.76973837919161)</t>
  </si>
  <si>
    <t>POINT (4.667201362444579 51.787563480759076)</t>
  </si>
  <si>
    <t>POINT (4.698736162072913 51.80092581691802)</t>
  </si>
  <si>
    <t>POINT (4.68228759228326 51.79873632161686)</t>
  </si>
  <si>
    <t>POINT (4.669634796190931 51.79845844401154)</t>
  </si>
  <si>
    <t>POINT (4.662348008736882 51.791478114316746)</t>
  </si>
  <si>
    <t>POINT (4.682302959386658 51.79873262072008)</t>
  </si>
  <si>
    <t>POINT (4.707728282624759 51.81106158705033)</t>
  </si>
  <si>
    <t>POINT (4.656123554280814 51.78859225246606)</t>
  </si>
  <si>
    <t>POINT (4.7272627181697855 51.802880511841)</t>
  </si>
  <si>
    <t>POINT (4.679308123280857 51.78527486353124)</t>
  </si>
  <si>
    <t>POINT (4.676416492556126 51.77801464100016)</t>
  </si>
  <si>
    <t>POINT (4.6659040408644445 51.8015385357949)</t>
  </si>
  <si>
    <t>POINT (4.669019781465377 51.818522512441696)</t>
  </si>
  <si>
    <t>POINT (4.6837571031953855 51.8192177038269)</t>
  </si>
  <si>
    <t>POINT (4.663334213620649 51.81623427450603)</t>
  </si>
  <si>
    <t>POINT (4.6926541265609165 51.7961524657342)</t>
  </si>
  <si>
    <t>POINT (4.711903941833085 51.79884899284536)</t>
  </si>
  <si>
    <t>POINT (4.667844450248633 51.77912385671649)</t>
  </si>
  <si>
    <t>POINT (4.72091331417679 51.80044431920666)</t>
  </si>
  <si>
    <t>POINT (4.668765440530282 51.81821962857423)</t>
  </si>
  <si>
    <t>POINT (4.667947035749979 51.79147052674212)</t>
  </si>
  <si>
    <t>POINT (4.711360106374514 51.807899473592556)</t>
  </si>
  <si>
    <t>POINT (4.704159753953889 51.79863386565314)</t>
  </si>
  <si>
    <t>POINT (4.689427885094528 51.80833272718769)</t>
  </si>
  <si>
    <t>POINT (4.6611921408687 51.79039092884888)</t>
  </si>
  <si>
    <t>POINT (4.700598577577915 51.79582846286711)</t>
  </si>
  <si>
    <t>POINT (4.717235821093155 51.81440309904443)</t>
  </si>
  <si>
    <t>POINT (4.6523988248914385 51.790407621809855)</t>
  </si>
  <si>
    <t>POINT (4.677451644203049 51.81686719220594)</t>
  </si>
  <si>
    <t>POINT (4.658184561166201 51.81321764316823)</t>
  </si>
  <si>
    <t>POINT (4.709603030829487 51.787912973671)</t>
  </si>
  <si>
    <t>POINT (4.684292487363052 51.7826184402288)</t>
  </si>
  <si>
    <t>POINT (4.719694779388309 51.8020508463662)</t>
  </si>
  <si>
    <t>POINT (4.660187925005353 51.78750483541257)</t>
  </si>
  <si>
    <t>POINT (4.698701215183463 51.798527247244564)</t>
  </si>
  <si>
    <t>POINT (4.675158880442899 51.81393645427351)</t>
  </si>
  <si>
    <t>POINT (4.667043602434828 51.77489454303621)</t>
  </si>
  <si>
    <t>POINT (4.692329322379277 51.81798334771727)</t>
  </si>
  <si>
    <t>POINT (4.672849031118747 51.805131994694456)</t>
  </si>
  <si>
    <t>POINT (4.706348852531403 51.80907498373095)</t>
  </si>
  <si>
    <t>POINT (4.687778312786928 51.810520014778014)</t>
  </si>
  <si>
    <t>POINT (4.668407450962851 51.79848031518151)</t>
  </si>
  <si>
    <t>POINT (4.680083366775122 51.814336086570975)</t>
  </si>
  <si>
    <t>POINT (4.69401456342732 51.79086177732339)</t>
  </si>
  <si>
    <t>POINT (4.717253995158254 51.800539193071415)</t>
  </si>
  <si>
    <t>POINT (4.726797876918233 51.8030042048786)</t>
  </si>
  <si>
    <t>POINT (4.663015272824044 51.813315714214134)</t>
  </si>
  <si>
    <t>POINT (4.674364890002867 51.816956069416946)</t>
  </si>
  <si>
    <t>POINT (4.662138036298595 51.805753770453485)</t>
  </si>
  <si>
    <t>POINT (4.651730103718673 51.80163249421921)</t>
  </si>
  <si>
    <t>POINT (4.7214079729065555 51.800002054319854)</t>
  </si>
  <si>
    <t>POINT (4.665685254799141 51.77854304687679)</t>
  </si>
  <si>
    <t>POINT (4.718271149669189 51.81311374264954)</t>
  </si>
  <si>
    <t>POINT (4.723366873286171 51.80567325670574)</t>
  </si>
  <si>
    <t>POINT (4.6675983361393225 51.801783508083275)</t>
  </si>
  <si>
    <t>POINT (4.692456518303904 51.81087065016655)</t>
  </si>
  <si>
    <t>POINT (4.665499901077261 51.79600536135637)</t>
  </si>
  <si>
    <t>POINT (4.70064669686188 51.79660623720774)</t>
  </si>
  <si>
    <t>POINT (4.73324601112931 51.79853549325035)</t>
  </si>
  <si>
    <t>POINT (4.654623269934288 51.79412057684921)</t>
  </si>
  <si>
    <t>POINT (4.71585310899554 51.80077347496398)</t>
  </si>
  <si>
    <t>POINT (4.722551230231937 51.805500947499006)</t>
  </si>
  <si>
    <t>POINT (4.665923900639913 51.79597698478108)</t>
  </si>
  <si>
    <t>POINT (4.667321835256669 51.80924329249316)</t>
  </si>
  <si>
    <t>POINT (4.652314057089752 51.80290648140314)</t>
  </si>
  <si>
    <t>POINT (4.666098323568951 51.815024741308285)</t>
  </si>
  <si>
    <t>POINT (4.685602772237879 51.80844549547605)</t>
  </si>
  <si>
    <t>POINT (4.634862781628824 51.77720898724386)</t>
  </si>
  <si>
    <t>POINT (4.708996081664889 51.808973074232384)</t>
  </si>
  <si>
    <t>POINT (4.667586198212283 51.78872602303396)</t>
  </si>
  <si>
    <t>POINT (4.67829404044964 51.78565132529697)</t>
  </si>
  <si>
    <t>POINT (4.660950079188123 51.81255523711519)</t>
  </si>
  <si>
    <t>POINT (4.677045603936132 51.78191118950591)</t>
  </si>
  <si>
    <t>POINT (4.6728453260425065 51.81956060836275)</t>
  </si>
  <si>
    <t>POINT (4.652595564443302 51.79337703449041)</t>
  </si>
  <si>
    <t>POINT (4.674155733893575 51.81025081444842)</t>
  </si>
  <si>
    <t>POINT (4.6855218355177 51.809534455853026)</t>
  </si>
  <si>
    <t>POINT (4.641861396381141 51.769714114150844)</t>
  </si>
  <si>
    <t>POINT (4.655560369614445 51.80643621651223)</t>
  </si>
  <si>
    <t>POINT (4.680675819456516 51.80618134123945)</t>
  </si>
  <si>
    <t>POINT (4.659668159054684 51.80728333284036)</t>
  </si>
  <si>
    <t>POINT (4.6662154316911675 51.79959075759488)</t>
  </si>
  <si>
    <t>POINT (4.685291562361845 51.809604268936695)</t>
  </si>
  <si>
    <t>POINT (4.66196399129254 51.797198002095435)</t>
  </si>
  <si>
    <t>POINT (4.667674712958145 51.80228609360538)</t>
  </si>
  <si>
    <t>POINT (4.692433746428509 51.81845868354651)</t>
  </si>
  <si>
    <t>POINT (4.655998137150953 51.78765315702942)</t>
  </si>
  <si>
    <t>POINT (4.68176545687336 51.77541474547883)</t>
  </si>
  <si>
    <t>POINT (4.7025382610298 51.78912271841435)</t>
  </si>
  <si>
    <t>POINT (4.6538504210760765 51.794122148283066)</t>
  </si>
  <si>
    <t>POINT (4.735165786459003 51.80044876645373)</t>
  </si>
  <si>
    <t>POINT (4.680763809124355 51.81376116173683)</t>
  </si>
  <si>
    <t>POINT (4.721025019278716 51.803328169244736)</t>
  </si>
  <si>
    <t>POINT (4.714109278986397 51.81407268279241)</t>
  </si>
  <si>
    <t>POINT (4.672474538153017 51.81655778091606)</t>
  </si>
  <si>
    <t>POINT (4.670127082241096 51.7995545143981)</t>
  </si>
  <si>
    <t>POINT (4.663298370984114 51.789959300627395)</t>
  </si>
  <si>
    <t>POINT (4.692150664330903 51.79240031636948)</t>
  </si>
  <si>
    <t>POINT (4.667783838166633 51.81366608373738)</t>
  </si>
  <si>
    <t>POINT (4.714182424580915 51.80467361583605)</t>
  </si>
  <si>
    <t>POINT (4.679355355513756 51.80869447216204)</t>
  </si>
  <si>
    <t>POINT (4.664071788413172 51.81061729240363)</t>
  </si>
  <si>
    <t>POINT (4.655602172320602 51.787332667497516)</t>
  </si>
  <si>
    <t>POINT (4.675501472054235 51.77647925927804)</t>
  </si>
  <si>
    <t>POINT (4.6670997660955775 51.79620989611373)</t>
  </si>
  <si>
    <t>POINT (4.680627371530088 51.788113348017276)</t>
  </si>
  <si>
    <t>POINT (4.671605571302966 51.81201571399086)</t>
  </si>
  <si>
    <t>POINT (4.652439517159521 51.792685589433056)</t>
  </si>
  <si>
    <t>POINT (4.6645711676586465 51.795735529691264)</t>
  </si>
  <si>
    <t>POINT (4.666868184004147 51.8119096252671)</t>
  </si>
  <si>
    <t>POINT (4.703822844532638 51.795297666821305)</t>
  </si>
  <si>
    <t>POINT (4.683791204075998 51.78218966769385)</t>
  </si>
  <si>
    <t>POINT (4.67985653536765 51.786543681142106)</t>
  </si>
  <si>
    <t>POINT (4.6714026127595725 51.799444299622955)</t>
  </si>
  <si>
    <t>POINT (4.690056504523023 51.80841374801094)</t>
  </si>
  <si>
    <t>POINT (4.716096142823738 51.815900970255655)</t>
  </si>
  <si>
    <t>POINT (4.655657084793479 51.790521459007834)</t>
  </si>
  <si>
    <t>POINT (4.68421411856921 51.81071650371496)</t>
  </si>
  <si>
    <t>POINT (4.673042338867087 51.80374945377371)</t>
  </si>
  <si>
    <t>POINT (4.6713444892896785 51.80403888020547)</t>
  </si>
  <si>
    <t>POINT (4.66634226225521 51.80082046181474)</t>
  </si>
  <si>
    <t>POINT (4.707168048782222 51.797644808090624)</t>
  </si>
  <si>
    <t>POINT (4.671099992437408 51.79655587910634)</t>
  </si>
  <si>
    <t>POINT (4.732192744541089 51.799383754443454)</t>
  </si>
  <si>
    <t>POINT (4.700646331140212 51.817296575002295)</t>
  </si>
  <si>
    <t>POINT (4.680541434895615 51.813372366477005)</t>
  </si>
  <si>
    <t>POINT (4.673690672178108 51.80507032067336)</t>
  </si>
  <si>
    <t>POINT (4.646769993019466 51.78032360025647)</t>
  </si>
  <si>
    <t>POINT (4.665817675463197 51.78890259334193)</t>
  </si>
  <si>
    <t>POINT (4.690257557450179 51.80617507506434)</t>
  </si>
  <si>
    <t>POINT (4.678004520200881 51.787663555439714)</t>
  </si>
  <si>
    <t>POINT (4.657682038502372 51.800685838982844)</t>
  </si>
  <si>
    <t>POINT (4.707064543589123 51.78908579460165)</t>
  </si>
  <si>
    <t>POINT (4.701394900400608 51.79688561238055)</t>
  </si>
  <si>
    <t>POINT (4.693382968398118 51.795687955939776)</t>
  </si>
  <si>
    <t>POINT (4.6685496542080775 51.80812927369984)</t>
  </si>
  <si>
    <t>POINT (4.666810781424573 51.811128498245345)</t>
  </si>
  <si>
    <t>POINT (4.667523839629597 51.79036547626498)</t>
  </si>
  <si>
    <t>POINT (4.6934236629156025 51.79558219316274)</t>
  </si>
  <si>
    <t>POINT (4.668086948322947 51.77708654189861)</t>
  </si>
  <si>
    <t>POINT (4.669479960126834 51.77856269741615)</t>
  </si>
  <si>
    <t>POINT (4.671828744099261 51.81249332159118)</t>
  </si>
  <si>
    <t>POINT (4.678147742962411 51.779954517964605)</t>
  </si>
  <si>
    <t>POINT (4.676652103012629 51.81690898734983)</t>
  </si>
  <si>
    <t>POINT (4.653676143673507 51.803500285739986)</t>
  </si>
  <si>
    <t>POINT (4.665205421873455 51.78469373014837)</t>
  </si>
  <si>
    <t>POINT (4.666189038793669 51.80962827116418)</t>
  </si>
  <si>
    <t>POINT (4.669160447826125 51.819289540353424)</t>
  </si>
  <si>
    <t>POINT (4.677519733269279 51.789895051084294)</t>
  </si>
  <si>
    <t>POINT (4.687283271080797 51.81024911113604)</t>
  </si>
  <si>
    <t>POINT (4.6666165211923865 51.81248493765521)</t>
  </si>
  <si>
    <t>POINT (4.665518814267573 51.80116199473766)</t>
  </si>
  <si>
    <t>POINT (4.716072992957395 51.81581156275976)</t>
  </si>
  <si>
    <t>POINT (4.72759681449974 51.79884360527044)</t>
  </si>
  <si>
    <t>POINT (4.657313642240012 51.80121351250008)</t>
  </si>
  <si>
    <t>POINT (4.724758532665172 51.806200089423136)</t>
  </si>
  <si>
    <t>POINT (4.666765606544251 51.81881171383864)</t>
  </si>
  <si>
    <t>POINT (4.669307145900074 51.77236410106113)</t>
  </si>
  <si>
    <t>POINT (4.728822011561545 51.79663414791726)</t>
  </si>
  <si>
    <t>POINT (4.733938003039856 51.80244669042424)</t>
  </si>
  <si>
    <t>POINT (4.660061291723247 51.802157612938856)</t>
  </si>
  <si>
    <t>POINT (4.644224309110036 51.800491566834275)</t>
  </si>
  <si>
    <t>POINT (4.704458135646895 51.788436647431595)</t>
  </si>
  <si>
    <t>POINT (4.674374506783874 51.8145547691299)</t>
  </si>
  <si>
    <t>POINT (4.682910563455241 51.803978870153486)</t>
  </si>
  <si>
    <t>POINT (4.66010144188865 51.78967129731102)</t>
  </si>
  <si>
    <t>POINT (4.659353681570132 51.800639942597755)</t>
  </si>
  <si>
    <t>POINT (4.661517215617928 51.81655656909177)</t>
  </si>
  <si>
    <t>POINT (4.680023017573035 51.805250667510116)</t>
  </si>
  <si>
    <t>POINT (4.67818138566608 51.81710165900237)</t>
  </si>
  <si>
    <t>POINT (4.706641877311815 51.80661966293785)</t>
  </si>
  <si>
    <t>POINT (4.664576724704326 51.79108222178466)</t>
  </si>
  <si>
    <t>POINT (4.6333619223236475 51.78362327048832)</t>
  </si>
  <si>
    <t>POINT (4.702827533856064 51.81762999335539)</t>
  </si>
  <si>
    <t>POINT (4.671427894629226 51.81069224342973)</t>
  </si>
  <si>
    <t>POINT (4.71650903938833 51.8002160467975)</t>
  </si>
  <si>
    <t>POINT (4.678089785309706 51.78759453435053)</t>
  </si>
  <si>
    <t>POINT (4.685474796921163 51.8031442106675)</t>
  </si>
  <si>
    <t>POINT (4.680246353043568 51.775005565308525)</t>
  </si>
  <si>
    <t>POINT (4.66581211464074 51.8149340303865)</t>
  </si>
  <si>
    <t>POINT (4.662015906971381 51.79431967392203)</t>
  </si>
  <si>
    <t>POINT (4.708633790197894 51.818697490744306)</t>
  </si>
  <si>
    <t>POINT (4.691016351404611 51.80632405424319)</t>
  </si>
  <si>
    <t>POINT (4.6564124210432025 51.80448798621346)</t>
  </si>
  <si>
    <t>POINT (4.67550559059121 51.78332383226662)</t>
  </si>
  <si>
    <t>POINT (4.662766338112277 51.79306672797174)</t>
  </si>
  <si>
    <t>POINT (4.678329870227875 51.81574496203653)</t>
  </si>
  <si>
    <t>POINT (4.656329205077271 51.80449900039904)</t>
  </si>
  <si>
    <t>POINT (4.662416480066729 51.800753715251005)</t>
  </si>
  <si>
    <t>POINT (4.683617740519986 51.79808227155926)</t>
  </si>
  <si>
    <t>POINT (4.679392572447607 51.808262548279615)</t>
  </si>
  <si>
    <t>POINT (4.6638581260401155 51.79945110755864)</t>
  </si>
  <si>
    <t>POINT (4.666155377987915 51.80390300022327)</t>
  </si>
  <si>
    <t>POINT (4.669567712017209 51.809370449932736)</t>
  </si>
  <si>
    <t>POINT (4.690373201568318 51.808755849951226)</t>
  </si>
  <si>
    <t>POINT (4.709927749797374 51.80681631681924)</t>
  </si>
  <si>
    <t>POINT (4.674271448039302 51.80534086852914)</t>
  </si>
  <si>
    <t>POINT (4.697811477571762 51.78996823213721)</t>
  </si>
  <si>
    <t>POINT (4.692812297360992 51.8186477170119)</t>
  </si>
  <si>
    <t>POINT (4.673908390886448 51.788011355594215)</t>
  </si>
  <si>
    <t>POINT (4.730580117976375 51.79658380348346)</t>
  </si>
  <si>
    <t>POINT (4.701361409951508 51.799767973423265)</t>
  </si>
  <si>
    <t>POINT (4.654271547974848 51.79468125291235)</t>
  </si>
  <si>
    <t>POINT (4.691968588537833 51.78956820790669)</t>
  </si>
  <si>
    <t>POINT (4.68276261339926 51.81012072260088)</t>
  </si>
  <si>
    <t>POINT (4.679476407773018 51.775621088547304)</t>
  </si>
  <si>
    <t>POINT (4.683288199380508 51.78132651285787)</t>
  </si>
  <si>
    <t>POINT (4.65250556437885 51.78550693228592)</t>
  </si>
  <si>
    <t>POINT (4.668944633805843 51.77076144912111)</t>
  </si>
  <si>
    <t>POINT (4.681953895505311 51.78910705723828)</t>
  </si>
  <si>
    <t>POINT (4.710592675527574 51.805037182251766)</t>
  </si>
  <si>
    <t>POINT (4.677250422766273 51.80795917446631)</t>
  </si>
  <si>
    <t>POINT (4.675330401336153 51.81767250190409)</t>
  </si>
  <si>
    <t>POINT (4.677785019669523 51.77563220932364)</t>
  </si>
  <si>
    <t>POINT (4.712488840040504 51.81634765120728)</t>
  </si>
  <si>
    <t>POINT (4.661224997198673 51.809097418152895)</t>
  </si>
  <si>
    <t>POINT (4.727681771613068 51.79696558209875)</t>
  </si>
  <si>
    <t>POINT (4.652013277377744 51.78186246319476)</t>
  </si>
  <si>
    <t>POINT (4.705705279563206 51.815595252299985)</t>
  </si>
  <si>
    <t>POINT (4.721104682543357 51.811291603108664)</t>
  </si>
  <si>
    <t>POINT (4.671250629915384 51.81860432159315)</t>
  </si>
  <si>
    <t>POINT (4.653691389249373 51.78560195750112)</t>
  </si>
  <si>
    <t>POINT (4.715495636270528 51.80317173998408)</t>
  </si>
  <si>
    <t>POINT (4.686101457101024 51.78914158119863)</t>
  </si>
  <si>
    <t>POINT (4.675962999002902 51.8181368355842)</t>
  </si>
  <si>
    <t>POINT (4.675598803297303 51.78330838890865)</t>
  </si>
  <si>
    <t>POINT (4.673811181076291 51.77496490045631)</t>
  </si>
  <si>
    <t>POINT (4.65906981570134 51.78980376518684)</t>
  </si>
  <si>
    <t>POINT (4.6517240325825195 51.78885540160687)</t>
  </si>
  <si>
    <t>POINT (4.730719541624804 51.79680329535165)</t>
  </si>
  <si>
    <t>POINT (4.720336437186558 51.8055041475768)</t>
  </si>
  <si>
    <t>POINT (4.671786827824731 51.77320791426255)</t>
  </si>
  <si>
    <t>POINT (4.716939858456252 51.813783512319425)</t>
  </si>
  <si>
    <t>POINT (4.660690577285884 51.79317584136876)</t>
  </si>
  <si>
    <t>POINT (4.655443987069734 51.79186426570779)</t>
  </si>
  <si>
    <t>POINT (4.70615384090918 51.80761802337601)</t>
  </si>
  <si>
    <t>POINT (4.652177157357465 51.78688004990548)</t>
  </si>
  <si>
    <t>POINT (4.696363211809124 51.79292226301977)</t>
  </si>
  <si>
    <t>POINT (4.711036696311192 51.81442234973027)</t>
  </si>
  <si>
    <t>POINT (4.664219058399435 51.81152916678176)</t>
  </si>
  <si>
    <t>POINT (4.69264808369927 51.787625221556176)</t>
  </si>
  <si>
    <t>POINT (4.718675302540825 51.80248548593044)</t>
  </si>
  <si>
    <t>POINT (4.6838832163484545 51.80872879862606)</t>
  </si>
  <si>
    <t>POINT (4.728359691214419 51.79727280257154)</t>
  </si>
  <si>
    <t>POINT (4.6717474510516235 51.7784297651061)</t>
  </si>
  <si>
    <t>POINT (4.714270975769207 51.81111632085251)</t>
  </si>
  <si>
    <t>POINT (4.686888576334254 51.80982081051946)</t>
  </si>
  <si>
    <t>POINT (4.679269135057692 51.78897542640899)</t>
  </si>
  <si>
    <t>POINT (4.658305112482966 51.80429798070281)</t>
  </si>
  <si>
    <t>POINT (4.69451694356797 51.79037636289104)</t>
  </si>
  <si>
    <t>POINT (4.690536575762277 51.80591704941475)</t>
  </si>
  <si>
    <t>POINT (4.674050316464714 51.819067222937136)</t>
  </si>
  <si>
    <t>POINT (4.703885963241 51.796802826821505)</t>
  </si>
  <si>
    <t>POINT (4.683642843940385 51.78649070360984)</t>
  </si>
  <si>
    <t>POINT (4.684493684860274 51.776991651618296)</t>
  </si>
  <si>
    <t>POINT (4.652292660898335 51.801707784967746)</t>
  </si>
  <si>
    <t>POINT (4.711609140263569 51.816077893086785)</t>
  </si>
  <si>
    <t>POINT (4.656317536711905 51.78818474448612)</t>
  </si>
  <si>
    <t>POINT (4.651689935636422 51.80180008846624)</t>
  </si>
  <si>
    <t>POINT (4.681480191208498 51.787408644679566)</t>
  </si>
  <si>
    <t>POINT (4.674375763268379 51.78512619055061)</t>
  </si>
  <si>
    <t>POINT (4.683886190252734 51.818393992884225)</t>
  </si>
  <si>
    <t>POINT (4.668202590768663 51.79013499724924)</t>
  </si>
  <si>
    <t>POINT (4.6862614785946635 51.81603798416119)</t>
  </si>
  <si>
    <t>POINT (4.728605100424449 51.80060045440284)</t>
  </si>
  <si>
    <t>POINT (4.69150797257965 51.79388143649707)</t>
  </si>
  <si>
    <t>POINT (4.668485551479758 51.809167037775154)</t>
  </si>
  <si>
    <t>POINT (4.706789149845501 51.80038401761759)</t>
  </si>
  <si>
    <t>POINT (4.665463909969501 51.803743945822)</t>
  </si>
  <si>
    <t>POINT (4.676078315020642 51.785314051110646)</t>
  </si>
  <si>
    <t>POINT (4.729291955187384 51.79800639265863)</t>
  </si>
  <si>
    <t>POINT (4.675340327092403 51.80704734162731)</t>
  </si>
  <si>
    <t>POINT (4.673994575990526 51.778642964104506)</t>
  </si>
  <si>
    <t>POINT (4.682131930618022 51.80608414119012)</t>
  </si>
  <si>
    <t>POINT (4.66118867986994 51.77276392943457)</t>
  </si>
  <si>
    <t>POINT (4.661505328106008 51.81656796513867)</t>
  </si>
  <si>
    <t>POINT (4.661218313423016 51.78932206395238)</t>
  </si>
  <si>
    <t>POINT (4.664651708267926 51.79765690121271)</t>
  </si>
  <si>
    <t>POINT (4.671238832952909 51.79663408313847)</t>
  </si>
  <si>
    <t>POINT (4.658675091846743 51.804522200299374)</t>
  </si>
  <si>
    <t>POINT (4.628572626595875 51.7246919092013)</t>
  </si>
  <si>
    <t>POINT (4.674141798542394 51.77495271783064)</t>
  </si>
  <si>
    <t>POINT (4.656385821166838 51.791951574431934)</t>
  </si>
  <si>
    <t>POINT (4.656987478407193 51.78721503462142)</t>
  </si>
  <si>
    <t>POINT (4.679606776126342 51.78924362765255)</t>
  </si>
  <si>
    <t>POINT (4.662628113903947 51.79528460931811)</t>
  </si>
  <si>
    <t>POINT (4.661057439813712 51.77058872633672)</t>
  </si>
  <si>
    <t>POINT (4.663761080826173 51.788286273870625)</t>
  </si>
  <si>
    <t>POINT (4.701772011079391 51.81684144400182)</t>
  </si>
  <si>
    <t>POINT (4.673702059247485 51.81104574780099)</t>
  </si>
  <si>
    <t>POINT (4.675015983460804 51.80562282539422)</t>
  </si>
  <si>
    <t>POINT (4.692241378297938 51.81877887088768)</t>
  </si>
  <si>
    <t>POINT (4.66745281529255 51.79335181447604)</t>
  </si>
  <si>
    <t>POINT (4.673663829356422 51.803675896179215)</t>
  </si>
  <si>
    <t>POINT (4.668526705751531 51.80939441579784)</t>
  </si>
  <si>
    <t>POINT (4.6429251676821 51.77079616651653)</t>
  </si>
  <si>
    <t>POINT (4.6553023591828495 51.80208009628568)</t>
  </si>
  <si>
    <t>POINT (4.6619096092102605 51.80071335187868)</t>
  </si>
  <si>
    <t>POINT (4.667584205808078 51.789406158921)</t>
  </si>
  <si>
    <t>POINT (4.723844216393201 51.79303999705286)</t>
  </si>
  <si>
    <t>POINT (4.706719229587589 51.816540601687635)</t>
  </si>
  <si>
    <t>POINT (4.680793491807937 51.789317403901215)</t>
  </si>
  <si>
    <t>POINT (4.655504182588558 51.79030407523924)</t>
  </si>
  <si>
    <t>POINT (4.6823921036409 51.807543172285285)</t>
  </si>
  <si>
    <t>POINT (4.667294214626676 51.77993099292929)</t>
  </si>
  <si>
    <t>POINT (4.658648407739586 51.79903441748912)</t>
  </si>
  <si>
    <t>POINT (4.665133258948749 51.813806819090715)</t>
  </si>
  <si>
    <t>POINT (4.677312417142173 51.77974534984807)</t>
  </si>
  <si>
    <t>POINT (4.718522752055841 51.7995565286591)</t>
  </si>
  <si>
    <t>207A</t>
  </si>
  <si>
    <t>POINT (4.6291996701073765 51.7224186632791)</t>
  </si>
  <si>
    <t>POINT (4.673876847403351 51.80486669048568)</t>
  </si>
  <si>
    <t>POINT (4.667816830779001 51.81657437388409)</t>
  </si>
  <si>
    <t>POINT (4.678617882490741 51.78003231587127)</t>
  </si>
  <si>
    <t>POINT (4.668021748292904 51.80406368465565)</t>
  </si>
  <si>
    <t>POINT (4.718706892418498 51.80430985753776)</t>
  </si>
  <si>
    <t>POINT (4.738455957842129 51.76705282067908)</t>
  </si>
  <si>
    <t>POINT (4.720547845571701 51.798455509383345)</t>
  </si>
  <si>
    <t>POINT (4.665809198974112 51.809574943901374)</t>
  </si>
  <si>
    <t>POINT (4.686383049717726 51.8100088735561)</t>
  </si>
  <si>
    <t>POINT (4.6733899882059005 51.807757482186105)</t>
  </si>
  <si>
    <t>POINT (4.667638048081343 51.80810786709889)</t>
  </si>
  <si>
    <t>POINT (4.670663587358402 51.815820507422764)</t>
  </si>
  <si>
    <t>POINT (4.685479922027586 51.784943616823426)</t>
  </si>
  <si>
    <t>POINT (4.701979772182376 51.794804378178114)</t>
  </si>
  <si>
    <t>POINT (4.6688882445966104 51.815284194630145)</t>
  </si>
  <si>
    <t>POINT (4.716186198537747 51.80138950286871)</t>
  </si>
  <si>
    <t>POINT (4.656511526350803 51.78470419256436)</t>
  </si>
  <si>
    <t>POINT (4.689214401369899 51.8089364844893)</t>
  </si>
  <si>
    <t>POINT (4.652380650519924 51.78560730888558)</t>
  </si>
  <si>
    <t>POINT (4.672780512599848 51.818269009911816)</t>
  </si>
  <si>
    <t>POINT (4.672488355212209 51.802836713586366)</t>
  </si>
  <si>
    <t>POINT (4.720194365470899 51.75399959184706)</t>
  </si>
  <si>
    <t>POINT (4.725430537369254 51.792394510142735)</t>
  </si>
  <si>
    <t>POINT (4.681739178537348 51.777367589876974)</t>
  </si>
  <si>
    <t>POINT (4.672571527321672 51.81145773181539)</t>
  </si>
  <si>
    <t>POINT (4.685990163452821 51.809952630493925)</t>
  </si>
  <si>
    <t>3311VA</t>
  </si>
  <si>
    <t>Belsteeg</t>
  </si>
  <si>
    <t>POINT (4.663420353658498 51.81246792004044)</t>
  </si>
  <si>
    <t>POINT (4.6952885137249 51.79665906472724)</t>
  </si>
  <si>
    <t>POINT (4.642809346893694 51.79858534159668)</t>
  </si>
  <si>
    <t>POINT (4.679212215465613 51.781935307092986)</t>
  </si>
  <si>
    <t>POINT (4.681522227737541 51.77836187336359)</t>
  </si>
  <si>
    <t>POINT (4.6523079690945 51.80241970511626)</t>
  </si>
  <si>
    <t>POINT (4.628879963550574 51.72090792338922)</t>
  </si>
  <si>
    <t>POINT (4.678292691054208 51.78633127604539)</t>
  </si>
  <si>
    <t>POINT (4.664296122290433 51.78769060986321)</t>
  </si>
  <si>
    <t>POINT (4.719491620082349 51.81257238631499)</t>
  </si>
  <si>
    <t>POINT (4.6584587675370965 51.79866999740398)</t>
  </si>
  <si>
    <t>POINT (4.708144342047942 51.79770895190015)</t>
  </si>
  <si>
    <t>POINT (4.683988818176138 51.776677697576915)</t>
  </si>
  <si>
    <t>POINT (4.7244809277752235 51.803967811381845)</t>
  </si>
  <si>
    <t>POINT (4.685445126104286 51.77951525322834)</t>
  </si>
  <si>
    <t>POINT (4.678184005858365 51.78561180213058)</t>
  </si>
  <si>
    <t>POINT (4.668858365650519 51.7768578681665)</t>
  </si>
  <si>
    <t>POINT (4.662575257684672 51.80325535929012)</t>
  </si>
  <si>
    <t>POINT (4.720373714916149 51.797476150287245)</t>
  </si>
  <si>
    <t>POINT (4.667055973586523 51.78796854512991)</t>
  </si>
  <si>
    <t>POINT (4.678023024456671 51.808451068344255)</t>
  </si>
  <si>
    <t>POINT (4.66964522953786 51.804440146687334)</t>
  </si>
  <si>
    <t>POINT (4.732889017815072 51.802689642021946)</t>
  </si>
  <si>
    <t>POINT (4.675925511465954 51.785471442620384)</t>
  </si>
  <si>
    <t>POINT (4.728626277555849 51.80323186252791)</t>
  </si>
  <si>
    <t>POINT (4.687740677917012 51.804375012552754)</t>
  </si>
  <si>
    <t>POINT (4.725350952021505 51.798465201035796)</t>
  </si>
  <si>
    <t>POINT (4.686869549931841 51.8155055038376)</t>
  </si>
  <si>
    <t>POINT (4.671890819062892 51.778718979352654)</t>
  </si>
  <si>
    <t>POINT (4.664575043456372 51.788670596169396)</t>
  </si>
  <si>
    <t>POINT (4.664288830215037 51.797851464350465)</t>
  </si>
  <si>
    <t>POINT (4.665189291463415 51.78941698914021)</t>
  </si>
  <si>
    <t>POINT (4.672735808973528 51.78717693588361)</t>
  </si>
  <si>
    <t>POINT (4.676778291473373 51.81587485025301)</t>
  </si>
  <si>
    <t>POINT (4.707308627274503 51.78833845330285)</t>
  </si>
  <si>
    <t>POINT (4.6803181398275475 51.801913341338)</t>
  </si>
  <si>
    <t>POINT (4.658160098539473 51.79911264210733)</t>
  </si>
  <si>
    <t>POINT (4.715143473166814 51.81493714140896)</t>
  </si>
  <si>
    <t>POINT (4.662440321077814 51.814685140743094)</t>
  </si>
  <si>
    <t>POINT (4.665208914759942 51.79008463798452)</t>
  </si>
  <si>
    <t>POINT (4.690745188329395 51.80801497456513)</t>
  </si>
  <si>
    <t>POINT (4.677948717612473 51.80825694030335)</t>
  </si>
  <si>
    <t>POINT (4.683899566544741 51.78135062048556)</t>
  </si>
  <si>
    <t>POINT (4.720377500111391 51.79951277496578)</t>
  </si>
  <si>
    <t>POINT (4.662390089735213 51.791558301873394)</t>
  </si>
  <si>
    <t>POINT (4.684539470564234 51.80932528099599)</t>
  </si>
  <si>
    <t>POINT (4.694179188915087 51.8101609436317)</t>
  </si>
  <si>
    <t>POINT (4.659398057291942 51.80980726365214)</t>
  </si>
  <si>
    <t>POINT (4.685533523180851 51.784716748290435)</t>
  </si>
  <si>
    <t>POINT (4.66981289436185 51.81496078422707)</t>
  </si>
  <si>
    <t>POINT (4.6645033468323085 51.817320004130295)</t>
  </si>
  <si>
    <t>POINT (4.723871169837942 51.79967196537353)</t>
  </si>
  <si>
    <t>POINT (4.715692930710023 51.80806209905438)</t>
  </si>
  <si>
    <t>POINT (4.6740633523607995 51.8076723278234)</t>
  </si>
  <si>
    <t>POINT (4.6739637762284705 51.77792543301137)</t>
  </si>
  <si>
    <t>POINT (4.628275533136287 51.721835502048364)</t>
  </si>
  <si>
    <t>POINT (4.7144941506895 51.816786599225054)</t>
  </si>
  <si>
    <t>POINT (4.678953812817424 51.78085931879469)</t>
  </si>
  <si>
    <t>POINT (4.665021468757214 51.80243130177387)</t>
  </si>
  <si>
    <t>POINT (4.683206925255802 51.79825741457282)</t>
  </si>
  <si>
    <t>POINT (4.628882211954628 51.72647815332764)</t>
  </si>
  <si>
    <t>POINT (4.678805277148944 51.807500890645)</t>
  </si>
  <si>
    <t>POINT (4.72675681444672 51.79911041788909)</t>
  </si>
  <si>
    <t>POINT (4.670429686326605 51.79082711087441)</t>
  </si>
  <si>
    <t>POINT (4.676512898309585 51.78522247433076)</t>
  </si>
  <si>
    <t>POINT (4.655928500581319 51.8031838484666)</t>
  </si>
  <si>
    <t>POINT (4.676494462982677 51.805344349700775)</t>
  </si>
  <si>
    <t>POINT (4.663262299170617 51.80870622387464)</t>
  </si>
  <si>
    <t>POINT (4.666008047473898 51.79892855343811)</t>
  </si>
  <si>
    <t>POINT (4.7098001786112285 51.80990314477889)</t>
  </si>
  <si>
    <t>POINT (4.664143865700641 51.78720665434342)</t>
  </si>
  <si>
    <t>POINT (4.72381774885622 51.79831841372311)</t>
  </si>
  <si>
    <t>POINT (4.677427538756814 51.81551041413392)</t>
  </si>
  <si>
    <t>POINT (4.65866623419052 51.81449825896085)</t>
  </si>
  <si>
    <t>POINT (4.7287463623110755 51.792047383177476)</t>
  </si>
  <si>
    <t>POINT (4.733771409264853 51.801681549065506)</t>
  </si>
  <si>
    <t>POINT (4.674500169412836 51.78051828590965)</t>
  </si>
  <si>
    <t>POINT (4.640496334292604 51.79861208140615)</t>
  </si>
  <si>
    <t>POINT (4.666173634966352 51.786784310438804)</t>
  </si>
  <si>
    <t>POINT (4.67534475158597 51.80465632619652)</t>
  </si>
  <si>
    <t>POINT (4.658311456072085 51.79312518301538)</t>
  </si>
  <si>
    <t>POINT (4.664453523010857 51.788242704259964)</t>
  </si>
  <si>
    <t>POINT (4.728988331054468 51.79941088188381)</t>
  </si>
  <si>
    <t>POINT (4.662712905215642 51.81386429672661)</t>
  </si>
  <si>
    <t>POINT (4.66916900170109 51.77648501286585)</t>
  </si>
  <si>
    <t>POINT (4.675853643899078 51.8180989957032)</t>
  </si>
  <si>
    <t>POINT (4.69137139024658 51.78708703559356)</t>
  </si>
  <si>
    <t>POINT (4.685467252460812 51.78892108991326)</t>
  </si>
  <si>
    <t>POINT (4.726006330840525 51.79669093308625)</t>
  </si>
  <si>
    <t>POINT (4.729175300780057 51.797262818129276)</t>
  </si>
  <si>
    <t>POINT (4.676158244297556 51.80842783768978)</t>
  </si>
  <si>
    <t>POINT (4.721962514905755 51.79993996013848)</t>
  </si>
  <si>
    <t>POINT (4.661652661338237 51.81659077251203)</t>
  </si>
  <si>
    <t>POINT (4.672789918000573 51.80603433201879)</t>
  </si>
  <si>
    <t>POINT (4.6357881571723984 51.78148342911334)</t>
  </si>
  <si>
    <t>POINT (4.691512992285161 51.81835240356728)</t>
  </si>
  <si>
    <t>POINT (4.6913218245204815 51.78811680876443)</t>
  </si>
  <si>
    <t>POINT (4.659483347306429 51.797808974339816)</t>
  </si>
  <si>
    <t>POINT (4.715877494242183 51.81361537487848)</t>
  </si>
  <si>
    <t>POINT (4.731063493071985 51.795801565471955)</t>
  </si>
  <si>
    <t>POINT (4.685986025720348 51.80901305654066)</t>
  </si>
  <si>
    <t>POINT (4.672570662279285 51.78532883284509)</t>
  </si>
  <si>
    <t>POINT (4.680617877652994 51.801416580741986)</t>
  </si>
  <si>
    <t>POINT (4.667001185233112 51.81773193933329)</t>
  </si>
  <si>
    <t>POINT (4.685398341000862 51.80367084913221)</t>
  </si>
  <si>
    <t>POINT (4.710294501832369 51.814562689396105)</t>
  </si>
  <si>
    <t>POINT (4.682363999654404 51.79875356251951)</t>
  </si>
  <si>
    <t>POINT (4.674835954426118 51.80785422343616)</t>
  </si>
  <si>
    <t>POINT (4.657219326321566 51.799867524255305)</t>
  </si>
  <si>
    <t>POINT (4.667552546895453 51.79047857741904)</t>
  </si>
  <si>
    <t>POINT (4.634706905801 51.770205897929976)</t>
  </si>
  <si>
    <t>POINT (4.654357701053334 51.79389322075609)</t>
  </si>
  <si>
    <t>POINT (4.655686109750641 51.790367312828245)</t>
  </si>
  <si>
    <t>POINT (4.728089484245309 51.80470833323733)</t>
  </si>
  <si>
    <t>POINT (4.675332733033222 51.77572041519627)</t>
  </si>
  <si>
    <t>POINT (4.71696268438314 51.79513842337236)</t>
  </si>
  <si>
    <t>POINT (4.676301610983161 51.81575701664959)</t>
  </si>
  <si>
    <t>POINT (4.653282694077218 51.79358532489774)</t>
  </si>
  <si>
    <t>POINT (4.668503625156147 51.81459959047759)</t>
  </si>
  <si>
    <t>POINT (4.6736814218120974 51.811691889972266)</t>
  </si>
  <si>
    <t>POINT (4.6676977105917326 51.81555155055291)</t>
  </si>
  <si>
    <t>POINT (4.677926148988683 51.807604648654475)</t>
  </si>
  <si>
    <t>POINT (4.638259014196555 51.769553842349616)</t>
  </si>
  <si>
    <t>POINT (4.6601161199304 51.789610444848144)</t>
  </si>
  <si>
    <t>POINT (4.6611064295398466 51.80392556348506)</t>
  </si>
  <si>
    <t>POINT (4.6821631272487165 51.81834796056813)</t>
  </si>
  <si>
    <t>POINT (4.698296204880431 51.792643133832726)</t>
  </si>
  <si>
    <t>POINT (4.656015391428856 51.79957558908861)</t>
  </si>
  <si>
    <t>POINT (4.674520201757462 51.78530873880627)</t>
  </si>
  <si>
    <t>POINT (4.725532724265834 51.80640224341599)</t>
  </si>
  <si>
    <t>POINT (4.664042052518841 51.80086107523314)</t>
  </si>
  <si>
    <t>POINT (4.675951261721295 51.804420761487634)</t>
  </si>
  <si>
    <t>POINT (4.663835234202667 51.80252988134206)</t>
  </si>
  <si>
    <t>POINT (4.73356351500751 51.78936063944019)</t>
  </si>
  <si>
    <t>POINT (4.678529551339001 51.78466880964132)</t>
  </si>
  <si>
    <t>POINT (4.679384278240733 51.81698055287979)</t>
  </si>
  <si>
    <t>POINT (4.6304466667171384 51.72123494258174)</t>
  </si>
  <si>
    <t>POINT (4.663034135698837 51.816806359259694)</t>
  </si>
  <si>
    <t>POINT (4.697990674030057 51.789947352686916)</t>
  </si>
  <si>
    <t>POINT (4.67090617131185 51.814397912993876)</t>
  </si>
  <si>
    <t>POINT (4.652039931207526 51.79315006760961)</t>
  </si>
  <si>
    <t>POINT (4.66887711903605 51.8011293810041)</t>
  </si>
  <si>
    <t>POINT (4.630369241817613 51.72373202546384)</t>
  </si>
  <si>
    <t>POINT (4.662001438451985 51.80419554584442)</t>
  </si>
  <si>
    <t>POINT (4.664624235448129 51.81595989895718)</t>
  </si>
  <si>
    <t>POINT (4.690088779506491 51.80719088823883)</t>
  </si>
  <si>
    <t>POINT (4.658484340540538 51.80466477197383)</t>
  </si>
  <si>
    <t>POINT (4.678381604980207 51.78465884614141)</t>
  </si>
  <si>
    <t>POINT (4.677260374992494 51.81531361188638)</t>
  </si>
  <si>
    <t>POINT (4.682292863619194 51.813246640674805)</t>
  </si>
  <si>
    <t>POINT (4.724673973961609 51.806165284421965)</t>
  </si>
  <si>
    <t>POINT (4.676641865600739 51.785133620321574)</t>
  </si>
  <si>
    <t>POINT (4.664416076196458 51.812650864412745)</t>
  </si>
  <si>
    <t>POINT (4.69782627961974 51.79951611240583)</t>
  </si>
  <si>
    <t>POINT (4.6633687557791195 51.78493088585553)</t>
  </si>
  <si>
    <t>POINT (4.672262595557517 51.78752686821767)</t>
  </si>
  <si>
    <t>POINT (4.631378460309496 51.72284903440578)</t>
  </si>
  <si>
    <t>POINT (4.6806316977235625 51.78003027114566)</t>
  </si>
  <si>
    <t>POINT (4.663578137627668 51.79684203900293)</t>
  </si>
  <si>
    <t>POINT (4.6595944378442224 51.795859798421105)</t>
  </si>
  <si>
    <t>POINT (4.6703196957494475 51.81763164685955)</t>
  </si>
  <si>
    <t>POINT (4.697340483458287 51.79901909614178)</t>
  </si>
  <si>
    <t>POINT (4.683542141882122 51.81844544010152)</t>
  </si>
  <si>
    <t>POINT (4.659352721873538 51.772369557990544)</t>
  </si>
  <si>
    <t>POINT (4.675596614798069 51.78326796243183)</t>
  </si>
  <si>
    <t>POINT (4.681177339635755 51.78640396286267)</t>
  </si>
  <si>
    <t>POINT (4.7119752419917385 51.793502221261036)</t>
  </si>
  <si>
    <t>POINT (4.666467364669136 51.773892410715376)</t>
  </si>
  <si>
    <t>POINT (4.721921829929536 51.802728645302956)</t>
  </si>
  <si>
    <t>POINT (4.674868883827083 51.80346212353168)</t>
  </si>
  <si>
    <t>POINT (4.672688509961037 51.78348711843213)</t>
  </si>
  <si>
    <t>POINT (4.654439363130492 51.799297830425814)</t>
  </si>
  <si>
    <t>POINT (4.664623934997894 51.779265471097595)</t>
  </si>
  <si>
    <t>POINT (4.663387612664617 51.80467923808507)</t>
  </si>
  <si>
    <t>POINT (4.700107184296406 51.79034613727675)</t>
  </si>
  <si>
    <t>POINT (4.719246478469282 51.81169553412181)</t>
  </si>
  <si>
    <t>POINT (4.674751321073882 51.80781167856522)</t>
  </si>
  <si>
    <t>POINT (4.708293965213686 51.80760414194062)</t>
  </si>
  <si>
    <t>POINT (4.683273899621522 51.80384582484012)</t>
  </si>
  <si>
    <t>POINT (4.662583072848936 51.81279737465542)</t>
  </si>
  <si>
    <t>POINT (4.709805766291211 51.787720240976036)</t>
  </si>
  <si>
    <t>POINT (4.7294056709064805 51.803820594655484)</t>
  </si>
  <si>
    <t>POINT (4.653485968561934 51.790379577106314)</t>
  </si>
  <si>
    <t>POINT (4.698512583740274 51.79748042561153)</t>
  </si>
  <si>
    <t>POINT (4.68370515252177 51.812145968191736)</t>
  </si>
  <si>
    <t>POINT (4.679955659589254 51.81196292929319)</t>
  </si>
  <si>
    <t>POINT (4.708695423727726 51.78662722870349)</t>
  </si>
  <si>
    <t>POINT (4.669783507840941 51.801608468625695)</t>
  </si>
  <si>
    <t>POINT (4.662820819991197 51.816815505617214)</t>
  </si>
  <si>
    <t>POINT (4.711110953084575 51.80897450960759)</t>
  </si>
  <si>
    <t>POINT (4.729023044444662 51.79963498367052)</t>
  </si>
  <si>
    <t>POINT (4.675595077403185 51.808458769587105)</t>
  </si>
  <si>
    <t>POINT (4.6640323728227004 51.79537774945754)</t>
  </si>
  <si>
    <t>POINT (4.633836004623991 51.770231605303785)</t>
  </si>
  <si>
    <t>POINT (4.6774219514304844 51.80030089664867)</t>
  </si>
  <si>
    <t>POINT (4.686144512617259 51.80912721573311)</t>
  </si>
  <si>
    <t>POINT (4.6644699832065655 51.81266422101831)</t>
  </si>
  <si>
    <t>POINT (4.671441550776539 51.80208458632671)</t>
  </si>
  <si>
    <t>POINT (4.66026683044803 51.787823219113626)</t>
  </si>
  <si>
    <t>POINT (4.654741841037219 51.792760390786306)</t>
  </si>
  <si>
    <t>POINT (4.667080616577848 51.777005554463635)</t>
  </si>
  <si>
    <t>POINT (4.67647602660304 51.78939426440941)</t>
  </si>
  <si>
    <t>POINT (4.6838186816729355 51.785102456921905)</t>
  </si>
  <si>
    <t>POINT (4.67963794392942 51.8072889279103)</t>
  </si>
  <si>
    <t>POINT (4.675997014111215 51.80496548307578)</t>
  </si>
  <si>
    <t>POINT (4.6616701227085455 51.81391531907227)</t>
  </si>
  <si>
    <t>POINT (4.667598872175763 51.81850626731817)</t>
  </si>
  <si>
    <t>POINT (4.678241518714933 51.77511799314859)</t>
  </si>
  <si>
    <t>POINT (4.6855027642714795 51.78508146021454)</t>
  </si>
  <si>
    <t>POINT (4.693205994048918 51.796252485543114)</t>
  </si>
  <si>
    <t>POINT (4.675104368727097 51.807911258809504)</t>
  </si>
  <si>
    <t>POINT (4.666218211817559 51.817477111965324)</t>
  </si>
  <si>
    <t>POINT (4.6868929461874 51.80976259904256)</t>
  </si>
  <si>
    <t>POINT (4.713109445776317 51.79341760761088)</t>
  </si>
  <si>
    <t>POINT (4.655631199165261 51.79028535291468)</t>
  </si>
  <si>
    <t>POINT (4.681160224629312 51.78629177983413)</t>
  </si>
  <si>
    <t>POINT (4.683631101946311 51.80765028299645)</t>
  </si>
  <si>
    <t>POINT (4.688994634868141 51.80789383138469)</t>
  </si>
  <si>
    <t>POINT (4.723177884180571 51.80341838464655)</t>
  </si>
  <si>
    <t>POINT (4.714639257954058 51.80880411758136)</t>
  </si>
  <si>
    <t>POINT (4.668186458959448 51.81189046515248)</t>
  </si>
  <si>
    <t>POINT (4.672214149144243 51.81521444707708)</t>
  </si>
  <si>
    <t>POINT (4.724836664133566 51.798019787787815)</t>
  </si>
  <si>
    <t>POINT (4.702272866505374 51.79601034626858)</t>
  </si>
  <si>
    <t>POINT (4.711510451142509 51.80063555960661)</t>
  </si>
  <si>
    <t>POINT (4.667058012300455 51.817806246841734)</t>
  </si>
  <si>
    <t>POINT (4.674458149472322 51.81258301900849)</t>
  </si>
  <si>
    <t>POINT (4.6389965925248395 51.781686491470815)</t>
  </si>
  <si>
    <t>POINT (4.693485175671526 51.79703915336489)</t>
  </si>
  <si>
    <t>POINT (4.6783483667386845 51.78136664211833)</t>
  </si>
  <si>
    <t>POINT (4.711021842542477 51.80660955061736)</t>
  </si>
  <si>
    <t>POINT (4.6791052089369805 51.80642180394351)</t>
  </si>
  <si>
    <t>POINT (4.679530829504364 51.77696680133254)</t>
  </si>
  <si>
    <t>POINT (4.661566852252521 51.801188730019135)</t>
  </si>
  <si>
    <t>POINT (4.65397871546516 51.78792626726103)</t>
  </si>
  <si>
    <t>POINT (4.655637042218597 51.812701524422174)</t>
  </si>
  <si>
    <t>POINT (4.708507009661161 51.79707243306463)</t>
  </si>
  <si>
    <t>POINT (4.630696916253446 51.78418349560124)</t>
  </si>
  <si>
    <t>POINT (4.671080467821689 51.80251358828441)</t>
  </si>
  <si>
    <t>POINT (4.665158675076326 51.78842464551381)</t>
  </si>
  <si>
    <t>POINT (4.679434812711154 51.788103642048554)</t>
  </si>
  <si>
    <t>POINT (4.63250476613238 51.72230856094818)</t>
  </si>
  <si>
    <t>POINT (4.658154496973367 51.809765881632856)</t>
  </si>
  <si>
    <t>POINT (4.733426165364258 51.797011439678855)</t>
  </si>
  <si>
    <t>POINT (4.6744739660922505 51.80393247604633)</t>
  </si>
  <si>
    <t>POINT (4.667645892580723 51.81649284136702)</t>
  </si>
  <si>
    <t>POINT (4.679314539125354 51.80479090337236)</t>
  </si>
  <si>
    <t>POINT (4.675260445429869 51.78021208262982)</t>
  </si>
  <si>
    <t>POINT (4.66051672886034 51.811161870165584)</t>
  </si>
  <si>
    <t>POINT (4.675932515815504 51.816352445700424)</t>
  </si>
  <si>
    <t>POINT (4.714181346739128 51.80617981920881)</t>
  </si>
  <si>
    <t>POINT (4.721683783608587 51.800902672434475)</t>
  </si>
  <si>
    <t>POINT (4.656951350932677 51.79714442849852)</t>
  </si>
  <si>
    <t>POINT (4.703067614428267 51.79965440325874)</t>
  </si>
  <si>
    <t>POINT (4.714537035044547 51.81608007765983)</t>
  </si>
  <si>
    <t>POINT (4.700189736237281 51.79062186291905)</t>
  </si>
  <si>
    <t>POINT (4.710198928474984 51.79539615132348)</t>
  </si>
  <si>
    <t>POINT (4.667108644790353 51.79278057403863)</t>
  </si>
  <si>
    <t>POINT (4.695273580686937 51.79660339970606)</t>
  </si>
  <si>
    <t>POINT (4.6866074035480025 51.77962391740398)</t>
  </si>
  <si>
    <t>POINT (4.685572380985841 51.785358773258196)</t>
  </si>
  <si>
    <t>POINT (4.633792782231826 51.77542445977559)</t>
  </si>
  <si>
    <t>POINT (4.681856840863365 51.78060531724637)</t>
  </si>
  <si>
    <t>POINT (4.660337283596876 51.79642199916381)</t>
  </si>
  <si>
    <t>POINT (4.659134317816105 51.809675857911635)</t>
  </si>
  <si>
    <t>POINT (4.663472607928324 51.799124714662575)</t>
  </si>
  <si>
    <t>POINT (4.672893607122804 51.77848662026866)</t>
  </si>
  <si>
    <t>POINT (4.686924858046439 51.776873986540146)</t>
  </si>
  <si>
    <t>POINT (4.665797935791414 51.78731618134896)</t>
  </si>
  <si>
    <t>POINT (4.668107578688309 51.792025529375536)</t>
  </si>
  <si>
    <t>POINT (4.656462446776762 51.803165296528995)</t>
  </si>
  <si>
    <t>POINT (4.727168945450052 51.79998244213345)</t>
  </si>
  <si>
    <t>POINT (4.732581850854474 51.79781004672532)</t>
  </si>
  <si>
    <t>POINT (4.652429229436777 51.80306970042627)</t>
  </si>
  <si>
    <t>POINT (4.722587441908691 51.805158146094364)</t>
  </si>
  <si>
    <t>POINT (4.734662574554897 51.80299130759248)</t>
  </si>
  <si>
    <t>POINT (4.6720509783901445 51.816913102482765)</t>
  </si>
  <si>
    <t>POINT (4.716653600300369 51.81278304179228)</t>
  </si>
  <si>
    <t>POINT (4.71908283296608 51.81116092024481)</t>
  </si>
  <si>
    <t>POINT (4.683445041271807 51.77975720047405)</t>
  </si>
  <si>
    <t>POINT (4.701780031008944 51.79831507418727)</t>
  </si>
  <si>
    <t>POINT (4.674085993323125 51.819104077517586)</t>
  </si>
  <si>
    <t>POINT (4.677689771310205 51.78185604098611)</t>
  </si>
  <si>
    <t>POINT (4.681624349141152 51.78771801273775)</t>
  </si>
  <si>
    <t>POINT (4.679242542851517 51.78206860379045)</t>
  </si>
  <si>
    <t>POINT (4.655224514142138 51.79441031442588)</t>
  </si>
  <si>
    <t>POINT (4.676573304561664 51.808005709031264)</t>
  </si>
  <si>
    <t>POINT (4.7258667565328585 51.79458288380137)</t>
  </si>
  <si>
    <t>POINT (4.671317384981474 51.81434791035353)</t>
  </si>
  <si>
    <t>POINT (4.686751561497716 51.808523000307936)</t>
  </si>
  <si>
    <t>POINT (4.670167705837417 51.805328609101174)</t>
  </si>
  <si>
    <t>POINT (4.677836493607536 51.80429930320003)</t>
  </si>
  <si>
    <t>POINT (4.721919878814396 51.79312148587107)</t>
  </si>
  <si>
    <t>POINT (4.67670702770305 51.783883615094695)</t>
  </si>
  <si>
    <t>POINT (4.664324315740008 51.79167251883389)</t>
  </si>
  <si>
    <t>POINT (4.678380846741398 51.78463146198739)</t>
  </si>
  <si>
    <t>POINT (4.7339422898311145 51.79169142000877)</t>
  </si>
  <si>
    <t>POINT (4.68237953611649 51.80449175728452)</t>
  </si>
  <si>
    <t>POINT (4.662303719441669 51.79493795166482)</t>
  </si>
  <si>
    <t>POINT (4.653447567687538 51.7900937655165)</t>
  </si>
  <si>
    <t>POINT (4.724464006196194 51.79720938831864)</t>
  </si>
  <si>
    <t>POINT (4.693497592852301 51.795738772568335)</t>
  </si>
  <si>
    <t>POINT (4.656131463740322 51.78875799967787)</t>
  </si>
  <si>
    <t>POINT (4.681483959928994 51.80697111320861)</t>
  </si>
  <si>
    <t>POINT (4.67085072615342 51.81073627163924)</t>
  </si>
  <si>
    <t>POINT (4.671326711070673 51.77220097723608)</t>
  </si>
  <si>
    <t>POINT (4.6616296799324815 51.81269677007537)</t>
  </si>
  <si>
    <t>POINT (4.707818876713942 51.789436615842256)</t>
  </si>
  <si>
    <t>POINT (4.676441710007627 51.81598691441938)</t>
  </si>
  <si>
    <t>POINT (4.6859702063923905 51.78761156932372)</t>
  </si>
  <si>
    <t>POINT (4.704749479912469 51.81493754506961)</t>
  </si>
  <si>
    <t>POINT (4.682358720949152 51.809762283178166)</t>
  </si>
  <si>
    <t>POINT (4.683421051708975 51.7980538112457)</t>
  </si>
  <si>
    <t>POINT (4.731789558335908 51.79974355633095)</t>
  </si>
  <si>
    <t>POINT (4.717446847275448 51.7993910232711)</t>
  </si>
  <si>
    <t>POINT (4.711719879390594 51.81460603876545)</t>
  </si>
  <si>
    <t>POINT (4.6792219176814855 51.81659615313135)</t>
  </si>
  <si>
    <t>POINT (4.7022480942080005 51.789220466241844)</t>
  </si>
  <si>
    <t>POINT (4.6724973037380115 51.80366998306104)</t>
  </si>
  <si>
    <t>POINT (4.663291945937278 51.802784263433516)</t>
  </si>
  <si>
    <t>POINT (4.67659527088228 51.78658299926345)</t>
  </si>
  <si>
    <t>POINT (4.675618411274797 51.807222752456774)</t>
  </si>
  <si>
    <t>POINT (4.665340111083024 51.78893383965149)</t>
  </si>
  <si>
    <t>POINT (4.707718507119019 51.78985114022256)</t>
  </si>
  <si>
    <t>POINT (4.65246700897909 51.80094748885432)</t>
  </si>
  <si>
    <t>POINT (4.655308674651766 51.79182670272319)</t>
  </si>
  <si>
    <t>POINT (4.720428508202763 51.804254880966354)</t>
  </si>
  <si>
    <t>POINT (4.685095637991634 51.78576995781006)</t>
  </si>
  <si>
    <t>POINT (4.653523469559085 51.80496451596889)</t>
  </si>
  <si>
    <t>POINT (4.6630615093802605 51.79196703877838)</t>
  </si>
  <si>
    <t>POINT (4.672880615462629 51.81875969930902)</t>
  </si>
  <si>
    <t>POINT (4.702589708427892 51.790198738032714)</t>
  </si>
  <si>
    <t>POINT (4.721992448690538 51.79911256312329)</t>
  </si>
  <si>
    <t>POINT (4.685386958088689 51.80936334102168)</t>
  </si>
  <si>
    <t>POINT (4.725352716714417 51.79584630588927)</t>
  </si>
  <si>
    <t>POINT (4.677418500443254 51.797487453791156)</t>
  </si>
  <si>
    <t>POINT (4.660977951799269 51.7898380650492)</t>
  </si>
  <si>
    <t>POINT (4.668855277488244 51.809292671314196)</t>
  </si>
  <si>
    <t>POINT (4.667779483697983 51.794817420661154)</t>
  </si>
  <si>
    <t>POINT (4.720791647689414 51.81126170943852)</t>
  </si>
  <si>
    <t>POINT (4.672108821914993 51.804720298712375)</t>
  </si>
  <si>
    <t>POINT (4.665978206191559 51.81036552158178)</t>
  </si>
  <si>
    <t>POINT (4.672220033843293 51.78781821121096)</t>
  </si>
  <si>
    <t>POINT (4.661461791582332 51.78693421907353)</t>
  </si>
  <si>
    <t>POINT (4.7208396400552655 51.797488397323555)</t>
  </si>
  <si>
    <t>POINT (4.7104335414945515 51.79685770363935)</t>
  </si>
  <si>
    <t>POINT (4.671029358818029 51.78236055804026)</t>
  </si>
  <si>
    <t>POINT (4.714689286485744 51.8145586168572)</t>
  </si>
  <si>
    <t>POINT (4.680963906924037 51.77828886842565)</t>
  </si>
  <si>
    <t>POINT (4.677909237584496 51.80318192892989)</t>
  </si>
  <si>
    <t>POINT (4.669642098626724 51.77905032926833)</t>
  </si>
  <si>
    <t>POINT (4.712319753435072 51.79613916611647)</t>
  </si>
  <si>
    <t>POINT (4.650753892544201 51.80144907774371)</t>
  </si>
  <si>
    <t>POINT (4.669888678701988 51.78246279171986)</t>
  </si>
  <si>
    <t>POINT (4.713450398592618 51.80027538507283)</t>
  </si>
  <si>
    <t>POINT (4.655899809207069 51.809990366963156)</t>
  </si>
  <si>
    <t>POINT (4.667408189868858 51.80942027901716)</t>
  </si>
  <si>
    <t>POINT (4.682457200776934 51.809252695823304)</t>
  </si>
  <si>
    <t>POINT (4.674439667229762 51.814496019455234)</t>
  </si>
  <si>
    <t>POINT (4.656817142531943 51.79786216792266)</t>
  </si>
  <si>
    <t>POINT (4.667382691951235 51.792694589065725)</t>
  </si>
  <si>
    <t>POINT (4.6666236402665895 51.81471164748727)</t>
  </si>
  <si>
    <t>POINT (4.679055964680517 51.799869911277504)</t>
  </si>
  <si>
    <t>POINT (4.663321810239527 51.809779237700624)</t>
  </si>
  <si>
    <t>POINT (4.714108352706017 51.80870078726642)</t>
  </si>
  <si>
    <t>POINT (4.7013994507896895 51.78465495048699)</t>
  </si>
  <si>
    <t>POINT (4.710419081894437 51.81006240810447)</t>
  </si>
  <si>
    <t>POINT (4.686097952856095 51.80746613761916)</t>
  </si>
  <si>
    <t>POINT (4.710953287873656 51.80499671778567)</t>
  </si>
  <si>
    <t>POINT (4.660760102144011 51.78723181552351)</t>
  </si>
  <si>
    <t>POINT (4.667504513615875 51.79581818047264)</t>
  </si>
  <si>
    <t>POINT (4.677820058980375 51.805952401254025)</t>
  </si>
  <si>
    <t>POINT (4.731738756976038 51.800468916346766)</t>
  </si>
  <si>
    <t>POINT (4.683766178256852 51.80965944887974)</t>
  </si>
  <si>
    <t>POINT (4.722893046855125 51.80472797245705)</t>
  </si>
  <si>
    <t>POINT (4.695337367527717 51.799383836566584)</t>
  </si>
  <si>
    <t>POINT (4.669768249352504 51.80822546670189)</t>
  </si>
  <si>
    <t>POINT (4.653063415449711 51.791876097897244)</t>
  </si>
  <si>
    <t>POINT (4.728444247466525 51.791542520508955)</t>
  </si>
  <si>
    <t>POINT (4.7110895738793 51.815762527869104)</t>
  </si>
  <si>
    <t>POINT (4.714275569821154 51.806250506981165)</t>
  </si>
  <si>
    <t>POINT (4.660208500889843 51.813602689842206)</t>
  </si>
  <si>
    <t>POINT (4.717866338624465 51.81473544712373)</t>
  </si>
  <si>
    <t>POINT (4.727439995521545 51.79669888694931)</t>
  </si>
  <si>
    <t>POINT (4.715780049869847 51.80146127290059)</t>
  </si>
  <si>
    <t>POINT (4.679743322843259 51.80619240581582)</t>
  </si>
  <si>
    <t>POINT (4.724710515788367 51.80620656880814)</t>
  </si>
  <si>
    <t>POINT (4.676732135364391 51.789404867384874)</t>
  </si>
  <si>
    <t>POINT (4.662824574684545 51.79114255235851)</t>
  </si>
  <si>
    <t>POINT (4.712494262167655 51.81398624139339)</t>
  </si>
  <si>
    <t>POINT (4.6292207985185945 51.72417606536525)</t>
  </si>
  <si>
    <t>POINT (4.66042785694622 51.80997570316484)</t>
  </si>
  <si>
    <t>POINT (4.691882656380798 51.78805839104383)</t>
  </si>
  <si>
    <t>POINT (4.659448125500404 51.80397213436753)</t>
  </si>
  <si>
    <t>POINT (4.666294987299582 51.80392764212703)</t>
  </si>
  <si>
    <t>POINT (4.72755837301822 51.79595459158373)</t>
  </si>
  <si>
    <t>POINT (4.721725127616811 51.802047673782035)</t>
  </si>
  <si>
    <t>POINT (4.672752953707231 51.78223249014769)</t>
  </si>
  <si>
    <t>POINT (4.682377393684793 51.805081545197176)</t>
  </si>
  <si>
    <t>POINT (4.679466971005567 51.8146981556497)</t>
  </si>
  <si>
    <t>POINT (4.680131966341553 51.8001987706169)</t>
  </si>
  <si>
    <t>POINT (4.681637760117855 51.786104137735215)</t>
  </si>
  <si>
    <t>POINT (4.677467895290901 51.80843848970343)</t>
  </si>
  <si>
    <t>POINT (4.679651982681816 51.81685100457251)</t>
  </si>
  <si>
    <t>POINT (4.679227833382981 51.80831144160678)</t>
  </si>
  <si>
    <t>POINT (4.665769706208416 51.80067888541081)</t>
  </si>
  <si>
    <t>POINT (4.721569252748183 51.798232367623186)</t>
  </si>
  <si>
    <t>POINT (4.693819119138338 51.81806424789386)</t>
  </si>
  <si>
    <t>POINT (4.703338722249876 51.79775536702056)</t>
  </si>
  <si>
    <t>POINT (4.664687805802023 51.79795918862392)</t>
  </si>
  <si>
    <t>POINT (4.671989200134633 51.8115055454413)</t>
  </si>
  <si>
    <t>POINT (4.672382934965488 51.77152773801565)</t>
  </si>
  <si>
    <t>POINT (4.66909240677885 51.79089424885524)</t>
  </si>
  <si>
    <t>POINT (4.6694280526119 51.81374563425293)</t>
  </si>
  <si>
    <t>POINT (4.643968294725074 51.77057533091677)</t>
  </si>
  <si>
    <t>POINT (4.663143033005998 51.81136728001434)</t>
  </si>
  <si>
    <t>POINT (4.704826260986515 51.798263581893465)</t>
  </si>
  <si>
    <t>POINT (4.643914732399826 51.79894859036803)</t>
  </si>
  <si>
    <t>POINT (4.711038145809554 51.81651197386769)</t>
  </si>
  <si>
    <t>POINT (4.6783843998944965 51.805890805524726)</t>
  </si>
  <si>
    <t>POINT (4.656872880067246 51.79001198575948)</t>
  </si>
  <si>
    <t>POINT (4.727344124610394 51.80101085614063)</t>
  </si>
  <si>
    <t>POINT (4.693597499755509 51.795757790035516)</t>
  </si>
  <si>
    <t>POINT (4.6555733494776455 51.79196751686997)</t>
  </si>
  <si>
    <t>POINT (4.685362856274976 51.811899240725054)</t>
  </si>
  <si>
    <t>POINT (4.668949702468433 51.808902421505586)</t>
  </si>
  <si>
    <t>POINT (4.675894592090929 51.78519322569294)</t>
  </si>
  <si>
    <t>POINT (4.675970788225246 51.78583829424762)</t>
  </si>
  <si>
    <t>POINT (4.704087726750863 51.80740296915033)</t>
  </si>
  <si>
    <t>POINT (4.6534909791338395 51.80233184649848)</t>
  </si>
  <si>
    <t>POINT (4.657063529637416 51.813979970375314)</t>
  </si>
  <si>
    <t>POINT (4.666339715025423 51.8176426027373)</t>
  </si>
  <si>
    <t>POINT (4.7340706463556925 51.800773025868146)</t>
  </si>
  <si>
    <t>POINT (4.693485984545468 51.79244505558739)</t>
  </si>
  <si>
    <t>POINT (4.668626963967762 51.81424142797665)</t>
  </si>
  <si>
    <t>POINT (4.664572122694925 51.791056422827126)</t>
  </si>
  <si>
    <t>POINT (4.659521203337111 51.80447248477472)</t>
  </si>
  <si>
    <t>POINT (4.656991271919912 51.769784380745946)</t>
  </si>
  <si>
    <t>POINT (4.6675935485236755 51.81424430013063)</t>
  </si>
  <si>
    <t>POINT (4.652433615266959 51.790427021636866)</t>
  </si>
  <si>
    <t>POINT (4.665723684944116 51.81298249431242)</t>
  </si>
  <si>
    <t>POINT (4.669009037701475 51.80036554778594)</t>
  </si>
  <si>
    <t>POINT (4.7188289855043815 51.802270382251656)</t>
  </si>
  <si>
    <t>POINT (4.657569957639204 51.811335233024685)</t>
  </si>
  <si>
    <t>POINT (4.69358604163134 51.79358514168743)</t>
  </si>
  <si>
    <t>POINT (4.730615362650986 51.79188078184433)</t>
  </si>
  <si>
    <t>POINT (4.665408630696347 51.77281083978475)</t>
  </si>
  <si>
    <t>POINT (4.660488361034073 51.80469847699151)</t>
  </si>
  <si>
    <t>POINT (4.70501520855915 51.79362870532424)</t>
  </si>
  <si>
    <t>POINT (4.676451168186762 51.78379569264048)</t>
  </si>
  <si>
    <t>POINT (4.7140574598199 51.804491669901125)</t>
  </si>
  <si>
    <t>POINT (4.64132860276563 51.778839438972646)</t>
  </si>
  <si>
    <t>POINT (4.6662613303345095 51.772434279740544)</t>
  </si>
  <si>
    <t>POINT (4.664604049996007 51.81255133082583)</t>
  </si>
  <si>
    <t>POINT (4.6319169856459865 51.72289699205651)</t>
  </si>
  <si>
    <t>POINT (4.681632864188367 51.81912955575139)</t>
  </si>
  <si>
    <t>POINT (4.705104482120786 51.820648843054514)</t>
  </si>
  <si>
    <t>POINT (4.628927291123165 51.72411987424764)</t>
  </si>
  <si>
    <t>POINT (4.684524137102651 51.80409155438768)</t>
  </si>
  <si>
    <t>POINT (4.731842389544336 51.800685321414406)</t>
  </si>
  <si>
    <t>POINT (4.6639088692215935 51.79841229130584)</t>
  </si>
  <si>
    <t>POINT (4.672725907141259 51.775551863715876)</t>
  </si>
  <si>
    <t>POINT (4.659362692007788 51.811914531684586)</t>
  </si>
  <si>
    <t>POINT (4.681166964113434 51.77662454728981)</t>
  </si>
  <si>
    <t>POINT (4.6662902116185885 51.77206203662586)</t>
  </si>
  <si>
    <t>POINT (4.723598505857211 51.8032512024855)</t>
  </si>
  <si>
    <t>POINT (4.657953975740108 51.80597698121388)</t>
  </si>
  <si>
    <t>POINT (4.717572148338925 51.798733940011125)</t>
  </si>
  <si>
    <t>POINT (4.658441359643884 51.810783025657805)</t>
  </si>
  <si>
    <t>POINT (4.7303037144465545 51.805182900502246)</t>
  </si>
  <si>
    <t>POINT (4.707581314836682 51.79030252045466)</t>
  </si>
  <si>
    <t>POINT (4.696663091403057 51.79141777833551)</t>
  </si>
  <si>
    <t>POINT (4.672398584956617 51.807939616179056)</t>
  </si>
  <si>
    <t>POINT (4.662535078865544 51.80254179552636)</t>
  </si>
  <si>
    <t>POINT (4.703031845880966 51.794983837630625)</t>
  </si>
  <si>
    <t>POINT (4.655384203665418 51.80093820600593)</t>
  </si>
  <si>
    <t>POINT (4.695533279784768 51.8176364716475)</t>
  </si>
  <si>
    <t>POINT (4.713533506753793 51.81067782141885)</t>
  </si>
  <si>
    <t>POINT (4.667373997151523 51.793034182666666)</t>
  </si>
  <si>
    <t>POINT (4.667367332829506 51.79891489659929)</t>
  </si>
  <si>
    <t>POINT (4.66235060013595 51.800408259256024)</t>
  </si>
  <si>
    <t>POINT (4.718021475954815 51.80001815923604)</t>
  </si>
  <si>
    <t>POINT (4.6817116950884134 51.80854034948374)</t>
  </si>
  <si>
    <t>POINT (4.672397202262525 51.81741787605984)</t>
  </si>
  <si>
    <t>POINT (4.671640874055341 51.80416721274368)</t>
  </si>
  <si>
    <t>POINT (4.661805381434743 51.78844037090779)</t>
  </si>
  <si>
    <t>POINT (4.6736189105548345 51.815475650588084)</t>
  </si>
  <si>
    <t>POINT (4.671122038649724 51.813199197566064)</t>
  </si>
  <si>
    <t>POINT (4.728740538537977 51.80292330362696)</t>
  </si>
  <si>
    <t>POINT (4.702765596628899 51.79922941069408)</t>
  </si>
  <si>
    <t>POINT (4.669496434508406 51.805697598448866)</t>
  </si>
  <si>
    <t>POINT (4.715473627125651 51.80947155735231)</t>
  </si>
  <si>
    <t>POINT (4.729162429612346 51.801028797987414)</t>
  </si>
  <si>
    <t>POINT (4.663574924498184 51.78711294439636)</t>
  </si>
  <si>
    <t>POINT (4.7125370242482525 51.814189127108705)</t>
  </si>
  <si>
    <t>POINT (4.670029212261993 51.78565224133371)</t>
  </si>
  <si>
    <t>POINT (4.678074867848063 51.80793816436435)</t>
  </si>
  <si>
    <t>POINT (4.664871329909828 51.813758151439934)</t>
  </si>
  <si>
    <t>POINT (4.661208633025586 51.788591455832325)</t>
  </si>
  <si>
    <t>POINT (4.677620432920846 51.790793199121985)</t>
  </si>
  <si>
    <t>POINT (4.726404497887293 51.80596282960313)</t>
  </si>
  <si>
    <t>POINT (4.733298887572584 51.799735141970196)</t>
  </si>
  <si>
    <t>POINT (4.644094996198298 51.798588610732416)</t>
  </si>
  <si>
    <t>POINT (4.6732879090665636 51.818770932518106)</t>
  </si>
  <si>
    <t>POINT (4.678492896873331 51.785651637010254)</t>
  </si>
  <si>
    <t>POINT (4.68678462908736 51.782568907965064)</t>
  </si>
  <si>
    <t>POINT (4.6683756319653815 51.79187682716873)</t>
  </si>
  <si>
    <t>POINT (4.667713316616431 51.7953276896604)</t>
  </si>
  <si>
    <t>POINT (4.664314697738458 51.78768825243955)</t>
  </si>
  <si>
    <t>POINT (4.688946848736649 51.809004878487514)</t>
  </si>
  <si>
    <t>POINT (4.6653077403949235 51.78654179093563)</t>
  </si>
  <si>
    <t>POINT (4.693056623615809 51.81783141987229)</t>
  </si>
  <si>
    <t>POINT (4.718274106468602 51.79694631718721)</t>
  </si>
  <si>
    <t>POINT (4.66843845087366 51.77136109547997)</t>
  </si>
  <si>
    <t>POINT (4.658750817049578 51.80334753352382)</t>
  </si>
  <si>
    <t>POINT (4.701136522538622 51.81725990049698)</t>
  </si>
  <si>
    <t>POINT (4.679187168809419 51.81533377326941)</t>
  </si>
  <si>
    <t>POINT (4.68307996040201 51.818171848863265)</t>
  </si>
  <si>
    <t>POINT (4.682241882688186 51.79953860120518)</t>
  </si>
  <si>
    <t>POINT (4.6657708806919524 51.814916995054375)</t>
  </si>
  <si>
    <t>POINT (4.7155224088260335 51.803278300857414)</t>
  </si>
  <si>
    <t>POINT (4.654854855037756 51.789678570843535)</t>
  </si>
  <si>
    <t>POINT (4.665590290885759 51.8141470472595)</t>
  </si>
  <si>
    <t>POINT (4.707651832051485 51.79630996358563)</t>
  </si>
  <si>
    <t>POINT (4.674401820638067 51.797009240720655)</t>
  </si>
  <si>
    <t>POINT (4.709693343299098 51.808809203032276)</t>
  </si>
  <si>
    <t>POINT (4.6454621745495235 51.79977605958262)</t>
  </si>
  <si>
    <t>POINT (4.676162686336117 51.78942829342346)</t>
  </si>
  <si>
    <t>POINT (4.670233771248015 51.77042213912759)</t>
  </si>
  <si>
    <t>POINT (4.720161733271685 51.814041757903)</t>
  </si>
  <si>
    <t>POINT (4.669323217256378 51.77619468661059)</t>
  </si>
  <si>
    <t>POINT (4.734607270618213 51.80245666170982)</t>
  </si>
  <si>
    <t>POINT (4.734104027903615 51.79575738951981)</t>
  </si>
  <si>
    <t>POINT (4.685191308637375 51.78197853360807)</t>
  </si>
  <si>
    <t>POINT (4.674619183110377 51.811334859152225)</t>
  </si>
  <si>
    <t>POINT (4.65635260953138 51.80257623028417)</t>
  </si>
  <si>
    <t>POINT (4.704357559539616 51.8163145637492)</t>
  </si>
  <si>
    <t>POINT (4.72944828429208 51.798500017536355)</t>
  </si>
  <si>
    <t>POINT (4.663655551575492 51.80035201775042)</t>
  </si>
  <si>
    <t>POINT (4.634796872530875 51.76827656349381)</t>
  </si>
  <si>
    <t>POINT (4.717358996971048 51.80622868886569)</t>
  </si>
  <si>
    <t>POINT (4.705275423079217 51.821283112837385)</t>
  </si>
  <si>
    <t>POINT (4.662979428370887 51.81383541625744)</t>
  </si>
  <si>
    <t>POINT (4.688535531809217 51.80454957096366)</t>
  </si>
  <si>
    <t>POINT (4.680191624816439 51.777077590243444)</t>
  </si>
  <si>
    <t>POINT (4.659160226682576 51.79822173528209)</t>
  </si>
  <si>
    <t>POINT (4.671164436170408 51.812910155795514)</t>
  </si>
  <si>
    <t>POINT (4.667294323300941 51.810564990078106)</t>
  </si>
  <si>
    <t>POINT (4.653477481505484 51.79494573492818)</t>
  </si>
  <si>
    <t>POINT (4.725651298126159 51.79982880034462)</t>
  </si>
  <si>
    <t>POINT (4.7326685488270215 51.79334391213923)</t>
  </si>
  <si>
    <t>POINT (4.653068737506423 51.80326963012595)</t>
  </si>
  <si>
    <t>POINT (4.70617313022466 51.78939984667069)</t>
  </si>
  <si>
    <t>POINT (4.686466584887235 51.80595030635703)</t>
  </si>
  <si>
    <t>POINT (4.6786675173318875 51.78637298303579)</t>
  </si>
  <si>
    <t>POINT (4.699931103411993 51.79807288103175)</t>
  </si>
  <si>
    <t>POINT (4.720749940124409 51.813338727994186)</t>
  </si>
  <si>
    <t>POINT (4.685910545163892 51.78699736614997)</t>
  </si>
  <si>
    <t>POINT (4.6525801811457415 51.801474441069786)</t>
  </si>
  <si>
    <t>POINT (4.658458669403823 51.80006234628145)</t>
  </si>
  <si>
    <t>POINT (4.657863533362104 51.79882235156258)</t>
  </si>
  <si>
    <t>POINT (4.660779281231143 51.8043354184248)</t>
  </si>
  <si>
    <t>POINT (4.67691490466604 51.8067841758792)</t>
  </si>
  <si>
    <t>POINT (4.6732422541380965 51.81366912683584)</t>
  </si>
  <si>
    <t>POINT (4.672540095002964 51.81650181220046)</t>
  </si>
  <si>
    <t>POINT (4.684150905838673 51.776770785488125)</t>
  </si>
  <si>
    <t>POINT (4.685853340571847 51.786787461857664)</t>
  </si>
  <si>
    <t>POINT (4.7222484244431415 51.7942481974685)</t>
  </si>
  <si>
    <t>POINT (4.658509671270931 51.81198111143957)</t>
  </si>
  <si>
    <t>POINT (4.664168431458505 51.81769000050106)</t>
  </si>
  <si>
    <t>POINT (4.664396553741784 51.79492157909585)</t>
  </si>
  <si>
    <t>POINT (4.651522842290891 51.80279812613364)</t>
  </si>
  <si>
    <t>POINT (4.731541175544332 51.795092667950414)</t>
  </si>
  <si>
    <t>POINT (4.669165717869297 51.816274448896536)</t>
  </si>
  <si>
    <t>POINT (4.655945976904567 51.78967485170556)</t>
  </si>
  <si>
    <t>POINT (4.6642721378200145 51.813010342957284)</t>
  </si>
  <si>
    <t>POINT (4.684940199680747 51.81170226942599)</t>
  </si>
  <si>
    <t>POINT (4.667489507031737 51.81295166571711)</t>
  </si>
  <si>
    <t>POINT (4.724239396346344 51.79406856403168)</t>
  </si>
  <si>
    <t>POINT (4.683089514804978 51.80092991590174)</t>
  </si>
  <si>
    <t>POINT (4.6526386587712745 51.80277724303059)</t>
  </si>
  <si>
    <t>POINT (4.678214375861403 51.78852139257074)</t>
  </si>
  <si>
    <t>POINT (4.712856809050982 51.809736266543375)</t>
  </si>
  <si>
    <t>POINT (4.672442215010819 51.81686667741986)</t>
  </si>
  <si>
    <t>POINT (4.679760497888738 51.77616931573666)</t>
  </si>
  <si>
    <t>POINT (4.698213873226095 51.80115326543271)</t>
  </si>
  <si>
    <t>POINT (4.682573090324975 51.79879382031314)</t>
  </si>
  <si>
    <t>POINT (4.705231254424121 51.80819963313784)</t>
  </si>
  <si>
    <t>POINT (4.664438405483856 51.81084367482085)</t>
  </si>
  <si>
    <t>POINT (4.684031575755493 51.798181884186214)</t>
  </si>
  <si>
    <t>POINT (4.725390512342185 51.80406647190057)</t>
  </si>
  <si>
    <t>POINT (4.667467536309101 51.79568715014113)</t>
  </si>
  <si>
    <t>POINT (4.668602805523386 51.79497500466891)</t>
  </si>
  <si>
    <t>POINT (4.674331415843538 51.796969388569956)</t>
  </si>
  <si>
    <t>POINT (4.667479313041187 51.77483618424866)</t>
  </si>
  <si>
    <t>POINT (4.671019232556112 51.808605374597654)</t>
  </si>
  <si>
    <t>POINT (4.6663675074046695 51.81576396977353)</t>
  </si>
  <si>
    <t>POINT (4.7290243187923595 51.797902430064546)</t>
  </si>
  <si>
    <t>POINT (4.710519000198142 51.81533177568217)</t>
  </si>
  <si>
    <t>POINT (4.655450537881304 51.80048127466114)</t>
  </si>
  <si>
    <t>POINT (4.657221122869121 51.79858936921867)</t>
  </si>
  <si>
    <t>POINT (4.628028982151219 51.72613598979455)</t>
  </si>
  <si>
    <t>POINT (4.628601562199677 51.721048980500015)</t>
  </si>
  <si>
    <t>POINT (4.674003491090263 51.77881240150992)</t>
  </si>
  <si>
    <t>POINT (4.653428709327277 51.7901339169935)</t>
  </si>
  <si>
    <t>POINT (4.674052385034865 51.775420225331)</t>
  </si>
  <si>
    <t>POINT (4.6326038377201355 51.734815646632356)</t>
  </si>
  <si>
    <t>POINT (4.657548269510752 51.798913873840945)</t>
  </si>
  <si>
    <t>POINT (4.672617157682643 51.8026887533499)</t>
  </si>
  <si>
    <t>POINT (4.661483634192851 51.79707101469796)</t>
  </si>
  <si>
    <t>POINT (4.712613612909113 51.80463028854068)</t>
  </si>
  <si>
    <t>POINT (4.660653410715966 51.80186700908389)</t>
  </si>
  <si>
    <t>POINT (4.729627849150621 51.805617697398986)</t>
  </si>
  <si>
    <t>POINT (4.665595634422877 51.79609518999763)</t>
  </si>
  <si>
    <t>POINT (4.636895904120511 51.76787314088129)</t>
  </si>
  <si>
    <t>POINT (4.679352786492355 51.78536199082262)</t>
  </si>
  <si>
    <t>POINT (4.708810736152188 51.81853560359923)</t>
  </si>
  <si>
    <t>POINT (4.682120844925237 51.8074070272315)</t>
  </si>
  <si>
    <t>POINT (4.71458321108894 51.804505606019376)</t>
  </si>
  <si>
    <t>POINT (4.686579649238417 51.779545738733084)</t>
  </si>
  <si>
    <t>POINT (4.699240156620236 51.796767677113344)</t>
  </si>
  <si>
    <t>POINT (4.642606242980266 51.79831193745578)</t>
  </si>
  <si>
    <t>POINT (4.688770983250853 51.8095207609237)</t>
  </si>
  <si>
    <t>POINT (4.689522304930158 51.81829400739964)</t>
  </si>
  <si>
    <t>POINT (4.697423429330215 51.797516184202784)</t>
  </si>
  <si>
    <t>POINT (4.662962967960464 51.81086804301424)</t>
  </si>
  <si>
    <t>POINT (4.725390388942448 51.795802114478576)</t>
  </si>
  <si>
    <t>POINT (4.688701425406974 51.8087548813191)</t>
  </si>
  <si>
    <t>POINT (4.672971929182444 51.81502964310035)</t>
  </si>
  <si>
    <t>POINT (4.7188271786033615 51.81222005164326)</t>
  </si>
  <si>
    <t>POINT (4.654686862838163 51.76714142513984)</t>
  </si>
  <si>
    <t>POINT (4.7032833741227 51.79391647077735)</t>
  </si>
  <si>
    <t>POINT (4.684344685847005 51.80136642606958)</t>
  </si>
  <si>
    <t>POINT (4.669591383647369 51.79026795846254)</t>
  </si>
  <si>
    <t>POINT (4.6694372704985305 51.804346075583844)</t>
  </si>
  <si>
    <t>POINT (4.697734607099189 51.80091049775845)</t>
  </si>
  <si>
    <t>POINT (4.70787222466836 51.809950776521084)</t>
  </si>
  <si>
    <t>POINT (4.672915839824795 51.81659166731654)</t>
  </si>
  <si>
    <t>POINT (4.66829663915385 51.7901254613462)</t>
  </si>
  <si>
    <t>POINT (4.659950562216151 51.81066210645356)</t>
  </si>
  <si>
    <t>POINT (4.670305052716912 51.80605962595617)</t>
  </si>
  <si>
    <t>POINT (4.70569535956693 51.79436199859636)</t>
  </si>
  <si>
    <t>POINT (4.708088956841014 51.80620546328351)</t>
  </si>
  <si>
    <t>POINT (4.681293531307223 51.810706584808834)</t>
  </si>
  <si>
    <t>POINT (4.684513509023201 51.80987551955775)</t>
  </si>
  <si>
    <t>POINT (4.712146187014141 51.80849682645487)</t>
  </si>
  <si>
    <t>POINT (4.667603677640571 51.80819355217669)</t>
  </si>
  <si>
    <t>POINT (4.652509953963236 51.804945176692804)</t>
  </si>
  <si>
    <t>POINT (4.677561867999495 51.774303658650275)</t>
  </si>
  <si>
    <t>POINT (4.708003794534939 51.795428101607314)</t>
  </si>
  <si>
    <t>POINT (4.6683853944165685 51.814216137575194)</t>
  </si>
  <si>
    <t>POINT (4.680404656800165 51.785429303794814)</t>
  </si>
  <si>
    <t>POINT (4.656655258746651 51.770455166444066)</t>
  </si>
  <si>
    <t>POINT (4.66590613762678 51.802260466339504)</t>
  </si>
  <si>
    <t>POINT (4.682317637186754 51.813271427408544)</t>
  </si>
  <si>
    <t>POINT (4.697084221850745 51.79981905459283)</t>
  </si>
  <si>
    <t>POINT (4.679005498002999 51.78074985186587)</t>
  </si>
  <si>
    <t>POINT (4.657418379724965 51.771040967146654)</t>
  </si>
  <si>
    <t>POINT (4.724661032453106 51.804863099218146)</t>
  </si>
  <si>
    <t>POINT (4.663479175068377 51.80443717117524)</t>
  </si>
  <si>
    <t>POINT (4.678499338052941 51.78468237082338)</t>
  </si>
  <si>
    <t>POINT (4.679296213146689 51.80548817919438)</t>
  </si>
  <si>
    <t>POINT (4.706769307949478 51.80735057702121)</t>
  </si>
  <si>
    <t>POINT (4.68380124967313 51.80200028676128)</t>
  </si>
  <si>
    <t>POINT (4.675286614560473 51.77876727114988)</t>
  </si>
  <si>
    <t>POINT (4.685821861965909 51.78634076949992)</t>
  </si>
  <si>
    <t>POINT (4.687701853868808 51.8073873780236)</t>
  </si>
  <si>
    <t>POINT (4.675836160965412 51.785428249426836)</t>
  </si>
  <si>
    <t>POINT (4.710974619809455 51.81423035425227)</t>
  </si>
  <si>
    <t>POINT (4.665640769018367 51.79959635737205)</t>
  </si>
  <si>
    <t>POINT (4.678655786563443 51.78962478786053)</t>
  </si>
  <si>
    <t>POINT (4.663174650177839 51.81702986675287)</t>
  </si>
  <si>
    <t>POINT (4.6557166320369 51.798851835223665)</t>
  </si>
  <si>
    <t>POINT (4.6650744110317115 51.77872551582991)</t>
  </si>
  <si>
    <t>POINT (4.681599543874167 51.807089470004435)</t>
  </si>
  <si>
    <t>POINT (4.720573284906451 51.80496384679739)</t>
  </si>
  <si>
    <t>POINT (4.72943486034511 51.79854769893528)</t>
  </si>
  <si>
    <t>POINT (4.68890138769369 51.81800468219545)</t>
  </si>
  <si>
    <t>POINT (4.664917301614462 51.79967347824982)</t>
  </si>
  <si>
    <t>POINT (4.653219354460843 51.79973015664224)</t>
  </si>
  <si>
    <t>POINT (4.684179908285071 51.80080310733939)</t>
  </si>
  <si>
    <t>POINT (4.668539915279564 51.80949908897725)</t>
  </si>
  <si>
    <t>POINT (4.677792572275549 51.7750300116163)</t>
  </si>
  <si>
    <t>POINT (4.678634693354946 51.817569065670604)</t>
  </si>
  <si>
    <t>POINT (4.6850234934019594 51.7747482786845)</t>
  </si>
  <si>
    <t>POINT (4.643866250153525 51.76641915223168)</t>
  </si>
  <si>
    <t>POINT (4.699080983733302 51.80041464992486)</t>
  </si>
  <si>
    <t>POINT (4.688840274214187 51.80401516607952)</t>
  </si>
  <si>
    <t>POINT (4.658295551951903 51.771092588434556)</t>
  </si>
  <si>
    <t>POINT (4.651985360554779 51.78439152564276)</t>
  </si>
  <si>
    <t>POINT (4.735457965779541 51.79993083764075)</t>
  </si>
  <si>
    <t>POINT (4.667770683010682 51.80044901652134)</t>
  </si>
  <si>
    <t>POINT (4.658562850330259 51.796262795573604)</t>
  </si>
  <si>
    <t>POINT (4.710463229571922 51.791787784550884)</t>
  </si>
  <si>
    <t>POINT (4.683158593171312 51.81159273692609)</t>
  </si>
  <si>
    <t>POINT (4.666630126373028 51.777959213865714)</t>
  </si>
  <si>
    <t>POINT (4.659056441338463 51.76759722982806)</t>
  </si>
  <si>
    <t>POINT (4.711150356839848 51.80967049370398)</t>
  </si>
  <si>
    <t>POINT (4.669146843034991 51.81234772993418)</t>
  </si>
  <si>
    <t>POINT (4.7246157761832945 51.80619657784615)</t>
  </si>
  <si>
    <t>POINT (4.693418157919919 51.80256581794312)</t>
  </si>
  <si>
    <t>POINT (4.71043779894997 51.804518920359385)</t>
  </si>
  <si>
    <t>POINT (4.673842336026536 51.77769857452641)</t>
  </si>
  <si>
    <t>POINT (4.669164467560528 51.77333355960949)</t>
  </si>
  <si>
    <t>POINT (4.696654741259191 51.79075402334714)</t>
  </si>
  <si>
    <t>POINT (4.659704139326677 51.804797931162156)</t>
  </si>
  <si>
    <t>POINT (4.672584201682342 51.803706242346145)</t>
  </si>
  <si>
    <t>POINT (4.676057856246616 51.79468285165098)</t>
  </si>
  <si>
    <t>POINT (4.678172838827983 51.80852148306554)</t>
  </si>
  <si>
    <t>POINT (4.672943742377473 51.81631990294008)</t>
  </si>
  <si>
    <t>POINT (4.658068008308446 51.81132915120773)</t>
  </si>
  <si>
    <t>POINT (4.733078348345206 51.79490182632347)</t>
  </si>
  <si>
    <t>POINT (4.65380118850781 51.785323849984216)</t>
  </si>
  <si>
    <t>POINT (4.706446795689547 51.79318090012353)</t>
  </si>
  <si>
    <t>POINT (4.630437019291268 51.7845315889467)</t>
  </si>
  <si>
    <t>POINT (4.681757001818008 51.78913319899752)</t>
  </si>
  <si>
    <t>POINT (4.669834060897891 51.812582474450664)</t>
  </si>
  <si>
    <t>POINT (4.652339505494468 51.766301842494215)</t>
  </si>
  <si>
    <t>POINT (4.674314614345676 51.776202426044)</t>
  </si>
  <si>
    <t>POINT (4.711580923019482 51.80566060345002)</t>
  </si>
  <si>
    <t>POINT (4.706565580610407 51.80867532027383)</t>
  </si>
  <si>
    <t>POINT (4.664422032340741 51.812739772176386)</t>
  </si>
  <si>
    <t>POINT (4.730267531197481 51.79641825360811)</t>
  </si>
  <si>
    <t>POINT (4.680738813952885 51.79875055652488)</t>
  </si>
  <si>
    <t>POINT (4.722504755590332 51.80517854036864)</t>
  </si>
  <si>
    <t>POINT (4.670709449009595 51.80282469579497)</t>
  </si>
  <si>
    <t>POINT (4.731465479754896 51.80363536251586)</t>
  </si>
  <si>
    <t>POINT (4.6719323498290635 51.79194377965341)</t>
  </si>
  <si>
    <t>POINT (4.673054729757112 51.77193537910851)</t>
  </si>
  <si>
    <t>POINT (4.674610715029794 51.81270743189111)</t>
  </si>
  <si>
    <t>POINT (4.682936910176321 51.810813689375266)</t>
  </si>
  <si>
    <t>POINT (4.66023282199649 51.81271405750096)</t>
  </si>
  <si>
    <t>POINT (4.656904235241661 51.797845541651)</t>
  </si>
  <si>
    <t>POINT (4.6618985641425565 51.81593806053694)</t>
  </si>
  <si>
    <t>POINT (4.714685065541872 51.814349642818215)</t>
  </si>
  <si>
    <t>POINT (4.6699044433106724 51.778179777325995)</t>
  </si>
  <si>
    <t>POINT (4.680163277542039 51.80761121027918)</t>
  </si>
  <si>
    <t>POINT (4.65590031908906 51.8027517299541)</t>
  </si>
  <si>
    <t>POINT (4.667912982118561 51.791244449916626)</t>
  </si>
  <si>
    <t>POINT (4.657816026889741 51.801618332550994)</t>
  </si>
  <si>
    <t>POINT (4.661772247016191 51.80338721424919)</t>
  </si>
  <si>
    <t>POINT (4.683991512814063 51.77809690363451)</t>
  </si>
  <si>
    <t>POINT (4.677289048604581 51.80918800701048)</t>
  </si>
  <si>
    <t>POINT (4.664736475681506 51.79168219483602)</t>
  </si>
  <si>
    <t>POINT (4.663592005381956 51.81127835581789)</t>
  </si>
  <si>
    <t>POINT (4.666886727947018 51.79389385519802)</t>
  </si>
  <si>
    <t>POINT (4.6600389263684585 51.808700567511764)</t>
  </si>
  <si>
    <t>POINT (4.732653231299829 51.795661368678466)</t>
  </si>
  <si>
    <t>POINT (4.684720808343658 51.80915741571375)</t>
  </si>
  <si>
    <t>POINT (4.677311173836207 51.77373220342776)</t>
  </si>
  <si>
    <t>POINT (4.7272058885856305 51.79682271916978)</t>
  </si>
  <si>
    <t>POINT (4.688541197124519 51.809293696705694)</t>
  </si>
  <si>
    <t>POINT (4.7312911524921955 51.803550092755)</t>
  </si>
  <si>
    <t>POINT (4.661465181052073 51.813936622435996)</t>
  </si>
  <si>
    <t>POINT (4.6947563825074425 51.789842734351915)</t>
  </si>
  <si>
    <t>POINT (4.651242080197311 51.790539354071626)</t>
  </si>
  <si>
    <t>POINT (4.678811145257477 51.78699345919652)</t>
  </si>
  <si>
    <t>POINT (4.663740297893574 51.79474611058664)</t>
  </si>
  <si>
    <t>POINT (4.659923516389242 51.77089469629231)</t>
  </si>
  <si>
    <t>POINT (4.653750207614846 51.80623333970563)</t>
  </si>
  <si>
    <t>POINT (4.675610182743081 51.808216463586206)</t>
  </si>
  <si>
    <t>POINT (4.713972028523423 51.81370756804772)</t>
  </si>
  <si>
    <t>POINT (4.728690488538714 51.79777474285997)</t>
  </si>
  <si>
    <t>POINT (4.66952954499962 51.77694907762027)</t>
  </si>
  <si>
    <t>POINT (4.7304822964344435 51.795798053017585)</t>
  </si>
  <si>
    <t>POINT (4.7029117320986815 51.7955035808985)</t>
  </si>
  <si>
    <t>POINT (4.66776753415238 51.81427609914569)</t>
  </si>
  <si>
    <t>POINT (4.715850658986411 51.80324735287337)</t>
  </si>
  <si>
    <t>POINT (4.643379052993186 51.769843668783494)</t>
  </si>
  <si>
    <t>POINT (4.674564383490299 51.80500957247328)</t>
  </si>
  <si>
    <t>POINT (4.668562396384028 51.81008380542988)</t>
  </si>
  <si>
    <t>POINT (4.6634100262183305 51.80468390664405)</t>
  </si>
  <si>
    <t>POINT (4.698095783418188 51.79027128382996)</t>
  </si>
  <si>
    <t>POINT (4.6801574558597805 51.80175598815024)</t>
  </si>
  <si>
    <t>POINT (4.66750689330475 51.795685387100406)</t>
  </si>
  <si>
    <t>POINT (4.653471415762994 51.79009528096383)</t>
  </si>
  <si>
    <t>POINT (4.661264335819062 51.789317395981435)</t>
  </si>
  <si>
    <t>POINT (4.655416320566692 51.78388585480195)</t>
  </si>
  <si>
    <t>POINT (4.672595858704428 51.79271677005236)</t>
  </si>
  <si>
    <t>POINT (4.680625963202162 51.781991229197175)</t>
  </si>
  <si>
    <t>POINT (4.653743206491114 51.801275741048975)</t>
  </si>
  <si>
    <t>POINT (4.71288198372854 51.80054864662243)</t>
  </si>
  <si>
    <t>POINT (4.67849987734788 51.78137688791677)</t>
  </si>
  <si>
    <t>POINT (4.652458841665729 51.781602146184284)</t>
  </si>
  <si>
    <t>POINT (4.652252676401511 51.785652619267275)</t>
  </si>
  <si>
    <t>POINT (4.671749355167269 51.80477963498788)</t>
  </si>
  <si>
    <t>POINT (4.655641095848267 51.81131130523582)</t>
  </si>
  <si>
    <t>POINT (4.66319981023577 51.80018843461929)</t>
  </si>
  <si>
    <t>POINT (4.684022827302584 51.78621119554028)</t>
  </si>
  <si>
    <t>POINT (4.668596811255586 51.80828840148092)</t>
  </si>
  <si>
    <t>POINT (4.68858345480288 51.807750235109125)</t>
  </si>
  <si>
    <t>POINT (4.709746337813784 51.79321770736644)</t>
  </si>
  <si>
    <t>POINT (4.673495565695406 51.809854427536955)</t>
  </si>
  <si>
    <t>POINT (4.688503106374728 51.80766896659841)</t>
  </si>
  <si>
    <t>POINT (4.6748847315715105 51.81554896675596)</t>
  </si>
  <si>
    <t>POINT (4.7159871007848775 51.81542429959541)</t>
  </si>
  <si>
    <t>POINT (4.6816917988978455 51.81840177472756)</t>
  </si>
  <si>
    <t>POINT (4.683044733622324 51.78649773045526)</t>
  </si>
  <si>
    <t>POINT (4.677585363066821 51.77435663643751)</t>
  </si>
  <si>
    <t>POINT (4.692300747025414 51.79328219471786)</t>
  </si>
  <si>
    <t>POINT (4.705576672126506 51.79215993079069)</t>
  </si>
  <si>
    <t>POINT (4.658467992453258 51.798985558058945)</t>
  </si>
  <si>
    <t>POINT (4.655728021380414 51.80008131787722)</t>
  </si>
  <si>
    <t>POINT (4.6727540737109665 51.77625133004451)</t>
  </si>
  <si>
    <t>POINT (4.665977611842706 51.79596873077355)</t>
  </si>
  <si>
    <t>POINT (4.642827116706118 51.76438186790691)</t>
  </si>
  <si>
    <t>POINT (4.6462385288785875 51.800205088340654)</t>
  </si>
  <si>
    <t>POINT (4.682026766047984 51.80899821152527)</t>
  </si>
  <si>
    <t>POINT (4.683368649471845 51.798028400506375)</t>
  </si>
  <si>
    <t>POINT (4.681774183723832 51.7891049969352)</t>
  </si>
  <si>
    <t>POINT (4.655606417385881 51.79033335988138)</t>
  </si>
  <si>
    <t>POINT (4.67996869241806 51.786887240110104)</t>
  </si>
  <si>
    <t>POINT (4.695583261327626 51.81816757285922)</t>
  </si>
  <si>
    <t>POINT (4.663811827460387 51.80096109342557)</t>
  </si>
  <si>
    <t>POINT (4.715848614304945 51.813589493180324)</t>
  </si>
  <si>
    <t>POINT (4.673517327660971 51.81803371115099)</t>
  </si>
  <si>
    <t>POINT (4.672778075086048 51.80495507893296)</t>
  </si>
  <si>
    <t>POINT (4.700121253640858 51.7888236640693)</t>
  </si>
  <si>
    <t>POINT (4.663278776403945 51.792026806259635)</t>
  </si>
  <si>
    <t>POINT (4.669506354371546 51.77639816132045)</t>
  </si>
  <si>
    <t>POINT (4.665473261775058 51.78469215147062)</t>
  </si>
  <si>
    <t>POINT (4.725289015264056 51.804441112165144)</t>
  </si>
  <si>
    <t>POINT (4.710271272335128 51.81455956219118)</t>
  </si>
  <si>
    <t>POINT (4.668595708248091 51.80936483416328)</t>
  </si>
  <si>
    <t>POINT (4.655545064835976 51.79188734994519)</t>
  </si>
  <si>
    <t>POINT (4.661542066739592 51.81612455607766)</t>
  </si>
  <si>
    <t>POINT (4.656506591866953 51.80235302018716)</t>
  </si>
  <si>
    <t>POINT (4.669345261702598 51.810258950548516)</t>
  </si>
  <si>
    <t>POINT (4.6705257977066745 51.785381884925805)</t>
  </si>
  <si>
    <t>POINT (4.674739282055015 51.81832126731198)</t>
  </si>
  <si>
    <t>POINT (4.664741152254421 51.77189077021595)</t>
  </si>
  <si>
    <t>POINT (4.655832163878469 51.801099362102995)</t>
  </si>
  <si>
    <t>POINT (4.643233453194571 51.76705129980976)</t>
  </si>
  <si>
    <t>POINT (4.671217794841061 51.81384943819052)</t>
  </si>
  <si>
    <t>POINT (4.75774038727835 51.78854974948988)</t>
  </si>
  <si>
    <t>POINT (4.6606825527716556 51.80203439722969)</t>
  </si>
  <si>
    <t>POINT (4.717468676206041 51.802286149001)</t>
  </si>
  <si>
    <t>POINT (4.694968631273386 51.79077098933098)</t>
  </si>
  <si>
    <t>POINT (4.73062407339068 51.798843443492046)</t>
  </si>
  <si>
    <t>POINT (4.66924141802111 51.79040036898897)</t>
  </si>
  <si>
    <t>POINT (4.660105169083812 51.80446305328897)</t>
  </si>
  <si>
    <t>POINT (4.7262047971621834 51.79813480990781)</t>
  </si>
  <si>
    <t>POINT (4.729988027798699 51.79686759458279)</t>
  </si>
  <si>
    <t>POINT (4.666664663372877 51.79625171876422)</t>
  </si>
  <si>
    <t>POINT (4.652292451370334 51.801551595968725)</t>
  </si>
  <si>
    <t>POINT (4.682183382272339 51.78208835712164)</t>
  </si>
  <si>
    <t>POINT (4.683178587706268 51.800911565189836)</t>
  </si>
  <si>
    <t>POINT (4.6849704765802365 51.78079599831621)</t>
  </si>
  <si>
    <t>POINT (4.692017125177557 51.80417803827654)</t>
  </si>
  <si>
    <t>POINT (4.666069641795114 51.81275602965028)</t>
  </si>
  <si>
    <t>POINT (4.706980695987912 51.80912179351549)</t>
  </si>
  <si>
    <t>POINT (4.6823983382294365 51.81791170652256)</t>
  </si>
  <si>
    <t>POINT (4.731880121427122 51.800675779485424)</t>
  </si>
  <si>
    <t>POINT (4.6754461297140315 51.775823466825)</t>
  </si>
  <si>
    <t>POINT (4.683197819581927 51.798277009188695)</t>
  </si>
  <si>
    <t>POINT (4.682490280978014 51.81344421965765)</t>
  </si>
  <si>
    <t>POINT (4.653816523948073 51.78555379635774)</t>
  </si>
  <si>
    <t>POINT (4.73087001644326 51.80159152292299)</t>
  </si>
  <si>
    <t>POINT (4.704847318991311 51.79823430245216)</t>
  </si>
  <si>
    <t>POINT (4.678722053599032 51.7736035581302)</t>
  </si>
  <si>
    <t>POINT (4.710889959869802 51.791575506193794)</t>
  </si>
  <si>
    <t>POINT (4.714680486160357 51.816048801361454)</t>
  </si>
  <si>
    <t>POINT (4.6727287323334155 51.81571240729215)</t>
  </si>
  <si>
    <t>POINT (4.713373483643578 51.80402231189991)</t>
  </si>
  <si>
    <t>POINT (4.715906876733895 51.800129008714556)</t>
  </si>
  <si>
    <t>POINT (4.702828030614065 51.816131787097554)</t>
  </si>
  <si>
    <t>POINT (4.692526146552391 51.78688629494771)</t>
  </si>
  <si>
    <t>POINT (4.67596552154947 51.807745471984894)</t>
  </si>
  <si>
    <t>POINT (4.7254118679760575 51.7952609572187)</t>
  </si>
  <si>
    <t>POINT (4.631763551936748 51.76999958615278)</t>
  </si>
  <si>
    <t>POINT (4.667754884645943 51.818636516839575)</t>
  </si>
  <si>
    <t>POINT (4.663012185462405 51.787583814739136)</t>
  </si>
  <si>
    <t>POINT (4.6684129544719655 51.79628917529183)</t>
  </si>
  <si>
    <t>POINT (4.678450430642225 51.789435521882936)</t>
  </si>
  <si>
    <t>POINT (4.674070330062109 51.81900866654057)</t>
  </si>
  <si>
    <t>POINT (4.669565317521037 51.809498119475315)</t>
  </si>
  <si>
    <t>POINT (4.68046435004215 51.78126657542299)</t>
  </si>
  <si>
    <t>POINT (4.662127587223968 51.79029994196237)</t>
  </si>
  <si>
    <t>POINT (4.675723451853486 51.77397055396407)</t>
  </si>
  <si>
    <t>POINT (4.6713975526066935 51.817803356660704)</t>
  </si>
  <si>
    <t>POINT (4.712138362582002 51.80893326105061)</t>
  </si>
  <si>
    <t>POINT (4.711812960714841 51.80514358184196)</t>
  </si>
  <si>
    <t>POINT (4.662242687478204 51.78711146012644)</t>
  </si>
  <si>
    <t>POINT (4.656909832125047 51.791931431035806)</t>
  </si>
  <si>
    <t>POINT (4.708044232633994 51.79491054380995)</t>
  </si>
  <si>
    <t>POINT (4.67968729563367 51.80280073053213)</t>
  </si>
  <si>
    <t>POINT (4.675967457924599 51.772598397122884)</t>
  </si>
  <si>
    <t>POINT (4.7100646150497525 51.79458145295721)</t>
  </si>
  <si>
    <t>POINT (4.628273863520808 51.724127078176444)</t>
  </si>
  <si>
    <t>POINT (4.717861415193789 51.81458158756012)</t>
  </si>
  <si>
    <t>POINT (4.684873272399682 51.807944175113434)</t>
  </si>
  <si>
    <t>POINT (4.661011699767886 51.79423475718867)</t>
  </si>
  <si>
    <t>POINT (4.666905076855312 51.79862281247991)</t>
  </si>
  <si>
    <t>POINT (4.663953438519221 51.79171616519982)</t>
  </si>
  <si>
    <t>POINT (4.727813618272802 51.79340451797608)</t>
  </si>
  <si>
    <t>POINT (4.693532729823779 51.79571724570844)</t>
  </si>
  <si>
    <t>POINT (4.686865231742761 51.776342542259265)</t>
  </si>
  <si>
    <t>POINT (4.65351134203783 51.803732377261355)</t>
  </si>
  <si>
    <t>POINT (4.673457051381612 51.81802541658842)</t>
  </si>
  <si>
    <t>POINT (4.732780717546592 51.80098674321216)</t>
  </si>
  <si>
    <t>POINT (4.685889588953433 51.79184964830619)</t>
  </si>
  <si>
    <t>POINT (4.687250371427878 51.805995819873225)</t>
  </si>
  <si>
    <t>POINT (4.703739974662045 51.81194673852713)</t>
  </si>
  <si>
    <t>POINT (4.662764708226457 51.79988911301643)</t>
  </si>
  <si>
    <t>POINT (4.714087279846542 51.81610756596401)</t>
  </si>
  <si>
    <t>POINT (4.676185269010219 51.80545598556895)</t>
  </si>
  <si>
    <t>POINT (4.67566712378195 51.81606760406952)</t>
  </si>
  <si>
    <t>POINT (4.669141097541451 51.79108260845075)</t>
  </si>
  <si>
    <t>POINT (4.66662565573279 51.77483397176866)</t>
  </si>
  <si>
    <t>POINT (4.7216546561801644 51.79425514958086)</t>
  </si>
  <si>
    <t>POINT (4.664096092991349 51.810876765657575)</t>
  </si>
  <si>
    <t>POINT (4.6678945185075476 51.81053567317911)</t>
  </si>
  <si>
    <t>POINT (4.656697919065723 51.78837270379028)</t>
  </si>
  <si>
    <t>POINT (4.6648471007406105 51.79861547230181)</t>
  </si>
  <si>
    <t>POINT (4.674147154683574 51.817874646861824)</t>
  </si>
  <si>
    <t>POINT (4.680857570412686 51.789251740848435)</t>
  </si>
  <si>
    <t>POINT (4.679172582325938 51.78193422292744)</t>
  </si>
  <si>
    <t>POINT (4.732137352897042 51.80013616278844)</t>
  </si>
  <si>
    <t>POINT (4.697964427266152 51.78967012254719)</t>
  </si>
  <si>
    <t>POINT (4.658120078586831 51.79243405668866)</t>
  </si>
  <si>
    <t>POINT (4.662348671293791 51.79140440204946)</t>
  </si>
  <si>
    <t>POINT (4.705004408760116 51.79500710833136)</t>
  </si>
  <si>
    <t>POINT (4.664397620345577 51.788095178757246)</t>
  </si>
  <si>
    <t>POINT (4.676554678906467 51.785922938037224)</t>
  </si>
  <si>
    <t>POINT (4.683568150408854 51.81202637959164)</t>
  </si>
  <si>
    <t>POINT (4.685875380074112 51.77956593413267)</t>
  </si>
  <si>
    <t>POINT (4.664492041837814 51.794912432598224)</t>
  </si>
  <si>
    <t>POINT (4.668315337245318 51.790123643359784)</t>
  </si>
  <si>
    <t>POINT (4.655574218157335 51.79198098737388)</t>
  </si>
  <si>
    <t>POINT (4.658814616703454 51.7920827418438)</t>
  </si>
  <si>
    <t>POINT (4.6628756368416955 51.805435946603474)</t>
  </si>
  <si>
    <t>POINT (4.657422904439602 51.811100999249)</t>
  </si>
  <si>
    <t>POINT (4.656916013117202 51.802504637718805)</t>
  </si>
  <si>
    <t>POINT (4.63227646936769 51.77525342428929)</t>
  </si>
  <si>
    <t>POINT (4.6740762996974246 51.8165657630548)</t>
  </si>
  <si>
    <t>POINT (4.6684163107384045 51.81707972280376)</t>
  </si>
  <si>
    <t>POINT (4.680966826676531 51.80309115082701)</t>
  </si>
  <si>
    <t>POINT (4.652373952358959 51.79247923840606)</t>
  </si>
  <si>
    <t>POINT (4.72076532293897 51.802654640597474)</t>
  </si>
  <si>
    <t>POINT (4.717483000712355 51.804172435292564)</t>
  </si>
  <si>
    <t>POINT (4.665870760084944 51.803293903166676)</t>
  </si>
  <si>
    <t>POINT (4.67042022997383 51.80013168059462)</t>
  </si>
  <si>
    <t>POINT (4.659129732156971 51.81260720181318)</t>
  </si>
  <si>
    <t>POINT (4.6819481957528435 51.77766860210198)</t>
  </si>
  <si>
    <t>POINT (4.715272000473985 51.801611270509305)</t>
  </si>
  <si>
    <t>POINT (4.729370793603287 51.800457416976855)</t>
  </si>
  <si>
    <t>POINT (4.683031990878442 51.781469099788445)</t>
  </si>
  <si>
    <t>POINT (4.6685576536678015 51.81549985839233)</t>
  </si>
  <si>
    <t>POINT (4.667860270717804 51.81657600643142)</t>
  </si>
  <si>
    <t>POINT (4.667426716426413 51.80413736573614)</t>
  </si>
  <si>
    <t>POINT (4.698966627233342 51.79018834295422)</t>
  </si>
  <si>
    <t>POINT (4.7083240740941195 51.79687497246772)</t>
  </si>
  <si>
    <t>POINT (4.731748140598319 51.792952477501615)</t>
  </si>
  <si>
    <t>POINT (4.672592829651507 51.803093131892496)</t>
  </si>
  <si>
    <t>POINT (4.65607975044226 51.78934191668557)</t>
  </si>
  <si>
    <t>POINT (4.679825387942348 51.77627266374314)</t>
  </si>
  <si>
    <t>POINT (4.65765093636529 51.80073088571418)</t>
  </si>
  <si>
    <t>POINT (4.681442892955908 51.801406031692835)</t>
  </si>
  <si>
    <t>POINT (4.6591697723407774 51.81277062181329)</t>
  </si>
  <si>
    <t>POINT (4.675245149202326 51.80714831825751)</t>
  </si>
  <si>
    <t>POINT (4.661114766320887 51.77159148598604)</t>
  </si>
  <si>
    <t>POINT (4.7300761618627085 51.798041231939735)</t>
  </si>
  <si>
    <t>POINT (4.6625984530018005 51.802685241952176)</t>
  </si>
  <si>
    <t>POINT (4.659465899867386 51.79603934150082)</t>
  </si>
  <si>
    <t>POINT (4.674209350037499 51.804518961829274)</t>
  </si>
  <si>
    <t>POINT (4.663867818534199 51.800779444555005)</t>
  </si>
  <si>
    <t>POINT (4.672336426007025 51.80402740876952)</t>
  </si>
  <si>
    <t>POINT (4.670354148144371 51.80166868397954)</t>
  </si>
  <si>
    <t>POINT (4.657989793192755 51.77163560232442)</t>
  </si>
  <si>
    <t>POINT (4.659342180169785 51.77158026441994)</t>
  </si>
  <si>
    <t>POINT (4.679780353395222 51.776165363615114)</t>
  </si>
  <si>
    <t>POINT (4.685215645283446 51.80946300736486)</t>
  </si>
  <si>
    <t>POINT (4.665642301873724 51.813739865362315)</t>
  </si>
  <si>
    <t>POINT (4.678070243770272 51.77753365222823)</t>
  </si>
  <si>
    <t>POINT (4.675880092062653 51.816929353140516)</t>
  </si>
  <si>
    <t>POINT (4.716998234721706 51.81410511752129)</t>
  </si>
  <si>
    <t>POINT (4.676996582460487 51.81698368290815)</t>
  </si>
  <si>
    <t>POINT (4.667927743821164 51.815252262519316)</t>
  </si>
  <si>
    <t>POINT (4.679322843192245 51.80017359533534)</t>
  </si>
  <si>
    <t>POINT (4.658171570169269 51.78261541381632)</t>
  </si>
  <si>
    <t>POINT (4.657130815135144 51.80575271814959)</t>
  </si>
  <si>
    <t>POINT (4.6883132704533 51.80719827720987)</t>
  </si>
  <si>
    <t>POINT (4.685049073089304 51.779078000828335)</t>
  </si>
  <si>
    <t>POINT (4.658426935089666 51.79577705581819)</t>
  </si>
  <si>
    <t>POINT (4.683353208719143 51.78931496527674)</t>
  </si>
  <si>
    <t>POINT (4.6391050644534815 51.761854975749394)</t>
  </si>
  <si>
    <t>POINT (4.657524439124658 51.80675000811916)</t>
  </si>
  <si>
    <t>POINT (4.688329160087877 51.8102259247235)</t>
  </si>
  <si>
    <t>POINT (4.676199822935347 51.773692698463144)</t>
  </si>
  <si>
    <t>POINT (4.6681067957194715 51.8160368395526)</t>
  </si>
  <si>
    <t>POINT (4.651633403325299 51.7828649668246)</t>
  </si>
  <si>
    <t>POINT (4.675349465153768 51.80345756152722)</t>
  </si>
  <si>
    <t>POINT (4.695886631583031 51.79888579413151)</t>
  </si>
  <si>
    <t>POINT (4.667937751944622 51.81624207571562)</t>
  </si>
  <si>
    <t>POINT (4.66756446874385 51.77858032661305)</t>
  </si>
  <si>
    <t>POINT (4.6742186683069376 51.80332431488979)</t>
  </si>
  <si>
    <t>POINT (4.7029597512632995 51.81553141255875)</t>
  </si>
  <si>
    <t>POINT (4.675637817520498 51.816581874743626)</t>
  </si>
  <si>
    <t>POINT (4.670622941584253 51.78242711815487)</t>
  </si>
  <si>
    <t>POINT (4.6683298149298915 51.78976539753724)</t>
  </si>
  <si>
    <t>POINT (4.686216973805023 51.777933831030545)</t>
  </si>
  <si>
    <t>POINT (4.663259316231411 51.8125389170564)</t>
  </si>
  <si>
    <t>POINT (4.678835359056616 51.77740551248514)</t>
  </si>
  <si>
    <t>POINT (4.708160979464077 51.80765545269928)</t>
  </si>
  <si>
    <t>POINT (4.658885853037115 51.813557014878036)</t>
  </si>
  <si>
    <t>POINT (4.684640363754715 51.79259429293258)</t>
  </si>
  <si>
    <t>POINT (4.67569058596137 51.78326598867679)</t>
  </si>
  <si>
    <t>POINT (4.63589081167473 51.77591304545532)</t>
  </si>
  <si>
    <t>POINT (4.676929868265842 51.781938048101075)</t>
  </si>
  <si>
    <t>POINT (4.730845692519035 51.80465561290403)</t>
  </si>
  <si>
    <t>POINT (4.664719631099352 51.80172209653633)</t>
  </si>
  <si>
    <t>POINT (4.685984025124031 51.81084990520771)</t>
  </si>
  <si>
    <t>POINT (4.699253722203677 51.796819225768914)</t>
  </si>
  <si>
    <t>POINT (4.676590033231478 51.783711231216486)</t>
  </si>
  <si>
    <t>POINT (4.667120389130731 51.77290520003886)</t>
  </si>
  <si>
    <t>POINT (4.663370737650692 51.80471161911073)</t>
  </si>
  <si>
    <t>POINT (4.663714860781993 51.790269220737756)</t>
  </si>
  <si>
    <t>POINT (4.705279814279327 51.82116830851173)</t>
  </si>
  <si>
    <t>POINT (4.668392709746757 51.813051492715616)</t>
  </si>
  <si>
    <t>POINT (4.655538620806015 51.791941475717415)</t>
  </si>
  <si>
    <t>POINT (4.661439445187134 51.78368399662454)</t>
  </si>
  <si>
    <t>POINT (4.667489338914914 51.804148230671885)</t>
  </si>
  <si>
    <t>POINT (4.682028440013101 51.78179579644492)</t>
  </si>
  <si>
    <t>POINT (4.667616925466256 51.77059616923009)</t>
  </si>
  <si>
    <t>POINT (4.691254622648773 51.81872070083173)</t>
  </si>
  <si>
    <t>POINT (4.682524454283103 51.810816193043415)</t>
  </si>
  <si>
    <t>POINT (4.686268064541935 51.80690115546569)</t>
  </si>
  <si>
    <t>POINT (4.663564941386489 51.814374061308506)</t>
  </si>
  <si>
    <t>POINT (4.655563563467048 51.78912633113144)</t>
  </si>
  <si>
    <t>POINT (4.670378324257903 51.818287090201466)</t>
  </si>
  <si>
    <t>POINT (4.685880453192009 51.78750947857009)</t>
  </si>
  <si>
    <t>POINT (4.725938885611814 51.7971116530823)</t>
  </si>
  <si>
    <t>POINT (4.678530816913116 51.78634242266486)</t>
  </si>
  <si>
    <t>POINT (4.732739933379842 51.80094285792556)</t>
  </si>
  <si>
    <t>POINT (4.712402668737313 51.7985300773838)</t>
  </si>
  <si>
    <t>POINT (4.656922879794479 51.769461583039515)</t>
  </si>
  <si>
    <t>POINT (4.6679763524823255 51.794311242807545)</t>
  </si>
  <si>
    <t>POINT (4.679199574242618 51.80405851352347)</t>
  </si>
  <si>
    <t>POINT (4.7080422895930125 51.79475652980462)</t>
  </si>
  <si>
    <t>POINT (4.670133224972399 51.781556876980225)</t>
  </si>
  <si>
    <t>POINT (4.68235350994265 51.80218650924002)</t>
  </si>
  <si>
    <t>POINT (4.716701068158523 51.80305065402409)</t>
  </si>
  <si>
    <t>POINT (4.698352761039818 51.792817181013675)</t>
  </si>
  <si>
    <t>POINT (4.681266241916798 51.80998217667696)</t>
  </si>
  <si>
    <t>POINT (4.659961808269997 51.771834534308205)</t>
  </si>
  <si>
    <t>POINT (4.732138094155996 51.7951988144089)</t>
  </si>
  <si>
    <t>POINT (4.671776582627632 51.79282680506364)</t>
  </si>
  <si>
    <t>POINT (4.698424278157696 51.793315843018604)</t>
  </si>
  <si>
    <t>POINT (4.651235460284767 51.78870786178302)</t>
  </si>
  <si>
    <t>POINT (4.635518180687236 51.78134461202863)</t>
  </si>
  <si>
    <t>POINT (4.653820586538194 51.7856007788165)</t>
  </si>
  <si>
    <t>POINT (4.660018073967898 51.7915342473415)</t>
  </si>
  <si>
    <t>POINT (4.658118943385558 51.80178949935695)</t>
  </si>
  <si>
    <t>POINT (4.651278229943529 51.79066643857977)</t>
  </si>
  <si>
    <t>POINT (4.659640632628049 51.797467992705144)</t>
  </si>
  <si>
    <t>POINT (4.665044939464131 51.77521162715649)</t>
  </si>
  <si>
    <t>POINT (4.658096494612165 51.80977385377641)</t>
  </si>
  <si>
    <t>POINT (4.6657675834681624 51.81672257498308)</t>
  </si>
  <si>
    <t>POINT (4.708621679216373 51.80820866346244)</t>
  </si>
  <si>
    <t>POINT (4.652316666579856 51.78524224471974)</t>
  </si>
  <si>
    <t>POINT (4.670571047177316 51.817546441269506)</t>
  </si>
  <si>
    <t>POINT (4.731379727319857 51.79999556389897)</t>
  </si>
  <si>
    <t>POINT (4.674296107586095 51.81269936385951)</t>
  </si>
  <si>
    <t>POINT (4.6797385951864 51.81634647172312)</t>
  </si>
  <si>
    <t>POINT (4.6655324522843085 51.78683600767061)</t>
  </si>
  <si>
    <t>POINT (4.695602370905115 51.790429876536216)</t>
  </si>
  <si>
    <t>POINT (4.6583155928813795 51.803938417138944)</t>
  </si>
  <si>
    <t>POINT (4.669472613505547 51.81947566356256)</t>
  </si>
  <si>
    <t>POINT (4.6578349508141015 51.79902366458162)</t>
  </si>
  <si>
    <t>POINT (4.685120832044819 51.78919077213233)</t>
  </si>
  <si>
    <t>POINT (4.669885215728758 51.80418253319528)</t>
  </si>
  <si>
    <t>POINT (4.672665505586274 51.813163725087676)</t>
  </si>
  <si>
    <t>POINT (4.6832010358253475 51.798184265316166)</t>
  </si>
  <si>
    <t>POINT (4.652343284192515 51.78571693492099)</t>
  </si>
  <si>
    <t>POINT (4.670370312638954 51.79584264674106)</t>
  </si>
  <si>
    <t>POINT (4.711928320159077 51.80757093791335)</t>
  </si>
  <si>
    <t>POINT (4.721329082369273 51.80507062664095)</t>
  </si>
  <si>
    <t>POINT (4.679841423065373 51.81052235493967)</t>
  </si>
  <si>
    <t>POINT (4.669008388512147 51.79993197438521)</t>
  </si>
  <si>
    <t>POINT (4.684201400966193 51.786771137699105)</t>
  </si>
  <si>
    <t>POINT (4.719362278508608 51.81548200808107)</t>
  </si>
  <si>
    <t>POINT (4.657567274987683 51.79871676196999)</t>
  </si>
  <si>
    <t>POINT (4.661087940405796 51.78232684456259)</t>
  </si>
  <si>
    <t>POINT (4.708887931269618 51.80899650275042)</t>
  </si>
  <si>
    <t>POINT (4.687690637912258 51.80945823665874)</t>
  </si>
  <si>
    <t>POINT (4.66253854364818 51.797764972844604)</t>
  </si>
  <si>
    <t>POINT (4.6848003318148495 51.81000720384497)</t>
  </si>
  <si>
    <t>POINT (4.718820474216888 51.802164771105396)</t>
  </si>
  <si>
    <t>POINT (4.705771650721964 51.80929767992754)</t>
  </si>
  <si>
    <t>POINT (4.665418899015811 51.79478747883361)</t>
  </si>
  <si>
    <t>POINT (4.673047929184929 51.80430835010163)</t>
  </si>
  <si>
    <t>POINT (4.677741975091008 51.815886351762195)</t>
  </si>
  <si>
    <t>POINT (4.717665082359987 51.804318802807124)</t>
  </si>
  <si>
    <t>POINT (4.667949169917055 51.8032397862132)</t>
  </si>
  <si>
    <t>POINT (4.652855286392318 51.788143616206504)</t>
  </si>
  <si>
    <t>POINT (4.6523488829331665 51.803182329033056)</t>
  </si>
  <si>
    <t>POINT (4.670224553267059 51.7781272989268)</t>
  </si>
  <si>
    <t>POINT (4.683371921292201 51.81265943402268)</t>
  </si>
  <si>
    <t>POINT (4.669163653958768 51.8089201172386)</t>
  </si>
  <si>
    <t>POINT (4.714664498194484 51.80370126438515)</t>
  </si>
  <si>
    <t>POINT (4.720793977620601 51.80193996339)</t>
  </si>
  <si>
    <t>POINT (4.6555809074701475 51.78935370989697)</t>
  </si>
  <si>
    <t>POINT (4.730673198977248 51.80318331616891)</t>
  </si>
  <si>
    <t>POINT (4.669456606605534 51.81888869548543)</t>
  </si>
  <si>
    <t>POINT (4.656140564631168 51.79944858572982)</t>
  </si>
  <si>
    <t>POINT (4.68295800634286 51.814334397229445)</t>
  </si>
  <si>
    <t>POINT (4.708438142674646 51.808266774248565)</t>
  </si>
  <si>
    <t>POINT (4.669249744975464 51.81711247346252)</t>
  </si>
  <si>
    <t>POINT (4.6611185984125685 51.79039788937231)</t>
  </si>
  <si>
    <t>POINT (4.656950511434047 51.81075596903715)</t>
  </si>
  <si>
    <t>POINT (4.6760384423804675 51.78498039157868)</t>
  </si>
  <si>
    <t>POINT (4.6689868956486205 51.803233558632634)</t>
  </si>
  <si>
    <t>POINT (4.689649980585551 51.806914135309604)</t>
  </si>
  <si>
    <t>POINT (4.675755703929297 51.784733708065176)</t>
  </si>
  <si>
    <t>POINT (4.72119898272041 51.799464353857026)</t>
  </si>
  <si>
    <t>POINT (4.69789370017882 51.80083804006738)</t>
  </si>
  <si>
    <t>POINT (4.662761865777452 51.795244347952575)</t>
  </si>
  <si>
    <t>POINT (4.706054315562624 51.79292632817336)</t>
  </si>
  <si>
    <t>POINT (4.678730040912935 51.78556540276424)</t>
  </si>
  <si>
    <t>POINT (4.689394615815139 51.80738107025911)</t>
  </si>
  <si>
    <t>POINT (4.660384988103978 51.79154870083698)</t>
  </si>
  <si>
    <t>POINT (4.658225621183074 51.78075696387394)</t>
  </si>
  <si>
    <t>POINT (4.673698167811714 51.805986753158464)</t>
  </si>
  <si>
    <t>POINT (4.6805701249414895 51.81440094139995)</t>
  </si>
  <si>
    <t>POINT (4.659058375650119 51.78340874713491)</t>
  </si>
  <si>
    <t>POINT (4.658386415522614 51.81079011807278)</t>
  </si>
  <si>
    <t>POINT (4.671225455154729 51.818279910802715)</t>
  </si>
  <si>
    <t>POINT (4.680734874531495 51.808170440500234)</t>
  </si>
  <si>
    <t>POINT (4.6751183335043045 51.786704540936576)</t>
  </si>
  <si>
    <t>POINT (4.678957874551869 51.78066607726324)</t>
  </si>
  <si>
    <t>POINT (4.665715847247397 51.78775007364538)</t>
  </si>
  <si>
    <t>POINT (4.671906690661248 51.792454972090546)</t>
  </si>
  <si>
    <t>POINT (4.674199769453252 51.81594744570602)</t>
  </si>
  <si>
    <t>POINT (4.706515977737003 51.789620009483315)</t>
  </si>
  <si>
    <t>POINT (4.6980392405246505 51.79404104403267)</t>
  </si>
  <si>
    <t>POINT (4.727687213450903 51.80594188459988)</t>
  </si>
  <si>
    <t>POINT (4.6828858105309 51.77910887764619)</t>
  </si>
  <si>
    <t>POINT (4.654257891115084 51.7876884986259)</t>
  </si>
  <si>
    <t>POINT (4.679328473177936 51.808411715147614)</t>
  </si>
  <si>
    <t>POINT (4.690557011108674 51.817896185748566)</t>
  </si>
  <si>
    <t>POINT (4.6537274642195845 51.804158534349256)</t>
  </si>
  <si>
    <t>POINT (4.681253485494089 51.80124870497972)</t>
  </si>
  <si>
    <t>POINT (4.682152901557661 51.78649341628122)</t>
  </si>
  <si>
    <t>POINT (4.666293737122386 51.813539816990094)</t>
  </si>
  <si>
    <t>POINT (4.678247717578172 51.80556851777964)</t>
  </si>
  <si>
    <t>POINT (4.65904997490296 51.795416351585786)</t>
  </si>
  <si>
    <t>POINT (4.669929732469669 51.81924456399558)</t>
  </si>
  <si>
    <t>POINT (4.676747544628967 51.78377528599933)</t>
  </si>
  <si>
    <t>POINT (4.676693250833814 51.808908529702165)</t>
  </si>
  <si>
    <t>POINT (4.719236869517577 51.81160216839655)</t>
  </si>
  <si>
    <t>POINT (4.667754677915656 51.81169107461834)</t>
  </si>
  <si>
    <t>POINT (4.71550241919892 51.803862088978065)</t>
  </si>
  <si>
    <t>POINT (4.6783543582303055 51.77509907980548)</t>
  </si>
  <si>
    <t>POINT (4.654194349248865 51.7823972975237)</t>
  </si>
  <si>
    <t>POINT (4.727946216334634 51.79840120645824)</t>
  </si>
  <si>
    <t>POINT (4.668066043882968 51.79200225471837)</t>
  </si>
  <si>
    <t>POINT (4.663736045756746 51.80158199651679)</t>
  </si>
  <si>
    <t>POINT (4.71128971156021 51.815219975936046)</t>
  </si>
  <si>
    <t>POINT (4.659622553213157 51.815141102892326)</t>
  </si>
  <si>
    <t>POINT (4.666370812095734 51.81349472683386)</t>
  </si>
  <si>
    <t>POINT (4.68458568688363 51.809282331228424)</t>
  </si>
  <si>
    <t>POINT (4.686767783646138 51.808533523991116)</t>
  </si>
  <si>
    <t>POINT (4.675571344794378 51.8078759527624)</t>
  </si>
  <si>
    <t>POINT (4.6558554680772355 51.770488518469215)</t>
  </si>
  <si>
    <t>POINT (4.671303420669927 51.78566361121878)</t>
  </si>
  <si>
    <t>POINT (4.721260799968042 51.798309663467826)</t>
  </si>
  <si>
    <t>POINT (4.671728273465506 51.81726171166046)</t>
  </si>
  <si>
    <t>POINT (4.686204223404482 51.777784470534115)</t>
  </si>
  <si>
    <t>POINT (4.683141568805396 51.8095236594846)</t>
  </si>
  <si>
    <t>POINT (4.666938870836236 51.81461707120663)</t>
  </si>
  <si>
    <t>POINT (4.707718679222515 51.794908550915686)</t>
  </si>
  <si>
    <t>POINT (4.673838927674951 51.77503007558225)</t>
  </si>
  <si>
    <t>POINT (4.671716216504222 51.80408557854419)</t>
  </si>
  <si>
    <t>POINT (4.718042428987974 51.81571734489615)</t>
  </si>
  <si>
    <t>POINT (4.693804888664007 51.81798048847807)</t>
  </si>
  <si>
    <t>POINT (4.686554827978314 51.8031423862703)</t>
  </si>
  <si>
    <t>POINT (4.708781602267758 51.811144444165784)</t>
  </si>
  <si>
    <t>POINT (4.671942604559214 51.79241053522339)</t>
  </si>
  <si>
    <t>POINT (4.671767566854999 51.785800671259516)</t>
  </si>
  <si>
    <t>POINT (4.683937136585478 51.81148494800889)</t>
  </si>
  <si>
    <t>POINT (4.71259565340594 51.80107662111765)</t>
  </si>
  <si>
    <t>POINT (4.669880303741176 51.78174339225159)</t>
  </si>
  <si>
    <t>POINT (4.727036768471047 51.80585205297721)</t>
  </si>
  <si>
    <t>POINT (4.684553844474914 51.77702638482624)</t>
  </si>
  <si>
    <t>POINT (4.73211257259235 51.79500672841665)</t>
  </si>
  <si>
    <t>POINT (4.712503625733297 51.7934749873509)</t>
  </si>
  <si>
    <t>POINT (4.708758016669202 51.79404060709766)</t>
  </si>
  <si>
    <t>POINT (4.665133962103297 51.772695729346395)</t>
  </si>
  <si>
    <t>POINT (4.713629894549248 51.81507223732844)</t>
  </si>
  <si>
    <t>POINT (4.683766087195026 51.80325167695137)</t>
  </si>
  <si>
    <t>POINT (4.668777667559471 51.81850171396304)</t>
  </si>
  <si>
    <t>POINT (4.664638390737728 51.81278024125657)</t>
  </si>
  <si>
    <t>POINT (4.66940116768806 51.81229449086063)</t>
  </si>
  <si>
    <t>POINT (4.674098020518973 51.81255484494572)</t>
  </si>
  <si>
    <t>POINT (4.676636314860882 51.778666413627164)</t>
  </si>
  <si>
    <t>POINT (4.683046585755423 51.80623674214158)</t>
  </si>
  <si>
    <t>POINT (4.716730110004874 51.79544838061518)</t>
  </si>
  <si>
    <t>POINT (4.676715919683779 51.77263966160377)</t>
  </si>
  <si>
    <t>POINT (4.705102314342469 51.79476850719026)</t>
  </si>
  <si>
    <t>POINT (4.658313294275763 51.80074712810645)</t>
  </si>
  <si>
    <t>POINT (4.658153527838718 51.805133553763405)</t>
  </si>
  <si>
    <t>POINT (4.666158899622609 51.79976884471763)</t>
  </si>
  <si>
    <t>POINT (4.668742361842074 51.81407748895591)</t>
  </si>
  <si>
    <t>POINT (4.67184276447559 51.815314915376945)</t>
  </si>
  <si>
    <t>POINT (4.676079037368843 51.80863870841752)</t>
  </si>
  <si>
    <t>POINT (4.655906173547603 51.77897015652464)</t>
  </si>
  <si>
    <t>POINT (4.654325938619836 51.79336156494685)</t>
  </si>
  <si>
    <t>POINT (4.667209278665984 51.79277111536282)</t>
  </si>
  <si>
    <t>POINT (4.685837303202506 51.78656230717434)</t>
  </si>
  <si>
    <t>POINT (4.65551829294492 51.791664766345384)</t>
  </si>
  <si>
    <t>POINT (4.708830176419561 51.79179561115077)</t>
  </si>
  <si>
    <t>POINT (4.672649118019214 51.78356956555626)</t>
  </si>
  <si>
    <t>POINT (4.666749886839885 51.79878226284714)</t>
  </si>
  <si>
    <t>POINT (4.715705021378169 51.80382848050424)</t>
  </si>
  <si>
    <t>POINT (4.68001677149484 51.81656511663513)</t>
  </si>
  <si>
    <t>POINT (4.686574825567484 51.78184925167247)</t>
  </si>
  <si>
    <t>POINT (4.67801614486194 51.80911712336501)</t>
  </si>
  <si>
    <t>POINT (4.668198923844708 51.79193483598558)</t>
  </si>
  <si>
    <t>POINT (4.66287412812765 51.791349598513754)</t>
  </si>
  <si>
    <t>POINT (4.663919367219872 51.81517404536714)</t>
  </si>
  <si>
    <t>POINT (4.667838456010588 51.771682403869306)</t>
  </si>
  <si>
    <t>POINT (4.67170183357631 51.79257428822279)</t>
  </si>
  <si>
    <t>POINT (4.653288389124159 51.79368522508739)</t>
  </si>
  <si>
    <t>POINT (4.704304097882964 51.796442487863885)</t>
  </si>
  <si>
    <t>POINT (4.689611821101599 51.80760462441878)</t>
  </si>
  <si>
    <t>POINT (4.667515188392355 51.81433355355721)</t>
  </si>
  <si>
    <t>POINT (4.68227223246467 51.8122297639144)</t>
  </si>
  <si>
    <t>POINT (4.683939013784583 51.78590701914583)</t>
  </si>
  <si>
    <t>POINT (4.6855561463798185 51.78526478927778)</t>
  </si>
  <si>
    <t>POINT (4.6720668399416745 51.80476641546342)</t>
  </si>
  <si>
    <t>POINT (4.723142877957816 51.7984914656285)</t>
  </si>
  <si>
    <t>POINT (4.672240309286781 51.782629471766214)</t>
  </si>
  <si>
    <t>POINT (4.656682061683057 51.809967554177945)</t>
  </si>
  <si>
    <t>POINT (4.658841330991451 51.799643700780905)</t>
  </si>
  <si>
    <t>POINT (4.691099125072279 51.76898605659469)</t>
  </si>
  <si>
    <t>POINT (4.670037377185433 51.80894850729014)</t>
  </si>
  <si>
    <t>POINT (4.671626288271494 51.81166248652457)</t>
  </si>
  <si>
    <t>POINT (4.66260888834255 51.792156961822755)</t>
  </si>
  <si>
    <t>POINT (4.681745900125319 51.788817044947976)</t>
  </si>
  <si>
    <t>POINT (4.6630542155308525 51.814708561690864)</t>
  </si>
  <si>
    <t>POINT (4.668310385814157 51.815260341865276)</t>
  </si>
  <si>
    <t>POINT (4.684391193734218 51.78555132309982)</t>
  </si>
  <si>
    <t>POINT (4.665069042209384 51.809508000964705)</t>
  </si>
  <si>
    <t>POINT (4.6829446983436736 51.804012036502286)</t>
  </si>
  <si>
    <t>POINT (4.675019942569752 51.78537183644802)</t>
  </si>
  <si>
    <t>POINT (4.662731970506656 51.80524939829429)</t>
  </si>
  <si>
    <t>POINT (4.685682544911193 51.81347246925793)</t>
  </si>
  <si>
    <t>POINT (4.67085046990476 51.812736636899025)</t>
  </si>
  <si>
    <t>POINT (4.722974899021506 51.80290459552366)</t>
  </si>
  <si>
    <t>POINT (4.663059782111077 51.81473940923125)</t>
  </si>
  <si>
    <t>POINT (4.676232242339342 51.80422948639317)</t>
  </si>
  <si>
    <t>POINT (4.694844535222595 51.818216519933)</t>
  </si>
  <si>
    <t>POINT (4.651614767412457 51.78183273787615)</t>
  </si>
  <si>
    <t>POINT (4.698278841479079 51.799150459997676)</t>
  </si>
  <si>
    <t>POINT (4.711855447509221 51.80358940121206)</t>
  </si>
  <si>
    <t>POINT (4.682559269239357 51.77495831596302)</t>
  </si>
  <si>
    <t>POINT (4.714327503867265 51.80854212714225)</t>
  </si>
  <si>
    <t>POINT (4.67720036407974 51.81673899503476)</t>
  </si>
  <si>
    <t>POINT (4.653607110220105 51.80010282639892)</t>
  </si>
  <si>
    <t>POINT (4.683758752602901 51.81918357479429)</t>
  </si>
  <si>
    <t>POINT (4.661031785724467 51.79431524051466)</t>
  </si>
  <si>
    <t>POINT (4.651493736549039 51.79403077321648)</t>
  </si>
  <si>
    <t>POINT (4.661032388102021 51.78984650085639)</t>
  </si>
  <si>
    <t>POINT (4.657319306654303 51.799404149579345)</t>
  </si>
  <si>
    <t>POINT (4.663732361934137 51.79229981374084)</t>
  </si>
  <si>
    <t>POINT (4.682381322282749 51.77549451052702)</t>
  </si>
  <si>
    <t>POINT (4.655557037254156 51.79043771646666)</t>
  </si>
  <si>
    <t>POINT (4.669839573521346 51.81233900492581)</t>
  </si>
  <si>
    <t>POINT (4.707481683404038 51.7979339750039)</t>
  </si>
  <si>
    <t>POINT (4.682510966786591 51.814525671093605)</t>
  </si>
  <si>
    <t>POINT (4.705733191577963 51.81564744963228)</t>
  </si>
  <si>
    <t>POINT (4.6516252088682934 51.78144111974341)</t>
  </si>
  <si>
    <t>POINT (4.680425135194453 51.77386974229377)</t>
  </si>
  <si>
    <t>POINT (4.733457384709251 51.80163696003417)</t>
  </si>
  <si>
    <t>POINT (4.6661463382341895 51.815044919279416)</t>
  </si>
  <si>
    <t>POINT (4.682783288967488 51.77553806673407)</t>
  </si>
  <si>
    <t>POINT (4.654271247663415 51.80201353442704)</t>
  </si>
  <si>
    <t>POINT (4.706173525399913 51.796486747029505)</t>
  </si>
  <si>
    <t>POINT (4.658342141715973 51.77193279369255)</t>
  </si>
  <si>
    <t>POINT (4.655376770596434 51.79752659672576)</t>
  </si>
  <si>
    <t>POINT (4.663152186158712 51.80109141456926)</t>
  </si>
  <si>
    <t>POINT (4.65562620246381 51.78737292500561)</t>
  </si>
  <si>
    <t>POINT (4.657563019087529 51.80085550664054)</t>
  </si>
  <si>
    <t>POINT (4.6818162712555145 51.78852306153687)</t>
  </si>
  <si>
    <t>POINT (4.712355633925389 51.80330632307636)</t>
  </si>
  <si>
    <t>POINT (4.702813662670133 51.79503264992653)</t>
  </si>
  <si>
    <t>POINT (4.657716420551202 51.79642770081039)</t>
  </si>
  <si>
    <t>POINT (4.679039268948724 51.78131928319868)</t>
  </si>
  <si>
    <t>POINT (4.652374842814337 51.7920508240079)</t>
  </si>
  <si>
    <t>POINT (4.670053090497192 51.810806913662674)</t>
  </si>
  <si>
    <t>POINT (4.729095084528229 51.793109811642566)</t>
  </si>
  <si>
    <t>POINT (4.718958082230574 51.80233579984524)</t>
  </si>
  <si>
    <t>POINT (4.6685706112122505 51.80819999914818)</t>
  </si>
  <si>
    <t>POINT (4.663307155721239 51.79291672805344)</t>
  </si>
  <si>
    <t>POINT (4.720174804628118 51.805433009619364)</t>
  </si>
  <si>
    <t>POINT (4.680417356956596 51.774703281064454)</t>
  </si>
  <si>
    <t>POINT (4.665546318006371 51.78689338698435)</t>
  </si>
  <si>
    <t>POINT (4.710264333120622 51.81447117281987)</t>
  </si>
  <si>
    <t>POINT (4.680860466224332 51.77667632846497)</t>
  </si>
  <si>
    <t>POINT (4.6861577768420295 51.80462823299175)</t>
  </si>
  <si>
    <t>POINT (4.72157646033466 51.81107130791819)</t>
  </si>
  <si>
    <t>POINT (4.652376229031695 51.80314399270383)</t>
  </si>
  <si>
    <t>POINT (4.703209094306793 51.81685933823706)</t>
  </si>
  <si>
    <t>POINT (4.733406352574152 51.795819938828565)</t>
  </si>
  <si>
    <t>POINT (4.631339669512684 51.72390859943383)</t>
  </si>
  <si>
    <t>POINT (4.684633612244997 51.80503389013274)</t>
  </si>
  <si>
    <t>POINT (4.692812490181604 51.80387389729212)</t>
  </si>
  <si>
    <t>POINT (4.679381960372962 51.78531861663364)</t>
  </si>
  <si>
    <t>POINT (4.683681830501816 51.776148489480676)</t>
  </si>
  <si>
    <t>POINT (4.682261617405565 51.77381183374853)</t>
  </si>
  <si>
    <t>POINT (4.681431753231741 51.80142766335388)</t>
  </si>
  <si>
    <t>POINT (4.654339874397957 51.79358608208247)</t>
  </si>
  <si>
    <t>POINT (4.7136482156313 51.8151311641196)</t>
  </si>
  <si>
    <t>POINT (4.69691694036911 51.79138668831961)</t>
  </si>
  <si>
    <t>POINT (4.65974997436249 51.789870222707584)</t>
  </si>
  <si>
    <t>POINT (4.684513573502572 51.80354028775403)</t>
  </si>
  <si>
    <t>POINT (4.735648401938718 51.79929898745619)</t>
  </si>
  <si>
    <t>POINT (4.7128446032949185 51.80405125517503)</t>
  </si>
  <si>
    <t>POINT (4.6538119653227215 51.804040861160516)</t>
  </si>
  <si>
    <t>POINT (4.661285948741759 51.80151212250074)</t>
  </si>
  <si>
    <t>POINT (4.666850733193958 51.811866390466626)</t>
  </si>
  <si>
    <t>POINT (4.667863934501978 51.79257961813137)</t>
  </si>
  <si>
    <t>POINT (4.671762000472822 51.80290140091703)</t>
  </si>
  <si>
    <t>POINT (4.72175188513407 51.81664406805662)</t>
  </si>
  <si>
    <t>POINT (4.66033895901528 51.80422175315136)</t>
  </si>
  <si>
    <t>POINT (4.675821922870394 51.78556650814206)</t>
  </si>
  <si>
    <t>POINT (4.714036296851496 51.80923711278439)</t>
  </si>
  <si>
    <t>POINT (4.661994225208737 51.79222931603941)</t>
  </si>
  <si>
    <t>POINT (4.670885032228998 51.778994448401285)</t>
  </si>
  <si>
    <t>POINT (4.718868708920727 51.81326504623734)</t>
  </si>
  <si>
    <t>POINT (4.7269639316618 51.79975076595574)</t>
  </si>
  <si>
    <t>POINT (4.6763511252686465 51.78941561082456)</t>
  </si>
  <si>
    <t>POINT (4.68376714319022 51.801404843225384)</t>
  </si>
  <si>
    <t>POINT (4.685992650437958 51.78862199600681)</t>
  </si>
  <si>
    <t>POINT (4.657425199677119 51.80949345849129)</t>
  </si>
  <si>
    <t>POINT (4.660768929859513 51.80729841319556)</t>
  </si>
  <si>
    <t>POINT (4.643898942348504 51.76889544382061)</t>
  </si>
  <si>
    <t>POINT (4.685583965866587 51.77786175899616)</t>
  </si>
  <si>
    <t>POINT (4.677569884463258 51.805645327497295)</t>
  </si>
  <si>
    <t>POINT (4.688887749822097 51.807785412284936)</t>
  </si>
  <si>
    <t>POINT (4.657303554925529 51.79080871079054)</t>
  </si>
  <si>
    <t>POINT (4.661174153202614 51.78854180454565)</t>
  </si>
  <si>
    <t>POINT (4.732123272652068 51.80243117084736)</t>
  </si>
  <si>
    <t>POINT (4.697443342932036 51.791340158038686)</t>
  </si>
  <si>
    <t>POINT (4.693786521249788 51.793556619227346)</t>
  </si>
  <si>
    <t>POINT (4.721588192722142 51.79521102128226)</t>
  </si>
  <si>
    <t>POINT (4.720430954252149 51.80500438586567)</t>
  </si>
  <si>
    <t>POINT (4.7106619268639625 51.80502930300261)</t>
  </si>
  <si>
    <t>POINT (4.716261788616818 51.80007211814581)</t>
  </si>
  <si>
    <t>POINT (4.677041684308597 51.77698400779768)</t>
  </si>
  <si>
    <t>POINT (4.684369956845101 51.81259702081369)</t>
  </si>
  <si>
    <t>POINT (4.677686496259894 51.79066812554848)</t>
  </si>
  <si>
    <t>POINT (4.669117551391176 51.77336907441928)</t>
  </si>
  <si>
    <t>POINT (4.734533321105785 51.80206942452993)</t>
  </si>
  <si>
    <t>POINT (4.6746527707087155 51.78794446426878)</t>
  </si>
  <si>
    <t>POINT (4.678282751412593 51.78461994791585)</t>
  </si>
  <si>
    <t>POINT (4.662869712792996 51.79113799514418)</t>
  </si>
  <si>
    <t>POINT (4.71747680609884 51.81204259358672)</t>
  </si>
  <si>
    <t>POINT (4.6560652506664955 51.80265015182029)</t>
  </si>
  <si>
    <t>POINT (4.7108802167884285 51.79321838884405)</t>
  </si>
  <si>
    <t>POINT (4.676628219189847 51.77587375329906)</t>
  </si>
  <si>
    <t>POINT (4.661118808525043 51.77322810603068)</t>
  </si>
  <si>
    <t>POINT (4.7054704290929 51.81630826067317)</t>
  </si>
  <si>
    <t>POINT (4.703739135168997 51.79398360247188)</t>
  </si>
  <si>
    <t>POINT (4.686472339553499 51.7790381711877)</t>
  </si>
  <si>
    <t>POINT (4.7156108405327615 51.80325178716205)</t>
  </si>
  <si>
    <t>POINT (4.682941003575301 51.78585797578363)</t>
  </si>
  <si>
    <t>POINT (4.673305262910611 51.779738089464985)</t>
  </si>
  <si>
    <t>POINT (4.67576872030561 51.81359712726145)</t>
  </si>
  <si>
    <t>POINT (4.673515904942459 51.81197745136206)</t>
  </si>
  <si>
    <t>POINT (4.650864712431052 51.80825218765448)</t>
  </si>
  <si>
    <t>POINT (4.675286128378144 51.81761884067891)</t>
  </si>
  <si>
    <t>POINT (4.73491393118664 51.799445160613196)</t>
  </si>
  <si>
    <t>POINT (4.653684469005393 51.78518605120824)</t>
  </si>
  <si>
    <t>POINT (4.66485982845703 51.80016979465832)</t>
  </si>
  <si>
    <t>POINT (4.686744794261947 51.781404409614936)</t>
  </si>
  <si>
    <t>POINT (4.663347297452861 51.812713345813826)</t>
  </si>
  <si>
    <t>POINT (4.671970020497174 51.8123580672337)</t>
  </si>
  <si>
    <t>POINT (4.733524321480994 51.79140850231056)</t>
  </si>
  <si>
    <t>POINT (4.6851051749772195 51.775469976145)</t>
  </si>
  <si>
    <t>POINT (4.680564169908193 51.77709545771497)</t>
  </si>
  <si>
    <t>POINT (4.719904557680342 51.79535408468596)</t>
  </si>
  <si>
    <t>POINT (4.651873633863879 51.78924188343833)</t>
  </si>
  <si>
    <t>POINT (4.65430920150016 51.78116137396979)</t>
  </si>
  <si>
    <t>POINT (4.660023439797104 51.78895502501344)</t>
  </si>
  <si>
    <t>POINT (4.674550414827129 51.80817342134446)</t>
  </si>
  <si>
    <t>POINT (4.718961333358407 51.79893424431176)</t>
  </si>
  <si>
    <t>POINT (4.670537041897217 51.78986042104705)</t>
  </si>
  <si>
    <t>POINT (4.67473389783797 51.818289360819215)</t>
  </si>
  <si>
    <t>POINT (4.677503603678374 51.79000820204504)</t>
  </si>
  <si>
    <t>POINT (4.658713979263247 51.80098310699944)</t>
  </si>
  <si>
    <t>POINT (4.677823517020868 51.81675414296742)</t>
  </si>
  <si>
    <t>POINT (4.682993257139594 51.78619008009184)</t>
  </si>
  <si>
    <t>POINT (4.679583154037249 51.81439120120605)</t>
  </si>
  <si>
    <t>POINT (4.683558307201585 51.78786312913934)</t>
  </si>
  <si>
    <t>POINT (4.67146408926186 51.819068845559244)</t>
  </si>
  <si>
    <t>POINT (4.694271536041033 51.80332237607877)</t>
  </si>
  <si>
    <t>POINT (4.708416813645624 51.80368632209277)</t>
  </si>
  <si>
    <t>POINT (4.6745886060058695 51.7758474640566)</t>
  </si>
  <si>
    <t>POINT (4.70892610269225 51.799012811444925)</t>
  </si>
  <si>
    <t>POINT (4.663106498071796 51.81395817675545)</t>
  </si>
  <si>
    <t>POINT (4.670877634669297 51.77885338834839)</t>
  </si>
  <si>
    <t>POINT (4.727746389677516 51.79788734428921)</t>
  </si>
  <si>
    <t>POINT (4.727904873465292 51.80594745823501)</t>
  </si>
  <si>
    <t>POINT (4.690572834168514 51.80735907343213)</t>
  </si>
  <si>
    <t>POINT (4.6574438210516576 51.796697626145374)</t>
  </si>
  <si>
    <t>POINT (4.672730277293098 51.79297840469477)</t>
  </si>
  <si>
    <t>POINT (4.682047113525334 51.7920927789486)</t>
  </si>
  <si>
    <t>POINT (4.683614065654916 51.80074160378198)</t>
  </si>
  <si>
    <t>POINT (4.676799915650871 51.80851290980978)</t>
  </si>
  <si>
    <t>POINT (4.686472019401867 51.78060335285726)</t>
  </si>
  <si>
    <t>POINT (4.672503447657852 51.80951889136418)</t>
  </si>
  <si>
    <t>POINT (4.714596927549512 51.81611052386383)</t>
  </si>
  <si>
    <t>POINT (4.668994184754149 51.774332790277754)</t>
  </si>
  <si>
    <t>POINT (4.689875567156056 51.80627778425008)</t>
  </si>
  <si>
    <t>POINT (4.66351312778173 51.786186465588614)</t>
  </si>
  <si>
    <t>POINT (4.676858397677769 51.78993594694327)</t>
  </si>
  <si>
    <t>POINT (4.6661057777120005 51.8167873404671)</t>
  </si>
  <si>
    <t>POINT (4.676402576819871 51.78379554202196)</t>
  </si>
  <si>
    <t>POINT (4.6617830343964295 51.79920666622784)</t>
  </si>
  <si>
    <t>POINT (4.663833162718863 51.78658134946743)</t>
  </si>
  <si>
    <t>POINT (4.698499667092056 51.79318215664036)</t>
  </si>
  <si>
    <t>POINT (4.6554117865131905 51.800899331130815)</t>
  </si>
  <si>
    <t>POINT (4.718299374165641 51.8039651307086)</t>
  </si>
  <si>
    <t>POINT (4.6768964339691195 51.814667102043565)</t>
  </si>
  <si>
    <t>POINT (4.658074481150288 51.80256762620394)</t>
  </si>
  <si>
    <t>POINT (4.730148270330934 51.8007521423493)</t>
  </si>
  <si>
    <t>POINT (4.68285821315372 51.80014816661478)</t>
  </si>
  <si>
    <t>POINT (4.700630687772467 51.80496657036319)</t>
  </si>
  <si>
    <t>POINT (4.653510841050038 51.790458932214335)</t>
  </si>
  <si>
    <t>POINT (4.6706914721178885 51.781109369913736)</t>
  </si>
  <si>
    <t>POINT (4.676863337263323 51.77349090455223)</t>
  </si>
  <si>
    <t>POINT (4.717611596839609 51.81358944413192)</t>
  </si>
  <si>
    <t>POINT (4.667475415697422 51.79025898667495)</t>
  </si>
  <si>
    <t>POINT (4.729313425741885 51.79640016156861)</t>
  </si>
  <si>
    <t>POINT (4.684182457908222 51.7809620091894)</t>
  </si>
  <si>
    <t>POINT (4.729266008054889 51.797278697403854)</t>
  </si>
  <si>
    <t>POINT (4.670666956385921 51.785688812604505)</t>
  </si>
  <si>
    <t>POINT (4.726248049686348 51.7990246866749)</t>
  </si>
  <si>
    <t>POINT (4.703779941117092 51.79431178270452)</t>
  </si>
  <si>
    <t>POINT (4.66539096056855 51.79467179318731)</t>
  </si>
  <si>
    <t>POINT (4.66322736272206 51.811189150242825)</t>
  </si>
  <si>
    <t>POINT (4.699020095008078 51.79038618274467)</t>
  </si>
  <si>
    <t>POINT (4.705478339691289 51.79022879118788)</t>
  </si>
  <si>
    <t>POINT (4.65249208735218 51.78936609039537)</t>
  </si>
  <si>
    <t>POINT (4.655658228018358 51.80983355459024)</t>
  </si>
  <si>
    <t>POINT (4.6346467726266285 51.770191525570006)</t>
  </si>
  <si>
    <t>POINT (4.6531664224111084 51.78207539215287)</t>
  </si>
  <si>
    <t>POINT (4.683333298000756 51.79844970355454)</t>
  </si>
  <si>
    <t>POINT (4.653638821031477 51.79236177087325)</t>
  </si>
  <si>
    <t>POINT (4.6965276369091145 51.79627270702699)</t>
  </si>
  <si>
    <t>POINT (4.667760902629291 51.811724478753916)</t>
  </si>
  <si>
    <t>POINT (4.661008216838549 51.79468522240663)</t>
  </si>
  <si>
    <t>POINT (4.68035639207959 51.809235529954336)</t>
  </si>
  <si>
    <t>POINT (4.701167730844843 51.801809847154466)</t>
  </si>
  <si>
    <t>POINT (4.660705172650061 51.807140006311094)</t>
  </si>
  <si>
    <t>POINT (4.720756272196035 51.8049173722684)</t>
  </si>
  <si>
    <t>POINT (4.709873784201195 51.79206683364914)</t>
  </si>
  <si>
    <t>POINT (4.7247674471105645 51.79265002757565)</t>
  </si>
  <si>
    <t>POINT (4.680287554007128 51.802701032631546)</t>
  </si>
  <si>
    <t>POINT (4.691041014251215 51.80638425383177)</t>
  </si>
  <si>
    <t>POINT (4.6678502336822785 51.77606912288451)</t>
  </si>
  <si>
    <t>POINT (4.680881672362152 51.778099925104534)</t>
  </si>
  <si>
    <t>POINT (4.726992748279772 51.795985432093154)</t>
  </si>
  <si>
    <t>POINT (4.721126689009416 51.821220856124285)</t>
  </si>
  <si>
    <t>POINT (4.66169019462301 51.81620964189033)</t>
  </si>
  <si>
    <t>POINT (4.666762819452027 51.81221517779892)</t>
  </si>
  <si>
    <t>POINT (4.668224449676231 51.79366289874591)</t>
  </si>
  <si>
    <t>POINT (4.721255524678546 51.80319640083046)</t>
  </si>
  <si>
    <t>POINT (4.6553190794089625 51.80420258495116)</t>
  </si>
  <si>
    <t>POINT (4.669894296825609 51.796139474282)</t>
  </si>
  <si>
    <t>POINT (4.676476956205021 51.772369783824)</t>
  </si>
  <si>
    <t>POINT (4.657966530652356 51.77134373750141)</t>
  </si>
  <si>
    <t>POINT (4.6625343840954265 51.800873372934035)</t>
  </si>
  <si>
    <t>POINT (4.683215989693991 51.78049491264333)</t>
  </si>
  <si>
    <t>POINT (4.722619220514172 51.805814667587704)</t>
  </si>
  <si>
    <t>POINT (4.680772428147882 51.807158038804154)</t>
  </si>
  <si>
    <t>POINT (4.684279669221036 51.812674160070145)</t>
  </si>
  <si>
    <t>POINT (4.6622101565251715 51.81256821504503)</t>
  </si>
  <si>
    <t>POINT (4.660172149770975 51.78235213798738)</t>
  </si>
  <si>
    <t>POINT (4.730091211065155 51.79695547921757)</t>
  </si>
  <si>
    <t>POINT (4.660823814189429 51.797293860145)</t>
  </si>
  <si>
    <t>POINT (4.727978484324431 51.8059388022651)</t>
  </si>
  <si>
    <t>POINT (4.695958520355104 51.79513623438611)</t>
  </si>
  <si>
    <t>POINT (4.679274296724503 51.78609789806362)</t>
  </si>
  <si>
    <t>POINT (4.660173667045405 51.81079953266746)</t>
  </si>
  <si>
    <t>POINT (4.705824475653788 51.807297976002594)</t>
  </si>
  <si>
    <t>POINT (4.695466433168718 51.81625559187752)</t>
  </si>
  <si>
    <t>POINT (4.713306945087561 51.80421458348653)</t>
  </si>
  <si>
    <t>POINT (4.719090736797465 51.81323654909219)</t>
  </si>
  <si>
    <t>POINT (4.654852717822337 51.803660317295396)</t>
  </si>
  <si>
    <t>POINT (4.717301317410315 51.81548914713362)</t>
  </si>
  <si>
    <t>POINT (4.668366635760665 51.81938086882652)</t>
  </si>
  <si>
    <t>POINT (4.66615578529694 51.814883154187214)</t>
  </si>
  <si>
    <t>POINT (4.659600095720714 51.78921892420288)</t>
  </si>
  <si>
    <t>POINT (4.676941690640851 51.78615881732459)</t>
  </si>
  <si>
    <t>POINT (4.678008343658197 51.77739232607867)</t>
  </si>
  <si>
    <t>POINT (4.675461641518503 51.78321683376498)</t>
  </si>
  <si>
    <t>POINT (4.680511197222301 51.788414398600786)</t>
  </si>
  <si>
    <t>POINT (4.663669699690212 51.80161101638733)</t>
  </si>
  <si>
    <t>POINT (4.659835023957358 51.79719556401765)</t>
  </si>
  <si>
    <t>POINT (4.697735197950967 51.78969567864829)</t>
  </si>
  <si>
    <t>POINT (4.679268295010248 51.812795989230096)</t>
  </si>
  <si>
    <t>POINT (4.653077109653083 51.80217461612692)</t>
  </si>
  <si>
    <t>POINT (4.6323971558619315 51.768847829239675)</t>
  </si>
  <si>
    <t>POINT (4.7102117508974315 51.80965260635851)</t>
  </si>
  <si>
    <t>POINT (4.688275244086695 51.80798268031192)</t>
  </si>
  <si>
    <t>POINT (4.669466321663253 51.813157316845)</t>
  </si>
  <si>
    <t>POINT (4.680444738179145 51.78169804963121)</t>
  </si>
  <si>
    <t>POINT (4.714392444005227 51.80937451524274)</t>
  </si>
  <si>
    <t>POINT (4.660724622334516 51.793243674213244)</t>
  </si>
  <si>
    <t>POINT (4.681738138878464 51.810561143218756)</t>
  </si>
  <si>
    <t>POINT (4.684270286708416 51.81272902460307)</t>
  </si>
  <si>
    <t>POINT (4.668446462387724 51.81386420947621)</t>
  </si>
  <si>
    <t>POINT (4.657912401271799 51.76996359507421)</t>
  </si>
  <si>
    <t>POINT (4.719473494688138 51.80110651647338)</t>
  </si>
  <si>
    <t>POINT (4.693192418795233 51.79528431609511)</t>
  </si>
  <si>
    <t>POINT (4.714713200160447 51.804986659429524)</t>
  </si>
  <si>
    <t>POINT (4.725912525386102 51.80009130312933)</t>
  </si>
  <si>
    <t>POINT (4.7246963265798865 51.7994809177243)</t>
  </si>
  <si>
    <t>POINT (4.66999563451789 51.77816606989686)</t>
  </si>
  <si>
    <t>POINT (4.652075443721744 51.79340369089293)</t>
  </si>
  <si>
    <t>POINT (4.653599030909727 51.79681407867491)</t>
  </si>
  <si>
    <t>POINT (4.665113320306209 51.772648312597155)</t>
  </si>
  <si>
    <t>POINT (4.678593049692719 51.804741155679814)</t>
  </si>
  <si>
    <t>POINT (4.654393639917112 51.79375915394723)</t>
  </si>
  <si>
    <t>POINT (4.71546012187934 51.80322963030606)</t>
  </si>
  <si>
    <t>POINT (4.681226871194607 51.79212693759712)</t>
  </si>
  <si>
    <t>POINT (4.719845250643515 51.80479186354896)</t>
  </si>
  <si>
    <t>POINT (4.732705558854293 51.80088488722908)</t>
  </si>
  <si>
    <t>POINT (4.653730818547082 51.78555512115119)</t>
  </si>
  <si>
    <t>POINT (4.714698493908461 51.81458692090448)</t>
  </si>
  <si>
    <t>POINT (4.714481222832807 51.767075035447824)</t>
  </si>
  <si>
    <t>POINT (4.6597552659218024 51.80450660102358)</t>
  </si>
  <si>
    <t>POINT (4.669086399614673 51.790870967308116)</t>
  </si>
  <si>
    <t>POINT (4.660043317649934 51.80218163619289)</t>
  </si>
  <si>
    <t>POINT (4.712983154294986 51.8147664874244)</t>
  </si>
  <si>
    <t>POINT (4.662328187029501 51.791555222784645)</t>
  </si>
  <si>
    <t>POINT (4.703089922060035 51.78932482014968)</t>
  </si>
  <si>
    <t>POINT (4.685197598726023 51.80288310350219)</t>
  </si>
  <si>
    <t>POINT (4.662449398021492 51.808511059323756)</t>
  </si>
  <si>
    <t>POINT (4.7283205904554215 51.79991385073377)</t>
  </si>
  <si>
    <t>POINT (4.66737109235621 51.80934424991067)</t>
  </si>
  <si>
    <t>POINT (4.727685205582695 51.80341717194551)</t>
  </si>
  <si>
    <t>POINT (4.672301179410137 51.775269043508175)</t>
  </si>
  <si>
    <t>POINT (4.684631450844251 51.7780608288042)</t>
  </si>
  <si>
    <t>POINT (4.671831887409614 51.78072171753138)</t>
  </si>
  <si>
    <t>POINT (4.71976612538484 51.81347555280639)</t>
  </si>
  <si>
    <t>POINT (4.680496728551389 51.78812222389417)</t>
  </si>
  <si>
    <t>POINT (4.641934009588092 51.77592445602456)</t>
  </si>
  <si>
    <t>POINT (4.669251847464965 51.818917393332)</t>
  </si>
  <si>
    <t>POINT (4.666156041734647 51.810485642543874)</t>
  </si>
  <si>
    <t>POINT (4.678005995790706 51.78768955067664)</t>
  </si>
  <si>
    <t>POINT (4.6832942219202005 51.80260236369552)</t>
  </si>
  <si>
    <t>POINT (4.688233390629756 51.80827769068056)</t>
  </si>
  <si>
    <t>POINT (4.6772627717561335 51.81816732073844)</t>
  </si>
  <si>
    <t>POINT (4.673259719842967 51.80319922212078)</t>
  </si>
  <si>
    <t>POINT (4.665592750169429 51.80944044574154)</t>
  </si>
  <si>
    <t>POINT (4.6870625657399 51.7840891887193)</t>
  </si>
  <si>
    <t>POINT (4.682621829420519 51.80998850801679)</t>
  </si>
  <si>
    <t>POINT (4.682573197157351 51.813060524057555)</t>
  </si>
  <si>
    <t>POINT (4.668963939171225 51.8154805211054)</t>
  </si>
  <si>
    <t>POINT (4.681267282440232 51.78828743743487)</t>
  </si>
  <si>
    <t>POINT (4.6859145138563605 51.788717950569165)</t>
  </si>
  <si>
    <t>POINT (4.723805739718572 51.80640014203163)</t>
  </si>
  <si>
    <t>POINT (4.644591867369222 51.773430122695274)</t>
  </si>
  <si>
    <t>POINT (4.653918984201802 51.8017322432767)</t>
  </si>
  <si>
    <t>POINT (4.727390032394179 51.798913380973765)</t>
  </si>
  <si>
    <t>POINT (4.683562173192773 51.79803392079442)</t>
  </si>
  <si>
    <t>POINT (4.715713695249852 51.81325491925177)</t>
  </si>
  <si>
    <t>POINT (4.678032056619226 51.7846114573289)</t>
  </si>
  <si>
    <t>POINT (4.668191590351197 51.81465404710658)</t>
  </si>
  <si>
    <t>POINT (4.732915522882789 51.80464829629942)</t>
  </si>
  <si>
    <t>POINT (4.716044099739013 51.815817644630094)</t>
  </si>
  <si>
    <t>POINT (4.727249286320728 51.80402330573083)</t>
  </si>
  <si>
    <t>POINT (4.682872927664959 51.778885125490724)</t>
  </si>
  <si>
    <t>POINT (4.677514400187205 51.805687337587806)</t>
  </si>
  <si>
    <t>POINT (4.669066036105111 51.789797911046605)</t>
  </si>
  <si>
    <t>POINT (4.655375226730733 51.793899401723564)</t>
  </si>
  <si>
    <t>POINT (4.6661233360440635 51.80191254581134)</t>
  </si>
  <si>
    <t>POINT (4.660278827977221 51.80694733602512)</t>
  </si>
  <si>
    <t>POINT (4.706473265004273 51.80705526370562)</t>
  </si>
  <si>
    <t>POINT (4.662174969280211 51.79766582847987)</t>
  </si>
  <si>
    <t>POINT (4.68442633259283 51.77664273818289)</t>
  </si>
  <si>
    <t>POINT (4.722440772151835 51.797018124411835)</t>
  </si>
  <si>
    <t>POINT (4.67069370409989 51.81690855416909)</t>
  </si>
  <si>
    <t>POINT (4.680692020866885 51.774393351451515)</t>
  </si>
  <si>
    <t>POINT (4.676936855850566 51.77497612276233)</t>
  </si>
  <si>
    <t>POINT (4.664025236137925 51.795349094439175)</t>
  </si>
  <si>
    <t>POINT (4.670855724280459 51.819444626452714)</t>
  </si>
  <si>
    <t>POINT (4.6712310663214796 51.80965134941035)</t>
  </si>
  <si>
    <t>POINT (4.6630080854277045 51.81253532651196)</t>
  </si>
  <si>
    <t>POINT (4.656748003727834 51.80321531692136)</t>
  </si>
  <si>
    <t>POINT (4.7228086272713234 51.79417086888224)</t>
  </si>
  <si>
    <t>POINT (4.684141301730768 51.785383948316756)</t>
  </si>
  <si>
    <t>POINT (4.660013250809205 51.770901445973415)</t>
  </si>
  <si>
    <t>POINT (4.687947805195399 51.805731423653576)</t>
  </si>
  <si>
    <t>POINT (4.667961886439778 51.81671558512407)</t>
  </si>
  <si>
    <t>POINT (4.660117628234009 51.81023875887404)</t>
  </si>
  <si>
    <t>POINT (4.683091262310884 51.80513058564762)</t>
  </si>
  <si>
    <t>POINT (4.674384158314189 51.78845703077133)</t>
  </si>
  <si>
    <t>POINT (4.683263104175752 51.798323234178326)</t>
  </si>
  <si>
    <t>POINT (4.6732028825832 51.78327803625107)</t>
  </si>
  <si>
    <t>POINT (4.652417795291265 51.792335423973476)</t>
  </si>
  <si>
    <t>POINT (4.68122678580226 51.78915352375116)</t>
  </si>
  <si>
    <t>POINT (4.666180034117507 51.8150753642135)</t>
  </si>
  <si>
    <t>POINT (4.6616005286090205 51.805585514376965)</t>
  </si>
  <si>
    <t>POINT (4.730549593766075 51.7955437724167)</t>
  </si>
  <si>
    <t>POINT (4.681241221677643 51.809978853158604)</t>
  </si>
  <si>
    <t>POINT (4.699050477776032 51.81806746102122)</t>
  </si>
  <si>
    <t>POINT (4.716056684506038 51.80143149416512)</t>
  </si>
  <si>
    <t>POINT (4.702924212645397 51.79940629791689)</t>
  </si>
  <si>
    <t>POINT (4.677621845500546 51.79041217701627)</t>
  </si>
  <si>
    <t>POINT (4.722882057063448 51.80202609523189)</t>
  </si>
  <si>
    <t>POINT (4.664127035730902 51.8149414127104)</t>
  </si>
  <si>
    <t>POINT (4.65569796728986 51.790513866797)</t>
  </si>
  <si>
    <t>POINT (4.658491726412334 51.80375637548477)</t>
  </si>
  <si>
    <t>POINT (4.682477388193921 51.81902092327847)</t>
  </si>
  <si>
    <t>POINT (4.669063378199474 51.81249292563998)</t>
  </si>
  <si>
    <t>POINT (4.670652101777201 51.80629433688554)</t>
  </si>
  <si>
    <t>POINT (4.71700609869699 51.80498007471716)</t>
  </si>
  <si>
    <t>POINT (4.681010084113239 51.81437419675904)</t>
  </si>
  <si>
    <t>POINT (4.671786889027104 51.79286884511765)</t>
  </si>
  <si>
    <t>POINT (4.67401346526765 51.80471787738919)</t>
  </si>
  <si>
    <t>POINT (4.6728141240607375 51.804833133249865)</t>
  </si>
  <si>
    <t>POINT (4.730944825492975 51.80457778647917)</t>
  </si>
  <si>
    <t>POINT (4.671043782817255 51.81547806763607)</t>
  </si>
  <si>
    <t>POINT (4.669212540668116 51.812604246258886)</t>
  </si>
  <si>
    <t>POINT (4.7517705599399465 51.789188270460045)</t>
  </si>
  <si>
    <t>POINT (4.66584374141897 51.77165380112503)</t>
  </si>
  <si>
    <t>POINT (4.6719894973855105 51.814945062983384)</t>
  </si>
  <si>
    <t>POINT (4.717459619532886 51.79868416575757)</t>
  </si>
  <si>
    <t>POINT (4.719147359322698 51.80511459354502)</t>
  </si>
  <si>
    <t>POINT (4.66740777271898 51.77072327161246)</t>
  </si>
  <si>
    <t>POINT (4.70493860571694 51.78820332835307)</t>
  </si>
  <si>
    <t>POINT (4.662283407083091 51.793979289070776)</t>
  </si>
  <si>
    <t>POINT (4.666274853272006 51.809624771474304)</t>
  </si>
  <si>
    <t>POINT (4.669835285662419 51.81919422547603)</t>
  </si>
  <si>
    <t>POINT (4.683317375641484 51.78112463103203)</t>
  </si>
  <si>
    <t>POINT (4.722873088739189 51.79289825198878)</t>
  </si>
  <si>
    <t>POINT (4.669408214281136 51.77125202427223)</t>
  </si>
  <si>
    <t>POINT (4.717140687941184 51.80133490440678)</t>
  </si>
  <si>
    <t>POINT (4.684014335077346 51.79815885972591)</t>
  </si>
  <si>
    <t>POINT (4.641907717933219 51.769726219752954)</t>
  </si>
  <si>
    <t>POINT (4.686308235960373 51.80694366013455)</t>
  </si>
  <si>
    <t>POINT (4.669826182047311 51.817505153907724)</t>
  </si>
  <si>
    <t>POINT (4.700115050667254 51.80447616910895)</t>
  </si>
  <si>
    <t>POINT (4.673884684446389 51.78212169788552)</t>
  </si>
  <si>
    <t>POINT (4.665759388914551 51.81844080845593)</t>
  </si>
  <si>
    <t>POINT (4.661003519511512 51.81253807585135)</t>
  </si>
  <si>
    <t>POINT (4.735256349216346 51.794172359429034)</t>
  </si>
  <si>
    <t>POINT (4.652183740285847 51.80144855165904)</t>
  </si>
  <si>
    <t>POINT (4.693459702939313 51.79327745835859)</t>
  </si>
  <si>
    <t>POINT (4.685472316845861 51.78489772001395)</t>
  </si>
  <si>
    <t>POINT (4.671833357425526 51.780676522289994)</t>
  </si>
  <si>
    <t>POINT (4.659895714415759 51.80092979154583)</t>
  </si>
  <si>
    <t>POINT (4.669608085985446 51.80213280262028)</t>
  </si>
  <si>
    <t>POINT (4.686047394516237 51.80430178808045)</t>
  </si>
  <si>
    <t>POINT (4.663893206811021 51.81309036229228)</t>
  </si>
  <si>
    <t>POINT (4.684400394640086 51.78560729687496)</t>
  </si>
  <si>
    <t>POINT (4.732545717065348 51.79671679941747)</t>
  </si>
  <si>
    <t>POINT (4.703001501743133 51.81560805945266)</t>
  </si>
  <si>
    <t>POINT (4.692821749492381 51.79299119704027)</t>
  </si>
  <si>
    <t>POINT (4.688879860564523 51.807208715510306)</t>
  </si>
  <si>
    <t>POINT (4.670605132637792 51.81803623525026)</t>
  </si>
  <si>
    <t>POINT (4.674435041730393 51.80515585963851)</t>
  </si>
  <si>
    <t>POINT (4.6707724936837955 51.780199416578505)</t>
  </si>
  <si>
    <t>POINT (4.686500932380694 51.809745490546696)</t>
  </si>
  <si>
    <t>POINT (4.735014695979259 51.80132759951274)</t>
  </si>
  <si>
    <t>POINT (4.663399956928599 51.81098873360053)</t>
  </si>
  <si>
    <t>POINT (4.713453500320079 51.815511757887705)</t>
  </si>
  <si>
    <t>POINT (4.7115420757228375 51.80942426767158)</t>
  </si>
  <si>
    <t>POINT (4.6674795140159295 51.79932466016568)</t>
  </si>
  <si>
    <t>POINT (4.669169075751431 51.81504017185521)</t>
  </si>
  <si>
    <t>POINT (4.684401049961025 51.77464001185719)</t>
  </si>
  <si>
    <t>POINT (4.683901459627078 51.809867547385835)</t>
  </si>
  <si>
    <t>POINT (4.661201400053007 51.78856265619237)</t>
  </si>
  <si>
    <t>POINT (4.705273425558002 51.81585055601831)</t>
  </si>
  <si>
    <t>POINT (4.668432868972558 51.79188439579111)</t>
  </si>
  <si>
    <t>POINT (4.667904068391494 51.7893461884786)</t>
  </si>
  <si>
    <t>POINT (4.686550569157849 51.80998438203353)</t>
  </si>
  <si>
    <t>POINT (4.661788586924718 51.79714969107699)</t>
  </si>
  <si>
    <t>POINT (4.663337952797056 51.81347149236195)</t>
  </si>
  <si>
    <t>POINT (4.661486745845897 51.790363053032024)</t>
  </si>
  <si>
    <t>POINT (4.661088694825545 51.79231795236757)</t>
  </si>
  <si>
    <t>POINT (4.674939199796951 51.788489840118324)</t>
  </si>
  <si>
    <t>POINT (4.66725018841809 51.78836755927386)</t>
  </si>
  <si>
    <t>POINT (4.6713746068025 51.80533211289367)</t>
  </si>
  <si>
    <t>POINT (4.651876138472682 51.788235378705515)</t>
  </si>
  <si>
    <t>POINT (4.727428441856633 51.79813794893686)</t>
  </si>
  <si>
    <t>POINT (4.654269892648527 51.80242431852826)</t>
  </si>
  <si>
    <t>POINT (4.667517851130991 51.81369616489665)</t>
  </si>
  <si>
    <t>POINT (4.725067957040525 51.80556119763843)</t>
  </si>
  <si>
    <t>POINT (4.6802730783533155 51.800596237417366)</t>
  </si>
  <si>
    <t>POINT (4.693772906546774 51.81778071553453)</t>
  </si>
  <si>
    <t>POINT (4.682960251281547 51.77643814349543)</t>
  </si>
  <si>
    <t>POINT (4.66659293307919 51.81119070167783)</t>
  </si>
  <si>
    <t>POINT (4.686600805813972 51.80587677153196)</t>
  </si>
  <si>
    <t>POINT (4.664011089633686 51.79538062049012)</t>
  </si>
  <si>
    <t>POINT (4.662265878528565 51.81386026873454)</t>
  </si>
  <si>
    <t>POINT (4.673877214884418 51.816037826196194)</t>
  </si>
  <si>
    <t>POINT (4.683437662426717 51.78015509484735)</t>
  </si>
  <si>
    <t>POINT (4.666339295642299 51.80819167027818)</t>
  </si>
  <si>
    <t>POINT (4.728940054022183 51.79596090460034)</t>
  </si>
  <si>
    <t>POINT (4.720758244184396 51.80520091220064)</t>
  </si>
  <si>
    <t>POINT (4.682734181098821 51.814450077257234)</t>
  </si>
  <si>
    <t>POINT (4.675829666065081 51.80544408652956)</t>
  </si>
  <si>
    <t>POINT (4.6838115367006745 51.79807033705399)</t>
  </si>
  <si>
    <t>POINT (4.678946991955613 51.81367008602471)</t>
  </si>
  <si>
    <t>POINT (4.657990334364104 51.80270280561646)</t>
  </si>
  <si>
    <t>POINT (4.667822601078577 51.81398155422463)</t>
  </si>
  <si>
    <t>POINT (4.6783967033426235 51.77560063590276)</t>
  </si>
  <si>
    <t>POINT (4.70531614125985 51.80745161447992)</t>
  </si>
  <si>
    <t>POINT (4.6777574835536795 51.80325900624238)</t>
  </si>
  <si>
    <t>POINT (4.684720931481021 51.802370664800044)</t>
  </si>
  <si>
    <t>POINT (4.655857309273251 51.810784971932875)</t>
  </si>
  <si>
    <t>POINT (4.65856270759644 51.809531196577886)</t>
  </si>
  <si>
    <t>POINT (4.7300992097151555 51.792471592177954)</t>
  </si>
  <si>
    <t>POINT (4.677636645940129 51.78900483499478)</t>
  </si>
  <si>
    <t>POINT (4.6909587534242965 51.80840917230257)</t>
  </si>
  <si>
    <t>POINT (4.674444239929377 51.80488397199948)</t>
  </si>
  <si>
    <t>POINT (4.68901687868278 51.809373461822986)</t>
  </si>
  <si>
    <t>POINT (4.70003697765352 51.79604210741435)</t>
  </si>
  <si>
    <t>POINT (4.661039348738557 51.790419025666274)</t>
  </si>
  <si>
    <t>POINT (4.662836052854383 51.791188708317364)</t>
  </si>
  <si>
    <t>POINT (4.685871522632362 51.7867655572639)</t>
  </si>
  <si>
    <t>POINT (4.6695884143266015 51.77272352843535)</t>
  </si>
  <si>
    <t>POINT (4.6636232105157225 51.7938958484923)</t>
  </si>
  <si>
    <t>POINT (4.730687126960806 51.7988879575135)</t>
  </si>
  <si>
    <t>POINT (4.715789463797004 51.8134830978594)</t>
  </si>
  <si>
    <t>POINT (4.682797991237988 51.7884578330726)</t>
  </si>
  <si>
    <t>POINT (4.711607537346948 51.81641421170276)</t>
  </si>
  <si>
    <t>POINT (4.712263426823889 51.80548279865125)</t>
  </si>
  <si>
    <t>POINT (4.660660322737762 51.793137272241175)</t>
  </si>
  <si>
    <t>POINT (4.663555775217939 51.79908708861537)</t>
  </si>
  <si>
    <t>POINT (4.679151002340142 51.80730351860941)</t>
  </si>
  <si>
    <t>POINT (4.734782798557406 51.801552041905246)</t>
  </si>
  <si>
    <t>POINT (4.695171649029309 51.79495772770382)</t>
  </si>
  <si>
    <t>POINT (4.673022889914866 51.7784841985733)</t>
  </si>
  <si>
    <t>POINT (4.680447867634825 51.812367679100255)</t>
  </si>
  <si>
    <t>POINT (4.683946209366495 51.78141426146374)</t>
  </si>
  <si>
    <t>POINT (4.659756510970478 51.78992778198244)</t>
  </si>
  <si>
    <t>POINT (4.6538536416422325 51.785741020699355)</t>
  </si>
  <si>
    <t>POINT (4.672815064032232 51.7852187088309)</t>
  </si>
  <si>
    <t>POINT (4.673961189901776 51.776904434837896)</t>
  </si>
  <si>
    <t>POINT (4.686051364406319 51.78871164955587)</t>
  </si>
  <si>
    <t>POINT (4.652171008314837 51.79017289253816)</t>
  </si>
  <si>
    <t>POINT (4.683737333098444 51.79808844480127)</t>
  </si>
  <si>
    <t>POINT (4.678711365805987 51.81646124433943)</t>
  </si>
  <si>
    <t>POINT (4.712469171602724 51.81404642888508)</t>
  </si>
  <si>
    <t>POINT (4.666752174741975 51.803184227304314)</t>
  </si>
  <si>
    <t>POINT (4.701279967961931 51.78969282723449)</t>
  </si>
  <si>
    <t>POINT (4.675322502604751 51.77944287334296)</t>
  </si>
  <si>
    <t>POINT (4.669467526330885 51.814149269408844)</t>
  </si>
  <si>
    <t>POINT (4.694702293890126 51.79141560447133)</t>
  </si>
  <si>
    <t>POINT (4.662309571622175 51.79124964463072)</t>
  </si>
  <si>
    <t>POINT (4.716210013120971 51.806941512488024)</t>
  </si>
  <si>
    <t>POINT (4.6672826999998165 51.78160385613968)</t>
  </si>
  <si>
    <t>POINT (4.672252864293024 51.773432615613224)</t>
  </si>
  <si>
    <t>POINT (4.668979567535133 51.81565110491386)</t>
  </si>
  <si>
    <t>POINT (4.665493043269459 51.79993574270066)</t>
  </si>
  <si>
    <t>POINT (4.675104157452759 51.8157391413071)</t>
  </si>
  <si>
    <t>POINT (4.663050294746844 51.79192520804038)</t>
  </si>
  <si>
    <t>POINT (4.6982435701985095 51.792685961382105)</t>
  </si>
  <si>
    <t>POINT (4.66040143654593 51.81117123247518)</t>
  </si>
  <si>
    <t>POINT (4.703089428633116 51.79053882727111)</t>
  </si>
  <si>
    <t>POINT (4.693478793565881 51.79560381332958)</t>
  </si>
  <si>
    <t>POINT (4.710655282015896 51.80449415236531)</t>
  </si>
  <si>
    <t>POINT (4.689887407894211 51.80920177709929)</t>
  </si>
  <si>
    <t>POINT (4.656182699811664 51.78788141614232)</t>
  </si>
  <si>
    <t>POINT (4.676897642866486 51.77247934308097)</t>
  </si>
  <si>
    <t>POINT (4.688881889532581 51.809968076600754)</t>
  </si>
  <si>
    <t>POINT (4.673813980324148 51.803728188477955)</t>
  </si>
  <si>
    <t>POINT (4.656014354316748 51.7929538917356)</t>
  </si>
  <si>
    <t>POINT (4.66499991266587 51.778369652341304)</t>
  </si>
  <si>
    <t>POINT (4.663463612200094 51.81477970675118)</t>
  </si>
  <si>
    <t>POINT (4.721480948982795 51.81294070762718)</t>
  </si>
  <si>
    <t>POINT (4.651892679855668 51.792042283786884)</t>
  </si>
  <si>
    <t>POINT (4.674507068391844 51.783864651214735)</t>
  </si>
  <si>
    <t>POINT (4.656293147737268 51.784679083846605)</t>
  </si>
  <si>
    <t>POINT (4.6790415619052785 51.779012238967724)</t>
  </si>
  <si>
    <t>POINT (4.671931070115306 51.81959188460257)</t>
  </si>
  <si>
    <t>POINT (4.674475567767916 51.81507625834322)</t>
  </si>
  <si>
    <t>POINT (4.6516090671073815 51.78491167180507)</t>
  </si>
  <si>
    <t>POINT (4.663906483323776 51.80233173342)</t>
  </si>
  <si>
    <t>POINT (4.6661584872952995 51.810532209948626)</t>
  </si>
  <si>
    <t>POINT (4.714099899504127 51.81614725125915)</t>
  </si>
  <si>
    <t>POINT (4.658540027674294 51.78383827199984)</t>
  </si>
  <si>
    <t>POINT (4.641676710313208 51.776355916109964)</t>
  </si>
  <si>
    <t>POINT (4.659088704338136 51.80099264195272)</t>
  </si>
  <si>
    <t>POINT (4.678740857689505 51.78560755316861)</t>
  </si>
  <si>
    <t>POINT (4.7298151745262595 51.80465151596618)</t>
  </si>
  <si>
    <t>POINT (4.652440900923433 51.80038398537051)</t>
  </si>
  <si>
    <t>POINT (4.662236732472756 51.79493073329778)</t>
  </si>
  <si>
    <t>POINT (4.715843903149884 51.80144256435694)</t>
  </si>
  <si>
    <t>POINT (4.699752513172785 51.79637878340548)</t>
  </si>
  <si>
    <t>POINT (4.65518478209907 51.800062792871046)</t>
  </si>
  <si>
    <t>POINT (4.757728104060396 51.78872788318646)</t>
  </si>
  <si>
    <t>POINT (4.69261691429269 51.7956365382377)</t>
  </si>
  <si>
    <t>POINT (4.670398327224166 51.81135850078883)</t>
  </si>
  <si>
    <t>POINT (4.708416038751702 51.81050957452601)</t>
  </si>
  <si>
    <t>POINT (4.678324719615893 51.773142733072596)</t>
  </si>
  <si>
    <t>POINT (4.677239687867102 51.80490555748223)</t>
  </si>
  <si>
    <t>POINT (4.672485737340094 51.81301374200693)</t>
  </si>
  <si>
    <t>POINT (4.6555845217589535 51.80028774753587)</t>
  </si>
  <si>
    <t>POINT (4.660140689195581 51.8154784772657)</t>
  </si>
  <si>
    <t>POINT (4.660688237596254 51.79324911177958)</t>
  </si>
  <si>
    <t>POINT (4.671648493999528 51.81853699595441)</t>
  </si>
  <si>
    <t>POINT (4.663038894997423 51.80965560556982)</t>
  </si>
  <si>
    <t>POINT (4.651044613180482 51.80329298388192)</t>
  </si>
  <si>
    <t>POINT (4.683895649937244 51.78077343280325)</t>
  </si>
  <si>
    <t>POINT (4.674353195273945 51.81274745847183)</t>
  </si>
  <si>
    <t>POINT (4.6728418294810865 51.78257605838486)</t>
  </si>
  <si>
    <t>POINT (4.659800324112636 51.791096702434956)</t>
  </si>
  <si>
    <t>POINT (4.682999857904959 51.814285345555575)</t>
  </si>
  <si>
    <t>POINT (4.685797955731589 51.77541851714207)</t>
  </si>
  <si>
    <t>POINT (4.675728641449087 51.77467451829677)</t>
  </si>
  <si>
    <t>POINT (4.706881712675618 51.79446465824373)</t>
  </si>
  <si>
    <t>POINT (4.67825269132035 51.7892293129354)</t>
  </si>
  <si>
    <t>POINT (4.7197417092359935 51.80220867530719)</t>
  </si>
  <si>
    <t>POINT (4.6604629123454595 51.78942348033754)</t>
  </si>
  <si>
    <t>POINT (4.674865899663257 51.77665095934002)</t>
  </si>
  <si>
    <t>POINT (4.682904132357874 51.81806139288039)</t>
  </si>
  <si>
    <t>POINT (4.666770024958705 51.813259868208725)</t>
  </si>
  <si>
    <t>POINT (4.7070146859902975 51.79750244655892)</t>
  </si>
  <si>
    <t>POINT (4.6568015677338455 51.80267160949488)</t>
  </si>
  <si>
    <t>POINT (4.717027170484396 51.795217963824484)</t>
  </si>
  <si>
    <t>POINT (4.676838564443619 51.774701308940394)</t>
  </si>
  <si>
    <t>POINT (4.674657261456892 51.780515312263844)</t>
  </si>
  <si>
    <t>POINT (4.680056009933417 51.8101147267072)</t>
  </si>
  <si>
    <t>POINT (4.666611244612492 51.78217385095911)</t>
  </si>
  <si>
    <t>POINT (4.676717827142195 51.77440825579041)</t>
  </si>
  <si>
    <t>POINT (4.680888379854283 51.78918358533867)</t>
  </si>
  <si>
    <t>POINT (4.660732857267842 51.773424438667526)</t>
  </si>
  <si>
    <t>POINT (4.705925536156664 51.794541814375606)</t>
  </si>
  <si>
    <t>POINT (4.682030544007295 51.77368547465154)</t>
  </si>
  <si>
    <t>POINT (4.673322784107846 51.782783021069115)</t>
  </si>
  <si>
    <t>POINT (4.678640529242313 51.77341665779013)</t>
  </si>
  <si>
    <t>POINT (4.659153328317815 51.79643969157106)</t>
  </si>
  <si>
    <t>POINT (4.668358662007865 51.778674805194726)</t>
  </si>
  <si>
    <t>POINT (4.707896595214423 51.80920712500652)</t>
  </si>
  <si>
    <t>POINT (4.666737494552797 51.7963306733004)</t>
  </si>
  <si>
    <t>POINT (4.666530129614843 51.789301666319766)</t>
  </si>
  <si>
    <t>POINT (4.680437421960668 51.79866114666799)</t>
  </si>
  <si>
    <t>POINT (4.683392579652964 51.79796087728082)</t>
  </si>
  <si>
    <t>POINT (4.703101903207067 51.78949438941028)</t>
  </si>
  <si>
    <t>POINT (4.725247699105789 51.80369785119159)</t>
  </si>
  <si>
    <t>POINT (4.676829713967738 51.77473243716506)</t>
  </si>
  <si>
    <t>POINT (4.6855638716917545 51.80286409002701)</t>
  </si>
  <si>
    <t>POINT (4.703822670681893 51.8158966334408)</t>
  </si>
  <si>
    <t>POINT (4.716103923979893 51.81605633834709)</t>
  </si>
  <si>
    <t>POINT (4.669023370919207 51.790797521323114)</t>
  </si>
  <si>
    <t>POINT (4.656306487836825 51.79883951138083)</t>
  </si>
  <si>
    <t>POINT (4.68125207852504 51.807641450813286)</t>
  </si>
  <si>
    <t>POINT (4.712588038346483 51.810658709300874)</t>
  </si>
  <si>
    <t>POINT (4.715789039720558 51.808726217538435)</t>
  </si>
  <si>
    <t>POINT (4.65618488309821 51.7876491614038)</t>
  </si>
  <si>
    <t>POINT (4.670376994483045 51.789682428742736)</t>
  </si>
  <si>
    <t>POINT (4.734542028750464 51.800279476135614)</t>
  </si>
  <si>
    <t>POINT (4.65263321237262 51.78290792431303)</t>
  </si>
  <si>
    <t>POINT (4.684147149151169 51.803727663898876)</t>
  </si>
  <si>
    <t>POINT (4.681999009144931 51.802427423956125)</t>
  </si>
  <si>
    <t>POINT (4.722595875373385 51.7972560966988)</t>
  </si>
  <si>
    <t>POINT (4.669690699140878 51.80555646868847)</t>
  </si>
  <si>
    <t>POINT (4.712010288746616 51.79510434600397)</t>
  </si>
  <si>
    <t>POINT (4.677142816350495 51.81448210515074)</t>
  </si>
  <si>
    <t>POINT (4.673480711190389 51.81092384566865)</t>
  </si>
  <si>
    <t>POINT (4.727664734528363 51.79881982561075)</t>
  </si>
  <si>
    <t>POINT (4.715232190400921 51.805764157316474)</t>
  </si>
  <si>
    <t>POINT (4.6612300786929 51.804446998548826)</t>
  </si>
  <si>
    <t>POINT (4.631006599972989 51.724424582946945)</t>
  </si>
  <si>
    <t>POINT (4.668866731006647 51.79500822519977)</t>
  </si>
  <si>
    <t>POINT (4.672979512176452 51.78825694693299)</t>
  </si>
  <si>
    <t>POINT (4.663025229983747 51.79382520197785)</t>
  </si>
  <si>
    <t>POINT (4.731665711002213 51.79528128043524)</t>
  </si>
  <si>
    <t>POINT (4.677960479350193 51.817237563133524)</t>
  </si>
  <si>
    <t>POINT (4.679359585343465 51.78515309860088)</t>
  </si>
  <si>
    <t>POINT (4.6855255214648395 51.784587308212934)</t>
  </si>
  <si>
    <t>POINT (4.652547775643871 51.80182788965423)</t>
  </si>
  <si>
    <t>POINT (4.727074788998496 51.8036737357945)</t>
  </si>
  <si>
    <t>POINT (4.703485839393526 51.790393849904895)</t>
  </si>
  <si>
    <t>POINT (4.732181589362337 51.795000695868765)</t>
  </si>
  <si>
    <t>POINT (4.65326083731596 51.80071075102352)</t>
  </si>
  <si>
    <t>POINT (4.650383915793591 51.79262484993298)</t>
  </si>
  <si>
    <t>POINT (4.666244249836077 51.787358331711)</t>
  </si>
  <si>
    <t>POINT (4.667942241097895 51.81482264778623)</t>
  </si>
  <si>
    <t>POINT (4.656004243277839 51.78966243295032)</t>
  </si>
  <si>
    <t>POINT (4.732451554392477 51.802561585580825)</t>
  </si>
  <si>
    <t>POINT (4.721494911551038 51.79825100177918)</t>
  </si>
  <si>
    <t>POINT (4.6896043455043275 51.806653794970885)</t>
  </si>
  <si>
    <t>POINT (4.66374816670153 51.81241287228119)</t>
  </si>
  <si>
    <t>POINT (4.659720962131311 51.81270773948119)</t>
  </si>
  <si>
    <t>POINT (4.668172487149217 51.79234573611663)</t>
  </si>
  <si>
    <t>POINT (4.663864911413812 51.797343902548754)</t>
  </si>
  <si>
    <t>POINT (4.6647573255863595 51.81786420513447)</t>
  </si>
  <si>
    <t>Muys van Holygang</t>
  </si>
  <si>
    <t>POINT (4.664431220888382 51.80973502039904)</t>
  </si>
  <si>
    <t>POINT (4.681018223034363 51.79874312407568)</t>
  </si>
  <si>
    <t>POINT (4.654124307030098 51.790966297030224)</t>
  </si>
  <si>
    <t>POINT (4.659341653050745 51.78944221843445)</t>
  </si>
  <si>
    <t>POINT (4.696310662805183 51.7993981020801)</t>
  </si>
  <si>
    <t>POINT (4.663311122816139 51.801529937866434)</t>
  </si>
  <si>
    <t>POINT (4.6697132019585865 51.80126784387476)</t>
  </si>
  <si>
    <t>POINT (4.732198254413702 51.79571388493504)</t>
  </si>
  <si>
    <t>POINT (4.683490251219693 51.798018217668904)</t>
  </si>
  <si>
    <t>POINT (4.7352481502996016 51.80237837385286)</t>
  </si>
  <si>
    <t>POINT (4.667792165454802 51.7946585063737)</t>
  </si>
  <si>
    <t>POINT (4.697474956304213 51.80058372585494)</t>
  </si>
  <si>
    <t>POINT (4.666093628760293 51.79994850505592)</t>
  </si>
  <si>
    <t>POINT (4.670700017895714 51.77707630503182)</t>
  </si>
  <si>
    <t>POINT (4.6764396710209155 51.81492961012526)</t>
  </si>
  <si>
    <t>POINT (4.721679310474491 51.794343800698876)</t>
  </si>
  <si>
    <t>POINT (4.682568146527492 51.77566400947724)</t>
  </si>
  <si>
    <t>POINT (4.665496815428461 51.81203851044507)</t>
  </si>
  <si>
    <t>POINT (4.731406784417662 51.80360670231041)</t>
  </si>
  <si>
    <t>POINT (4.717070870219713 51.800423173500064)</t>
  </si>
  <si>
    <t>POINT (4.728855075022638 51.79945519431728)</t>
  </si>
  <si>
    <t>POINT (4.670604337714176 51.78537903893036)</t>
  </si>
  <si>
    <t>POINT (4.65663347154886 51.79086413484871)</t>
  </si>
  <si>
    <t>POINT (4.674773870218954 51.771973034780814)</t>
  </si>
  <si>
    <t>POINT (4.631071404512275 51.77919011169305)</t>
  </si>
  <si>
    <t>POINT (4.664513219714524 51.7957820218428)</t>
  </si>
  <si>
    <t>POINT (4.716623967793173 51.79526897166081)</t>
  </si>
  <si>
    <t>POINT (4.630176709291046 51.72204209210579)</t>
  </si>
  <si>
    <t>POINT (4.672299996915171 51.78803681832829)</t>
  </si>
  <si>
    <t>POINT (4.702593149000693 51.7991061587901)</t>
  </si>
  <si>
    <t>POINT (4.715141188349301 51.81496491219843)</t>
  </si>
  <si>
    <t>POINT (4.689198483064824 51.80949829808981)</t>
  </si>
  <si>
    <t>POINT (4.6786811023805575 51.77350968435677)</t>
  </si>
  <si>
    <t>POINT (4.6933819087385 51.8182149564728)</t>
  </si>
  <si>
    <t>POINT (4.711193799676242 51.806521347026255)</t>
  </si>
  <si>
    <t>POINT (4.679469212733533 51.77932333939904)</t>
  </si>
  <si>
    <t>POINT (4.682414098680134 51.799509955206275)</t>
  </si>
  <si>
    <t>POINT (4.671976205253606 51.81149467084226)</t>
  </si>
  <si>
    <t>POINT (4.652101097062411 51.794289922743374)</t>
  </si>
  <si>
    <t>POINT (4.706438191390105 51.79518805495906)</t>
  </si>
  <si>
    <t>POINT (4.674368933843703 51.785017223978954)</t>
  </si>
  <si>
    <t>POINT (4.714114576951735 51.807968104686275)</t>
  </si>
  <si>
    <t>POINT (4.663982424438084 51.79535386420602)</t>
  </si>
  <si>
    <t>POINT (4.6548079542794225 51.79291847449147)</t>
  </si>
  <si>
    <t>POINT (4.7016965225022 51.80016969357913)</t>
  </si>
  <si>
    <t>POINT (4.674545584668057 51.78912194363705)</t>
  </si>
  <si>
    <t>POINT (4.669549158267379 51.77690393946279)</t>
  </si>
  <si>
    <t>POINT (4.667982685467496 51.77430615140744)</t>
  </si>
  <si>
    <t>POINT (4.677410767606344 51.80671192317322)</t>
  </si>
  <si>
    <t>POINT (4.67612739197018 51.804305317728264)</t>
  </si>
  <si>
    <t>POINT (4.711908123896231 51.80521500503935)</t>
  </si>
  <si>
    <t>POINT (4.659554354447783 51.80374157702342)</t>
  </si>
  <si>
    <t>POINT (4.672841360251684 51.81479268904707)</t>
  </si>
  <si>
    <t>POINT (4.732283114875989 51.79646082046711)</t>
  </si>
  <si>
    <t>POINT (4.709148756196627 51.78687184289467)</t>
  </si>
  <si>
    <t>POINT (4.659213187757374 51.80987169837541)</t>
  </si>
  <si>
    <t>POINT (4.711617836368221 51.79527641283992)</t>
  </si>
  <si>
    <t>POINT (4.677224315888676 51.780400803156226)</t>
  </si>
  <si>
    <t>POINT (4.673842024455053 51.81224563378832)</t>
  </si>
  <si>
    <t>POINT (4.697040891953873 51.81795441263562)</t>
  </si>
  <si>
    <t>POINT (4.661010809717991 51.79402711265583)</t>
  </si>
  <si>
    <t>POINT (4.661493864296229 51.79888958145257)</t>
  </si>
  <si>
    <t>POINT (4.716279555497416 51.806308021971624)</t>
  </si>
  <si>
    <t>POINT (4.702022642189463 51.79699428566575)</t>
  </si>
  <si>
    <t>POINT (4.6536743538150205 51.793014034084806)</t>
  </si>
  <si>
    <t>POINT (4.679871569488171 51.805104659475624)</t>
  </si>
  <si>
    <t>POINT (4.678745588796079 51.80837061585604)</t>
  </si>
  <si>
    <t>POINT (4.684116443563426 51.788056280826815)</t>
  </si>
  <si>
    <t>POINT (4.658976236314537 51.7963822423122)</t>
  </si>
  <si>
    <t>POINT (4.684170054705914 51.804772302839396)</t>
  </si>
  <si>
    <t>POINT (4.649971501816557 51.79331420110162)</t>
  </si>
  <si>
    <t>POINT (4.674219735399566 51.8036328219083)</t>
  </si>
  <si>
    <t>POINT (4.6852295217457725 51.78259820017901)</t>
  </si>
  <si>
    <t>POINT (4.6667574293571015 51.81797028799263)</t>
  </si>
  <si>
    <t>POINT (4.6825559461714485 51.77563615209759)</t>
  </si>
  <si>
    <t>POINT (4.6561666582004655 51.79717322241203)</t>
  </si>
  <si>
    <t>POINT (4.701243280382439 51.79615147554887)</t>
  </si>
  <si>
    <t>POINT (4.660558838296842 51.80427851234122)</t>
  </si>
  <si>
    <t>POINT (4.67849039849547 51.78954212654547)</t>
  </si>
  <si>
    <t>POINT (4.654836359412905 51.79899736294481)</t>
  </si>
  <si>
    <t>POINT (4.733535929535979 51.79769306658483)</t>
  </si>
  <si>
    <t>POINT (4.686103361025505 51.806734069913425)</t>
  </si>
  <si>
    <t>POINT (4.712407274595248 51.80558953021635)</t>
  </si>
  <si>
    <t>POINT (4.718860185075929 51.80237808215467)</t>
  </si>
  <si>
    <t>POINT (4.662904091011416 51.79362911169682)</t>
  </si>
  <si>
    <t>POINT (4.678703753927076 51.78627772398105)</t>
  </si>
  <si>
    <t>POINT (4.670232717089511 51.7965108343275)</t>
  </si>
  <si>
    <t>POINT (4.669082756549108 51.80083831864532)</t>
  </si>
  <si>
    <t>POINT (4.66564127656303 51.79605397889565)</t>
  </si>
  <si>
    <t>POINT (4.674334731694631 51.78943041297902)</t>
  </si>
  <si>
    <t>POINT (4.680107915642809 51.789852343323474)</t>
  </si>
  <si>
    <t>POINT (4.671434934455023 51.815429883674206)</t>
  </si>
  <si>
    <t>POINT (4.682001493198974 51.81836865213615)</t>
  </si>
  <si>
    <t>POINT (4.675837422797794 51.77492779683539)</t>
  </si>
  <si>
    <t>POINT (4.644151528627535 51.764415903570985)</t>
  </si>
  <si>
    <t>3313HA</t>
  </si>
  <si>
    <t>Werf van Hippos</t>
  </si>
  <si>
    <t>POINT (4.686180962515701 51.81702807129386)</t>
  </si>
  <si>
    <t>POINT (4.6855683927855845 51.78545866768841)</t>
  </si>
  <si>
    <t>POINT (4.713677573794486 51.80580172464452)</t>
  </si>
  <si>
    <t>POINT (4.708050487017044 51.8086278614538)</t>
  </si>
  <si>
    <t>POINT (4.683308829942869 51.80518147250813)</t>
  </si>
  <si>
    <t>POINT (4.668878453204081 51.80029099619087)</t>
  </si>
  <si>
    <t>POINT (4.696953005396619 51.797785936017235)</t>
  </si>
  <si>
    <t>POINT (4.660037889360338 51.80945991642158)</t>
  </si>
  <si>
    <t>POINT (4.654352672574403 51.791454525479935)</t>
  </si>
  <si>
    <t>POINT (4.665863832588285 51.818584792800515)</t>
  </si>
  <si>
    <t>POINT (4.6661098135077665 51.79598366463911)</t>
  </si>
  <si>
    <t>POINT (4.690002172595566 51.818973965232786)</t>
  </si>
  <si>
    <t>POINT (4.6704506769569045 51.81774292660232)</t>
  </si>
  <si>
    <t>POINT (4.677533120403416 51.780711056334816)</t>
  </si>
  <si>
    <t>POINT (4.712415821433333 51.796101409027656)</t>
  </si>
  <si>
    <t>POINT (4.66012711523946 51.78836426453623)</t>
  </si>
  <si>
    <t>POINT (4.66845047031406 51.79195146044431)</t>
  </si>
  <si>
    <t>POINT (4.654058341544779 51.791852809908605)</t>
  </si>
  <si>
    <t>POINT (4.667772228620227 51.7758921510063)</t>
  </si>
  <si>
    <t>POINT (4.676641478882721 51.775904044678676)</t>
  </si>
  <si>
    <t>POINT (4.667773770745585 51.798871214599195)</t>
  </si>
  <si>
    <t>POINT (4.644128892715961 51.74456365933904)</t>
  </si>
  <si>
    <t>POINT (4.685337013581112 51.79208097531603)</t>
  </si>
  <si>
    <t>POINT (4.674372309790147 51.772728289333244)</t>
  </si>
  <si>
    <t>POINT (4.662369640696113 51.80039984661424)</t>
  </si>
  <si>
    <t>POINT (4.6635571557790545 51.78703609818922)</t>
  </si>
  <si>
    <t>POINT (4.702573450961892 51.78959757963903)</t>
  </si>
  <si>
    <t>POINT (4.654349403233404 51.791844048807704)</t>
  </si>
  <si>
    <t>POINT (4.65962060757589 51.804795282910796)</t>
  </si>
  <si>
    <t>POINT (4.686721584892564 51.81576079752374)</t>
  </si>
  <si>
    <t>POINT (4.686030929777744 51.8083400917475)</t>
  </si>
  <si>
    <t>POINT (4.680382892039665 51.77732691215239)</t>
  </si>
  <si>
    <t>POINT (4.651684427564206 51.78446020949999)</t>
  </si>
  <si>
    <t>POINT (4.710818026994569 51.80565768255669)</t>
  </si>
  <si>
    <t>POINT (4.669888699835695 51.79526351888108)</t>
  </si>
  <si>
    <t>POINT (4.662456414612203 51.788684860785274)</t>
  </si>
  <si>
    <t>POINT (4.6603634153092806 51.805743186766115)</t>
  </si>
  <si>
    <t>POINT (4.662683121577089 51.802814536800135)</t>
  </si>
  <si>
    <t>POINT (4.680491731907457 51.802627467799)</t>
  </si>
  <si>
    <t>POINT (4.675943043773203 51.785380700150746)</t>
  </si>
  <si>
    <t>POINT (4.6648040941482005 51.817888079300836)</t>
  </si>
  <si>
    <t>POINT (4.693551205680327 51.79575635679956)</t>
  </si>
  <si>
    <t>POINT (4.697455041474437 51.817704167479505)</t>
  </si>
  <si>
    <t>POINT (4.667997581094731 51.794308110051595)</t>
  </si>
  <si>
    <t>POINT (4.65237868609354 51.78896543622555)</t>
  </si>
  <si>
    <t>POINT (4.666450713134094 51.81676435399405)</t>
  </si>
  <si>
    <t>POINT (4.685086018141953 51.7770283672727)</t>
  </si>
  <si>
    <t>POINT (4.688702843561191 51.80759528014015)</t>
  </si>
  <si>
    <t>POINT (4.6810954016459565 51.80877216378837)</t>
  </si>
  <si>
    <t>POINT (4.655261621006565 51.791935828717996)</t>
  </si>
  <si>
    <t>POINT (4.670424048684142 51.78059341113967)</t>
  </si>
  <si>
    <t>POINT (4.69796821752497 51.79661357973788)</t>
  </si>
  <si>
    <t>POINT (4.662811069735691 51.793249187191925)</t>
  </si>
  <si>
    <t>POINT (4.666765114066063 51.816641845235885)</t>
  </si>
  <si>
    <t>POINT (4.6651765578909234 51.8020819040547)</t>
  </si>
  <si>
    <t>POINT (4.667927995234306 51.79411569388002)</t>
  </si>
  <si>
    <t>POINT (4.651706455600314 51.790530158650995)</t>
  </si>
  <si>
    <t>POINT (4.706981717132462 51.79503783395492)</t>
  </si>
  <si>
    <t>POINT (4.664602305165168 51.79302170965665)</t>
  </si>
  <si>
    <t>POINT (4.676557208072116 51.812824088132594)</t>
  </si>
  <si>
    <t>POINT (4.667288463249561 51.78170224597452)</t>
  </si>
  <si>
    <t>POINT (4.652438308887096 51.79051351346973)</t>
  </si>
  <si>
    <t>POINT (4.658871728632576 51.80108936195682)</t>
  </si>
  <si>
    <t>POINT (4.7136121208879445 51.81605214837377)</t>
  </si>
  <si>
    <t>POINT (4.673575228362368 51.77512992695373)</t>
  </si>
  <si>
    <t>POINT (4.689243368697633 51.80814615775486)</t>
  </si>
  <si>
    <t>POINT (4.665156710125705 51.803745390620314)</t>
  </si>
  <si>
    <t>POINT (4.686479110587151 51.8096837699132)</t>
  </si>
  <si>
    <t>POINT (4.726442462289153 51.79759159851577)</t>
  </si>
  <si>
    <t>POINT (4.681414152078617 51.80106543960854)</t>
  </si>
  <si>
    <t>POINT (4.674544831208109 51.81811940576855)</t>
  </si>
  <si>
    <t>POINT (4.714286148229511 51.81468680303462)</t>
  </si>
  <si>
    <t>POINT (4.6433686220867925 51.769258938852055)</t>
  </si>
  <si>
    <t>POINT (4.661649797364803 51.81578020070804)</t>
  </si>
  <si>
    <t>POINT (4.670734705254404 51.81410520183856)</t>
  </si>
  <si>
    <t>POINT (4.730281948069935 51.7985319956179)</t>
  </si>
  <si>
    <t>POINT (4.678525545652154 51.78627939804111)</t>
  </si>
  <si>
    <t>POINT (4.7306303481740075 51.79727005285786)</t>
  </si>
  <si>
    <t>POINT (4.725232232908285 51.796257512964466)</t>
  </si>
  <si>
    <t>POINT (4.720209835220673 51.79807850998235)</t>
  </si>
  <si>
    <t>POINT (4.649763013120998 51.792086785279615)</t>
  </si>
  <si>
    <t>POINT (4.671085518517974 51.799255390949085)</t>
  </si>
  <si>
    <t>POINT (4.7157524176088375 51.80256647591757)</t>
  </si>
  <si>
    <t>POINT (4.6790956658667815 51.78812407606716)</t>
  </si>
  <si>
    <t>POINT (4.670928963740183 51.8168125800285)</t>
  </si>
  <si>
    <t>POINT (4.681929224091321 51.81102449806581)</t>
  </si>
  <si>
    <t>POINT (4.667904282396783 51.791298256861914)</t>
  </si>
  <si>
    <t>POINT (4.6821965646334265 51.798758480083464)</t>
  </si>
  <si>
    <t>POINT (4.7329189368368105 51.79941905071772)</t>
  </si>
  <si>
    <t>POINT (4.6804607232661555 51.81638683120314)</t>
  </si>
  <si>
    <t>POINT (4.6790114160969765 51.79986325144187)</t>
  </si>
  <si>
    <t>POINT (4.653466645506721 51.79045809849616)</t>
  </si>
  <si>
    <t>POINT (4.699672051944937 51.79907540621834)</t>
  </si>
  <si>
    <t>POINT (4.726763650780134 51.80084746659812)</t>
  </si>
  <si>
    <t>POINT (4.653107925747478 51.792342252343424)</t>
  </si>
  <si>
    <t>POINT (4.668580793753492 51.7949735934473)</t>
  </si>
  <si>
    <t>POINT (4.733066988751741 51.79942985360506)</t>
  </si>
  <si>
    <t>POINT (4.651216246672882 51.79047472493977)</t>
  </si>
  <si>
    <t>POINT (4.6673290336387305 51.77547432371872)</t>
  </si>
  <si>
    <t>POINT (4.675946528196662 51.7857922149047)</t>
  </si>
  <si>
    <t>POINT (4.657371243278959 51.78151546720023)</t>
  </si>
  <si>
    <t>POINT (4.666825520839537 51.817634673430454)</t>
  </si>
  <si>
    <t>POINT (4.686809213686063 51.806148197070485)</t>
  </si>
  <si>
    <t>POINT (4.656413727697041 51.804503985240764)</t>
  </si>
  <si>
    <t>POINT (4.7212144262737015 51.79942581730001)</t>
  </si>
  <si>
    <t>POINT (4.6678542116637765 51.79109675578473)</t>
  </si>
  <si>
    <t>POINT (4.680607582270505 51.78544365880764)</t>
  </si>
  <si>
    <t>POINT (4.676109718394134 51.77495974003009)</t>
  </si>
  <si>
    <t>POINT (4.715692027616805 51.80317138993959)</t>
  </si>
  <si>
    <t>POINT (4.683149441765069 51.77518097784531)</t>
  </si>
  <si>
    <t>POINT (4.734087525983537 51.79932203025529)</t>
  </si>
  <si>
    <t>POINT (4.659345941564547 51.79942883836371)</t>
  </si>
  <si>
    <t>POINT (4.69154063122311 51.81882452551032)</t>
  </si>
  <si>
    <t>POINT (4.724700416889648 51.804334780607164)</t>
  </si>
  <si>
    <t>POINT (4.671694287268443 51.77872294912146)</t>
  </si>
  <si>
    <t>POINT (4.676068485684928 51.785133084971456)</t>
  </si>
  <si>
    <t>POINT (4.685428702520043 51.80462116924145)</t>
  </si>
  <si>
    <t>POINT (4.721352695996726 51.81336673334192)</t>
  </si>
  <si>
    <t>POINT (4.729300212272802 51.79662825521882)</t>
  </si>
  <si>
    <t>POINT (4.706336630046451 51.815798824207825)</t>
  </si>
  <si>
    <t>POINT (4.656833055791333 51.79976490533795)</t>
  </si>
  <si>
    <t>POINT (4.69902047981343 51.79535619250902)</t>
  </si>
  <si>
    <t>POINT (4.733203898273835 51.797735494322865)</t>
  </si>
  <si>
    <t>POINT (4.726636375736388 51.79686389104921)</t>
  </si>
  <si>
    <t>POINT (4.674096620303631 51.784723130450786)</t>
  </si>
  <si>
    <t>POINT (4.654888240373842 51.767209046695356)</t>
  </si>
  <si>
    <t>POINT (4.698785469263565 51.7968643438332)</t>
  </si>
  <si>
    <t>POINT (4.673434608607654 51.80840585521396)</t>
  </si>
  <si>
    <t>POINT (4.668403451349058 51.78123422849937)</t>
  </si>
  <si>
    <t>POINT (4.733964044242154 51.79228523217278)</t>
  </si>
  <si>
    <t>POINT (4.684587508386563 51.80064295272423)</t>
  </si>
  <si>
    <t>POINT (4.67398378386131 51.78281013404947)</t>
  </si>
  <si>
    <t>POINT (4.683222452715421 51.79833445083598)</t>
  </si>
  <si>
    <t>POINT (4.665376255338014 51.7981625527785)</t>
  </si>
  <si>
    <t>POINT (4.6679890698151505 51.79427369408853)</t>
  </si>
  <si>
    <t>POINT (4.68672188108605 51.81547572399718)</t>
  </si>
  <si>
    <t>POINT (4.652072072740099 51.78773525209372)</t>
  </si>
  <si>
    <t>POINT (4.65542467727014 51.804455439427834)</t>
  </si>
  <si>
    <t>POINT (4.708990480151527 51.80733539109202)</t>
  </si>
  <si>
    <t>POINT (4.708465512256726 51.79650740851474)</t>
  </si>
  <si>
    <t>POINT (4.672723327570547 51.773769718946895)</t>
  </si>
  <si>
    <t>POINT (4.748909171526966 51.81415302123616)</t>
  </si>
  <si>
    <t>POINT (4.71715526884332 51.8022339693446)</t>
  </si>
  <si>
    <t>POINT (4.653721047045359 51.79930954863613)</t>
  </si>
  <si>
    <t>POINT (4.65865039006397 51.804512914414374)</t>
  </si>
  <si>
    <t>POINT (4.68291371830265 51.80476931705664)</t>
  </si>
  <si>
    <t>POINT (4.655565793183192 51.789173850381395)</t>
  </si>
  <si>
    <t>POINT (4.708454345163359 51.80674243802238)</t>
  </si>
  <si>
    <t>POINT (4.6781816722963026 51.77253827652485)</t>
  </si>
  <si>
    <t>POINT (4.663247466773839 51.79064030331884)</t>
  </si>
  <si>
    <t>POINT (4.714985669008234 51.81522612113883)</t>
  </si>
  <si>
    <t>POINT (4.685943602470758 51.809830376077336)</t>
  </si>
  <si>
    <t>POINT (4.660733511965063 51.79574573451263)</t>
  </si>
  <si>
    <t>POINT (4.6599468905360935 51.78872334290616)</t>
  </si>
  <si>
    <t>POINT (4.659226364665397 51.812624771937315)</t>
  </si>
  <si>
    <t>POINT (4.688792864793678 51.8079639017869)</t>
  </si>
  <si>
    <t>POINT (4.660709030053941 51.8033302454143)</t>
  </si>
  <si>
    <t>POINT (4.71431298723793 51.80576314143875)</t>
  </si>
  <si>
    <t>POINT (4.7281145349793885 51.80543778491913)</t>
  </si>
  <si>
    <t>POINT (4.672583863405682 51.81451019841583)</t>
  </si>
  <si>
    <t>POINT (4.7289212472877304 51.79943297713624)</t>
  </si>
  <si>
    <t>POINT (4.701073737292952 51.796433959738785)</t>
  </si>
  <si>
    <t>POINT (4.666222331417002 51.78697309390928)</t>
  </si>
  <si>
    <t>POINT (4.671590157542028 51.79646255607311)</t>
  </si>
  <si>
    <t>POINT (4.69898590498033 51.795314462044026)</t>
  </si>
  <si>
    <t>POINT (4.6594846480499035 51.81068024261308)</t>
  </si>
  <si>
    <t>POINT (4.660425073538731 51.79162118241725)</t>
  </si>
  <si>
    <t>POINT (4.6514711699979046 51.78919198045486)</t>
  </si>
  <si>
    <t>POINT (4.666713146867169 51.801580432530564)</t>
  </si>
  <si>
    <t>POINT (4.734263719429693 51.80311718581875)</t>
  </si>
  <si>
    <t>POINT (4.715360572016091 51.80973672225007)</t>
  </si>
  <si>
    <t>POINT (4.656618949732335 51.810556630520935)</t>
  </si>
  <si>
    <t>POINT (4.7188689542869415 51.80210332221829)</t>
  </si>
  <si>
    <t>POINT (4.713613579250256 51.814951866734376)</t>
  </si>
  <si>
    <t>POINT (4.675991230886538 51.806878517212745)</t>
  </si>
  <si>
    <t>POINT (4.651717959412725 51.78874960230003)</t>
  </si>
  <si>
    <t>POINT (4.675787514896552 51.77406675324101)</t>
  </si>
  <si>
    <t>POINT (4.6594799899861155 51.79925523519559)</t>
  </si>
  <si>
    <t>POINT (4.66628902456132 51.81579528063342)</t>
  </si>
  <si>
    <t>POINT (4.632293574113958 51.768850901818375)</t>
  </si>
  <si>
    <t>POINT (4.679758421644182 51.80762468910907)</t>
  </si>
  <si>
    <t>POINT (4.715323559472049 51.80982472486701)</t>
  </si>
  <si>
    <t>POINT (4.696494924446395 51.81753665331655)</t>
  </si>
  <si>
    <t>POINT (4.7241104016521716 51.79744980522936)</t>
  </si>
  <si>
    <t>POINT (4.662463332690296 51.816479710742435)</t>
  </si>
  <si>
    <t>POINT (4.722896776994521 51.80217149796798)</t>
  </si>
  <si>
    <t>POINT (4.680937032736086 51.77666338739136)</t>
  </si>
  <si>
    <t>POINT (4.714628892456772 51.81450845573217)</t>
  </si>
  <si>
    <t>POINT (4.715118513348148 51.80511329459504)</t>
  </si>
  <si>
    <t>POINT (4.707118653103929 51.79010391324691)</t>
  </si>
  <si>
    <t>POINT (4.656803346948949 51.81015832105791)</t>
  </si>
  <si>
    <t>POINT (4.679527858785357 51.80987314533904)</t>
  </si>
  <si>
    <t>POINT (4.685947070363257 51.80840462363513)</t>
  </si>
  <si>
    <t>POINT (4.727801585259723 51.79797028711177)</t>
  </si>
  <si>
    <t>POINT (4.628525270132247 51.72258002561493)</t>
  </si>
  <si>
    <t>POINT (4.668035651842652 51.778365105522724)</t>
  </si>
  <si>
    <t>POINT (4.670687988640708 51.81634380605014)</t>
  </si>
  <si>
    <t>POINT (4.683796412445353 51.803385942793255)</t>
  </si>
  <si>
    <t>POINT (4.666640862332339 51.78929105672576)</t>
  </si>
  <si>
    <t>POINT (4.735210183292488 51.801754252829255)</t>
  </si>
  <si>
    <t>POINT (4.666628678889387 51.8125154659498)</t>
  </si>
  <si>
    <t>POINT (4.732452005783437 51.80288102621984)</t>
  </si>
  <si>
    <t>POINT (4.735163091264003 51.8018185385285)</t>
  </si>
  <si>
    <t>POINT (4.724563021222774 51.79319496066468)</t>
  </si>
  <si>
    <t>POINT (4.678405141352062 51.77556895676289)</t>
  </si>
  <si>
    <t>POINT (4.668870682746703 51.815474359374704)</t>
  </si>
  <si>
    <t>POINT (4.678428121414878 51.78557447318467)</t>
  </si>
  <si>
    <t>POINT (4.718530097764306 51.80529108425437)</t>
  </si>
  <si>
    <t>POINT (4.672669677940902 51.780586249796436)</t>
  </si>
  <si>
    <t>POINT (4.7186946903969345 51.80373039796505)</t>
  </si>
  <si>
    <t>POINT (4.693618758414942 51.79250186705268)</t>
  </si>
  <si>
    <t>POINT (4.702501304067797 51.79716962648271)</t>
  </si>
  <si>
    <t>POINT (4.7117872434884855 51.79350441995477)</t>
  </si>
  <si>
    <t>POINT (4.665148365133485 51.81033726356663)</t>
  </si>
  <si>
    <t>POINT (4.66149160938535 51.787465591306315)</t>
  </si>
  <si>
    <t>POINT (4.6622423079797475 51.78951821111304)</t>
  </si>
  <si>
    <t>POINT (4.722408889659236 51.79696921629756)</t>
  </si>
  <si>
    <t>POINT (4.675319813669075 51.80316187875717)</t>
  </si>
  <si>
    <t>POINT (4.695303076792169 51.79671333432016)</t>
  </si>
  <si>
    <t>POINT (4.733573617885957 51.79683697375167)</t>
  </si>
  <si>
    <t>POINT (4.678861383360188 51.77688022594088)</t>
  </si>
  <si>
    <t>POINT (4.702312395961077 51.7954634369137)</t>
  </si>
  <si>
    <t>POINT (4.674462987777584 51.78051896783972)</t>
  </si>
  <si>
    <t>POINT (4.680996293122121 51.808994153815064)</t>
  </si>
  <si>
    <t>POINT (4.666895245983704 51.81420687488118)</t>
  </si>
  <si>
    <t>POINT (4.675975788915603 51.81642532738955)</t>
  </si>
  <si>
    <t>POINT (4.664332538253788 51.790316273136156)</t>
  </si>
  <si>
    <t>POINT (4.652069572324698 51.7936839220985)</t>
  </si>
  <si>
    <t>POINT (4.660049318980438 51.80948760948321)</t>
  </si>
  <si>
    <t>POINT (4.659855446784522 51.80337178833085)</t>
  </si>
  <si>
    <t>POINT (4.667354007809926 51.80116590661096)</t>
  </si>
  <si>
    <t>POINT (4.731857520292344 51.804210775936184)</t>
  </si>
  <si>
    <t>POINT (4.660720969114488 51.78313073411115)</t>
  </si>
  <si>
    <t>POINT (4.656416974542878 51.770792197422026)</t>
  </si>
  <si>
    <t>POINT (4.650023754779638 51.793924728190625)</t>
  </si>
  <si>
    <t>POINT (4.683963910553327 51.78167979479193)</t>
  </si>
  <si>
    <t>POINT (4.7191044475992765 51.81134439351269)</t>
  </si>
  <si>
    <t>POINT (4.733442509901933 51.791447641422714)</t>
  </si>
  <si>
    <t>POINT (4.684469100486613 51.81209589431685)</t>
  </si>
  <si>
    <t>POINT (4.680140048939907 51.78687622823937)</t>
  </si>
  <si>
    <t>POINT (4.675945488929542 51.79932880913831)</t>
  </si>
  <si>
    <t>POINT (4.679389497527564 51.80897018987607)</t>
  </si>
  <si>
    <t>POINT (4.71972273531842 51.80224069279288)</t>
  </si>
  <si>
    <t>POINT (4.6995242601228835 51.79030562542203)</t>
  </si>
  <si>
    <t>POINT (4.679750946916785 51.77517383092063)</t>
  </si>
  <si>
    <t>POINT (4.679562302394378 51.77290871620124)</t>
  </si>
  <si>
    <t>POINT (4.636237867807988 51.775898072694794)</t>
  </si>
  <si>
    <t>POINT (4.652516168459931 51.78244439796361)</t>
  </si>
  <si>
    <t>POINT (4.680518053561975 51.80465705363645)</t>
  </si>
  <si>
    <t>POINT (4.683477279177809 51.78991348434114)</t>
  </si>
  <si>
    <t>POINT (4.7120005674838605 51.804088117701816)</t>
  </si>
  <si>
    <t>POINT (4.676680033241558 51.77498476936217)</t>
  </si>
  <si>
    <t>POINT (4.645047030319714 51.77357581694248)</t>
  </si>
  <si>
    <t>POINT (4.6648042304808 51.797991006420226)</t>
  </si>
  <si>
    <t>POINT (4.6883180692407675 51.819848405269916)</t>
  </si>
  <si>
    <t>POINT (4.683776823693468 51.78053138272984)</t>
  </si>
  <si>
    <t>POINT (4.6527061159768826 51.80405147195413)</t>
  </si>
  <si>
    <t>POINT (4.678790464777494 51.78702102847685)</t>
  </si>
  <si>
    <t>POINT (4.649504145022243 51.77966999063091)</t>
  </si>
  <si>
    <t>POINT (4.66968399716072 51.80009625045442)</t>
  </si>
  <si>
    <t>POINT (4.704765856027371 51.79844530489392)</t>
  </si>
  <si>
    <t>POINT (4.702343102496127 51.79610770803315)</t>
  </si>
  <si>
    <t>POINT (4.672795237925264 51.78245150578994)</t>
  </si>
  <si>
    <t>POINT (4.666155566365655 51.7888563114751)</t>
  </si>
  <si>
    <t>POINT (4.671470820539779 51.802107596136274)</t>
  </si>
  <si>
    <t>POINT (4.708026377261281 51.80796039565269)</t>
  </si>
  <si>
    <t>POINT (4.6836658774991715 51.81200498823232)</t>
  </si>
  <si>
    <t>POINT (4.6912741837352465 51.818515255358186)</t>
  </si>
  <si>
    <t>POINT (4.661287435326194 51.79228587015652)</t>
  </si>
  <si>
    <t>POINT (4.659855175207602 51.80912659810817)</t>
  </si>
  <si>
    <t>POINT (4.664881422264489 51.788992858488825)</t>
  </si>
  <si>
    <t>POINT (4.667766503388869 51.774581435275515)</t>
  </si>
  <si>
    <t>POINT (4.672540522468062 51.7931088254087)</t>
  </si>
  <si>
    <t>POINT (4.697651978761094 51.800958155476685)</t>
  </si>
  <si>
    <t>POINT (4.662754155675295 51.793108629981546)</t>
  </si>
  <si>
    <t>POINT (4.674566739715035 51.78099205354338)</t>
  </si>
  <si>
    <t>POINT (4.666903976376429 51.796302392385016)</t>
  </si>
  <si>
    <t>POINT (4.655652026152289 51.78876944668547)</t>
  </si>
  <si>
    <t>POINT (4.726020780748423 51.79869286676924)</t>
  </si>
  <si>
    <t>POINT (4.723663421363667 51.80412695537473)</t>
  </si>
  <si>
    <t>POINT (4.731891922299107 51.7910743838625)</t>
  </si>
  <si>
    <t>POINT (4.659545788286187 51.80345565647395)</t>
  </si>
  <si>
    <t>POINT (4.726452277247673 51.80595372350724)</t>
  </si>
  <si>
    <t>POINT (4.666303550547059 51.81493497383898)</t>
  </si>
  <si>
    <t>POINT (4.660418676251418 51.76957632418852)</t>
  </si>
  <si>
    <t>POINT (4.708979285853697 51.79600814721354)</t>
  </si>
  <si>
    <t>POINT (4.672056396155656 51.81753791988165)</t>
  </si>
  <si>
    <t>POINT (4.68595503171696 51.78751456257749)</t>
  </si>
  <si>
    <t>POINT (4.673054016074134 51.79655704809018)</t>
  </si>
  <si>
    <t>POINT (4.662445981078274 51.80987477459891)</t>
  </si>
  <si>
    <t>POINT (4.665870753829618 51.80379919325712)</t>
  </si>
  <si>
    <t>POINT (4.671739200488103 51.81238515430762)</t>
  </si>
  <si>
    <t>POINT (4.657943058157935 51.792441378835456)</t>
  </si>
  <si>
    <t>POINT (4.6974322241278825 51.80035854228645)</t>
  </si>
  <si>
    <t>POINT (4.677529133130036 51.78993512560894)</t>
  </si>
  <si>
    <t>POINT (4.7102438329261185 51.810597767676576)</t>
  </si>
  <si>
    <t>POINT (4.674811043434957 51.807109836739386)</t>
  </si>
  <si>
    <t>POINT (4.6679625792089166 51.814815033185205)</t>
  </si>
  <si>
    <t>POINT (4.715716176537391 51.80386219783678)</t>
  </si>
  <si>
    <t>POINT (4.679501664279369 51.773281210913076)</t>
  </si>
  <si>
    <t>POINT (4.672814234243501 51.81826623094357)</t>
  </si>
  <si>
    <t>POINT (4.691303518537671 51.81901547694743)</t>
  </si>
  <si>
    <t>POINT (4.663211324931344 51.78988560438026)</t>
  </si>
  <si>
    <t>POINT (4.71724585143885 51.804850865786875)</t>
  </si>
  <si>
    <t>POINT (4.698368750120016 51.79302599186896)</t>
  </si>
  <si>
    <t>POINT (4.659476325767926 51.812990948244284)</t>
  </si>
  <si>
    <t>POINT (4.700020518430202 51.795430619779026)</t>
  </si>
  <si>
    <t>POINT (4.653300751912698 51.79389384947064)</t>
  </si>
  <si>
    <t>POINT (4.652861479360401 51.80129269762433)</t>
  </si>
  <si>
    <t>POINT (4.720514459943749 51.811968385562054)</t>
  </si>
  <si>
    <t>POINT (4.730688754810476 51.795192421065465)</t>
  </si>
  <si>
    <t>POINT (4.6703638803025775 51.81712228612364)</t>
  </si>
  <si>
    <t>POINT (4.717256940294115 51.80130816184418)</t>
  </si>
  <si>
    <t>POINT (4.6609247921450105 51.79469329019597)</t>
  </si>
  <si>
    <t>POINT (4.680694076789913 51.78543813938656)</t>
  </si>
  <si>
    <t>POINT (4.675255171412505 51.804396630086515)</t>
  </si>
  <si>
    <t>POINT (4.6983447847669435 51.79272439804408)</t>
  </si>
  <si>
    <t>POINT (4.710224153918107 51.80869708597375)</t>
  </si>
  <si>
    <t>POINT (4.726447483444114 51.79657489410109)</t>
  </si>
  <si>
    <t>POINT (4.682881739930181 51.77576330365121)</t>
  </si>
  <si>
    <t>POINT (4.672496949017176 51.78580927926862)</t>
  </si>
  <si>
    <t>POINT (4.667346800572408 51.80929447438774)</t>
  </si>
  <si>
    <t>POINT (4.714517923760348 51.809088451967945)</t>
  </si>
  <si>
    <t>POINT (4.65686445979084 51.77104864695534)</t>
  </si>
  <si>
    <t>POINT (4.682842559266208 51.79943867718175)</t>
  </si>
  <si>
    <t>POINT (4.718841481886173 51.802313518038005)</t>
  </si>
  <si>
    <t>POINT (4.7022339782000575 51.79039654262998)</t>
  </si>
  <si>
    <t>POINT (4.658927092626874 51.800471040553866)</t>
  </si>
  <si>
    <t>POINT (4.6780118172785405 51.78775349548926)</t>
  </si>
  <si>
    <t>POINT (4.677580124770986 51.78120819120874)</t>
  </si>
  <si>
    <t>POINT (4.698282544180601 51.7928058384767)</t>
  </si>
  <si>
    <t>POINT (4.708723029199195 51.787475712092075)</t>
  </si>
  <si>
    <t>POINT (4.667465231724245 51.77120045789936)</t>
  </si>
  <si>
    <t>POINT (4.731876055684471 51.80233455580174)</t>
  </si>
  <si>
    <t>POINT (4.663189309361658 51.80071613199465)</t>
  </si>
  <si>
    <t>POINT (4.659843284600904 51.783407297856066)</t>
  </si>
  <si>
    <t>POINT (4.7069470451931865 51.79742252272843)</t>
  </si>
  <si>
    <t>POINT (4.731005730800215 51.80381989079981)</t>
  </si>
  <si>
    <t>POINT (4.675663910386592 51.773886265157365)</t>
  </si>
  <si>
    <t>POINT (4.676417151669512 51.78546018459338)</t>
  </si>
  <si>
    <t>POINT (4.663297211035122 51.7899457744577)</t>
  </si>
  <si>
    <t>POINT (4.683023284027529 51.80269067866544)</t>
  </si>
  <si>
    <t>POINT (4.636275933460311 51.77715650656669)</t>
  </si>
  <si>
    <t>POINT (4.7062997483362805 51.808402159070134)</t>
  </si>
  <si>
    <t>POINT (4.672322154935277 51.811540319967065)</t>
  </si>
  <si>
    <t>POINT (4.6686678057585285 51.81542504598428)</t>
  </si>
  <si>
    <t>POINT (4.663101237795142 51.79413728242034)</t>
  </si>
  <si>
    <t>POINT (4.731352601953377 51.80510018467561)</t>
  </si>
  <si>
    <t>POINT (4.677683040320232 51.816532900708864)</t>
  </si>
  <si>
    <t>POINT (4.6464636909018715 51.77975382126285)</t>
  </si>
  <si>
    <t>POINT (4.674137606860425 51.81436322856368)</t>
  </si>
  <si>
    <t>POINT (4.664001124470307 51.79799764519337)</t>
  </si>
  <si>
    <t>POINT (4.632949201203281 51.769861501130215)</t>
  </si>
  <si>
    <t>POINT (4.6610061959606615 51.80912167306436)</t>
  </si>
  <si>
    <t>POINT (4.674200454409479 51.811392548861484)</t>
  </si>
  <si>
    <t>POINT (4.64672873669115 51.78047190551796)</t>
  </si>
  <si>
    <t>POINT (4.672563831580322 51.805993539937795)</t>
  </si>
  <si>
    <t>POINT (4.674904543026378 51.78629299876379)</t>
  </si>
  <si>
    <t>POINT (4.7088112134615825 51.8066694824386)</t>
  </si>
  <si>
    <t>POINT (4.715357094263542 51.803184798314156)</t>
  </si>
  <si>
    <t>POINT (4.725335130360785 51.804757709456574)</t>
  </si>
  <si>
    <t>POINT (4.712333538270169 51.79436609763118)</t>
  </si>
  <si>
    <t>POINT (4.67403180990344 51.77547337630831)</t>
  </si>
  <si>
    <t>POINT (4.653936540730576 51.79353007000813)</t>
  </si>
  <si>
    <t>POINT (4.680609850223343 51.80368531942465)</t>
  </si>
  <si>
    <t>POINT (4.676596541247327 51.78385934149333)</t>
  </si>
  <si>
    <t>POINT (4.695329572807426 51.795198575788284)</t>
  </si>
  <si>
    <t>POINT (4.672362073597799 51.80799811679806)</t>
  </si>
  <si>
    <t>POINT (4.673759914971674 51.803034311037905)</t>
  </si>
  <si>
    <t>POINT (4.691556899886185 51.807007728866616)</t>
  </si>
  <si>
    <t>POINT (4.67199664408174 51.805944205990315)</t>
  </si>
  <si>
    <t>POINT (4.633073007136778 51.78378831622721)</t>
  </si>
  <si>
    <t>POINT (4.677861513967454 51.77561919791401)</t>
  </si>
  <si>
    <t>POINT (4.676588244253382 51.78642822526784)</t>
  </si>
  <si>
    <t>POINT (4.685926492556912 51.791788179574404)</t>
  </si>
  <si>
    <t>POINT (4.669582959425953 51.81368680692329)</t>
  </si>
  <si>
    <t>POINT (4.661863044313162 51.76931609012659)</t>
  </si>
  <si>
    <t>POINT (4.7162850436107835 51.80550643704019)</t>
  </si>
  <si>
    <t>POINT (4.675919418563447 51.81812653113185)</t>
  </si>
  <si>
    <t>POINT (4.668659566626353 51.79487073290318)</t>
  </si>
  <si>
    <t>POINT (4.727496426246103 51.799255520701266)</t>
  </si>
  <si>
    <t>POINT (4.678282711079334 51.7813680520515)</t>
  </si>
  <si>
    <t>POINT (4.722809617752514 51.800460618286586)</t>
  </si>
  <si>
    <t>POINT (4.686019068989703 51.788649317731206)</t>
  </si>
  <si>
    <t>POINT (4.721751857728655 51.80330967814049)</t>
  </si>
  <si>
    <t>POINT (4.717425092188852 51.80236142283792)</t>
  </si>
  <si>
    <t>POINT (4.670022921917694 51.81510298334271)</t>
  </si>
  <si>
    <t>POINT (4.711958783330166 51.809878543333696)</t>
  </si>
  <si>
    <t>POINT (4.666654708737808 51.8187673211274)</t>
  </si>
  <si>
    <t>POINT (4.712766128957418 51.79807741316356)</t>
  </si>
  <si>
    <t>POINT (4.715715031701491 51.81332584724635)</t>
  </si>
  <si>
    <t>POINT (4.69559059746253 51.79151461456318)</t>
  </si>
  <si>
    <t>POINT (4.730432600516572 51.79685657411924)</t>
  </si>
  <si>
    <t>POINT (4.679945325163243 51.79861568281782)</t>
  </si>
  <si>
    <t>POINT (4.736127122652051 51.799597406942574)</t>
  </si>
  <si>
    <t>POINT (4.653497681879496 51.79053010343713)</t>
  </si>
  <si>
    <t>POINT (4.6860231685361295 51.81095126156839)</t>
  </si>
  <si>
    <t>POINT (4.674701350525846 51.772270632986206)</t>
  </si>
  <si>
    <t>POINT (4.670560743286516 51.81353993858347)</t>
  </si>
  <si>
    <t>POINT (4.669408050364605 51.77500248436206)</t>
  </si>
  <si>
    <t>POINT (4.665258484857033 51.81033105576409)</t>
  </si>
  <si>
    <t>POINT (4.66807053914712 51.77047632753468)</t>
  </si>
  <si>
    <t>POINT (4.6751135875504755 51.81547450922349)</t>
  </si>
  <si>
    <t>POINT (4.685203100709954 51.78604506163692)</t>
  </si>
  <si>
    <t>POINT (4.727406557850517 51.79631194445726)</t>
  </si>
  <si>
    <t>POINT (4.673681623035553 51.81555338837675)</t>
  </si>
  <si>
    <t>POINT (4.632329733915935 51.765433960608284)</t>
  </si>
  <si>
    <t>POINT (4.648356793594764 51.77888226851962)</t>
  </si>
  <si>
    <t>POINT (4.659149993466838 51.789446674011664)</t>
  </si>
  <si>
    <t>POINT (4.672546573363146 51.78369372201907)</t>
  </si>
  <si>
    <t>POINT (4.711625221295294 51.800520105056485)</t>
  </si>
  <si>
    <t>POINT (4.72353667527708 51.80316797751024)</t>
  </si>
  <si>
    <t>POINT (4.664443909078502 51.79576139727072)</t>
  </si>
  <si>
    <t>POINT (4.663325841100535 51.81080804435448)</t>
  </si>
  <si>
    <t>POINT (4.67658601053536 51.78376513005676)</t>
  </si>
  <si>
    <t>POINT (4.675825274336861 51.77467260559747)</t>
  </si>
  <si>
    <t>POINT (4.728839238689268 51.79277207490637)</t>
  </si>
  <si>
    <t>POINT (4.666449890847232 51.78884153603607)</t>
  </si>
  <si>
    <t>POINT (4.693840863112321 51.818177201886186)</t>
  </si>
  <si>
    <t>POINT (4.718074587922448 51.81347931345387)</t>
  </si>
  <si>
    <t>POINT (4.660132926402915 51.78870519733608)</t>
  </si>
  <si>
    <t>POINT (4.649878438150335 51.793928866639405)</t>
  </si>
  <si>
    <t>POINT (4.694784385160051 51.81807416240186)</t>
  </si>
  <si>
    <t>POINT (4.656289529239703 51.7846152683812)</t>
  </si>
  <si>
    <t>POINT (4.6794531187506925 51.78840392090206)</t>
  </si>
  <si>
    <t>POINT (4.663144319202198 51.81251255388618)</t>
  </si>
  <si>
    <t>POINT (4.65068651922888 51.80325479082673)</t>
  </si>
  <si>
    <t>POINT (4.724182011744005 51.80275405843985)</t>
  </si>
  <si>
    <t>POINT (4.698947105189549 51.791129765089366)</t>
  </si>
  <si>
    <t>POINT (4.668276284391705 51.78953904861234)</t>
  </si>
  <si>
    <t>POINT (4.663802212837945 51.78831533632898)</t>
  </si>
  <si>
    <t>POINT (4.668545554593112 51.80942822080682)</t>
  </si>
  <si>
    <t>POINT (4.680584997654989 51.81348072647976)</t>
  </si>
  <si>
    <t>POINT (4.657277789457942 51.798004629235734)</t>
  </si>
  <si>
    <t>POINT (4.67150711500526 51.805922488802246)</t>
  </si>
  <si>
    <t>POINT (4.678662892238849 51.78634171039441)</t>
  </si>
  <si>
    <t>POINT (4.686109106175715 51.806409316689546)</t>
  </si>
  <si>
    <t>POINT (4.678015249059234 51.78776661276421)</t>
  </si>
  <si>
    <t>POINT (4.659393968673114 51.8004775150707)</t>
  </si>
  <si>
    <t>POINT (4.653862821853499 51.79206462928941)</t>
  </si>
  <si>
    <t>POINT (4.686956767684037 51.81012470171671)</t>
  </si>
  <si>
    <t>POINT (4.672964699552117 51.819537434023374)</t>
  </si>
  <si>
    <t>POINT (4.720942698472153 51.79482082737283)</t>
  </si>
  <si>
    <t>POINT (4.6678513341624255 51.813959492370415)</t>
  </si>
  <si>
    <t>POINT (4.664805823646202 51.81386763481518)</t>
  </si>
  <si>
    <t>POINT (4.682596070469075 51.78756709063177)</t>
  </si>
  <si>
    <t>POINT (4.728663175107358 51.80375625099287)</t>
  </si>
  <si>
    <t>POINT (4.679035879406467 51.781261006968265)</t>
  </si>
  <si>
    <t>POINT (4.67077371809207 51.78024825970921)</t>
  </si>
  <si>
    <t>POINT (4.67939606178341 51.80847904351303)</t>
  </si>
  <si>
    <t>POINT (4.653324329030837 51.79186991020474)</t>
  </si>
  <si>
    <t>POINT (4.730169083661624 51.797065235208194)</t>
  </si>
  <si>
    <t>POINT (4.6800360854319125 51.79880203492807)</t>
  </si>
  <si>
    <t>POINT (4.671638882463223 51.80591373745343)</t>
  </si>
  <si>
    <t>POINT (4.717200105155819 51.80227058445428)</t>
  </si>
  <si>
    <t>POINT (4.6790854724911375 51.7818112889692)</t>
  </si>
  <si>
    <t>POINT (4.666152204193063 51.810559667716525)</t>
  </si>
  <si>
    <t>POINT (4.6603908448829365 51.7705130377661)</t>
  </si>
  <si>
    <t>POINT (4.6593680327034 51.804942335523286)</t>
  </si>
  <si>
    <t>POINT (4.659368020685006 51.80883379122115)</t>
  </si>
  <si>
    <t>POINT (4.698071405847464 51.800770482439795)</t>
  </si>
  <si>
    <t>POINT (4.68862970557304 51.81900614519422)</t>
  </si>
  <si>
    <t>POINT (4.668302668737201 51.79305712643212)</t>
  </si>
  <si>
    <t>POINT (4.686375235527916 51.776485016596496)</t>
  </si>
  <si>
    <t>POINT (4.664061000857837 51.79549272957439)</t>
  </si>
  <si>
    <t>POINT (4.668969854141929 51.81547337535564)</t>
  </si>
  <si>
    <t>POINT (4.64885823714617 51.78461931620521)</t>
  </si>
  <si>
    <t>POINT (4.663203614645445 51.81096937425475)</t>
  </si>
  <si>
    <t>POINT (4.667727618362887 51.795385331983695)</t>
  </si>
  <si>
    <t>POINT (4.653767533594491 51.78312077426547)</t>
  </si>
  <si>
    <t>POINT (4.664168024407719 51.815696201799526)</t>
  </si>
  <si>
    <t>POINT (4.656640480760587 51.813375940537156)</t>
  </si>
  <si>
    <t>POINT (4.673793951360874 51.81592338870251)</t>
  </si>
  <si>
    <t>POINT (4.731993011667203 51.80084082110813)</t>
  </si>
  <si>
    <t>POINT (4.6647475122167625 51.816975182775)</t>
  </si>
  <si>
    <t>POINT (4.682873000820648 51.803942375387074)</t>
  </si>
  <si>
    <t>POINT (4.6747911083222915 51.78219958365548)</t>
  </si>
  <si>
    <t>POINT (4.631629581371246 51.72370636036756)</t>
  </si>
  <si>
    <t>POINT (4.714816713064733 51.81496356597626)</t>
  </si>
  <si>
    <t>POINT (4.6376274432046705 51.77975515801581)</t>
  </si>
  <si>
    <t>POINT (4.683179747521075 51.8026279238205)</t>
  </si>
  <si>
    <t>POINT (4.657542870729328 51.80121729329504)</t>
  </si>
  <si>
    <t>POINT (4.650911253047728 51.793878490620365)</t>
  </si>
  <si>
    <t>POINT (4.661341548269734 51.794680265048086)</t>
  </si>
  <si>
    <t>POINT (4.659358141409225 51.813690271957924)</t>
  </si>
  <si>
    <t>POINT (4.668060167245155 51.781197086317285)</t>
  </si>
  <si>
    <t>POINT (4.65936962344023 51.78908847055923)</t>
  </si>
  <si>
    <t>POINT (4.681876738854985 51.775055021657344)</t>
  </si>
  <si>
    <t>POINT (4.676915731328384 51.78009157517992)</t>
  </si>
  <si>
    <t>POINT (4.660047805721051 51.800828721517455)</t>
  </si>
  <si>
    <t>POINT (4.681679071898156 51.777230393322505)</t>
  </si>
  <si>
    <t>POINT (4.6647082407175064 51.81526918691674)</t>
  </si>
  <si>
    <t>POINT (4.649867807609623 51.792468538475745)</t>
  </si>
  <si>
    <t>POINT (4.677626560478715 51.79069943918673)</t>
  </si>
  <si>
    <t>POINT (4.663617667167133 51.79874628643306)</t>
  </si>
  <si>
    <t>POINT (4.674268666216284 51.80357525009257)</t>
  </si>
  <si>
    <t>POINT (4.666792095645884 51.799142177585026)</t>
  </si>
  <si>
    <t>POINT (4.667305862497501 51.79415994052017)</t>
  </si>
  <si>
    <t>POINT (4.646187941572952 51.78570855817252)</t>
  </si>
  <si>
    <t>POINT (4.678954611312449 51.781692090746866)</t>
  </si>
  <si>
    <t>POINT (4.666060895337486 51.81044237063127)</t>
  </si>
  <si>
    <t>POINT (4.666362961032714 51.77909593887296)</t>
  </si>
  <si>
    <t>POINT (4.673431535900218 51.77279969067137)</t>
  </si>
  <si>
    <t>POINT (4.661252593881874 51.78878332219325)</t>
  </si>
  <si>
    <t>POINT (4.658820954064903 51.79634864038496)</t>
  </si>
  <si>
    <t>POINT (4.669702667975741 51.81111937532254)</t>
  </si>
  <si>
    <t>POINT (4.717415341793734 51.81407150830154)</t>
  </si>
  <si>
    <t>POINT (4.659999538851955 51.77255209553283)</t>
  </si>
  <si>
    <t>POINT (4.693142007717328 51.810569289831726)</t>
  </si>
  <si>
    <t>POINT (4.666099181445308 51.77549444489147)</t>
  </si>
  <si>
    <t>POINT (4.6771489827877275 51.778361142840964)</t>
  </si>
  <si>
    <t>POINT (4.659951266829891 51.79397717885888)</t>
  </si>
  <si>
    <t>POINT (4.705330656895022 51.7913899520609)</t>
  </si>
  <si>
    <t>POINT (4.680511737813777 51.78985302387549)</t>
  </si>
  <si>
    <t>POINT (4.704246155308388 51.81610916320264)</t>
  </si>
  <si>
    <t>POINT (4.6765589958784295 51.783671295154726)</t>
  </si>
  <si>
    <t>POINT (4.667527917995851 51.80816051258055)</t>
  </si>
  <si>
    <t>POINT (4.65241999008653 51.80104634878487)</t>
  </si>
  <si>
    <t>POINT (4.720958409998285 51.80059889236403)</t>
  </si>
  <si>
    <t>POINT (4.667996382807346 51.814938789685435)</t>
  </si>
  <si>
    <t>POINT (4.6804625988151365 51.77485842010555)</t>
  </si>
  <si>
    <t>POINT (4.6798031076493345 51.806647952682106)</t>
  </si>
  <si>
    <t>POINT (4.675595048638007 51.775717485721216)</t>
  </si>
  <si>
    <t>POINT (4.6579477408597505 51.77048805550177)</t>
  </si>
  <si>
    <t>POINT (4.6607072407655625 51.79472797892272)</t>
  </si>
  <si>
    <t>POINT (4.671445158239432 51.80035542782292)</t>
  </si>
  <si>
    <t>POINT (4.711116015460204 51.8070305102731)</t>
  </si>
  <si>
    <t>POINT (4.64284929629817 51.76981357499909)</t>
  </si>
  <si>
    <t>POINT (4.652964011775083 51.80308618962304)</t>
  </si>
  <si>
    <t>POINT (4.6542981056045205 51.792301694138715)</t>
  </si>
  <si>
    <t>POINT (4.680730334925702 51.80972996542876)</t>
  </si>
  <si>
    <t>POINT (4.670363931588115 51.80779113372361)</t>
  </si>
  <si>
    <t>POINT (4.68757887877362 51.8055312491563)</t>
  </si>
  <si>
    <t>POINT (4.6758958007496085 51.78523331363035)</t>
  </si>
  <si>
    <t>POINT (4.672775171606531 51.78735190694756)</t>
  </si>
  <si>
    <t>POINT (4.6541774510908205 51.791456594772214)</t>
  </si>
  <si>
    <t>POINT (4.664382960635666 51.77722709839896)</t>
  </si>
  <si>
    <t>POINT (4.6856295773618015 51.81343835525042)</t>
  </si>
  <si>
    <t>POINT (4.717048348084374 51.79996504618511)</t>
  </si>
  <si>
    <t>POINT (4.661247458667937 51.78981227265862)</t>
  </si>
  <si>
    <t>POINT (4.662371546826295 51.81603564251994)</t>
  </si>
  <si>
    <t>POINT (4.665421244305447 51.77220778325224)</t>
  </si>
  <si>
    <t>POINT (4.682438963524774 51.80214480273606)</t>
  </si>
  <si>
    <t>POINT (4.664177559817083 51.81346583690312)</t>
  </si>
  <si>
    <t>POINT (4.656917568372519 51.80099034842613)</t>
  </si>
  <si>
    <t>POINT (4.701759989998972 51.802482334481724)</t>
  </si>
  <si>
    <t>POINT (4.665758661564321 51.79604270986608)</t>
  </si>
  <si>
    <t>POINT (4.683759688146768 51.819196119577896)</t>
  </si>
  <si>
    <t>POINT (4.725924083022105 51.795234901922896)</t>
  </si>
  <si>
    <t>POINT (4.6454126893817485 51.773461771089465)</t>
  </si>
  <si>
    <t>POINT (4.6281078878577215 51.789272399884744)</t>
  </si>
  <si>
    <t>POINT (4.682608248151374 51.78006950476566)</t>
  </si>
  <si>
    <t>POINT (4.734061357451287 51.79897966917071)</t>
  </si>
  <si>
    <t>POINT (4.6657132925220255 51.814862511214024)</t>
  </si>
  <si>
    <t>POINT (4.658639900395393 51.8052671894012)</t>
  </si>
  <si>
    <t>POINT (4.670254903841978 51.80033367100983)</t>
  </si>
  <si>
    <t>POINT (4.6677383748072945 51.78872499690851)</t>
  </si>
  <si>
    <t>POINT (4.661284545132203 51.80072289742183)</t>
  </si>
  <si>
    <t>POINT (4.66323836058938 51.81110389751705)</t>
  </si>
  <si>
    <t>POINT (4.661878210492897 51.789030237731474)</t>
  </si>
  <si>
    <t>POINT (4.668533919661863 51.81814765900676)</t>
  </si>
  <si>
    <t>POINT (4.6674745577230565 51.7988212270729)</t>
  </si>
  <si>
    <t>POINT (4.670340182692603 51.80854799727266)</t>
  </si>
  <si>
    <t>POINT (4.676067842618318 51.812839541480606)</t>
  </si>
  <si>
    <t>POINT (4.6669635784832915 51.81548427945738)</t>
  </si>
  <si>
    <t>POINT (4.65844906935808 51.79578524718777)</t>
  </si>
  <si>
    <t>POINT (4.691056937593415 51.80644232518517)</t>
  </si>
  <si>
    <t>POINT (4.692125879404302 51.789695403970555)</t>
  </si>
  <si>
    <t>POINT (4.659385532064863 51.808872757934495)</t>
  </si>
  <si>
    <t>POINT (4.6880714555632235 51.8146338579591)</t>
  </si>
  <si>
    <t>POINT (4.719014973152891 51.8041795241755)</t>
  </si>
  <si>
    <t>POINT (4.660582016263206 51.79722744648165)</t>
  </si>
  <si>
    <t>POINT (4.676997740484815 51.77640536338928)</t>
  </si>
  <si>
    <t>POINT (4.670697969085724 51.77334078098124)</t>
  </si>
  <si>
    <t>POINT (4.703093941360699 51.789381885702824)</t>
  </si>
  <si>
    <t>POINT (4.670821669556579 51.81817510180732)</t>
  </si>
  <si>
    <t>POINT (4.675294337975488 51.817683087527435)</t>
  </si>
  <si>
    <t>POINT (4.71694024114751 51.80043800468317)</t>
  </si>
  <si>
    <t>POINT (4.681134368799735 51.787431866858334)</t>
  </si>
  <si>
    <t>POINT (4.683231882824286 51.78111479668368)</t>
  </si>
  <si>
    <t>POINT (4.689051571894144 51.80703165382191)</t>
  </si>
  <si>
    <t>POINT (4.684246312861195 51.782613004008354)</t>
  </si>
  <si>
    <t>POINT (4.678829197553429 51.78560546197026)</t>
  </si>
  <si>
    <t>POINT (4.72455015457353 51.79719601441485)</t>
  </si>
  <si>
    <t>POINT (4.680808659867299 51.81392898941944)</t>
  </si>
  <si>
    <t>POINT (4.718617290387372 51.815094518000436)</t>
  </si>
  <si>
    <t>POINT (4.678727831693168 51.81460049235273)</t>
  </si>
  <si>
    <t>POINT (4.664542422209428 51.81734332766519)</t>
  </si>
  <si>
    <t>POINT (4.6678535169863675 51.774895801041396)</t>
  </si>
  <si>
    <t>POINT (4.6578983809101615 51.81041223975667)</t>
  </si>
  <si>
    <t>POINT (4.663469155447933 51.813276267455095)</t>
  </si>
  <si>
    <t>POINT (4.631154079428472 51.73247294042922)</t>
  </si>
  <si>
    <t>POINT (4.685144667400257 51.78106698056313)</t>
  </si>
  <si>
    <t>POINT (4.656788879378996 51.8011758561307)</t>
  </si>
  <si>
    <t>POINT (4.673290520833191 51.807400907451964)</t>
  </si>
  <si>
    <t>POINT (4.677639326457619 51.80750282573137)</t>
  </si>
  <si>
    <t>POINT (4.669523153283451 51.810122817475175)</t>
  </si>
  <si>
    <t>POINT (4.680431013919642 51.81645943348963)</t>
  </si>
  <si>
    <t>POINT (4.671395687561976 51.8086087142734)</t>
  </si>
  <si>
    <t>POINT (4.67258607726085 51.80372878839617)</t>
  </si>
  <si>
    <t>POINT (4.657973790048432 51.81259705815382)</t>
  </si>
  <si>
    <t>POINT (4.6535155384410345 51.788045276212834)</t>
  </si>
  <si>
    <t>POINT (4.669688547902845 51.80423362690312)</t>
  </si>
  <si>
    <t>POINT (4.715908002193078 51.801421951591095)</t>
  </si>
  <si>
    <t>POINT (4.668739615389212 51.780842978116965)</t>
  </si>
  <si>
    <t>POINT (4.699619794114257 51.821061301474316)</t>
  </si>
  <si>
    <t>POINT (4.728925040043662 51.80405032745125)</t>
  </si>
  <si>
    <t>POINT (4.660259115631897 51.796406818325586)</t>
  </si>
  <si>
    <t>POINT (4.672554361505677 51.806300149057435)</t>
  </si>
  <si>
    <t>POINT (4.680986111825488 51.80765550869638)</t>
  </si>
  <si>
    <t>POINT (4.668890961155074 51.812364869390585)</t>
  </si>
  <si>
    <t>POINT (4.653805190438014 51.78569555846824)</t>
  </si>
  <si>
    <t>POINT (4.658502067756293 51.7813517392831)</t>
  </si>
  <si>
    <t>POINT (4.727955528571613 51.79734648637444)</t>
  </si>
  <si>
    <t>POINT (4.671222520640742 51.81891758495989)</t>
  </si>
  <si>
    <t>POINT (4.705278184735224 51.814744935589076)</t>
  </si>
  <si>
    <t>POINT (4.73259961770826 51.80134366052042)</t>
  </si>
  <si>
    <t>POINT (4.645420310157474 51.77351647081017)</t>
  </si>
  <si>
    <t>POINT (4.715791821247968 51.81342801999071)</t>
  </si>
  <si>
    <t>POINT (4.730467734006256 51.796894864652465)</t>
  </si>
  <si>
    <t>POINT (4.705928393364571 51.797516206557724)</t>
  </si>
  <si>
    <t>POINT (4.706535498247549 51.79318063278342)</t>
  </si>
  <si>
    <t>POINT (4.675774334938737 51.814463615056816)</t>
  </si>
  <si>
    <t>POINT (4.674844771989645 51.81410643834942)</t>
  </si>
  <si>
    <t>POINT (4.714685090063502 51.81606197811668)</t>
  </si>
  <si>
    <t>POINT (4.725411817113559 51.804742888267995)</t>
  </si>
  <si>
    <t>POINT (4.708001667916632 51.79021149971819)</t>
  </si>
  <si>
    <t>POINT (4.722669842050952 51.798673791723395)</t>
  </si>
  <si>
    <t>POINT (4.734008583385401 51.80190101481028)</t>
  </si>
  <si>
    <t>POINT (4.672301611284227 51.80406779853628)</t>
  </si>
  <si>
    <t>POINT (4.729847131969491 51.79140644537703)</t>
  </si>
  <si>
    <t>POINT (4.668297109525295 51.80374757708969)</t>
  </si>
  <si>
    <t>POINT (4.698862524768652 51.791233474542025)</t>
  </si>
  <si>
    <t>POINT (4.680405347423414 51.78078123462651)</t>
  </si>
  <si>
    <t>POINT (4.678183104247931 51.78464908924988)</t>
  </si>
  <si>
    <t>POINT (4.665695784106049 51.784687740653396)</t>
  </si>
  <si>
    <t>POINT (4.681050445746905 51.80897426418249)</t>
  </si>
  <si>
    <t>POINT (4.718941394990026 51.80227705389123)</t>
  </si>
  <si>
    <t>POINT (4.6619727105125195 51.812467656642234)</t>
  </si>
  <si>
    <t>POINT (4.625229053482715 51.79667956328007)</t>
  </si>
  <si>
    <t>POINT (4.716955614264424 51.80135567179629)</t>
  </si>
  <si>
    <t>POINT (4.672617200711219 51.8076801681497)</t>
  </si>
  <si>
    <t>POINT (4.684562380426495 51.7792172874931)</t>
  </si>
  <si>
    <t>POINT (4.652128210517404 51.78774753190994)</t>
  </si>
  <si>
    <t>POINT (4.666035763677658 51.800083869659524)</t>
  </si>
  <si>
    <t>POINT (4.658563886768481 51.81200932199524)</t>
  </si>
  <si>
    <t>POINT (4.6666060203377855 51.78086292330686)</t>
  </si>
  <si>
    <t>POINT (4.713709086241571 51.80965077126158)</t>
  </si>
  <si>
    <t>POINT (4.663655437684578 51.81684628090516)</t>
  </si>
  <si>
    <t>POINT (4.663596298482052 51.7871104964861)</t>
  </si>
  <si>
    <t>POINT (4.710801367323209 51.809743735575886)</t>
  </si>
  <si>
    <t>POINT (4.669674249678374 51.771399035769456)</t>
  </si>
  <si>
    <t>POINT (4.685056586937746 51.80358320543756)</t>
  </si>
  <si>
    <t>POINT (4.649584453861803 51.79306142354772)</t>
  </si>
  <si>
    <t>POINT (4.68578658609245 51.80620699586943)</t>
  </si>
  <si>
    <t>POINT (4.663913802802303 51.8109044060211)</t>
  </si>
  <si>
    <t>POINT (4.6823914579734724 51.81334530817565)</t>
  </si>
  <si>
    <t>POINT (4.67769491263195 51.79045554894449)</t>
  </si>
  <si>
    <t>POINT (4.6728004269554555 51.776546154459126)</t>
  </si>
  <si>
    <t>POINT (4.672261175384722 51.79941886502628)</t>
  </si>
  <si>
    <t>POINT (4.6529100993430434 51.80316133934592)</t>
  </si>
  <si>
    <t>POINT (4.6675122640790905 51.77138750516732)</t>
  </si>
  <si>
    <t>POINT (4.6909105418492585 51.810874889449224)</t>
  </si>
  <si>
    <t>POINT (4.664323274285945 51.79019426631125)</t>
  </si>
  <si>
    <t>POINT (4.6980324733292 51.79614444305435)</t>
  </si>
  <si>
    <t>POINT (4.677131866185234 51.78994613280326)</t>
  </si>
  <si>
    <t>POINT (4.70308158746872 51.803927918131556)</t>
  </si>
  <si>
    <t>POINT (4.669266644691472 51.81228201862515)</t>
  </si>
  <si>
    <t>POINT (4.660352207311509 51.813603346296844)</t>
  </si>
  <si>
    <t>POINT (4.6699830015122 51.79413826148055)</t>
  </si>
  <si>
    <t>POINT (4.715451081624403 51.803194118334794)</t>
  </si>
  <si>
    <t>POINT (4.6635388126880075 51.81329320922632)</t>
  </si>
  <si>
    <t>POINT (4.680485516466825 51.80223951500745)</t>
  </si>
  <si>
    <t>POINT (4.65930308674278 51.808858035431925)</t>
  </si>
  <si>
    <t>POINT (4.696109581305841 51.79390741098637)</t>
  </si>
  <si>
    <t>POINT (4.7340699419430985 51.7989344771426)</t>
  </si>
  <si>
    <t>POINT (4.65908664000688 51.799708800442424)</t>
  </si>
  <si>
    <t>POINT (4.683027346963732 51.80976311536217)</t>
  </si>
  <si>
    <t>POINT (4.703708767822659 51.79772040014604)</t>
  </si>
  <si>
    <t>POINT (4.681228261524425 51.80122443658974)</t>
  </si>
  <si>
    <t>POINT (4.677305124960776 51.789921869230305)</t>
  </si>
  <si>
    <t>POINT (4.680874535445642 51.807260953544166)</t>
  </si>
  <si>
    <t>POINT (4.685527946209528 51.7848218826188)</t>
  </si>
  <si>
    <t>POINT (4.6749613894393205 51.77977291262439)</t>
  </si>
  <si>
    <t>POINT (4.707565187522007 51.79035509162869)</t>
  </si>
  <si>
    <t>POINT (4.663119350686098 51.810244069845396)</t>
  </si>
  <si>
    <t>POINT (4.679782567612455 51.78988675007703)</t>
  </si>
  <si>
    <t>POINT (4.670634845618393 51.81691520597295)</t>
  </si>
  <si>
    <t>POINT (4.685613925229616 51.777259138103666)</t>
  </si>
  <si>
    <t>POINT (4.660880163808357 51.79371074649454)</t>
  </si>
  <si>
    <t>POINT (4.669710354713133 51.80242831088645)</t>
  </si>
  <si>
    <t>POINT (4.713022756226035 51.79555183510531)</t>
  </si>
  <si>
    <t>POINT (4.683667269209639 51.77507288594738)</t>
  </si>
  <si>
    <t>POINT (4.652971522264214 51.8028395057932)</t>
  </si>
  <si>
    <t>POINT (4.679842828807887 51.789855778877325)</t>
  </si>
  <si>
    <t>POINT (4.672632549104949 51.78713892291946)</t>
  </si>
  <si>
    <t>POINT (4.680468745589019 51.78094982216872)</t>
  </si>
  <si>
    <t>POINT (4.6728552564540875 51.80478843127412)</t>
  </si>
  <si>
    <t>POINT (4.6677752985858385 51.8035797510493)</t>
  </si>
  <si>
    <t>POINT (4.6620256561855316 51.80406094605276)</t>
  </si>
  <si>
    <t>POINT (4.674659680277126 51.776268711284594)</t>
  </si>
  <si>
    <t>POINT (4.669336430019403 51.809831817434436)</t>
  </si>
  <si>
    <t>POINT (4.667470994510167 51.81434112964111)</t>
  </si>
  <si>
    <t>POINT (4.686174193117852 51.80346493639145)</t>
  </si>
  <si>
    <t>POINT (4.675492815376715 51.8142751325552)</t>
  </si>
  <si>
    <t>POINT (4.627946649766724 51.725959545634986)</t>
  </si>
  <si>
    <t>POINT (4.65767585817623 51.81200136885729)</t>
  </si>
  <si>
    <t>POINT (4.684541167997788 51.781784925385104)</t>
  </si>
  <si>
    <t>POINT (4.65560379471893 51.79009912468305)</t>
  </si>
  <si>
    <t>POINT (4.682373671360863 51.780554114330926)</t>
  </si>
  <si>
    <t>POINT (4.7352576155061845 51.801689492603685)</t>
  </si>
  <si>
    <t>POINT (4.652695869604945 51.793374687271715)</t>
  </si>
  <si>
    <t>POINT (4.675961507682401 51.808566230539356)</t>
  </si>
  <si>
    <t>POINT (4.715233387109493 51.81498106239257)</t>
  </si>
  <si>
    <t>POINT (4.686117187511683 51.81119422958244)</t>
  </si>
  <si>
    <t>POINT (4.725719011587997 51.79812000036924)</t>
  </si>
  <si>
    <t>POINT (4.654004971101427 51.79466475584303)</t>
  </si>
  <si>
    <t>POINT (4.729791760320476 51.804607610134596)</t>
  </si>
  <si>
    <t>POINT (4.6704445366161496 51.817894680762684)</t>
  </si>
  <si>
    <t>POINT (4.6588874145551635 51.77123506048968)</t>
  </si>
  <si>
    <t>POINT (4.676770310881801 51.81740370201404)</t>
  </si>
  <si>
    <t>POINT (4.672547339789989 51.785230201553716)</t>
  </si>
  <si>
    <t>POINT (4.7221400115352035 51.79424805935469)</t>
  </si>
  <si>
    <t>POINT (4.672133897944063 51.796619937518656)</t>
  </si>
  <si>
    <t>POINT (4.663214546199086 51.78989893653234)</t>
  </si>
  <si>
    <t>POINT (4.657865417192074 51.80237175753872)</t>
  </si>
  <si>
    <t>POINT (4.657009919007106 51.81381493713833)</t>
  </si>
  <si>
    <t>POINT (4.67181372891907 51.811567864002825)</t>
  </si>
  <si>
    <t>POINT (4.673300080869133 51.8190409002394)</t>
  </si>
  <si>
    <t>POINT (4.682037318462005 51.8076790438308)</t>
  </si>
  <si>
    <t>POINT (4.677192485564617 51.81692705315988)</t>
  </si>
  <si>
    <t>POINT (4.683996762750168 51.81248285829922)</t>
  </si>
  <si>
    <t>POINT (4.654466426182016 51.78238834583665)</t>
  </si>
  <si>
    <t>POINT (4.6666719955349825 51.77193390257951)</t>
  </si>
  <si>
    <t>POINT (4.718735816339925 51.80245146709973)</t>
  </si>
  <si>
    <t>POINT (4.689777852671747 51.809150340090824)</t>
  </si>
  <si>
    <t>POINT (4.673169672567535 51.78281510463581)</t>
  </si>
  <si>
    <t>POINT (4.668542488726032 51.811739469979656)</t>
  </si>
  <si>
    <t>POINT (4.680483058958108 51.77485467825085)</t>
  </si>
  <si>
    <t>POINT (4.677430966914872 51.816252512135726)</t>
  </si>
  <si>
    <t>POINT (4.629465059240677 51.72765426003814)</t>
  </si>
  <si>
    <t>POINT (4.657300315784958 51.8044529558018)</t>
  </si>
  <si>
    <t>POINT (4.677270786940375 51.77302963511949)</t>
  </si>
  <si>
    <t>POINT (4.68384547098081 51.78093485654766)</t>
  </si>
  <si>
    <t>POINT (4.653725379363498 51.785786294926325)</t>
  </si>
  <si>
    <t>POINT (4.665620137524257 51.81465803033947)</t>
  </si>
  <si>
    <t>POINT (4.672596377207576 51.77367326064431)</t>
  </si>
  <si>
    <t>POINT (4.674407367146121 51.816427928604895)</t>
  </si>
  <si>
    <t>POINT (4.693453258340474 51.795692874923375)</t>
  </si>
  <si>
    <t>POINT (4.678274340607846 51.807776404989916)</t>
  </si>
  <si>
    <t>POINT (4.701561894953278 51.799080622558925)</t>
  </si>
  <si>
    <t>POINT (4.7184496469375174 51.81457979950993)</t>
  </si>
  <si>
    <t>POINT (4.710616098728848 51.808533182345215)</t>
  </si>
  <si>
    <t>POINT (4.696445563747189 51.79769033930748)</t>
  </si>
  <si>
    <t>POINT (4.713105399821108 51.80610654291272)</t>
  </si>
  <si>
    <t>POINT (4.671289663376989 51.80217781615536)</t>
  </si>
  <si>
    <t>POINT (4.6339131561306335 51.778894141810824)</t>
  </si>
  <si>
    <t>POINT (4.720518738788494 51.811323007887616)</t>
  </si>
  <si>
    <t>POINT (4.666549023552474 51.80268658842385)</t>
  </si>
  <si>
    <t>POINT (4.6867306198010645 51.78202161450145)</t>
  </si>
  <si>
    <t>POINT (4.684226751199327 51.78899527110052)</t>
  </si>
  <si>
    <t>POINT (4.689011090815199 51.80420322781331)</t>
  </si>
  <si>
    <t>POINT (4.673318762468225 51.79523850837947)</t>
  </si>
  <si>
    <t>POINT (4.706483239084161 51.808325211141394)</t>
  </si>
  <si>
    <t>POINT (4.664857836301766 51.81108479003495)</t>
  </si>
  <si>
    <t>POINT (4.6481772336368445 51.801691616463174)</t>
  </si>
  <si>
    <t>POINT (4.6537525820429035 51.78555455611292)</t>
  </si>
  <si>
    <t>POINT (4.679731592781971 51.80574137330995)</t>
  </si>
  <si>
    <t>POINT (4.710464299151841 51.8151605592683)</t>
  </si>
  <si>
    <t>POINT (4.677681316022261 51.79037447859564)</t>
  </si>
  <si>
    <t>POINT (4.675811870854607 51.785381342909716)</t>
  </si>
  <si>
    <t>POINT (4.671748180840766 51.792522769034065)</t>
  </si>
  <si>
    <t>POINT (4.674703386222005 51.78242454143603)</t>
  </si>
  <si>
    <t>POINT (4.721241823605553 51.80191211547736)</t>
  </si>
  <si>
    <t>POINT (4.656128857350808 51.78870327813307)</t>
  </si>
  <si>
    <t>POINT (4.685353373333135 51.778255109078245)</t>
  </si>
  <si>
    <t>POINT (4.67763439526415 51.7898879694654)</t>
  </si>
  <si>
    <t>POINT (4.668109164114528 51.81744855205699)</t>
  </si>
  <si>
    <t>POINT (4.717193178842579 51.80230154674963)</t>
  </si>
  <si>
    <t>POINT (4.664371950327188 51.790384066091626)</t>
  </si>
  <si>
    <t>POINT (4.683357048543 51.81261630709771)</t>
  </si>
  <si>
    <t>POINT (4.669761877703858 51.81205983605152)</t>
  </si>
  <si>
    <t>POINT (4.6655133307166405 51.78692690067918)</t>
  </si>
  <si>
    <t>POINT (4.727512967835757 51.803589046257635)</t>
  </si>
  <si>
    <t>POINT (4.68864082726135 51.808353347527074)</t>
  </si>
  <si>
    <t>POINT (4.659083306016779 51.798213536646045)</t>
  </si>
  <si>
    <t>POINT (4.672618736226397 51.80849186410481)</t>
  </si>
  <si>
    <t>POINT (4.685881606497922 51.806170431631344)</t>
  </si>
  <si>
    <t>POINT (4.71669923590209 51.81598058707383)</t>
  </si>
  <si>
    <t>POINT (4.671670907369779 51.807643858158315)</t>
  </si>
  <si>
    <t>POINT (4.678149575711726 51.77998082998686)</t>
  </si>
  <si>
    <t>POINT (4.673279970122356 51.77848072997503)</t>
  </si>
  <si>
    <t>POINT (4.706927378937484 51.7872962358924)</t>
  </si>
  <si>
    <t>POINT (4.671142167874109 51.810501926831584)</t>
  </si>
  <si>
    <t>POINT (4.681507615350164 51.78131378228075)</t>
  </si>
  <si>
    <t>POINT (4.65383123028461 51.78578500619855)</t>
  </si>
  <si>
    <t>POINT (4.685486220068736 51.81014018679155)</t>
  </si>
  <si>
    <t>POINT (4.678249471988463 51.807796730942606)</t>
  </si>
  <si>
    <t>POINT (4.6823317569036575 51.80667100760982)</t>
  </si>
  <si>
    <t>POINT (4.732849235855968 51.79623202731804)</t>
  </si>
  <si>
    <t>POINT (4.67710731849624 51.80441872970518)</t>
  </si>
  <si>
    <t>POINT (4.717878927161909 51.80314770567373)</t>
  </si>
  <si>
    <t>POINT (4.6542547702007475 51.80666799479433)</t>
  </si>
  <si>
    <t>POINT (4.6532390333211575 51.803766350358025)</t>
  </si>
  <si>
    <t>POINT (4.655991805108288 51.78965449928821)</t>
  </si>
  <si>
    <t>POINT (4.66413536307297 51.801704744698355)</t>
  </si>
  <si>
    <t>POINT (4.669712280199116 51.80548959001919)</t>
  </si>
  <si>
    <t>POINT (4.657713488895704 51.784200943881146)</t>
  </si>
  <si>
    <t>POINT (4.630822381590435 51.72485778670322)</t>
  </si>
  <si>
    <t>POINT (4.718847369482103 51.80210505093224)</t>
  </si>
  <si>
    <t>POINT (4.677420748969614 51.817800505091256)</t>
  </si>
  <si>
    <t>POINT (4.680270986408058 51.786102749277035)</t>
  </si>
  <si>
    <t>POINT (4.6867132359041195 51.77739897516031)</t>
  </si>
  <si>
    <t>POINT (4.671949191998414 51.81021470756113)</t>
  </si>
  <si>
    <t>POINT (4.6754195896800645 51.780698177837465)</t>
  </si>
  <si>
    <t>POINT (4.702839136061867 51.79596592993123)</t>
  </si>
  <si>
    <t>POINT (4.675942572884903 51.77263012916658)</t>
  </si>
  <si>
    <t>POINT (4.670552208556613 51.81578287490883)</t>
  </si>
  <si>
    <t>POINT (4.673850194499815 51.81666664401126)</t>
  </si>
  <si>
    <t>POINT (4.672680045098542 51.78078175438935)</t>
  </si>
  <si>
    <t>POINT (4.667954483656917 51.81497612354033)</t>
  </si>
  <si>
    <t>POINT (4.684412682696778 51.80895267855791)</t>
  </si>
  <si>
    <t>POINT (4.719208451891133 51.800535028723246)</t>
  </si>
  <si>
    <t>POINT (4.648149281229655 51.789644571066525)</t>
  </si>
  <si>
    <t>POINT (4.730092255554551 51.79910786033421)</t>
  </si>
  <si>
    <t>POINT (4.6626598843481535 51.809185413958055)</t>
  </si>
  <si>
    <t>POINT (4.669100019139261 51.8131742937403)</t>
  </si>
  <si>
    <t>POINT (4.665741774018597 51.7878553919607)</t>
  </si>
  <si>
    <t>POINT (4.679363462224214 51.785165571339206)</t>
  </si>
  <si>
    <t>POINT (4.663241773374337 51.81114874513199)</t>
  </si>
  <si>
    <t>POINT (4.6671821148105295 51.7887786532688)</t>
  </si>
  <si>
    <t>POINT (4.654053680069601 51.784540299816726)</t>
  </si>
  <si>
    <t>POINT (4.671234457601473 51.81859522527917)</t>
  </si>
  <si>
    <t>POINT (4.664830407468279 51.81698186826027)</t>
  </si>
  <si>
    <t>POINT (4.669844946408316 51.80545254082159)</t>
  </si>
  <si>
    <t>POINT (4.664924893919272 51.7992256363707)</t>
  </si>
  <si>
    <t>POINT (4.692000899450882 51.80728373239466)</t>
  </si>
  <si>
    <t>POINT (4.725795851186222 51.798400456815855)</t>
  </si>
  <si>
    <t>POINT (4.693466426425996 51.81777263922824)</t>
  </si>
  <si>
    <t>POINT (4.708025028398536 51.81147521852745)</t>
  </si>
  <si>
    <t>POINT (4.674006932457133 51.774974423505796)</t>
  </si>
  <si>
    <t>POINT (4.660859378434352 51.801538255395144)</t>
  </si>
  <si>
    <t>POINT (4.661495497246565 51.77137361879281)</t>
  </si>
  <si>
    <t>POINT (4.674544374717201 51.81819782011553)</t>
  </si>
  <si>
    <t>POINT (4.717891481897953 51.813753977704316)</t>
  </si>
  <si>
    <t>POINT (4.694917238946018 51.797251241452834)</t>
  </si>
  <si>
    <t>POINT (4.668276290904661 51.80280885087685)</t>
  </si>
  <si>
    <t>POINT (4.67411760311612 51.81913672764685)</t>
  </si>
  <si>
    <t>POINT (4.715863178375708 51.813705125420384)</t>
  </si>
  <si>
    <t>POINT (4.729750444957769 51.80557877143683)</t>
  </si>
  <si>
    <t>POINT (4.6673776621554 51.803525357709724)</t>
  </si>
  <si>
    <t>POINT (4.731964608177143 51.800799036114725)</t>
  </si>
  <si>
    <t>POINT (4.661205127514632 51.78697361039433)</t>
  </si>
  <si>
    <t>POINT (4.633892446083413 51.77769366116371)</t>
  </si>
  <si>
    <t>POINT (4.656654211378387 51.799394347316586)</t>
  </si>
  <si>
    <t>POINT (4.719119860697425 51.81138954129502)</t>
  </si>
  <si>
    <t>POINT (4.697751211191325 51.79496268602176)</t>
  </si>
  <si>
    <t>POINT (4.727242365822423 51.79995840601854)</t>
  </si>
  <si>
    <t>POINT (4.716626707074823 51.795238776446816)</t>
  </si>
  <si>
    <t>POINT (4.726776061646803 51.80304839608689)</t>
  </si>
  <si>
    <t>POINT (4.661672271669142 51.80171757558609)</t>
  </si>
  <si>
    <t>POINT (4.709417243067034 51.79042181496802)</t>
  </si>
  <si>
    <t>POINT (4.670469421470637 51.80153933987576)</t>
  </si>
  <si>
    <t>POINT (4.67288641225763 51.81634092007535)</t>
  </si>
  <si>
    <t>POINT (4.686112492225568 51.80271187433417)</t>
  </si>
  <si>
    <t>POINT (4.660245415509466 51.80070366384778)</t>
  </si>
  <si>
    <t>POINT (4.668447298595819 51.7961962808098)</t>
  </si>
  <si>
    <t>POINT (4.669875841539879 51.802236910899886)</t>
  </si>
  <si>
    <t>POINT (4.717866551742331 51.80318047959354)</t>
  </si>
  <si>
    <t>POINT (4.666956371227855 51.78718226696919)</t>
  </si>
  <si>
    <t>POINT (4.696960251884541 51.79871824734489)</t>
  </si>
  <si>
    <t>POINT (4.709120948622617 51.795162216203316)</t>
  </si>
  <si>
    <t>POINT (4.670006678338138 51.80207906938368)</t>
  </si>
  <si>
    <t>POINT (4.711896326997781 51.80312126486721)</t>
  </si>
  <si>
    <t>POINT (4.675400944705742 51.80698442007855)</t>
  </si>
  <si>
    <t>POINT (4.686222334621133 51.80636554418777)</t>
  </si>
  <si>
    <t>POINT (4.657388731860367 51.81104590180102)</t>
  </si>
  <si>
    <t>POINT (4.680835980067638 51.789253192856776)</t>
  </si>
  <si>
    <t>POINT (4.673056371151872 51.7968670283917)</t>
  </si>
  <si>
    <t>POINT (4.662951820771028 51.80482365791524)</t>
  </si>
  <si>
    <t>POINT (4.6676970073201804 51.8041702411729)</t>
  </si>
  <si>
    <t>POINT (4.683767295066412 51.800659835703925)</t>
  </si>
  <si>
    <t>POINT (4.650881463348564 51.80243477057619)</t>
  </si>
  <si>
    <t>POINT (4.698272375195902 51.79083583902293)</t>
  </si>
  <si>
    <t>POINT (4.631677093747399 51.722628532311376)</t>
  </si>
  <si>
    <t>POINT (4.712906604912811 51.80978379699289)</t>
  </si>
  <si>
    <t>POINT (4.728168309374338 51.7973001767837)</t>
  </si>
  <si>
    <t>POINT (4.680595144182163 51.785750179266905)</t>
  </si>
  <si>
    <t>POINT (4.667807851978988 51.81689254482995)</t>
  </si>
  <si>
    <t>POINT (4.666404352178458 51.78884593036024)</t>
  </si>
  <si>
    <t>POINT (4.68350317436766 51.804552846861114)</t>
  </si>
  <si>
    <t>POINT (4.666201926437872 51.81748605452341)</t>
  </si>
  <si>
    <t>POINT (4.668331575630439 51.81000148454388)</t>
  </si>
  <si>
    <t>POINT (4.663661038830655 51.794133904828584)</t>
  </si>
  <si>
    <t>POINT (4.684945767356608 51.78920114889147)</t>
  </si>
  <si>
    <t>POINT (4.674563034398421 51.81819089529573)</t>
  </si>
  <si>
    <t>POINT (4.662787269467365 51.78865353830614)</t>
  </si>
  <si>
    <t>POINT (4.671318512242117 51.79060059384217)</t>
  </si>
  <si>
    <t>POINT (4.715885921163946 51.80850394337828)</t>
  </si>
  <si>
    <t>POINT (4.655386961762829 51.79018088184306)</t>
  </si>
  <si>
    <t>POINT (4.6759302226220285 51.7727500176101)</t>
  </si>
  <si>
    <t>POINT (4.653709429162359 51.7944495794344)</t>
  </si>
  <si>
    <t>POINT (4.671611440492442 51.803245270731345)</t>
  </si>
  <si>
    <t>POINT (4.677678993177635 51.78017277848337)</t>
  </si>
  <si>
    <t>POINT (4.655429881159545 51.791836690246036)</t>
  </si>
  <si>
    <t>POINT (4.685375764964472 51.7814593987401)</t>
  </si>
  <si>
    <t>POINT (4.6828773493521405 51.810499249920284)</t>
  </si>
  <si>
    <t>POINT (4.7264964885325575 51.80036102527033)</t>
  </si>
  <si>
    <t>POINT (4.676704997958279 51.799626459967165)</t>
  </si>
  <si>
    <t>POINT (4.723579870004591 51.798710168980335)</t>
  </si>
  <si>
    <t>POINT (4.668403415340698 51.792337398521454)</t>
  </si>
  <si>
    <t>POINT (4.6703237075537976 51.80112651613428)</t>
  </si>
  <si>
    <t>POINT (4.6814975057083625 51.81789786187099)</t>
  </si>
  <si>
    <t>POINT (4.695474237410915 51.817832040258175)</t>
  </si>
  <si>
    <t>POINT (4.725238905664754 51.80426432856866)</t>
  </si>
  <si>
    <t>POINT (4.672577757153594 51.81130256231108)</t>
  </si>
  <si>
    <t>POINT (4.658096098513975 51.80257212005332)</t>
  </si>
  <si>
    <t>POINT (4.655287851664747 51.78156137953219)</t>
  </si>
  <si>
    <t>POINT (4.674432356553835 51.78202707726629)</t>
  </si>
  <si>
    <t>POINT (4.725810522296766 51.7999556288831)</t>
  </si>
  <si>
    <t>POINT (4.686352174376912 51.81139908262743)</t>
  </si>
  <si>
    <t>POINT (4.670597400920642 51.81404928989486)</t>
  </si>
  <si>
    <t>POINT (4.656217263307092 51.784840974158385)</t>
  </si>
  <si>
    <t>POINT (4.671650606898634 51.77669883862387)</t>
  </si>
  <si>
    <t>POINT (4.669797277726119 51.817469543886226)</t>
  </si>
  <si>
    <t>POINT (4.653428499862684 51.80168520416002)</t>
  </si>
  <si>
    <t>POINT (4.658879210162197 51.79930454963201)</t>
  </si>
  <si>
    <t>POINT (4.664993284035754 51.775091129921314)</t>
  </si>
  <si>
    <t>POINT (4.677920881479773 51.81421986481233)</t>
  </si>
  <si>
    <t>POINT (4.666429943965597 51.773136238491674)</t>
  </si>
  <si>
    <t>POINT (4.665251629729687 51.810747405274746)</t>
  </si>
  <si>
    <t>POINT (4.675875167129728 51.78523302671258)</t>
  </si>
  <si>
    <t>POINT (4.652962076579319 51.79200628538995)</t>
  </si>
  <si>
    <t>POINT (4.662841847443697 51.810209458622275)</t>
  </si>
  <si>
    <t>POINT (4.6983977602058635 51.793063671927854)</t>
  </si>
  <si>
    <t>POINT (4.732584583313627 51.79615736546577)</t>
  </si>
  <si>
    <t>POINT (4.657366175006783 51.81101409436638)</t>
  </si>
  <si>
    <t>POINT (4.662742913319463 51.816361267306625)</t>
  </si>
  <si>
    <t>POINT (4.663140553431149 51.7964065963751)</t>
  </si>
  <si>
    <t>POINT (4.688297070827489 51.819865942929994)</t>
  </si>
  <si>
    <t>POINT (4.673579475083345 51.81659994718285)</t>
  </si>
  <si>
    <t>POINT (4.696104164844606 51.81804235538738)</t>
  </si>
  <si>
    <t>POINT (4.657514609537861 51.78353296888192)</t>
  </si>
  <si>
    <t>POINT (4.669797591509606 51.800818799666686)</t>
  </si>
  <si>
    <t>POINT (4.684226647651088 51.812652009005234)</t>
  </si>
  <si>
    <t>POINT (4.672610461507148 51.81946358413231)</t>
  </si>
  <si>
    <t>POINT (4.670447621328194 51.77275969482375)</t>
  </si>
  <si>
    <t>POINT (4.671216046585617 51.78580939603949)</t>
  </si>
  <si>
    <t>POINT (4.726550214086126 51.79758298294699)</t>
  </si>
  <si>
    <t>POINT (4.671326031115727 51.818992723447394)</t>
  </si>
  <si>
    <t>POINT (4.7207469658794095 51.81134922971872)</t>
  </si>
  <si>
    <t>POINT (4.674037419310934 51.77943382631279)</t>
  </si>
  <si>
    <t>POINT (4.6524902980032525 51.78523488298454)</t>
  </si>
  <si>
    <t>POINT (4.650937643092725 51.80235410794384)</t>
  </si>
  <si>
    <t>POINT (4.664674433517515 51.81211751206714)</t>
  </si>
  <si>
    <t>POINT (4.696856135597298 51.79744780560968)</t>
  </si>
  <si>
    <t>POINT (4.73176510879138 51.79505700282562)</t>
  </si>
  <si>
    <t>POINT (4.63791080804667 51.77811604751019)</t>
  </si>
  <si>
    <t>POINT (4.6585891577116225 51.79813869415859)</t>
  </si>
  <si>
    <t>POINT (4.663429007391858 51.8147653541449)</t>
  </si>
  <si>
    <t>POINT (4.678747168027826 51.787021297332416)</t>
  </si>
  <si>
    <t>POINT (4.68819811897773 51.806511144854994)</t>
  </si>
  <si>
    <t>POINT (4.695929194103385 51.797205963777046)</t>
  </si>
  <si>
    <t>POINT (4.679465966994798 51.77926418314451)</t>
  </si>
  <si>
    <t>POINT (4.68447080582566 51.80723668543215)</t>
  </si>
  <si>
    <t>POINT (4.67194556421513 51.812560477941226)</t>
  </si>
  <si>
    <t>POINT (4.667113629273611 51.799836415495726)</t>
  </si>
  <si>
    <t>POINT (4.731663642005123 51.795961313670404)</t>
  </si>
  <si>
    <t>POINT (4.660427359533845 51.79196694712597)</t>
  </si>
  <si>
    <t>POINT (4.680563859462645 51.78183794833121)</t>
  </si>
  <si>
    <t>POINT (4.703699324521646 51.79839427911538)</t>
  </si>
  <si>
    <t>POINT (4.7173614110870865 51.813902420890315)</t>
  </si>
  <si>
    <t>POINT (4.728060862053049 51.80326004905213)</t>
  </si>
  <si>
    <t>POINT (4.689469588080545 51.81808572353773)</t>
  </si>
  <si>
    <t>POINT (4.668165289717636 51.78289607536508)</t>
  </si>
  <si>
    <t>POINT (4.667798679201248 51.81393294963059)</t>
  </si>
  <si>
    <t>POINT (4.67046179794781 51.7802933110961)</t>
  </si>
  <si>
    <t>POINT (4.672362385945538 51.819614341427965)</t>
  </si>
  <si>
    <t>POINT (4.669145345860125 51.81643621922575)</t>
  </si>
  <si>
    <t>POINT (4.6579545993224105 51.8099793613319)</t>
  </si>
  <si>
    <t>POINT (4.6740400903642625 51.81452837808836)</t>
  </si>
  <si>
    <t>POINT (4.631907565566726 51.77003419461446)</t>
  </si>
  <si>
    <t>POINT (4.705505575386063 51.79502502350284)</t>
  </si>
  <si>
    <t>POINT (4.678232566088979 51.808022586073115)</t>
  </si>
  <si>
    <t>POINT (4.664467733616372 51.81729875132093)</t>
  </si>
  <si>
    <t>POINT (4.683461962280268 51.785933362412216)</t>
  </si>
  <si>
    <t>POINT (4.6853348325583575 51.774452031962156)</t>
  </si>
  <si>
    <t>POINT (4.673367820123188 51.7956789830517)</t>
  </si>
  <si>
    <t>POINT (4.657129015316717 51.805971356919116)</t>
  </si>
  <si>
    <t>POINT (4.655556088199876 51.79186100087803)</t>
  </si>
  <si>
    <t>POINT (4.680433398656549 51.780701952538706)</t>
  </si>
  <si>
    <t>POINT (4.7022422615004595 51.794481168389495)</t>
  </si>
  <si>
    <t>POINT (4.658593640869698 51.795642676437744)</t>
  </si>
  <si>
    <t>POINT (4.702292300633776 51.795485620484044)</t>
  </si>
  <si>
    <t>POINT (4.6787498020071 51.77611437947803)</t>
  </si>
  <si>
    <t>POINT (4.655800248577552 51.80661459148405)</t>
  </si>
  <si>
    <t>POINT (4.664924841898158 51.800028263439366)</t>
  </si>
  <si>
    <t>POINT (4.66873880274682 51.77519044843078)</t>
  </si>
  <si>
    <t>POINT (4.721226605411888 51.812669353854176)</t>
  </si>
  <si>
    <t>POINT (4.676157572625211 51.77649975993403)</t>
  </si>
  <si>
    <t>POINT (4.674467055083499 51.804624787171484)</t>
  </si>
  <si>
    <t>POINT (4.68121921444013 51.786702945112815)</t>
  </si>
  <si>
    <t>POINT (4.721165392675893 51.799342555773286)</t>
  </si>
  <si>
    <t>POINT (4.716635972878678 51.80302892500511)</t>
  </si>
  <si>
    <t>POINT (4.676568303094443 51.80483407822519)</t>
  </si>
  <si>
    <t>POINT (4.669055793137546 51.8187838716367)</t>
  </si>
  <si>
    <t>POINT (4.660702238067468 51.80672635562923)</t>
  </si>
  <si>
    <t>POINT (4.664250803775899 51.81760999638786)</t>
  </si>
  <si>
    <t>POINT (4.67870591017412 51.805370711932156)</t>
  </si>
  <si>
    <t>POINT (4.688951493216576 51.790205222018855)</t>
  </si>
  <si>
    <t>POINT (4.675387219885728 51.780758529311115)</t>
  </si>
  <si>
    <t>POINT (4.711188519811932 51.79606735087918)</t>
  </si>
  <si>
    <t>POINT (4.635558874112875 51.781038347863365)</t>
  </si>
  <si>
    <t>POINT (4.651646255998308 51.80307545524293)</t>
  </si>
  <si>
    <t>POINT (4.6522233871769245 51.784386419593474)</t>
  </si>
  <si>
    <t>POINT (4.655469308748055 51.79191618962949)</t>
  </si>
  <si>
    <t>POINT (4.673399726876954 51.81615362733065)</t>
  </si>
  <si>
    <t>POINT (4.685351765531447 51.78218996409026)</t>
  </si>
  <si>
    <t>POINT (4.68399700134196 51.78988062815827)</t>
  </si>
  <si>
    <t>POINT (4.671996359267954 51.77367774692294)</t>
  </si>
  <si>
    <t>POINT (4.662588844671838 51.78543262042608)</t>
  </si>
  <si>
    <t>POINT (4.6530471401879625 51.791370003484865)</t>
  </si>
  <si>
    <t>POINT (4.651266115963995 51.79045118175127)</t>
  </si>
  <si>
    <t>POINT (4.652361351899463 51.7923157447034)</t>
  </si>
  <si>
    <t>POINT (4.678393430123632 51.8157296786937)</t>
  </si>
  <si>
    <t>POINT (4.668779440862306 51.814035846704954)</t>
  </si>
  <si>
    <t>POINT (4.661957094329737 51.804514145574714)</t>
  </si>
  <si>
    <t>POINT (4.685632184704378 51.78103707979822)</t>
  </si>
  <si>
    <t>POINT (4.709017758227949 51.80830892947362)</t>
  </si>
  <si>
    <t>POINT (4.696569067409693 51.79020073338903)</t>
  </si>
  <si>
    <t>POINT (4.655449053668593 51.80693034099681)</t>
  </si>
  <si>
    <t>POINT (4.65809806220264 51.80976120744285)</t>
  </si>
  <si>
    <t>POINT (4.687985448485079 51.81043394228465)</t>
  </si>
  <si>
    <t>POINT (4.666338528111884 51.81356923342697)</t>
  </si>
  <si>
    <t>POINT (4.67874383894889 51.806461734636066)</t>
  </si>
  <si>
    <t>POINT (4.673924078634991 51.80442992099728)</t>
  </si>
  <si>
    <t>POINT (4.699919099251127 51.817520432365924)</t>
  </si>
  <si>
    <t>POINT (4.71980430703287 51.79761700074515)</t>
  </si>
  <si>
    <t>POINT (4.659807094767504 51.80155137679143)</t>
  </si>
  <si>
    <t>POINT (4.699640169155623 51.790689231309386)</t>
  </si>
  <si>
    <t>POINT (4.668454607885024 51.7919919978568)</t>
  </si>
  <si>
    <t>POINT (4.661558727588522 51.771962933309844)</t>
  </si>
  <si>
    <t>POINT (4.684549196914378 51.81255999121223)</t>
  </si>
  <si>
    <t>POINT (4.6566923610238105 51.79150437181577)</t>
  </si>
  <si>
    <t>POINT (4.663421787277547 51.81273091970964)</t>
  </si>
  <si>
    <t>POINT (4.65644286501217 51.80444352896854)</t>
  </si>
  <si>
    <t>POINT (4.662945558815212 51.81245735033584)</t>
  </si>
  <si>
    <t>POINT (4.676028367637088 51.774625334197935)</t>
  </si>
  <si>
    <t>POINT (4.675913119868443 51.785978015464075)</t>
  </si>
  <si>
    <t>POINT (4.671501487180811 51.79930631520646)</t>
  </si>
  <si>
    <t>POINT (4.727905771601394 51.7916992149481)</t>
  </si>
  <si>
    <t>POINT (4.684991433263627 51.77773002517858)</t>
  </si>
  <si>
    <t>POINT (4.691008282335087 51.8084423556762)</t>
  </si>
  <si>
    <t>POINT (4.68695894836939 51.77751782578208)</t>
  </si>
  <si>
    <t>POINT (4.692116161507443 51.8191987083041)</t>
  </si>
  <si>
    <t>POINT (4.722400243799756 51.80341797230656)</t>
  </si>
  <si>
    <t>POINT (4.6802545812869205 51.785790005639335)</t>
  </si>
  <si>
    <t>POINT (4.681424776939453 51.80248584035246)</t>
  </si>
  <si>
    <t>POINT (4.704966829853266 51.80737507718301)</t>
  </si>
  <si>
    <t>POINT (4.6638102907006145 51.810563753073566)</t>
  </si>
  <si>
    <t>POINT (4.6783677674899184 51.80790730515161)</t>
  </si>
  <si>
    <t>POINT (4.694764118459718 51.81795269606899)</t>
  </si>
  <si>
    <t>POINT (4.735146493875683 51.79897835204051)</t>
  </si>
  <si>
    <t>POINT (4.68387018783297 51.809999115834856)</t>
  </si>
  <si>
    <t>POINT (4.685574538258561 51.80384196852393)</t>
  </si>
  <si>
    <t>POINT (4.655384322334691 51.80804286337023)</t>
  </si>
  <si>
    <t>POINT (4.672732612637177 51.78171771795455)</t>
  </si>
  <si>
    <t>POINT (4.6845194174355775 51.808239302948934)</t>
  </si>
  <si>
    <t>POINT (4.709470797943038 51.790169219259035)</t>
  </si>
  <si>
    <t>POINT (4.686536425406197 51.809838213810835)</t>
  </si>
  <si>
    <t>POINT (4.667303702466634 51.78950289113292)</t>
  </si>
  <si>
    <t>POINT (4.721800422172435 51.804417596982695)</t>
  </si>
  <si>
    <t>POINT (4.66088612711441 51.81101854039691)</t>
  </si>
  <si>
    <t>POINT (4.645430813864333 51.77356943596033)</t>
  </si>
  <si>
    <t>POINT (4.665841707284346 51.81629763259505)</t>
  </si>
  <si>
    <t>POINT (4.673271553049068 51.79334498689457)</t>
  </si>
  <si>
    <t>POINT (4.65858112940234 51.767604911249144)</t>
  </si>
  <si>
    <t>POINT (4.666481513943369 51.78929268456039)</t>
  </si>
  <si>
    <t>POINT (4.653488562473041 51.79041704929535)</t>
  </si>
  <si>
    <t>POINT (4.6694698723568875 51.81320847513433)</t>
  </si>
  <si>
    <t>POINT (4.676095686940385 51.80554908675723)</t>
  </si>
  <si>
    <t>POINT (4.7198199537656205 51.803934283992135)</t>
  </si>
  <si>
    <t>POINT (4.6685612466057735 51.81278073431331)</t>
  </si>
  <si>
    <t>POINT (4.686581494875107 51.80422754100059)</t>
  </si>
  <si>
    <t>POINT (4.644640755085088 51.77304960638783)</t>
  </si>
  <si>
    <t>POINT (4.712765838306468 51.80854813714176)</t>
  </si>
  <si>
    <t>POINT (4.689233136128505 51.81034258452686)</t>
  </si>
  <si>
    <t>POINT (4.712412528663405 51.7942109223281)</t>
  </si>
  <si>
    <t>POINT (4.678052195891794 51.80766114024877)</t>
  </si>
  <si>
    <t>POINT (4.67166293729039 51.78257560536485)</t>
  </si>
  <si>
    <t>POINT (4.6714333367539425 51.77872822432771)</t>
  </si>
  <si>
    <t>POINT (4.66683004535984 51.77787631653688)</t>
  </si>
  <si>
    <t>POINT (4.722991134336475 51.819154034123486)</t>
  </si>
  <si>
    <t>POINT (4.715004119705392 51.81498176289099)</t>
  </si>
  <si>
    <t>POINT (4.710832880347878 51.79618699862443)</t>
  </si>
  <si>
    <t>POINT (4.6615359767647035 51.797489474739685)</t>
  </si>
  <si>
    <t>POINT (4.6710548603379936 51.80007047782708)</t>
  </si>
  <si>
    <t>POINT (4.7239631444237835 51.80299925411236)</t>
  </si>
  <si>
    <t>POINT (4.675088161208875 51.81028262454158)</t>
  </si>
  <si>
    <t>POINT (4.686157215846191 51.781420719372434)</t>
  </si>
  <si>
    <t>POINT (4.662008930510914 51.81257258963499)</t>
  </si>
  <si>
    <t>POINT (4.6761648894779615 51.78944116959869)</t>
  </si>
  <si>
    <t>POINT (4.672132599261544 51.78074483642676)</t>
  </si>
  <si>
    <t>POINT (4.665035285877933 51.81579377456403)</t>
  </si>
  <si>
    <t>POINT (4.674304645631842 51.819120273119324)</t>
  </si>
  <si>
    <t>POINT (4.67316426234647 51.81762922188201)</t>
  </si>
  <si>
    <t>POINT (4.6650106504451685 51.81209614817898)</t>
  </si>
  <si>
    <t>POINT (4.6359275274558644 51.776033307329136)</t>
  </si>
  <si>
    <t>POINT (4.719402246716211 51.80086788487206)</t>
  </si>
  <si>
    <t>POINT (4.681351054171232 51.810736458594796)</t>
  </si>
  <si>
    <t>POINT (4.700995334011243 51.79561385161294)</t>
  </si>
  <si>
    <t>POINT (4.652856552979473 51.792347204914165)</t>
  </si>
  <si>
    <t>POINT (4.671698069183427 51.78006654139105)</t>
  </si>
  <si>
    <t>POINT (4.66195253955318 51.80155172310237)</t>
  </si>
  <si>
    <t>POINT (4.686636450087972 51.8027946524951)</t>
  </si>
  <si>
    <t>POINT (4.669815012937387 51.796193380092795)</t>
  </si>
  <si>
    <t>POINT (4.679560400459013 51.80269184948466)</t>
  </si>
  <si>
    <t>POINT (4.677731878629424 51.78197627685753)</t>
  </si>
  <si>
    <t>POINT (4.7058140791080065 51.815798703771065)</t>
  </si>
  <si>
    <t>POINT (4.666137639411594 51.77208771426255)</t>
  </si>
  <si>
    <t>POINT (4.705322984412061 51.79480426147544)</t>
  </si>
  <si>
    <t>POINT (4.744496484766177 51.816036322196446)</t>
  </si>
  <si>
    <t>POINT (4.6821540461658 51.7820329722161)</t>
  </si>
  <si>
    <t>POINT (4.706116408477508 51.79699655800756)</t>
  </si>
  <si>
    <t>POINT (4.684639053560891 51.812335507000945)</t>
  </si>
  <si>
    <t>POINT (4.688409527207291 51.80845738042753)</t>
  </si>
  <si>
    <t>POINT (4.6921459455074395 51.79430030598035)</t>
  </si>
  <si>
    <t>POINT (4.652963761947334 51.80412118286273)</t>
  </si>
  <si>
    <t>POINT (4.665545749876504 51.812608028494466)</t>
  </si>
  <si>
    <t>POINT (4.6639640373120885 51.79803582527657)</t>
  </si>
  <si>
    <t>POINT (4.712825403248262 51.81502000443688)</t>
  </si>
  <si>
    <t>POINT (4.68539592502107 51.792159070878476)</t>
  </si>
  <si>
    <t>POINT (4.703008981536139 51.815620723116815)</t>
  </si>
  <si>
    <t>POINT (4.656275611905978 51.80622034316746)</t>
  </si>
  <si>
    <t>POINT (4.6832496727729005 51.80697499570953)</t>
  </si>
  <si>
    <t>POINT (4.659958575874544 51.78838056801209)</t>
  </si>
  <si>
    <t>POINT (4.669964213178742 51.77891407106439)</t>
  </si>
  <si>
    <t>POINT (4.661269989931541 51.78696709949026)</t>
  </si>
  <si>
    <t>POINT (4.660434700300109 51.8072453417695)</t>
  </si>
  <si>
    <t>POINT (4.6300050189627635 51.724601163626126)</t>
  </si>
  <si>
    <t>POINT (4.682104659117044 51.78186498221888)</t>
  </si>
  <si>
    <t>POINT (4.712066426734914 51.804314453332836)</t>
  </si>
  <si>
    <t>POINT (4.734235315830612 51.797805732483376)</t>
  </si>
  <si>
    <t>POINT (4.66965897618273 51.77682222082222)</t>
  </si>
  <si>
    <t>POINT (4.6596470272553105 51.795786345297124)</t>
  </si>
  <si>
    <t>POINT (4.67410998070437 51.77735544015494)</t>
  </si>
  <si>
    <t>POINT (4.701280979860617 51.816267373742974)</t>
  </si>
  <si>
    <t>POINT (4.661055217319515 51.81254896644946)</t>
  </si>
  <si>
    <t>POINT (4.677291320849565 51.80413829073272)</t>
  </si>
  <si>
    <t>POINT (4.698229853131365 51.81765346532093)</t>
  </si>
  <si>
    <t>POINT (4.6746695270878 51.8153423232059)</t>
  </si>
  <si>
    <t>POINT (4.664241471932601 51.79379197548155)</t>
  </si>
  <si>
    <t>POINT (4.70780186496067 51.78831593591275)</t>
  </si>
  <si>
    <t>POINT (4.696914317510239 51.79741902465064)</t>
  </si>
  <si>
    <t>POINT (4.676947791771244 51.81495863670643)</t>
  </si>
  <si>
    <t>POINT (4.680105392952656 51.78717043501195)</t>
  </si>
  <si>
    <t>POINT (4.660629411722605 51.812673233110324)</t>
  </si>
  <si>
    <t>POINT (4.678259700878264 51.81576184135564)</t>
  </si>
  <si>
    <t>POINT (4.726637703830706 51.79839269627157)</t>
  </si>
  <si>
    <t>POINT (4.667774559223042 51.814274820876804)</t>
  </si>
  <si>
    <t>POINT (4.6580434507313875 51.79324597071759)</t>
  </si>
  <si>
    <t>POINT (4.7052080966981835 51.80731955451865)</t>
  </si>
  <si>
    <t>POINT (4.697201716063912 51.797076215487444)</t>
  </si>
  <si>
    <t>POINT (4.666256623436025 51.79949529012912)</t>
  </si>
  <si>
    <t>POINT (4.681395606000755 51.78741417618248)</t>
  </si>
  <si>
    <t>POINT (4.707450245325655 51.79474078657072)</t>
  </si>
  <si>
    <t>POINT (4.716038118304743 51.79997165813908)</t>
  </si>
  <si>
    <t>POINT (4.698717601910636 51.78417358196632)</t>
  </si>
  <si>
    <t>POINT (4.666492457582417 51.81320888795943)</t>
  </si>
  <si>
    <t>POINT (4.680581129057228 51.77969484079384)</t>
  </si>
  <si>
    <t>POINT (4.68952584677222 51.789866682750976)</t>
  </si>
  <si>
    <t>POINT (4.677708134667401 51.79066458903107)</t>
  </si>
  <si>
    <t>POINT (4.70681730572267 51.80654510366673)</t>
  </si>
  <si>
    <t>POINT (4.673850900382168 51.804404289850254)</t>
  </si>
  <si>
    <t>POINT (4.670497853332099 51.77211556477585)</t>
  </si>
  <si>
    <t>POINT (4.717838991680978 51.81465112158217)</t>
  </si>
  <si>
    <t>POINT (4.663263584086173 51.80016058565404)</t>
  </si>
  <si>
    <t>POINT (4.672559216285081 51.78245619834438)</t>
  </si>
  <si>
    <t>POINT (4.712573423342518 51.798908699694195)</t>
  </si>
  <si>
    <t>POINT (4.678452705061928 51.781377897264555)</t>
  </si>
  <si>
    <t>POINT (4.715538052440881 51.80399971139253)</t>
  </si>
  <si>
    <t>POINT (4.653300813559126 51.79352653523613)</t>
  </si>
  <si>
    <t>POINT (4.666492692753396 51.7990650135754)</t>
  </si>
  <si>
    <t>POINT (4.674993982277108 51.7887243102864)</t>
  </si>
  <si>
    <t>POINT (4.719526153284189 51.812680787980014)</t>
  </si>
  <si>
    <t>POINT (4.667539966930284 51.79414846005556)</t>
  </si>
  <si>
    <t>POINT (4.671242817018928 51.81867251589842)</t>
  </si>
  <si>
    <t>POINT (4.7146860756422395 51.81441025898505)</t>
  </si>
  <si>
    <t>POINT (4.671248295920687 51.79906186913966)</t>
  </si>
  <si>
    <t>POINT (4.658975295258524 51.79539445000418)</t>
  </si>
  <si>
    <t>POINT (4.686205208666552 51.806046649759644)</t>
  </si>
  <si>
    <t>POINT (4.652545556606367 51.787710533109156)</t>
  </si>
  <si>
    <t>POINT (4.709688735616761 51.80749936870262)</t>
  </si>
  <si>
    <t>POINT (4.71003377326589 51.80512850978455)</t>
  </si>
  <si>
    <t>POINT (4.672802041708648 51.77619422931445)</t>
  </si>
  <si>
    <t>POINT (4.66097984111378 51.78627916836455)</t>
  </si>
  <si>
    <t>POINT (4.670140259848895 51.81027519978911)</t>
  </si>
  <si>
    <t>POINT (4.745745752433811 51.81700748195812)</t>
  </si>
  <si>
    <t>POINT (4.665959786655061 51.789329046306364)</t>
  </si>
  <si>
    <t>POINT (4.676878269620945 51.77484287888631)</t>
  </si>
  <si>
    <t>POINT (4.6537621684780595 51.78569681756066)</t>
  </si>
  <si>
    <t>POINT (4.663798857679918 51.79483136995173)</t>
  </si>
  <si>
    <t>POINT (4.676191095965226 51.77731238947338)</t>
  </si>
  <si>
    <t>POINT (4.643897381485563 51.77000208292363)</t>
  </si>
  <si>
    <t>POINT (4.700014204103055 51.79804319283297)</t>
  </si>
  <si>
    <t>POINT (4.681168149447436 51.798851854585685)</t>
  </si>
  <si>
    <t>POINT (4.690597425821534 51.805983090848976)</t>
  </si>
  <si>
    <t>POINT (4.6825843421627225 51.775769157748314)</t>
  </si>
  <si>
    <t>POINT (4.685608731962348 51.81351794207887)</t>
  </si>
  <si>
    <t>POINT (4.70317043059001 51.81607544696851)</t>
  </si>
  <si>
    <t>POINT (4.665610514869966 51.795742250464464)</t>
  </si>
  <si>
    <t>POINT (4.714696654365127 51.81443996413)</t>
  </si>
  <si>
    <t>POINT (4.687757173129109 51.80779301570682)</t>
  </si>
  <si>
    <t>POINT (4.6610208063102 51.805187396442)</t>
  </si>
  <si>
    <t>POINT (4.6587464256061075 51.77240400472257)</t>
  </si>
  <si>
    <t>POINT (4.700039837661478 51.79662040110348)</t>
  </si>
  <si>
    <t>POINT (4.667288905634677 51.77983230024608)</t>
  </si>
  <si>
    <t>POINT (4.69619564632291 51.79899165831453)</t>
  </si>
  <si>
    <t>POINT (4.664246193081852 51.817728375799554)</t>
  </si>
  <si>
    <t>POINT (4.730186905069891 51.80043880799003)</t>
  </si>
  <si>
    <t>POINT (4.694581404270962 51.79059522229576)</t>
  </si>
  <si>
    <t>POINT (4.681918931888131 51.780950595956696)</t>
  </si>
  <si>
    <t>POINT (4.630733190951878 51.72192016607907)</t>
  </si>
  <si>
    <t>POINT (4.690897683050097 51.819201472024545)</t>
  </si>
  <si>
    <t>POINT (4.65557940630152 51.7919122381266)</t>
  </si>
  <si>
    <t>POINT (4.73097975850318 51.803415661444504)</t>
  </si>
  <si>
    <t>POINT (4.698504322398251 51.79339564694996)</t>
  </si>
  <si>
    <t>POINT (4.656613892955922 51.80344239933945)</t>
  </si>
  <si>
    <t>POINT (4.683980106184163 51.78144771387588)</t>
  </si>
  <si>
    <t>POINT (4.729924319037062 51.804876744386256)</t>
  </si>
  <si>
    <t>POINT (4.656562226551829 51.80978042762359)</t>
  </si>
  <si>
    <t>POINT (4.672308474339723 51.80563788437199)</t>
  </si>
  <si>
    <t>POINT (4.662438404896984 51.8126131211607)</t>
  </si>
  <si>
    <t>POINT (4.664478670679581 51.81779258455755)</t>
  </si>
  <si>
    <t>POINT (4.691966582595735 51.8184858493152)</t>
  </si>
  <si>
    <t>POINT (4.734796406262371 51.79778489904846)</t>
  </si>
  <si>
    <t>POINT (4.677610875225257 51.789930065066464)</t>
  </si>
  <si>
    <t>POINT (4.711688713574192 51.79350556950527)</t>
  </si>
  <si>
    <t>POINT (4.666437665716813 51.7963103689172)</t>
  </si>
  <si>
    <t>POINT (4.651899571684095 51.78313521866191)</t>
  </si>
  <si>
    <t>POINT (4.714032958636072 51.8076589574659)</t>
  </si>
  <si>
    <t>POINT (4.693313177895085 51.79539613038755)</t>
  </si>
  <si>
    <t>POINT (4.672605902375232 51.80601231283564)</t>
  </si>
  <si>
    <t>POINT (4.665036950356449 51.77733554889758)</t>
  </si>
  <si>
    <t>POINT (4.652502378022295 51.80139821510651)</t>
  </si>
  <si>
    <t>POINT (4.6723888935934195 51.81114044284934)</t>
  </si>
  <si>
    <t>POINT (4.685349591584821 51.792130605180496)</t>
  </si>
  <si>
    <t>POINT (4.700101868689126 51.80420224343035)</t>
  </si>
  <si>
    <t>POINT (4.640831778343108 51.77865707006167)</t>
  </si>
  <si>
    <t>POINT (4.667561980505409 51.78760638545966)</t>
  </si>
  <si>
    <t>POINT (4.681827572676212 51.775016227350946)</t>
  </si>
  <si>
    <t>POINT (4.650980863779054 51.79479056252576)</t>
  </si>
  <si>
    <t>POINT (4.706170794139393 51.78957957054772)</t>
  </si>
  <si>
    <t>POINT (4.679345490741929 51.77839460815001)</t>
  </si>
  <si>
    <t>POINT (4.6672874499115355 51.81112806171635)</t>
  </si>
  <si>
    <t>POINT (4.678492254211897 51.78557352135667)</t>
  </si>
  <si>
    <t>POINT (4.718142089875027 51.80120513296673)</t>
  </si>
  <si>
    <t>POINT (4.703110484599785 51.81667695019563)</t>
  </si>
  <si>
    <t>POINT (4.672563607603711 51.819280972745055)</t>
  </si>
  <si>
    <t>POINT (4.65208151924697 51.80355705608128)</t>
  </si>
  <si>
    <t>POINT (4.670757088030564 51.81732073906047)</t>
  </si>
  <si>
    <t>POINT (4.729087032983745 51.80498262060698)</t>
  </si>
  <si>
    <t>POINT (4.668099455252491 51.81483227630883)</t>
  </si>
  <si>
    <t>POINT (4.660400495395771 51.80729295872823)</t>
  </si>
  <si>
    <t>POINT (4.671414344174555 51.80039142829511)</t>
  </si>
  <si>
    <t>POINT (4.655542721403885 51.79183343003975)</t>
  </si>
  <si>
    <t>POINT (4.655730744192199 51.80044173679855)</t>
  </si>
  <si>
    <t>POINT (4.667714175100011 51.77082955578045)</t>
  </si>
  <si>
    <t>POINT (4.656275289248641 51.81170222015186)</t>
  </si>
  <si>
    <t>POINT (4.645488901554028 51.799963373484445)</t>
  </si>
  <si>
    <t>POINT (4.681291572992012 51.77417921920175)</t>
  </si>
  <si>
    <t>POINT (4.673159418537437 51.78205636863173)</t>
  </si>
  <si>
    <t>POINT (4.72694518227108 51.795107171357884)</t>
  </si>
  <si>
    <t>POINT (4.672622259132453 51.78749395881022)</t>
  </si>
  <si>
    <t>POINT (4.659881142271088 51.79110605740014)</t>
  </si>
  <si>
    <t>POINT (4.669224772697091 51.81244444850389)</t>
  </si>
  <si>
    <t>POINT (4.651181261609805 51.78847981957216)</t>
  </si>
  <si>
    <t>POINT (4.720228587299305 51.81417713814767)</t>
  </si>
  <si>
    <t>POINT (4.727154164819987 51.797425017982626)</t>
  </si>
  <si>
    <t>POINT (4.6758043004641445 51.77420698006124)</t>
  </si>
  <si>
    <t>POINT (4.693302057160461 51.788453749371214)</t>
  </si>
  <si>
    <t>POINT (4.663987664562544 51.80275643712692)</t>
  </si>
  <si>
    <t>POINT (4.652381285594721 51.78436245616263)</t>
  </si>
  <si>
    <t>POINT (4.679169823182363 51.781885631340465)</t>
  </si>
  <si>
    <t>POINT (4.681351102943619 51.81322692174794)</t>
  </si>
  <si>
    <t>POINT (4.66990145867659 51.81082279572951)</t>
  </si>
  <si>
    <t>POINT (4.666289379281876 51.796188838525005)</t>
  </si>
  <si>
    <t>POINT (4.664032450973777 51.79528968766013)</t>
  </si>
  <si>
    <t>POINT (4.666840232466361 51.81587996789999)</t>
  </si>
  <si>
    <t>POINT (4.6554762038648665 51.810384433153835)</t>
  </si>
  <si>
    <t>POINT (4.676380625228597 51.803513942708236)</t>
  </si>
  <si>
    <t>POINT (4.6970938084640705 51.79473819394411)</t>
  </si>
  <si>
    <t>POINT (4.678431229346325 51.78467079534855)</t>
  </si>
  <si>
    <t>POINT (4.734080822330599 51.79174828046678)</t>
  </si>
  <si>
    <t>POINT (4.712832807367228 51.81504275228162)</t>
  </si>
  <si>
    <t>POINT (4.6728331975608235 51.81853760635905)</t>
  </si>
  <si>
    <t>POINT (4.718674729311137 51.81573942005641)</t>
  </si>
  <si>
    <t>POINT (4.672852375899288 51.807897418219746)</t>
  </si>
  <si>
    <t>POINT (4.634146547034892 51.770268961565726)</t>
  </si>
  <si>
    <t>POINT (4.724493970660082 51.797237053845194)</t>
  </si>
  <si>
    <t>POINT (4.674281042750644 51.796977423989986)</t>
  </si>
  <si>
    <t>POINT (4.659417887891783 51.81068450270712)</t>
  </si>
  <si>
    <t>POINT (4.652490006285612 51.7898098411991)</t>
  </si>
  <si>
    <t>POINT (4.666875115316601 51.815896100954106)</t>
  </si>
  <si>
    <t>POINT (4.680336815597258 51.80635883932042)</t>
  </si>
  <si>
    <t>POINT (4.669237671279343 51.77030361429124)</t>
  </si>
  <si>
    <t>POINT (4.726976740634104 51.79801901406364)</t>
  </si>
  <si>
    <t>POINT (4.6886355113699905 51.80752556772341)</t>
  </si>
  <si>
    <t>POINT (4.710243017516521 51.81447387229901)</t>
  </si>
  <si>
    <t>POINT (4.6591100513063415 51.802655485423806)</t>
  </si>
  <si>
    <t>POINT (4.682981989285942 51.804048295908785)</t>
  </si>
  <si>
    <t>POINT (4.696051697237978 51.79512709354676)</t>
  </si>
  <si>
    <t>POINT (4.67607787626497 51.799460603703885)</t>
  </si>
  <si>
    <t>POINT (4.675980778074566 51.816991589648836)</t>
  </si>
  <si>
    <t>POINT (4.6538363552699336 51.80327841241631)</t>
  </si>
  <si>
    <t>POINT (4.704833789487493 51.794225090956324)</t>
  </si>
  <si>
    <t>POINT (4.698855283644747 51.79131000656633)</t>
  </si>
  <si>
    <t>POINT (4.6538272019838045 51.78537032249707)</t>
  </si>
  <si>
    <t>POINT (4.680412665310075 51.77384163136993)</t>
  </si>
  <si>
    <t>POINT (4.663311818544448 51.797977349412314)</t>
  </si>
  <si>
    <t>POINT (4.718293528801216 51.805867516925524)</t>
  </si>
  <si>
    <t>POINT (4.671614354392924 51.79676124504538)</t>
  </si>
  <si>
    <t>POINT (4.686844501506487 51.80708489202703)</t>
  </si>
  <si>
    <t>POINT (4.6975962479358415 51.80052389115)</t>
  </si>
  <si>
    <t>POINT (4.663940648768823 51.812938134770306)</t>
  </si>
  <si>
    <t>POINT (4.661144153475102 51.786993376710136)</t>
  </si>
  <si>
    <t>POINT (4.725946013129304 51.79804845395112)</t>
  </si>
  <si>
    <t>POINT (4.678568353844132 51.778370050455486)</t>
  </si>
  <si>
    <t>POINT (4.677565931902589 51.781356904307174)</t>
  </si>
  <si>
    <t>POINT (4.717140174037299 51.802246781853995)</t>
  </si>
  <si>
    <t>POINT (4.68367085185487 51.80300117589274)</t>
  </si>
  <si>
    <t>POINT (4.679001853723375 51.774602041759906)</t>
  </si>
  <si>
    <t>POINT (4.684092858519064 51.77630286328229)</t>
  </si>
  <si>
    <t>POINT (4.711709899770128 51.814071876378534)</t>
  </si>
  <si>
    <t>POINT (4.729054147399527 51.80489526437391)</t>
  </si>
  <si>
    <t>POINT (4.712429749158529 51.81044513693869)</t>
  </si>
  <si>
    <t>POINT (4.68288658534494 51.80276063502118)</t>
  </si>
  <si>
    <t>POINT (4.654183217699399 51.787703717339426)</t>
  </si>
  <si>
    <t>POINT (4.629384819020729 51.7261569178654)</t>
  </si>
  <si>
    <t>POINT (4.641622732201569 51.74299194346313)</t>
  </si>
  <si>
    <t>POINT (4.704413138946951 51.807366616354365)</t>
  </si>
  <si>
    <t>POINT (4.707148777450171 51.786421654436964)</t>
  </si>
  <si>
    <t>POINT (4.6851686141256925 51.786215972945506)</t>
  </si>
  <si>
    <t>POINT (4.715144221632296 51.81383040184762)</t>
  </si>
  <si>
    <t>POINT (4.659963840680081 51.77192781393072)</t>
  </si>
  <si>
    <t>POINT (4.70890612194767 51.80797040095475)</t>
  </si>
  <si>
    <t>POINT (4.666714984104126 51.79355239860027)</t>
  </si>
  <si>
    <t>POINT (4.730122635167136 51.79701453082208)</t>
  </si>
  <si>
    <t>POINT (4.676842166471953 51.776262174950446)</t>
  </si>
  <si>
    <t>POINT (4.728457508792316 51.79739242438505)</t>
  </si>
  <si>
    <t>POINT (4.689637891063004 51.81880253535579)</t>
  </si>
  <si>
    <t>POINT (4.692941938426293 51.7890988666297)</t>
  </si>
  <si>
    <t>POINT (4.727382997112979 51.79660555191141)</t>
  </si>
  <si>
    <t>POINT (4.675036095760461 51.776651417616435)</t>
  </si>
  <si>
    <t>POINT (4.733426501628173 51.80332835015088)</t>
  </si>
  <si>
    <t>POINT (4.73362721984758 51.801331654357185)</t>
  </si>
  <si>
    <t>POINT (4.668575854169872 51.80821767603785)</t>
  </si>
  <si>
    <t>POINT (4.678911769312819 51.7991166253183)</t>
  </si>
  <si>
    <t>POINT (4.670658305278929 51.80975830628161)</t>
  </si>
  <si>
    <t>POINT (4.686995355079402 51.77994201586028)</t>
  </si>
  <si>
    <t>POINT (4.676061797043967 51.77231967194987)</t>
  </si>
  <si>
    <t>POINT (4.664829153437671 51.79837194795435)</t>
  </si>
  <si>
    <t>POINT (4.655624688236654 51.791898012740326)</t>
  </si>
  <si>
    <t>POINT (4.7007664249993075 51.790492332190134)</t>
  </si>
  <si>
    <t>POINT (4.684170446403781 51.811316001781286)</t>
  </si>
  <si>
    <t>POINT (4.680223066345477 51.80080672060854)</t>
  </si>
  <si>
    <t>POINT (4.700913867399109 51.797392537843216)</t>
  </si>
  <si>
    <t>POINT (4.710921040305657 51.814133228865394)</t>
  </si>
  <si>
    <t>POINT (4.684016871659392 51.798108673157614)</t>
  </si>
  <si>
    <t>POINT (4.6638960869271875 51.79940282061504)</t>
  </si>
  <si>
    <t>POINT (4.6648037154183655 51.79571318671744)</t>
  </si>
  <si>
    <t>POINT (4.715934034053814 51.80649055580436)</t>
  </si>
  <si>
    <t>POINT (4.733519311049999 51.802968072440756)</t>
  </si>
  <si>
    <t>POINT (4.653821493373556 51.793687543159685)</t>
  </si>
  <si>
    <t>POINT (4.680406100605247 51.809768381092724)</t>
  </si>
  <si>
    <t>POINT (4.73228804135193 51.800125291785605)</t>
  </si>
  <si>
    <t>POINT (4.675412889711632 51.7833527617084)</t>
  </si>
  <si>
    <t>POINT (4.661126187857558 51.78797286401231)</t>
  </si>
  <si>
    <t>POINT (4.658469482719452 51.810806939428254)</t>
  </si>
  <si>
    <t>POINT (4.671542807084672 51.80190649992133)</t>
  </si>
  <si>
    <t>POINT (4.661796143293023 51.77193217747678)</t>
  </si>
  <si>
    <t>POINT (4.686563805405872 51.78258142276158)</t>
  </si>
  <si>
    <t>POINT (4.700918270306158 51.81656959985485)</t>
  </si>
  <si>
    <t>POINT (4.6669814456274485 51.81549246992811)</t>
  </si>
  <si>
    <t>POINT (4.669478709900116 51.80273626676117)</t>
  </si>
  <si>
    <t>POINT (4.710690226014085 51.80434718266207)</t>
  </si>
  <si>
    <t>POINT (4.657495442970729 51.79666902158254)</t>
  </si>
  <si>
    <t>POINT (4.694642787551759 51.79462898328408)</t>
  </si>
  <si>
    <t>POINT (4.6634736768998275 51.79065994615785)</t>
  </si>
  <si>
    <t>POINT (4.643206942755058 51.76682266468029)</t>
  </si>
  <si>
    <t>POINT (4.730606920935993 51.80198059828201)</t>
  </si>
  <si>
    <t>POINT (4.666253628094843 51.79955479484369)</t>
  </si>
  <si>
    <t>POINT (4.664430158931446 51.8175816541928)</t>
  </si>
  <si>
    <t>POINT (4.7307883390129 51.795430835776216)</t>
  </si>
  <si>
    <t>POINT (4.665024267756954 51.77929357249679)</t>
  </si>
  <si>
    <t>POINT (4.6976975508947065 51.79202336243715)</t>
  </si>
  <si>
    <t>POINT (4.66570699552519 51.796059947069935)</t>
  </si>
  <si>
    <t>POINT (4.671663009361017 51.816750874205596)</t>
  </si>
  <si>
    <t>POINT (4.681575651616588 51.81007104791195)</t>
  </si>
  <si>
    <t>POINT (4.674331881817832 51.78340136066725)</t>
  </si>
  <si>
    <t>POINT (4.663532037474903 51.79362078020395)</t>
  </si>
  <si>
    <t>POINT (4.658403822862235 51.78227804540426)</t>
  </si>
  <si>
    <t>POINT (4.706678084446407 51.80665803873856)</t>
  </si>
  <si>
    <t>POINT (4.674187394900547 51.79699748393856)</t>
  </si>
  <si>
    <t>POINT (4.719687126023321 51.79769058936311)</t>
  </si>
  <si>
    <t>POINT (4.725419364637995 51.7979849910253)</t>
  </si>
  <si>
    <t>POINT (4.674444828591388 51.80731624005841)</t>
  </si>
  <si>
    <t>POINT (4.681115513296333 51.78576196879148)</t>
  </si>
  <si>
    <t>POINT (4.66184651994358 51.816281043478305)</t>
  </si>
  <si>
    <t>POINT (4.654507815110192 51.80414130657365)</t>
  </si>
  <si>
    <t>POINT (4.657943099366973 51.8024175703784)</t>
  </si>
  <si>
    <t>POINT (4.660119836848319 51.813319275682026)</t>
  </si>
  <si>
    <t>POINT (4.665391826863312 51.81388520002739)</t>
  </si>
  <si>
    <t>POINT (4.710322883374994 51.80596852226222)</t>
  </si>
  <si>
    <t>POINT (4.680872749346466 51.79840750092395)</t>
  </si>
  <si>
    <t>POINT (4.65488954844544 51.80338780311109)</t>
  </si>
  <si>
    <t>POINT (4.653854315828057 51.801823523848206)</t>
  </si>
  <si>
    <t>POINT (4.660564417837687 51.80994033344343)</t>
  </si>
  <si>
    <t>POINT (4.727703316930165 51.80298374272063)</t>
  </si>
  <si>
    <t>POINT (4.6611609188707 51.80287628204431)</t>
  </si>
  <si>
    <t>POINT (4.716114413295192 51.80139760456859)</t>
  </si>
  <si>
    <t>POINT (4.689872686010336 51.80721702868534)</t>
  </si>
  <si>
    <t>POINT (4.709345375889738 51.80890058555396)</t>
  </si>
  <si>
    <t>POINT (4.698189610639857 51.7954643304483)</t>
  </si>
  <si>
    <t>POINT (4.670431641031917 51.789742501540395)</t>
  </si>
  <si>
    <t>POINT (4.710989435982254 51.814276146858234)</t>
  </si>
  <si>
    <t>POINT (4.688087425206353 51.818725157819294)</t>
  </si>
  <si>
    <t>POINT (4.710218980731012 51.80403957871875)</t>
  </si>
  <si>
    <t>POINT (4.731216899015582 51.80419233810077)</t>
  </si>
  <si>
    <t>POINT (4.655607862236223 51.7915644356797)</t>
  </si>
  <si>
    <t>POINT (4.668105123649637 51.81318218797586)</t>
  </si>
  <si>
    <t>POINT (4.678602652798341 51.78564709561327)</t>
  </si>
  <si>
    <t>POINT (4.652736665554802 51.79477928472284)</t>
  </si>
  <si>
    <t>POINT (4.663184110941155 51.799147015436816)</t>
  </si>
  <si>
    <t>POINT (4.721278584457889 51.8133759756082)</t>
  </si>
  <si>
    <t>POINT (4.684749439030121 51.78218478549785)</t>
  </si>
  <si>
    <t>POINT (4.68452336225909 51.78189536169199)</t>
  </si>
  <si>
    <t>POINT (4.725102107330371 51.79638917249137)</t>
  </si>
  <si>
    <t>POINT (4.6962316225804965 51.817826614272526)</t>
  </si>
  <si>
    <t>POINT (4.656252053850765 51.783846562516985)</t>
  </si>
  <si>
    <t>POINT (4.725936515425023 51.797100278074986)</t>
  </si>
  <si>
    <t>POINT (4.680236212264154 51.804765494107535)</t>
  </si>
  <si>
    <t>POINT (4.658078689512846 51.79115185699805)</t>
  </si>
  <si>
    <t>POINT (4.6834191228709265 51.80447196604726)</t>
  </si>
  <si>
    <t>POINT (4.675821639711767 51.816114409950714)</t>
  </si>
  <si>
    <t>POINT (4.654135339983197 51.766991012943485)</t>
  </si>
  <si>
    <t>POINT (4.659049938083747 51.814810048785155)</t>
  </si>
  <si>
    <t>POINT (4.719723475073781 51.80205258262205)</t>
  </si>
  <si>
    <t>POINT (4.644948942889224 51.770503968905885)</t>
  </si>
  <si>
    <t>POINT (4.67826133804884 51.8075843014004)</t>
  </si>
  <si>
    <t>POINT (4.66282417770864 51.80391319656841)</t>
  </si>
  <si>
    <t>POINT (4.662124030997537 51.81388554946789)</t>
  </si>
  <si>
    <t>POINT (4.700413797002797 51.79945750798939)</t>
  </si>
  <si>
    <t>POINT (4.727352732760643 51.80506705481396)</t>
  </si>
  <si>
    <t>POINT (4.66517527322077 51.77279066187807)</t>
  </si>
  <si>
    <t>POINT (4.715198599356434 51.8074597806313)</t>
  </si>
  <si>
    <t>POINT (4.654951380429072 51.80340335293617)</t>
  </si>
  <si>
    <t>POINT (4.678791213414062 51.77563534282204)</t>
  </si>
  <si>
    <t>POINT (4.656111784471508 51.767534477709674)</t>
  </si>
  <si>
    <t>POINT (4.660521823855905 51.80740689573078)</t>
  </si>
  <si>
    <t>POINT (4.678306474727704 51.775107042028516)</t>
  </si>
  <si>
    <t>POINT (4.668977250311907 51.81876138674303)</t>
  </si>
  <si>
    <t>POINT (4.7281434000300955 51.79909625543654)</t>
  </si>
  <si>
    <t>POINT (4.698093425121642 51.80078872392345)</t>
  </si>
  <si>
    <t>POINT (4.651682273416937 51.80159072051906)</t>
  </si>
  <si>
    <t>POINT (4.678239512826742 51.78468768608929)</t>
  </si>
  <si>
    <t>POINT (4.664842801063659 51.81539656682759)</t>
  </si>
  <si>
    <t>POINT (4.666269564672145 51.81618323814353)</t>
  </si>
  <si>
    <t>POINT (4.668501168479582 51.79834797351936)</t>
  </si>
  <si>
    <t>POINT (4.6584949799350985 51.81275279773014)</t>
  </si>
  <si>
    <t>POINT (4.659983755921745 51.809328750613766)</t>
  </si>
  <si>
    <t>POINT (4.654817445978579 51.79481325449897)</t>
  </si>
  <si>
    <t>POINT (4.707283960767421 51.80725831641897)</t>
  </si>
  <si>
    <t>POINT (4.711175279692758 51.81110703156565)</t>
  </si>
  <si>
    <t>POINT (4.683625704516971 51.81205445469885)</t>
  </si>
  <si>
    <t>POINT (4.6920821994732815 51.818920838771)</t>
  </si>
  <si>
    <t>POINT (4.681118286934287 51.8089460434965)</t>
  </si>
  <si>
    <t>POINT (4.657932185723206 51.80274459221162)</t>
  </si>
  <si>
    <t>POINT (4.66028896404302 51.80520410521575)</t>
  </si>
  <si>
    <t>POINT (4.6684126411158084 51.798992468673546)</t>
  </si>
  <si>
    <t>POINT (4.684764623050617 51.802413011344406)</t>
  </si>
  <si>
    <t>POINT (4.676623468709256 51.81839984464715)</t>
  </si>
  <si>
    <t>POINT (4.722084949469223 51.81244459810276)</t>
  </si>
  <si>
    <t>POINT (4.659507028258922 51.78210699909419)</t>
  </si>
  <si>
    <t>POINT (4.6825870192803745 51.81133634735128)</t>
  </si>
  <si>
    <t>POINT (4.720718326920085 51.79530556941327)</t>
  </si>
  <si>
    <t>POINT (4.709583992620385 51.81120324569451)</t>
  </si>
  <si>
    <t>POINT (4.669033810563335 51.79075269567095)</t>
  </si>
  <si>
    <t>POINT (4.705157910606574 51.81563866961813)</t>
  </si>
  <si>
    <t>POINT (4.653437538248776 51.7900135054861)</t>
  </si>
  <si>
    <t>POINT (4.7033338045626865 51.79382184442404)</t>
  </si>
  <si>
    <t>POINT (4.661216404462232 51.788773246609814)</t>
  </si>
  <si>
    <t>POINT (4.693672105831614 51.81776005724991)</t>
  </si>
  <si>
    <t>POINT (4.683754658693973 51.79810601368416)</t>
  </si>
  <si>
    <t>POINT (4.7089230107321685 51.80736143673836)</t>
  </si>
  <si>
    <t>POINT (4.704388566733199 51.79765603555872)</t>
  </si>
  <si>
    <t>POINT (4.724720421899717 51.80616986120729)</t>
  </si>
  <si>
    <t>POINT (4.679307544482301 51.7821486719269)</t>
  </si>
  <si>
    <t>POINT (4.719978517497053 51.80033851403443)</t>
  </si>
  <si>
    <t>POINT (4.66947239823852 51.81371753721913)</t>
  </si>
  <si>
    <t>POINT (4.700172509193447 51.7973086852449)</t>
  </si>
  <si>
    <t>POINT (4.732243715679172 51.804071199423504)</t>
  </si>
  <si>
    <t>POINT (4.653185515441252 51.80031460614012)</t>
  </si>
  <si>
    <t>POINT (4.713354618178905 51.80912737706674)</t>
  </si>
  <si>
    <t>POINT (4.668367613928027 51.78992749767949)</t>
  </si>
  <si>
    <t>POINT (4.672701311732432 51.818193733066025)</t>
  </si>
  <si>
    <t>POINT (4.681935372291244 51.8080430475758)</t>
  </si>
  <si>
    <t>POINT (4.672375927366563 51.80562412016236)</t>
  </si>
  <si>
    <t>POINT (4.677479100239074 51.815949579592335)</t>
  </si>
  <si>
    <t>POINT (4.670937118638645 51.80480132212304)</t>
  </si>
  <si>
    <t>POINT (4.677277844447712 51.773108778488506)</t>
  </si>
  <si>
    <t>POINT (4.662977213267156 51.81637105490897)</t>
  </si>
  <si>
    <t>POINT (4.660921426071848 51.80684572499736)</t>
  </si>
  <si>
    <t>POINT (4.709923146263633 51.791611689979106)</t>
  </si>
  <si>
    <t>POINT (4.681742341139783 51.8021854699085)</t>
  </si>
  <si>
    <t>POINT (4.710812749440043 51.80918507598769)</t>
  </si>
  <si>
    <t>POINT (4.64289982304275 51.77046779973287)</t>
  </si>
  <si>
    <t>POINT (4.66177945148337 51.797556364202464)</t>
  </si>
  <si>
    <t>POINT (4.662224935192378 51.8142257202698)</t>
  </si>
  <si>
    <t>POINT (4.67621055486545 51.7770889942512)</t>
  </si>
  <si>
    <t>POINT (4.663560881574264 51.79373750561704)</t>
  </si>
  <si>
    <t>POINT (4.6725073310276635 51.80319096531708)</t>
  </si>
  <si>
    <t>POINT (4.708222908410913 51.81855137713261)</t>
  </si>
  <si>
    <t>POINT (4.6462023973465625 51.79996788183114)</t>
  </si>
  <si>
    <t>POINT (4.676029759073691 51.78942270566529)</t>
  </si>
  <si>
    <t>POINT (4.68926519612106 51.80638932718086)</t>
  </si>
  <si>
    <t>POINT (4.712853583136656 51.80074639555506)</t>
  </si>
  <si>
    <t>POINT (4.668378661702658 51.8133686530015)</t>
  </si>
  <si>
    <t>POINT (4.674762758099325 51.81418555313537)</t>
  </si>
  <si>
    <t>POINT (4.6694087281349255 51.813193206925135)</t>
  </si>
  <si>
    <t>POINT (4.635923650473905 51.77597286016665)</t>
  </si>
  <si>
    <t>POINT (4.679277294081868 51.785043155634895)</t>
  </si>
  <si>
    <t>POINT (4.679228415626646 51.77524487066864)</t>
  </si>
  <si>
    <t>POINT (4.6715346391831 51.807658128128274)</t>
  </si>
  <si>
    <t>POINT (4.674216470300575 51.817882708348336)</t>
  </si>
  <si>
    <t>POINT (4.6984223990674785 51.79319397255956)</t>
  </si>
  <si>
    <t>POINT (4.628858826831053 51.722167872797776)</t>
  </si>
  <si>
    <t>POINT (4.659941237256619 51.80503324176561)</t>
  </si>
  <si>
    <t>POINT (4.669605375803012 51.80255188355211)</t>
  </si>
  <si>
    <t>POINT (4.728541739301676 51.79753117856987)</t>
  </si>
  <si>
    <t>POINT (4.633739444968169 51.77603287987676)</t>
  </si>
  <si>
    <t>POINT (4.628882577627176 51.72517697328592)</t>
  </si>
  <si>
    <t>POINT (4.6638062494795 51.78824527628136)</t>
  </si>
  <si>
    <t>POINT (4.682428168010292 51.80215556025826)</t>
  </si>
  <si>
    <t>POINT (4.687306771507629 51.80596150497785)</t>
  </si>
  <si>
    <t>POINT (4.703350631188154 51.796846529709384)</t>
  </si>
  <si>
    <t>POINT (4.674517947605817 51.818170388028214)</t>
  </si>
  <si>
    <t>POINT (4.667415143297469 51.80310559122677)</t>
  </si>
  <si>
    <t>POINT (4.682853242886379 51.77561721890667)</t>
  </si>
  <si>
    <t>POINT (4.675933142262048 51.78561440020766)</t>
  </si>
  <si>
    <t>POINT (4.662485361753317 51.8053135018449)</t>
  </si>
  <si>
    <t>POINT (4.680060949493989 51.78985535907462)</t>
  </si>
  <si>
    <t>POINT (4.653469065704498 51.79478402936921)</t>
  </si>
  <si>
    <t>POINT (4.71708368634182 51.80509218377157)</t>
  </si>
  <si>
    <t>POINT (4.676504699026891 51.81445778428916)</t>
  </si>
  <si>
    <t>POINT (4.708814028184899 51.78747426985115)</t>
  </si>
  <si>
    <t>POINT (4.66003241167719 51.78753327357159)</t>
  </si>
  <si>
    <t>POINT (4.730569502814629 51.79880875655221)</t>
  </si>
  <si>
    <t>POINT (4.664152605495092 51.790100729740956)</t>
  </si>
  <si>
    <t>POINT (4.706729590653481 51.80646185450161)</t>
  </si>
  <si>
    <t>POINT (4.680896937532771 51.77507637898347)</t>
  </si>
  <si>
    <t>POINT (4.6786241405408076 51.80647476455754)</t>
  </si>
  <si>
    <t>POINT (4.675751205080569 51.81677473985363)</t>
  </si>
  <si>
    <t>POINT (4.664300136282974 51.79078342311682)</t>
  </si>
  <si>
    <t>POINT (4.70806812619877 51.80724874524428)</t>
  </si>
  <si>
    <t>POINT (4.7128780050110635 51.80380996257478)</t>
  </si>
  <si>
    <t>POINT (4.670964788611295 51.772838593267934)</t>
  </si>
  <si>
    <t>POINT (4.687064589279693 51.80692204538293)</t>
  </si>
  <si>
    <t>POINT (4.6637557121844155 51.79472049795938)</t>
  </si>
  <si>
    <t>POINT (4.632709379679735 51.76883855754638)</t>
  </si>
  <si>
    <t>POINT (4.724489435818229 51.79717865595566)</t>
  </si>
  <si>
    <t>POINT (4.681290847968324 51.8181384319814)</t>
  </si>
  <si>
    <t>POINT (4.677970326092004 51.80709055676869)</t>
  </si>
  <si>
    <t>POINT (4.689534427359307 51.80950092507354)</t>
  </si>
  <si>
    <t>POINT (4.72938727312638 51.79664955208797)</t>
  </si>
  <si>
    <t>POINT (4.661454940926181 51.805322243122596)</t>
  </si>
  <si>
    <t>POINT (4.669250992294446 51.81697769596723)</t>
  </si>
  <si>
    <t>POINT (4.652663885800673 51.80114205056615)</t>
  </si>
  <si>
    <t>POINT (4.652468589686465 51.785235627908)</t>
  </si>
  <si>
    <t>POINT (4.66610911302519 51.78886079893844)</t>
  </si>
  <si>
    <t>POINT (4.671518139219678 51.81056505576979)</t>
  </si>
  <si>
    <t>POINT (4.7288037759991015 51.8004895170188)</t>
  </si>
  <si>
    <t>POINT (4.6743173980636366 51.78177895559399)</t>
  </si>
  <si>
    <t>POINT (4.710495927257763 51.79255140731595)</t>
  </si>
  <si>
    <t>POINT (4.669684584064185 51.808300945450405)</t>
  </si>
  <si>
    <t>POINT (4.733580591034852 51.798227555177874)</t>
  </si>
  <si>
    <t>POINT (4.688003792147621 51.8071497913786)</t>
  </si>
  <si>
    <t>POINT (4.677022100300399 51.77693751648176)</t>
  </si>
  <si>
    <t>POINT (4.720781630197783 51.80485957550158)</t>
  </si>
  <si>
    <t>POINT (4.670815904696248 51.78602008412922)</t>
  </si>
  <si>
    <t>POINT (4.661856084173694 51.788937876788914)</t>
  </si>
  <si>
    <t>POINT (4.6579487352798 51.78188827061988)</t>
  </si>
  <si>
    <t>POINT (4.657365921457067 51.78261868234391)</t>
  </si>
  <si>
    <t>POINT (4.667983021584513 51.77137797069314)</t>
  </si>
  <si>
    <t>POINT (4.723910030928591 51.797524321091096)</t>
  </si>
  <si>
    <t>POINT (4.653529923400143 51.78828817833695)</t>
  </si>
  <si>
    <t>POINT (4.661278303818971 51.79672758958538)</t>
  </si>
  <si>
    <t>POINT (4.719268592033022 51.81169072522562)</t>
  </si>
  <si>
    <t>POINT (4.674057329938431 51.77172331491825)</t>
  </si>
  <si>
    <t>POINT (4.718111566267572 51.81580122550049)</t>
  </si>
  <si>
    <t>POINT (4.64344885566707 51.76999060102777)</t>
  </si>
  <si>
    <t>POINT (4.682657185918486 51.81135064713724)</t>
  </si>
  <si>
    <t>POINT (4.661402158390022 51.81343909566758)</t>
  </si>
  <si>
    <t>POINT (4.6830645479828235 51.81812510525722)</t>
  </si>
  <si>
    <t>POINT (4.716850106131508 51.795407700510054)</t>
  </si>
  <si>
    <t>POINT (4.652738833065307 51.79482244409432)</t>
  </si>
  <si>
    <t>POINT (4.676391325608543 51.77382264051212)</t>
  </si>
  <si>
    <t>POINT (4.644638785668384 51.77299669519532)</t>
  </si>
  <si>
    <t>POINT (4.673955459082795 51.77894407264331)</t>
  </si>
  <si>
    <t>POINT (4.714825179690959 51.81499001410828)</t>
  </si>
  <si>
    <t>POINT (4.67748434972704 51.818060113782785)</t>
  </si>
  <si>
    <t>POINT (4.715328451675956 51.81445459395393)</t>
  </si>
  <si>
    <t>POINT (4.662201088966241 51.793987148870805)</t>
  </si>
  <si>
    <t>POINT (4.685443515471019 51.78782866955611)</t>
  </si>
  <si>
    <t>POINT (4.685358628846329 51.782327316446505)</t>
  </si>
  <si>
    <t>POINT (4.679204572496666 51.79965621233948)</t>
  </si>
  <si>
    <t>POINT (4.704720541271379 51.80786678043706)</t>
  </si>
  <si>
    <t>POINT (4.660167046270748 51.80869385582429)</t>
  </si>
  <si>
    <t>POINT (4.718868128382838 51.80225297847702)</t>
  </si>
  <si>
    <t>POINT (4.654653813348838 51.79410626878496)</t>
  </si>
  <si>
    <t>POINT (4.6764242111435825 51.783822423487685)</t>
  </si>
  <si>
    <t>POINT (4.664051684718312 51.81158050354449)</t>
  </si>
  <si>
    <t>POINT (4.668817449981829 51.79500237742323)</t>
  </si>
  <si>
    <t>POINT (4.66172039323889 51.78793977655238)</t>
  </si>
  <si>
    <t>POINT (4.713550097396917 51.81072529578885)</t>
  </si>
  <si>
    <t>POINT (4.664416640855459 51.78809400157959)</t>
  </si>
  <si>
    <t>POINT (4.653623055847557 51.802148574764644)</t>
  </si>
  <si>
    <t>POINT (4.667989143772403 51.77561945139822)</t>
  </si>
  <si>
    <t>POINT (4.665840714894481 51.81220038071568)</t>
  </si>
  <si>
    <t>POINT (4.668757180466679 51.813147602337104)</t>
  </si>
  <si>
    <t>POINT (4.678553518344175 51.80787770377706)</t>
  </si>
  <si>
    <t>POINT (4.677470112835388 51.81572360411851)</t>
  </si>
  <si>
    <t>POINT (4.666635397772717 51.79355994570117)</t>
  </si>
  <si>
    <t>POINT (4.666308586922124 51.78761418609234)</t>
  </si>
  <si>
    <t>POINT (4.655406823565525 51.79190522914533)</t>
  </si>
  <si>
    <t>POINT (4.668712314958264 51.79487821994644)</t>
  </si>
  <si>
    <t>POINT (4.664585380245775 51.813610298031534)</t>
  </si>
  <si>
    <t>POINT (4.691922413764313 51.81850215374475)</t>
  </si>
  <si>
    <t>POINT (4.7053633388978495 51.79233106677871)</t>
  </si>
  <si>
    <t>POINT (4.665966514144449 51.81432095389227)</t>
  </si>
  <si>
    <t>POINT (4.663680796030051 51.81261318316292)</t>
  </si>
  <si>
    <t>POINT (4.6524873037906485 51.8019105845834)</t>
  </si>
  <si>
    <t>POINT (4.661981760624329 51.81399931199055)</t>
  </si>
  <si>
    <t>POINT (4.719650545223207 51.80438106265553)</t>
  </si>
  <si>
    <t>POINT (4.659266066256805 51.80373730798936)</t>
  </si>
  <si>
    <t>POINT (4.679245435394135 51.78565946206143)</t>
  </si>
  <si>
    <t>POINT (4.678919737628495 51.812719585704386)</t>
  </si>
  <si>
    <t>POINT (4.667332429721707 51.794880511612654)</t>
  </si>
  <si>
    <t>POINT (4.654043898301782 51.806494885483794)</t>
  </si>
  <si>
    <t>POINT (4.728599279145912 51.799073979656875)</t>
  </si>
  <si>
    <t>POINT (4.687383859671683 51.81075772331773)</t>
  </si>
  <si>
    <t>POINT (4.663260243375306 51.81063154239957)</t>
  </si>
  <si>
    <t>POINT (4.656016749336585 51.80572652746767)</t>
  </si>
  <si>
    <t>POINT (4.6603703909851975 51.804531356621986)</t>
  </si>
  <si>
    <t>POINT (4.69424875957139 51.792815941983754)</t>
  </si>
  <si>
    <t>POINT (4.658665055238128 51.79558223944402)</t>
  </si>
  <si>
    <t>POINT (4.665257813272031 51.81813329574203)</t>
  </si>
  <si>
    <t>POINT (4.658370242979006 51.81327076009931)</t>
  </si>
  <si>
    <t>POINT (4.676595638109417 51.81787896284101)</t>
  </si>
  <si>
    <t>POINT (4.686571408626645 51.78179397776403)</t>
  </si>
  <si>
    <t>POINT (4.695792011813279 51.7915312892846)</t>
  </si>
  <si>
    <t>POINT (4.69415595131639 51.79653301047051)</t>
  </si>
  <si>
    <t>POINT (4.695220564296075 51.81848532295416)</t>
  </si>
  <si>
    <t>POINT (4.706129407765356 51.793612455516495)</t>
  </si>
  <si>
    <t>POINT (4.706784013272356 51.796324016841126)</t>
  </si>
  <si>
    <t>POINT (4.6499845854769655 51.79354429548581)</t>
  </si>
  <si>
    <t>POINT (4.670238718306419 51.811408096040104)</t>
  </si>
  <si>
    <t>POINT (4.665201448134716 51.81278266409207)</t>
  </si>
  <si>
    <t>POINT (4.69969677873051 51.79970066779402)</t>
  </si>
  <si>
    <t>POINT (4.676944419379461 51.77379844993912)</t>
  </si>
  <si>
    <t>POINT (4.655613213678949 51.79160806429398)</t>
  </si>
  <si>
    <t>POINT (4.708499824070519 51.78641014436774)</t>
  </si>
  <si>
    <t>POINT (4.668184260950072 51.8176032577722)</t>
  </si>
  <si>
    <t>POINT (4.713032386933651 51.80531751346736)</t>
  </si>
  <si>
    <t>POINT (4.66475340511983 51.817455439008235)</t>
  </si>
  <si>
    <t>POINT (4.7196653043148595 51.802048871964445)</t>
  </si>
  <si>
    <t>POINT (4.685213123174464 51.80600365854182)</t>
  </si>
  <si>
    <t>POINT (4.673889797662612 51.81564956522449)</t>
  </si>
  <si>
    <t>POINT (4.664727750578763 51.815249954403946)</t>
  </si>
  <si>
    <t>POINT (4.6526695374985305 51.80349672111595)</t>
  </si>
  <si>
    <t>POINT (4.711061391755386 51.8053537946373)</t>
  </si>
  <si>
    <t>POINT (4.674505744057399 51.78389160927249)</t>
  </si>
  <si>
    <t>POINT (4.658940707244883 51.80313757682171)</t>
  </si>
  <si>
    <t>POINT (4.7321413942729595 51.80014838293332)</t>
  </si>
  <si>
    <t>POINT (4.6833500163470685 51.810712861138896)</t>
  </si>
  <si>
    <t>POINT (4.666436805154371 51.81195484125488)</t>
  </si>
  <si>
    <t>POINT (4.673101199593841 51.77911513434673)</t>
  </si>
  <si>
    <t>POINT (4.6800562269948855 51.779493134957214)</t>
  </si>
  <si>
    <t>POINT (4.663596313224172 51.8154608331542)</t>
  </si>
  <si>
    <t>POINT (4.651565573797793 51.80318809919463)</t>
  </si>
  <si>
    <t>POINT (4.6323410044427105 51.78447050012554)</t>
  </si>
  <si>
    <t>POINT (4.724024513847629 51.80530370409684)</t>
  </si>
  <si>
    <t>POINT (4.678661850380571 51.78556725604825)</t>
  </si>
  <si>
    <t>POINT (4.700100931409913 51.81693410703837)</t>
  </si>
  <si>
    <t>POINT (4.720981248260877 51.80498382646434)</t>
  </si>
  <si>
    <t>POINT (4.723810634902591 51.81603968763798)</t>
  </si>
  <si>
    <t>POINT (4.6631391092498555 51.80558311755831)</t>
  </si>
  <si>
    <t>POINT (4.6786610873624115 51.78699656188363)</t>
  </si>
  <si>
    <t>POINT (4.652652347722933 51.78772210517818)</t>
  </si>
  <si>
    <t>POINT (4.675039372042862 51.81468159989231)</t>
  </si>
  <si>
    <t>POINT (4.653934102326198 51.791784177639556)</t>
  </si>
  <si>
    <t>POINT (4.666603889639768 51.77341559812004)</t>
  </si>
  <si>
    <t>POINT (4.725275951339688 51.80523138249911)</t>
  </si>
  <si>
    <t>POINT (4.67324770537076 51.809675519284816)</t>
  </si>
  <si>
    <t>POINT (4.6933546813930676 51.792226672207974)</t>
  </si>
  <si>
    <t>POINT (4.690405675812595 51.81042094065406)</t>
  </si>
  <si>
    <t>POINT (4.671670319959238 51.79274887220054)</t>
  </si>
  <si>
    <t>POINT (4.7517478465709315 51.790130983245135)</t>
  </si>
  <si>
    <t>POINT (4.707114612897095 51.810488727312766)</t>
  </si>
  <si>
    <t>POINT (4.66851157143031 51.81365809341223)</t>
  </si>
  <si>
    <t>POINT (4.682521863892587 51.775558311899)</t>
  </si>
  <si>
    <t>POINT (4.694472132506722 51.79093477159096)</t>
  </si>
  <si>
    <t>POINT (4.657241865480171 51.799383218506755)</t>
  </si>
  <si>
    <t>POINT (4.667097509255294 51.814177024338946)</t>
  </si>
  <si>
    <t>POINT (4.685155392829962 51.78613514841542)</t>
  </si>
  <si>
    <t>POINT (4.675964202428742 51.81701630690264)</t>
  </si>
  <si>
    <t>POINT (4.67527141560518 51.806941252667514)</t>
  </si>
  <si>
    <t>POINT (4.717515761621888 51.798708989279305)</t>
  </si>
  <si>
    <t>POINT (4.643179802981355 51.76656190875655)</t>
  </si>
  <si>
    <t>POINT (4.676431281133326 51.81695283621041)</t>
  </si>
  <si>
    <t>POINT (4.683862185099412 51.79809574606899)</t>
  </si>
  <si>
    <t>POINT (4.6868705569123215 51.809703769447545)</t>
  </si>
  <si>
    <t>POINT (4.728540291990953 51.80412386168785)</t>
  </si>
  <si>
    <t>POINT (4.663034641345981 51.80964236595371)</t>
  </si>
  <si>
    <t>POINT (4.653850588756026 51.78569433219412)</t>
  </si>
  <si>
    <t>POINT (4.72417477193558 51.797425872695996)</t>
  </si>
  <si>
    <t>POINT (4.659914330748947 51.800480220437926)</t>
  </si>
  <si>
    <t>POINT (4.664143081264 51.80302742422361)</t>
  </si>
  <si>
    <t>POINT (4.655357711464732 51.80097598206734)</t>
  </si>
  <si>
    <t>POINT (4.658511266936411 51.81195416427918)</t>
  </si>
  <si>
    <t>POINT (4.676849232338919 51.789950057625376)</t>
  </si>
  <si>
    <t>POINT (4.654360939998144 51.793949042889516)</t>
  </si>
  <si>
    <t>POINT (4.666279993757115 51.801043529094024)</t>
  </si>
  <si>
    <t>POINT (4.667658446381303 51.818030610523394)</t>
  </si>
  <si>
    <t>POINT (4.68297053994547 51.80124953133427)</t>
  </si>
  <si>
    <t>POINT (4.700802450565152 51.79525529791294)</t>
  </si>
  <si>
    <t>POINT (4.720582661106449 51.80358310968771)</t>
  </si>
  <si>
    <t>POINT (4.660479428764201 51.80007744184937)</t>
  </si>
  <si>
    <t>POINT (4.674073393601455 51.812556852576044)</t>
  </si>
  <si>
    <t>POINT (4.676513470314108 51.80711641162961)</t>
  </si>
  <si>
    <t>POINT (4.682770641681816 51.77544971272122)</t>
  </si>
  <si>
    <t>POINT (4.6788734626723425 51.817227634449104)</t>
  </si>
  <si>
    <t>POINT (4.66478896933914 51.79883612840012)</t>
  </si>
  <si>
    <t>POINT (4.665648964290145 51.77520981672901)</t>
  </si>
  <si>
    <t>POINT (4.709137157694577 51.79486503686847)</t>
  </si>
  <si>
    <t>POINT (4.7225874790720805 51.80047647460403)</t>
  </si>
  <si>
    <t>POINT (4.654832746240962 51.81216434139893)</t>
  </si>
  <si>
    <t>POINT (4.667623574892207 51.79505475482655)</t>
  </si>
  <si>
    <t>POINT (4.668309722151955 51.79197870569604)</t>
  </si>
  <si>
    <t>POINT (4.673460329443728 51.80837856923182)</t>
  </si>
  <si>
    <t>POINT (4.673786053253905 51.806019592838474)</t>
  </si>
  <si>
    <t>POINT (4.694869019153125 51.7906786630635)</t>
  </si>
  <si>
    <t>POINT (4.720165318228221 51.803071818888704)</t>
  </si>
  <si>
    <t>POINT (4.682188868900958 51.806771514443966)</t>
  </si>
  <si>
    <t>POINT (4.667722669215271 51.78009900517272)</t>
  </si>
  <si>
    <t>POINT (4.681251508961056 51.77408475844194)</t>
  </si>
  <si>
    <t>POINT (4.699506468160076 51.79024617789856)</t>
  </si>
  <si>
    <t>POINT (4.727436187235904 51.805228870103754)</t>
  </si>
  <si>
    <t>POINT (4.698460867568765 51.79594843495452)</t>
  </si>
  <si>
    <t>POINT (4.665864934932168 51.80381218209387)</t>
  </si>
  <si>
    <t>POINT (4.657693006260538 51.802349840924265)</t>
  </si>
  <si>
    <t>POINT (4.681968675442553 51.80086160289641)</t>
  </si>
  <si>
    <t>POINT (4.728013035905311 51.795580882267814)</t>
  </si>
  <si>
    <t>POINT (4.670909055580047 51.81947932461739)</t>
  </si>
  <si>
    <t>POINT (4.683139128539829 51.80988424321412)</t>
  </si>
  <si>
    <t>POINT (4.680203363163679 51.78001162728551)</t>
  </si>
  <si>
    <t>POINT (4.704527968006024 51.792427223332645)</t>
  </si>
  <si>
    <t>POINT (4.651212079992881 51.79041471710653)</t>
  </si>
  <si>
    <t>POINT (4.66056925467332 51.80426284663624)</t>
  </si>
  <si>
    <t>POINT (4.675075389227236 51.805582377339014)</t>
  </si>
  <si>
    <t>POINT (4.681996323708928 51.80438957264267)</t>
  </si>
  <si>
    <t>POINT (4.660336592348837 51.79903593556516)</t>
  </si>
  <si>
    <t>POINT (4.664492447809472 51.7972132809475)</t>
  </si>
  <si>
    <t>POINT (4.666900957111885 51.775942803071516)</t>
  </si>
  <si>
    <t>POINT (4.6668226457449515 51.81799519143735)</t>
  </si>
  <si>
    <t>POINT (4.670952087323906 51.81956889863573)</t>
  </si>
  <si>
    <t>POINT (4.72817459726182 51.79103937644205)</t>
  </si>
  <si>
    <t>POINT (4.681385179658259 51.77462555044247)</t>
  </si>
  <si>
    <t>POINT (4.667953009580418 51.81482217446387)</t>
  </si>
  <si>
    <t>POINT (4.659583972400031 51.796558901675596)</t>
  </si>
  <si>
    <t>POINT (4.6819924046767465 51.78168319411645)</t>
  </si>
  <si>
    <t>POINT (4.734461240883696 51.796920943472166)</t>
  </si>
  <si>
    <t>POINT (4.662205757624162 51.81417555282386)</t>
  </si>
  <si>
    <t>POINT (4.706975135522965 51.793579546848)</t>
  </si>
  <si>
    <t>POINT (4.685942279027288 51.78023597399046)</t>
  </si>
  <si>
    <t>POINT (4.711732460441383 51.81493174259629)</t>
  </si>
  <si>
    <t>POINT (4.672534335854981 51.81792080022132)</t>
  </si>
  <si>
    <t>POINT (4.678596371768169 51.77537197422471)</t>
  </si>
  <si>
    <t>POINT (4.655595141866539 51.79019562745416)</t>
  </si>
  <si>
    <t>POINT (4.661941506304094 51.81260535018282)</t>
  </si>
  <si>
    <t>POINT (4.673340690973346 51.80562037559976)</t>
  </si>
  <si>
    <t>POINT (4.661881505861208 51.816319524513915)</t>
  </si>
  <si>
    <t>POINT (4.679790025592466 51.805433638780976)</t>
  </si>
  <si>
    <t>POINT (4.662084608477633 51.79493168078971)</t>
  </si>
  <si>
    <t>POINT (4.662832158310492 51.79332788764609)</t>
  </si>
  <si>
    <t>POINT (4.661924477066172 51.80547117655606)</t>
  </si>
  <si>
    <t>POINT (4.664998627343969 51.79573538431248)</t>
  </si>
  <si>
    <t>POINT (4.699122909913718 51.79547978525417)</t>
  </si>
  <si>
    <t>POINT (4.66800571756808 51.815319094784016)</t>
  </si>
  <si>
    <t>POINT (4.70856238794248 51.79406130910784)</t>
  </si>
  <si>
    <t>POINT (4.731413853180119 51.80124605624418)</t>
  </si>
  <si>
    <t>POINT (4.686044217027194 51.77479604793691)</t>
  </si>
  <si>
    <t>POINT (4.680448966698404 51.80003104617659)</t>
  </si>
  <si>
    <t>POINT (4.721118595204337 51.81218152993667)</t>
  </si>
  <si>
    <t>POINT (4.662954810411555 51.79787895810208)</t>
  </si>
  <si>
    <t>POINT (4.651943502231383 51.803425504586436)</t>
  </si>
  <si>
    <t>POINT (4.6538549649307095 51.787698052238355)</t>
  </si>
  <si>
    <t>POINT (4.7026960578086445 51.795664873807624)</t>
  </si>
  <si>
    <t>POINT (4.653545667586182 51.80844205751612)</t>
  </si>
  <si>
    <t>POINT (4.682685976726796 51.81310894895325)</t>
  </si>
  <si>
    <t>POINT (4.684051732541838 51.78506041178584)</t>
  </si>
  <si>
    <t>POINT (4.675162572172056 51.81456859584997)</t>
  </si>
  <si>
    <t>POINT (4.669733525978998 51.8082233128454)</t>
  </si>
  <si>
    <t>POINT (4.703930232476684 51.794943599538755)</t>
  </si>
  <si>
    <t>POINT (4.7087075510937435 51.78697155593562)</t>
  </si>
  <si>
    <t>POINT (4.629496266703401 51.72780362187874)</t>
  </si>
  <si>
    <t>POINT (4.671404136286488 51.804909564306826)</t>
  </si>
  <si>
    <t>POINT (4.68613649974966 51.81124482529111)</t>
  </si>
  <si>
    <t>POINT (4.665427349757205 51.80295812749415)</t>
  </si>
  <si>
    <t>POINT (4.663687404048664 51.79406268816174)</t>
  </si>
  <si>
    <t>POINT (4.659538423617827 51.80438472709474)</t>
  </si>
  <si>
    <t>POINT (4.670477456423417 51.800741804783314)</t>
  </si>
  <si>
    <t>POINT (4.685666872353552 51.803330939344676)</t>
  </si>
  <si>
    <t>POINT (4.680050304888739 51.81429794619874)</t>
  </si>
  <si>
    <t>POINT (4.663765702950795 51.788167049212376)</t>
  </si>
  <si>
    <t>POINT (4.653667238081686 51.78555682693521)</t>
  </si>
  <si>
    <t>POINT (4.680069095325092 51.80570200587301)</t>
  </si>
  <si>
    <t>POINT (4.699342504181052 51.818250195256994)</t>
  </si>
  <si>
    <t>POINT (4.679366885552374 51.78523559596088)</t>
  </si>
  <si>
    <t>POINT (4.714690787831308 51.81450074762878)</t>
  </si>
  <si>
    <t>POINT (4.677898380702913 51.808532004048594)</t>
  </si>
  <si>
    <t>POINT (4.632321090181001 51.76587379671579)</t>
  </si>
  <si>
    <t>POINT (4.658961655348778 51.78880356732781)</t>
  </si>
  <si>
    <t>POINT (4.728980061654535 51.804716055860986)</t>
  </si>
  <si>
    <t>POINT (4.683741701397394 51.80497115374617)</t>
  </si>
  <si>
    <t>POINT (4.672225238972403 51.80862601420357)</t>
  </si>
  <si>
    <t>POINT (4.661580507703783 51.80901302003982)</t>
  </si>
  <si>
    <t>POINT (4.680190258464373 51.806432346626856)</t>
  </si>
  <si>
    <t>POINT (4.655498324311112 51.79011744204603)</t>
  </si>
  <si>
    <t>POINT (4.71184760958057 51.810260622043536)</t>
  </si>
  <si>
    <t>POINT (4.676427719297412 51.77208568484193)</t>
  </si>
  <si>
    <t>POINT (4.664626629336074 51.77931259754837)</t>
  </si>
  <si>
    <t>POINT (4.675660896667155 51.81005206064308)</t>
  </si>
  <si>
    <t>POINT (4.671202982350126 51.78252175178381)</t>
  </si>
  <si>
    <t>POINT (4.7194114393812265 51.800167712544514)</t>
  </si>
  <si>
    <t>POINT (4.713161597863857 51.815893321257676)</t>
  </si>
  <si>
    <t>POINT (4.676983304372077 51.77684575855594)</t>
  </si>
  <si>
    <t>POINT (4.660311733087784 51.813742671866656)</t>
  </si>
  <si>
    <t>POINT (4.692073679535896 51.80415684547272)</t>
  </si>
  <si>
    <t>POINT (4.653471871062572 51.79483792523072)</t>
  </si>
  <si>
    <t>POINT (4.671559096552975 51.81168295747771)</t>
  </si>
  <si>
    <t>POINT (4.685492437030769 51.7755144417633)</t>
  </si>
  <si>
    <t>POINT (4.706378920277391 51.792817346169365)</t>
  </si>
  <si>
    <t>POINT (4.663045693263252 51.79119598906442)</t>
  </si>
  <si>
    <t>POINT (4.668039332747487 51.815199230072665)</t>
  </si>
  <si>
    <t>POINT (4.674513790810909 51.81479500131077)</t>
  </si>
  <si>
    <t>POINT (4.717939500021415 51.803120554913136)</t>
  </si>
  <si>
    <t>POINT (4.688017738660665 51.80568736445257)</t>
  </si>
  <si>
    <t>POINT (4.674173407318311 51.81233988949365)</t>
  </si>
  <si>
    <t>POINT (4.678075022339316 51.78873577554442)</t>
  </si>
  <si>
    <t>POINT (4.666034909513934 51.79596645829289)</t>
  </si>
  <si>
    <t>POINT (4.647940688718189 51.805418101333025)</t>
  </si>
  <si>
    <t>POINT (4.681990682323661 51.79987235136459)</t>
  </si>
  <si>
    <t>POINT (4.703836939851218 51.7977038975051)</t>
  </si>
  <si>
    <t>POINT (4.656691343841785 51.788264969085915)</t>
  </si>
  <si>
    <t>POINT (4.714837872331094 51.815029690757434)</t>
  </si>
  <si>
    <t>POINT (4.683474200501534 51.798032305533035)</t>
  </si>
  <si>
    <t>POINT (4.667631915308188 51.79241181443361)</t>
  </si>
  <si>
    <t>POINT (4.668917077501045 51.774614644636586)</t>
  </si>
  <si>
    <t>POINT (4.684356435097136 51.800731581357944)</t>
  </si>
  <si>
    <t>POINT (4.65480312737436 51.78969979384683)</t>
  </si>
  <si>
    <t>POINT (4.685520291977307 51.802821933218546)</t>
  </si>
  <si>
    <t>POINT (4.683828317798681 51.79812282367944)</t>
  </si>
  <si>
    <t>POINT (4.664067793271581 51.795431639303956)</t>
  </si>
  <si>
    <t>POINT (4.6677581657254255 51.81427245523149)</t>
  </si>
  <si>
    <t>POINT (4.664278429837825 51.79868939834645)</t>
  </si>
  <si>
    <t>POINT (4.727734204245095 51.79384723894026)</t>
  </si>
  <si>
    <t>POINT (4.721488180485854 51.810872625730354)</t>
  </si>
  <si>
    <t>POINT (4.664572396953588 51.802060692703456)</t>
  </si>
  <si>
    <t>POINT (4.66384512236383 51.81718181995431)</t>
  </si>
  <si>
    <t>POINT (4.726176983767104 51.79786924548894)</t>
  </si>
  <si>
    <t>POINT (4.710894980877136 51.79471172429924)</t>
  </si>
  <si>
    <t>POINT (4.667861283954642 51.78911600413649)</t>
  </si>
  <si>
    <t>POINT (4.6360811820239 51.78181699931493)</t>
  </si>
  <si>
    <t>POINT (4.708200050951263 51.81128138448153)</t>
  </si>
  <si>
    <t>POINT (4.698418892061174 51.7974907159483)</t>
  </si>
  <si>
    <t>POINT (4.662551768545148 51.81342319805373)</t>
  </si>
  <si>
    <t>POINT (4.717620777297893 51.804284330222494)</t>
  </si>
  <si>
    <t>POINT (4.683698968568692 51.81367891173575)</t>
  </si>
  <si>
    <t>POINT (4.729341123375738 51.796206701476706)</t>
  </si>
  <si>
    <t>POINT (4.6603060134145515 51.80121215228489)</t>
  </si>
  <si>
    <t>POINT (4.720208095808226 51.79534129404813)</t>
  </si>
  <si>
    <t>POINT (4.6685287973962755 51.779576786319915)</t>
  </si>
  <si>
    <t>POINT (4.662134552649003 51.79879663545712)</t>
  </si>
  <si>
    <t>POINT (4.644089255849004 51.7992168314122)</t>
  </si>
  <si>
    <t>POINT (4.674960993311983 51.812708407789536)</t>
  </si>
  <si>
    <t>POINT (4.629282571267368 51.72672672164846)</t>
  </si>
  <si>
    <t>POINT (4.709230928769445 51.80347233490991)</t>
  </si>
  <si>
    <t>POINT (4.693370865845516 51.7888124991168)</t>
  </si>
  <si>
    <t>POINT (4.6643100872987215 51.7875978785424)</t>
  </si>
  <si>
    <t>POINT (4.674028423933543 51.81075075489582)</t>
  </si>
  <si>
    <t>POINT (4.706090382387197 51.79456598923289)</t>
  </si>
  <si>
    <t>POINT (4.690503365455644 51.818428076422784)</t>
  </si>
  <si>
    <t>POINT (4.669406942946281 51.817307626265205)</t>
  </si>
  <si>
    <t>POINT (4.656688393165357 51.807193288061164)</t>
  </si>
  <si>
    <t>POINT (4.6924315705480995 51.81844270682249)</t>
  </si>
  <si>
    <t>POINT (4.652016344440262 51.78865224627207)</t>
  </si>
  <si>
    <t>POINT (4.708261273159396 51.804818594683034)</t>
  </si>
  <si>
    <t>POINT (4.685884402080769 51.78752770427211)</t>
  </si>
  <si>
    <t>POINT (4.708888218942947 51.80876146027474)</t>
  </si>
  <si>
    <t>POINT (4.6721250834773205 51.78100513950139)</t>
  </si>
  <si>
    <t>POINT (4.675547426198121 51.78322852720926)</t>
  </si>
  <si>
    <t>POINT (4.672069644568608 51.80595279466146)</t>
  </si>
  <si>
    <t>POINT (4.708746397940067 51.80879167820553)</t>
  </si>
  <si>
    <t>POINT (4.692017531741667 51.78956474068482)</t>
  </si>
  <si>
    <t>POINT (4.660467576692417 51.792046575522825)</t>
  </si>
  <si>
    <t>POINT (4.672299256839732 51.81789549458477)</t>
  </si>
  <si>
    <t>POINT (4.6664243792548685 51.81464062676026)</t>
  </si>
  <si>
    <t>POINT (4.709552903154247 51.78721482183446)</t>
  </si>
  <si>
    <t>POINT (4.678279003688776 51.80759232714926)</t>
  </si>
  <si>
    <t>POINT (4.702418394515518 51.79892006240948)</t>
  </si>
  <si>
    <t>POINT (4.677679386654144 51.78014683047937)</t>
  </si>
  <si>
    <t>POINT (4.688294352469738 51.81987475359901)</t>
  </si>
  <si>
    <t>POINT (4.661120862785899 51.79737546457924)</t>
  </si>
  <si>
    <t>POINT (4.682274383773479 51.785628031900394)</t>
  </si>
  <si>
    <t>POINT (4.653508880718976 51.790380718154395)</t>
  </si>
  <si>
    <t>POINT (4.729993979052609 51.79547908017241)</t>
  </si>
  <si>
    <t>POINT (4.691840760099006 51.81850669464466)</t>
  </si>
  <si>
    <t>POINT (4.714185770447836 51.80797900277307)</t>
  </si>
  <si>
    <t>POINT (4.702849400516864 51.79054519351678)</t>
  </si>
  <si>
    <t>POINT (4.660713497941024 51.79333316876639)</t>
  </si>
  <si>
    <t>POINT (4.659851982872917 51.802403522695336)</t>
  </si>
  <si>
    <t>POINT (4.683062400447223 51.78661015020465)</t>
  </si>
  <si>
    <t>POINT (4.704626086360472 51.79821547871861)</t>
  </si>
  <si>
    <t>POINT (4.661218655992359 51.80395507565578)</t>
  </si>
  <si>
    <t>POINT (4.727718823092827 51.797806561208304)</t>
  </si>
  <si>
    <t>POINT (4.703586307451575 51.79825438628738)</t>
  </si>
  <si>
    <t>POINT (4.671363636297298 51.798901225952676)</t>
  </si>
  <si>
    <t>POINT (4.66128535870681 51.78933323833407)</t>
  </si>
  <si>
    <t>POINT (4.657913304876147 51.7825956061954)</t>
  </si>
  <si>
    <t>POINT (4.658543619418012 51.79568988005687)</t>
  </si>
  <si>
    <t>POINT (4.661718141700739 51.81618893395635)</t>
  </si>
  <si>
    <t>POINT (4.711609131902213 51.805706581007236)</t>
  </si>
  <si>
    <t>POINT (4.728035225011991 51.79732914562395)</t>
  </si>
  <si>
    <t>POINT (4.717767345890683 51.803175940663294)</t>
  </si>
  <si>
    <t>POINT (4.676123239908524 51.77518490827162)</t>
  </si>
  <si>
    <t>POINT (4.678981916714164 51.78070574574943)</t>
  </si>
  <si>
    <t>POINT (4.67041498886434 51.81820140043667)</t>
  </si>
  <si>
    <t>POINT (4.661522222605881 51.81288765445123)</t>
  </si>
  <si>
    <t>POINT (4.65917737782926 51.78977964190777)</t>
  </si>
  <si>
    <t>POINT (4.682133369649498 51.813350508338694)</t>
  </si>
  <si>
    <t>POINT (4.671348392356537 51.77273049099462)</t>
  </si>
  <si>
    <t>POINT (4.65837773793718 51.80764971292723)</t>
  </si>
  <si>
    <t>POINT (4.676352059574144 51.818465184598054)</t>
  </si>
  <si>
    <t>POINT (4.711062287400835 51.803544654165925)</t>
  </si>
  <si>
    <t>POINT (4.674244467956167 51.805109533739234)</t>
  </si>
  <si>
    <t>POINT (4.663785704566567 51.80385687298828)</t>
  </si>
  <si>
    <t>POINT (4.7128410520094945 51.801044396240634)</t>
  </si>
  <si>
    <t>POINT (4.641679677783522 51.776401714611254)</t>
  </si>
  <si>
    <t>POINT (4.711820952755209 51.79933928675172)</t>
  </si>
  <si>
    <t>POINT (4.663860032253414 51.8115434305534)</t>
  </si>
  <si>
    <t>POINT (4.69057980615435 51.80625169340001)</t>
  </si>
  <si>
    <t>POINT (4.675517470474324 51.7884292873494)</t>
  </si>
  <si>
    <t>POINT (4.723171035313698 51.80601735732492)</t>
  </si>
  <si>
    <t>POINT (4.659011317398032 51.79540620609991)</t>
  </si>
  <si>
    <t>POINT (4.716900954315802 51.79562557041215)</t>
  </si>
  <si>
    <t>POINT (4.6615864008309424 51.79120724149199)</t>
  </si>
  <si>
    <t>POINT (4.659835218866792 51.80095014446433)</t>
  </si>
  <si>
    <t>POINT (4.6775786411264955 51.78117904985113)</t>
  </si>
  <si>
    <t>POINT (4.707649557617571 51.79008010468277)</t>
  </si>
  <si>
    <t>POINT (4.680914168932633 51.78542429186172)</t>
  </si>
  <si>
    <t>POINT (4.6619144367545235 51.816356833298926)</t>
  </si>
  <si>
    <t>POINT (4.725605346718538 51.8063938350394)</t>
  </si>
  <si>
    <t>POINT (4.657356171131397 51.81099694465239)</t>
  </si>
  <si>
    <t>POINT (4.654475291451262 51.80419586262296)</t>
  </si>
  <si>
    <t>POINT (4.675245108905793 51.80356640151158)</t>
  </si>
  <si>
    <t>POINT (4.668196659398882 51.79183954190287)</t>
  </si>
  <si>
    <t>POINT (4.69862229204395 51.79023111291458)</t>
  </si>
  <si>
    <t>POINT (4.667758699610693 51.8142771685704)</t>
  </si>
  <si>
    <t>POINT (4.730794064468083 51.79623480311558)</t>
  </si>
  <si>
    <t>POINT (4.665206294123681 51.816082374490264)</t>
  </si>
  <si>
    <t>POINT (4.662926495920972 51.787592058681795)</t>
  </si>
  <si>
    <t>POINT (4.685575092577552 51.80628709689295)</t>
  </si>
  <si>
    <t>POINT (4.664202393878733 51.81466183473507)</t>
  </si>
  <si>
    <t>POINT (4.681232541560768 51.798737357731405)</t>
  </si>
  <si>
    <t>POINT (4.688469671063683 51.81946919578589)</t>
  </si>
  <si>
    <t>POINT (4.667659985547981 51.7989671992009)</t>
  </si>
  <si>
    <t>POINT (4.674444261648603 51.78068064174601)</t>
  </si>
  <si>
    <t>POINT (4.733637748137552 51.8002759527173)</t>
  </si>
  <si>
    <t>POINT (4.672326495219904 51.817949412735835)</t>
  </si>
  <si>
    <t>POINT (4.659705856117658 51.80882310425567)</t>
  </si>
  <si>
    <t>POINT (4.718822751220248 51.80224885488603)</t>
  </si>
  <si>
    <t>POINT (4.693867874286061 51.81826171993614)</t>
  </si>
  <si>
    <t>POINT (4.670127086967249 51.81573076851341)</t>
  </si>
  <si>
    <t>POINT (4.662432019453594 51.813975577009906)</t>
  </si>
  <si>
    <t>POINT (4.7074898890164905 51.80895920008248)</t>
  </si>
  <si>
    <t>POINT (4.668627335073935 51.77674019293294)</t>
  </si>
  <si>
    <t>POINT (4.675779524660762 51.81132802083435)</t>
  </si>
  <si>
    <t>POINT (4.658533141359812 51.81077118223203)</t>
  </si>
  <si>
    <t>POINT (4.658363546332781 51.81295209660104)</t>
  </si>
  <si>
    <t>POINT (4.67283828444083 51.81876574271264)</t>
  </si>
  <si>
    <t>POINT (4.679062464878046 51.79989266490668)</t>
  </si>
  <si>
    <t>POINT (4.68621946288072 51.809105092941806)</t>
  </si>
  <si>
    <t>POINT (4.677955670169065 51.78778193783396)</t>
  </si>
  <si>
    <t>POINT (4.728111752506028 51.800071471152336)</t>
  </si>
  <si>
    <t>POINT (4.664702888235987 51.81785549257577)</t>
  </si>
  <si>
    <t>POINT (4.696806146274095 51.78352080711509)</t>
  </si>
  <si>
    <t>POINT (4.668837005802304 51.771917251504846)</t>
  </si>
  <si>
    <t>POINT (4.682279543787298 51.80862896566482)</t>
  </si>
  <si>
    <t>POINT (4.674408907253824 51.77975734081147)</t>
  </si>
  <si>
    <t>POINT (4.661947078135587 51.79401143036443)</t>
  </si>
  <si>
    <t>POINT (4.734006775114502 51.80028703227026)</t>
  </si>
  <si>
    <t>POINT (4.659622015287505 51.80879421614159)</t>
  </si>
  <si>
    <t>POINT (4.6693543225755185 51.778596472164025)</t>
  </si>
  <si>
    <t>POINT (4.655839325218685 51.78351345675017)</t>
  </si>
  <si>
    <t>POINT (4.678507511911081 51.81632366446402)</t>
  </si>
  <si>
    <t>POINT (4.686421368169142 51.81137622420275)</t>
  </si>
  <si>
    <t>POINT (4.651649824129045 51.78846942827148)</t>
  </si>
  <si>
    <t>POINT (4.68007967919406 51.773576506755596)</t>
  </si>
  <si>
    <t>POINT (4.667349804193843 51.788761947687775)</t>
  </si>
  <si>
    <t>POINT (4.659324335513634 51.80963022362715)</t>
  </si>
  <si>
    <t>POINT (4.644806832008688 51.77672731147738)</t>
  </si>
  <si>
    <t>POINT (4.6615881453529875 51.80902770084945)</t>
  </si>
  <si>
    <t>POINT (4.65364516796643 51.79184843832384)</t>
  </si>
  <si>
    <t>POINT (4.6624923617979945 51.80126356426754)</t>
  </si>
  <si>
    <t>POINT (4.677074523503618 51.80810342102028)</t>
  </si>
  <si>
    <t>POINT (4.683320740786228 51.804618107011436)</t>
  </si>
  <si>
    <t>POINT (4.672120186811239 51.77722159156156)</t>
  </si>
  <si>
    <t>POINT (4.673048019472509 51.81748349142948)</t>
  </si>
  <si>
    <t>POINT (4.663837740263419 51.81062710373396)</t>
  </si>
  <si>
    <t>POINT (4.714573924287972 51.81390022119093)</t>
  </si>
  <si>
    <t>POINT (4.693340599070156 51.795598187167755)</t>
  </si>
  <si>
    <t>POINT (4.7211551926558295 51.7952678171189)</t>
  </si>
  <si>
    <t>POINT (4.674659101659055 51.818238012909774)</t>
  </si>
  <si>
    <t>POINT (4.661152907690504 51.79586202879569)</t>
  </si>
  <si>
    <t>POINT (4.671681963357079 51.78272563504865)</t>
  </si>
  <si>
    <t>POINT (4.694763104522028 51.79659702625982)</t>
  </si>
  <si>
    <t>POINT (4.692380510731998 51.81832081507078)</t>
  </si>
  <si>
    <t>POINT (4.664287908519021 51.817748974134325)</t>
  </si>
  <si>
    <t>POINT (4.703946844150271 51.7896338740281)</t>
  </si>
  <si>
    <t>POINT (4.63414847663566 51.7836191453241)</t>
  </si>
  <si>
    <t>POINT (4.711959764538057 51.80525319836186)</t>
  </si>
  <si>
    <t>POINT (4.634888065579716 51.7760442712645)</t>
  </si>
  <si>
    <t>POINT (4.673686731290236 51.80642820752847)</t>
  </si>
  <si>
    <t>POINT (4.675855331261155 51.78538070760008)</t>
  </si>
  <si>
    <t>POINT (4.680780212566723 51.80521723340005)</t>
  </si>
  <si>
    <t>POINT (4.686171403974471 51.8046750105488)</t>
  </si>
  <si>
    <t>POINT (4.685887020447655 51.77476326109752)</t>
  </si>
  <si>
    <t>POINT (4.711638186993091 51.79397466644083)</t>
  </si>
  <si>
    <t>POINT (4.7282293573635 51.798313207238955)</t>
  </si>
  <si>
    <t>POINT (4.721248611536511 51.8112600069506)</t>
  </si>
  <si>
    <t>POINT (4.671626934266578 51.79277907026161)</t>
  </si>
  <si>
    <t>POINT (4.662431633255187 51.79826803005238)</t>
  </si>
  <si>
    <t>POINT (4.668489450103638 51.79198863381662)</t>
  </si>
  <si>
    <t>POINT (4.6698401495972295 51.805442354284146)</t>
  </si>
  <si>
    <t>POINT (4.670791398777414 51.79611697393873)</t>
  </si>
  <si>
    <t>POINT (4.685825745703553 51.802080189501694)</t>
  </si>
  <si>
    <t>POINT (4.6631970839034205 51.81144741502423)</t>
  </si>
  <si>
    <t>POINT (4.6544978272336905 51.79865112579186)</t>
  </si>
  <si>
    <t>POINT (4.671486768991231 51.78716879146613)</t>
  </si>
  <si>
    <t>POINT (4.65453381481892 51.79933890539912)</t>
  </si>
  <si>
    <t>POINT (4.630588944925555 51.78295272612597)</t>
  </si>
  <si>
    <t>POINT (4.679141916059495 51.79986474916281)</t>
  </si>
  <si>
    <t>POINT (4.712158454501593 51.81595678605356)</t>
  </si>
  <si>
    <t>POINT (4.681632811484181 51.811482576454786)</t>
  </si>
  <si>
    <t>POINT (4.693053185534303 51.795146549931985)</t>
  </si>
  <si>
    <t>POINT (4.670097229373528 51.770576512497925)</t>
  </si>
  <si>
    <t>POINT (4.671611841921711 51.81876729585196)</t>
  </si>
  <si>
    <t>POINT (4.675012006451112 51.81673149727644)</t>
  </si>
  <si>
    <t>POINT (4.655302769118246 51.80604818605145)</t>
  </si>
  <si>
    <t>POINT (4.657049139662762 51.80215091605656)</t>
  </si>
  <si>
    <t>POINT (4.662916473232289 51.810379886270034)</t>
  </si>
  <si>
    <t>POINT (4.6611746014248725 51.813499647048204)</t>
  </si>
  <si>
    <t>POINT (4.653748989162171 51.78550899680551)</t>
  </si>
  <si>
    <t>POINT (4.661120367959133 51.78824083531993)</t>
  </si>
  <si>
    <t>POINT (4.697705014397372 51.79128371031878)</t>
  </si>
  <si>
    <t>POINT (4.730786344318843 51.798017504334084)</t>
  </si>
  <si>
    <t>POINT (4.685546937950943 51.81352448491318)</t>
  </si>
  <si>
    <t>POINT (4.717170831579876 51.81353101016132)</t>
  </si>
  <si>
    <t>POINT (4.683660331737467 51.78511262631248)</t>
  </si>
  <si>
    <t>POINT (4.67146387278827 51.79271612546162)</t>
  </si>
  <si>
    <t>POINT (4.6626626468688 51.81632105082447)</t>
  </si>
  <si>
    <t>POINT (4.674403194134154 51.80589838275461)</t>
  </si>
  <si>
    <t>POINT (4.680601888632248 51.80895897092041)</t>
  </si>
  <si>
    <t>POINT (4.692589903951538 51.81784150329803)</t>
  </si>
  <si>
    <t>POINT (4.674908151847025 51.788362326715344)</t>
  </si>
  <si>
    <t>POINT (4.705355218178313 51.8081526687112)</t>
  </si>
  <si>
    <t>POINT (4.661845407624873 51.80980802615303)</t>
  </si>
  <si>
    <t>POINT (4.712606585805874 51.79900808017446)</t>
  </si>
  <si>
    <t>POINT (4.652311040105667 51.78552985745989)</t>
  </si>
  <si>
    <t>POINT (4.7250262591423065 51.80603004339222)</t>
  </si>
  <si>
    <t>POINT (4.732440790329051 51.804365562437795)</t>
  </si>
  <si>
    <t>POINT (4.733759210734329 51.79571278250098)</t>
  </si>
  <si>
    <t>POINT (4.6847736500589665 51.80306497791054)</t>
  </si>
  <si>
    <t>POINT (4.672418668998048 51.79920627137828)</t>
  </si>
  <si>
    <t>POINT (4.657281435629527 51.770773859745965)</t>
  </si>
  <si>
    <t>POINT (4.6691262936736155 51.77638788902084)</t>
  </si>
  <si>
    <t>POINT (4.642188645930388 51.76849617830456)</t>
  </si>
  <si>
    <t>POINT (4.659728857942131 51.791098866008404)</t>
  </si>
  <si>
    <t>POINT (4.671043612259941 51.819450887647434)</t>
  </si>
  <si>
    <t>POINT (4.669323022769713 51.80054479816638)</t>
  </si>
  <si>
    <t>POINT (4.71324592060464 51.815537091478575)</t>
  </si>
  <si>
    <t>POINT (4.698462188672211 51.79306490411042)</t>
  </si>
  <si>
    <t>POINT (4.673540403966274 51.796107553066896)</t>
  </si>
  <si>
    <t>POINT (4.686946618577382 51.775512580269094)</t>
  </si>
  <si>
    <t>POINT (4.668104878754948 51.791957567254066)</t>
  </si>
  <si>
    <t>POINT (4.720778573107718 51.81342858816429)</t>
  </si>
  <si>
    <t>POINT (4.662783272292606 51.799052856509164)</t>
  </si>
  <si>
    <t>POINT (4.674005150827723 51.78765387913145)</t>
  </si>
  <si>
    <t>POINT (4.694408785419725 51.791170089628686)</t>
  </si>
  <si>
    <t>POINT (4.685209252023058 51.80797451781675)</t>
  </si>
  <si>
    <t>POINT (4.68253947772435 51.80259416606029)</t>
  </si>
  <si>
    <t>POINT (4.684687575624197 51.80976869776214)</t>
  </si>
  <si>
    <t>POINT (4.697835707687583 51.795140178457565)</t>
  </si>
  <si>
    <t>POINT (4.730200204141711 51.797096375354066)</t>
  </si>
  <si>
    <t>POINT (4.667760351659177 51.813847394157975)</t>
  </si>
  <si>
    <t>POINT (4.705727780960262 51.808556346950006)</t>
  </si>
  <si>
    <t>POINT (4.700647080447706 51.79917448992996)</t>
  </si>
  <si>
    <t>POINT (4.71658994743852 51.812668270698296)</t>
  </si>
  <si>
    <t>POINT (4.64527428562619 51.780685374300745)</t>
  </si>
  <si>
    <t>POINT (4.65919157304921 51.80982280964024)</t>
  </si>
  <si>
    <t>POINT (4.677658517903794 51.803689127322606)</t>
  </si>
  <si>
    <t>POINT (4.7107983513395135 51.79157645218665)</t>
  </si>
  <si>
    <t>POINT (4.683907506016215 51.80445956862547)</t>
  </si>
  <si>
    <t>POINT (4.657545056201265 51.79777096750072)</t>
  </si>
  <si>
    <t>POINT (4.6281213848412 51.723891788549366)</t>
  </si>
  <si>
    <t>POINT (4.730425369009977 51.79158248173958)</t>
  </si>
  <si>
    <t>POINT (4.661547423785379 51.79935959010434)</t>
  </si>
  <si>
    <t>POINT (4.691583499420295 51.78833299250849)</t>
  </si>
  <si>
    <t>POINT (4.659495744817567 51.78188826059684)</t>
  </si>
  <si>
    <t>POINT (4.674596514957354 51.80321753260304)</t>
  </si>
  <si>
    <t>POINT (4.713135226935771 51.80901067589914)</t>
  </si>
  <si>
    <t>POINT (4.711973774592683 51.80399602761304)</t>
  </si>
  <si>
    <t>POINT (4.726831590720985 51.79621419402498)</t>
  </si>
  <si>
    <t>POINT (4.682671091055082 51.785284629183494)</t>
  </si>
  <si>
    <t>POINT (4.677529288501853 51.78992156261161)</t>
  </si>
  <si>
    <t>POINT (4.684486869436362 51.81252174876944)</t>
  </si>
  <si>
    <t>POINT (4.6877992411048925 51.79020984561263)</t>
  </si>
  <si>
    <t>POINT (4.68582432346737 51.7866150381174)</t>
  </si>
  <si>
    <t>POINT (4.660894578745225 51.78985968807264)</t>
  </si>
  <si>
    <t>POINT (4.690304143611795 51.80636752042331)</t>
  </si>
  <si>
    <t>POINT (4.659936353519444 51.796294014288854)</t>
  </si>
  <si>
    <t>POINT (4.694968603063973 51.79229182830678)</t>
  </si>
  <si>
    <t>POINT (4.652093207835045 51.79385515232581)</t>
  </si>
  <si>
    <t>POINT (4.663588503224191 51.799049600871356)</t>
  </si>
  <si>
    <t>POINT (4.678020797068318 51.78793647869681)</t>
  </si>
  <si>
    <t>POINT (4.680520829232151 51.79883023178696)</t>
  </si>
  <si>
    <t>POINT (4.711851239003152 51.79209385610974)</t>
  </si>
  <si>
    <t>POINT (4.672124479066501 51.8021363634347)</t>
  </si>
  <si>
    <t>POINT (4.66400359339085 51.79889609848355)</t>
  </si>
  <si>
    <t>POINT (4.658237769044181 51.80144168296207)</t>
  </si>
  <si>
    <t>POINT (4.678023183639033 51.78789529793866)</t>
  </si>
  <si>
    <t>POINT (4.707841840966152 51.81126380590042)</t>
  </si>
  <si>
    <t>POINT (4.675923346568623 51.816991493273804)</t>
  </si>
  <si>
    <t>POINT (4.735616546037547 51.79410488723937)</t>
  </si>
  <si>
    <t>POINT (4.686449762158989 51.8159209706227)</t>
  </si>
  <si>
    <t>POINT (4.704021220324312 51.797690894449495)</t>
  </si>
  <si>
    <t>POINT (4.659821324527445 51.7878667403837)</t>
  </si>
  <si>
    <t>POINT (4.685042864233173 51.78771574718005)</t>
  </si>
  <si>
    <t>POINT (4.676788847573008 51.786458644595726)</t>
  </si>
  <si>
    <t>POINT (4.710591149093071 51.79438466382255)</t>
  </si>
  <si>
    <t>POINT (4.6692916720081925 51.7702715495289)</t>
  </si>
  <si>
    <t>POINT (4.668797012186571 51.81849555828597)</t>
  </si>
  <si>
    <t>POINT (4.686977595753964 51.7778663210401)</t>
  </si>
  <si>
    <t>POINT (4.676280309975087 51.77300376126368)</t>
  </si>
  <si>
    <t>POINT (4.657622542916395 51.79873893921381)</t>
  </si>
  <si>
    <t>POINT (4.7278197831441835 51.79383463248141)</t>
  </si>
  <si>
    <t>POINT (4.701298917421168 51.796750221295774)</t>
  </si>
  <si>
    <t>POINT (4.675286993139396 51.80419391270679)</t>
  </si>
  <si>
    <t>POINT (4.671062987002146 51.79714177880263)</t>
  </si>
  <si>
    <t>POINT (4.689675987585631 51.815443521949284)</t>
  </si>
  <si>
    <t>POINT (4.666915694417102 51.81063771314425)</t>
  </si>
  <si>
    <t>POINT (4.708714273521218 51.803608322123004)</t>
  </si>
  <si>
    <t>POINT (4.729892409703423 51.79252497682139)</t>
  </si>
  <si>
    <t>POINT (4.685988038985001 51.78788354777465)</t>
  </si>
  <si>
    <t>POINT (4.660324196780817 51.791048435290136)</t>
  </si>
  <si>
    <t>POINT (4.671303375996938 51.805301629163786)</t>
  </si>
  <si>
    <t>POINT (4.666018036169539 51.77484797178023)</t>
  </si>
  <si>
    <t>POINT (4.692760658796003 51.818540716202804)</t>
  </si>
  <si>
    <t>POINT (4.721605912353698 51.80273695691217)</t>
  </si>
  <si>
    <t>POINT (4.668240813496108 51.79628875872023)</t>
  </si>
  <si>
    <t>POINT (4.676832295528718 51.81586135258337)</t>
  </si>
  <si>
    <t>POINT (4.667964960532875 51.81482757799213)</t>
  </si>
  <si>
    <t>POINT (4.684472195073196 51.80938894935284)</t>
  </si>
  <si>
    <t>POINT (4.697556541132064 51.79595548207598)</t>
  </si>
  <si>
    <t>POINT (4.680242545956231 51.773122785864196)</t>
  </si>
  <si>
    <t>POINT (4.696131562774479 51.79902319064835)</t>
  </si>
  <si>
    <t>POINT (4.7136067977608676 51.81500001589479)</t>
  </si>
  <si>
    <t>POINT (4.659923297591676 51.79380586056004)</t>
  </si>
  <si>
    <t>POINT (4.644974128636924 51.770671085167976)</t>
  </si>
  <si>
    <t>POINT (4.701691600293884 51.789568573929834)</t>
  </si>
  <si>
    <t>POINT (4.685511767100384 51.779244310129)</t>
  </si>
  <si>
    <t>POINT (4.686087550425547 51.777858711937796)</t>
  </si>
  <si>
    <t>POINT (4.6360066349382505 51.77591021882306)</t>
  </si>
  <si>
    <t>POINT (4.675822083113924 51.77424717757057)</t>
  </si>
  <si>
    <t>POINT (4.664046519887525 51.79534618745277)</t>
  </si>
  <si>
    <t>POINT (4.655404944130101 51.76996262680752)</t>
  </si>
  <si>
    <t>POINT (4.7019296971188655 51.79894889417154)</t>
  </si>
  <si>
    <t>POINT (4.661350207146369 51.801966026627355)</t>
  </si>
  <si>
    <t>POINT (4.684151440862201 51.7981705936354)</t>
  </si>
  <si>
    <t>POINT (4.650713056619309 51.80325274618049)</t>
  </si>
  <si>
    <t>POINT (4.659273678100062 51.81263324513367)</t>
  </si>
  <si>
    <t>POINT (4.66011921201916 51.804157722513985)</t>
  </si>
  <si>
    <t>POINT (4.6754057527328605 51.81445362285629)</t>
  </si>
  <si>
    <t>POINT (4.667176005297851 51.81805554354037)</t>
  </si>
  <si>
    <t>POINT (4.660936820936112 51.80420093405104)</t>
  </si>
  <si>
    <t>POINT (4.6661697641706645 51.81742218116883)</t>
  </si>
  <si>
    <t>POINT (4.684135392751769 51.798183593974656)</t>
  </si>
  <si>
    <t>POINT (4.6821011792094955 51.77554146455867)</t>
  </si>
  <si>
    <t>POINT (4.658992707980342 51.79241576440997)</t>
  </si>
  <si>
    <t>POINT (4.6764445563002175 51.77601369123834)</t>
  </si>
  <si>
    <t>POINT (4.676041754984359 51.78504148088261)</t>
  </si>
  <si>
    <t>POINT (4.678466351696423 51.77813481099698)</t>
  </si>
  <si>
    <t>POINT (4.681421917002018 51.817902243227415)</t>
  </si>
  <si>
    <t>POINT (4.712504450841227 51.79341981969771)</t>
  </si>
  <si>
    <t>POINT (4.6685938989669475 51.8081790722947)</t>
  </si>
  <si>
    <t>POINT (4.704759754126053 51.79461825601701)</t>
  </si>
  <si>
    <t>POINT (4.6574155464448665 51.80139832480055)</t>
  </si>
  <si>
    <t>POINT (4.718859383713015 51.80222278973654)</t>
  </si>
  <si>
    <t>POINT (4.675024718346569 51.808138934987795)</t>
  </si>
  <si>
    <t>POINT (4.700819521655592 51.80409723140636)</t>
  </si>
  <si>
    <t>POINT (4.669669929899492 51.77291037227225)</t>
  </si>
  <si>
    <t>POINT (4.686014849751811 51.7760307130628)</t>
  </si>
  <si>
    <t>POINT (4.660365879056189 51.80027550552681)</t>
  </si>
  <si>
    <t>POINT (4.6782635807991415 51.816604273452555)</t>
  </si>
  <si>
    <t>POINT (4.657738608647846 51.807450677910744)</t>
  </si>
  <si>
    <t>POINT (4.685411647974409 51.775518659471196)</t>
  </si>
  <si>
    <t>POINT (4.6652893395423085 51.79925338927282)</t>
  </si>
  <si>
    <t>POINT (4.672492960903512 51.78349087089343)</t>
  </si>
  <si>
    <t>POINT (4.636185673632462 51.775988677592906)</t>
  </si>
  <si>
    <t>POINT (4.66382093693137 51.81516141183622)</t>
  </si>
  <si>
    <t>POINT (4.705951162025582 51.807412274178624)</t>
  </si>
  <si>
    <t>POINT (4.657742692208093 51.81058636271632)</t>
  </si>
  <si>
    <t>POINT (4.6875054813598656 51.80753760336007)</t>
  </si>
  <si>
    <t>POINT (4.66635281559454 51.814377196511714)</t>
  </si>
  <si>
    <t>POINT (4.698070627947411 51.800996929293404)</t>
  </si>
  <si>
    <t>POINT (4.678234081648216 51.78470128911756)</t>
  </si>
  <si>
    <t>POINT (4.659711405831893 51.80497664445029)</t>
  </si>
  <si>
    <t>POINT (4.704397995764044 51.788020301643556)</t>
  </si>
  <si>
    <t>POINT (4.685400704553622 51.78742307752569)</t>
  </si>
  <si>
    <t>POINT (4.651488731399875 51.80284583102115)</t>
  </si>
  <si>
    <t>POINT (4.661742272374436 51.79714228565484)</t>
  </si>
  <si>
    <t>POINT (4.664569051969163 51.8136147457589)</t>
  </si>
  <si>
    <t>POINT (4.694670636374161 51.79607446336191)</t>
  </si>
  <si>
    <t>POINT (4.653589404563884 51.78872154569986)</t>
  </si>
  <si>
    <t>POINT (4.687244701456675 51.804695539183044)</t>
  </si>
  <si>
    <t>POINT (4.6817157867669295 51.81912470598233)</t>
  </si>
  <si>
    <t>POINT (4.668291243858419 51.79300906576677)</t>
  </si>
  <si>
    <t>POINT (4.724959285110779 51.805343832355575)</t>
  </si>
  <si>
    <t>POINT (4.652192655437904 51.80340129499905)</t>
  </si>
  <si>
    <t>POINT (4.686892919679513 51.81071194559454)</t>
  </si>
  <si>
    <t>POINT (4.65621542610286 51.784808558388356)</t>
  </si>
  <si>
    <t>POINT (4.657099560756848 51.770104793086674)</t>
  </si>
  <si>
    <t>POINT (4.726279074635504 51.80600049572511)</t>
  </si>
  <si>
    <t>POINT (4.725888656318125 51.79619488755946)</t>
  </si>
  <si>
    <t>POINT (4.721126973943242 51.8029777864502)</t>
  </si>
  <si>
    <t>POINT (4.687167650104669 51.810944242866995)</t>
  </si>
  <si>
    <t>POINT (4.683995547041259 51.798121641853534)</t>
  </si>
  <si>
    <t>POINT (4.659144867862693 51.813174122149015)</t>
  </si>
  <si>
    <t>POINT (4.691061524051404 51.806248547801374)</t>
  </si>
  <si>
    <t>POINT (4.70498153970477 51.79291334425122)</t>
  </si>
  <si>
    <t>POINT (4.659557700618197 51.804357305284555)</t>
  </si>
  <si>
    <t>POINT (4.668433789144858 51.80987440849104)</t>
  </si>
  <si>
    <t>POINT (4.680565102418999 51.7818816588708)</t>
  </si>
  <si>
    <t>POINT (4.664020783386343 51.8154742809643)</t>
  </si>
  <si>
    <t>POINT (4.708040666105408 51.79439161664617)</t>
  </si>
  <si>
    <t>POINT (4.670370015445181 51.81701282361535)</t>
  </si>
  <si>
    <t>POINT (4.719368667011386 51.801016860351375)</t>
  </si>
  <si>
    <t>POINT (4.705758452991189 51.81677784614347)</t>
  </si>
  <si>
    <t>POINT (4.689769203492814 51.81540466069106)</t>
  </si>
  <si>
    <t>POINT (4.66805265898917 51.791948968561734)</t>
  </si>
  <si>
    <t>POINT (4.66364659308143 51.80410583789103)</t>
  </si>
  <si>
    <t>POINT (4.698444530036974 51.793311000168956)</t>
  </si>
  <si>
    <t>POINT (4.71404961621858 51.81394740750916)</t>
  </si>
  <si>
    <t>POINT (4.663454265607159 51.81313961959554)</t>
  </si>
  <si>
    <t>POINT (4.682013912973085 51.78176836549208)</t>
  </si>
  <si>
    <t>POINT (4.684581265850122 51.81237074714252)</t>
  </si>
  <si>
    <t>POINT (4.665716628409405 51.812588827695784)</t>
  </si>
  <si>
    <t>POINT (4.6652552289788165 51.80292859240862)</t>
  </si>
  <si>
    <t>POINT (4.673678456456931 51.78843489792364)</t>
  </si>
  <si>
    <t>POINT (4.700794288847769 51.81659494186285)</t>
  </si>
  <si>
    <t>POINT (4.675597121121029 51.78334889077922)</t>
  </si>
  <si>
    <t>POINT (4.663358715917938 51.81282320399268)</t>
  </si>
  <si>
    <t>POINT (4.681122334286652 51.77354944945549)</t>
  </si>
  <si>
    <t>POINT (4.659716777421045 51.79735973756177)</t>
  </si>
  <si>
    <t>POINT (4.677466258933433 51.80865576300741)</t>
  </si>
  <si>
    <t>POINT (4.669146385553813 51.8011390201434)</t>
  </si>
  <si>
    <t>POINT (4.6773969775850235 51.815728033661536)</t>
  </si>
  <si>
    <t>POINT (4.676845916222539 51.78078358812609)</t>
  </si>
  <si>
    <t>POINT (4.642188300894047 51.768753227239685)</t>
  </si>
  <si>
    <t>POINT (4.683057106916996 51.80169073870496)</t>
  </si>
  <si>
    <t>POINT (4.661518232169091 51.79997549478814)</t>
  </si>
  <si>
    <t>POINT (4.679178188958039 51.77277153134497)</t>
  </si>
  <si>
    <t>POINT (4.668830086521864 51.771854944270096)</t>
  </si>
  <si>
    <t>POINT (4.665647924986465 51.796077884773936)</t>
  </si>
  <si>
    <t>POINT (4.671341405694985 51.81843010864817)</t>
  </si>
  <si>
    <t>POINT (4.663591636498622 51.814658016479804)</t>
  </si>
  <si>
    <t>POINT (4.678013642208941 51.8166839130361)</t>
  </si>
  <si>
    <t>POINT (4.725827119118654 51.798446115618034)</t>
  </si>
  <si>
    <t>POINT (4.670900976392239 51.80260111210605)</t>
  </si>
  <si>
    <t>POINT (4.65872800470214 51.806582692167034)</t>
  </si>
  <si>
    <t>POINT (4.6809237294535535 51.80501628362282)</t>
  </si>
  <si>
    <t>POINT (4.682617299137896 51.814489474001654)</t>
  </si>
  <si>
    <t>POINT (4.662277762135995 51.804281351535906)</t>
  </si>
  <si>
    <t>POINT (4.7296840490152645 51.793993210370935)</t>
  </si>
  <si>
    <t>POINT (4.658043755051198 51.81252214973672)</t>
  </si>
  <si>
    <t>POINT (4.683275076492298 51.798458082264574)</t>
  </si>
  <si>
    <t>POINT (4.65477536505261 51.80377104263876)</t>
  </si>
  <si>
    <t>POINT (4.731568112632277 51.80398077601023)</t>
  </si>
  <si>
    <t>POINT (4.684780672116838 51.77833577898121)</t>
  </si>
  <si>
    <t>POINT (4.683158728575013 51.78184673863588)</t>
  </si>
  <si>
    <t>POINT (4.691493984590245 51.80669379532991)</t>
  </si>
  <si>
    <t>POINT (4.67361490832793 51.81371461991959)</t>
  </si>
  <si>
    <t>POINT (4.66593987390311 51.812124487558584)</t>
  </si>
  <si>
    <t>POINT (4.663573662264808 51.792300992235425)</t>
  </si>
  <si>
    <t>POINT (4.666942395043358 51.79624957697141)</t>
  </si>
  <si>
    <t>POINT (4.6570852266664025 51.81001818875781)</t>
  </si>
  <si>
    <t>POINT (4.708594578889356 51.81158085814079)</t>
  </si>
  <si>
    <t>POINT (4.722502623347503 51.797113017448176)</t>
  </si>
  <si>
    <t>POINT (4.666563959119669 51.79628595840338)</t>
  </si>
  <si>
    <t>POINT (4.652300999704284 51.78535079321194)</t>
  </si>
  <si>
    <t>POINT (4.661682090748798 51.787789841718876)</t>
  </si>
  <si>
    <t>POINT (4.728730148970828 51.805471955255214)</t>
  </si>
  <si>
    <t>POINT (4.666095023690411 51.81046097119741)</t>
  </si>
  <si>
    <t>POINT (4.6868565919351495 51.78109016728488)</t>
  </si>
  <si>
    <t>POINT (4.6713217171466015 51.8052943703448)</t>
  </si>
  <si>
    <t>POINT (4.662203210866088 51.794920305996804)</t>
  </si>
  <si>
    <t>POINT (4.664370222131848 51.81768619187751)</t>
  </si>
  <si>
    <t>POINT (4.6629494053633405 51.799809067380515)</t>
  </si>
  <si>
    <t>POINT (4.7265148067693525 51.79714294218096)</t>
  </si>
  <si>
    <t>POINT (4.69782142653714 51.79662858230839)</t>
  </si>
  <si>
    <t>POINT (4.714397049267241 51.80319013770777)</t>
  </si>
  <si>
    <t>POINT (4.681807503884167 51.788470119362344)</t>
  </si>
  <si>
    <t>POINT (4.659047432857739 51.79433994758587)</t>
  </si>
  <si>
    <t>POINT (4.730996787248838 51.80048458905229)</t>
  </si>
  <si>
    <t>POINT (4.6693837768644535 51.81201779392527)</t>
  </si>
  <si>
    <t>POINT (4.654844310124849 51.792831807604344)</t>
  </si>
  <si>
    <t>POINT (4.702952386419482 51.81551882147055)</t>
  </si>
  <si>
    <t>POINT (4.661447404360097 51.8130625789355)</t>
  </si>
  <si>
    <t>POINT (4.662862053411146 51.80148829032216)</t>
  </si>
  <si>
    <t>POINT (4.675866073609787 51.77319170235614)</t>
  </si>
  <si>
    <t>POINT (4.668284844083317 51.81339432523759)</t>
  </si>
  <si>
    <t>POINT (4.659213367995616 51.81277853264754)</t>
  </si>
  <si>
    <t>POINT (4.719318835194919 51.81288928617164)</t>
  </si>
  <si>
    <t>POINT (4.653529759471238 51.788238541628644)</t>
  </si>
  <si>
    <t>POINT (4.6636943738203644 51.814468170821335)</t>
  </si>
  <si>
    <t>POINT (4.649880391403519 51.793960132667344)</t>
  </si>
  <si>
    <t>POINT (4.69337671812795 51.79553071606225)</t>
  </si>
  <si>
    <t>POINT (4.719523605235022 51.811790350278834)</t>
  </si>
  <si>
    <t>POINT (4.676005332106441 51.79936301429515)</t>
  </si>
  <si>
    <t>POINT (4.673707656355669 51.80597631207724)</t>
  </si>
  <si>
    <t>POINT (4.675881556072304 51.81696617060032)</t>
  </si>
  <si>
    <t>POINT (4.732710863305959 51.795632773728265)</t>
  </si>
  <si>
    <t>POINT (4.666884511826822 51.787580780386804)</t>
  </si>
  <si>
    <t>POINT (4.72869008370481 51.796665487996684)</t>
  </si>
  <si>
    <t>POINT (4.725682836325358 51.798752956565465)</t>
  </si>
  <si>
    <t>POINT (4.6566620440994875 51.770785211955264)</t>
  </si>
  <si>
    <t>POINT (4.71778787011989 51.803153882766324)</t>
  </si>
  <si>
    <t>POINT (4.656680318881161 51.80776059505245)</t>
  </si>
  <si>
    <t>POINT (4.708027450552233 51.80977411328316)</t>
  </si>
  <si>
    <t>POINT (4.729463659989711 51.79845170888355)</t>
  </si>
  <si>
    <t>POINT (4.662103106019891 51.810879182349915)</t>
  </si>
  <si>
    <t>POINT (4.692486828784091 51.78668275606143)</t>
  </si>
  <si>
    <t>POINT (4.68508918953541 51.805758083657146)</t>
  </si>
  <si>
    <t>POINT (4.6600971785903385 51.812943776873354)</t>
  </si>
  <si>
    <t>POINT (4.680207613135946 51.81378280977205)</t>
  </si>
  <si>
    <t>POINT (4.659952638283135 51.808686756475446)</t>
  </si>
  <si>
    <t>POINT (4.661463544715336 51.81342296310232)</t>
  </si>
  <si>
    <t>POINT (4.669439793393548 51.80426681980748)</t>
  </si>
  <si>
    <t>POINT (4.66166277600483 51.80258178873074)</t>
  </si>
  <si>
    <t>POINT (4.724624193902366 51.79329712510785)</t>
  </si>
  <si>
    <t>POINT (4.698440056521137 51.80729940357506)</t>
  </si>
  <si>
    <t>POINT (4.655491116869966 51.79021149990757)</t>
  </si>
  <si>
    <t>POINT (4.664382445893722 51.813342857521214)</t>
  </si>
  <si>
    <t>POINT (4.6876915413396985 51.81396036597927)</t>
  </si>
  <si>
    <t>POINT (4.654927068262756 51.80043244502632)</t>
  </si>
  <si>
    <t>POINT (4.711308829477276 51.80439677843072)</t>
  </si>
  <si>
    <t>POINT (4.660016551888961 51.81326178229381)</t>
  </si>
  <si>
    <t>POINT (4.6511978446725255 51.794517687405545)</t>
  </si>
  <si>
    <t>POINT (4.665250557827543 51.814634274390734)</t>
  </si>
  <si>
    <t>POINT (4.686363306966706 51.789691446692835)</t>
  </si>
  <si>
    <t>POINT (4.66518496149377 51.77531176962736)</t>
  </si>
  <si>
    <t>POINT (4.67183259517908 51.812275288823606)</t>
  </si>
  <si>
    <t>POINT (4.677127142775986 51.78040311827971)</t>
  </si>
  <si>
    <t>POINT (4.647092000330263 51.799991725962215)</t>
  </si>
  <si>
    <t>POINT (4.669251131741856 51.81287188648041)</t>
  </si>
  <si>
    <t>POINT (4.691674254070079 51.81811114217093)</t>
  </si>
  <si>
    <t>POINT (4.671483261013158 51.79936495409029)</t>
  </si>
  <si>
    <t>POINT (4.706575054270656 51.796419459889954)</t>
  </si>
  <si>
    <t>POINT (4.725950412003817 51.79965494723819)</t>
  </si>
  <si>
    <t>POINT (4.662022047766888 51.79836050968046)</t>
  </si>
  <si>
    <t>POINT (4.682641390199681 51.77583129779386)</t>
  </si>
  <si>
    <t>POINT (4.695948402638015 51.79887839186967)</t>
  </si>
  <si>
    <t>POINT (4.673964269006881 51.80633591818945)</t>
  </si>
  <si>
    <t>POINT (4.698780545949202 51.79849770857663)</t>
  </si>
  <si>
    <t>POINT (4.676773156723263 51.773009390411495)</t>
  </si>
  <si>
    <t>POINT (4.669888327992108 51.77198565468905)</t>
  </si>
  <si>
    <t>POINT (4.727920217639374 51.797354179991466)</t>
  </si>
  <si>
    <t>POINT (4.680162726395973 51.811870614008214)</t>
  </si>
  <si>
    <t>POINT (4.677053859049901 51.7772527359622)</t>
  </si>
  <si>
    <t>POINT (4.714664483083767 51.81441404530431)</t>
  </si>
  <si>
    <t>POINT (4.671926877493074 51.80271784148002)</t>
  </si>
  <si>
    <t>POINT (4.664234038562894 51.81259087620995)</t>
  </si>
  <si>
    <t>POINT (4.6575367679141575 51.800257487066425)</t>
  </si>
  <si>
    <t>POINT (4.674377540150265 51.78843006940919)</t>
  </si>
  <si>
    <t>POINT (4.712357209019732 51.800475464089985)</t>
  </si>
  <si>
    <t>POINT (4.6523323912520205 51.785522575528994)</t>
  </si>
  <si>
    <t>POINT (4.703161559216139 51.797772203718125)</t>
  </si>
  <si>
    <t>POINT (4.718924403514863 51.80237093341505)</t>
  </si>
  <si>
    <t>POINT (4.6792729022537145 51.81597330360216)</t>
  </si>
  <si>
    <t>POINT (4.667818308633845 51.77599932745283)</t>
  </si>
  <si>
    <t>POINT (4.667830401752177 51.79100370258284)</t>
  </si>
  <si>
    <t>POINT (4.726783264607305 51.79856439880278)</t>
  </si>
  <si>
    <t>POINT (4.704327425475506 51.7983344675417)</t>
  </si>
  <si>
    <t>POINT (4.631174645738393 51.72445445829548)</t>
  </si>
  <si>
    <t>POINT (4.7286944312516725 51.799733956434096)</t>
  </si>
  <si>
    <t>POINT (4.700687854831589 51.8173679630288)</t>
  </si>
  <si>
    <t>POINT (4.710615852127293 51.801327600370556)</t>
  </si>
  <si>
    <t>POINT (4.656032827807211 51.76948713816504)</t>
  </si>
  <si>
    <t>POINT (4.69421203644599 51.79238416074794)</t>
  </si>
  <si>
    <t>POINT (4.656455222119584 51.802427360390865)</t>
  </si>
  <si>
    <t>POINT (4.691681327902676 51.81815087797701)</t>
  </si>
  <si>
    <t>POINT (4.698366165317687 51.79292661590782)</t>
  </si>
  <si>
    <t>POINT (4.655874415027077 51.80660302687981)</t>
  </si>
  <si>
    <t>POINT (4.729467271543789 51.800581075244054)</t>
  </si>
  <si>
    <t>POINT (4.659675884771627 51.79241525707483)</t>
  </si>
  <si>
    <t>POINT (4.6566864754852855 51.770262139155854)</t>
  </si>
  <si>
    <t>POINT (4.662726264736663 51.792920072530265)</t>
  </si>
  <si>
    <t>POINT (4.665356244131954 51.79495159550504)</t>
  </si>
  <si>
    <t>POINT (4.676030834482385 51.807033641124164)</t>
  </si>
  <si>
    <t>POINT (4.660584128084851 51.804108243349106)</t>
  </si>
  <si>
    <t>POINT (4.657322600634059 51.79078097328)</t>
  </si>
  <si>
    <t>POINT (4.669741786785836 51.80823635199647)</t>
  </si>
  <si>
    <t>POINT (4.729578265738794 51.80515699469334)</t>
  </si>
  <si>
    <t>POINT (4.725464080919237 51.80640528999376)</t>
  </si>
  <si>
    <t>POINT (4.667890025175679 51.791240614801545)</t>
  </si>
  <si>
    <t>POINT (4.659671334913141 51.77157306639108)</t>
  </si>
  <si>
    <t>POINT (4.630402694648764 51.78394865449747)</t>
  </si>
  <si>
    <t>POINT (4.663424986840523 51.79706829261473)</t>
  </si>
  <si>
    <t>POINT (4.687133067698871 51.80895657107867)</t>
  </si>
  <si>
    <t>POINT (4.67980345592898 51.80952709829807)</t>
  </si>
  <si>
    <t>POINT (4.670369387149692 51.778102773106255)</t>
  </si>
  <si>
    <t>POINT (4.6785994271111715 51.78849369686817)</t>
  </si>
  <si>
    <t>POINT (4.735757686756815 51.7986814996673)</t>
  </si>
  <si>
    <t>POINT (4.678758750370972 51.81644629460177)</t>
  </si>
  <si>
    <t>POINT (4.65696145857293 51.79786505275292)</t>
  </si>
  <si>
    <t>POINT (4.655504373775222 51.80595170930115)</t>
  </si>
  <si>
    <t>POINT (4.666672183299464 51.8166587307265)</t>
  </si>
  <si>
    <t>POINT (4.676476347899312 51.783753903934645)</t>
  </si>
  <si>
    <t>POINT (4.697532596806113 51.792950554275)</t>
  </si>
  <si>
    <t>POINT (4.683411586852601 51.77986460344813)</t>
  </si>
  <si>
    <t>POINT (4.702248542790531 51.79517300885341)</t>
  </si>
  <si>
    <t>POINT (4.684573564483045 51.78167744387055)</t>
  </si>
  <si>
    <t>POINT (4.7180237533420994 51.815561726072836)</t>
  </si>
  <si>
    <t>POINT (4.663778177429615 51.79172339013128)</t>
  </si>
  <si>
    <t>POINT (4.6734129091916525 51.80537332960799)</t>
  </si>
  <si>
    <t>POINT (4.679531667578313 51.772838787966634)</t>
  </si>
  <si>
    <t>POINT (4.733960171982854 51.80104827210663)</t>
  </si>
  <si>
    <t>POINT (4.681327854720602 51.80239128969065)</t>
  </si>
  <si>
    <t>POINT (4.677505839142303 51.800214115000784)</t>
  </si>
  <si>
    <t>POINT (4.665708528482855 51.773297455760634)</t>
  </si>
  <si>
    <t>POINT (4.730203065384448 51.805227280180844)</t>
  </si>
  <si>
    <t>POINT (4.659497497249175 51.80446528163166)</t>
  </si>
  <si>
    <t>POINT (4.734354126311392 51.80010592087484)</t>
  </si>
  <si>
    <t>POINT (4.679868829009977 51.78978848451368)</t>
  </si>
  <si>
    <t>POINT (4.666653082553491 51.781105673913714)</t>
  </si>
  <si>
    <t>POINT (4.685629145207208 51.780980909240235)</t>
  </si>
  <si>
    <t>POINT (4.705527743094298 51.79569534710327)</t>
  </si>
  <si>
    <t>POINT (4.682861726762923 51.77813857367012)</t>
  </si>
  <si>
    <t>POINT (4.652070526318484 51.78118516218715)</t>
  </si>
  <si>
    <t>POINT (4.657520867265212 51.79959324914313)</t>
  </si>
  <si>
    <t>POINT (4.667424398410038 51.7705456217005)</t>
  </si>
  <si>
    <t>POINT (4.678183041863086 51.78462170031136)</t>
  </si>
  <si>
    <t>POINT (4.70439442307465 51.78796810160382)</t>
  </si>
  <si>
    <t>POINT (4.681878412375602 51.804073685057396)</t>
  </si>
  <si>
    <t>POINT (4.6622996447708385 51.80478265116147)</t>
  </si>
  <si>
    <t>POINT (4.706522780553284 51.80863268154567)</t>
  </si>
  <si>
    <t>POINT (4.711176231221091 51.80395013256342)</t>
  </si>
  <si>
    <t>POINT (4.667796271579443 51.80212959986004)</t>
  </si>
  <si>
    <t>POINT (4.680451424188935 51.79876028628127)</t>
  </si>
  <si>
    <t>POINT (4.68637345504209 51.80253827107302)</t>
  </si>
  <si>
    <t>POINT (4.720880221595128 51.80040661267007)</t>
  </si>
  <si>
    <t>POINT (4.658542481127896 51.81339300613081)</t>
  </si>
  <si>
    <t>POINT (4.721619741595272 51.80278427966919)</t>
  </si>
  <si>
    <t>POINT (4.666119441497554 51.81441893540213)</t>
  </si>
  <si>
    <t>POINT (4.667409451499672 51.78991096191856)</t>
  </si>
  <si>
    <t>POINT (4.678391608258345 51.808530741721576)</t>
  </si>
  <si>
    <t>POINT (4.728154859298279 51.798336806455374)</t>
  </si>
  <si>
    <t>POINT (4.675711340161306 51.80409559762855)</t>
  </si>
  <si>
    <t>POINT (4.705317409580445 51.81491686457939)</t>
  </si>
  <si>
    <t>POINT (4.701210364057775 51.796104416182956)</t>
  </si>
  <si>
    <t>POINT (4.70823912459553 51.79602445919524)</t>
  </si>
  <si>
    <t>POINT (4.666080427476526 51.77744814386645)</t>
  </si>
  <si>
    <t>POINT (4.666559596733386 51.796274093496024)</t>
  </si>
  <si>
    <t>POINT (4.702763197387715 51.797158642353004)</t>
  </si>
  <si>
    <t>POINT (4.658285890571688 51.80015432400891)</t>
  </si>
  <si>
    <t>POINT (4.675698323612214 51.77386139543162)</t>
  </si>
  <si>
    <t>POINT (4.678467942615824 51.81457768290641)</t>
  </si>
  <si>
    <t>POINT (4.672463435146121 51.772068450436976)</t>
  </si>
  <si>
    <t>POINT (4.652434875339744 51.790450220410065)</t>
  </si>
  <si>
    <t>POINT (4.667554334847289 51.77669951993479)</t>
  </si>
  <si>
    <t>POINT (4.699600662972477 51.79888257650156)</t>
  </si>
  <si>
    <t>POINT (4.665035725164548 51.79987410676183)</t>
  </si>
  <si>
    <t>POINT (4.664522002162414 51.778013173493285)</t>
  </si>
  <si>
    <t>POINT (4.6897954760711995 51.80814779542392)</t>
  </si>
  <si>
    <t>POINT (4.711555748225725 51.800157111703705)</t>
  </si>
  <si>
    <t>POINT (4.673327909760357 51.816025290731325)</t>
  </si>
  <si>
    <t>POINT (4.652208389841877 51.80182649223398)</t>
  </si>
  <si>
    <t>POINT (4.673053579653497 51.77249251959111)</t>
  </si>
  <si>
    <t>POINT (4.6670539698359885 51.81892901499979)</t>
  </si>
  <si>
    <t>POINT (4.725678063331895 51.79575414649038)</t>
  </si>
  <si>
    <t>POINT (4.674779999072352 51.80691249061703)</t>
  </si>
  <si>
    <t>POINT (4.727465886496216 51.79674052412672)</t>
  </si>
  <si>
    <t>POINT (4.719514374375941 51.80112350394456)</t>
  </si>
  <si>
    <t>POINT (4.684014167902389 51.80942918038792)</t>
  </si>
  <si>
    <t>POINT (4.7248100134564295 51.80617890618374)</t>
  </si>
  <si>
    <t>POINT (4.66305936127086 51.79396647234006)</t>
  </si>
  <si>
    <t>POINT (4.6638831817117135 51.81160006710805)</t>
  </si>
  <si>
    <t>POINT (4.7318920132955915 51.798944292512125)</t>
  </si>
  <si>
    <t>POINT (4.685224928157999 51.80874379880564)</t>
  </si>
  <si>
    <t>POINT (4.671694487010945 51.80594584252678)</t>
  </si>
  <si>
    <t>POINT (4.717332608103879 51.81557643458759)</t>
  </si>
  <si>
    <t>POINT (4.660483644746495 51.79620319504091)</t>
  </si>
  <si>
    <t>POINT (4.670242555472491 51.805333893391385)</t>
  </si>
  <si>
    <t>POINT (4.667820447309895 51.8117016889553)</t>
  </si>
  <si>
    <t>POINT (4.69155508798389 51.79397988121965)</t>
  </si>
  <si>
    <t>POINT (4.678583892909936 51.80803571931749)</t>
  </si>
  <si>
    <t>POINT (4.685582415807853 51.816005675061554)</t>
  </si>
  <si>
    <t>POINT (4.667338108854361 51.78713126222209)</t>
  </si>
  <si>
    <t>POINT (4.6595957288116745 51.78871049574498)</t>
  </si>
  <si>
    <t>POINT (4.6972281129209 51.790558792213105)</t>
  </si>
  <si>
    <t>POINT (4.669583818209273 51.80929600531334)</t>
  </si>
  <si>
    <t>POINT (4.690453320629962 51.8182708824098)</t>
  </si>
  <si>
    <t>POINT (4.653913366552463 51.79231077747912)</t>
  </si>
  <si>
    <t>POINT (4.6604641060083125 51.773242882302014)</t>
  </si>
  <si>
    <t>POINT (4.666084378799414 51.77375642123076)</t>
  </si>
  <si>
    <t>POINT (4.652371151957295 51.79243758515349)</t>
  </si>
  <si>
    <t>POINT (4.726503078311852 51.798190089250255)</t>
  </si>
  <si>
    <t>POINT (4.71018366815965 51.80960105625822)</t>
  </si>
  <si>
    <t>POINT (4.6852108366949565 51.78947894874078)</t>
  </si>
  <si>
    <t>POINT (4.657974536612718 51.79821643909742)</t>
  </si>
  <si>
    <t>POINT (4.670677577239933 51.790017646907714)</t>
  </si>
  <si>
    <t>POINT (4.717737936238935 51.8037955849527)</t>
  </si>
  <si>
    <t>POINT (4.697346023188066 51.800647398610586)</t>
  </si>
  <si>
    <t>POINT (4.668299058705686 51.771039775268974)</t>
  </si>
  <si>
    <t>POINT (4.678772051445428 51.78630974071857)</t>
  </si>
  <si>
    <t>POINT (4.670408992272998 51.80608119557557)</t>
  </si>
  <si>
    <t>POINT (4.698272508579445 51.7985978984813)</t>
  </si>
  <si>
    <t>POINT (4.663100566789926 51.81627144849389)</t>
  </si>
  <si>
    <t>POINT (4.685460003200352 51.789428161295255)</t>
  </si>
  <si>
    <t>POINT (4.660424581347561 51.80542251656086)</t>
  </si>
  <si>
    <t>POINT (4.659314282240823 51.811814124436026)</t>
  </si>
  <si>
    <t>POINT (4.669133788236188 51.816630070118286)</t>
  </si>
  <si>
    <t>POINT (4.662931171794406 51.80170375350163)</t>
  </si>
  <si>
    <t>POINT (4.72489488191816 51.797999235811176)</t>
  </si>
  <si>
    <t>POINT (4.666499102990503 51.796292193671285)</t>
  </si>
  <si>
    <t>POINT (4.662766758599081 51.81258052421181)</t>
  </si>
  <si>
    <t>POINT (4.679379493652621 51.785306790602746)</t>
  </si>
  <si>
    <t>POINT (4.669398986121201 51.811939649516574)</t>
  </si>
  <si>
    <t>POINT (4.693280887077082 51.79618157644162)</t>
  </si>
  <si>
    <t>POINT (4.712592538014214 51.792020306310555)</t>
  </si>
  <si>
    <t>POINT (4.667437555129496 51.79931120737107)</t>
  </si>
  <si>
    <t>POINT (4.685621495648337 51.80168100386071)</t>
  </si>
  <si>
    <t>POINT (4.678248380055637 51.8070601204981)</t>
  </si>
  <si>
    <t>POINT (4.661671558291768 51.78778865298847)</t>
  </si>
  <si>
    <t>POINT (4.710142922279202 51.8044092116344)</t>
  </si>
  <si>
    <t>POINT (4.651239272643128 51.79095757234196)</t>
  </si>
  <si>
    <t>POINT (4.730969576038712 51.80172006000342)</t>
  </si>
  <si>
    <t>POINT (4.664408340011207 51.78813354568205)</t>
  </si>
  <si>
    <t>POINT (4.6554792067670085 51.78115361362177)</t>
  </si>
  <si>
    <t>POINT (4.656368653992125 51.80451622575984)</t>
  </si>
  <si>
    <t>POINT (4.661792305673976 51.80613503715557)</t>
  </si>
  <si>
    <t>POINT (4.667666773476403 51.77750520305715)</t>
  </si>
  <si>
    <t>POINT (4.659695689675462 51.801060631366795)</t>
  </si>
  <si>
    <t>POINT (4.678770757777959 51.77558799260441)</t>
  </si>
  <si>
    <t>POINT (4.6697461366362365 51.81113801394742)</t>
  </si>
  <si>
    <t>POINT (4.656051897188271 51.7849814708625)</t>
  </si>
  <si>
    <t>POINT (4.711082767038887 51.80760977184701)</t>
  </si>
  <si>
    <t>POINT (4.681661641771751 51.77487772008623)</t>
  </si>
  <si>
    <t>POINT (4.722756826624517 51.804490772963696)</t>
  </si>
  <si>
    <t>POINT (4.7097042276857755 51.80782228543901)</t>
  </si>
  <si>
    <t>POINT (4.6743038706907765 51.778663172395895)</t>
  </si>
  <si>
    <t>POINT (4.664682896938002 51.79156030166134)</t>
  </si>
  <si>
    <t>POINT (4.693246078568661 51.79631458269415)</t>
  </si>
  <si>
    <t>POINT (4.721080649439401 51.803371486738136)</t>
  </si>
  <si>
    <t>POINT (4.676227075319377 51.789436270137614)</t>
  </si>
  <si>
    <t>POINT (4.675632341175926 51.78324023329218)</t>
  </si>
  <si>
    <t>POINT (4.660000652114325 51.814002063591694)</t>
  </si>
  <si>
    <t>POINT (4.654485117017545 51.80343050939128)</t>
  </si>
  <si>
    <t>POINT (4.661066585723529 51.80915986217796)</t>
  </si>
  <si>
    <t>POINT (4.654323269191668 51.79177529269701)</t>
  </si>
  <si>
    <t>POINT (4.686002439437545 51.810897610215115)</t>
  </si>
  <si>
    <t>POINT (4.660137482597711 51.811203529666415)</t>
  </si>
  <si>
    <t>POINT (4.717222493468056 51.799032119920405)</t>
  </si>
  <si>
    <t>POINT (4.643914684400101 51.770227971801624)</t>
  </si>
  <si>
    <t>POINT (4.707310353150315 51.8106394685744)</t>
  </si>
  <si>
    <t>POINT (4.659416256114659 51.80985667048429)</t>
  </si>
  <si>
    <t>POINT (4.698411976667945 51.79302309064223)</t>
  </si>
  <si>
    <t>POINT (4.715833125698886 51.801417595142354)</t>
  </si>
  <si>
    <t>POINT (4.668406072883797 51.78128254089901)</t>
  </si>
  <si>
    <t>POINT (4.684107837065113 51.798145235951125)</t>
  </si>
  <si>
    <t>POINT (4.673840603734425 51.77559235659363)</t>
  </si>
  <si>
    <t>POINT (4.656330569305444 51.804395144518914)</t>
  </si>
  <si>
    <t>POINT (4.649057611657879 51.78754134798565)</t>
  </si>
  <si>
    <t>POINT (4.7329537706720695 51.80312325528027)</t>
  </si>
  <si>
    <t>POINT (4.663471799013826 51.81322541681698)</t>
  </si>
  <si>
    <t>POINT (4.667965105607949 51.80321878744831)</t>
  </si>
  <si>
    <t>POINT (4.660999364334371 51.79734209261142)</t>
  </si>
  <si>
    <t>POINT (4.6562099850005145 51.78471232724152)</t>
  </si>
  <si>
    <t>POINT (4.6398455636523295 51.77948746167222)</t>
  </si>
  <si>
    <t>POINT (4.653033215148585 51.8085544110923)</t>
  </si>
  <si>
    <t>POINT (4.71972470968452 51.811150910154836)</t>
  </si>
  <si>
    <t>POINT (4.667130568448368 51.79351301784139)</t>
  </si>
  <si>
    <t>POINT (4.6541661965905785 51.79101541243572)</t>
  </si>
  <si>
    <t>POINT (4.673625427078226 51.78769048196433)</t>
  </si>
  <si>
    <t>POINT (4.681261993272123 51.802327019917236)</t>
  </si>
  <si>
    <t>POINT (4.662108718992705 51.81627396271626)</t>
  </si>
  <si>
    <t>POINT (4.672962607629397 51.81352175477187)</t>
  </si>
  <si>
    <t>POINT (4.709619380791615 51.789490857943846)</t>
  </si>
  <si>
    <t>POINT (4.630414073767231 51.73076203811662)</t>
  </si>
  <si>
    <t>POINT (4.667766795140541 51.81426515539719)</t>
  </si>
  <si>
    <t>POINT (4.67407858181163 51.77177211803135)</t>
  </si>
  <si>
    <t>POINT (4.656678010200994 51.81053892195149)</t>
  </si>
  <si>
    <t>POINT (4.679557693720265 51.80890442745105)</t>
  </si>
  <si>
    <t>POINT (4.671022237020981 51.80889186212034)</t>
  </si>
  <si>
    <t>POINT (4.674185403538636 51.8192067747577)</t>
  </si>
  <si>
    <t>POINT (4.681721745465856 51.77400352558685)</t>
  </si>
  <si>
    <t>POINT (4.7165955197996885 51.812626100889275)</t>
  </si>
  <si>
    <t>POINT (4.664904037262704 51.79327299520055)</t>
  </si>
  <si>
    <t>POINT (4.67399024726948 51.8101325425302)</t>
  </si>
  <si>
    <t>POINT (4.667784259608655 51.774339226371914)</t>
  </si>
  <si>
    <t>POINT (4.675820508996581 51.7847461189877)</t>
  </si>
  <si>
    <t>POINT (4.660983738834502 51.794032949538554)</t>
  </si>
  <si>
    <t>POINT (4.683274114313035 51.798407335398224)</t>
  </si>
  <si>
    <t>POINT (4.690183583052424 51.81856716469321)</t>
  </si>
  <si>
    <t>POINT (4.701265232436605 51.79702822357408)</t>
  </si>
  <si>
    <t>POINT (4.658542492323294 51.78050499251235)</t>
  </si>
  <si>
    <t>POINT (4.680226203545852 51.78661601246781)</t>
  </si>
  <si>
    <t>POINT (4.7344858947758395 51.79832383864703)</t>
  </si>
  <si>
    <t>POINT (4.676063013784152 51.785071982578536)</t>
  </si>
  <si>
    <t>POINT (4.685250585348321 51.81303274969425)</t>
  </si>
  <si>
    <t>POINT (4.653106146305923 51.801788292647224)</t>
  </si>
  <si>
    <t>POINT (4.685952857354911 51.77922788305817)</t>
  </si>
  <si>
    <t>POINT (4.678077487491504 51.78777849454204)</t>
  </si>
  <si>
    <t>POINT (4.716633583673797 51.81291104246104)</t>
  </si>
  <si>
    <t>POINT (4.677815225355381 51.8074108744426)</t>
  </si>
  <si>
    <t>POINT (4.67644270403472 51.804657795574805)</t>
  </si>
  <si>
    <t>POINT (4.715207982767441 51.814929214297045)</t>
  </si>
  <si>
    <t>POINT (4.655576112940645 51.78725666718964)</t>
  </si>
  <si>
    <t>POINT (4.66270441124052 51.812846977309555)</t>
  </si>
  <si>
    <t>POINT (4.686640179787561 51.80716708719229)</t>
  </si>
  <si>
    <t>POINT (4.723717710044094 51.79890042919057)</t>
  </si>
  <si>
    <t>POINT (4.669916580774952 51.79450658064168)</t>
  </si>
  <si>
    <t>POINT (4.683890544544252 51.78191833736375)</t>
  </si>
  <si>
    <t>POINT (4.680139419244979 51.808312497521044)</t>
  </si>
  <si>
    <t>POINT (4.663194133487328 51.80342030194954)</t>
  </si>
  <si>
    <t>POINT (4.703466711487993 51.79361560107643)</t>
  </si>
  <si>
    <t>POINT (4.683096800702029 51.80010847543758)</t>
  </si>
  <si>
    <t>POINT (4.659680430453555 51.804277707396395)</t>
  </si>
  <si>
    <t>POINT (4.725886999539624 51.79807782881176)</t>
  </si>
  <si>
    <t>POINT (4.694607414633262 51.818186330215305)</t>
  </si>
  <si>
    <t>POINT (4.6615080532340505 51.79393583510854)</t>
  </si>
  <si>
    <t>POINT (4.670313124799148 51.801688307323765)</t>
  </si>
  <si>
    <t>POINT (4.701354551001199 51.79504487506708)</t>
  </si>
  <si>
    <t>POINT (4.698436234722628 51.79144187378357)</t>
  </si>
  <si>
    <t>POINT (4.668967669824769 51.798793622131086)</t>
  </si>
  <si>
    <t>POINT (4.70323222798694 51.81619204828404)</t>
  </si>
  <si>
    <t>POINT (4.736066662414001 51.78918246325634)</t>
  </si>
  <si>
    <t>POINT (4.660512871928327 51.78988258244172)</t>
  </si>
  <si>
    <t>POINT (4.66019402971205 51.80999984553912)</t>
  </si>
  <si>
    <t>POINT (4.675055090589082 51.8038020371964)</t>
  </si>
  <si>
    <t>POINT (4.66195102300145 51.800685850787495)</t>
  </si>
  <si>
    <t>POINT (4.719641013157866 51.794520640621016)</t>
  </si>
  <si>
    <t>POINT (4.656210056646599 51.80088486468825)</t>
  </si>
  <si>
    <t>POINT (4.662375157392525 51.79683510748176)</t>
  </si>
  <si>
    <t>POINT (4.686351699831053 51.80698890802023)</t>
  </si>
  <si>
    <t>POINT (4.666875941902594 51.777088899404085)</t>
  </si>
  <si>
    <t>POINT (4.720659441316108 51.7952792037474)</t>
  </si>
  <si>
    <t>POINT (4.711807840271745 51.79930003871379)</t>
  </si>
  <si>
    <t>POINT (4.7048856705989905 51.79822045823581)</t>
  </si>
  <si>
    <t>POINT (4.675945795710282 51.772596629806294)</t>
  </si>
  <si>
    <t>POINT (4.650839428356114 51.774234159999146)</t>
  </si>
  <si>
    <t>POINT (4.668806543467359 51.80123303791613)</t>
  </si>
  <si>
    <t>POINT (4.664380822748839 51.787945844762845)</t>
  </si>
  <si>
    <t>POINT (4.670466197930632 51.77064447557724)</t>
  </si>
  <si>
    <t>POINT (4.73617924028238 51.80126380251193)</t>
  </si>
  <si>
    <t>POINT (4.676845024727557 51.773012036954405)</t>
  </si>
  <si>
    <t>POINT (4.706299162621355 51.79459520980614)</t>
  </si>
  <si>
    <t>POINT (4.678112969922282 51.77513981363606)</t>
  </si>
  <si>
    <t>POINT (4.6633569055891675 51.7982735983875)</t>
  </si>
  <si>
    <t>POINT (4.671304071562568 51.786221813584646)</t>
  </si>
  <si>
    <t>POINT (4.6810663338393415 51.800885344056425)</t>
  </si>
  <si>
    <t>POINT (4.672354904759289 51.79739263074712)</t>
  </si>
  <si>
    <t>POINT (4.691211081575376 51.818112962598136)</t>
  </si>
  <si>
    <t>POINT (4.696467675705888 51.79333820878136)</t>
  </si>
  <si>
    <t>POINT (4.709355356077375 51.79185212035248)</t>
  </si>
  <si>
    <t>POINT (4.698310921216697 51.79268846922714)</t>
  </si>
  <si>
    <t>POINT (4.668330166357454 51.813266801881724)</t>
  </si>
  <si>
    <t>POINT (4.683839378770883 51.79809124085096)</t>
  </si>
  <si>
    <t>POINT (4.668944610967097 51.78283988860581)</t>
  </si>
  <si>
    <t>POINT (4.658673444112077 51.810578967366546)</t>
  </si>
  <si>
    <t>POINT (4.680103018926602 51.8093363754339)</t>
  </si>
  <si>
    <t>POINT (4.662300029913367 51.7912850730748)</t>
  </si>
  <si>
    <t>POINT (4.725533534694086 51.79256493165352)</t>
  </si>
  <si>
    <t>POINT (4.67177094153617 51.81370775246104)</t>
  </si>
  <si>
    <t>POINT (4.676810904259096 51.77944968621938)</t>
  </si>
  <si>
    <t>POINT (4.6636064714800245 51.79226445778161)</t>
  </si>
  <si>
    <t>POINT (4.728115528174463 51.80420512485268)</t>
  </si>
  <si>
    <t>POINT (4.660656180039182 51.81071968134982)</t>
  </si>
  <si>
    <t>POINT (4.654873921355822 51.78968713027102)</t>
  </si>
  <si>
    <t>POINT (4.673487466395183 51.77626230303655)</t>
  </si>
  <si>
    <t>POINT (4.718647153829099 51.80369188044282)</t>
  </si>
  <si>
    <t>POINT (4.661163286338805 51.80394051294745)</t>
  </si>
  <si>
    <t>POINT (4.663077583294587 51.804488985193004)</t>
  </si>
  <si>
    <t>POINT (4.653596880529085 51.80301168584954)</t>
  </si>
  <si>
    <t>POINT (4.660552680402893 51.799750275522065)</t>
  </si>
  <si>
    <t>POINT (4.702284332381378 51.81595206933778)</t>
  </si>
  <si>
    <t>POINT (4.6615347647434975 51.809043226796234)</t>
  </si>
  <si>
    <t>POINT (4.676744170175246 51.80786811133113)</t>
  </si>
  <si>
    <t>POINT (4.733875559494329 51.802417552161906)</t>
  </si>
  <si>
    <t>POINT (4.681443229954234 51.804004561125595)</t>
  </si>
  <si>
    <t>POINT (4.684469596070137 51.810683373596575)</t>
  </si>
  <si>
    <t>POINT (4.680284192119154 51.81631003851178)</t>
  </si>
  <si>
    <t>POINT (4.660761456189845 51.80208194158618)</t>
  </si>
  <si>
    <t>POINT (4.67411564793824 51.78113379646371)</t>
  </si>
  <si>
    <t>POINT (4.664913016627944 51.814473709044016)</t>
  </si>
  <si>
    <t>POINT (4.665553145994135 51.8126207030709)</t>
  </si>
  <si>
    <t>POINT (4.6290685084331695 51.72200921088093)</t>
  </si>
  <si>
    <t>POINT (4.668532849591397 51.790613736633226)</t>
  </si>
  <si>
    <t>POINT (4.68781555294454 51.80892225010579)</t>
  </si>
  <si>
    <t>POINT (4.658769082414426 51.803354019904184)</t>
  </si>
  <si>
    <t>POINT (4.669075146765637 51.81512454008761)</t>
  </si>
  <si>
    <t>POINT (4.6611274121358806 51.78826965177529)</t>
  </si>
  <si>
    <t>POINT (4.662329553752911 51.80041789095382)</t>
  </si>
  <si>
    <t>POINT (4.6810979797142265 51.78565618317462)</t>
  </si>
  <si>
    <t>POINT (4.672484005754699 51.78575351540362)</t>
  </si>
  <si>
    <t>POINT (4.734028872775965 51.79581185578216)</t>
  </si>
  <si>
    <t>POINT (4.686057400705661 51.77645459586289)</t>
  </si>
  <si>
    <t>POINT (4.653575814848916 51.78753299979653)</t>
  </si>
  <si>
    <t>POINT (4.702546729153148 51.789239971142685)</t>
  </si>
  <si>
    <t>POINT (4.661913457869015 51.781741654117724)</t>
  </si>
  <si>
    <t>BU05050710</t>
  </si>
  <si>
    <t>Amstelwijck Spoorzone</t>
  </si>
  <si>
    <t>POINT (4.6843497066291935 51.80416356960389)</t>
  </si>
  <si>
    <t>POINT (4.6482606555912795 51.801551037177575)</t>
  </si>
  <si>
    <t>POINT (4.661274780969889 51.794659429605474)</t>
  </si>
  <si>
    <t>POINT (4.656035660505873 51.78473132155176)</t>
  </si>
  <si>
    <t>POINT (4.668393909644208 51.791915995055454)</t>
  </si>
  <si>
    <t>POINT (4.693443883900028 51.79682267770762)</t>
  </si>
  <si>
    <t>POINT (4.728451426466718 51.79892659880968)</t>
  </si>
  <si>
    <t>POINT (4.676869856437235 51.774279999926534)</t>
  </si>
  <si>
    <t>POINT (4.729103009801847 51.80503041290118)</t>
  </si>
  <si>
    <t>POINT (4.713064692767054 51.814437351467774)</t>
  </si>
  <si>
    <t>POINT (4.663529724651266 51.81469960285737)</t>
  </si>
  <si>
    <t>POINT (4.703485114806346 51.81549219184267)</t>
  </si>
  <si>
    <t>POINT (4.721017950964065 51.811233610484656)</t>
  </si>
  <si>
    <t>POINT (4.663991593977264 51.814230032088474)</t>
  </si>
  <si>
    <t>POINT (4.730106612714561 51.79870451255221)</t>
  </si>
  <si>
    <t>POINT (4.6751372566263925 51.78059302219521)</t>
  </si>
  <si>
    <t>POINT (4.728375325703877 51.799624597990956)</t>
  </si>
  <si>
    <t>POINT (4.6867089495689 51.78258205593111)</t>
  </si>
  <si>
    <t>POINT (4.660791887959311 51.78985587922055)</t>
  </si>
  <si>
    <t>POINT (4.661630870315101 51.79435531545069)</t>
  </si>
  <si>
    <t>POINT (4.627508761724173 51.794880062066966)</t>
  </si>
  <si>
    <t>POINT (4.679498562673962 51.7740686119682)</t>
  </si>
  <si>
    <t>POINT (4.655623891718119 51.78733219172058)</t>
  </si>
  <si>
    <t>POINT (4.6652011958793365 51.77762117877277)</t>
  </si>
  <si>
    <t>POINT (4.730988568053878 51.79732670787734)</t>
  </si>
  <si>
    <t>POINT (4.726535664751559 51.79916917203978)</t>
  </si>
  <si>
    <t>POINT (4.653442796134771 51.7903425791979)</t>
  </si>
  <si>
    <t>POINT (4.717216157974095 51.80225769650965)</t>
  </si>
  <si>
    <t>POINT (4.644857801515861 51.77600803197098)</t>
  </si>
  <si>
    <t>POINT (4.7069560245636435 51.787005510621206)</t>
  </si>
  <si>
    <t>POINT (4.676680253373517 51.81794604518763)</t>
  </si>
  <si>
    <t>POINT (4.65917134895388 51.81314177436521)</t>
  </si>
  <si>
    <t>POINT (4.717025892838667 51.81418886977616)</t>
  </si>
  <si>
    <t>POINT (4.690017577163564 51.80601808263072)</t>
  </si>
  <si>
    <t>POINT (4.661526137896489 51.79300268594193)</t>
  </si>
  <si>
    <t>POINT (4.663933576284818 51.79524599531585)</t>
  </si>
  <si>
    <t>POINT (4.638347646108197 51.783212664111)</t>
  </si>
  <si>
    <t>POINT (4.713446852390251 51.817136586426095)</t>
  </si>
  <si>
    <t>POINT (4.710771445952071 51.7918685724449)</t>
  </si>
  <si>
    <t>POINT (4.731291709852857 51.797877204467454)</t>
  </si>
  <si>
    <t>POINT (4.673313221044708 51.7956472713167)</t>
  </si>
  <si>
    <t>POINT (4.670120346865373 51.81465100798789)</t>
  </si>
  <si>
    <t>POINT (4.657365995939101 51.79077932866992)</t>
  </si>
  <si>
    <t>POINT (4.697240567431355 51.79938582150119)</t>
  </si>
  <si>
    <t>POINT (4.6252854964275905 51.79400668084173)</t>
  </si>
  <si>
    <t>POINT (4.677091642175551 51.80505147369853)</t>
  </si>
  <si>
    <t>POINT (4.7016905029889084 51.817648318974854)</t>
  </si>
  <si>
    <t>POINT (4.666447193363203 51.78810310645806)</t>
  </si>
  <si>
    <t>POINT (4.7313364191844185 51.79680539707772)</t>
  </si>
  <si>
    <t>POINT (4.683984505902626 51.78539477464896)</t>
  </si>
  <si>
    <t>POINT (4.631070955965118 51.72221359205468)</t>
  </si>
  <si>
    <t>POINT (4.680494189134603 51.78659932627772)</t>
  </si>
  <si>
    <t>POINT (4.734089998010485 51.80321011426826)</t>
  </si>
  <si>
    <t>POINT (4.675841239974073 51.785521609885755)</t>
  </si>
  <si>
    <t>POINT (4.65910781680132 51.781813152497364)</t>
  </si>
  <si>
    <t>POINT (4.665591278529482 51.80099784850627)</t>
  </si>
  <si>
    <t>POINT (4.683310082796767 51.812566704601785)</t>
  </si>
  <si>
    <t>POINT (4.676533386748794 51.81845223344793)</t>
  </si>
  <si>
    <t>POINT (4.7078888442872495 51.80801796285318)</t>
  </si>
  <si>
    <t>POINT (4.629913502424606 51.72805229705041)</t>
  </si>
  <si>
    <t>POINT (4.6669075838123915 51.796314333542384)</t>
  </si>
  <si>
    <t>POINT (4.676695513011465 51.80841435509777)</t>
  </si>
  <si>
    <t>POINT (4.682247494562346 51.78822474832039)</t>
  </si>
  <si>
    <t>POINT (4.667749729526048 51.81428673146184)</t>
  </si>
  <si>
    <t>POINT (4.685755362491869 51.81166403512648)</t>
  </si>
  <si>
    <t>POINT (4.6787032504905115 51.78699556711755)</t>
  </si>
  <si>
    <t>POINT (4.6796442725403535 51.773650599381746)</t>
  </si>
  <si>
    <t>POINT (4.628152405648279 51.726400457674096)</t>
  </si>
  <si>
    <t>POINT (4.662650330353263 51.803275373298256)</t>
  </si>
  <si>
    <t>POINT (4.680128097425886 51.7739338570785)</t>
  </si>
  <si>
    <t>POINT (4.669706033159719 51.81013424581133)</t>
  </si>
  <si>
    <t>POINT (4.722199659217465 51.79710381310597)</t>
  </si>
  <si>
    <t>POINT (4.675771622610243 51.804538907279984)</t>
  </si>
  <si>
    <t>POINT (4.671906721666076 51.8102492258786)</t>
  </si>
  <si>
    <t>POINT (4.666635777736895 51.81068119874864)</t>
  </si>
  <si>
    <t>POINT (4.675960616517641 51.81694483426737)</t>
  </si>
  <si>
    <t>POINT (4.718000726306073 51.80312850851129)</t>
  </si>
  <si>
    <t>POINT (4.670870251215302 51.77871235534482)</t>
  </si>
  <si>
    <t>POINT (4.652383303860956 51.79221037270794)</t>
  </si>
  <si>
    <t>POINT (4.701453293580882 51.81721676365779)</t>
  </si>
  <si>
    <t>POINT (4.675692086737328 51.81638992720756)</t>
  </si>
  <si>
    <t>POINT (4.721625307408003 51.80335615974043)</t>
  </si>
  <si>
    <t>POINT (4.671882624031872 51.792431472719976)</t>
  </si>
  <si>
    <t>POINT (4.681867823863773 51.81099214735643)</t>
  </si>
  <si>
    <t>POINT (4.690125806932491 51.815253972216205)</t>
  </si>
  <si>
    <t>POINT (4.6638961080801105 51.812500947461395)</t>
  </si>
  <si>
    <t>POINT (4.661108928173998 51.81333171866252)</t>
  </si>
  <si>
    <t>POINT (4.666485594336048 51.775270654944805)</t>
  </si>
  <si>
    <t>POINT (4.642347103036211 51.78425937492654)</t>
  </si>
  <si>
    <t>POINT (4.663286619374352 51.792836997390665)</t>
  </si>
  <si>
    <t>POINT (4.711256923182377 51.79267601774714)</t>
  </si>
  <si>
    <t>POINT (4.675526705538187 51.77568767796409)</t>
  </si>
  <si>
    <t>POINT (4.709808606048585 51.787776301722495)</t>
  </si>
  <si>
    <t>POINT (4.7166107380534825 51.81266568392277)</t>
  </si>
  <si>
    <t>POINT (4.668758883598257 51.772523421535944)</t>
  </si>
  <si>
    <t>POINT (4.658269867569104 51.81037308310794)</t>
  </si>
  <si>
    <t>POINT (4.734108051756698 51.80137271315882)</t>
  </si>
  <si>
    <t>POINT (4.683973337383683 51.802881390398284)</t>
  </si>
  <si>
    <t>POINT (4.668393459430847 51.79333065150085)</t>
  </si>
  <si>
    <t>POINT (4.665299309968476 51.77486461063843)</t>
  </si>
  <si>
    <t>POINT (4.672206674064672 51.7877621931069)</t>
  </si>
  <si>
    <t>POINT (4.662450753384842 51.789010207996775)</t>
  </si>
  <si>
    <t>POINT (4.695969918980126 51.81833087341907)</t>
  </si>
  <si>
    <t>POINT (4.65762960296151 51.811072612846)</t>
  </si>
  <si>
    <t>POINT (4.661467974693279 51.79332027455)</t>
  </si>
  <si>
    <t>POINT (4.703447664033161 51.78926125254836)</t>
  </si>
  <si>
    <t>POINT (4.664233040427527 51.787424964377884)</t>
  </si>
  <si>
    <t>POINT (4.672215747178146 51.80364531063765)</t>
  </si>
  <si>
    <t>POINT (4.667492376741408 51.814295355608394)</t>
  </si>
  <si>
    <t>POINT (4.660161091466359 51.78978613820219)</t>
  </si>
  <si>
    <t>POINT (4.711809061136419 51.814375238402135)</t>
  </si>
  <si>
    <t>POINT (4.6588988150323285 51.7715548693063)</t>
  </si>
  <si>
    <t>POINT (4.714736936011124 51.804930238893895)</t>
  </si>
  <si>
    <t>POINT (4.729934810670941 51.797924127155696)</t>
  </si>
  <si>
    <t>POINT (4.728230088443988 51.79611978439129)</t>
  </si>
  <si>
    <t>POINT (4.69709390927596 51.79336145353301)</t>
  </si>
  <si>
    <t>POINT (4.6611427399196055 51.80475198376207)</t>
  </si>
  <si>
    <t>POINT (4.6684902037008 51.7925236277542)</t>
  </si>
  <si>
    <t>POINT (4.68346176082588 51.779703521409004)</t>
  </si>
  <si>
    <t>POINT (4.668029228217684 51.79185571998578)</t>
  </si>
  <si>
    <t>POINT (4.6718281055927395 51.78047760612802)</t>
  </si>
  <si>
    <t>POINT (4.662005190333971 51.792187424554726)</t>
  </si>
  <si>
    <t>POINT (4.698835629966543 51.79867287031527)</t>
  </si>
  <si>
    <t>POINT (4.669209423796238 51.77667483228785)</t>
  </si>
  <si>
    <t>POINT (4.695425926516017 51.79708736722236)</t>
  </si>
  <si>
    <t>POINT (4.659136477573142 51.78234426690537)</t>
  </si>
  <si>
    <t>POINT (4.679780895190772 51.7803490686679)</t>
  </si>
  <si>
    <t>POINT (4.652080417136796 51.794571535279964)</t>
  </si>
  <si>
    <t>POINT (4.653081884075161 51.79106809231837)</t>
  </si>
  <si>
    <t>POINT (4.669186470465509 51.772205421555675)</t>
  </si>
  <si>
    <t>POINT (4.668802848376446 51.79547411357756)</t>
  </si>
  <si>
    <t>POINT (4.7047803758344795 51.79451996805868)</t>
  </si>
  <si>
    <t>POINT (4.666233323137745 51.789316471661586)</t>
  </si>
  <si>
    <t>POINT (4.652323546059861 51.787743020976535)</t>
  </si>
  <si>
    <t>POINT (4.66458389915768 51.78870318983246)</t>
  </si>
  <si>
    <t>POINT (4.6829213326194195 51.78575049674082)</t>
  </si>
  <si>
    <t>POINT (4.664414059976184 51.81772548170543)</t>
  </si>
  <si>
    <t>POINT (4.716694017087252 51.79539649856941)</t>
  </si>
  <si>
    <t>POINT (4.719648892272069 51.80368561985282)</t>
  </si>
  <si>
    <t>POINT (4.678286932009335 51.79331807973867)</t>
  </si>
  <si>
    <t>POINT (4.666734076118031 51.77499504149824)</t>
  </si>
  <si>
    <t>POINT (4.659849856489486 51.796631758840746)</t>
  </si>
  <si>
    <t>POINT (4.716680140454303 51.81298867367511)</t>
  </si>
  <si>
    <t>POINT (4.677903855826706 51.81785713309385)</t>
  </si>
  <si>
    <t>POINT (4.656058587257419 51.80636644162313)</t>
  </si>
  <si>
    <t>POINT (4.668255963641658 51.79184745586364)</t>
  </si>
  <si>
    <t>POINT (4.689724022374183 51.81420793008142)</t>
  </si>
  <si>
    <t>POINT (4.660561415899028 51.789401025508276)</t>
  </si>
  <si>
    <t>POINT (4.668312680732056 51.79911435411789)</t>
  </si>
  <si>
    <t>POINT (4.683710795081502 51.80427086773678)</t>
  </si>
  <si>
    <t>POINT (4.653653737341945 51.800212348636606)</t>
  </si>
  <si>
    <t>POINT (4.66332195555623 51.80517447835621)</t>
  </si>
  <si>
    <t>POINT (4.692000134815907 51.807346495695676)</t>
  </si>
  <si>
    <t>POINT (4.662356340007873 51.794312825018004)</t>
  </si>
  <si>
    <t>POINT (4.661606865407677 51.797105691255844)</t>
  </si>
  <si>
    <t>POINT (4.68116712789779 51.79883839238375)</t>
  </si>
  <si>
    <t>POINT (4.652701420196609 51.78769385530037)</t>
  </si>
  <si>
    <t>POINT (4.655685436779921 51.80587188604078)</t>
  </si>
  <si>
    <t>POINT (4.678636792895822 51.80539457299389)</t>
  </si>
  <si>
    <t>POINT (4.70674038218126 51.808849428447125)</t>
  </si>
  <si>
    <t>POINT (4.686984376022667 51.777997165038016)</t>
  </si>
  <si>
    <t>POINT (4.721329206651973 51.81127596069268)</t>
  </si>
  <si>
    <t>POINT (4.679895926889896 51.78819872811743)</t>
  </si>
  <si>
    <t>POINT (4.670110675148463 51.81563560403828)</t>
  </si>
  <si>
    <t>POINT (4.670478972599825 51.77373350813661)</t>
  </si>
  <si>
    <t>POINT (4.66176785156226 51.788147691223756)</t>
  </si>
  <si>
    <t>POINT (4.65911898720381 51.78201991737026)</t>
  </si>
  <si>
    <t>POINT (4.729000066426079 51.80361166240861)</t>
  </si>
  <si>
    <t>POINT (4.682311152408655 51.78767275782718)</t>
  </si>
  <si>
    <t>POINT (4.675349191012076 51.80993942973324)</t>
  </si>
  <si>
    <t>POINT (4.654624807427713 51.78268227749226)</t>
  </si>
  <si>
    <t>POINT (4.682621316426189 51.787007579392245)</t>
  </si>
  <si>
    <t>POINT (4.67314860445951 51.807908371662684)</t>
  </si>
  <si>
    <t>POINT (4.659685678073301 51.80878403117126)</t>
  </si>
  <si>
    <t>POINT (4.704803279461731 51.79439540152168)</t>
  </si>
  <si>
    <t>POINT (4.680414305447036 51.77474547363734)</t>
  </si>
  <si>
    <t>POINT (4.656748894862952 51.79931024529577)</t>
  </si>
  <si>
    <t>POINT (4.661633166731477 51.796243891598884)</t>
  </si>
  <si>
    <t>POINT (4.705375358046546 51.81613014673887)</t>
  </si>
  <si>
    <t>POINT (4.663895187591869 51.78988239823151)</t>
  </si>
  <si>
    <t>POINT (4.666354066124452 51.78780847776594)</t>
  </si>
  <si>
    <t>POINT (4.712785470723123 51.79553112774957)</t>
  </si>
  <si>
    <t>POINT (4.669233317666963 51.812123685935774)</t>
  </si>
  <si>
    <t>POINT (4.6757865274971895 51.803578476348484)</t>
  </si>
  <si>
    <t>POINT (4.716063974942234 51.80074963891658)</t>
  </si>
  <si>
    <t>POINT (4.689768656211039 51.8184089173905)</t>
  </si>
  <si>
    <t>POINT (4.665790521479824 51.81314945642438)</t>
  </si>
  <si>
    <t>POINT (4.67038632734855 51.80962590489105)</t>
  </si>
  <si>
    <t>POINT (4.671931949271971 51.78724428829359)</t>
  </si>
  <si>
    <t>POINT (4.729613109182151 51.79384087767894)</t>
  </si>
  <si>
    <t>POINT (4.697500435441715 51.817801934108495)</t>
  </si>
  <si>
    <t>POINT (4.678330319699267 51.78463269372273)</t>
  </si>
  <si>
    <t>POINT (4.685787405593803 51.806930822289466)</t>
  </si>
  <si>
    <t>POINT (4.730346720310808 51.79366604133418)</t>
  </si>
  <si>
    <t>POINT (4.656220202499137 51.790463648241065)</t>
  </si>
  <si>
    <t>POINT (4.670640100245528 51.79878325515971)</t>
  </si>
  <si>
    <t>POINT (4.664938593062126 51.816145113153866)</t>
  </si>
  <si>
    <t>POINT (4.7269532765525275 51.80581264445316)</t>
  </si>
  <si>
    <t>POINT (4.667503319830946 51.81646238540852)</t>
  </si>
  <si>
    <t>POINT (4.727048720618346 51.796076460466736)</t>
  </si>
  <si>
    <t>POINT (4.676514960781116 51.77366455026906)</t>
  </si>
  <si>
    <t>POINT (4.673443491986351 51.80802512192095)</t>
  </si>
  <si>
    <t>POINT (4.723058504989134 51.80554466409993)</t>
  </si>
  <si>
    <t>POINT (4.7113630307905625 51.80458037818783)</t>
  </si>
  <si>
    <t>POINT (4.655387811740708 51.79970887986729)</t>
  </si>
  <si>
    <t>POINT (4.681583967076131 51.77500531487006)</t>
  </si>
  <si>
    <t>POINT (4.668894025589334 51.777614504731865)</t>
  </si>
  <si>
    <t>POINT (4.707842676000449 51.807778255939276)</t>
  </si>
  <si>
    <t>POINT (4.674975100220601 51.80525432905896)</t>
  </si>
  <si>
    <t>POINT (4.7046308807999955 51.80836331338827)</t>
  </si>
  <si>
    <t>POINT (4.684896517694232 51.81218099591839)</t>
  </si>
  <si>
    <t>POINT (4.681737977461073 51.81227121812426)</t>
  </si>
  <si>
    <t>POINT (4.715725006952427 51.80094664534374)</t>
  </si>
  <si>
    <t>POINT (4.713583049833994 51.81492575928628)</t>
  </si>
  <si>
    <t>POINT (4.663165549054499 51.78826906269358)</t>
  </si>
  <si>
    <t>POINT (4.670244506019177 51.79698307335948)</t>
  </si>
  <si>
    <t>POINT (4.665021909160561 51.814023273411344)</t>
  </si>
  <si>
    <t>POINT (4.664223456963705 51.8157295047826)</t>
  </si>
  <si>
    <t>POINT (4.675848699755594 51.77495145160656)</t>
  </si>
  <si>
    <t>POINT (4.664486380227833 51.81079455051998)</t>
  </si>
  <si>
    <t>POINT (4.673029273979886 51.817490343577155)</t>
  </si>
  <si>
    <t>POINT (4.652357411161739 51.784716929565526)</t>
  </si>
  <si>
    <t>POINT (4.677700731169492 51.79049018161045)</t>
  </si>
  <si>
    <t>POINT (4.664275022529639 51.81084978744823)</t>
  </si>
  <si>
    <t>POINT (4.6724630265093126 51.80964192487014)</t>
  </si>
  <si>
    <t>POINT (4.687425177100868 51.79640249696645)</t>
  </si>
  <si>
    <t>POINT (4.673083571538344 51.80861146575301)</t>
  </si>
  <si>
    <t>POINT (4.720185553742139 51.803139780209534)</t>
  </si>
  <si>
    <t>POINT (4.729285647522108 51.80470517656556)</t>
  </si>
  <si>
    <t>POINT (4.691002041924301 51.81897309624702)</t>
  </si>
  <si>
    <t>POINT (4.659212054624339 51.79645584913416)</t>
  </si>
  <si>
    <t>POINT (4.703860354556555 51.795349758892435)</t>
  </si>
  <si>
    <t>POINT (4.663278216611369 51.78503124337392)</t>
  </si>
  <si>
    <t>POINT (4.678731248771947 51.786370896072626)</t>
  </si>
  <si>
    <t>POINT (4.724115543662392 51.79894114961343)</t>
  </si>
  <si>
    <t>POINT (4.684827294232723 51.778025399767394)</t>
  </si>
  <si>
    <t>POINT (4.653479702314876 51.79021230291355)</t>
  </si>
  <si>
    <t>POINT (4.677337606773853 51.81441622810759)</t>
  </si>
  <si>
    <t>POINT (4.676991818657105 51.804373545706554)</t>
  </si>
  <si>
    <t>POINT (4.7318243572748 51.79860981586706)</t>
  </si>
  <si>
    <t>POINT (4.650929262647619 51.80308233797611)</t>
  </si>
  <si>
    <t>POINT (4.664652829328022 51.79682221780716)</t>
  </si>
  <si>
    <t>POINT (4.685658626087364 51.81011484487023)</t>
  </si>
  <si>
    <t>POINT (4.7364342132607495 51.79398532839207)</t>
  </si>
  <si>
    <t>POINT (4.6765183177423255 51.81593980134436)</t>
  </si>
  <si>
    <t>POINT (4.663248826568999 51.7987370538626)</t>
  </si>
  <si>
    <t>POINT (4.667546100607641 51.814274939208175)</t>
  </si>
  <si>
    <t>POINT (4.667452582449634 51.814334392065696)</t>
  </si>
  <si>
    <t>POINT (4.682984513245971 51.81155953096333)</t>
  </si>
  <si>
    <t>POINT (4.706587334078584 51.806565504565185)</t>
  </si>
  <si>
    <t>POINT (4.675186999772278 51.81478680017446)</t>
  </si>
  <si>
    <t>POINT (4.714763407512289 51.804813843801206)</t>
  </si>
  <si>
    <t>POINT (4.679021627407193 51.812681774061794)</t>
  </si>
  <si>
    <t>POINT (4.654374291344034 51.79205196932925)</t>
  </si>
  <si>
    <t>POINT (4.6670804788408375 51.78107719772171)</t>
  </si>
  <si>
    <t>POINT (4.715176777717627 51.80095241439648)</t>
  </si>
  <si>
    <t>POINT (4.718094759527746 51.801197878890854)</t>
  </si>
  <si>
    <t>POINT (4.672567498359555 51.78258203673285)</t>
  </si>
  <si>
    <t>POINT (4.67064467515502 51.79985678422041)</t>
  </si>
  <si>
    <t>POINT (4.663347049607982 51.816223387491725)</t>
  </si>
  <si>
    <t>POINT (4.693366760382092 51.79630720664589)</t>
  </si>
  <si>
    <t>POINT (4.6882989006008655 51.80941361880388)</t>
  </si>
  <si>
    <t>POINT (4.703470801245453 51.79017243421315)</t>
  </si>
  <si>
    <t>POINT (4.639178763496014 51.77394885338428)</t>
  </si>
  <si>
    <t>POINT (4.62940588044597 51.797626019385085)</t>
  </si>
  <si>
    <t>POINT (4.660027286457444 51.81555791772357)</t>
  </si>
  <si>
    <t>POINT (4.6644633094628825 51.81775018925794)</t>
  </si>
  <si>
    <t>POINT (4.680481184006586 51.774897614987914)</t>
  </si>
  <si>
    <t>POINT (4.7116753373344515 51.79890285822626)</t>
  </si>
  <si>
    <t>POINT (4.64365437191275 51.76601218284223)</t>
  </si>
  <si>
    <t>POINT (4.735972577702872 51.80200020004107)</t>
  </si>
  <si>
    <t>POINT (4.7170296225733095 51.806523172758276)</t>
  </si>
  <si>
    <t>POINT (4.715802718922665 51.81352301133226)</t>
  </si>
  <si>
    <t>POINT (4.666867430718864 51.8180261896059)</t>
  </si>
  <si>
    <t>POINT (4.653593187544118 51.78745845716121)</t>
  </si>
  <si>
    <t>POINT (4.689728680114014 51.80690612680732)</t>
  </si>
  <si>
    <t>POINT (4.679224311054035 51.78517502363446)</t>
  </si>
  <si>
    <t>POINT (4.704625100555798 51.78884521936001)</t>
  </si>
  <si>
    <t>POINT (4.728746092643691 51.798051266943794)</t>
  </si>
  <si>
    <t>POINT (4.663057962557108 51.79976044343768)</t>
  </si>
  <si>
    <t>POINT (4.664380363896212 51.80134698525738)</t>
  </si>
  <si>
    <t>POINT (4.685519965589536 51.77511661375103)</t>
  </si>
  <si>
    <t>POINT (4.687325362402806 51.81411237421816)</t>
  </si>
  <si>
    <t>POINT (4.730612987369003 51.79770681270134)</t>
  </si>
  <si>
    <t>POINT (4.680430643562412 51.80627376941423)</t>
  </si>
  <si>
    <t>POINT (4.692189854402572 51.81779718488338)</t>
  </si>
  <si>
    <t>POINT (4.6674757006386125 51.81293988677397)</t>
  </si>
  <si>
    <t>POINT (4.661149023150628 51.796978751834)</t>
  </si>
  <si>
    <t>POINT (4.665818487977294 51.81223999202382)</t>
  </si>
  <si>
    <t>POINT (4.664516557884359 51.795795345678044)</t>
  </si>
  <si>
    <t>POINT (4.651788786097093 51.787718546198995)</t>
  </si>
  <si>
    <t>POINT (4.664687151402721 51.81576069275705)</t>
  </si>
  <si>
    <t>POINT (4.6793856679115375 51.80981642317233)</t>
  </si>
  <si>
    <t>POINT (4.684086546502034 51.79815602061868)</t>
  </si>
  <si>
    <t>POINT (4.653946028302019 51.79114498403486)</t>
  </si>
  <si>
    <t>POINT (4.729536796413005 51.80066111329538)</t>
  </si>
  <si>
    <t>POINT (4.661076816263643 51.81349405332291)</t>
  </si>
  <si>
    <t>POINT (4.710317112936601 51.7943878470778)</t>
  </si>
  <si>
    <t>POINT (4.710820387550946 51.795091433713765)</t>
  </si>
  <si>
    <t>POINT (4.679274904150461 51.815843051958396)</t>
  </si>
  <si>
    <t>POINT (4.681088388061226 51.798557148100734)</t>
  </si>
  <si>
    <t>POINT (4.697117096695799 51.7970848233243)</t>
  </si>
  <si>
    <t>POINT (4.66490291661084 51.799678207632944)</t>
  </si>
  <si>
    <t>POINT (4.715868716570525 51.81358641721053)</t>
  </si>
  <si>
    <t>POINT (4.650615751309726 51.8028765604334)</t>
  </si>
  <si>
    <t>POINT (4.652385218143819 51.79267395052687)</t>
  </si>
  <si>
    <t>POINT (4.721646643749903 51.802875163634155)</t>
  </si>
  <si>
    <t>POINT (4.63617995597588 51.77589949962115)</t>
  </si>
  <si>
    <t>POINT (4.674593742622207 51.818143855306914)</t>
  </si>
  <si>
    <t>POINT (4.723348654099558 51.82019712835057)</t>
  </si>
  <si>
    <t>POINT (4.670006746864281 51.80132534144778)</t>
  </si>
  <si>
    <t>POINT (4.6847459216485285 51.78132244296414)</t>
  </si>
  <si>
    <t>POINT (4.668136480785073 51.81164075906725)</t>
  </si>
  <si>
    <t>POINT (4.655830733615969 51.80273332782245)</t>
  </si>
  <si>
    <t>POINT (4.724838153876899 51.80452761844818)</t>
  </si>
  <si>
    <t>POINT (4.673340900245664 51.79344667549562)</t>
  </si>
  <si>
    <t>POINT (4.6769464977524855 51.79003985933395)</t>
  </si>
  <si>
    <t>POINT (4.681391930231129 51.80135701549457)</t>
  </si>
  <si>
    <t>POINT (4.670816144408736 51.77270807709926)</t>
  </si>
  <si>
    <t>POINT (4.674267596561879 51.8028605894714)</t>
  </si>
  <si>
    <t>POINT (4.722746666079952 51.80182074707964)</t>
  </si>
  <si>
    <t>POINT (4.6483172611923615 51.78845937006926)</t>
  </si>
  <si>
    <t>POINT (4.671035955314872 51.79041858292404)</t>
  </si>
  <si>
    <t>POINT (4.726306045353872 51.805952917971545)</t>
  </si>
  <si>
    <t>POINT (4.707545035800406 51.80926026168636)</t>
  </si>
  <si>
    <t>POINT (4.686132235980223 51.80607619999574)</t>
  </si>
  <si>
    <t>POINT (4.665573454447291 51.812962820221415)</t>
  </si>
  <si>
    <t>POINT (4.662562948997086 51.809870094757905)</t>
  </si>
  <si>
    <t>POINT (4.6620357118397475 51.794002962593964)</t>
  </si>
  <si>
    <t>POINT (4.669577027297297 51.805560699345655)</t>
  </si>
  <si>
    <t>POINT (4.717391943024227 51.815248184754495)</t>
  </si>
  <si>
    <t>POINT (4.669137218187322 51.77758924345379)</t>
  </si>
  <si>
    <t>POINT (4.6811572890209865 51.801156145015234)</t>
  </si>
  <si>
    <t>POINT (4.668765558918375 51.81509807021875)</t>
  </si>
  <si>
    <t>POINT (4.672059202049167 51.819582589128046)</t>
  </si>
  <si>
    <t>POINT (4.671358155642132 51.80448593483194)</t>
  </si>
  <si>
    <t>POINT (4.707744826612012 51.794835651485506)</t>
  </si>
  <si>
    <t>POINT (4.727116366933621 51.80020599050489)</t>
  </si>
  <si>
    <t>POINT (4.677989656890197 51.78759669755652)</t>
  </si>
  <si>
    <t>POINT (4.671453119415879 51.80588951256287)</t>
  </si>
  <si>
    <t>POINT (4.658436288933048 51.80381785541833)</t>
  </si>
  <si>
    <t>POINT (4.668377077889292 51.79188978874278)</t>
  </si>
  <si>
    <t>POINT (4.678974554046099 51.77384029069546)</t>
  </si>
  <si>
    <t>POINT (4.718756133123878 51.80251769433589)</t>
  </si>
  <si>
    <t>POINT (4.712880306969682 51.81631073762495)</t>
  </si>
  <si>
    <t>POINT (4.7229941202087895 51.805998945052906)</t>
  </si>
  <si>
    <t>POINT (4.709666114881123 51.807785050135365)</t>
  </si>
  <si>
    <t>POINT (4.662834477225971 51.81629772525098)</t>
  </si>
  <si>
    <t>POINT (4.717808717085971 51.80317454974257)</t>
  </si>
  <si>
    <t>POINT (4.632811074697468 51.76883567920475)</t>
  </si>
  <si>
    <t>POINT (4.653685978228937 51.8020586227211)</t>
  </si>
  <si>
    <t>POINT (4.679012688027084 51.78085590801411)</t>
  </si>
  <si>
    <t>POINT (4.667548225716929 51.7721053852142)</t>
  </si>
  <si>
    <t>POINT (4.661474553239615 51.81351476966639)</t>
  </si>
  <si>
    <t>POINT (4.66479884397643 51.80030415070441)</t>
  </si>
  <si>
    <t>POINT (4.667172664783887 51.81459082973899)</t>
  </si>
  <si>
    <t>POINT (4.667206464437539 51.81683865515001)</t>
  </si>
  <si>
    <t>POINT (4.657394382491256 51.80050305363669)</t>
  </si>
  <si>
    <t>POINT (4.669154780644608 51.8159231046627)</t>
  </si>
  <si>
    <t>POINT (4.668588656149903 51.8081613864179)</t>
  </si>
  <si>
    <t>POINT (4.700549361119402 51.79959579203624)</t>
  </si>
  <si>
    <t>POINT (4.733474864692347 51.80223444212642)</t>
  </si>
  <si>
    <t>POINT (4.659435864542701 51.809898706343155)</t>
  </si>
  <si>
    <t>POINT (4.659185367682759 51.79543542091639)</t>
  </si>
  <si>
    <t>POINT (4.679676094656017 51.78926631972805)</t>
  </si>
  <si>
    <t>POINT (4.672516725500549 51.783531330024665)</t>
  </si>
  <si>
    <t>POINT (4.670050285885456 51.79011021758832)</t>
  </si>
  <si>
    <t>POINT (4.680575039628254 51.80538689068251)</t>
  </si>
  <si>
    <t>POINT (4.690727804121996 51.81072418879369)</t>
  </si>
  <si>
    <t>POINT (4.7113513713339845 51.810363929991205)</t>
  </si>
  <si>
    <t>POINT (4.714474324680049 51.8032233983321)</t>
  </si>
  <si>
    <t>POINT (4.684383798542816 51.812575180361684)</t>
  </si>
  <si>
    <t>POINT (4.7317981396785935 51.800554765966496)</t>
  </si>
  <si>
    <t>POINT (4.70745108154469 51.806574906760574)</t>
  </si>
  <si>
    <t>POINT (4.681323872335802 51.80033640008505)</t>
  </si>
  <si>
    <t>POINT (4.663506356720771 51.79351741352745)</t>
  </si>
  <si>
    <t>POINT (4.664944901602872 51.7934322748643)</t>
  </si>
  <si>
    <t>POINT (4.675063219309801 51.779065850144455)</t>
  </si>
  <si>
    <t>POINT (4.6593536106790925 51.772466291185445)</t>
  </si>
  <si>
    <t>POINT (4.671300733497935 51.80522696203763)</t>
  </si>
  <si>
    <t>POINT (4.6698584075064415 51.80151268469811)</t>
  </si>
  <si>
    <t>POINT (4.682590226027755 51.802825039330756)</t>
  </si>
  <si>
    <t>POINT (4.660670812601932 51.793178082998175)</t>
  </si>
  <si>
    <t>POINT (4.721854157890688 51.80439978957763)</t>
  </si>
  <si>
    <t>POINT (4.6759155889673005 51.818098076776344)</t>
  </si>
  <si>
    <t>POINT (4.660414226724168 51.789905665565534)</t>
  </si>
  <si>
    <t>POINT (4.66033488695916 51.77278695542862)</t>
  </si>
  <si>
    <t>POINT (4.722169103528761 51.80623777447049)</t>
  </si>
  <si>
    <t>POINT (4.712233603855689 51.807399725784585)</t>
  </si>
  <si>
    <t>POINT (4.6539456541787985 51.79411980423821)</t>
  </si>
  <si>
    <t>POINT (4.706853721282181 51.79730573124904)</t>
  </si>
  <si>
    <t>POINT (4.69768167619048 51.79327630816617)</t>
  </si>
  <si>
    <t>POINT (4.662365352271083 51.796191321247896)</t>
  </si>
  <si>
    <t>POINT (4.689512612074258 51.81821276426431)</t>
  </si>
  <si>
    <t>POINT (4.72156752650032 51.80019126274632)</t>
  </si>
  <si>
    <t>POINT (4.683412481103324 51.811854113163726)</t>
  </si>
  <si>
    <t>POINT (4.658418743808869 51.78418610987552)</t>
  </si>
  <si>
    <t>POINT (4.706469007291657 51.794616707551235)</t>
  </si>
  <si>
    <t>POINT (4.67624428242062 51.806872275483535)</t>
  </si>
  <si>
    <t>POINT (4.716451952028507 51.80095464142222)</t>
  </si>
  <si>
    <t>POINT (4.719254907005619 51.80044471458577)</t>
  </si>
  <si>
    <t>POINT (4.697861244344396 51.80002003367704)</t>
  </si>
  <si>
    <t>POINT (4.729600376900591 51.797462771761936)</t>
  </si>
  <si>
    <t>POINT (4.684568762599776 51.77886879795186)</t>
  </si>
  <si>
    <t>POINT (4.735298123887636 51.80106057617721)</t>
  </si>
  <si>
    <t>POINT (4.71869695621975 51.813557825563045)</t>
  </si>
  <si>
    <t>POINT (4.665373833389239 51.79460249281261)</t>
  </si>
  <si>
    <t>POINT (4.706734728874345 51.80941141092946)</t>
  </si>
  <si>
    <t>POINT (4.670297787103267 51.79087245287807)</t>
  </si>
  <si>
    <t>POINT (4.659754521783074 51.815092051786706)</t>
  </si>
  <si>
    <t>POINT (4.730504481497615 51.795299792826654)</t>
  </si>
  <si>
    <t>POINT (4.705733529228133 51.793055915509846)</t>
  </si>
  <si>
    <t>POINT (4.666524429786738 51.815352946580525)</t>
  </si>
  <si>
    <t>POINT (4.673347252141389 51.80310379151699)</t>
  </si>
  <si>
    <t>POINT (4.707700625927809 51.80827320241162)</t>
  </si>
  <si>
    <t>POINT (4.68283749746284 51.80958415315343)</t>
  </si>
  <si>
    <t>POINT (4.719490483600056 51.81311229118139)</t>
  </si>
  <si>
    <t>POINT (4.681302240061197 51.8012979866041)</t>
  </si>
  <si>
    <t>POINT (4.686096602832675 51.78911258165095)</t>
  </si>
  <si>
    <t>POINT (4.702922258453156 51.815553593660624)</t>
  </si>
  <si>
    <t>POINT (4.664103708559061 51.79557584164001)</t>
  </si>
  <si>
    <t>POINT (4.6721586514442 51.818247083672055)</t>
  </si>
  <si>
    <t>POINT (4.711625699611175 51.79306814198851)</t>
  </si>
  <si>
    <t>POINT (4.711956965696749 51.808603619496104)</t>
  </si>
  <si>
    <t>POINT (4.660435105980258 51.80498810436643)</t>
  </si>
  <si>
    <t>POINT (4.65645294635848 51.79845354096346)</t>
  </si>
  <si>
    <t>POINT (4.6994772182187 51.795764816990435)</t>
  </si>
  <si>
    <t>POINT (4.730258161712909 51.80521743149658)</t>
  </si>
  <si>
    <t>POINT (4.659222429543437 51.76984646748616)</t>
  </si>
  <si>
    <t>POINT (4.690663274518661 51.80768837966762)</t>
  </si>
  <si>
    <t>POINT (4.678622551008758 51.78704994667749)</t>
  </si>
  <si>
    <t>POINT (4.6702103512526 51.78982013294257)</t>
  </si>
  <si>
    <t>POINT (4.654108197940876 51.78770545975759)</t>
  </si>
  <si>
    <t>POINT (4.660715350232511 51.807165300573146)</t>
  </si>
  <si>
    <t>POINT (4.6678385615844515 51.81657496550935)</t>
  </si>
  <si>
    <t>POINT (4.6566921314321705 51.80098617653039)</t>
  </si>
  <si>
    <t>POINT (4.655657293846785 51.77024638445909)</t>
  </si>
  <si>
    <t>POINT (4.680220056588193 51.789845163084955)</t>
  </si>
  <si>
    <t>POINT (4.677504211963598 51.78081871888451)</t>
  </si>
  <si>
    <t>POINT (4.680480314188424 51.78575758631868)</t>
  </si>
  <si>
    <t>POINT (4.706084761219686 51.79170574510587)</t>
  </si>
  <si>
    <t>POINT (4.668016213446536 51.79447236685215)</t>
  </si>
  <si>
    <t>POINT (4.727319059331669 51.79801715562454)</t>
  </si>
  <si>
    <t>POINT (4.636883311653181 51.77665141528241)</t>
  </si>
  <si>
    <t>POINT (4.7118087553246495 51.81459507178745)</t>
  </si>
  <si>
    <t>POINT (4.664998572131064 51.79569446742261)</t>
  </si>
  <si>
    <t>POINT (4.67664537830843 51.78388530906479)</t>
  </si>
  <si>
    <t>POINT (4.686661482479463 51.8062056067038)</t>
  </si>
  <si>
    <t>POINT (4.713901024285555 51.808473497522996)</t>
  </si>
  <si>
    <t>POINT (4.676728830760326 51.81836628065395)</t>
  </si>
  <si>
    <t>POINT (4.698092423328609 51.79338361036691)</t>
  </si>
  <si>
    <t>POINT (4.657382698447818 51.8014454909226)</t>
  </si>
  <si>
    <t>POINT (4.7105063486914025 51.80451039896398)</t>
  </si>
  <si>
    <t>POINT (4.667340479588786 51.789724247865706)</t>
  </si>
  <si>
    <t>POINT (4.666787899254409 51.787198418849144)</t>
  </si>
  <si>
    <t>POINT (4.6686167625216255 51.80054233547484)</t>
  </si>
  <si>
    <t>POINT (4.658832332407849 51.78086181113068)</t>
  </si>
  <si>
    <t>POINT (4.674848889030243 51.77843467402684)</t>
  </si>
  <si>
    <t>POINT (4.659398550190485 51.804610167906645)</t>
  </si>
  <si>
    <t>POINT (4.709009910669112 51.80781645901219)</t>
  </si>
  <si>
    <t>POINT (4.666103247209205 51.80246166724138)</t>
  </si>
  <si>
    <t>POINT (4.682786512605881 51.8091432405796)</t>
  </si>
  <si>
    <t>POINT (4.673425162287412 51.784705797221065)</t>
  </si>
  <si>
    <t>POINT (4.653033659660816 51.791229281732015)</t>
  </si>
  <si>
    <t>POINT (4.669466139697001 51.79238318570615)</t>
  </si>
  <si>
    <t>POINT (4.678956337588928 51.79987073014325)</t>
  </si>
  <si>
    <t>POINT (4.710139274478961 51.79294891359973)</t>
  </si>
  <si>
    <t>POINT (4.671390325214673 51.77282541608677)</t>
  </si>
  <si>
    <t>POINT (4.710933694868152 51.80739482123025)</t>
  </si>
  <si>
    <t>POINT (4.685995890686054 51.7879640075085)</t>
  </si>
  <si>
    <t>POINT (4.669742148742005 51.78205349364115)</t>
  </si>
  <si>
    <t>POINT (4.672047107565311 51.81264633639239)</t>
  </si>
  <si>
    <t>POINT (4.724133013969439 51.80443094508866)</t>
  </si>
  <si>
    <t>POINT (4.670864540391423 51.80384894154109)</t>
  </si>
  <si>
    <t>POINT (4.671800229951276 51.81848781814698)</t>
  </si>
  <si>
    <t>POINT (4.6610351409407995 51.79040578622173)</t>
  </si>
  <si>
    <t>POINT (4.679687105428453 51.808567557337746)</t>
  </si>
  <si>
    <t>POINT (4.692582079725604 51.79555273732913)</t>
  </si>
  <si>
    <t>POINT (4.678956893179489 51.79907552281204)</t>
  </si>
  <si>
    <t>POINT (4.661519205156879 51.81450404340411)</t>
  </si>
  <si>
    <t>POINT (4.66471588708887 51.791609223602585)</t>
  </si>
  <si>
    <t>POINT (4.629319983838443 51.72265088508189)</t>
  </si>
  <si>
    <t>POINT (4.669473341661064 51.770420921432304)</t>
  </si>
  <si>
    <t>POINT (4.641955770238579 51.77558067620969)</t>
  </si>
  <si>
    <t>POINT (4.690699676517645 51.81313828572518)</t>
  </si>
  <si>
    <t>POINT (4.728212680454389 51.79729052052426)</t>
  </si>
  <si>
    <t>POINT (4.6676755219069435 51.800152534289175)</t>
  </si>
  <si>
    <t>POINT (4.713072014829131 51.79538693358376)</t>
  </si>
  <si>
    <t>POINT (4.6708331788408 51.7736021358578)</t>
  </si>
  <si>
    <t>POINT (4.711720064808457 51.798230845177784)</t>
  </si>
  <si>
    <t>POINT (4.674539582065012 51.80465038700889)</t>
  </si>
  <si>
    <t>POINT (4.6838403499906756 51.798141448445385)</t>
  </si>
  <si>
    <t>POINT (4.67227232339684 51.80846956550387)</t>
  </si>
  <si>
    <t>POINT (4.658159227558514 51.809754917856914)</t>
  </si>
  <si>
    <t>POINT (4.684591432549807 51.77828109085671)</t>
  </si>
  <si>
    <t>POINT (4.707602021178142 51.78944079791985)</t>
  </si>
  <si>
    <t>POINT (4.678074990944846 51.787727082095465)</t>
  </si>
  <si>
    <t>POINT (4.676352934695709 51.789427720571304)</t>
  </si>
  <si>
    <t>POINT (4.708871017378652 51.820800360181266)</t>
  </si>
  <si>
    <t>POINT (4.6684712239989965 51.77004168035747)</t>
  </si>
  <si>
    <t>POINT (4.686790182970555 51.78221109228359)</t>
  </si>
  <si>
    <t>POINT (4.711044054455656 51.809309562421724)</t>
  </si>
  <si>
    <t>POINT (4.707917464944938 51.806418391557266)</t>
  </si>
  <si>
    <t>POINT (4.7019144769509245 51.79482949764905)</t>
  </si>
  <si>
    <t>POINT (4.671757997759625 51.816807102161675)</t>
  </si>
  <si>
    <t>POINT (4.687307937973991 51.81080491943302)</t>
  </si>
  <si>
    <t>POINT (4.678060202901863 51.779599321500775)</t>
  </si>
  <si>
    <t>POINT (4.728525427043787 51.79165221538258)</t>
  </si>
  <si>
    <t>POINT (4.6596231073692715 51.77119880021682)</t>
  </si>
  <si>
    <t>POINT (4.675145480073456 51.80506358065939)</t>
  </si>
  <si>
    <t>POINT (4.677604867597111 51.807852447566425)</t>
  </si>
  <si>
    <t>POINT (4.655281790274138 51.7918550292038)</t>
  </si>
  <si>
    <t>POINT (4.6728292682166925 51.80605277366815)</t>
  </si>
  <si>
    <t>POINT (4.698904364447001 51.79127765666455)</t>
  </si>
  <si>
    <t>POINT (4.677284621045821 51.80793113895283)</t>
  </si>
  <si>
    <t>POINT (4.660962858991643 51.801297495560604)</t>
  </si>
  <si>
    <t>POINT (4.713606496082167 51.811090037031704)</t>
  </si>
  <si>
    <t>POINT (4.718713800872358 51.80249495458661)</t>
  </si>
  <si>
    <t>POINT (4.678505879403915 51.77521159027371)</t>
  </si>
  <si>
    <t>POINT (4.660004889375465 51.77092492661337)</t>
  </si>
  <si>
    <t>POINT (4.711218714099588 51.81507535329337)</t>
  </si>
  <si>
    <t>POINT (4.703827138012423 51.81524506364067)</t>
  </si>
  <si>
    <t>POINT (4.693260116847708 51.796652504999294)</t>
  </si>
  <si>
    <t>POINT (4.675172527546889 51.80819272133622)</t>
  </si>
  <si>
    <t>POINT (4.696513444896831 51.80034454417628)</t>
  </si>
  <si>
    <t>POINT (4.671264417987864 51.77758532159602)</t>
  </si>
  <si>
    <t>POINT (4.642189061244789 51.768707155766236)</t>
  </si>
  <si>
    <t>POINT (4.681878709530437 51.79958166755963)</t>
  </si>
  <si>
    <t>POINT (4.631248937878332 51.72253156852267)</t>
  </si>
  <si>
    <t>POINT (4.6831216983783674 51.80658661845531)</t>
  </si>
  <si>
    <t>POINT (4.6519436541091945 51.78244614093341)</t>
  </si>
  <si>
    <t>POINT (4.637765367919726 51.76152034487087)</t>
  </si>
  <si>
    <t>POINT (4.662078751312621 51.798400805915854)</t>
  </si>
  <si>
    <t>POINT (4.654800193472161 51.79276525843986)</t>
  </si>
  <si>
    <t>POINT (4.654131732261244 51.80292131250379)</t>
  </si>
  <si>
    <t>POINT (4.712521567803698 51.793150536963054)</t>
  </si>
  <si>
    <t>POINT (4.699890402005899 51.79714485044411)</t>
  </si>
  <si>
    <t>POINT (4.674069689568774 51.77725870139969)</t>
  </si>
  <si>
    <t>POINT (4.671180872964061 51.80525300797277)</t>
  </si>
  <si>
    <t>POINT (4.680646610170256 51.81196266002666)</t>
  </si>
  <si>
    <t>POINT (4.734600616884182 51.79902283104187)</t>
  </si>
  <si>
    <t>POINT (4.6709726156277185 51.802664020788995)</t>
  </si>
  <si>
    <t>POINT (4.676824786949686 51.77794818021061)</t>
  </si>
  <si>
    <t>POINT (4.657781765483652 51.800870826200445)</t>
  </si>
  <si>
    <t>POINT (4.68035538998238 51.79857270723047)</t>
  </si>
  <si>
    <t>POINT (4.687440280982024 51.8096497665748)</t>
  </si>
  <si>
    <t>POINT (4.660490560814082 51.80716760299093)</t>
  </si>
  <si>
    <t>POINT (4.628987139735882 51.79771259898466)</t>
  </si>
  <si>
    <t>POINT (4.7214181672886575 51.805842510339495)</t>
  </si>
  <si>
    <t>POINT (4.70490912275769 51.80863693708312)</t>
  </si>
  <si>
    <t>POINT (4.712111117908362 51.80746870116572)</t>
  </si>
  <si>
    <t>POINT (4.698516462763728 51.79044500641906)</t>
  </si>
  <si>
    <t>POINT (4.721049498131541 51.795277796683784)</t>
  </si>
  <si>
    <t>POINT (4.706862203841477 51.78966056131022)</t>
  </si>
  <si>
    <t>POINT (4.707669313968827 51.810957121125966)</t>
  </si>
  <si>
    <t>POINT (4.679472238927377 51.80865051245495)</t>
  </si>
  <si>
    <t>POINT (4.715141097521271 51.81499240791547)</t>
  </si>
  <si>
    <t>POINT (4.691958695455359 51.8183257956185)</t>
  </si>
  <si>
    <t>POINT (4.678075900819562 51.781372491783216)</t>
  </si>
  <si>
    <t>POINT (4.706679194384565 51.78672506740946)</t>
  </si>
  <si>
    <t>POINT (4.662348119538614 51.80008540596761)</t>
  </si>
  <si>
    <t>POINT (4.679852135691509 51.81517101642689)</t>
  </si>
  <si>
    <t>POINT (4.71207189154154 51.81519527410025)</t>
  </si>
  <si>
    <t>POINT (4.669388996206576 51.816616692170044)</t>
  </si>
  <si>
    <t>POINT (4.681436948375338 51.80377965366209)</t>
  </si>
  <si>
    <t>POINT (4.666969525698628 51.818895571312936)</t>
  </si>
  <si>
    <t>POINT (4.698980967978103 51.79591263800382)</t>
  </si>
  <si>
    <t>POINT (4.66304534543419 51.795218799389055)</t>
  </si>
  <si>
    <t>POINT (4.65972352498392 51.7825906675066)</t>
  </si>
  <si>
    <t>POINT (4.668212557112399 51.771163801671165)</t>
  </si>
  <si>
    <t>POINT (4.680450148671882 51.7767592943118)</t>
  </si>
  <si>
    <t>POINT (4.6643489216703085 51.81340859198032)</t>
  </si>
  <si>
    <t>POINT (4.67269845292834 51.80602338419466)</t>
  </si>
  <si>
    <t>POINT (4.660283579004782 51.813596386442384)</t>
  </si>
  <si>
    <t>POINT (4.699778676018522 51.79832998074004)</t>
  </si>
  <si>
    <t>POINT (4.675486754157961 51.81738281965654)</t>
  </si>
  <si>
    <t>POINT (4.725029320200745 51.79308781057713)</t>
  </si>
  <si>
    <t>POINT (4.661436354294599 51.80061389583222)</t>
  </si>
  <si>
    <t>POINT (4.664387583534027 51.78805490144446)</t>
  </si>
  <si>
    <t>POINT (4.733902516020186 51.80225915172665)</t>
  </si>
  <si>
    <t>POINT (4.661316580232434 51.78230451153187)</t>
  </si>
  <si>
    <t>POINT (4.712758413823012 51.81487762596577)</t>
  </si>
  <si>
    <t>POINT (4.688531255291756 51.80649890880054)</t>
  </si>
  <si>
    <t>POINT (4.6882866171088295 51.819830150785336)</t>
  </si>
  <si>
    <t>POINT (4.656172190184786 51.81164183912026)</t>
  </si>
  <si>
    <t>POINT (4.6638946703626765 51.79693278123228)</t>
  </si>
  <si>
    <t>POINT (4.717865083238989 51.803927104089574)</t>
  </si>
  <si>
    <t>POINT (4.709829172641605 51.79399243309892)</t>
  </si>
  <si>
    <t>POINT (4.723272323623014 51.80354584765581)</t>
  </si>
  <si>
    <t>POINT (4.664070105110287 51.78706842076899)</t>
  </si>
  <si>
    <t>POINT (4.684402456757025 51.81261647815842)</t>
  </si>
  <si>
    <t>POINT (4.66332636430115 51.78497873183687)</t>
  </si>
  <si>
    <t>POINT (4.654356051741151 51.78817253395607)</t>
  </si>
  <si>
    <t>POINT (4.680317289707602 51.778985948100726)</t>
  </si>
  <si>
    <t>POINT (4.672599954215216 51.80602532817497)</t>
  </si>
  <si>
    <t>POINT (4.677568168798192 51.78872324545093)</t>
  </si>
  <si>
    <t>POINT (4.722125390762395 51.794255544917775)</t>
  </si>
  <si>
    <t>POINT (4.660293220508201 51.79705485425389)</t>
  </si>
  <si>
    <t>POINT (4.703662895512406 51.796144105503)</t>
  </si>
  <si>
    <t>POINT (4.731794864195097 51.79602115609913)</t>
  </si>
  <si>
    <t>POINT (4.676499718054586 51.783685299956424)</t>
  </si>
  <si>
    <t>POINT (4.682028560187626 51.79996631296458)</t>
  </si>
  <si>
    <t>POINT (4.6921795041156455 51.81198514949525)</t>
  </si>
  <si>
    <t>POINT (4.684083961513388 51.781697476151265)</t>
  </si>
  <si>
    <t>POINT (4.728059625835617 51.801370522306286)</t>
  </si>
  <si>
    <t>POINT (4.668617172344192 51.808158136359964)</t>
  </si>
  <si>
    <t>POINT (4.672585963466609 51.78361140974863)</t>
  </si>
  <si>
    <t>POINT (4.7256239126505175 51.79273992903819)</t>
  </si>
  <si>
    <t>POINT (4.759015443312819 51.788465358467775)</t>
  </si>
  <si>
    <t>POINT (4.677131791969676 51.80871444009541)</t>
  </si>
  <si>
    <t>POINT (4.655614944398916 51.7871742671357)</t>
  </si>
  <si>
    <t>POINT (4.671368305273126 51.79949217979443)</t>
  </si>
  <si>
    <t>POINT (4.668163862221713 51.800824052842195)</t>
  </si>
  <si>
    <t>POINT (4.660458423004598 51.79200473032812)</t>
  </si>
  <si>
    <t>POINT (4.683783007125428 51.807504327828525)</t>
  </si>
  <si>
    <t>POINT (4.669035943988245 51.7744274814397)</t>
  </si>
  <si>
    <t>POINT (4.664778432828859 51.81695167896734)</t>
  </si>
  <si>
    <t>POINT (4.710342568933653 51.803338367890554)</t>
  </si>
  <si>
    <t>POINT (4.667740462939718 51.79543708676207)</t>
  </si>
  <si>
    <t>POINT (4.658198001908674 51.80716657788392)</t>
  </si>
  <si>
    <t>POINT (4.663007357806859 51.80079653653085)</t>
  </si>
  <si>
    <t>POINT (4.682860990366479 51.807190899238805)</t>
  </si>
  <si>
    <t>POINT (4.6554464938822715 51.791876829582655)</t>
  </si>
  <si>
    <t>POINT (4.679177260054999 51.813915598698706)</t>
  </si>
  <si>
    <t>POINT (4.686693683091668 51.77700252870871)</t>
  </si>
  <si>
    <t>POINT (4.68793064265325 51.80867180169201)</t>
  </si>
  <si>
    <t>POINT (4.691384042921133 51.791268223033924)</t>
  </si>
  <si>
    <t>POINT (4.723677171178726 51.798327155758415)</t>
  </si>
  <si>
    <t>POINT (4.669093636516248 51.774931427472495)</t>
  </si>
  <si>
    <t>POINT (4.677468899847348 51.814371863139534)</t>
  </si>
  <si>
    <t>POINT (4.710036685061479 51.810641111255904)</t>
  </si>
  <si>
    <t>POINT (4.647815543674694 51.79319989640568)</t>
  </si>
  <si>
    <t>POINT (4.685882677349471 51.78696171220142)</t>
  </si>
  <si>
    <t>POINT (4.73007017932363 51.80416947259299)</t>
  </si>
  <si>
    <t>POINT (4.7117529024594145 51.81413553874075)</t>
  </si>
  <si>
    <t>POINT (4.675572511693661 51.81642189398326)</t>
  </si>
  <si>
    <t>POINT (4.697093563810034 51.79287046320108)</t>
  </si>
  <si>
    <t>POINT (4.718690463704297 51.802538596334735)</t>
  </si>
  <si>
    <t>POINT (4.672581241744488 51.808757862418624)</t>
  </si>
  <si>
    <t>POINT (4.670952435033951 51.77188588470814)</t>
  </si>
  <si>
    <t>POINT (4.6759130277189636 51.78515274451855)</t>
  </si>
  <si>
    <t>POINT (4.668159369752642 51.771241102164815)</t>
  </si>
  <si>
    <t>POINT (4.7171305019395335 51.79549105409371)</t>
  </si>
  <si>
    <t>POINT (4.679797163379144 51.78584431727964)</t>
  </si>
  <si>
    <t>POINT (4.678728610792938 51.78634137025354)</t>
  </si>
  <si>
    <t>POINT (4.684303621692188 51.78753231026985)</t>
  </si>
  <si>
    <t>POINT (4.662886050072148 51.810316678828165)</t>
  </si>
  <si>
    <t>POINT (4.688329027278191 51.80748861506815)</t>
  </si>
  <si>
    <t>POINT (4.677748446169223 51.79064422175375)</t>
  </si>
  <si>
    <t>POINT (4.723114586505711 51.806010566053175)</t>
  </si>
  <si>
    <t>POINT (4.675441707231877 51.81424216676076)</t>
  </si>
  <si>
    <t>POINT (4.720289720461726 51.80863164121769)</t>
  </si>
  <si>
    <t>POINT (4.682910186662178 51.800346004793894)</t>
  </si>
  <si>
    <t>POINT (4.723972901012291 51.80486660046684)</t>
  </si>
  <si>
    <t>POINT (4.664919214520628 51.80869085246701)</t>
  </si>
  <si>
    <t>POINT (4.676747133373989 51.786488225446654)</t>
  </si>
  <si>
    <t>POINT (4.666852809428751 51.81803627504049)</t>
  </si>
  <si>
    <t>POINT (4.674578389031198 51.79099825435368)</t>
  </si>
  <si>
    <t>POINT (4.686069295437333 51.80830855504008)</t>
  </si>
  <si>
    <t>POINT (4.722606016880473 51.80206578093283)</t>
  </si>
  <si>
    <t>POINT (4.658125840579587 51.804201335080506)</t>
  </si>
  <si>
    <t>POINT (4.672770582900724 51.80797315323973)</t>
  </si>
  <si>
    <t>POINT (4.734074915068258 51.79565755241354)</t>
  </si>
  <si>
    <t>POINT (4.659009305578393 51.80943609097866)</t>
  </si>
  <si>
    <t>POINT (4.669919889619376 51.79015503801814)</t>
  </si>
  <si>
    <t>POINT (4.717541541846736 51.812176327417234)</t>
  </si>
  <si>
    <t>POINT (4.7084947010945335 51.818546099851666)</t>
  </si>
  <si>
    <t>POINT (4.698490413770744 51.793322064931026)</t>
  </si>
  <si>
    <t>POINT (4.671084252826145 51.77920740294031)</t>
  </si>
  <si>
    <t>POINT (4.639659963994894 51.76452266392408)</t>
  </si>
  <si>
    <t>POINT (4.670009214096954 51.80393264170862)</t>
  </si>
  <si>
    <t>POINT (4.717270368887051 51.79543303107943)</t>
  </si>
  <si>
    <t>POINT (4.683220273284799 51.80379344970365)</t>
  </si>
  <si>
    <t>POINT (4.711866609137884 51.79552702870053)</t>
  </si>
  <si>
    <t>POINT (4.681338591192691 51.812688533294605)</t>
  </si>
  <si>
    <t>POINT (4.732251160723515 51.79567532238774)</t>
  </si>
  <si>
    <t>POINT (4.70210774741005 51.81590322804144)</t>
  </si>
  <si>
    <t>POINT (4.666197469976677 51.81744186579272)</t>
  </si>
  <si>
    <t>POINT (4.656654504046202 51.811865254314874)</t>
  </si>
  <si>
    <t>POINT (4.662149586990172 51.81606306216959)</t>
  </si>
  <si>
    <t>POINT (4.732097812060728 51.792019377656196)</t>
  </si>
  <si>
    <t>POINT (4.671247866084947 51.78523262341832)</t>
  </si>
  <si>
    <t>POINT (4.663049405024205 51.8057778342565)</t>
  </si>
  <si>
    <t>POINT (4.6660595184118 51.81375974210273)</t>
  </si>
  <si>
    <t>POINT (4.660437221761758 51.79200709784761)</t>
  </si>
  <si>
    <t>POINT (4.678184838510166 51.80771869626776)</t>
  </si>
  <si>
    <t>POINT (4.715550252419249 51.80320294660906)</t>
  </si>
  <si>
    <t>POINT (4.674941048773416 51.80479391098244)</t>
  </si>
  <si>
    <t>POINT (4.682935548023366 51.80717988618702)</t>
  </si>
  <si>
    <t>POINT (4.674469421894526 51.79708432044234)</t>
  </si>
  <si>
    <t>POINT (4.680523346945258 51.798856448956464)</t>
  </si>
  <si>
    <t>POINT (4.661899894456611 51.799029376556824)</t>
  </si>
  <si>
    <t>POINT (4.692007402643802 51.807379203553445)</t>
  </si>
  <si>
    <t>POINT (4.685688049657187 51.77831687710699)</t>
  </si>
  <si>
    <t>POINT (4.66391552465701 51.8143089333121)</t>
  </si>
  <si>
    <t>POINT (4.68584292731995 51.7796213891029)</t>
  </si>
  <si>
    <t>POINT (4.728133262512027 51.801229616547054)</t>
  </si>
  <si>
    <t>POINT (4.67344741430247 51.77151149782898)</t>
  </si>
  <si>
    <t>POINT (4.650014216112209 51.79283814863229)</t>
  </si>
  <si>
    <t>POINT (4.664543248751603 51.79791972782853)</t>
  </si>
  <si>
    <t>POINT (4.673225336330027 51.81685271188437)</t>
  </si>
  <si>
    <t>POINT (4.675759289148893 51.784804138292614)</t>
  </si>
  <si>
    <t>POINT (4.680221427476985 51.8092886129736)</t>
  </si>
  <si>
    <t>POINT (4.711581181157387 51.791114163835864)</t>
  </si>
  <si>
    <t>POINT (4.666616170116141 51.7962563826912)</t>
  </si>
  <si>
    <t>POINT (4.7016655581749385 51.790243641867185)</t>
  </si>
  <si>
    <t>POINT (4.682472910684784 51.81860596194808)</t>
  </si>
  <si>
    <t>POINT (4.702699981984067 51.801349066599585)</t>
  </si>
  <si>
    <t>POINT (4.681498218365185 51.77377543171869)</t>
  </si>
  <si>
    <t>POINT (4.675600718122167 51.804171456419624)</t>
  </si>
  <si>
    <t>POINT (4.642770570256168 51.76862123981654)</t>
  </si>
  <si>
    <t>POINT (4.672284613976338 51.7826668561682)</t>
  </si>
  <si>
    <t>POINT (4.703998069030885 51.79038131068761)</t>
  </si>
  <si>
    <t>POINT (4.673922607427122 51.811837022152645)</t>
  </si>
  <si>
    <t>POINT (4.66770435725453 51.81183102543763)</t>
  </si>
  <si>
    <t>POINT (4.723049633131088 51.80600430189211)</t>
  </si>
  <si>
    <t>POINT (4.716493873277207 51.800163493351675)</t>
  </si>
  <si>
    <t>POINT (4.681631721261685 51.80914567800974)</t>
  </si>
  <si>
    <t>POINT (4.6676401399846394 51.788331057754235)</t>
  </si>
  <si>
    <t>POINT (4.680928172388534 51.80332633158878)</t>
  </si>
  <si>
    <t>POINT (4.660721005850186 51.803282562637314)</t>
  </si>
  <si>
    <t>POINT (4.703311384711145 51.79321720784618)</t>
  </si>
  <si>
    <t>POINT (4.694598618876573 51.7976510467058)</t>
  </si>
  <si>
    <t>POINT (4.690242529208915 51.80744011338024)</t>
  </si>
  <si>
    <t>POINT (4.713199819066671 51.80070311811926)</t>
  </si>
  <si>
    <t>POINT (4.665776207820946 51.81229211813365)</t>
  </si>
  <si>
    <t>POINT (4.688386712423845 51.809502841895736)</t>
  </si>
  <si>
    <t>POINT (4.628233534336215 51.722418126874935)</t>
  </si>
  <si>
    <t>POINT (4.669786959015673 51.77997054468701)</t>
  </si>
  <si>
    <t>POINT (4.66527284288203 51.81497241270511)</t>
  </si>
  <si>
    <t>POINT (4.68051362208823 51.77315067559052)</t>
  </si>
  <si>
    <t>POINT (4.66456173246881 51.8141582460828)</t>
  </si>
  <si>
    <t>POINT (4.679885036530663 51.79867724240601)</t>
  </si>
  <si>
    <t>POINT (4.660517412114811 51.801773628255944)</t>
  </si>
  <si>
    <t>POINT (4.659381960132343 51.789100924552685)</t>
  </si>
  <si>
    <t>POINT (4.683881802779889 51.81039237667826)</t>
  </si>
  <si>
    <t>POINT (4.735245443155694 51.79988774294315)</t>
  </si>
  <si>
    <t>POINT (4.665348751188293 51.79765727285046)</t>
  </si>
  <si>
    <t>POINT (4.658876744427293 51.79280094764451)</t>
  </si>
  <si>
    <t>POINT (4.6888347100277095 51.81816974858843)</t>
  </si>
  <si>
    <t>POINT (4.701230185924473 51.80473261422165)</t>
  </si>
  <si>
    <t>POINT (4.692846781089371 51.79205334974843)</t>
  </si>
  <si>
    <t>POINT (4.663812367092793 51.81051658427751)</t>
  </si>
  <si>
    <t>POINT (4.659384061482674 51.78975952228817)</t>
  </si>
  <si>
    <t>POINT (4.692155961721567 51.81846867909508)</t>
  </si>
  <si>
    <t>POINT (4.6519248314807555 51.795207329430035)</t>
  </si>
  <si>
    <t>POINT (4.671570095751377 51.81498982261422)</t>
  </si>
  <si>
    <t>POINT (4.711281451425314 51.816071736665144)</t>
  </si>
  <si>
    <t>POINT (4.720870117330621 51.79753518555342)</t>
  </si>
  <si>
    <t>POINT (4.702416605049646 51.79700019918989)</t>
  </si>
  <si>
    <t>POINT (4.712339244710245 51.801552983384745)</t>
  </si>
  <si>
    <t>POINT (4.6758045197621065 51.774156294054954)</t>
  </si>
  <si>
    <t>POINT (4.684196940899539 51.804865029265464)</t>
  </si>
  <si>
    <t>POINT (4.714963614233221 51.81497299167569)</t>
  </si>
  <si>
    <t>POINT (4.664094824687576 51.81333655531233)</t>
  </si>
  <si>
    <t>POINT (4.664931105692163 51.79337860829044)</t>
  </si>
  <si>
    <t>POINT (4.7044995350575 51.798528060199345)</t>
  </si>
  <si>
    <t>POINT (4.672542769644302 51.81812801339689)</t>
  </si>
  <si>
    <t>POINT (4.65121452221754 51.79042494360839)</t>
  </si>
  <si>
    <t>POINT (4.655260845069761 51.808069140207245)</t>
  </si>
  <si>
    <t>POINT (4.691129963792847 51.80850198023427)</t>
  </si>
  <si>
    <t>POINT (4.66148135555892 51.80216544306348)</t>
  </si>
  <si>
    <t>POINT (4.666820724690042 51.81184761766899)</t>
  </si>
  <si>
    <t>POINT (4.6684860008658235 51.81277861059483)</t>
  </si>
  <si>
    <t>POINT (4.666740587205749 51.79281518593847)</t>
  </si>
  <si>
    <t>POINT (4.670848969554534 51.78092216230099)</t>
  </si>
  <si>
    <t>POINT (4.6772162483040285 51.78620609704584)</t>
  </si>
  <si>
    <t>POINT (4.654602991170881 51.78723770403062)</t>
  </si>
  <si>
    <t>POINT (4.711229011198833 51.81510145269081)</t>
  </si>
  <si>
    <t>POINT (4.729475079037772 51.79665654314781)</t>
  </si>
  <si>
    <t>POINT (4.676634028999663 51.77304639003112)</t>
  </si>
  <si>
    <t>POINT (4.7319088830013545 51.800716856397976)</t>
  </si>
  <si>
    <t>POINT (4.680752448075176 51.808453716397956)</t>
  </si>
  <si>
    <t>POINT (4.716125454793805 51.8150766194082)</t>
  </si>
  <si>
    <t>POINT (4.722024777657858 51.79920794517094)</t>
  </si>
  <si>
    <t>POINT (4.656553013493519 51.80303243231418)</t>
  </si>
  <si>
    <t>POINT (4.6662198900359115 51.77233824118939)</t>
  </si>
  <si>
    <t>POINT (4.712768601295248 51.80586019731609)</t>
  </si>
  <si>
    <t>POINT (4.667779900829544 51.81790513617045)</t>
  </si>
  <si>
    <t>POINT (4.716731105058608 51.81589240188694)</t>
  </si>
  <si>
    <t>POINT (4.659744443468293 51.79342679464048)</t>
  </si>
  <si>
    <t>POINT (4.677459303522398 51.807789491442456)</t>
  </si>
  <si>
    <t>POINT (4.6708585480299325 51.81802478468322)</t>
  </si>
  <si>
    <t>POINT (4.678191995231193 51.78470214933945)</t>
  </si>
  <si>
    <t>POINT (4.683898002772278 51.801531397232814)</t>
  </si>
  <si>
    <t>POINT (4.681010789786115 51.8024715473138)</t>
  </si>
  <si>
    <t>POINT (4.682112467461507 51.80990775954233)</t>
  </si>
  <si>
    <t>POINT (4.686072304692532 51.78896744891716)</t>
  </si>
  <si>
    <t>POINT (4.664890419984808 51.81001039368319)</t>
  </si>
  <si>
    <t>POINT (4.685085637319718 51.782552925876296)</t>
  </si>
  <si>
    <t>POINT (4.673764956702475 51.812182738950156)</t>
  </si>
  <si>
    <t>POINT (4.657100389789735 51.80664947457227)</t>
  </si>
  <si>
    <t>POINT (4.6583606661809265 51.798956918556826)</t>
  </si>
  <si>
    <t>POINT (4.713076236502168 51.80535610197444)</t>
  </si>
  <si>
    <t>POINT (4.7355458722897135 51.80123983746947)</t>
  </si>
  <si>
    <t>POINT (4.678814820541729 51.77735877301951)</t>
  </si>
  <si>
    <t>POINT (4.714490174264862 51.80450237607878)</t>
  </si>
  <si>
    <t>POINT (4.7169660865429295 51.81386491039146)</t>
  </si>
  <si>
    <t>POINT (4.678440161206998 51.77564754092734)</t>
  </si>
  <si>
    <t>POINT (4.6804156163590465 51.774424881364645)</t>
  </si>
  <si>
    <t>POINT (4.677505366791802 51.780845727932636)</t>
  </si>
  <si>
    <t>POINT (4.661178295381495 51.79334802806823)</t>
  </si>
  <si>
    <t>POINT (4.660293113131066 51.78942507996664)</t>
  </si>
  <si>
    <t>POINT (4.651997707357282 51.787736853443796)</t>
  </si>
  <si>
    <t>POINT (4.71051062736016 51.815306972692404)</t>
  </si>
  <si>
    <t>POINT (4.681333149465855 51.78871690895241)</t>
  </si>
  <si>
    <t>POINT (4.65555425246872 51.78827491613528)</t>
  </si>
  <si>
    <t>POINT (4.666213954726909 51.77207486216543)</t>
  </si>
  <si>
    <t>POINT (4.730674476537124 51.79984071853837)</t>
  </si>
  <si>
    <t>POINT (4.6742595450608 51.81917853334431)</t>
  </si>
  <si>
    <t>POINT (4.731475860247463 51.8000604957977)</t>
  </si>
  <si>
    <t>POINT (4.658841101862354 51.806222875808416)</t>
  </si>
  <si>
    <t>POINT (4.67441102770719 51.78099562871568)</t>
  </si>
  <si>
    <t>POINT (4.6781528885648 51.773257343084126)</t>
  </si>
  <si>
    <t>POINT (4.68361708496878 51.78511538712586)</t>
  </si>
  <si>
    <t>POINT (4.678027590096321 51.788583166408245)</t>
  </si>
  <si>
    <t>POINT (4.688582066997986 51.80690483387537)</t>
  </si>
  <si>
    <t>POINT (4.667372046821032 51.78033806597881)</t>
  </si>
  <si>
    <t>POINT (4.66616173393743 51.78054731391813)</t>
  </si>
  <si>
    <t>POINT (4.668887365795126 51.79500962793678)</t>
  </si>
  <si>
    <t>POINT (4.731379198240091 51.804910448438385)</t>
  </si>
  <si>
    <t>POINT (4.681947634470846 51.808296475926916)</t>
  </si>
  <si>
    <t>POINT (4.6706223422950695 51.78240462475094)</t>
  </si>
  <si>
    <t>POINT (4.66542920575671 51.77285792348614)</t>
  </si>
  <si>
    <t>POINT (4.6629371944540186 51.800666971866654)</t>
  </si>
  <si>
    <t>POINT (4.721808541640393 51.80305855129347)</t>
  </si>
  <si>
    <t>POINT (4.671142399090965 51.79053765878424)</t>
  </si>
  <si>
    <t>POINT (4.66140801321283 51.81352222325198)</t>
  </si>
  <si>
    <t>POINT (4.725979252839482 51.80518646751886)</t>
  </si>
  <si>
    <t>POINT (4.671954968317162 51.815485188521656)</t>
  </si>
  <si>
    <t>POINT (4.6575609630830765 51.79995828688762)</t>
  </si>
  <si>
    <t>POINT (4.670199703285068 51.79066796280455)</t>
  </si>
  <si>
    <t>POINT (4.661182766877793 51.797392458783534)</t>
  </si>
  <si>
    <t>POINT (4.669042795812369 51.81227287373799)</t>
  </si>
  <si>
    <t>POINT (4.661646985863299 51.81665774802023)</t>
  </si>
  <si>
    <t>POINT (4.659436757086926 51.8035813792762)</t>
  </si>
  <si>
    <t>POINT (4.671415645535393 51.80979404710974)</t>
  </si>
  <si>
    <t>POINT (4.657149122944861 51.78721170817329)</t>
  </si>
  <si>
    <t>POINT (4.720266576654398 51.813636445078565)</t>
  </si>
  <si>
    <t>POINT (4.670905926012729 51.80380753164361)</t>
  </si>
  <si>
    <t>POINT (4.660732974667632 51.813040136130574)</t>
  </si>
  <si>
    <t>POINT (4.662272985868456 51.79109812068593)</t>
  </si>
  <si>
    <t>POINT (4.680705586708299 51.80310875998096)</t>
  </si>
  <si>
    <t>POINT (4.718628742731899 51.815417553809105)</t>
  </si>
  <si>
    <t>POINT (4.677034511329353 51.80879428204897)</t>
  </si>
  <si>
    <t>POINT (4.713586107317167 51.810906578681575)</t>
  </si>
  <si>
    <t>POINT (4.652794182776933 51.801259485629124)</t>
  </si>
  <si>
    <t>POINT (4.6893601962977804 51.80672775815618)</t>
  </si>
  <si>
    <t>POINT (4.65094681977434 51.8030131272786)</t>
  </si>
  <si>
    <t>POINT (4.70636555612879 51.81045124271431)</t>
  </si>
  <si>
    <t>POINT (4.682098358831917 51.781927811293656)</t>
  </si>
  <si>
    <t>POINT (4.676193728855543 51.817456020946075)</t>
  </si>
  <si>
    <t>POINT (4.660218701340299 51.78835540299797)</t>
  </si>
  <si>
    <t>POINT (4.661198846426771 51.78694691999691)</t>
  </si>
  <si>
    <t>POINT (4.728970334668084 51.80026951972873)</t>
  </si>
  <si>
    <t>POINT (4.699042155242911 51.798038412332204)</t>
  </si>
  <si>
    <t>POINT (4.661080491334635 51.799103381803555)</t>
  </si>
  <si>
    <t>POINT (4.7178187529255355 51.80003773967961)</t>
  </si>
  <si>
    <t>POINT (4.653782289314331 51.81128221958662)</t>
  </si>
  <si>
    <t>POINT (4.660396260740071 51.791589471534735)</t>
  </si>
  <si>
    <t>POINT (4.668883725638302 51.8079365794118)</t>
  </si>
  <si>
    <t>POINT (4.673843602862978 51.817527700299365)</t>
  </si>
  <si>
    <t>POINT (4.729357319474021 51.789540451461825)</t>
  </si>
  <si>
    <t>POINT (4.659753258852068 51.79009081697243)</t>
  </si>
  <si>
    <t>POINT (4.674786607672759 51.782154199325596)</t>
  </si>
  <si>
    <t>POINT (4.672263401301481 51.77530673660333)</t>
  </si>
  <si>
    <t>POINT (4.683162174657261 51.79795076690502)</t>
  </si>
  <si>
    <t>POINT (4.723083155134001 51.80329388616996)</t>
  </si>
  <si>
    <t>POINT (4.665643366030439 51.81313242602335)</t>
  </si>
  <si>
    <t>POINT (4.664399125370097 51.810014838161734)</t>
  </si>
  <si>
    <t>POINT (4.684759474225319 51.788357550787985)</t>
  </si>
  <si>
    <t>POINT (4.661867572020461 51.81031239242752)</t>
  </si>
  <si>
    <t>POINT (4.705428594232866 51.81623111981822)</t>
  </si>
  <si>
    <t>POINT (4.655026132232087 51.76585208731438)</t>
  </si>
  <si>
    <t>POINT (4.67234884031081 51.805652584094275)</t>
  </si>
  <si>
    <t>POINT (4.7175580808778514 51.80245168184945)</t>
  </si>
  <si>
    <t>POINT (4.655968049847391 51.78967498929635)</t>
  </si>
  <si>
    <t>POINT (4.670376561320097 51.80439339923187)</t>
  </si>
  <si>
    <t>POINT (4.668204788862646 51.79196155937701)</t>
  </si>
  <si>
    <t>POINT (4.672908621982413 51.792837064852044)</t>
  </si>
  <si>
    <t>POINT (4.716650801023753 51.81452061904087)</t>
  </si>
  <si>
    <t>POINT (4.665011928088389 51.80372060765448)</t>
  </si>
  <si>
    <t>POINT (4.661030361238789 51.77038517075752)</t>
  </si>
  <si>
    <t>POINT (4.666170408169916 51.79596558326272)</t>
  </si>
  <si>
    <t>POINT (4.67832906839565 51.80757971287761)</t>
  </si>
  <si>
    <t>POINT (4.672322505605087 51.817919303363276)</t>
  </si>
  <si>
    <t>POINT (4.6638917222867144 51.80092611660052)</t>
  </si>
  <si>
    <t>POINT (4.652977299956707 51.792097813840684)</t>
  </si>
  <si>
    <t>POINT (4.665358013204313 51.80994748278496)</t>
  </si>
  <si>
    <t>POINT (4.6592647960009685 51.77052819291695)</t>
  </si>
  <si>
    <t>POINT (4.657496539369986 51.78263217807218)</t>
  </si>
  <si>
    <t>POINT (4.656592690044335 51.811811153086296)</t>
  </si>
  <si>
    <t>POINT (4.662622862109411 51.80416198298412)</t>
  </si>
  <si>
    <t>POINT (4.673020819836829 51.79657436497516)</t>
  </si>
  <si>
    <t>POINT (4.659917863351306 51.79630972877131)</t>
  </si>
  <si>
    <t>POINT (4.6812237127860055 51.78742603160148)</t>
  </si>
  <si>
    <t>POINT (4.6675754890771195 51.778605319928275)</t>
  </si>
  <si>
    <t>POINT (4.668596507416337 51.80152968179498)</t>
  </si>
  <si>
    <t>POINT (4.720930074186484 51.80004191176321)</t>
  </si>
  <si>
    <t>POINT (4.665229866142615 51.78005823167409)</t>
  </si>
  <si>
    <t>POINT (4.6571921888163565 51.79745074317335)</t>
  </si>
  <si>
    <t>POINT (4.658143139196581 51.79178478390914)</t>
  </si>
  <si>
    <t>POINT (4.657874479207652 51.805955112015695)</t>
  </si>
  <si>
    <t>POINT (4.680645189178953 51.78202949304458)</t>
  </si>
  <si>
    <t>POINT (4.7300116585821295 51.79800181500701)</t>
  </si>
  <si>
    <t>POINT (4.698698121455869 51.78988297715781)</t>
  </si>
  <si>
    <t>POINT (4.661572313107849 51.816105165753754)</t>
  </si>
  <si>
    <t>POINT (4.676117612846373 51.77640107334773)</t>
  </si>
  <si>
    <t>POINT (4.661752617657012 51.80369082078725)</t>
  </si>
  <si>
    <t>POINT (4.6659558504254495 51.77178558214537)</t>
  </si>
  <si>
    <t>POINT (4.659540880678685 51.801791917515956)</t>
  </si>
  <si>
    <t>POINT (4.673743081144993 51.81763938466917)</t>
  </si>
  <si>
    <t>POINT (4.707128855472758 51.80222298987107)</t>
  </si>
  <si>
    <t>POINT (4.6975109416738965 51.7897201759097)</t>
  </si>
  <si>
    <t>POINT (4.662797164063523 51.80493686856205)</t>
  </si>
  <si>
    <t>POINT (4.6589726645528655 51.8073250946532)</t>
  </si>
  <si>
    <t>POINT (4.733514347723826 51.79993048813477)</t>
  </si>
  <si>
    <t>POINT (4.660989122474168 51.79041013952667)</t>
  </si>
  <si>
    <t>POINT (4.664579868467794 51.79375995721045)</t>
  </si>
  <si>
    <t>POINT (4.682311250321779 51.81175990006048)</t>
  </si>
  <si>
    <t>POINT (4.670114922310599 51.780804464173954)</t>
  </si>
  <si>
    <t>POINT (4.713331113958759 51.80523834055063)</t>
  </si>
  <si>
    <t>POINT (4.68233488729342 51.80977210845261)</t>
  </si>
  <si>
    <t>POINT (4.68656365404194 51.78259490489648)</t>
  </si>
  <si>
    <t>POINT (4.6801704378359394 51.777029615657455)</t>
  </si>
  <si>
    <t>POINT (4.720077896748964 51.812489249915274)</t>
  </si>
  <si>
    <t>POINT (4.684053937515416 51.778289528183116)</t>
  </si>
  <si>
    <t>POINT (4.684056184076395 51.7850872427499)</t>
  </si>
  <si>
    <t>POINT (4.670659239558761 51.79875662171015)</t>
  </si>
  <si>
    <t>POINT (4.6600741799993415 51.815711312475635)</t>
  </si>
  <si>
    <t>POINT (4.6499861676127425 51.79357343784487)</t>
  </si>
  <si>
    <t>POINT (4.686038059884904 51.807585023415776)</t>
  </si>
  <si>
    <t>POINT (4.661779748570177 51.797162013866796)</t>
  </si>
  <si>
    <t>POINT (4.711715365138066 51.81628370613015)</t>
  </si>
  <si>
    <t>POINT (4.6522440008102555 51.78846921537775)</t>
  </si>
  <si>
    <t>POINT (4.735715584743453 51.80178202150785)</t>
  </si>
  <si>
    <t>POINT (4.656540398999261 51.81179940289355)</t>
  </si>
  <si>
    <t>POINT (4.686263926256863 51.811433089995845)</t>
  </si>
  <si>
    <t>POINT (4.702554668601182 51.78935003883369)</t>
  </si>
  <si>
    <t>POINT (4.683313880344381 51.79845285894158)</t>
  </si>
  <si>
    <t>POINT (4.664438952322077 51.78690210177459)</t>
  </si>
  <si>
    <t>POINT (4.679857871173727 51.777517363699246)</t>
  </si>
  <si>
    <t>POINT (4.6991408630074405 51.798408317564224)</t>
  </si>
  <si>
    <t>POINT (4.6660257002912555 51.78886885240754)</t>
  </si>
  <si>
    <t>POINT (4.699529844030906 51.79786412313166)</t>
  </si>
  <si>
    <t>POINT (4.651430928317707 51.79017526428433)</t>
  </si>
  <si>
    <t>POINT (4.669178814287526 51.81367750348819)</t>
  </si>
  <si>
    <t>POINT (4.635045184579009 51.77864384342645)</t>
  </si>
  <si>
    <t>POINT (4.652090439803351 51.781870047902494)</t>
  </si>
  <si>
    <t>POINT (4.645419382634972 51.773400105745125)</t>
  </si>
  <si>
    <t>POINT (4.652111402890699 51.8035151761863)</t>
  </si>
  <si>
    <t>POINT (4.718019473070108 51.80310604493647)</t>
  </si>
  <si>
    <t>POINT (4.705819201234833 51.80820838785374)</t>
  </si>
  <si>
    <t>POINT (4.642950225797518 51.78496466556633)</t>
  </si>
  <si>
    <t>POINT (4.715048758504026 51.810469245715524)</t>
  </si>
  <si>
    <t>POINT (4.676577322724853 51.77365536415748)</t>
  </si>
  <si>
    <t>POINT (4.710322678878865 51.79324405398752)</t>
  </si>
  <si>
    <t>POINT (4.6649938230894366 51.799217916927546)</t>
  </si>
  <si>
    <t>POINT (4.656558867464989 51.80227734628594)</t>
  </si>
  <si>
    <t>POINT (4.70915564654809 51.78704119330758)</t>
  </si>
  <si>
    <t>POINT (4.675268901567329 51.77573162318494)</t>
  </si>
  <si>
    <t>POINT (4.676676597530707 51.807159601333986)</t>
  </si>
  <si>
    <t>POINT (4.653977283951155 51.808348000978775)</t>
  </si>
  <si>
    <t>POINT (4.665053875544351 51.81620318831465)</t>
  </si>
  <si>
    <t>POINT (4.701900285008057 51.794706422811764)</t>
  </si>
  <si>
    <t>POINT (4.70715456440116 51.80105646522203)</t>
  </si>
  <si>
    <t>POINT (4.67292191002241 51.81506896972133)</t>
  </si>
  <si>
    <t>POINT (4.727072350691139 51.79578220626193)</t>
  </si>
  <si>
    <t>POINT (4.669256007667402 51.81719187275214)</t>
  </si>
  <si>
    <t>POINT (4.68469572252427 51.79250209492816)</t>
  </si>
  <si>
    <t>POINT (4.653363043996443 51.8039400865549)</t>
  </si>
  <si>
    <t>POINT (4.7224499778402595 51.801834113583396)</t>
  </si>
  <si>
    <t>POINT (4.668170193111995 51.77348222680501)</t>
  </si>
  <si>
    <t>POINT (4.656372477102242 51.80448520261779)</t>
  </si>
  <si>
    <t>POINT (4.72359111388506 51.80480686069492)</t>
  </si>
  <si>
    <t>POINT (4.665663295170521 51.775333059314285)</t>
  </si>
  <si>
    <t>POINT (4.709136655226103 51.80702012303926)</t>
  </si>
  <si>
    <t>POINT (4.667478532282593 51.794143058501405)</t>
  </si>
  <si>
    <t>POINT (4.676468545140737 51.8037302485431)</t>
  </si>
  <si>
    <t>POINT (4.707488219477501 51.788334828909555)</t>
  </si>
  <si>
    <t>POINT (4.661074245746965 51.800833954808596)</t>
  </si>
  <si>
    <t>POINT (4.666947198241837 51.81547561272104)</t>
  </si>
  <si>
    <t>POINT (4.670608865290684 51.80137790086234)</t>
  </si>
  <si>
    <t>POINT (4.698441697623228 51.79306453212877)</t>
  </si>
  <si>
    <t>POINT (4.668298717816927 51.79193883630563)</t>
  </si>
  <si>
    <t>POINT (4.66429363564578 51.81470757391435)</t>
  </si>
  <si>
    <t>POINT (4.654245518757956 51.80343426233188)</t>
  </si>
  <si>
    <t>POINT (4.708438327530837 51.8046228394344)</t>
  </si>
  <si>
    <t>POINT (4.669240309814662 51.770761704569786)</t>
  </si>
  <si>
    <t>POINT (4.673710156689895 51.788564941456784)</t>
  </si>
  <si>
    <t>POINT (4.657994375565069 51.812523083347166)</t>
  </si>
  <si>
    <t>POINT (4.697803533806601 51.797351588601124)</t>
  </si>
  <si>
    <t>POINT (4.665125855100032 51.78898193193362)</t>
  </si>
  <si>
    <t>POINT (4.679904716442254 51.78825195821794)</t>
  </si>
  <si>
    <t>POINT (4.681276400979124 51.809916809271456)</t>
  </si>
  <si>
    <t>POINT (4.65572184608833 51.79045986770017)</t>
  </si>
  <si>
    <t>POINT (4.658688701991477 51.81079240857724)</t>
  </si>
  <si>
    <t>POINT (4.69355237927836 51.79571586077573)</t>
  </si>
  <si>
    <t>POINT (4.660849823425883 51.770169896305745)</t>
  </si>
  <si>
    <t>POINT (4.67099190364141 51.81795573863784)</t>
  </si>
  <si>
    <t>POINT (4.681501089802404 51.7783134139386)</t>
  </si>
  <si>
    <t>POINT (4.680812929930597 51.80629702398469)</t>
  </si>
  <si>
    <t>POINT (4.651361999820937 51.789783741947474)</t>
  </si>
  <si>
    <t>POINT (4.666027733985641 51.813741326733066)</t>
  </si>
  <si>
    <t>POINT (4.672272383538248 51.77902527690207)</t>
  </si>
  <si>
    <t>POINT (4.680472416147512 51.80960538446274)</t>
  </si>
  <si>
    <t>POINT (4.66885081702191 51.809254990429004)</t>
  </si>
  <si>
    <t>POINT (4.676524227604755 51.78373942559642)</t>
  </si>
  <si>
    <t>POINT (4.71314297105869 51.803217600422364)</t>
  </si>
  <si>
    <t>POINT (4.7143497099506995 51.805103630300685)</t>
  </si>
  <si>
    <t>POINT (4.662862739126505 51.80441999226439)</t>
  </si>
  <si>
    <t>POINT (4.697041762675964 51.791489596981826)</t>
  </si>
  <si>
    <t>POINT (4.651955152739238 51.80384299485351)</t>
  </si>
  <si>
    <t>POINT (4.688654777597003 51.81889230032618)</t>
  </si>
  <si>
    <t>POINT (4.678763734012568 51.815211821493115)</t>
  </si>
  <si>
    <t>POINT (4.657252361356654 51.80488593054368)</t>
  </si>
  <si>
    <t>POINT (4.706622159747676 51.78906300444187)</t>
  </si>
  <si>
    <t>POINT (4.683203719699921 51.797994665225886)</t>
  </si>
  <si>
    <t>POINT (4.682179875576926 51.81790954943675)</t>
  </si>
  <si>
    <t>POINT (4.679778330665175 51.809548052231634)</t>
  </si>
  <si>
    <t>POINT (4.711376099748712 51.81074290777761)</t>
  </si>
  <si>
    <t>POINT (4.660238762769973 51.79642477748049)</t>
  </si>
  <si>
    <t>POINT (4.672651944311997 51.81614947226322)</t>
  </si>
  <si>
    <t>POINT (4.630902297553204 51.723607466363774)</t>
  </si>
  <si>
    <t>POINT (4.671062288714139 51.818194988084755)</t>
  </si>
  <si>
    <t>POINT (4.664872735515353 51.809972855954044)</t>
  </si>
  <si>
    <t>POINT (4.667552263546513 51.81646356643361)</t>
  </si>
  <si>
    <t>POINT (4.6604454319496105 51.79170081363825)</t>
  </si>
  <si>
    <t>POINT (4.71860701774737 51.805794715789354)</t>
  </si>
  <si>
    <t>POINT (4.675826743177921 51.816419642070244)</t>
  </si>
  <si>
    <t>POINT (4.680504209658788 51.798496561725486)</t>
  </si>
  <si>
    <t>POINT (4.667630261633789 51.817937288115374)</t>
  </si>
  <si>
    <t>POINT (4.630146682714669 51.723010540176155)</t>
  </si>
  <si>
    <t>POINT (4.692114362092047 51.78473512854939)</t>
  </si>
  <si>
    <t>POINT (4.6658509020271115 51.81632574276594)</t>
  </si>
  <si>
    <t>POINT (4.657384029303307 51.792023756730686)</t>
  </si>
  <si>
    <t>POINT (4.653464929467185 51.79038091067634)</t>
  </si>
  <si>
    <t>POINT (4.715768859292778 51.80876877115608)</t>
  </si>
  <si>
    <t>POINT (4.721107381476948 51.805580444520125)</t>
  </si>
  <si>
    <t>POINT (4.668400704207466 51.81391536241404)</t>
  </si>
  <si>
    <t>POINT (4.726154496335164 51.796095793740456)</t>
  </si>
  <si>
    <t>POINT (4.667061259878174 51.79628727714408)</t>
  </si>
  <si>
    <t>POINT (4.656978121386103 51.790417015992766)</t>
  </si>
  <si>
    <t>POINT (4.648363554714883 51.788459418954815)</t>
  </si>
  <si>
    <t>POINT (4.682266503300515 51.78487637695673)</t>
  </si>
  <si>
    <t>POINT (4.666919977098485 51.77598582302083)</t>
  </si>
  <si>
    <t>POINT (4.706070272943187 51.80866648686199)</t>
  </si>
  <si>
    <t>POINT (4.676844449938481 51.79993491506252)</t>
  </si>
  <si>
    <t>POINT (4.647724755757785 51.78405893807078)</t>
  </si>
  <si>
    <t>POINT (4.720903794008655 51.80500826724087)</t>
  </si>
  <si>
    <t>POINT (4.689326369273335 51.80850966758111)</t>
  </si>
  <si>
    <t>POINT (4.670398896609809 51.800157662403045)</t>
  </si>
  <si>
    <t>POINT (4.683859702566397 51.785086289536395)</t>
  </si>
  <si>
    <t>POINT (4.728047101830737 51.80307262156762)</t>
  </si>
  <si>
    <t>POINT (4.6803207147229 51.777186187821926)</t>
  </si>
  <si>
    <t>POINT (4.664974989599092 51.8179931120744)</t>
  </si>
  <si>
    <t>POINT (4.671094205562151 51.81546642039081)</t>
  </si>
  <si>
    <t>POINT (4.7083249181067695 51.79636425963442)</t>
  </si>
  <si>
    <t>POINT (4.674601662443637 51.77669632021362)</t>
  </si>
  <si>
    <t>POINT (4.665710220982445 51.809893604383795)</t>
  </si>
  <si>
    <t>POINT (4.694380157890758 51.81000437038286)</t>
  </si>
  <si>
    <t>POINT (4.727121907774841 51.796687084457986)</t>
  </si>
  <si>
    <t>POINT (4.654633649257166 51.80281523458859)</t>
  </si>
  <si>
    <t>POINT (4.710428114829929 51.7920201816389)</t>
  </si>
  <si>
    <t>POINT (4.7298815061185016 51.797844458823064)</t>
  </si>
  <si>
    <t>POINT (4.7340351632583 51.797534869340154)</t>
  </si>
  <si>
    <t>POINT (4.681099892941584 51.80917984497016)</t>
  </si>
  <si>
    <t>POINT (4.682999459343094 51.811548708413326)</t>
  </si>
  <si>
    <t>POINT (4.664897209741642 51.78877719083756)</t>
  </si>
  <si>
    <t>POINT (4.720977172923319 51.81316697802879)</t>
  </si>
  <si>
    <t>POINT (4.657346266336751 51.79625809194639)</t>
  </si>
  <si>
    <t>POINT (4.68195113604968 51.81340799245516)</t>
  </si>
  <si>
    <t>POINT (4.720228834960182 51.80089752097575)</t>
  </si>
  <si>
    <t>POINT (4.678330479788291 51.7846455665049)</t>
  </si>
  <si>
    <t>POINT (4.6793779000841775 51.81076293719335)</t>
  </si>
  <si>
    <t>POINT (4.7326276208260305 51.80135815361976)</t>
  </si>
  <si>
    <t>POINT (4.666396633790041 51.810917255941945)</t>
  </si>
  <si>
    <t>POINT (4.651020823802045 51.79352342302529)</t>
  </si>
  <si>
    <t>POINT (4.673728238703299 51.81026285861335)</t>
  </si>
  <si>
    <t>POINT (4.654363988760476 51.794001403181795)</t>
  </si>
  <si>
    <t>POINT (4.6721044576405735 51.80933772978631)</t>
  </si>
  <si>
    <t>POINT (4.63497740142595 51.76930262797652)</t>
  </si>
  <si>
    <t>POINT (4.67028032374045 51.80962237195088)</t>
  </si>
  <si>
    <t>POINT (4.705918514554406 51.7893705842964)</t>
  </si>
  <si>
    <t>POINT (4.655589293037393 51.78748962899266)</t>
  </si>
  <si>
    <t>POINT (4.667734485780447 51.789127927576374)</t>
  </si>
  <si>
    <t>POINT (4.6727636763108675 51.78771081861482)</t>
  </si>
  <si>
    <t>POINT (4.661835390068361 51.816110162830114)</t>
  </si>
  <si>
    <t>POINT (4.7174993971432375 51.802490303720006)</t>
  </si>
  <si>
    <t>POINT (4.659296785696885 51.795466035644765)</t>
  </si>
  <si>
    <t>POINT (4.655533545848614 51.80622614526731)</t>
  </si>
  <si>
    <t>POINT (4.7134129465394325 51.816076775464815)</t>
  </si>
  <si>
    <t>POINT (4.693445786664104 51.79106903784893)</t>
  </si>
  <si>
    <t>POINT (4.713495854572649 51.804524167670394)</t>
  </si>
  <si>
    <t>POINT (4.661035396590197 51.79432956389001)</t>
  </si>
  <si>
    <t>POINT (4.67591799854999 51.78533296211682)</t>
  </si>
  <si>
    <t>POINT (4.712935535655328 51.816278659894785)</t>
  </si>
  <si>
    <t>POINT (4.709466134850548 51.7972248880449)</t>
  </si>
  <si>
    <t>POINT (4.667826345609464 51.81621715042612)</t>
  </si>
  <si>
    <t>POINT (4.680098152067552 51.79980609409609)</t>
  </si>
  <si>
    <t>POINT (4.733738961666544 51.798539525127566)</t>
  </si>
  <si>
    <t>POINT (4.668897559003894 51.81409887024719)</t>
  </si>
  <si>
    <t>POINT (4.684585778191362 51.808772099085544)</t>
  </si>
  <si>
    <t>POINT (4.731483484215744 51.79814197616072)</t>
  </si>
  <si>
    <t>POINT (4.670702822791207 51.817473628641224)</t>
  </si>
  <si>
    <t>POINT (4.672970010885993 51.816948559505335)</t>
  </si>
  <si>
    <t>POINT (4.663293750817949 51.800511258937284)</t>
  </si>
  <si>
    <t>POINT (4.673958640353433 51.81092330881395)</t>
  </si>
  <si>
    <t>POINT (4.68776366068975 51.80444876675308)</t>
  </si>
  <si>
    <t>POINT (4.700155229807163 51.79050537436937)</t>
  </si>
  <si>
    <t>POINT (4.671125512346194 51.799984392928955)</t>
  </si>
  <si>
    <t>POINT (4.713204280554126 51.80455678492696)</t>
  </si>
  <si>
    <t>POINT (4.675263468960732 51.77571960825921)</t>
  </si>
  <si>
    <t>POINT (4.664044836654799 51.7917076500518)</t>
  </si>
  <si>
    <t>POINT (4.6632315140787 51.80537818832526)</t>
  </si>
  <si>
    <t>POINT (4.655277970325645 51.79932870070192)</t>
  </si>
  <si>
    <t>POINT (4.670567469803005 51.80418282792618)</t>
  </si>
  <si>
    <t>POINT (4.66394563514836 51.81155336033784)</t>
  </si>
  <si>
    <t>POINT (4.685196011977957 51.78259378393728)</t>
  </si>
  <si>
    <t>POINT (4.670888117689569 51.77377955808811)</t>
  </si>
  <si>
    <t>POINT (4.665921669121087 51.812359582435505)</t>
  </si>
  <si>
    <t>POINT (4.6737602757889025 51.80792197972357)</t>
  </si>
  <si>
    <t>POINT (4.721839776410671 51.80359776833999)</t>
  </si>
  <si>
    <t>POINT (4.655423329436736 51.800522111417806)</t>
  </si>
  <si>
    <t>POINT (4.669646458625455 51.80549737621379)</t>
  </si>
  <si>
    <t>POINT (4.732279639037753 51.79806009604337)</t>
  </si>
  <si>
    <t>POINT (4.682971722578819 51.81301346062863)</t>
  </si>
  <si>
    <t>POINT (4.672319820924924 51.80363799876956)</t>
  </si>
  <si>
    <t>POINT (4.661067912496433 51.787948242775244)</t>
  </si>
  <si>
    <t>POINT (4.685482264201587 51.785082838693796)</t>
  </si>
  <si>
    <t>POINT (4.708676904285317 51.80838065699111)</t>
  </si>
  <si>
    <t>POINT (4.6759586613453195 51.77520347875828)</t>
  </si>
  <si>
    <t>POINT (4.728171182166753 51.80027564038886)</t>
  </si>
  <si>
    <t>POINT (4.6632939752464875 51.7899324422185)</t>
  </si>
  <si>
    <t>POINT (4.674799316659794 51.80385962108253)</t>
  </si>
  <si>
    <t>POINT (4.681087871612367 51.79882720091402)</t>
  </si>
  <si>
    <t>POINT (4.6599064812200295 51.80330986696215)</t>
  </si>
  <si>
    <t>POINT (4.653923339472429 51.80835974469663)</t>
  </si>
  <si>
    <t>POINT (4.680878847906632 51.787120506347414)</t>
  </si>
  <si>
    <t>POINT (4.67687394431587 51.786426989375855)</t>
  </si>
  <si>
    <t>POINT (4.684266697622424 51.7853764122402)</t>
  </si>
  <si>
    <t>POINT (4.697262103951624 51.792024029298915)</t>
  </si>
  <si>
    <t>POINT (4.704728305109933 51.81489929210448)</t>
  </si>
  <si>
    <t>POINT (4.671419039971335 51.77774933850082)</t>
  </si>
  <si>
    <t>POINT (4.718882001770035 51.80207208907916)</t>
  </si>
  <si>
    <t>POINT (4.733528628538964 51.798844084064385)</t>
  </si>
  <si>
    <t>POINT (4.72893830308952 51.79621102179824)</t>
  </si>
  <si>
    <t>POINT (4.662809273609463 51.799075875300765)</t>
  </si>
  <si>
    <t>POINT (4.647327013202181 51.79434247301306)</t>
  </si>
  <si>
    <t>POINT (4.69792829419492 51.795482714386324)</t>
  </si>
  <si>
    <t>POINT (4.658897323307589 51.771390501165925)</t>
  </si>
  <si>
    <t>POINT (4.659977964519987 51.80931471034807)</t>
  </si>
  <si>
    <t>POINT (4.69397317055868 51.79285749544919)</t>
  </si>
  <si>
    <t>POINT (4.72157477996103 51.81093268464633)</t>
  </si>
  <si>
    <t>POINT (4.695322496040801 51.799432782056726)</t>
  </si>
  <si>
    <t>POINT (4.700612409495865 51.79345779139811)</t>
  </si>
  <si>
    <t>POINT (4.668748317012163 51.773769858162616)</t>
  </si>
  <si>
    <t>POINT (4.684242356095098 51.776007806408764)</t>
  </si>
  <si>
    <t>POINT (4.652804238102726 51.76685468480313)</t>
  </si>
  <si>
    <t>POINT (4.701185160078488 51.795812379828725)</t>
  </si>
  <si>
    <t>POINT (4.656133448199999 51.8009948944466)</t>
  </si>
  <si>
    <t>POINT (4.669969958993716 51.777868683179896)</t>
  </si>
  <si>
    <t>POINT (4.661478373580896 51.79747365788046)</t>
  </si>
  <si>
    <t>POINT (4.661673464985034 51.81616325575968)</t>
  </si>
  <si>
    <t>POINT (4.67770498013376 51.790782222938574)</t>
  </si>
  <si>
    <t>POINT (4.680938323966894 51.788707889913795)</t>
  </si>
  <si>
    <t>POINT (4.667936602934292 51.814826073870265)</t>
  </si>
  <si>
    <t>POINT (4.684237129185136 51.78645195666949)</t>
  </si>
  <si>
    <t>POINT (4.679616153385306 51.80274694474051)</t>
  </si>
  <si>
    <t>POINT (4.673247358083708 51.78278536647517)</t>
  </si>
  <si>
    <t>POINT (4.7341479052297535 51.80317913814726)</t>
  </si>
  <si>
    <t>POINT (4.666340697771165 51.81347526114267)</t>
  </si>
  <si>
    <t>POINT (4.671879602926538 51.77602014059361)</t>
  </si>
  <si>
    <t>POINT (4.675881944686042 51.77503017860389)</t>
  </si>
  <si>
    <t>POINT (4.6883964174106545 51.75620473658573)</t>
  </si>
  <si>
    <t>POINT (4.65606028164959 51.790114833489056)</t>
  </si>
  <si>
    <t>POINT (4.712472902850731 51.80670858970888)</t>
  </si>
  <si>
    <t>POINT (4.774485130343318 51.80500493362687)</t>
  </si>
  <si>
    <t>POINT (4.728063333912038 51.79895713788058)</t>
  </si>
  <si>
    <t>POINT (4.731580722227215 51.80024603201272)</t>
  </si>
  <si>
    <t>POINT (4.686948939562287 51.775558175821786)</t>
  </si>
  <si>
    <t>POINT (4.671668809184192 51.808725498004684)</t>
  </si>
  <si>
    <t>POINT (4.652365372131618 51.78533515162803)</t>
  </si>
  <si>
    <t>POINT (4.663592387682738 51.81459224196117)</t>
  </si>
  <si>
    <t>POINT (4.691220110217863 51.81818669611845)</t>
  </si>
  <si>
    <t>POINT (4.6876677128496445 51.81028163236001)</t>
  </si>
  <si>
    <t>POINT (4.666551454957213 51.815329858833294)</t>
  </si>
  <si>
    <t>POINT (4.659891813655344 51.80238625063468)</t>
  </si>
  <si>
    <t>POINT (4.669321404725173 51.79971010759201)</t>
  </si>
  <si>
    <t>POINT (4.6725936046479175 51.80944080748859)</t>
  </si>
  <si>
    <t>POINT (4.652320710986474 51.80495293088013)</t>
  </si>
  <si>
    <t>POINT (4.690512593271915 51.818553603794314)</t>
  </si>
  <si>
    <t>POINT (4.722306791217853 51.80512666893752)</t>
  </si>
  <si>
    <t>POINT (4.7130290642015025 51.79537031843795)</t>
  </si>
  <si>
    <t>POINT (4.734353767502056 51.79793419210846)</t>
  </si>
  <si>
    <t>POINT (4.678891675131385 51.773087749909664)</t>
  </si>
  <si>
    <t>POINT (4.653784724843101 51.78541654656756)</t>
  </si>
  <si>
    <t>POINT (4.685032558003472 51.78256001482907)</t>
  </si>
  <si>
    <t>POINT (4.717205378447832 51.79669911637679)</t>
  </si>
  <si>
    <t>POINT (4.725401485487359 51.796370780945324)</t>
  </si>
  <si>
    <t>POINT (4.653825229353467 51.802210629189304)</t>
  </si>
  <si>
    <t>POINT (4.678001632208319 51.807998646996566)</t>
  </si>
  <si>
    <t>POINT (4.660485908545642 51.79220343411795)</t>
  </si>
  <si>
    <t>POINT (4.656801384149216 51.80410810988611)</t>
  </si>
  <si>
    <t>POINT (4.681833792690418 51.788628873893124)</t>
  </si>
  <si>
    <t>POINT (4.679336549991302 51.80439458161765)</t>
  </si>
  <si>
    <t>POINT (4.689903111450083 51.80919245029592)</t>
  </si>
  <si>
    <t>POINT (4.671471240431497 51.79957520707038)</t>
  </si>
  <si>
    <t>POINT (4.703270810358135 51.79854176681655)</t>
  </si>
  <si>
    <t>POINT (4.719481559071617 51.79776104121232)</t>
  </si>
  <si>
    <t>POINT (4.691288322175804 51.79139762257507)</t>
  </si>
  <si>
    <t>POINT (4.6901758708419985 51.81844216763532)</t>
  </si>
  <si>
    <t>POINT (4.723179507313606 51.79903934218634)</t>
  </si>
  <si>
    <t>POINT (4.682789612150425 51.81058032240851)</t>
  </si>
  <si>
    <t>POINT (4.671422812758099 51.78042325971722)</t>
  </si>
  <si>
    <t>POINT (4.728578814482193 51.805552578926395)</t>
  </si>
  <si>
    <t>POINT (4.710326152676731 51.80388150235771)</t>
  </si>
  <si>
    <t>POINT (4.707395670124598 51.80710824194624)</t>
  </si>
  <si>
    <t>POINT (4.655670866880984 51.8112907808872)</t>
  </si>
  <si>
    <t>POINT (4.7200405920846595 51.812445559817704)</t>
  </si>
  <si>
    <t>POINT (4.657951500018159 51.802690672214844)</t>
  </si>
  <si>
    <t>POINT (4.65554224660191 51.81119735956915)</t>
  </si>
  <si>
    <t>POINT (4.658513608572239 51.79955673163784)</t>
  </si>
  <si>
    <t>POINT (4.654367011606942 51.79405357454897)</t>
  </si>
  <si>
    <t>POINT (4.652935494334841 51.802372793749974)</t>
  </si>
  <si>
    <t>POINT (4.643452418628381 51.77003727519531)</t>
  </si>
  <si>
    <t>POINT (4.685879075688648 51.80317072639566)</t>
  </si>
  <si>
    <t>POINT (4.7350207985766 51.800259891422)</t>
  </si>
  <si>
    <t>POINT (4.668966577489013 51.778035342119864)</t>
  </si>
  <si>
    <t>POINT (4.68810307207825 51.806560717405866)</t>
  </si>
  <si>
    <t>POINT (4.668330746742991 51.81306578268304)</t>
  </si>
  <si>
    <t>POINT (4.663316802248014 51.79024783492337)</t>
  </si>
  <si>
    <t>POINT (4.671258269897291 51.805257668962604)</t>
  </si>
  <si>
    <t>POINT (4.721467430192929 51.8036939831391)</t>
  </si>
  <si>
    <t>POINT (4.714019386447668 51.81385658369546)</t>
  </si>
  <si>
    <t>POINT (4.69059484840296 51.8184238105229)</t>
  </si>
  <si>
    <t>POINT (4.6615202387529 51.80328464099791)</t>
  </si>
  <si>
    <t>POINT (4.6282601626819435 51.72329835689282)</t>
  </si>
  <si>
    <t>POINT (4.668864316236243 51.814046289762324)</t>
  </si>
  <si>
    <t>POINT (4.655151588041947 51.79441188185818)</t>
  </si>
  <si>
    <t>POINT (4.671238445472077 51.7706800149682)</t>
  </si>
  <si>
    <t>POINT (4.677783718167313 51.817093422223)</t>
  </si>
  <si>
    <t>POINT (4.6788768963700935 51.787895853713714)</t>
  </si>
  <si>
    <t>POINT (4.652053324057452 51.79279612215531)</t>
  </si>
  <si>
    <t>POINT (4.6730841591117676 51.79684886959571)</t>
  </si>
  <si>
    <t>POINT (4.674924124272172 51.77666916452457)</t>
  </si>
  <si>
    <t>POINT (4.714586538049656 51.81055942302121)</t>
  </si>
  <si>
    <t>POINT (4.689266092945692 51.81035222762659)</t>
  </si>
  <si>
    <t>POINT (4.669198578136185 51.81699130775185)</t>
  </si>
  <si>
    <t>POINT (4.66117692324938 51.813513063537265)</t>
  </si>
  <si>
    <t>POINT (4.6970537896858415 51.79468670513202)</t>
  </si>
  <si>
    <t>POINT (4.692175909252564 51.79291629019383)</t>
  </si>
  <si>
    <t>POINT (4.681994398184479 51.81105570289483)</t>
  </si>
  <si>
    <t>POINT (4.668026179181902 51.803106686360145)</t>
  </si>
  <si>
    <t>POINT (4.657378835801529 51.79196936071767)</t>
  </si>
  <si>
    <t>POINT (4.661007548151328 51.796085523056206)</t>
  </si>
  <si>
    <t>POINT (4.660718236889894 51.796869667911736)</t>
  </si>
  <si>
    <t>POINT (4.662987795426855 51.795250380997516)</t>
  </si>
  <si>
    <t>POINT (4.715982505365007 51.80826358228753)</t>
  </si>
  <si>
    <t>POINT (4.664824301056271 51.7957384908121)</t>
  </si>
  <si>
    <t>POINT (4.66723707506816 51.80198084978048)</t>
  </si>
  <si>
    <t>POINT (4.663314585473087 51.79520433523456)</t>
  </si>
  <si>
    <t>POINT (4.706550955852773 51.808014956201816)</t>
  </si>
  <si>
    <t>POINT (4.709839161012426 51.78666883143367)</t>
  </si>
  <si>
    <t>POINT (4.667313009149963 51.78961545083503)</t>
  </si>
  <si>
    <t>POINT (4.667927391940905 51.81486163953441)</t>
  </si>
  <si>
    <t>POINT (4.702861456595641 51.799329591193626)</t>
  </si>
  <si>
    <t>POINT (4.6798225761164325 51.7762163145721)</t>
  </si>
  <si>
    <t>POINT (4.6507373180595275 51.803250678254216)</t>
  </si>
  <si>
    <t>POINT (4.681463160692966 51.80142554217991)</t>
  </si>
  <si>
    <t>POINT (4.6836779537984325 51.798058623869814)</t>
  </si>
  <si>
    <t>POINT (4.672340267656359 51.77902386595173)</t>
  </si>
  <si>
    <t>POINT (4.683894864935953 51.775033550121506)</t>
  </si>
  <si>
    <t>POINT (4.677040684989242 51.7765051104298)</t>
  </si>
  <si>
    <t>POINT (4.698380544160148 51.79124445215073)</t>
  </si>
  <si>
    <t>POINT (4.659225838633463 51.81490355269921)</t>
  </si>
  <si>
    <t>POINT (4.661610350510043 51.8050390807285)</t>
  </si>
  <si>
    <t>POINT (4.718945809701076 51.802368547498055)</t>
  </si>
  <si>
    <t>POINT (4.652403427387994 51.79252426770752)</t>
  </si>
  <si>
    <t>POINT (4.661137596922418 51.80914810392771)</t>
  </si>
  <si>
    <t>POINT (4.6733336154410825 51.81907561170648)</t>
  </si>
  <si>
    <t>POINT (4.664294379320194 51.81300520361511)</t>
  </si>
  <si>
    <t>POINT (4.671407243383366 51.8167500695759)</t>
  </si>
  <si>
    <t>POINT (4.672921833264533 51.80606385392722)</t>
  </si>
  <si>
    <t>POINT (4.683134623593905 51.79986249354106)</t>
  </si>
  <si>
    <t>POINT (4.673178334194224 51.809910771287306)</t>
  </si>
  <si>
    <t>POINT (4.631570358171116 51.72139891350654)</t>
  </si>
  <si>
    <t>POINT (4.723339803139334 51.80588596352335)</t>
  </si>
  <si>
    <t>POINT (4.662471892086429 51.81708036904131)</t>
  </si>
  <si>
    <t>POINT (4.665990012946072 51.79600821345153)</t>
  </si>
  <si>
    <t>POINT (4.717579290513081 51.7955439888307)</t>
  </si>
  <si>
    <t>POINT (4.67242284563482 51.805680081864615)</t>
  </si>
  <si>
    <t>POINT (4.714795909407009 51.79978766713316)</t>
  </si>
  <si>
    <t>POINT (4.677022426419267 51.807212022460206)</t>
  </si>
  <si>
    <t>POINT (4.697387322295019 51.791159875376266)</t>
  </si>
  <si>
    <t>POINT (4.675975798170768 51.78593053967767)</t>
  </si>
  <si>
    <t>POINT (4.665587622074054 51.81259864112789)</t>
  </si>
  <si>
    <t>POINT (4.735282991189656 51.79918770084127)</t>
  </si>
  <si>
    <t>POINT (4.679295797826472 51.808716872201764)</t>
  </si>
  <si>
    <t>POINT (4.72855730671521 51.79627345799226)</t>
  </si>
  <si>
    <t>POINT (4.68158654505331 51.7870751028668)</t>
  </si>
  <si>
    <t>POINT (4.6668773874604375 51.80161562493946)</t>
  </si>
  <si>
    <t>POINT (4.855527512273679 51.81715289958847)</t>
  </si>
  <si>
    <t>POINT (4.676258948492698 51.7730012857207)</t>
  </si>
  <si>
    <t>POINT (4.668258771989695 51.81773470615295)</t>
  </si>
  <si>
    <t>POINT (4.733728773215316 51.803059170439006)</t>
  </si>
  <si>
    <t>POINT (4.684220854492393 51.81144986632852)</t>
  </si>
  <si>
    <t>POINT (4.683263223298911 51.79842799794882)</t>
  </si>
  <si>
    <t>POINT (4.674369669372095 51.80522978991036)</t>
  </si>
  <si>
    <t>POINT (4.66311471288328 51.813984860900085)</t>
  </si>
  <si>
    <t>POINT (4.655735604252449 51.77033482765845)</t>
  </si>
  <si>
    <t>POINT (4.719096847317692 51.8053619340824)</t>
  </si>
  <si>
    <t>POINT (4.699607795411081 51.797835564577404)</t>
  </si>
  <si>
    <t>POINT (4.678841014865123 51.81622367454753)</t>
  </si>
  <si>
    <t>POINT (4.658684117886016 51.78262349716174)</t>
  </si>
  <si>
    <t>POINT (4.718566646582878 51.81520407955985)</t>
  </si>
  <si>
    <t>POINT (4.659912688054128 51.79137999503504)</t>
  </si>
  <si>
    <t>POINT (4.6832935378304335 51.811721347287744)</t>
  </si>
  <si>
    <t>POINT (4.661583266429294 51.79225642861421)</t>
  </si>
  <si>
    <t>POINT (4.7293697396511645 51.80164494516211)</t>
  </si>
  <si>
    <t>POINT (4.723389667866411 51.80553428646536)</t>
  </si>
  <si>
    <t>POINT (4.668606791249735 51.81794990502422)</t>
  </si>
  <si>
    <t>POINT (4.7197236005819105 51.80062266044126)</t>
  </si>
  <si>
    <t>POINT (4.6371510861761065 51.778447118740935)</t>
  </si>
  <si>
    <t>POINT (4.684272991081244 51.78870853936905)</t>
  </si>
  <si>
    <t>POINT (4.7289980670313945 51.80268271146247)</t>
  </si>
  <si>
    <t>POINT (4.652434634788573 51.79250031949173)</t>
  </si>
  <si>
    <t>POINT (4.6296203080118685 51.728196946476494)</t>
  </si>
  <si>
    <t>POINT (4.6921478333838 51.81878513931978)</t>
  </si>
  <si>
    <t>POINT (4.662906579389385 51.8049710088964)</t>
  </si>
  <si>
    <t>POINT (4.674261713494938 51.796930044011326)</t>
  </si>
  <si>
    <t>POINT (4.671005640209079 51.78156493069086)</t>
  </si>
  <si>
    <t>POINT (4.662724013456681 51.79307198566925)</t>
  </si>
  <si>
    <t>POINT (4.7242601149490016 51.80534517866472)</t>
  </si>
  <si>
    <t>POINT (4.678508376567902 51.78637500594589)</t>
  </si>
  <si>
    <t>POINT (4.653043217157824 51.803309847687046)</t>
  </si>
  <si>
    <t>POINT (4.678775179972307 51.81624341176752)</t>
  </si>
  <si>
    <t>POINT (4.668707595440813 51.814505442635394)</t>
  </si>
  <si>
    <t>POINT (4.670902221243548 51.78234398855994)</t>
  </si>
  <si>
    <t>POINT (4.666322367877181 51.778423935864396)</t>
  </si>
  <si>
    <t>POINT (4.685544445608265 51.809711299223615)</t>
  </si>
  <si>
    <t>POINT (4.661606931132493 51.80330785560449)</t>
  </si>
  <si>
    <t>POINT (4.6647312506975105 51.80164567432155)</t>
  </si>
  <si>
    <t>POINT (4.690467875715589 51.80885535031678)</t>
  </si>
  <si>
    <t>POINT (4.71312898644105 51.81625473780463)</t>
  </si>
  <si>
    <t>POINT (4.683595717131838 51.79802757820406)</t>
  </si>
  <si>
    <t>POINT (4.676958104899853 51.807427370346964)</t>
  </si>
  <si>
    <t>POINT (4.683425031734047 51.813694994897006)</t>
  </si>
  <si>
    <t>POINT (4.664308817710598 51.787652692837696)</t>
  </si>
  <si>
    <t>POINT (4.660175740431773 51.80708983325088)</t>
  </si>
  <si>
    <t>POINT (4.673477962991856 51.7952484477027)</t>
  </si>
  <si>
    <t>POINT (4.654141200268386 51.80392117560996)</t>
  </si>
  <si>
    <t>POINT (4.731256289278112 51.7978296452969)</t>
  </si>
  <si>
    <t>POINT (4.706537080168664 51.79030318087421)</t>
  </si>
  <si>
    <t>POINT (4.679543278886859 51.80719242094559)</t>
  </si>
  <si>
    <t>POINT (4.678522180452827 51.815698708272734)</t>
  </si>
  <si>
    <t>POINT (4.698509869685769 51.79721762597917)</t>
  </si>
  <si>
    <t>POINT (4.695078321849407 51.79776280222919)</t>
  </si>
  <si>
    <t>POINT (4.663195561058446 51.81138872751019)</t>
  </si>
  <si>
    <t>POINT (4.655016528430217 51.80658042763396)</t>
  </si>
  <si>
    <t>POINT (4.665221836511627 51.81034307287584)</t>
  </si>
  <si>
    <t>POINT (4.726715790647195 51.79885075672952)</t>
  </si>
  <si>
    <t>POINT (4.6609016365920715 51.7937086682117)</t>
  </si>
  <si>
    <t>POINT (4.652427418832532 51.80093832413612)</t>
  </si>
  <si>
    <t>POINT (4.709609315195084 51.7940927263944)</t>
  </si>
  <si>
    <t>POINT (4.660086256255169 51.810547559563226)</t>
  </si>
  <si>
    <t>POINT (4.668154830471873 51.793642634011846)</t>
  </si>
  <si>
    <t>POINT (4.65804454143424 51.81149525115938)</t>
  </si>
  <si>
    <t>POINT (4.701358877350357 51.79683498438007)</t>
  </si>
  <si>
    <t>POINT (4.656444888828509 51.78268705093628)</t>
  </si>
  <si>
    <t>POINT (4.7298590164667615 51.80473931088401)</t>
  </si>
  <si>
    <t>POINT (4.651924839447129 51.79429351030632)</t>
  </si>
  <si>
    <t>POINT (4.700792168218208 51.79912232368514)</t>
  </si>
  <si>
    <t>POINT (4.6665968714470125 51.81528578758834)</t>
  </si>
  <si>
    <t>POINT (4.698027672379601 51.79599469957465)</t>
  </si>
  <si>
    <t>POINT (4.721103746152569 51.7993290104808)</t>
  </si>
  <si>
    <t>POINT (4.672945069323648 51.781939909291324)</t>
  </si>
  <si>
    <t>POINT (4.671588324063676 51.77189746986292)</t>
  </si>
  <si>
    <t>POINT (4.658324488698932 51.77161550774662)</t>
  </si>
  <si>
    <t>POINT (4.6710001436270225 51.800138152248486)</t>
  </si>
  <si>
    <t>POINT (4.68759696170211 51.80932837628119)</t>
  </si>
  <si>
    <t>POINT (4.6678184590615155 51.811685425236774)</t>
  </si>
  <si>
    <t>POINT (4.723690248468116 51.79886420245923)</t>
  </si>
  <si>
    <t>POINT (4.690499153234233 51.808836605897746)</t>
  </si>
  <si>
    <t>POINT (4.661869164240287 51.77268793359914)</t>
  </si>
  <si>
    <t>POINT (4.668062289263149 51.814755644832374)</t>
  </si>
  <si>
    <t>POINT (4.67506249506265 51.807162760300045)</t>
  </si>
  <si>
    <t>POINT (4.663234178176036 51.80121395101256)</t>
  </si>
  <si>
    <t>POINT (4.662273344451996 51.80161485570449)</t>
  </si>
  <si>
    <t>POINT (4.633781956091534 51.770318835476516)</t>
  </si>
  <si>
    <t>POINT (4.663802622405033 51.79224548783804)</t>
  </si>
  <si>
    <t>POINT (4.668355521413843 51.81789955776797)</t>
  </si>
  <si>
    <t>POINT (4.673849550039713 51.815999815746935)</t>
  </si>
  <si>
    <t>POINT (4.682367288708006 51.80910565848549)</t>
  </si>
  <si>
    <t>POINT (4.6732196635861785 51.77848226849165)</t>
  </si>
  <si>
    <t>POINT (4.696409748250908 51.7929180966411)</t>
  </si>
  <si>
    <t>POINT (4.701237164213063 51.7989615572356)</t>
  </si>
  <si>
    <t>POINT (4.633111684332264 51.770328217285154)</t>
  </si>
  <si>
    <t>POINT (4.6705807069500915 51.77430270196437)</t>
  </si>
  <si>
    <t>POINT (4.653660557071545 51.79236131353112)</t>
  </si>
  <si>
    <t>POINT (4.728404657103839 51.79888992322342)</t>
  </si>
  <si>
    <t>POINT (4.689792182590324 51.80778509225626)</t>
  </si>
  <si>
    <t>POINT (4.651689417127001 51.784552429101)</t>
  </si>
  <si>
    <t>POINT (4.648651047755335 51.80575131840605)</t>
  </si>
  <si>
    <t>POINT (4.674497160360598 51.78659313787535)</t>
  </si>
  <si>
    <t>POINT (4.661464962806528 51.801250643174164)</t>
  </si>
  <si>
    <t>POINT (4.71931814228366 51.812116673077526)</t>
  </si>
  <si>
    <t>POINT (4.686775378196886 51.80583035354539)</t>
  </si>
  <si>
    <t>POINT (4.68664481737178 51.7784011927929)</t>
  </si>
  <si>
    <t>POINT (4.663173570276343 51.801421089994484)</t>
  </si>
  <si>
    <t>POINT (4.695039771233612 51.79761939427993)</t>
  </si>
  <si>
    <t>POINT (4.682642915814772 51.79874704008544)</t>
  </si>
  <si>
    <t>POINT (4.6820083287823735 51.81865021800933)</t>
  </si>
  <si>
    <t>POINT (4.722010417545026 51.80290060591755)</t>
  </si>
  <si>
    <t>POINT (4.653564632268577 51.79414091864787)</t>
  </si>
  <si>
    <t>POINT (4.685150107862744 51.77667168380662)</t>
  </si>
  <si>
    <t>POINT (4.653070099522616 51.801091128135916)</t>
  </si>
  <si>
    <t>POINT (4.67413674852019 51.81913030022145)</t>
  </si>
  <si>
    <t>POINT (4.683480317990806 51.78016020467055)</t>
  </si>
  <si>
    <t>POINT (4.630706862598032 51.783417350615984)</t>
  </si>
  <si>
    <t>POINT (4.6782336572937 51.784634212892215)</t>
  </si>
  <si>
    <t>POINT (4.717946654313407 51.81566738825778)</t>
  </si>
  <si>
    <t>POINT (4.681889809931177 51.78081389150753)</t>
  </si>
  <si>
    <t>POINT (4.6675428770329175 51.79910243490247)</t>
  </si>
  <si>
    <t>POINT (4.723021657832188 51.80313197623333)</t>
  </si>
  <si>
    <t>POINT (4.682509508776131 51.81388134597329)</t>
  </si>
  <si>
    <t>POINT (4.720835093024129 51.80496332940548)</t>
  </si>
  <si>
    <t>POINT (4.656730652543308 51.80206573431031)</t>
  </si>
  <si>
    <t>POINT (4.68345172665496 51.77456685016396)</t>
  </si>
  <si>
    <t>POINT (4.697728916288534 51.799884848630626)</t>
  </si>
  <si>
    <t>POINT (4.703853268859263 51.80792092343637)</t>
  </si>
  <si>
    <t>POINT (4.680457094337973 51.78074532197327)</t>
  </si>
  <si>
    <t>POINT (4.681858016805735 51.77509033354832)</t>
  </si>
  <si>
    <t>POINT (4.677192487219108 51.809142928869086)</t>
  </si>
  <si>
    <t>POINT (4.724727864860691 51.79715007925761)</t>
  </si>
  <si>
    <t>POINT (4.732656530652019 51.797146319682206)</t>
  </si>
  <si>
    <t>POINT (4.672666437822048 51.79489844107764)</t>
  </si>
  <si>
    <t>POINT (4.667963767719869 51.81482144040562)</t>
  </si>
  <si>
    <t>POINT (4.665013413330793 51.809297269505066)</t>
  </si>
  <si>
    <t>POINT (4.661482530520517 51.78734520329464)</t>
  </si>
  <si>
    <t>POINT (4.657880694476422 51.80277815055903)</t>
  </si>
  <si>
    <t>POINT (4.680497253197041 51.77898231348715)</t>
  </si>
  <si>
    <t>POINT (4.66043349835158 51.81367943559013)</t>
  </si>
  <si>
    <t>POINT (4.735203895068652 51.798659017111824)</t>
  </si>
  <si>
    <t>POINT (4.679463182708445 51.77921348804246)</t>
  </si>
  <si>
    <t>POINT (4.7060132605411535 51.81672498004763)</t>
  </si>
  <si>
    <t>POINT (4.713138871764734 51.81622602195724)</t>
  </si>
  <si>
    <t>POINT (4.665485283895597 51.789801064119885)</t>
  </si>
  <si>
    <t>POINT (4.639211897637582 51.77549573041426)</t>
  </si>
  <si>
    <t>POINT (4.698673089274341 51.797112274978886)</t>
  </si>
  <si>
    <t>POINT (4.697622681918235 51.789124497017326)</t>
  </si>
  <si>
    <t>POINT (4.684250940845299 51.78260059139)</t>
  </si>
  <si>
    <t>POINT (4.66447719874411 51.799310375416454)</t>
  </si>
  <si>
    <t>POINT (4.668908785190312 51.78017782499175)</t>
  </si>
  <si>
    <t>POINT (4.6621775840327935 51.79094904670453)</t>
  </si>
  <si>
    <t>POINT (4.680089641227671 51.77432053511401)</t>
  </si>
  <si>
    <t>POINT (4.673851351417206 51.80489457118069)</t>
  </si>
  <si>
    <t>POINT (4.686035028795333 51.775467718607885)</t>
  </si>
  <si>
    <t>POINT (4.67795320227292 51.78775729388986)</t>
  </si>
  <si>
    <t>POINT (4.657731323440603 51.79116488844152)</t>
  </si>
  <si>
    <t>POINT (4.677570944282357 51.79036951440376)</t>
  </si>
  <si>
    <t>POINT (4.654156593008174 51.78874115420956)</t>
  </si>
  <si>
    <t>POINT (4.707412882387519 51.789336044737745)</t>
  </si>
  <si>
    <t>POINT (4.663007364495106 51.791761483470836)</t>
  </si>
  <si>
    <t>POINT (4.698955116227689 51.79684687640893)</t>
  </si>
  <si>
    <t>POINT (4.716908133451709 51.795279017881214)</t>
  </si>
  <si>
    <t>POINT (4.6933841107520005 51.796813443436065)</t>
  </si>
  <si>
    <t>POINT (4.661117077750452 51.80119748900061)</t>
  </si>
  <si>
    <t>POINT (4.671559439412246 51.8105321214514)</t>
  </si>
  <si>
    <t>POINT (4.732946980895247 51.802714791839264)</t>
  </si>
  <si>
    <t>POINT (4.678281251472762 51.77387709951899)</t>
  </si>
  <si>
    <t>POINT (4.726857323508828 51.80331104304971)</t>
  </si>
  <si>
    <t>POINT (4.682266207341037 51.79878278145846)</t>
  </si>
  <si>
    <t>POINT (4.682923860053246 51.779805568486736)</t>
  </si>
  <si>
    <t>POINT (4.6694450377951435 51.81306225727038)</t>
  </si>
  <si>
    <t>POINT (4.678132653310852 51.78465008765407)</t>
  </si>
  <si>
    <t>POINT (4.678110758000613 51.807908547841215)</t>
  </si>
  <si>
    <t>POINT (4.729220748369226 51.79727077627956)</t>
  </si>
  <si>
    <t>POINT (4.66629793331618 51.79167071304037)</t>
  </si>
  <si>
    <t>POINT (4.676368172188083 51.81555143553989)</t>
  </si>
  <si>
    <t>POINT (4.669892786060017 51.80221621467017)</t>
  </si>
  <si>
    <t>POINT (4.720143862695693 51.80292558649935)</t>
  </si>
  <si>
    <t>POINT (4.721560657281206 51.803379720774984)</t>
  </si>
  <si>
    <t>POINT (4.711417886400879 51.81091455285838)</t>
  </si>
  <si>
    <t>POINT (4.667007894162495 51.78839094373555)</t>
  </si>
  <si>
    <t>POINT (4.656701063528704 51.77105009220024)</t>
  </si>
  <si>
    <t>POINT (4.7223736771269955 51.805131578191855)</t>
  </si>
  <si>
    <t>POINT (4.655586397593172 51.79033887993897)</t>
  </si>
  <si>
    <t>POINT (4.661626706106931 51.81268421247659)</t>
  </si>
  <si>
    <t>POINT (4.666634728717903 51.77184686954376)</t>
  </si>
  <si>
    <t>POINT (4.666277527492112 51.7960551037922)</t>
  </si>
  <si>
    <t>POINT (4.662043171278528 51.8107412761424)</t>
  </si>
  <si>
    <t>POINT (4.6790015132386324 51.78104347068043)</t>
  </si>
  <si>
    <t>POINT (4.684813208623964 51.78714505571534)</t>
  </si>
  <si>
    <t>POINT (4.673406432959622 51.80739465536579)</t>
  </si>
  <si>
    <t>POINT (4.66360888534754 51.79383821447849)</t>
  </si>
  <si>
    <t>POINT (4.677616536423788 51.790769993717504)</t>
  </si>
  <si>
    <t>POINT (4.672891083921455 51.818735196998645)</t>
  </si>
  <si>
    <t>POINT (4.671520005754509 51.805884086882536)</t>
  </si>
  <si>
    <t>POINT (4.664581234416701 51.81034570055642)</t>
  </si>
  <si>
    <t>POINT (4.691746596021368 51.81894232895528)</t>
  </si>
  <si>
    <t>POINT (4.6733020136838865 51.793362062011575)</t>
  </si>
  <si>
    <t>POINT (4.656889736286723 51.80614707100826)</t>
  </si>
  <si>
    <t>POINT (4.65308913386654 51.79136991571856)</t>
  </si>
  <si>
    <t>POINT (4.702882892457522 51.81623420901789)</t>
  </si>
  <si>
    <t>POINT (4.683964864978326 51.810040959205644)</t>
  </si>
  <si>
    <t>POINT (4.682004779428188 51.80801656161862)</t>
  </si>
  <si>
    <t>POINT (4.668519246905842 51.77300044970374)</t>
  </si>
  <si>
    <t>POINT (4.663000151716326 51.791724099872496)</t>
  </si>
  <si>
    <t>POINT (4.658662705211749 51.799768406566216)</t>
  </si>
  <si>
    <t>POINT (4.701529115921801 51.81819419135568)</t>
  </si>
  <si>
    <t>POINT (4.658603351466093 51.787533961240804)</t>
  </si>
  <si>
    <t>POINT (4.718892432494052 51.804703547389394)</t>
  </si>
  <si>
    <t>POINT (4.667679955914731 51.81804238272574)</t>
  </si>
  <si>
    <t>POINT (4.7209624969507065 51.811295488037686)</t>
  </si>
  <si>
    <t>POINT (4.730115078981029 51.7980805684671)</t>
  </si>
  <si>
    <t>POINT (4.701789821140999 51.798061965652984)</t>
  </si>
  <si>
    <t>POINT (4.667076274700643 51.779071242055075)</t>
  </si>
  <si>
    <t>POINT (4.635294814090979 51.77649513026725)</t>
  </si>
  <si>
    <t>POINT (4.664803747373143 51.81425243633765)</t>
  </si>
  <si>
    <t>POINT (4.705022325420717 51.81613885460293)</t>
  </si>
  <si>
    <t>POINT (4.73216567434138 51.80166397578266)</t>
  </si>
  <si>
    <t>POINT (4.684578507707762 51.79255639472863)</t>
  </si>
  <si>
    <t>POINT (4.674659357944616 51.7763607177511)</t>
  </si>
  <si>
    <t>POINT (4.68099093599391 51.80933341689273)</t>
  </si>
  <si>
    <t>POINT (4.659904460581347 51.81563620305607)</t>
  </si>
  <si>
    <t>POINT (4.709681514930973 51.79520196667764)</t>
  </si>
  <si>
    <t>POINT (4.6854875270847876 51.78498952262008)</t>
  </si>
  <si>
    <t>POINT (4.712551321729194 51.81423382890426)</t>
  </si>
  <si>
    <t>POINT (4.675349828702245 51.77575824456956)</t>
  </si>
  <si>
    <t>POINT (4.720819259288667 51.80488289900378)</t>
  </si>
  <si>
    <t>POINT (4.665952409846508 51.812641701287724)</t>
  </si>
  <si>
    <t>POINT (4.662394950836396 51.81704164706094)</t>
  </si>
  <si>
    <t>POINT (4.721254120826796 51.811286599631146)</t>
  </si>
  <si>
    <t>POINT (4.66782412015464 51.818686864317684)</t>
  </si>
  <si>
    <t>POINT (4.731266283507129 51.79866364929225)</t>
  </si>
  <si>
    <t>POINT (4.709463162987748 51.787216442704)</t>
  </si>
  <si>
    <t>POINT (4.711337206002844 51.80449051372746)</t>
  </si>
  <si>
    <t>POINT (4.658902032400472 51.78382974274418)</t>
  </si>
  <si>
    <t>POINT (4.677606191443523 51.79044625733657)</t>
  </si>
  <si>
    <t>POINT (4.6612300641428455 51.7736672736705)</t>
  </si>
  <si>
    <t>POINT (4.655779112227578 51.80000799196267)</t>
  </si>
  <si>
    <t>POINT (4.683579856679091 51.81198713336219)</t>
  </si>
  <si>
    <t>POINT (4.65107423456781 51.80330097191623)</t>
  </si>
  <si>
    <t>POINT (4.70917564674128 51.807981513519415)</t>
  </si>
  <si>
    <t>POINT (4.704399399803292 51.79602200452261)</t>
  </si>
  <si>
    <t>POINT (4.733478456141581 51.795798039785325)</t>
  </si>
  <si>
    <t>POINT (4.663635930847263 51.76819397726142)</t>
  </si>
  <si>
    <t>POINT (4.65191533719967 51.790178175657175)</t>
  </si>
  <si>
    <t>POINT (4.659099680310564 51.813243207470364)</t>
  </si>
  <si>
    <t>POINT (4.6704375355717 51.797361427262075)</t>
  </si>
  <si>
    <t>POINT (4.664242683735266 51.81767498841907)</t>
  </si>
  <si>
    <t>POINT (4.676331882988931 51.783646440520585)</t>
  </si>
  <si>
    <t>POINT (4.629666684931453 51.7264361254559)</t>
  </si>
  <si>
    <t>POINT (4.702762366261311 51.8160053564005)</t>
  </si>
  <si>
    <t>POINT (4.699739656285683 51.79316461157417)</t>
  </si>
  <si>
    <t>POINT (4.733562377447812 51.79956443277703)</t>
  </si>
  <si>
    <t>POINT (4.700681332849001 51.79873955810369)</t>
  </si>
  <si>
    <t>POINT (4.685945000193317 51.78775713426613)</t>
  </si>
  <si>
    <t>POINT (4.656463130643798 51.77105468627718)</t>
  </si>
  <si>
    <t>POINT (4.685774753110733 51.78632059585143)</t>
  </si>
  <si>
    <t>POINT (4.668396964296829 51.79617093892162)</t>
  </si>
  <si>
    <t>POINT (4.688827252852544 51.8079989824705)</t>
  </si>
  <si>
    <t>POINT (4.683099883767972 51.780813467302025)</t>
  </si>
  <si>
    <t>POINT (4.696682692219619 51.799295412409364)</t>
  </si>
  <si>
    <t>POINT (4.661582302516835 51.81312113843817)</t>
  </si>
  <si>
    <t>POINT (4.670654832857759 51.790511508855424)</t>
  </si>
  <si>
    <t>POINT (4.670588224122666 51.81799500884663)</t>
  </si>
  <si>
    <t>POINT (4.664604975346778 51.772458036435545)</t>
  </si>
  <si>
    <t>POINT (4.680705306634083 51.80739591540397)</t>
  </si>
  <si>
    <t>POINT (4.66779673473387 51.81079391176266)</t>
  </si>
  <si>
    <t>POINT (4.714086496075772 51.80971421227291)</t>
  </si>
  <si>
    <t>POINT (4.71332266945389 51.81623078976378)</t>
  </si>
  <si>
    <t>POINT (4.719223966886324 51.81230960846069)</t>
  </si>
  <si>
    <t>POINT (4.68045988699615 51.78118511990647)</t>
  </si>
  <si>
    <t>POINT (4.651305472645719 51.80364070319544)</t>
  </si>
  <si>
    <t>POINT (4.664018356490264 51.803309889188625)</t>
  </si>
  <si>
    <t>POINT (4.710801659110254 51.80705824434988)</t>
  </si>
  <si>
    <t>POINT (4.712225960694394 51.796175021632685)</t>
  </si>
  <si>
    <t>POINT (4.658823048163908 51.77240190985019)</t>
  </si>
  <si>
    <t>POINT (4.6599430993167505 51.81364112593978)</t>
  </si>
  <si>
    <t>POINT (4.707752033112879 51.789743335555826)</t>
  </si>
  <si>
    <t>POINT (4.676561468233946 51.81842725320567)</t>
  </si>
  <si>
    <t>POINT (4.676975784825916 51.77636043072396)</t>
  </si>
  <si>
    <t>POINT (4.70620123573892 51.806786974040044)</t>
  </si>
  <si>
    <t>POINT (4.680943418200914 51.789376885914656)</t>
  </si>
  <si>
    <t>POINT (4.7110184522801815 51.81610479196651)</t>
  </si>
  <si>
    <t>POINT (4.686429293762982 51.80219647773073)</t>
  </si>
  <si>
    <t>POINT (4.676251491499147 51.80506401306027)</t>
  </si>
  <si>
    <t>POINT (4.670460157854651 51.81240504345281)</t>
  </si>
  <si>
    <t>POINT (4.680554583970475 51.77324501619014)</t>
  </si>
  <si>
    <t>POINT (4.686339743074475 51.80293401172619)</t>
  </si>
  <si>
    <t>POINT (4.668106760966751 51.80415162065643)</t>
  </si>
  <si>
    <t>POINT (4.72772219948919 51.79784929422293)</t>
  </si>
  <si>
    <t>POINT (4.727162376785352 51.80384910247298)</t>
  </si>
  <si>
    <t>POINT (4.735229616415364 51.79909608870436)</t>
  </si>
  <si>
    <t>POINT (4.682331205430819 51.814729928553646)</t>
  </si>
  <si>
    <t>POINT (4.709613603115298 51.79426952218796)</t>
  </si>
  <si>
    <t>POINT (4.649811441849216 51.79495108229254)</t>
  </si>
  <si>
    <t>POINT (4.6294139040273565 51.72442215110952)</t>
  </si>
  <si>
    <t>POINT (4.67137671127862 51.80527261166931)</t>
  </si>
  <si>
    <t>POINT (4.666843139869332 51.81661470199507)</t>
  </si>
  <si>
    <t>POINT (4.670134497132486 51.79069037756753)</t>
  </si>
  <si>
    <t>POINT (4.659720069637813 51.79319169674837)</t>
  </si>
  <si>
    <t>POINT (4.671320915807559 51.806193350455544)</t>
  </si>
  <si>
    <t>POINT (4.660275299230647 51.7904721899312)</t>
  </si>
  <si>
    <t>POINT (4.660991644318287 51.79415418416003)</t>
  </si>
  <si>
    <t>POINT (4.690947797236404 51.81920973327631)</t>
  </si>
  <si>
    <t>POINT (4.6922115658261765 51.785245129266855)</t>
  </si>
  <si>
    <t>POINT (4.684614173817625 51.809254870629886)</t>
  </si>
  <si>
    <t>POINT (4.667528329906047 51.816817177890265)</t>
  </si>
  <si>
    <t>POINT (4.68718861361069 51.80910455025114)</t>
  </si>
  <si>
    <t>POINT (4.667679127936262 51.77441345745103)</t>
  </si>
  <si>
    <t>POINT (4.671902432289002 51.81650567563807)</t>
  </si>
  <si>
    <t>POINT (4.685460853606303 51.77717021401891)</t>
  </si>
  <si>
    <t>POINT (4.732640391561182 51.79612962328318)</t>
  </si>
  <si>
    <t>POINT (4.6590728399189 51.803286359759106)</t>
  </si>
  <si>
    <t>POINT (4.665914096574351 51.800406660738616)</t>
  </si>
  <si>
    <t>POINT (4.689355872106623 51.809599700443314)</t>
  </si>
  <si>
    <t>POINT (4.670574112078372 51.81331655279731)</t>
  </si>
  <si>
    <t>POINT (4.732125476559952 51.79347428154885)</t>
  </si>
  <si>
    <t>POINT (4.672522818875056 51.7836535326178)</t>
  </si>
  <si>
    <t>POINT (4.729213599288213 51.79660706866013)</t>
  </si>
  <si>
    <t>POINT (4.676671908221414 51.777973123677164)</t>
  </si>
  <si>
    <t>POINT (4.652854224324197 51.78874226697798)</t>
  </si>
  <si>
    <t>POINT (4.691452834239143 51.80662327797414)</t>
  </si>
  <si>
    <t>POINT (4.694098235431024 51.817731635667535)</t>
  </si>
  <si>
    <t>POINT (4.723945832122553 51.80640835856892)</t>
  </si>
  <si>
    <t>POINT (4.674438802788075 51.77286667020019)</t>
  </si>
  <si>
    <t>POINT (4.675347943306566 51.81766561512415)</t>
  </si>
  <si>
    <t>POINT (4.663638640579238 51.78758098390038)</t>
  </si>
  <si>
    <t>POINT (4.675059101798589 51.8051603049682)</t>
  </si>
  <si>
    <t>POINT (4.666453100333347 51.77834073976195)</t>
  </si>
  <si>
    <t>POINT (4.662309416353886 51.791329670104226)</t>
  </si>
  <si>
    <t>POINT (4.673073908239825 51.80978743142794)</t>
  </si>
  <si>
    <t>POINT (4.675296602251773 51.80752170544596)</t>
  </si>
  <si>
    <t>POINT (4.651614621096622 51.78134563804548)</t>
  </si>
  <si>
    <t>POINT (4.694027841364102 51.81790196831531)</t>
  </si>
  <si>
    <t>POINT (4.7184716883348825 51.804363554789965)</t>
  </si>
  <si>
    <t>POINT (4.679104038106096 51.79987091152265)</t>
  </si>
  <si>
    <t>POINT (4.672604326539673 51.78258182065597)</t>
  </si>
  <si>
    <t>POINT (4.669156607744606 51.79849630012779)</t>
  </si>
  <si>
    <t>POINT (4.698691208271251 51.79535541117407)</t>
  </si>
  <si>
    <t>POINT (4.66117944021467 51.77281410122561)</t>
  </si>
  <si>
    <t>POINT (4.630334901295927 51.72855483214943)</t>
  </si>
  <si>
    <t>POINT (4.6673383851150065 51.8167887592978)</t>
  </si>
  <si>
    <t>POINT (4.653302481146895 51.79392299269463)</t>
  </si>
  <si>
    <t>POINT (4.666299278397875 51.796054725090585)</t>
  </si>
  <si>
    <t>POINT (4.668110932141732 51.79203885320462)</t>
  </si>
  <si>
    <t>POINT (4.680867694861021 51.78918553718181)</t>
  </si>
  <si>
    <t>POINT (4.711316864809004 51.81529611328051)</t>
  </si>
  <si>
    <t>POINT (4.670244633844401 51.79004340601891)</t>
  </si>
  <si>
    <t>POINT (4.676410189406049 51.80738388229805)</t>
  </si>
  <si>
    <t>POINT (4.661847435236685 51.788903360607705)</t>
  </si>
  <si>
    <t>POINT (4.667759697406653 51.80182569276793)</t>
  </si>
  <si>
    <t>POINT (4.661814677782901 51.80512375911128)</t>
  </si>
  <si>
    <t>POINT (4.666811451486895 51.78758784629512)</t>
  </si>
  <si>
    <t>POINT (4.686824078134837 51.778114903699645)</t>
  </si>
  <si>
    <t>POINT (4.729426920049594 51.791795303047294)</t>
  </si>
  <si>
    <t>POINT (4.66725968113894 51.80293338496504)</t>
  </si>
  <si>
    <t>POINT (4.655686229153393 51.810172324123485)</t>
  </si>
  <si>
    <t>POINT (4.684468581226841 51.8099148366032)</t>
  </si>
  <si>
    <t>POINT (4.66928609022181 51.7734264924433)</t>
  </si>
  <si>
    <t>POINT (4.641626705795611 51.77509975470638)</t>
  </si>
  <si>
    <t>POINT (4.702318719441746 51.79452565023561)</t>
  </si>
  <si>
    <t>POINT (4.698950444436856 51.79075411203873)</t>
  </si>
  <si>
    <t>POINT (4.679779182463606 51.78030486988595)</t>
  </si>
  <si>
    <t>POINT (4.661732902929577 51.80206283767462)</t>
  </si>
  <si>
    <t>POINT (4.705860595096354 51.80926335638259)</t>
  </si>
  <si>
    <t>POINT (4.682297229041947 51.80974330727025)</t>
  </si>
  <si>
    <t>POINT (4.6665721827792455 51.79632199965208)</t>
  </si>
  <si>
    <t>POINT (4.6597815194232135 51.79026186754276)</t>
  </si>
  <si>
    <t>POINT (4.666394428145681 51.8018944004516)</t>
  </si>
  <si>
    <t>POINT (4.666205964160796 51.772810953252986)</t>
  </si>
  <si>
    <t>POINT (4.636811080522066 51.76758458959262)</t>
  </si>
  <si>
    <t>POINT (4.678183516312168 51.81454191579195)</t>
  </si>
  <si>
    <t>POINT (4.678681725281323 51.785566953627054)</t>
  </si>
  <si>
    <t>POINT (4.673642266684361 51.80811197493934)</t>
  </si>
  <si>
    <t>POINT (4.679559284427788 51.816895865382925)</t>
  </si>
  <si>
    <t>POINT (4.665858049592212 51.8162887353805)</t>
  </si>
  <si>
    <t>POINT (4.700537651254338 51.79817187410659)</t>
  </si>
  <si>
    <t>POINT (4.6893639694376965 51.80854806604415)</t>
  </si>
  <si>
    <t>POINT (4.651622650159213 51.78282228386028)</t>
  </si>
  <si>
    <t>POINT (4.663776271008537 51.80042554359125)</t>
  </si>
  <si>
    <t>POINT (4.71725039721901 51.795399560139074)</t>
  </si>
  <si>
    <t>POINT (4.659697828297867 51.79315875005579)</t>
  </si>
  <si>
    <t>POINT (4.718778627700335 51.79425283030391)</t>
  </si>
  <si>
    <t>POINT (4.696228467941229 51.7929615859394)</t>
  </si>
  <si>
    <t>POINT (4.670596086058248 51.81561917149341)</t>
  </si>
  <si>
    <t>POINT (4.670840719948675 51.81403660028761)</t>
  </si>
  <si>
    <t>POINT (4.673307948274872 51.77195293865789)</t>
  </si>
  <si>
    <t>POINT (4.686516746701997 51.810908574273434)</t>
  </si>
  <si>
    <t>POINT (4.657720443589988 51.812752902424776)</t>
  </si>
  <si>
    <t>POINT (4.659927503623964 51.770468268839345)</t>
  </si>
  <si>
    <t>POINT (4.720154098307794 51.80295992737869)</t>
  </si>
  <si>
    <t>POINT (4.720740842957388 51.811322966108044)</t>
  </si>
  <si>
    <t>POINT (4.6554950483473245 51.78369795139561)</t>
  </si>
  <si>
    <t>POINT (4.683013787130245 51.80655058251364)</t>
  </si>
  <si>
    <t>POINT (4.7178338127643356 51.79930726409007)</t>
  </si>
  <si>
    <t>POINT (4.729635724113829 51.79747843033766)</t>
  </si>
  <si>
    <t>POINT (4.680976030391284 51.798744380212405)</t>
  </si>
  <si>
    <t>POINT (4.666983591769209 51.7778507248148)</t>
  </si>
  <si>
    <t>POINT (4.672386861216093 51.77309409944751)</t>
  </si>
  <si>
    <t>POINT (4.701778381743315 51.79590789997629)</t>
  </si>
  <si>
    <t>POINT (4.6804616897944324 51.78081831992572)</t>
  </si>
  <si>
    <t>POINT (4.660373929819425 51.78989588787223)</t>
  </si>
  <si>
    <t>POINT (4.675025137060426 51.80350539073451)</t>
  </si>
  <si>
    <t>POINT (4.678033340711667 51.788617511016206)</t>
  </si>
  <si>
    <t>POINT (4.684515041233607 51.80887370588306)</t>
  </si>
  <si>
    <t>POINT (4.6840345534708066 51.7850886231882)</t>
  </si>
  <si>
    <t>POINT (4.668278320110658 51.76999123078742)</t>
  </si>
  <si>
    <t>POINT (4.695732264069994 51.79703034221288)</t>
  </si>
  <si>
    <t>POINT (4.688780468078871 51.81520121001564)</t>
  </si>
  <si>
    <t>POINT (4.663817837802774 51.798294948945625)</t>
  </si>
  <si>
    <t>POINT (4.680040892067709 51.80166794269396)</t>
  </si>
  <si>
    <t>POINT (4.651894958702175 51.80382660877481)</t>
  </si>
  <si>
    <t>POINT (4.704821645005252 51.78757428592694)</t>
  </si>
  <si>
    <t>POINT (4.705845137708549 51.79487698421304)</t>
  </si>
  <si>
    <t>POINT (4.688453143167746 51.819533321309315)</t>
  </si>
  <si>
    <t>POINT (4.660576682282931 51.8129737938083)</t>
  </si>
  <si>
    <t>POINT (4.728151429592124 51.792928903166285)</t>
  </si>
  <si>
    <t>POINT (4.656537082226675 51.7699437624641)</t>
  </si>
  <si>
    <t>POINT (4.666627527485032 51.81698177015832)</t>
  </si>
  <si>
    <t>POINT (4.662226273907324 51.802407286704394)</t>
  </si>
  <si>
    <t>POINT (4.68361616851595 51.78820040823241)</t>
  </si>
  <si>
    <t>POINT (4.661228270758184 51.79230444324496)</t>
  </si>
  <si>
    <t>POINT (4.682987566540354 51.80429558980821)</t>
  </si>
  <si>
    <t>POINT (4.6909466492916305 51.81838917046428)</t>
  </si>
  <si>
    <t>POINT (4.721303677780929 51.79721705788053)</t>
  </si>
  <si>
    <t>POINT (4.660007367360822 51.80219114814497)</t>
  </si>
  <si>
    <t>POINT (4.6542915612362465 51.793037298235845)</t>
  </si>
  <si>
    <t>POINT (4.685253352037831 51.813018051803276)</t>
  </si>
  <si>
    <t>POINT (4.7346243302131965 51.79709724601952)</t>
  </si>
  <si>
    <t>POINT (4.731658764226652 51.803909705992936)</t>
  </si>
  <si>
    <t>POINT (4.675477128996846 51.77573585323488)</t>
  </si>
  <si>
    <t>POINT (4.667460192146852 51.79565682217215)</t>
  </si>
  <si>
    <t>POINT (4.664572333283332 51.81337021996289)</t>
  </si>
  <si>
    <t>POINT (4.669527022444514 51.81893701772671)</t>
  </si>
  <si>
    <t>POINT (4.722656771694451 51.80373581664465)</t>
  </si>
  <si>
    <t>POINT (4.725440921813782 51.79443563055083)</t>
  </si>
  <si>
    <t>POINT (4.664558049773774 51.79099026018693)</t>
  </si>
  <si>
    <t>POINT (4.666619368779461 51.775394757169394)</t>
  </si>
  <si>
    <t>POINT (4.7129783981447355 51.798713510852565)</t>
  </si>
  <si>
    <t>POINT (4.728301611789394 51.79727115508571)</t>
  </si>
  <si>
    <t>POINT (4.699523741135577 51.799521453463356)</t>
  </si>
  <si>
    <t>POINT (4.666581556841534 51.77641893287784)</t>
  </si>
  <si>
    <t>POINT (4.680728318127602 51.7857995203452)</t>
  </si>
  <si>
    <t>POINT (4.6691340808102195 51.816325805361885)</t>
  </si>
  <si>
    <t>POINT (4.6664924102981065 51.816809688265245)</t>
  </si>
  <si>
    <t>POINT (4.695123616314499 51.79482306370653)</t>
  </si>
  <si>
    <t>POINT (4.6983665833211985 51.79270938012425)</t>
  </si>
  <si>
    <t>POINT (4.720452470753843 51.80348142751147)</t>
  </si>
  <si>
    <t>POINT (4.668983370671368 51.79073434655558)</t>
  </si>
  <si>
    <t>POINT (4.6855623579730175 51.7790829151035)</t>
  </si>
  <si>
    <t>POINT (4.663289723351741 51.789919202584564)</t>
  </si>
  <si>
    <t>POINT (4.671289847181977 51.78770470962338)</t>
  </si>
  <si>
    <t>POINT (4.715405471792441 51.8007644679809)</t>
  </si>
  <si>
    <t>POINT (4.662270109993712 51.81387580034768)</t>
  </si>
  <si>
    <t>POINT (4.672683227810713 51.80929390298616)</t>
  </si>
  <si>
    <t>POINT (4.730880244747242 51.79229640694746)</t>
  </si>
  <si>
    <t>POINT (4.677707225327745 51.803854678699224)</t>
  </si>
  <si>
    <t>POINT (4.671946634072855 51.80330323309532)</t>
  </si>
  <si>
    <t>POINT (4.709972330348569 51.78930666881708)</t>
  </si>
  <si>
    <t>POINT (4.661748423581671 51.80397497234137)</t>
  </si>
  <si>
    <t>POINT (4.675431779209932 51.774536538115726)</t>
  </si>
  <si>
    <t>POINT (4.684957645984894 51.80652081206293)</t>
  </si>
  <si>
    <t>POINT (4.678078903014273 51.81666293233588)</t>
  </si>
  <si>
    <t>POINT (4.659679811082395 51.79741360233726)</t>
  </si>
  <si>
    <t>POINT (4.682004362015612 51.80278514250434)</t>
  </si>
  <si>
    <t>POINT (4.6791716980198625 51.81609812988192)</t>
  </si>
  <si>
    <t>POINT (4.6686276581472415 51.808193499123014)</t>
  </si>
  <si>
    <t>POINT (4.702228845460426 51.815977758639185)</t>
  </si>
  <si>
    <t>POINT (4.659049165681464 51.79881065980057)</t>
  </si>
  <si>
    <t>POINT (4.664952706362352 51.7718525498431)</t>
  </si>
  <si>
    <t>POINT (4.680590665594115 51.80272403574265)</t>
  </si>
  <si>
    <t>POINT (4.650016814508239 51.79289114443513)</t>
  </si>
  <si>
    <t>POINT (4.685938773870759 51.811553366257236)</t>
  </si>
  <si>
    <t>POINT (4.709614901293125 51.794323030201575)</t>
  </si>
  <si>
    <t>POINT (4.6583993012321026 51.813098762311206)</t>
  </si>
  <si>
    <t>POINT (4.674243211135243 51.80842268088)</t>
  </si>
  <si>
    <t>POINT (4.686211943958785 51.804029542611524)</t>
  </si>
  <si>
    <t>POINT (4.685467980555937 51.77801284828289)</t>
  </si>
  <si>
    <t>POINT (4.669731834037477 51.7930607429146)</t>
  </si>
  <si>
    <t>POINT (4.6692712822739235 51.77798478545661)</t>
  </si>
  <si>
    <t>POINT (4.662893103330083 51.791347720178955)</t>
  </si>
  <si>
    <t>POINT (4.665956980220425 51.81233243792481)</t>
  </si>
  <si>
    <t>POINT (4.6654570676209435 51.80993221805061)</t>
  </si>
  <si>
    <t>POINT (4.66118782982782 51.80173511817074)</t>
  </si>
  <si>
    <t>POINT (4.69830369687244 51.79217056238832)</t>
  </si>
  <si>
    <t>POINT (4.672646062164556 51.81661298211536)</t>
  </si>
  <si>
    <t>POINT (4.660450806200765 51.79865340995376)</t>
  </si>
  <si>
    <t>POINT (4.70908458985179 51.81868640656692)</t>
  </si>
  <si>
    <t>POINT (4.6820720213791605 51.78187808030454)</t>
  </si>
  <si>
    <t>POINT (4.660406273648072 51.79154738552851)</t>
  </si>
  <si>
    <t>POINT (4.713837783855209 51.80691234639957)</t>
  </si>
  <si>
    <t>POINT (4.663556443629969 51.813822886018585)</t>
  </si>
  <si>
    <t>POINT (4.671594496815479 51.81498203441085)</t>
  </si>
  <si>
    <t>POINT (4.669459237974614 51.79064407314575)</t>
  </si>
  <si>
    <t>POINT (4.641505467599392 51.773616812708156)</t>
  </si>
  <si>
    <t>POINT (4.6601002684598685 51.81322157329715)</t>
  </si>
  <si>
    <t>POINT (4.651906381682094 51.792514277051005)</t>
  </si>
  <si>
    <t>POINT (4.667891375452704 51.81621362996186)</t>
  </si>
  <si>
    <t>POINT (4.659482567382832 51.806615994211334)</t>
  </si>
  <si>
    <t>POINT (4.666839241637906 51.775798586599684)</t>
  </si>
  <si>
    <t>POINT (4.656738043328247 51.79193803786122)</t>
  </si>
  <si>
    <t>POINT (4.663047642504984 51.79111157919219)</t>
  </si>
  <si>
    <t>POINT (4.708375566607945 51.80626277939736)</t>
  </si>
  <si>
    <t>POINT (4.654260400781916 51.791435540144775)</t>
  </si>
  <si>
    <t>POINT (4.658723434438835 51.80446284248282)</t>
  </si>
  <si>
    <t>POINT (4.6584041541418335 51.809409215223326)</t>
  </si>
  <si>
    <t>POINT (4.63909185760741 51.75142269947405)</t>
  </si>
  <si>
    <t>POINT (4.658777443528625 51.80473397115869)</t>
  </si>
  <si>
    <t>POINT (4.6961892384326145 51.792951476327275)</t>
  </si>
  <si>
    <t>POINT (4.676466302774925 51.80479434171063)</t>
  </si>
  <si>
    <t>POINT (4.68037548649632 51.79981028199983)</t>
  </si>
  <si>
    <t>POINT (4.7240378067573365 51.799411598432165)</t>
  </si>
  <si>
    <t>POINT (4.672083335770706 51.804420164102794)</t>
  </si>
  <si>
    <t>POINT (4.659465265892467 51.80887399850806)</t>
  </si>
  <si>
    <t>POINT (4.654818782799872 51.79983605194747)</t>
  </si>
  <si>
    <t>POINT (4.732728413019182 51.788531086154)</t>
  </si>
  <si>
    <t>POINT (4.674116425232922 51.811746947046394)</t>
  </si>
  <si>
    <t>POINT (4.676636789149153 51.81841050495264)</t>
  </si>
  <si>
    <t>POINT (4.710316155631779 51.80489820492242)</t>
  </si>
  <si>
    <t>POINT (4.69249774601979 51.818637846647576)</t>
  </si>
  <si>
    <t>POINT (4.680534924233081 51.77319953172869)</t>
  </si>
  <si>
    <t>POINT (4.71985878723014 51.79535839058477)</t>
  </si>
  <si>
    <t>POINT (4.668187731897676 51.771197851550205)</t>
  </si>
  <si>
    <t>POINT (4.678010789701359 51.787740491624675)</t>
  </si>
  <si>
    <t>POINT (4.69875940623193 51.80008880304891)</t>
  </si>
  <si>
    <t>POINT (4.673309694650826 51.81748690815741)</t>
  </si>
  <si>
    <t>POINT (4.673763904513391 51.77751758623152)</t>
  </si>
  <si>
    <t>POINT (4.661855335008906 51.794361116919546)</t>
  </si>
  <si>
    <t>POINT (4.673162743518294 51.81770130175317)</t>
  </si>
  <si>
    <t>POINT (4.679310060975902 51.77297341378493)</t>
  </si>
  <si>
    <t>POINT (4.671946830143594 51.81153640599397)</t>
  </si>
  <si>
    <t>POINT (4.678582782425164 51.789711240585326)</t>
  </si>
  <si>
    <t>POINT (4.7290364552713635 51.80024794038403)</t>
  </si>
  <si>
    <t>POINT (4.667690723259955 51.77449866971174)</t>
  </si>
  <si>
    <t>POINT (4.661078856867687 51.78984205144811)</t>
  </si>
  <si>
    <t>POINT (4.673464077551249 51.788966075217246)</t>
  </si>
  <si>
    <t>POINT (4.6775922528676785 51.781834039982954)</t>
  </si>
  <si>
    <t>POINT (4.676036341314322 51.78588243069331)</t>
  </si>
  <si>
    <t>POINT (4.686518532635197 51.80979146479443)</t>
  </si>
  <si>
    <t>POINT (4.649976042104479 51.793386741578175)</t>
  </si>
  <si>
    <t>POINT (4.718886545452437 51.81249419257715)</t>
  </si>
  <si>
    <t>POINT (4.711256501414603 51.795303580690785)</t>
  </si>
  <si>
    <t>POINT (4.711259571764769 51.805878030840255)</t>
  </si>
  <si>
    <t>POINT (4.667557239846292 51.775683093860486)</t>
  </si>
  <si>
    <t>POINT (4.730750838655247 51.79796884791971)</t>
  </si>
  <si>
    <t>POINT (4.662958058528632 51.800294015920535)</t>
  </si>
  <si>
    <t>POINT (4.709756303824687 51.798568543541535)</t>
  </si>
  <si>
    <t>POINT (4.711471856781442 51.81643095841566)</t>
  </si>
  <si>
    <t>POINT (4.673650567086578 51.802773019259945)</t>
  </si>
  <si>
    <t>POINT (4.656494994201604 51.8004755683652)</t>
  </si>
  <si>
    <t>POINT (4.6554370746184235 51.79513293021053)</t>
  </si>
  <si>
    <t>POINT (4.657088426855222 51.79934174271665)</t>
  </si>
  <si>
    <t>POINT (4.708559681928942 51.81004747205877)</t>
  </si>
  <si>
    <t>POINT (4.674318583160031 51.779759155901864)</t>
  </si>
  <si>
    <t>POINT (4.66795223730347 51.81481603945458)</t>
  </si>
  <si>
    <t>POINT (4.7080140182603 51.79641950229879)</t>
  </si>
  <si>
    <t>POINT (4.636314163580907 51.78027503496887)</t>
  </si>
  <si>
    <t>POINT (4.686699594457874 51.80660841869014)</t>
  </si>
  <si>
    <t>POINT (4.6609995247248435 51.79168909896259)</t>
  </si>
  <si>
    <t>POINT (4.6513926384121715 51.79237092189888)</t>
  </si>
  <si>
    <t>POINT (4.667652227281542 51.795081528112135)</t>
  </si>
  <si>
    <t>POINT (4.676168656799789 51.776985451028615)</t>
  </si>
  <si>
    <t>POINT (4.679104398071193 51.80007237700171)</t>
  </si>
  <si>
    <t>POINT (4.653601519260208 51.80277554575929)</t>
  </si>
  <si>
    <t>POINT (4.65191527666739 51.80584312600627)</t>
  </si>
  <si>
    <t>POINT (4.682123306995677 51.80671264022127)</t>
  </si>
  <si>
    <t>POINT (4.73462050974544 51.80028519797468)</t>
  </si>
  <si>
    <t>POINT (4.67019788674488 51.81916316520105)</t>
  </si>
  <si>
    <t>POINT (4.676779337139667 51.80876430629775)</t>
  </si>
  <si>
    <t>POINT (4.669595397492821 51.77751177843439)</t>
  </si>
  <si>
    <t>POINT (4.669614419731808 51.80552347218242)</t>
  </si>
  <si>
    <t>POINT (4.66525372098612 51.812734177157296)</t>
  </si>
  <si>
    <t>POINT (4.71975827865609 51.811343026444376)</t>
  </si>
  <si>
    <t>POINT (4.657821033590883 51.802384515253344)</t>
  </si>
  <si>
    <t>POINT (4.702291215413883 51.81596486439471)</t>
  </si>
  <si>
    <t>POINT (4.671495729866889 51.795271850336064)</t>
  </si>
  <si>
    <t>POINT (4.67014016408397 51.78514388035432)</t>
  </si>
  <si>
    <t>POINT (4.679899963166685 51.80805888623382)</t>
  </si>
  <si>
    <t>POINT (4.71738261852785 51.81563857980288)</t>
  </si>
  <si>
    <t>POINT (4.66788205951475 51.8165756905481)</t>
  </si>
  <si>
    <t>POINT (4.6727655910219665 51.7837244852077)</t>
  </si>
  <si>
    <t>POINT (4.6798079485884285 51.81401830435863)</t>
  </si>
  <si>
    <t>POINT (4.660861543857529 51.813279941035674)</t>
  </si>
  <si>
    <t>POINT (4.67202780670645 51.81751708970694)</t>
  </si>
  <si>
    <t>POINT (4.668282143222545 51.79862447209548)</t>
  </si>
  <si>
    <t>POINT (4.660437112198841 51.80576329252481)</t>
  </si>
  <si>
    <t>POINT (4.664601605948594 51.791054581978315)</t>
  </si>
  <si>
    <t>POINT (4.666062674168407 51.788865286472465)</t>
  </si>
  <si>
    <t>POINT (4.677073396018977 51.789949751878275)</t>
  </si>
  <si>
    <t>POINT (4.668363663481506 51.77075042888688)</t>
  </si>
  <si>
    <t>POINT (4.683742203767242 51.80878232582552)</t>
  </si>
  <si>
    <t>POINT (4.661181554023477 51.813526287571236)</t>
  </si>
  <si>
    <t>POINT (4.672188156356891 51.80601738145018)</t>
  </si>
  <si>
    <t>POINT (4.680942184853218 51.7887306905015)</t>
  </si>
  <si>
    <t>POINT (4.685591673310604 51.78079332474236)</t>
  </si>
  <si>
    <t>POINT (4.671764639409121 51.77181695500642)</t>
  </si>
  <si>
    <t>POINT (4.676767093957468 51.78645857577191)</t>
  </si>
  <si>
    <t>POINT (4.732918865972369 51.79621081593528)</t>
  </si>
  <si>
    <t>POINT (4.6764781331049114 51.78940776021284)</t>
  </si>
  <si>
    <t>POINT (4.66596784699115 51.78109794787519)</t>
  </si>
  <si>
    <t>POINT (4.6920197720281775 51.807344355880375)</t>
  </si>
  <si>
    <t>POINT (4.6672944206808324 51.77194934738516)</t>
  </si>
  <si>
    <t>POINT (4.676777032447785 51.77842273730386)</t>
  </si>
  <si>
    <t>POINT (4.705571011509184 51.79628842781462)</t>
  </si>
  <si>
    <t>POINT (4.693386288360254 51.7967453850969)</t>
  </si>
  <si>
    <t>POINT (4.710074499166205 51.80853158646415)</t>
  </si>
  <si>
    <t>POINT (4.65255633764389 51.783143369822504)</t>
  </si>
  <si>
    <t>POINT (4.668830078410069 51.80925423426487)</t>
  </si>
  <si>
    <t>POINT (4.711885297175081 51.81626239225434)</t>
  </si>
  <si>
    <t>POINT (4.670962656163296 51.8106434995889)</t>
  </si>
  <si>
    <t>POINT (4.696276545705438 51.7929164133714)</t>
  </si>
  <si>
    <t>POINT (4.667518621836042 51.81531038292551)</t>
  </si>
  <si>
    <t>POINT (4.667284633547254 51.78165070817381)</t>
  </si>
  <si>
    <t>POINT (4.660652481509087 51.78986922704861)</t>
  </si>
  <si>
    <t>POINT (4.677662540220597 51.7905296357013)</t>
  </si>
  <si>
    <t>POINT (4.707769565517057 51.789686943319325)</t>
  </si>
  <si>
    <t>POINT (4.6967416524368 51.8181713733141)</t>
  </si>
  <si>
    <t>POINT (4.656065860331983 51.80341563308242)</t>
  </si>
  <si>
    <t>POINT (4.663601122348489 51.81681740697939)</t>
  </si>
  <si>
    <t>POINT (4.721431609477542 51.794779504493036)</t>
  </si>
  <si>
    <t>POINT (4.666912289588264 51.787996112215396)</t>
  </si>
  <si>
    <t>POINT (4.6636032671531495 51.81438968624591)</t>
  </si>
  <si>
    <t>POINT (4.717555231891139 51.81222023413015)</t>
  </si>
  <si>
    <t>POINT (4.677509971483271 51.78092152156207)</t>
  </si>
  <si>
    <t>POINT (4.671878086159402 51.7996869187484)</t>
  </si>
  <si>
    <t>POINT (4.652404982521278 51.792580969250515)</t>
  </si>
  <si>
    <t>POINT (4.719784920015387 51.81143496092705)</t>
  </si>
  <si>
    <t>POINT (4.679265029483123 51.78604193245169)</t>
  </si>
  <si>
    <t>POINT (4.659842972590006 51.809151331249346)</t>
  </si>
  <si>
    <t>POINT (4.632174385775422 51.78109745509204)</t>
  </si>
  <si>
    <t>POINT (4.727817712058113 51.802517650554506)</t>
  </si>
  <si>
    <t>POINT (4.716796468272538 51.79520297402914)</t>
  </si>
  <si>
    <t>POINT (4.661366736086552 51.803243377240705)</t>
  </si>
  <si>
    <t>POINT (4.7138491468910875 51.80377034911969)</t>
  </si>
  <si>
    <t>POINT (4.678028976986026 51.77743943479902)</t>
  </si>
  <si>
    <t>POINT (4.711744365743909 51.81639731863275)</t>
  </si>
  <si>
    <t>POINT (4.67329954872988 51.811600480723065)</t>
  </si>
  <si>
    <t>POINT (4.673747643081205 51.81219089428105)</t>
  </si>
  <si>
    <t>POINT (4.668764738190109 51.8092560274826)</t>
  </si>
  <si>
    <t>POINT (4.656403262410858 51.802502308129064)</t>
  </si>
  <si>
    <t>POINT (4.657348850694318 51.80643335007297)</t>
  </si>
  <si>
    <t>POINT (4.7095530762735756 51.809454874545445)</t>
  </si>
  <si>
    <t>POINT (4.677379264686401 51.77424874722424)</t>
  </si>
  <si>
    <t>POINT (4.671297398416323 51.813098695454265)</t>
  </si>
  <si>
    <t>POINT (4.66705558062972 51.79450192548962)</t>
  </si>
  <si>
    <t>POINT (4.680552262994758 51.78778764875824)</t>
  </si>
  <si>
    <t>POINT (4.682143278501884 51.789135790902534)</t>
  </si>
  <si>
    <t>POINT (4.676036407333771 51.789461622072395)</t>
  </si>
  <si>
    <t>POINT (4.683607088778924 51.78813483521687)</t>
  </si>
  <si>
    <t>POINT (4.6447382814406835 51.77940300307689)</t>
  </si>
  <si>
    <t>POINT (4.7185163804945605 51.805721382322645)</t>
  </si>
  <si>
    <t>POINT (4.685471235911707 51.799208907257594)</t>
  </si>
  <si>
    <t>POINT (4.66236170308039 51.81616890179634)</t>
  </si>
  <si>
    <t>POINT (4.670812216604717 51.781633402993954)</t>
  </si>
  <si>
    <t>POINT (4.652009698461246 51.78308904176801)</t>
  </si>
  <si>
    <t>POINT (4.6870305032482635 51.80606548265141)</t>
  </si>
  <si>
    <t>POINT (4.6719177109585495 51.80594764391903)</t>
  </si>
  <si>
    <t>POINT (4.670817428492232 51.77745733459867)</t>
  </si>
  <si>
    <t>POINT (4.697526350450169 51.81785046329738)</t>
  </si>
  <si>
    <t>POINT (4.703708877974647 51.79555768322194)</t>
  </si>
  <si>
    <t>POINT (4.677614601609954 51.79075845851162)</t>
  </si>
  <si>
    <t>POINT (4.672412678615648 51.7773221783632)</t>
  </si>
  <si>
    <t>POINT (4.650657316074824 51.80298506330871)</t>
  </si>
  <si>
    <t>POINT (4.685094979177048 51.807193824497695)</t>
  </si>
  <si>
    <t>POINT (4.680024623071586 51.80746993573572)</t>
  </si>
  <si>
    <t>POINT (4.669017730104974 51.80194921909348)</t>
  </si>
  <si>
    <t>POINT (4.689943743001744 51.808821082443565)</t>
  </si>
  <si>
    <t>POINT (4.679246793569764 51.78529209327208)</t>
  </si>
  <si>
    <t>POINT (4.721415943054272 51.798270796132094)</t>
  </si>
  <si>
    <t>POINT (4.6537038057152165 51.79285821917295)</t>
  </si>
  <si>
    <t>POINT (4.655813437473597 51.811402122566754)</t>
  </si>
  <si>
    <t>POINT (4.666622964181714 51.796280280417136)</t>
  </si>
  <si>
    <t>POINT (4.639164842987023 51.769005404655005)</t>
  </si>
  <si>
    <t>POINT (4.65553415708281 51.79044085464486)</t>
  </si>
  <si>
    <t>POINT (4.669777186048427 51.809132910577006)</t>
  </si>
  <si>
    <t>POINT (4.671779679171931 51.78006598751649)</t>
  </si>
  <si>
    <t>POINT (4.6740599356528465 51.81478562857212)</t>
  </si>
  <si>
    <t>POINT (4.669759126604646 51.78233831478511)</t>
  </si>
  <si>
    <t>POINT (4.673424113919654 51.795710785969554)</t>
  </si>
  <si>
    <t>POINT (4.658417736106951 51.8018714718846)</t>
  </si>
  <si>
    <t>POINT (4.676150086606589 51.80759526616623)</t>
  </si>
  <si>
    <t>POINT (4.7340639779946185 51.80000108959231)</t>
  </si>
  <si>
    <t>POINT (4.70097860306549 51.81778438148713)</t>
  </si>
  <si>
    <t>POINT (4.67175489701368 51.80863334963925)</t>
  </si>
  <si>
    <t>POINT (4.663900148267162 51.79890819778636)</t>
  </si>
  <si>
    <t>POINT (4.719739964489757 51.801115717903805)</t>
  </si>
  <si>
    <t>POINT (4.62776003185025 51.793929962050235)</t>
  </si>
  <si>
    <t>POINT (4.665880873799962 51.814412714282454)</t>
  </si>
  <si>
    <t>POINT (4.650456671354883 51.794059860393304)</t>
  </si>
  <si>
    <t>POINT (4.656132653840234 51.79297529403508)</t>
  </si>
  <si>
    <t>POINT (4.688758719791173 51.80792904725618)</t>
  </si>
  <si>
    <t>POINT (4.66421504525223 51.811516270265244)</t>
  </si>
  <si>
    <t>POINT (4.722611592872533 51.8024676048752)</t>
  </si>
  <si>
    <t>POINT (4.664141513938017 51.802317640575865)</t>
  </si>
  <si>
    <t>POINT (4.692478123400689 51.79167590785789)</t>
  </si>
  <si>
    <t>POINT (4.663413501779713 51.78558373327388)</t>
  </si>
  <si>
    <t>POINT (4.70748868689325 51.806612912885015)</t>
  </si>
  <si>
    <t>POINT (4.684109996834969 51.80509696436536)</t>
  </si>
  <si>
    <t>POINT (4.673751496014231 51.787473173964244)</t>
  </si>
  <si>
    <t>POINT (4.718863534965431 51.802160836664946)</t>
  </si>
  <si>
    <t>POINT (4.751776457528017 51.78916574093128)</t>
  </si>
  <si>
    <t>POINT (4.660178553779803 51.787831849512166)</t>
  </si>
  <si>
    <t>POINT (4.672332900231944 51.792995498400664)</t>
  </si>
  <si>
    <t>POINT (4.67022964345854 51.776335610129784)</t>
  </si>
  <si>
    <t>POINT (4.689721382066272 51.817980021525834)</t>
  </si>
  <si>
    <t>POINT (4.635956490855829 51.77603258499069)</t>
  </si>
  <si>
    <t>POINT (4.697216345561572 51.79172434743728)</t>
  </si>
  <si>
    <t>POINT (4.6782035501322 51.78556890035889)</t>
  </si>
  <si>
    <t>POINT (4.674562755470095 51.78530402658613)</t>
  </si>
  <si>
    <t>POINT (4.725685191264846 51.80469413832234)</t>
  </si>
  <si>
    <t>POINT (4.679724337862117 51.80776476083984)</t>
  </si>
  <si>
    <t>POINT (4.690244095919962 51.818622309895254)</t>
  </si>
  <si>
    <t>POINT (4.669202771160145 51.818920724528574)</t>
  </si>
  <si>
    <t>POINT (4.663732222972306 51.803974924288255)</t>
  </si>
  <si>
    <t>POINT (4.679038835252846 51.8116388598079)</t>
  </si>
  <si>
    <t>POINT (4.677771257462755 51.79064997763642)</t>
  </si>
  <si>
    <t>POINT (4.677779575834644 51.80818188714069)</t>
  </si>
  <si>
    <t>POINT (4.664338035039306 51.79025184002606)</t>
  </si>
  <si>
    <t>POINT (4.672076354562259 51.79960570111319)</t>
  </si>
  <si>
    <t>POINT (4.720165549230281 51.80299836499899)</t>
  </si>
  <si>
    <t>POINT (4.676850916286626 51.77472942852376)</t>
  </si>
  <si>
    <t>POINT (4.666306772568775 51.79614365136328)</t>
  </si>
  <si>
    <t>POINT (4.724984934206762 51.793228120075966)</t>
  </si>
  <si>
    <t>POINT (4.668530258411371 51.77459843234991)</t>
  </si>
  <si>
    <t>POINT (4.6835689751193295 51.81080736872137)</t>
  </si>
  <si>
    <t>POINT (4.677324283588335 51.81538853249862)</t>
  </si>
  <si>
    <t>POINT (4.650563863628981 51.8024928934928)</t>
  </si>
  <si>
    <t>POINT (4.670469122635056 51.79902286498662)</t>
  </si>
  <si>
    <t>POINT (4.6679020290341 51.81170831931834)</t>
  </si>
  <si>
    <t>POINT (4.684477272808595 51.77520817703513)</t>
  </si>
  <si>
    <t>POINT (4.661656985186111 51.79752271727551)</t>
  </si>
  <si>
    <t>POINT (4.720413486047759 51.797594406283366)</t>
  </si>
  <si>
    <t>POINT (4.685241218736077 51.81305779001212)</t>
  </si>
  <si>
    <t>POINT (4.704754323961918 51.79465236338188)</t>
  </si>
  <si>
    <t>POINT (4.675939656549742 51.787218328975946)</t>
  </si>
  <si>
    <t>POINT (4.6864030855652405 51.80948109792382)</t>
  </si>
  <si>
    <t>POINT (4.684055858662215 51.7745305188668)</t>
  </si>
  <si>
    <t>POINT (4.686393508107871 51.775052542770574)</t>
  </si>
  <si>
    <t>POINT (4.665833830601619 51.80058555459161)</t>
  </si>
  <si>
    <t>POINT (4.67868183024698 51.78990923950601)</t>
  </si>
  <si>
    <t>POINT (4.6626884523766305 51.795265359623926)</t>
  </si>
  <si>
    <t>POINT (4.670998445045746 51.81552931402392)</t>
  </si>
  <si>
    <t>POINT (4.706467934971152 51.797421586556304)</t>
  </si>
  <si>
    <t>POINT (4.6655674319844715 51.79601133176673)</t>
  </si>
  <si>
    <t>POINT (4.662494569643792 51.804680997651914)</t>
  </si>
  <si>
    <t>POINT (4.678081057715082 51.7879211307486)</t>
  </si>
  <si>
    <t>POINT (4.672578795611208 51.80603652505405)</t>
  </si>
  <si>
    <t>POINT (4.693360658130106 51.795544724313984)</t>
  </si>
  <si>
    <t>POINT (4.670796230268998 51.81557688826866)</t>
  </si>
  <si>
    <t>POINT (4.65884170071601 51.80750720166041)</t>
  </si>
  <si>
    <t>POINT (4.673979373816959 51.778498162465986)</t>
  </si>
  <si>
    <t>POINT (4.66852827672517 51.792753324464265)</t>
  </si>
  <si>
    <t>POINT (4.697263925822762 51.796763209358424)</t>
  </si>
  <si>
    <t>POINT (4.724943034775673 51.79831860454741)</t>
  </si>
  <si>
    <t>POINT (4.711497756653446 51.80199479557581)</t>
  </si>
  <si>
    <t>POINT (4.685300240637674 51.79214236374817)</t>
  </si>
  <si>
    <t>POINT (4.687247640253284 51.79020559394085)</t>
  </si>
  <si>
    <t>POINT (4.675815170385537 51.77412958129014)</t>
  </si>
  <si>
    <t>POINT (4.694614467974535 51.81058006579199)</t>
  </si>
  <si>
    <t>POINT (4.663684417163256 51.81258363272906)</t>
  </si>
  <si>
    <t>POINT (4.662192506788329 51.80411270030986)</t>
  </si>
  <si>
    <t>POINT (4.704946457157262 51.79837574029337)</t>
  </si>
  <si>
    <t>POINT (4.722217412798987 51.801844723706836)</t>
  </si>
  <si>
    <t>POINT (4.675995080728591 51.78588507490044)</t>
  </si>
  <si>
    <t>POINT (4.669470225232163 51.8127526975174)</t>
  </si>
  <si>
    <t>POINT (4.676418836456572 51.77320737721644)</t>
  </si>
  <si>
    <t>POINT (4.66381935203081 51.810584662675765)</t>
  </si>
  <si>
    <t>POINT (4.66067096361354 51.80945485802632)</t>
  </si>
  <si>
    <t>POINT (4.681989439128836 51.81068296699923)</t>
  </si>
  <si>
    <t>POINT (4.732565017877229 51.7978571251907)</t>
  </si>
  <si>
    <t>POINT (4.673217193189958 51.81586234476303)</t>
  </si>
  <si>
    <t>POINT (4.642787977023006 51.76889756542303)</t>
  </si>
  <si>
    <t>POINT (4.72028282531506 51.79823068925501)</t>
  </si>
  <si>
    <t>POINT (4.675079303695203 51.78693862138269)</t>
  </si>
  <si>
    <t>POINT (4.665803138146589 51.813140401485846)</t>
  </si>
  <si>
    <t>POINT (4.6906139963261095 51.808629299026805)</t>
  </si>
  <si>
    <t>POINT (4.6484051054689886 51.79003959169408)</t>
  </si>
  <si>
    <t>POINT (4.657841424159737 51.809901921519455)</t>
  </si>
  <si>
    <t>POINT (4.669867995600537 51.812323601289656)</t>
  </si>
  <si>
    <t>POINT (4.654609306689877 51.78735397654403)</t>
  </si>
  <si>
    <t>POINT (4.664265947921423 51.80078594323647)</t>
  </si>
  <si>
    <t>POINT (4.699982199542759 51.79959474558382)</t>
  </si>
  <si>
    <t>POINT (4.673296266266527 51.81292510350751)</t>
  </si>
  <si>
    <t>POINT (4.657058512385062 51.799825696932245)</t>
  </si>
  <si>
    <t>POINT (4.685963982286612 51.809885005127335)</t>
  </si>
  <si>
    <t>POINT (4.662079939553931 51.8047138784544)</t>
  </si>
  <si>
    <t>POINT (4.71522298532049 51.80740454124622)</t>
  </si>
  <si>
    <t>POINT (4.682414282451142 51.80216087005827)</t>
  </si>
  <si>
    <t>POINT (4.6603468253870135 51.79675917049676)</t>
  </si>
  <si>
    <t>POINT (4.669553287102957 51.81372420712176)</t>
  </si>
  <si>
    <t>POINT (4.674741097909901 51.80411140008155)</t>
  </si>
  <si>
    <t>POINT (4.717422110412529 51.815895259886794)</t>
  </si>
  <si>
    <t>POINT (4.676534808880788 51.810131719669016)</t>
  </si>
  <si>
    <t>POINT (4.709082479203564 51.805729291545646)</t>
  </si>
  <si>
    <t>POINT (4.668562456195164 51.808072984082166)</t>
  </si>
  <si>
    <t>POINT (4.718768315114525 51.815733616132604)</t>
  </si>
  <si>
    <t>POINT (4.66992140699833 51.78047948968424)</t>
  </si>
  <si>
    <t>POINT (4.655547373956094 51.788161921064926)</t>
  </si>
  <si>
    <t>POINT (4.662356099898295 51.81604834699278)</t>
  </si>
  <si>
    <t>POINT (4.667883320526571 51.815711356432196)</t>
  </si>
  <si>
    <t>POINT (4.726559902013962 51.79588718559727)</t>
  </si>
  <si>
    <t>POINT (4.677293152443855 51.813206327191345)</t>
  </si>
  <si>
    <t>POINT (4.663355220223632 51.79067108938443)</t>
  </si>
  <si>
    <t>POINT (4.69294367616781 51.793344103975556)</t>
  </si>
  <si>
    <t>POINT (4.666770369340951 51.79873521596065)</t>
  </si>
  <si>
    <t>POINT (4.650907765543929 51.80167539024664)</t>
  </si>
  <si>
    <t>POINT (4.675704849755915 51.78338710805561)</t>
  </si>
  <si>
    <t>POINT (4.732884578137278 51.799228138184496)</t>
  </si>
  <si>
    <t>POINT (4.6691348185870085 51.8167292754041)</t>
  </si>
  <si>
    <t>POINT (4.735677592182256 51.80071866185247)</t>
  </si>
  <si>
    <t>POINT (4.662779956276788 51.812371978382444)</t>
  </si>
  <si>
    <t>POINT (4.642806098372167 51.79863196341983)</t>
  </si>
  <si>
    <t>POINT (4.730011259129601 51.79689294684557)</t>
  </si>
  <si>
    <t>POINT (4.675541690693228 51.77572519787515)</t>
  </si>
  <si>
    <t>POINT (4.669617210766416 51.800277251724)</t>
  </si>
  <si>
    <t>POINT (4.660376059972176 51.770556649325805)</t>
  </si>
  <si>
    <t>POINT (4.715072994532361 51.81382501422974)</t>
  </si>
  <si>
    <t>POINT (4.686923213026807 51.8130881083786)</t>
  </si>
  <si>
    <t>POINT (4.707421477353451 51.786458758258284)</t>
  </si>
  <si>
    <t>POINT (4.709233863303133 51.79885021461389)</t>
  </si>
  <si>
    <t>POINT (4.658424199276281 51.80980635210437)</t>
  </si>
  <si>
    <t>POINT (4.6650926646398165 51.77260085980354)</t>
  </si>
  <si>
    <t>POINT (4.634954503210008 51.776773657506105)</t>
  </si>
  <si>
    <t>POINT (4.679510901055022 51.77954622310097)</t>
  </si>
  <si>
    <t>POINT (4.6669552380026325 51.80163231844996)</t>
  </si>
  <si>
    <t>POINT (4.676039297063697 51.80498186504009)</t>
  </si>
  <si>
    <t>POINT (4.660314953603047 51.807412014381704)</t>
  </si>
  <si>
    <t>POINT (4.668496641854108 51.80949562398046)</t>
  </si>
  <si>
    <t>POINT (4.707063660530352 51.80764958309032)</t>
  </si>
  <si>
    <t>POINT (4.661712174501289 51.79684860055171)</t>
  </si>
  <si>
    <t>POINT (4.677753543226889 51.81705338408181)</t>
  </si>
  <si>
    <t>POINT (4.676815514853516 51.80323822403465)</t>
  </si>
  <si>
    <t>POINT (4.6741997643584865 51.815894583316805)</t>
  </si>
  <si>
    <t>POINT (4.668653204427833 51.81569691788598)</t>
  </si>
  <si>
    <t>POINT (4.662716265520608 51.81257495411822)</t>
  </si>
  <si>
    <t>POINT (4.68141426813757 51.80385215472396)</t>
  </si>
  <si>
    <t>POINT (4.715932575594869 51.805197566846516)</t>
  </si>
  <si>
    <t>POINT (4.662109303109214 51.80521600634485)</t>
  </si>
  <si>
    <t>POINT (4.698221691549916 51.79854595120269)</t>
  </si>
  <si>
    <t>POINT (4.639528475325036 51.7513086038415)</t>
  </si>
  <si>
    <t>POINT (4.700274421803046 51.79649865704003)</t>
  </si>
  <si>
    <t>POINT (4.660291054136461 51.81270733513973)</t>
  </si>
  <si>
    <t>POINT (4.665190181449579 51.809250897021414)</t>
  </si>
  <si>
    <t>POINT (4.662895131161019 51.80032149242124)</t>
  </si>
  <si>
    <t>POINT (4.670592358294904 51.77309884264627)</t>
  </si>
  <si>
    <t>POINT (4.7127431319265085 51.795473590655526)</t>
  </si>
  <si>
    <t>POINT (4.666040089620194 51.79597884959169)</t>
  </si>
  <si>
    <t>POINT (4.655546478400799 51.79102442464624)</t>
  </si>
  <si>
    <t>POINT (4.662813344639959 51.799040844522644)</t>
  </si>
  <si>
    <t>POINT (4.702132030524628 51.797853638549356)</t>
  </si>
  <si>
    <t>POINT (4.685121158369507 51.80722041680855)</t>
  </si>
  <si>
    <t>POINT (4.6617904815716935 51.78837906567212)</t>
  </si>
  <si>
    <t>POINT (4.669339251055333 51.812528186235)</t>
  </si>
  <si>
    <t>POINT (4.652264884184939 51.78548239549046)</t>
  </si>
  <si>
    <t>POINT (4.663885793392952 51.813127601643735)</t>
  </si>
  <si>
    <t>POINT (4.679142623845662 51.80822585868796)</t>
  </si>
  <si>
    <t>POINT (4.655423790034051 51.79193071010646)</t>
  </si>
  <si>
    <t>POINT (4.679893549226795 51.807551688715044)</t>
  </si>
  <si>
    <t>POINT (4.65418732416493 51.7910122186284)</t>
  </si>
  <si>
    <t>POINT (4.653944888247711 51.78116161389464)</t>
  </si>
  <si>
    <t>POINT (4.667116962077335 51.796269641649324)</t>
  </si>
  <si>
    <t>POINT (4.6734248032367764 51.81945289926624)</t>
  </si>
  <si>
    <t>POINT (4.672097493780353 51.81479450468772)</t>
  </si>
  <si>
    <t>POINT (4.716905479823368 51.8046255181472)</t>
  </si>
  <si>
    <t>POINT (4.662599797548167 51.814273302436185)</t>
  </si>
  <si>
    <t>POINT (4.660101634097668 51.77778201669819)</t>
  </si>
  <si>
    <t>POINT (4.630248705793149 51.76981891497315)</t>
  </si>
  <si>
    <t>POINT (4.668997865628076 51.79069883106004)</t>
  </si>
  <si>
    <t>POINT (4.686798822563023 51.81113005796109)</t>
  </si>
  <si>
    <t>POINT (4.661436185531036 51.78259365453049)</t>
  </si>
  <si>
    <t>POINT (4.6611669204045025 51.78851299591562)</t>
  </si>
  <si>
    <t>POINT (4.686185781244624 51.775754172777994)</t>
  </si>
  <si>
    <t>POINT (4.65478815240199 51.789678495980496)</t>
  </si>
  <si>
    <t>POINT (4.671177883510384 51.804844067605885)</t>
  </si>
  <si>
    <t>POINT (4.670860937975024 51.81377636678096)</t>
  </si>
  <si>
    <t>POINT (4.660607952228755 51.7893968553566)</t>
  </si>
  <si>
    <t>POINT (4.678907298155076 51.80697118374809)</t>
  </si>
  <si>
    <t>POINT (4.661669738693643 51.815656756619816)</t>
  </si>
  <si>
    <t>POINT (4.670996829191469 51.814112905157785)</t>
  </si>
  <si>
    <t>POINT (4.672953260041162 51.813210123540614)</t>
  </si>
  <si>
    <t>POINT (4.683947175741231 51.804497702631565)</t>
  </si>
  <si>
    <t>POINT (4.662386411300996 51.80072663532946)</t>
  </si>
  <si>
    <t>POINT (4.667302906984083 51.78957545203995)</t>
  </si>
  <si>
    <t>POINT (4.655656196826691 51.81130117024727)</t>
  </si>
  <si>
    <t>POINT (4.710128842448477 51.79496710461636)</t>
  </si>
  <si>
    <t>POINT (4.670342240682505 51.81079633892528)</t>
  </si>
  <si>
    <t>POINT (4.682540931224219 51.81131608880742)</t>
  </si>
  <si>
    <t>POINT (4.721174722139756 51.81126916950292)</t>
  </si>
  <si>
    <t>POINT (4.656296639741704 51.78474086707336)</t>
  </si>
  <si>
    <t>POINT (4.710161515416249 51.81422654710388)</t>
  </si>
  <si>
    <t>POINT (4.6486964697880895 51.78222565235198)</t>
  </si>
  <si>
    <t>POINT (4.669669935128823 51.80175472119508)</t>
  </si>
  <si>
    <t>POINT (4.652427626345182 51.7920139593305)</t>
  </si>
  <si>
    <t>POINT (4.685162023182261 51.78617569113471)</t>
  </si>
  <si>
    <t>POINT (4.66347563288508 51.81440221143011)</t>
  </si>
  <si>
    <t>POINT (4.651267756949251 51.79048031548072)</t>
  </si>
  <si>
    <t>POINT (4.66584974722223 51.81682389700628)</t>
  </si>
  <si>
    <t>POINT (4.664945059937136 51.78897245944291)</t>
  </si>
  <si>
    <t>POINT (4.679742791547489 51.77399873307853)</t>
  </si>
  <si>
    <t>POINT (4.681682179079997 51.807814247018946)</t>
  </si>
  <si>
    <t>POINT (4.660416821473566 51.79158816072251)</t>
  </si>
  <si>
    <t>POINT (4.667084146946387 51.80950240698816)</t>
  </si>
  <si>
    <t>POINT (4.7080386860245085 51.79423236202635)</t>
  </si>
  <si>
    <t>POINT (4.670118259282214 51.80606464182833)</t>
  </si>
  <si>
    <t>POINT (4.66777986299912 51.8142659905567)</t>
  </si>
  <si>
    <t>POINT (4.66911383211143 51.81253650587101)</t>
  </si>
  <si>
    <t>POINT (4.686023679954931 51.80644336768372)</t>
  </si>
  <si>
    <t>POINT (4.657453400976781 51.79969143557463)</t>
  </si>
  <si>
    <t>POINT (4.6552916467736445 51.8074829459554)</t>
  </si>
  <si>
    <t>POINT (4.70814787700102 51.80129604903249)</t>
  </si>
  <si>
    <t>POINT (4.659907132447566 51.808694123814846)</t>
  </si>
  <si>
    <t>POINT (4.676333421402372 51.77782577023027)</t>
  </si>
  <si>
    <t>POINT (4.688399883339061 51.80756201602399)</t>
  </si>
  <si>
    <t>POINT (4.663760640320635 51.79482538152588)</t>
  </si>
  <si>
    <t>POINT (4.673328945842863 51.809972792633346)</t>
  </si>
  <si>
    <t>POINT (4.6679842503605355 51.81480476610255)</t>
  </si>
  <si>
    <t>POINT (4.6668923599973535 51.81547853005019)</t>
  </si>
  <si>
    <t>POINT (4.730534125890597 51.80207012222656)</t>
  </si>
  <si>
    <t>POINT (4.657017330260693 51.80986253163175)</t>
  </si>
  <si>
    <t>POINT (4.665306074394957 51.814657770738734)</t>
  </si>
  <si>
    <t>POINT (4.675439417245149 51.81628866582571)</t>
  </si>
  <si>
    <t>POINT (4.667447679388828 51.78915652306398)</t>
  </si>
  <si>
    <t>POINT (4.665630390589466 51.77298912936612)</t>
  </si>
  <si>
    <t>POINT (4.677505829011969 51.780628356946806)</t>
  </si>
  <si>
    <t>POINT (4.714968677418843 51.80802537746079)</t>
  </si>
  <si>
    <t>POINT (4.659979966676721 51.80937398517152)</t>
  </si>
  <si>
    <t>POINT (4.663966076920258 51.81419703919056)</t>
  </si>
  <si>
    <t>POINT (4.66037401925514 51.79115709384599)</t>
  </si>
  <si>
    <t>POINT (4.664039482543887 51.79540627846736)</t>
  </si>
  <si>
    <t>POINT (4.680519619427339 51.79881676844466)</t>
  </si>
  <si>
    <t>POINT (4.654584126028864 51.78729090726851)</t>
  </si>
  <si>
    <t>POINT (4.637498609279257 51.77843832940719)</t>
  </si>
  <si>
    <t>POINT (4.701182411113167 51.798518086977985)</t>
  </si>
  <si>
    <t>POINT (4.719386574081851 51.80083656910941)</t>
  </si>
  <si>
    <t>POINT (4.6762672163133 51.81624863217259)</t>
  </si>
  <si>
    <t>POINT (4.694321760758343 51.7909094073906)</t>
  </si>
  <si>
    <t>POINT (4.689970343799939 51.808326450558035)</t>
  </si>
  <si>
    <t>POINT (4.681900482057966 51.781011913781676)</t>
  </si>
  <si>
    <t>POINT (4.669239121860518 51.774490963264554)</t>
  </si>
  <si>
    <t>POINT (4.666943617147185 51.815529100324284)</t>
  </si>
  <si>
    <t>POINT (4.67246801343571 51.78488837228283)</t>
  </si>
  <si>
    <t>POINT (4.681492607748117 51.80880614840823)</t>
  </si>
  <si>
    <t>POINT (4.728618901613591 51.79810739724932)</t>
  </si>
  <si>
    <t>POINT (4.70927223718294 51.80807771978428)</t>
  </si>
  <si>
    <t>POINT (4.660488408498998 51.78989856562751)</t>
  </si>
  <si>
    <t>POINT (4.710927826283252 51.79529012717744)</t>
  </si>
  <si>
    <t>POINT (4.676566211373099 51.81560920057254)</t>
  </si>
  <si>
    <t>POINT (4.671272424389705 51.805247436318595)</t>
  </si>
  <si>
    <t>POINT (4.665377500384609 51.78735606664743)</t>
  </si>
  <si>
    <t>POINT (4.694471548475626 51.79207536834069)</t>
  </si>
  <si>
    <t>POINT (4.671353150529982 51.81940663721421)</t>
  </si>
  <si>
    <t>POINT (4.66350562150065 51.816766625343206)</t>
  </si>
  <si>
    <t>POINT (4.661004524301404 51.79420593993708)</t>
  </si>
  <si>
    <t>POINT (4.700188912975716 51.799226027678856)</t>
  </si>
  <si>
    <t>POINT (4.722963404463425 51.80285616256904)</t>
  </si>
  <si>
    <t>POINT (4.6734987698612205 51.80834745053236)</t>
  </si>
  <si>
    <t>POINT (4.6607411661990845 51.81346956721637)</t>
  </si>
  <si>
    <t>POINT (4.6740562891564394 51.78124570450078)</t>
  </si>
  <si>
    <t>POINT (4.731415470406107 51.801404049576156)</t>
  </si>
  <si>
    <t>POINT (4.678990138443149 51.77457482512287)</t>
  </si>
  <si>
    <t>POINT (4.7096106202980295 51.79414673781426)</t>
  </si>
  <si>
    <t>POINT (4.669446039756479 51.78933939054067)</t>
  </si>
  <si>
    <t>POINT (4.671527823888597 51.7927126594563)</t>
  </si>
  <si>
    <t>POINT (4.665035620456641 51.812703765813204)</t>
  </si>
  <si>
    <t>POINT (4.6835195299739345 51.80753736347613)</t>
  </si>
  <si>
    <t>POINT (4.681592674052816 51.78882680196583)</t>
  </si>
  <si>
    <t>POINT (4.651729766936373 51.79477269813655)</t>
  </si>
  <si>
    <t>POINT (4.660326735935758 51.79067583319318)</t>
  </si>
  <si>
    <t>POINT (4.676317470910242 51.81497197961428)</t>
  </si>
  <si>
    <t>POINT (4.6791450176964675 51.787878425333105)</t>
  </si>
  <si>
    <t>POINT (4.68510470559203 51.80485184885967)</t>
  </si>
  <si>
    <t>POINT (4.677144536581156 51.80804601156565)</t>
  </si>
  <si>
    <t>POINT (4.683907284904905 51.798138577816175)</t>
  </si>
  <si>
    <t>POINT (4.675857222791191 51.78494908174676)</t>
  </si>
  <si>
    <t>POINT (4.666799035569449 51.79421015934317)</t>
  </si>
  <si>
    <t>POINT (4.6772407628924375 51.77357144560777)</t>
  </si>
  <si>
    <t>POINT (4.668249310411533 51.81414752036139)</t>
  </si>
  <si>
    <t>POINT (4.680917687989802 51.81182947081758)</t>
  </si>
  <si>
    <t>POINT (4.713343926801278 51.80319513249586)</t>
  </si>
  <si>
    <t>POINT (4.666361394266527 51.792850842864276)</t>
  </si>
  <si>
    <t>POINT (4.6986543761559485 51.791306652306474)</t>
  </si>
  <si>
    <t>POINT (4.652732489867701 51.79469653549401)</t>
  </si>
  <si>
    <t>POINT (4.721577701373287 51.81333883264969)</t>
  </si>
  <si>
    <t>POINT (4.726634541744994 51.799745999659244)</t>
  </si>
  <si>
    <t>POINT (4.661798179610653 51.79500007590524)</t>
  </si>
  <si>
    <t>POINT (4.719951598565279 51.80763102734466)</t>
  </si>
  <si>
    <t>POINT (4.664588647108778 51.7996312840871)</t>
  </si>
  <si>
    <t>POINT (4.665827931144551 51.80985520031837)</t>
  </si>
  <si>
    <t>POINT (4.67428299021962 51.78235343023568)</t>
  </si>
  <si>
    <t>POINT (4.667363518211631 51.79894680102921)</t>
  </si>
  <si>
    <t>POINT (4.707538085266497 51.80811962484438)</t>
  </si>
  <si>
    <t>POINT (4.7130381062107185 51.80834503021687)</t>
  </si>
  <si>
    <t>POINT (4.681543155682921 51.778409864108525)</t>
  </si>
  <si>
    <t>POINT (4.671114771659713 51.812918985245425)</t>
  </si>
  <si>
    <t>POINT (4.6640675400313105 51.81050424252947)</t>
  </si>
  <si>
    <t>POINT (4.676294110200758 51.772051194316994)</t>
  </si>
  <si>
    <t>POINT (4.683102989603915 51.799395359863624)</t>
  </si>
  <si>
    <t>POINT (4.674087636978098 51.819053355479156)</t>
  </si>
  <si>
    <t>POINT (4.733924764532093 51.79816977845511)</t>
  </si>
  <si>
    <t>POINT (4.676581064635598 51.817458339934355)</t>
  </si>
  <si>
    <t>POINT (4.656150778124851 51.810696976572814)</t>
  </si>
  <si>
    <t>POINT (4.657649866398618 51.788671893641805)</t>
  </si>
  <si>
    <t>POINT (4.6797863458819196 51.77613341794739)</t>
  </si>
  <si>
    <t>POINT (4.727855975990728 51.801222323944636)</t>
  </si>
  <si>
    <t>POINT (4.672039089619038 51.80332450657868)</t>
  </si>
  <si>
    <t>POINT (4.714321127687954 51.80765370695853)</t>
  </si>
  <si>
    <t>POINT (4.6702775420104095 51.80027577836898)</t>
  </si>
  <si>
    <t>POINT (4.651290413987024 51.79088273853161)</t>
  </si>
  <si>
    <t>POINT (4.649990780914729 51.793275185397654)</t>
  </si>
  <si>
    <t>POINT (4.6762684793996385 51.81326244258502)</t>
  </si>
  <si>
    <t>POINT (4.677530187772633 51.780653340112515)</t>
  </si>
  <si>
    <t>POINT (4.642856495766231 51.76990678002459)</t>
  </si>
  <si>
    <t>POINT (4.700312282012825 51.80957085372511)</t>
  </si>
  <si>
    <t>POINT (4.6737269486603115 51.7953906800979)</t>
  </si>
  <si>
    <t>POINT (4.722982660582479 51.80294758719385)</t>
  </si>
  <si>
    <t>POINT (4.734112319814073 51.79963320208464)</t>
  </si>
  <si>
    <t>POINT (4.722403368766678 51.80315287000131)</t>
  </si>
  <si>
    <t>POINT (4.653641125758728 51.803549486684304)</t>
  </si>
  <si>
    <t>POINT (4.703942483413331 51.789572482970726)</t>
  </si>
  <si>
    <t>POINT (4.704456132178449 51.7970999316457)</t>
  </si>
  <si>
    <t>POINT (4.663209857052101 51.81346685501056)</t>
  </si>
  <si>
    <t>POINT (4.675592732603258 51.78874944486345)</t>
  </si>
  <si>
    <t>POINT (4.660511912548769 51.80135101766399)</t>
  </si>
  <si>
    <t>POINT (4.657553779809376 51.80586689871316)</t>
  </si>
  <si>
    <t>POINT (4.6587445662548 51.7831656494501)</t>
  </si>
  <si>
    <t>POINT (4.683955230198015 51.7796627690774)</t>
  </si>
  <si>
    <t>POINT (4.649765597221896 51.79522376331033)</t>
  </si>
  <si>
    <t>POINT (4.693234731491914 51.79537395874993)</t>
  </si>
  <si>
    <t>POINT (4.717530802125704 51.802348651097006)</t>
  </si>
  <si>
    <t>POINT (4.672333570507994 51.81848184561571)</t>
  </si>
  <si>
    <t>POINT (4.673789403782348 51.77982330880108)</t>
  </si>
  <si>
    <t>POINT (4.673909369548779 51.8156435898653)</t>
  </si>
  <si>
    <t>POINT (4.687862793689243 51.8057473213413)</t>
  </si>
  <si>
    <t>POINT (4.678014007929445 51.788502096168045)</t>
  </si>
  <si>
    <t>POINT (4.690623860053009 51.80756183700355)</t>
  </si>
  <si>
    <t>POINT (4.681296329639572 51.81808198021268)</t>
  </si>
  <si>
    <t>POINT (4.664509896041691 51.79576869809667)</t>
  </si>
  <si>
    <t>POINT (4.708715111387527 51.808172610931585)</t>
  </si>
  <si>
    <t>POINT (4.732151252493557 51.79574814789856)</t>
  </si>
  <si>
    <t>POINT (4.679054864518093 51.804856814489995)</t>
  </si>
  <si>
    <t>POINT (4.664744354231315 51.79797579739762)</t>
  </si>
  <si>
    <t>POINT (4.711327163241553 51.81532696766569)</t>
  </si>
  <si>
    <t>POINT (4.657127258064578 51.8014836677621)</t>
  </si>
  <si>
    <t>POINT (4.7050776838278665 51.80760719739316)</t>
  </si>
  <si>
    <t>POINT (4.659506601306729 51.809296669254756)</t>
  </si>
  <si>
    <t>POINT (4.693249135030076 51.7963910584257)</t>
  </si>
  <si>
    <t>POINT (4.66069106197633 51.790438334266796)</t>
  </si>
  <si>
    <t>POINT (4.720387284429072 51.800625876806755)</t>
  </si>
  <si>
    <t>POINT (4.706428624397052 51.792281415714505)</t>
  </si>
  <si>
    <t>POINT (4.678941601296414 51.81618901909956)</t>
  </si>
  <si>
    <t>POINT (4.656249650580167 51.78764772231209)</t>
  </si>
  <si>
    <t>POINT (4.718832862622648 51.805436753307525)</t>
  </si>
  <si>
    <t>POINT (4.723434114934358 51.806258896355565)</t>
  </si>
  <si>
    <t>POINT (4.661606781516398 51.81614333805883)</t>
  </si>
  <si>
    <t>POINT (4.692661214435435 51.78514146529413)</t>
  </si>
  <si>
    <t>POINT (4.687740855873299 51.80742686401795)</t>
  </si>
  <si>
    <t>POINT (4.7155668405806 51.80492310007318)</t>
  </si>
  <si>
    <t>POINT (4.677155547434644 51.80458512334211)</t>
  </si>
  <si>
    <t>POINT (4.6586106622824985 51.802810478664114)</t>
  </si>
  <si>
    <t>POINT (4.678029578790356 51.780348371658604)</t>
  </si>
  <si>
    <t>POINT (4.686385849565191 51.79020347800353)</t>
  </si>
  <si>
    <t>POINT (4.687832364012529 51.810487887849156)</t>
  </si>
  <si>
    <t>POINT (4.716864748847931 51.801338460790056)</t>
  </si>
  <si>
    <t>POINT (4.660451432183985 51.79174405052707)</t>
  </si>
  <si>
    <t>POINT (4.729305979730598 51.803444643313696)</t>
  </si>
  <si>
    <t>POINT (4.680120789504306 51.81253349127194)</t>
  </si>
  <si>
    <t>POINT (4.682426479734005 51.8088032846222)</t>
  </si>
  <si>
    <t>POINT (4.671067079773329 51.81017969196562)</t>
  </si>
  <si>
    <t>POINT (4.6664203026849576 51.81565119853104)</t>
  </si>
  <si>
    <t>POINT (4.679873868737381 51.789867345719394)</t>
  </si>
  <si>
    <t>POINT (4.696633988471549 51.79713408809339)</t>
  </si>
  <si>
    <t>POINT (4.722683237959939 51.79925531618907)</t>
  </si>
  <si>
    <t>POINT (4.667969268675655 51.79419366318744)</t>
  </si>
  <si>
    <t>POINT (4.658167952908374 51.78419109522862)</t>
  </si>
  <si>
    <t>POINT (4.671970325689134 51.799697575369784)</t>
  </si>
  <si>
    <t>POINT (4.670107018662327 51.80193615132494)</t>
  </si>
  <si>
    <t>POINT (4.729134693518692 51.80400978716182)</t>
  </si>
  <si>
    <t>POINT (4.654428050273672 51.80352056134094)</t>
  </si>
  <si>
    <t>POINT (4.700485811969498 51.79525126971486)</t>
  </si>
  <si>
    <t>POINT (4.64483724044831 51.77406287423787)</t>
  </si>
  <si>
    <t>POINT (4.667004445929901 51.77631144560193)</t>
  </si>
  <si>
    <t>POINT (4.676413366457992 51.77381788423489)</t>
  </si>
  <si>
    <t>POINT (4.685225329091896 51.813096615872766)</t>
  </si>
  <si>
    <t>POINT (4.656621536505047 51.787311946544285)</t>
  </si>
  <si>
    <t>POINT (4.69936937755615 51.800264378580934)</t>
  </si>
  <si>
    <t>POINT (4.654759166813171 51.804202390013955)</t>
  </si>
  <si>
    <t>POINT (4.677357284596438 51.815429522679345)</t>
  </si>
  <si>
    <t>POINT (4.6392662390093236 51.7693939427632)</t>
  </si>
  <si>
    <t>POINT (4.675602248076692 51.814351552666906)</t>
  </si>
  <si>
    <t>POINT (4.714384565011936 51.81608497436648)</t>
  </si>
  <si>
    <t>POINT (4.679375780363423 51.805479355915324)</t>
  </si>
  <si>
    <t>POINT (4.653595429168571 51.78753274493625)</t>
  </si>
  <si>
    <t>POINT (4.661689728093898 51.815636655669564)</t>
  </si>
  <si>
    <t>POINT (4.667858586716966 51.78879700553571)</t>
  </si>
  <si>
    <t>POINT (4.732528483594259 51.8006369275611)</t>
  </si>
  <si>
    <t>POINT (4.648340696194272 51.78682835265111)</t>
  </si>
  <si>
    <t>POINT (4.675058966858601 51.78646310366012)</t>
  </si>
  <si>
    <t>POINT (4.700089837567137 51.795404122690634)</t>
  </si>
  <si>
    <t>POINT (4.721096655410261 51.81126661408357)</t>
  </si>
  <si>
    <t>POINT (4.683388139599224 51.80517141351982)</t>
  </si>
  <si>
    <t>POINT (4.684051435589594 51.79815035407226)</t>
  </si>
  <si>
    <t>POINT (4.731587009051603 51.80177435128233)</t>
  </si>
  <si>
    <t>POINT (4.678637625639387 51.78920390849443)</t>
  </si>
  <si>
    <t>POINT (4.65953692445862 51.81167854461272)</t>
  </si>
  <si>
    <t>POINT (4.719783300757683 51.80537635723635)</t>
  </si>
  <si>
    <t>POINT (4.707116926422044 51.790747303100204)</t>
  </si>
  <si>
    <t>POINT (4.669525835893438 51.8191190400055)</t>
  </si>
  <si>
    <t>POINT (4.680607004684308 51.813475636572534)</t>
  </si>
  <si>
    <t>POINT (4.686826017269231 51.776845162860305)</t>
  </si>
  <si>
    <t>POINT (4.681138811387882 51.807527898587146)</t>
  </si>
  <si>
    <t>POINT (4.670350502697754 51.80895871711191)</t>
  </si>
  <si>
    <t>POINT (4.658489429590192 51.798120843445886)</t>
  </si>
  <si>
    <t>POINT (4.712715432907176 51.79792129440195)</t>
  </si>
  <si>
    <t>POINT (4.663688065353366 51.814550396316186)</t>
  </si>
  <si>
    <t>POINT (4.669158523991318 51.81676888970119)</t>
  </si>
  <si>
    <t>POINT (4.669185744601902 51.81892885398435)</t>
  </si>
  <si>
    <t>POINT (4.667718930586806 51.78952891702587)</t>
  </si>
  <si>
    <t>POINT (4.706657727781925 51.79707577021051)</t>
  </si>
  <si>
    <t>POINT (4.654217196461857 51.78143417303623)</t>
  </si>
  <si>
    <t>POINT (4.662966272517824 51.812528353925785)</t>
  </si>
  <si>
    <t>POINT (4.678831637629312 51.78424622396574)</t>
  </si>
  <si>
    <t>POINT (4.677464939384695 51.81783563037506)</t>
  </si>
  <si>
    <t>POINT (4.654807379379672 51.78173413687526)</t>
  </si>
  <si>
    <t>POINT (4.662024123456293 51.80469634713211)</t>
  </si>
  <si>
    <t>POINT (4.668052310158399 51.77322382445792)</t>
  </si>
  <si>
    <t>POINT (4.6921756360527205 51.79227448799065)</t>
  </si>
  <si>
    <t>POINT (4.660075982417957 51.80868035685946)</t>
  </si>
  <si>
    <t>POINT (4.7147729380865995 51.81099587404331)</t>
  </si>
  <si>
    <t>POINT (4.6661158840252055 51.810545727813405)</t>
  </si>
  <si>
    <t>POINT (4.652577561873134 51.78773707048378)</t>
  </si>
  <si>
    <t>POINT (4.724232563963338 51.799167210165336)</t>
  </si>
  <si>
    <t>POINT (4.667643551630833 51.808134633187606)</t>
  </si>
  <si>
    <t>POINT (4.669958099759159 51.81251019065303)</t>
  </si>
  <si>
    <t>POINT (4.68040596583653 51.78059833629117)</t>
  </si>
  <si>
    <t>POINT (4.718686658946058 51.80252531640426)</t>
  </si>
  <si>
    <t>POINT (4.664691803452951 51.78945200231517)</t>
  </si>
  <si>
    <t>POINT (4.684699370852669 51.8066084786466)</t>
  </si>
  <si>
    <t>POINT (4.65347244315193 51.79013638378527)</t>
  </si>
  <si>
    <t>POINT (4.68761882484669 51.80730332440592)</t>
  </si>
  <si>
    <t>POINT (4.6834386908129115 51.78544150538507)</t>
  </si>
  <si>
    <t>POINT (4.657430635944869 51.8010455043927)</t>
  </si>
  <si>
    <t>POINT (4.6706035048283265 51.771456717207144)</t>
  </si>
  <si>
    <t>POINT (4.731553707841388 51.801205786707065)</t>
  </si>
  <si>
    <t>POINT (4.661296218213523 51.789079904889775)</t>
  </si>
  <si>
    <t>POINT (4.632050797136095 51.77006879786225)</t>
  </si>
  <si>
    <t>POINT (4.693880567460942 51.81875946047453)</t>
  </si>
  <si>
    <t>POINT (4.6718097021421805 51.80995720358612)</t>
  </si>
  <si>
    <t>POINT (4.652498855914218 51.80098698688702)</t>
  </si>
  <si>
    <t>POINT (4.704808303984844 51.78981714255236)</t>
  </si>
  <si>
    <t>POINT (4.679306027855397 51.785365007505874)</t>
  </si>
  <si>
    <t>POINT (4.704752635758207 51.798291917384994)</t>
  </si>
  <si>
    <t>POINT (4.631446701750935 51.76973691577754)</t>
  </si>
  <si>
    <t>POINT (4.677994539386587 51.787650299695095)</t>
  </si>
  <si>
    <t>POINT (4.6858189284699145 51.80347875922045)</t>
  </si>
  <si>
    <t>POINT (4.662439338619501 51.798498538845855)</t>
  </si>
  <si>
    <t>POINT (4.643379071473295 51.76939676660184)</t>
  </si>
  <si>
    <t>POINT (4.6779675435373065 51.81427375523214)</t>
  </si>
  <si>
    <t>POINT (4.681014533263675 51.80917203250885)</t>
  </si>
  <si>
    <t>POINT (4.670330874749902 51.800240527011084)</t>
  </si>
  <si>
    <t>POINT (4.682934058662029 51.78547465623799)</t>
  </si>
  <si>
    <t>POINT (4.684440522154627 51.77511726083102)</t>
  </si>
  <si>
    <t>POINT (4.652391214965211 51.80129260284248)</t>
  </si>
  <si>
    <t>POINT (4.6693806429573534 51.813773982188614)</t>
  </si>
  <si>
    <t>POINT (4.69657497993905 51.81752836050421)</t>
  </si>
  <si>
    <t>POINT (4.683563839201934 51.789908008108455)</t>
  </si>
  <si>
    <t>POINT (4.694784184834854 51.81857442446277)</t>
  </si>
  <si>
    <t>POINT (4.669762868324245 51.81905290341206)</t>
  </si>
  <si>
    <t>POINT (4.689708635877496 51.80806043081299)</t>
  </si>
  <si>
    <t>POINT (4.663892418648559 51.801286783195955)</t>
  </si>
  <si>
    <t>POINT (4.650416838508099 51.79400293641255)</t>
  </si>
  <si>
    <t>POINT (4.718060413461546 51.80049038425427)</t>
  </si>
  <si>
    <t>POINT (4.673200780537846 51.78529212193182)</t>
  </si>
  <si>
    <t>POINT (4.685117227612254 51.802829382712176)</t>
  </si>
  <si>
    <t>POINT (4.679287382723363 51.78219229824658)</t>
  </si>
  <si>
    <t>POINT (4.665432400185717 51.78938024722004)</t>
  </si>
  <si>
    <t>POINT (4.718747143708964 51.815632688036416)</t>
  </si>
  <si>
    <t>POINT (4.630336076546389 51.76894057647648)</t>
  </si>
  <si>
    <t>POINT (4.680965803923412 51.77973258207405)</t>
  </si>
  <si>
    <t>POINT (4.653297307798907 51.793835572100775)</t>
  </si>
  <si>
    <t>POINT (4.715894520160663 51.813666968171965)</t>
  </si>
  <si>
    <t>POINT (4.6796054608824695 51.80725583349377)</t>
  </si>
  <si>
    <t>POINT (4.677803890344888 51.815871463284964)</t>
  </si>
  <si>
    <t>POINT (4.67311729708877 51.77169238164446)</t>
  </si>
  <si>
    <t>POINT (4.732362836596485 51.79835976527869)</t>
  </si>
  <si>
    <t>POINT (4.676264035386091 51.77368470125727)</t>
  </si>
  <si>
    <t>POINT (4.724231413262311 51.79911530322485)</t>
  </si>
  <si>
    <t>POINT (4.671609560964175 51.801957477404265)</t>
  </si>
  <si>
    <t>POINT (4.691602975473042 51.807620956911855)</t>
  </si>
  <si>
    <t>POINT (4.702303264000573 51.79545193204273)</t>
  </si>
  <si>
    <t>POINT (4.682040129555256 51.78177388935577)</t>
  </si>
  <si>
    <t>POINT (4.7001950313435845 51.796384881045995)</t>
  </si>
  <si>
    <t>POINT (4.660426309505049 51.78987722824376)</t>
  </si>
  <si>
    <t>POINT (4.657659267140565 51.81344073182939)</t>
  </si>
  <si>
    <t>POINT (4.651151700443594 51.78800586579302)</t>
  </si>
  <si>
    <t>POINT (4.663955584865766 51.79533440001503)</t>
  </si>
  <si>
    <t>POINT (4.659363507723829 51.79618236375523)</t>
  </si>
  <si>
    <t>POINT (4.657681588532146 51.81202274362248)</t>
  </si>
  <si>
    <t>POINT (4.665197888570522 51.803155761292366)</t>
  </si>
  <si>
    <t>POINT (4.669034667962083 51.79093284343408)</t>
  </si>
  <si>
    <t>POINT (4.6561080551440135 51.789673039461796)</t>
  </si>
  <si>
    <t>POINT (4.664813065269027 51.8095663709633)</t>
  </si>
  <si>
    <t>POINT (4.669049533651344 51.7907283516518)</t>
  </si>
  <si>
    <t>POINT (4.666078275810752 51.7893310241712)</t>
  </si>
  <si>
    <t>POINT (4.7140541839124825 51.8138979063145)</t>
  </si>
  <si>
    <t>POINT (4.728079596148842 51.79731948941499)</t>
  </si>
  <si>
    <t>POINT (4.669719234259359 51.80417947794857)</t>
  </si>
  <si>
    <t>POINT (4.668212149188509 51.791988139124484)</t>
  </si>
  <si>
    <t>POINT (4.694314351281362 51.7952914058767)</t>
  </si>
  <si>
    <t>POINT (4.669358167163713 51.81321457834139)</t>
  </si>
  <si>
    <t>POINT (4.6984055883523865 51.7969682883744)</t>
  </si>
  <si>
    <t>POINT (4.666012749153792 51.81737599438823)</t>
  </si>
  <si>
    <t>POINT (4.672332769686858 51.78879685970722)</t>
  </si>
  <si>
    <t>POINT (4.684468380964823 51.8125207302028)</t>
  </si>
  <si>
    <t>POINT (4.650914623633638 51.793937531652354)</t>
  </si>
  <si>
    <t>POINT (4.701062054531631 51.799864658043234)</t>
  </si>
  <si>
    <t>POINT (4.708887424012755 51.78714073822579)</t>
  </si>
  <si>
    <t>POINT (4.660357587436766 51.79109287559925)</t>
  </si>
  <si>
    <t>POINT (4.664581643870602 51.79099139428129)</t>
  </si>
  <si>
    <t>POINT (4.668244276929986 51.79191680396078)</t>
  </si>
  <si>
    <t>POINT (4.667030920494393 51.81408312450068)</t>
  </si>
  <si>
    <t>POINT (4.696075116694176 51.79905110954844)</t>
  </si>
  <si>
    <t>POINT (4.675024250442489 51.804823017978144)</t>
  </si>
  <si>
    <t>POINT (4.713405344779484 51.82020469901465)</t>
  </si>
  <si>
    <t>POINT (4.675901860418695 51.80534566670702)</t>
  </si>
  <si>
    <t>POINT (4.661771852503831 51.79897618084441)</t>
  </si>
  <si>
    <t>POINT (4.665681762943913 51.809842391673996)</t>
  </si>
  <si>
    <t>POINT (4.708350286734676 51.79970093375786)</t>
  </si>
  <si>
    <t>POINT (4.7170507162258195 51.7952508799459)</t>
  </si>
  <si>
    <t>POINT (4.6553511567653985 51.79190732681515)</t>
  </si>
  <si>
    <t>POINT (4.678759351231753 51.81458998611835)</t>
  </si>
  <si>
    <t>POINT (4.677669410648082 51.78181729337772)</t>
  </si>
  <si>
    <t>POINT (4.667717141660226 51.81387604582096)</t>
  </si>
  <si>
    <t>POINT (4.6685261883489675 51.77952586726419)</t>
  </si>
  <si>
    <t>POINT (4.665998526431137 51.796044229559364)</t>
  </si>
  <si>
    <t>POINT (4.683799104866673 51.802391577881174)</t>
  </si>
  <si>
    <t>POINT (4.729709096062495 51.797578678385655)</t>
  </si>
  <si>
    <t>POINT (4.65755335635454 51.810596682142425)</t>
  </si>
  <si>
    <t>POINT (4.677751430989543 51.81791378417593)</t>
  </si>
  <si>
    <t>POINT (4.6619711204732255 51.80467970507314)</t>
  </si>
  <si>
    <t>POINT (4.667041835934341 51.81654554911147)</t>
  </si>
  <si>
    <t>POINT (4.677702444543305 51.79037017495703)</t>
  </si>
  <si>
    <t>POINT (4.658333704566125 51.806977561746876)</t>
  </si>
  <si>
    <t>POINT (4.702354905931159 51.79465999037191)</t>
  </si>
  <si>
    <t>POINT (4.679075007518703 51.816850544833976)</t>
  </si>
  <si>
    <t>POINT (4.661473162962843 51.77049723265672)</t>
  </si>
  <si>
    <t>POINT (4.667606213341892 51.81550150690584)</t>
  </si>
  <si>
    <t>POINT (4.652372666206833 51.79245141028794)</t>
  </si>
  <si>
    <t>POINT (4.6598282338208925 51.79608298144237)</t>
  </si>
  <si>
    <t>POINT (4.692530203916381 51.784493378322544)</t>
  </si>
  <si>
    <t>POINT (4.662791170466565 51.81089873962506)</t>
  </si>
  <si>
    <t>POINT (4.668206215618854 51.81513830267157)</t>
  </si>
  <si>
    <t>POINT (4.677130186117322 51.809113833085604)</t>
  </si>
  <si>
    <t>POINT (4.667925259437112 51.81053123243754)</t>
  </si>
  <si>
    <t>POINT (4.712506378318337 51.80401088439698)</t>
  </si>
  <si>
    <t>POINT (4.63410849255034 51.78024640391527)</t>
  </si>
  <si>
    <t>POINT (4.68391606993373 51.78144006707726)</t>
  </si>
  <si>
    <t>POINT (4.704595590378048 51.79629344426943)</t>
  </si>
  <si>
    <t>POINT (4.689436214512277 51.80862187910128)</t>
  </si>
  <si>
    <t>POINT (4.682241208351195 51.812023251719104)</t>
  </si>
  <si>
    <t>POINT (4.665895733677899 51.81633826988148)</t>
  </si>
  <si>
    <t>POINT (4.660648736055842 51.80337300881857)</t>
  </si>
  <si>
    <t>POINT (4.654965969364462 51.78724415909646)</t>
  </si>
  <si>
    <t>POINT (4.675059828083662 51.803069578355974)</t>
  </si>
  <si>
    <t>POINT (4.726674966738919 51.79798350026629)</t>
  </si>
  <si>
    <t>POINT (4.709775477698036 51.807883388131074)</t>
  </si>
  <si>
    <t>POINT (4.702845303982775 51.8161671143219)</t>
  </si>
  <si>
    <t>POINT (4.684181070829087 51.7748919231959)</t>
  </si>
  <si>
    <t>POINT (4.656609477815698 51.78746947054736)</t>
  </si>
  <si>
    <t>POINT (4.686102895180442 51.8083252050522)</t>
  </si>
  <si>
    <t>POINT (4.671124415850427 51.7992343701065)</t>
  </si>
  <si>
    <t>POINT (4.682493062066144 51.80708433173472)</t>
  </si>
  <si>
    <t>POINT (4.680927530448048 51.809019168918255)</t>
  </si>
  <si>
    <t>POINT (4.674272237661213 51.771934543955666)</t>
  </si>
  <si>
    <t>POINT (4.679247276347492 51.807947697454985)</t>
  </si>
  <si>
    <t>POINT (4.695485155577624 51.81840312647147)</t>
  </si>
  <si>
    <t>POINT (4.668539264073888 51.79280065434242)</t>
  </si>
  <si>
    <t>POINT (4.709417166091772 51.80722509382143)</t>
  </si>
  <si>
    <t>POINT (4.69647520308913 51.79858824808907)</t>
  </si>
  <si>
    <t>POINT (4.669748318929908 51.80821677863465)</t>
  </si>
  <si>
    <t>POINT (4.685341974556773 51.7755041213027)</t>
  </si>
  <si>
    <t>POINT (4.676478092231498 51.81549512211355)</t>
  </si>
  <si>
    <t>POINT (4.697047027341813 51.792874638839194)</t>
  </si>
  <si>
    <t>POINT (4.704047708904439 51.808116794726)</t>
  </si>
  <si>
    <t>POINT (4.65880160668188 51.80079276705974)</t>
  </si>
  <si>
    <t>POINT (4.668850782030289 51.81233722596022)</t>
  </si>
  <si>
    <t>POINT (4.736068248022134 51.79992678338533)</t>
  </si>
  <si>
    <t>POINT (4.673592578846021 51.817665004189436)</t>
  </si>
  <si>
    <t>POINT (4.669413272252878 51.80281309725761)</t>
  </si>
  <si>
    <t>POINT (4.671484000627928 51.81171535310042)</t>
  </si>
  <si>
    <t>POINT (4.661075415660409 51.787998967559005)</t>
  </si>
  <si>
    <t>POINT (4.721080722611702 51.75935516705358)</t>
  </si>
  <si>
    <t>POINT (4.687757748935654 51.80373056378697)</t>
  </si>
  <si>
    <t>POINT (4.660454417702024 51.77135728438557)</t>
  </si>
  <si>
    <t>POINT (4.728555770667854 51.798135905402134)</t>
  </si>
  <si>
    <t>POINT (4.666746620905676 51.80279583692828)</t>
  </si>
  <si>
    <t>POINT (4.6820110050618675 51.803654701921566)</t>
  </si>
  <si>
    <t>POINT (4.6297043796812 51.72222476648063)</t>
  </si>
  <si>
    <t>POINT (4.72051493262881 51.81130973701583)</t>
  </si>
  <si>
    <t>POINT (4.711733151249103 51.79462218104522)</t>
  </si>
  <si>
    <t>POINT (4.702771422918578 51.795869437106425)</t>
  </si>
  <si>
    <t>POINT (4.697519946566955 51.793358916214935)</t>
  </si>
  <si>
    <t>POINT (4.675683935805001 51.78332009627303)</t>
  </si>
  <si>
    <t>POINT (4.6702348596351335 51.78946819538933)</t>
  </si>
  <si>
    <t>POINT (4.73359749643528 51.80189404254476)</t>
  </si>
  <si>
    <t>POINT (4.700725001032369 51.81658678838656)</t>
  </si>
  <si>
    <t>POINT (4.660741332973579 51.813098317683604)</t>
  </si>
  <si>
    <t>POINT (4.71755364460028 51.81331617354432)</t>
  </si>
  <si>
    <t>POINT (4.726331153210595 51.79785685572439)</t>
  </si>
  <si>
    <t>POINT (4.6749543512836125 51.814247839054794)</t>
  </si>
  <si>
    <t>POINT (4.68584928978044 51.791740725213494)</t>
  </si>
  <si>
    <t>POINT (4.676544241192707 51.816937574385705)</t>
  </si>
  <si>
    <t>POINT (4.685167180018964 51.80949116655675)</t>
  </si>
  <si>
    <t>POINT (4.688117211177807 51.804379485684656)</t>
  </si>
  <si>
    <t>POINT (4.686706485350755 51.776478312364205)</t>
  </si>
  <si>
    <t>POINT (4.676491805851363 51.81842178873421)</t>
  </si>
  <si>
    <t>POINT (4.678470094110868 51.785652874511726)</t>
  </si>
  <si>
    <t>POINT (4.667823370889329 51.810978585666625)</t>
  </si>
  <si>
    <t>POINT (4.677812963380653 51.77501132158797)</t>
  </si>
  <si>
    <t>POINT (4.663667467206643 51.800362967550335)</t>
  </si>
  <si>
    <t>POINT (4.6737603660283895 51.81085258513841)</t>
  </si>
  <si>
    <t>POINT (4.672935281570492 51.81340117620696)</t>
  </si>
  <si>
    <t>POINT (4.668281790747297 51.79618627804219)</t>
  </si>
  <si>
    <t>POINT (4.646511738716273 51.778700843279566)</t>
  </si>
  <si>
    <t>POINT (4.691987230396325 51.807219481348525)</t>
  </si>
  <si>
    <t>POINT (4.716113466384118 51.80252718467339)</t>
  </si>
  <si>
    <t>POINT (4.65664046334948 51.80106025428924)</t>
  </si>
  <si>
    <t>POINT (4.685469483234174 51.78858290389839)</t>
  </si>
  <si>
    <t>POINT (4.712901005808351 51.81527110498011)</t>
  </si>
  <si>
    <t>POINT (4.666231769907333 51.78693208252534)</t>
  </si>
  <si>
    <t>POINT (4.703933543122415 51.79545141550423)</t>
  </si>
  <si>
    <t>POINT (4.718480671081854 51.801168564755194)</t>
  </si>
  <si>
    <t>POINT (4.6831764865551975 51.798178113571275)</t>
  </si>
  <si>
    <t>POINT (4.679192295132544 51.81630941583371)</t>
  </si>
  <si>
    <t>POINT (4.71017914676595 51.80389793942595)</t>
  </si>
  <si>
    <t>POINT (4.686001680236157 51.803656397982614)</t>
  </si>
  <si>
    <t>POINT (4.701428691299064 51.79819009217816)</t>
  </si>
  <si>
    <t>POINT (4.731158175425082 51.80416358773068)</t>
  </si>
  <si>
    <t>POINT (4.675106996743604 51.78666339376791)</t>
  </si>
  <si>
    <t>POINT (4.703534548244061 51.80762274703694)</t>
  </si>
  <si>
    <t>POINT (4.685913987179435 51.79173850526285)</t>
  </si>
  <si>
    <t>POINT (4.663176239566038 51.81500117698218)</t>
  </si>
  <si>
    <t>POINT (4.657851880384349 51.80743211026236)</t>
  </si>
  <si>
    <t>POINT (4.673891469946685 51.81665110180103)</t>
  </si>
  <si>
    <t>POINT (4.722234349127653 51.803874140693125)</t>
  </si>
  <si>
    <t>POINT (4.66471700164514 51.77658860261829)</t>
  </si>
  <si>
    <t>POINT (4.679297636447342 51.78520334011203)</t>
  </si>
  <si>
    <t>POINT (4.675568738721465 51.816868535914786)</t>
  </si>
  <si>
    <t>POINT (4.656342007150457 51.80726523389423)</t>
  </si>
  <si>
    <t>POINT (4.659926714714008 51.77051723453316)</t>
  </si>
  <si>
    <t>POINT (4.714929178998843 51.8138569091154)</t>
  </si>
  <si>
    <t>POINT (4.660112594157743 51.80375163528261)</t>
  </si>
  <si>
    <t>POINT (4.694600111781343 51.7957014665784)</t>
  </si>
  <si>
    <t>POINT (4.681957301875662 51.7853572561895)</t>
  </si>
  <si>
    <t>POINT (4.676332623961818 51.81601417250685)</t>
  </si>
  <si>
    <t>POINT (4.7048250070172815 51.807965112585016)</t>
  </si>
  <si>
    <t>POINT (4.672490934193142 51.81642375184731)</t>
  </si>
  <si>
    <t>POINT (4.68652888865263 51.805902813745924)</t>
  </si>
  <si>
    <t>POINT (4.653827163021337 51.78569461719703)</t>
  </si>
  <si>
    <t>POINT (4.692592749028426 51.795623343614075)</t>
  </si>
  <si>
    <t>POINT (4.708527175271976 51.79027383927016)</t>
  </si>
  <si>
    <t>POINT (4.668788186369411 51.79483736354312)</t>
  </si>
  <si>
    <t>POINT (4.724021387480541 51.801923445103476)</t>
  </si>
  <si>
    <t>POINT (4.6726227052072336 51.77836362257168)</t>
  </si>
  <si>
    <t>POINT (4.666814804377298 51.787601161178856)</t>
  </si>
  <si>
    <t>POINT (4.6772970738431185 51.816299539969506)</t>
  </si>
  <si>
    <t>POINT (4.655735787659247 51.81134723903709)</t>
  </si>
  <si>
    <t>POINT (4.698127460428197 51.81795222206828)</t>
  </si>
  <si>
    <t>POINT (4.694230015881295 51.81850517701863)</t>
  </si>
  <si>
    <t>POINT (4.727249290957756 51.79895800903699)</t>
  </si>
  <si>
    <t>POINT (4.678985220512756 51.814660616062234)</t>
  </si>
  <si>
    <t>POINT (4.679435299334798 51.806869822391214)</t>
  </si>
  <si>
    <t>POINT (4.689184485951212 51.80836418710048)</t>
  </si>
  <si>
    <t>POINT (4.654893961564288 51.80648123656509)</t>
  </si>
  <si>
    <t>POINT (4.733794530942282 51.80308777892292)</t>
  </si>
  <si>
    <t>POINT (4.658514824057737 51.81330426889421)</t>
  </si>
  <si>
    <t>POINT (4.66793374095222 51.81484365615447)</t>
  </si>
  <si>
    <t>POINT (4.6679248571835785 51.79419794817889)</t>
  </si>
  <si>
    <t>POINT (4.694206052859841 51.79467879934792)</t>
  </si>
  <si>
    <t>POINT (4.65756190111225 51.809637642199625)</t>
  </si>
  <si>
    <t>POINT (4.7094369265662275 51.80479612419935)</t>
  </si>
  <si>
    <t>POINT (4.658465309800843 51.79936514315542)</t>
  </si>
  <si>
    <t>POINT (4.657592631866615 51.79657655699759)</t>
  </si>
  <si>
    <t>POINT (4.677378629868404 51.81667316174749)</t>
  </si>
  <si>
    <t>POINT (4.674987633390626 51.810899913835165)</t>
  </si>
  <si>
    <t>POINT (4.656914385140578 51.79881690593407)</t>
  </si>
  <si>
    <t>POINT (4.721683056567753 51.8126080520707)</t>
  </si>
  <si>
    <t>POINT (4.693714301136673 51.80980348680015)</t>
  </si>
  <si>
    <t>POINT (4.668937481446923 51.79549017374553)</t>
  </si>
  <si>
    <t>POINT (4.692283450287073 51.78954381754404)</t>
  </si>
  <si>
    <t>POINT (4.69091257033222 51.80734704954772)</t>
  </si>
  <si>
    <t>POINT (4.722270994378224 51.79423542667253)</t>
  </si>
  <si>
    <t>POINT (4.6933188579134315 51.784678206355444)</t>
  </si>
  <si>
    <t>POINT (4.676594342026328 51.7865573129296)</t>
  </si>
  <si>
    <t>POINT (4.643921638063839 51.79864919314492)</t>
  </si>
  <si>
    <t>POINT (4.63155731612308 51.7835280456317)</t>
  </si>
  <si>
    <t>POINT (4.628559194030466 51.7227516886378)</t>
  </si>
  <si>
    <t>POINT (4.668955913524109 51.81568841595037)</t>
  </si>
  <si>
    <t>POINT (4.70332876751118 51.79396764720253)</t>
  </si>
  <si>
    <t>POINT (4.657296903291965 51.79074142487307)</t>
  </si>
  <si>
    <t>POINT (4.649592511039317 51.79327610669939)</t>
  </si>
  <si>
    <t>POINT (4.709854608035876 51.793502329320326)</t>
  </si>
  <si>
    <t>POINT (4.676419423415023 51.81842970085696)</t>
  </si>
  <si>
    <t>POINT (4.6666312331366795 51.798904274784626)</t>
  </si>
  <si>
    <t>POINT (4.693345984217786 51.79417750508133)</t>
  </si>
  <si>
    <t>POINT (4.670201280127902 51.77954839757445)</t>
  </si>
  <si>
    <t>POINT (4.72164218838984 51.800180585307146)</t>
  </si>
  <si>
    <t>POINT (4.68323576456761 51.7982701447989)</t>
  </si>
  <si>
    <t>POINT (4.6867985447515546 51.80469542067719)</t>
  </si>
  <si>
    <t>POINT (4.696121452811488 51.81829970329723)</t>
  </si>
  <si>
    <t>POINT (4.721417258349998 51.805855952188594)</t>
  </si>
  <si>
    <t>POINT (4.6861111780541505 51.789199715197554)</t>
  </si>
  <si>
    <t>POINT (4.656699408536073 51.79857930860878)</t>
  </si>
  <si>
    <t>POINT (4.6825608959814256 51.7856830293078)</t>
  </si>
  <si>
    <t>POINT (4.697669825076735 51.8009667456558)</t>
  </si>
  <si>
    <t>POINT (4.677156494471627 51.77748765695236)</t>
  </si>
  <si>
    <t>POINT (4.65797183614552 51.80048166447698)</t>
  </si>
  <si>
    <t>POINT (4.733432234035084 51.79142956192333)</t>
  </si>
  <si>
    <t>POINT (4.694884812885896 51.79075742517603)</t>
  </si>
  <si>
    <t>POINT (4.663572093685593 51.79369641551557)</t>
  </si>
  <si>
    <t>POINT (4.6694669806505855 51.80580176791214)</t>
  </si>
  <si>
    <t>POINT (4.652055422668875 51.79303292492737)</t>
  </si>
  <si>
    <t>POINT (4.673457551889049 51.81352911657665)</t>
  </si>
  <si>
    <t>POINT (4.660744110656474 51.78664611102749)</t>
  </si>
  <si>
    <t>POINT (4.65252201796245 51.78541234817749)</t>
  </si>
  <si>
    <t>POINT (4.7120972306640265 51.81526577393567)</t>
  </si>
  <si>
    <t>POINT (4.6670010588346384 51.81549848686336)</t>
  </si>
  <si>
    <t>POINT (4.677349887380372 51.80416103585364)</t>
  </si>
  <si>
    <t>POINT (4.6785057070067095 51.80748583246287)</t>
  </si>
  <si>
    <t>POINT (4.698355800288646 51.79271782009485)</t>
  </si>
  <si>
    <t>POINT (4.670517334752973 51.77215701394685)</t>
  </si>
  <si>
    <t>POINT (4.659809987333774 51.80454069280481)</t>
  </si>
  <si>
    <t>POINT (4.72054382399997 51.802062459834666)</t>
  </si>
  <si>
    <t>POINT (4.657698374636878 51.77076550575597)</t>
  </si>
  <si>
    <t>POINT (4.684605135123102 51.77922249638033)</t>
  </si>
  <si>
    <t>POINT (4.697756095475437 51.79549482604344)</t>
  </si>
  <si>
    <t>POINT (4.700827431827156 51.79781107481502)</t>
  </si>
  <si>
    <t>POINT (4.734198291781389 51.79776558091603)</t>
  </si>
  <si>
    <t>POINT (4.666461951186648 51.8110948509803)</t>
  </si>
  <si>
    <t>POINT (4.687233581043562 51.806790731402245)</t>
  </si>
  <si>
    <t>POINT (4.6628563637954255 51.80173782625782)</t>
  </si>
  <si>
    <t>POINT (4.6580589460229795 51.791787784223914)</t>
  </si>
  <si>
    <t>POINT (4.662534537994587 51.79929016809587)</t>
  </si>
  <si>
    <t>POINT (4.660915529635007 51.81599801182866)</t>
  </si>
  <si>
    <t>POINT (4.661833958095304 51.78846777440897)</t>
  </si>
  <si>
    <t>POINT (4.66457870462027 51.7890329354317)</t>
  </si>
  <si>
    <t>POINT (4.679014003595281 51.78125872659264)</t>
  </si>
  <si>
    <t>POINT (4.693139946255701 51.7961762573997)</t>
  </si>
  <si>
    <t>POINT (4.631888256132978 51.77734001720467)</t>
  </si>
  <si>
    <t>POINT (4.675867013642391 51.8181230584953)</t>
  </si>
  <si>
    <t>POINT (4.6643616225971645 51.79034382295152)</t>
  </si>
  <si>
    <t>POINT (4.662975475449513 51.809977431545306)</t>
  </si>
  <si>
    <t>POINT (4.679976552984746 51.78131301022503)</t>
  </si>
  <si>
    <t>POINT (4.67440068365711 51.78851011056437)</t>
  </si>
  <si>
    <t>POINT (4.667882240237146 51.794193327369676)</t>
  </si>
  <si>
    <t>POINT (4.68220760161901 51.803288974587474)</t>
  </si>
  <si>
    <t>POINT (4.660306921182749 51.793251387924286)</t>
  </si>
  <si>
    <t>POINT (4.650596153477248 51.79304151519685)</t>
  </si>
  <si>
    <t>POINT (4.709313234452794 51.818661840144)</t>
  </si>
  <si>
    <t>POINT (4.669198943861133 51.81887690831704)</t>
  </si>
  <si>
    <t>POINT (4.660740005499563 51.804626867301785)</t>
  </si>
  <si>
    <t>POINT (4.713040148877263 51.800821695952074)</t>
  </si>
  <si>
    <t>POINT (4.652712500382857 51.80376630947913)</t>
  </si>
  <si>
    <t>POINT (4.710430646937972 51.80037915504912)</t>
  </si>
  <si>
    <t>POINT (4.677905568259388 51.77583372815047)</t>
  </si>
  <si>
    <t>POINT (4.730247090126866 51.79834631084075)</t>
  </si>
  <si>
    <t>POINT (4.636217502884967 51.77603255770348)</t>
  </si>
  <si>
    <t>POINT (4.662597964630314 51.815899585847006)</t>
  </si>
  <si>
    <t>POINT (4.68358966536017 51.818941970825755)</t>
  </si>
  <si>
    <t>POINT (4.671157374561963 51.79632001551585)</t>
  </si>
  <si>
    <t>POINT (4.661958790241218 51.77157716699266)</t>
  </si>
  <si>
    <t>POINT (4.716254660072654 51.79957869033194)</t>
  </si>
  <si>
    <t>POINT (4.652484136772726 51.78922237397434)</t>
  </si>
  <si>
    <t>POINT (4.679241727610107 51.80739602014017)</t>
  </si>
  <si>
    <t>POINT (4.670995957974636 51.81816611620507)</t>
  </si>
  <si>
    <t>POINT (4.704198141691643 51.81588095875216)</t>
  </si>
  <si>
    <t>POINT (4.684820657625577 51.81043756797891)</t>
  </si>
  <si>
    <t>POINT (4.658204321981875 51.80148918715897)</t>
  </si>
  <si>
    <t>POINT (4.693431086370587 51.795453923742684)</t>
  </si>
  <si>
    <t>POINT (4.719205834058169 51.80039951894029)</t>
  </si>
  <si>
    <t>POINT (4.657742067018894 51.809818320354566)</t>
  </si>
  <si>
    <t>POINT (4.6858629154288165 51.78635330249443)</t>
  </si>
  <si>
    <t>POINT (4.712779756724317 51.814875043038796)</t>
  </si>
  <si>
    <t>POINT (4.693559797325163 51.818630546507684)</t>
  </si>
  <si>
    <t>POINT (4.6721490216448265 51.816609469388105)</t>
  </si>
  <si>
    <t>POINT (4.6691792687211855 51.80109249817991)</t>
  </si>
  <si>
    <t>POINT (4.658918770330353 51.78844419314875)</t>
  </si>
  <si>
    <t>POINT (4.65564604134144 51.78865852460577)</t>
  </si>
  <si>
    <t>POINT (4.663505689086822 51.81472339149088)</t>
  </si>
  <si>
    <t>POINT (4.658247388367327 51.80348996992321)</t>
  </si>
  <si>
    <t>POINT (4.658759792668234 51.80014297518275)</t>
  </si>
  <si>
    <t>POINT (4.652248866024573 51.78519697521516)</t>
  </si>
  <si>
    <t>POINT (4.657058315876764 51.79903811478551)</t>
  </si>
  <si>
    <t>POINT (4.715997393334887 51.815105091138264)</t>
  </si>
  <si>
    <t>POINT (4.7241730367565715 51.80371759005804)</t>
  </si>
  <si>
    <t>POINT (4.67538963531843 51.7808056807322)</t>
  </si>
  <si>
    <t>POINT (4.67281803643367 51.793502710279675)</t>
  </si>
  <si>
    <t>POINT (4.66580895415917 51.81488411481584)</t>
  </si>
  <si>
    <t>POINT (4.690499993151345 51.80773208399524)</t>
  </si>
  <si>
    <t>POINT (4.673006999627477 51.81293397702094)</t>
  </si>
  <si>
    <t>POINT (4.673745439717332 51.81553662597681)</t>
  </si>
  <si>
    <t>POINT (4.68115872276089 51.777901630516155)</t>
  </si>
  <si>
    <t>POINT (4.670265478035844 51.792861723690315)</t>
  </si>
  <si>
    <t>POINT (4.664571884880944 51.81261918605945)</t>
  </si>
  <si>
    <t>POINT (4.719942844327057 51.79999315608711)</t>
  </si>
  <si>
    <t>POINT (4.677249243836251 51.77427216682795)</t>
  </si>
  <si>
    <t>POINT (4.73070815018423 51.796533158846664)</t>
  </si>
  <si>
    <t>POINT (4.656176300237374 51.8001874818266)</t>
  </si>
  <si>
    <t>POINT (4.718437249583752 51.80409196436782)</t>
  </si>
  <si>
    <t>POINT (4.730923131796642 51.79735242691278)</t>
  </si>
  <si>
    <t>POINT (4.704188061527988 51.79628007937125)</t>
  </si>
  <si>
    <t>POINT (4.73182508067709 51.80112819378759)</t>
  </si>
  <si>
    <t>POINT (4.704878280580804 51.79720630539989)</t>
  </si>
  <si>
    <t>POINT (4.636836334753832 51.77444198750485)</t>
  </si>
  <si>
    <t>POINT (4.676348386633943 51.789401760629154)</t>
  </si>
  <si>
    <t>POINT (4.654877072511904 51.7693674775628)</t>
  </si>
  <si>
    <t>POINT (4.670401506297181 51.772662748329154)</t>
  </si>
  <si>
    <t>POINT (4.685908099232144 51.79181888283094)</t>
  </si>
  <si>
    <t>POINT (4.664413342105757 51.812761704963364)</t>
  </si>
  <si>
    <t>POINT (4.67607324960932 51.78522071771028)</t>
  </si>
  <si>
    <t>POINT (4.710475105960516 51.79167730148167)</t>
  </si>
  <si>
    <t>POINT (4.701047861608053 51.798325580960174)</t>
  </si>
  <si>
    <t>POINT (4.654597091407248 51.8082134553443)</t>
  </si>
  <si>
    <t>POINT (4.671698342133363 51.80326566567667)</t>
  </si>
  <si>
    <t>POINT (4.6536856263861095 51.7925516713922)</t>
  </si>
  <si>
    <t>POINT (4.656747876276496 51.79676818910609)</t>
  </si>
  <si>
    <t>POINT (4.663975042876108 51.79532420992929)</t>
  </si>
  <si>
    <t>POINT (4.657362010758738 51.79073895356237)</t>
  </si>
  <si>
    <t>POINT (4.68613298473643 51.77677064090652)</t>
  </si>
  <si>
    <t>POINT (4.666969403427988 51.777399566038184)</t>
  </si>
  <si>
    <t>POINT (4.676163285357239 51.80515634961092)</t>
  </si>
  <si>
    <t>POINT (4.654879694490299 51.80362408144213)</t>
  </si>
  <si>
    <t>POINT (4.657251763377983 51.79633867199812)</t>
  </si>
  <si>
    <t>POINT (4.642310320226506 51.79880722479005)</t>
  </si>
  <si>
    <t>POINT (4.723757131114321 51.8038340960208)</t>
  </si>
  <si>
    <t>POINT (4.677564587309728 51.78090238247408)</t>
  </si>
  <si>
    <t>POINT (4.698414190975158 51.793150536048806)</t>
  </si>
  <si>
    <t>POINT (4.682619625327956 51.80018784831791)</t>
  </si>
  <si>
    <t>POINT (4.715739612474114 51.813399865498795)</t>
  </si>
  <si>
    <t>POINT (4.666424528259631 51.81118614386755)</t>
  </si>
  <si>
    <t>POINT (4.666460618595766 51.815638628284304)</t>
  </si>
  <si>
    <t>POINT (4.698525784626198 51.79506622754745)</t>
  </si>
  <si>
    <t>POINT (4.67913101286045 51.804732304465844)</t>
  </si>
  <si>
    <t>POINT (4.655157469847466 51.81029051789902)</t>
  </si>
  <si>
    <t>POINT (4.720422215434736 51.81388735728401)</t>
  </si>
  <si>
    <t>POINT (4.679089008484292 51.77779852016657)</t>
  </si>
  <si>
    <t>POINT (4.669133239869059 51.79852896583404)</t>
  </si>
  <si>
    <t>POINT (4.692303125109136 51.783956370541866)</t>
  </si>
  <si>
    <t>POINT (4.719789093311489 51.80084861208586)</t>
  </si>
  <si>
    <t>POINT (4.718739606742401 51.802464737958225)</t>
  </si>
  <si>
    <t>POINT (4.6859181195692745 51.78772600754258)</t>
  </si>
  <si>
    <t>POINT (4.73309624947604 51.80087505705662)</t>
  </si>
  <si>
    <t>POINT (4.723573498198213 51.798756002003124)</t>
  </si>
  <si>
    <t>POINT (4.6744080255276765 51.78549036602867)</t>
  </si>
  <si>
    <t>POINT (4.684364058657722 51.7886247621349)</t>
  </si>
  <si>
    <t>POINT (4.672964254290248 51.77877753857278)</t>
  </si>
  <si>
    <t>POINT (4.6811755694776505 51.80114884834594)</t>
  </si>
  <si>
    <t>POINT (4.7175405212268 51.802547499487694)</t>
  </si>
  <si>
    <t>POINT (4.708310264559969 51.79213466730989)</t>
  </si>
  <si>
    <t>POINT (4.672849983953719 51.80279819706687)</t>
  </si>
  <si>
    <t>POINT (4.683952125206981 51.77767667947939)</t>
  </si>
  <si>
    <t>POINT (4.684373130500234 51.80265872740139)</t>
  </si>
  <si>
    <t>POINT (4.671721724086105 51.79749745337503)</t>
  </si>
  <si>
    <t>POINT (4.661197004237109 51.79792466884846)</t>
  </si>
  <si>
    <t>POINT (4.71561890435073 51.80824818975421)</t>
  </si>
  <si>
    <t>POINT (4.678627207726298 51.78958483129214)</t>
  </si>
  <si>
    <t>POINT (4.662919209665353 51.8104478576083)</t>
  </si>
  <si>
    <t>POINT (4.717696630245489 51.80542646471832)</t>
  </si>
  <si>
    <t>POINT (4.680808825752159 51.786279210433314)</t>
  </si>
  <si>
    <t>POINT (4.672004414251261 51.813672025375276)</t>
  </si>
  <si>
    <t>POINT (4.66823983279042 51.778117414898276)</t>
  </si>
  <si>
    <t>POINT (4.685820817867625 51.789405447406644)</t>
  </si>
  <si>
    <t>POINT (4.717956329527568 51.795678570010914)</t>
  </si>
  <si>
    <t>POINT (4.662074842014724 51.81355897440111)</t>
  </si>
  <si>
    <t>POINT (4.659538584081663 51.79763987095797)</t>
  </si>
  <si>
    <t>POINT (4.699679052880936 51.79270694879027)</t>
  </si>
  <si>
    <t>POINT (4.717136063807278 51.795330350733444)</t>
  </si>
  <si>
    <t>POINT (4.688552290680486 51.80860300192317)</t>
  </si>
  <si>
    <t>POINT (4.726809050956924 51.800295486942666)</t>
  </si>
  <si>
    <t>POINT (4.663424568905271 51.81276903089476)</t>
  </si>
  <si>
    <t>POINT (4.662574468102942 51.804258267609214)</t>
  </si>
  <si>
    <t>POINT (4.723941447683655 51.805317418676246)</t>
  </si>
  <si>
    <t>POINT (4.686489423404957 51.80863852163909)</t>
  </si>
  <si>
    <t>POINT (4.656055192662594 51.789660575241676)</t>
  </si>
  <si>
    <t>POINT (4.665507364137184 51.796029991350075)</t>
  </si>
  <si>
    <t>POINT (4.699962264013857 51.798991597290325)</t>
  </si>
  <si>
    <t>POINT (4.670927285341165 51.81826820388517)</t>
  </si>
  <si>
    <t>POINT (4.6891591851477115 51.818477931330484)</t>
  </si>
  <si>
    <t>POINT (4.6610721444391245 51.79040228495777)</t>
  </si>
  <si>
    <t>POINT (4.675851259129222 51.80833004999029)</t>
  </si>
  <si>
    <t>POINT (4.720584522242507 51.811287355136656)</t>
  </si>
  <si>
    <t>POINT (4.6796947922421746 51.80122956374896)</t>
  </si>
  <si>
    <t>POINT (4.717334969133411 51.813818774530326)</t>
  </si>
  <si>
    <t>POINT (4.7279996838994105 51.803883498858646)</t>
  </si>
  <si>
    <t>POINT (4.667717759820577 51.810743980856195)</t>
  </si>
  <si>
    <t>POINT (4.660577245674289 51.81313319361056)</t>
  </si>
  <si>
    <t>POINT (4.719605678960811 51.803650794684174)</t>
  </si>
  <si>
    <t>POINT (4.660799477497852 51.80737428706318)</t>
  </si>
  <si>
    <t>POINT (4.7215792058255985 51.79712958876784)</t>
  </si>
  <si>
    <t>POINT (4.69630855641314 51.795379767907065)</t>
  </si>
  <si>
    <t>POINT (4.67654891771563 51.78589671905862)</t>
  </si>
  <si>
    <t>POINT (4.667796704331924 51.81566440799206)</t>
  </si>
  <si>
    <t>POINT (4.682567133455142 51.77572982766267)</t>
  </si>
  <si>
    <t>POINT (4.657801381133435 51.81175420519371)</t>
  </si>
  <si>
    <t>POINT (4.6737642443626894 51.80437458573569)</t>
  </si>
  <si>
    <t>POINT (4.727686333654722 51.80233470348136)</t>
  </si>
  <si>
    <t>POINT (4.6583432048378715 51.80902450730015)</t>
  </si>
  <si>
    <t>POINT (4.671577219465234 51.80900165593499)</t>
  </si>
  <si>
    <t>POINT (4.661154152903975 51.78934419256913)</t>
  </si>
  <si>
    <t>POINT (4.728541859653718 51.80343875656128)</t>
  </si>
  <si>
    <t>POINT (4.655557116678566 51.79187355553054)</t>
  </si>
  <si>
    <t>POINT (4.666661831171417 51.78125298071656)</t>
  </si>
  <si>
    <t>POINT (4.678958358304744 51.78092888282983)</t>
  </si>
  <si>
    <t>POINT (4.710408401851771 51.80618014991578)</t>
  </si>
  <si>
    <t>POINT (4.729018616217675 51.796342005471956)</t>
  </si>
  <si>
    <t>POINT (4.6828524015310355 51.81151236556512)</t>
  </si>
  <si>
    <t>POINT (4.691871259407379 51.81806020230417)</t>
  </si>
  <si>
    <t>POINT (4.72930863495118 51.8029326564368)</t>
  </si>
  <si>
    <t>POINT (4.656129283133439 51.783849455814)</t>
  </si>
  <si>
    <t>POINT (4.650967734287529 51.77422701048324)</t>
  </si>
  <si>
    <t>POINT (4.6469742808534855 51.80072558548334)</t>
  </si>
  <si>
    <t>POINT (4.674194722470816 51.81790607259937)</t>
  </si>
  <si>
    <t>POINT (4.671338572851745 51.81861579724862)</t>
  </si>
  <si>
    <t>POINT (4.684665058376479 51.77565612138556)</t>
  </si>
  <si>
    <t>POINT (4.64412948822835 51.78770024684231)</t>
  </si>
  <si>
    <t>POINT (4.6584798023053695 51.80750725585008)</t>
  </si>
  <si>
    <t>POINT (4.665874910641616 51.81261457351603)</t>
  </si>
  <si>
    <t>POINT (4.729110697497617 51.79884503217813)</t>
  </si>
  <si>
    <t>POINT (4.684429975554136 51.804931044761275)</t>
  </si>
  <si>
    <t>POINT (4.6832212536047315 51.79824222878017)</t>
  </si>
  <si>
    <t>POINT (4.696440145490946 51.79593978190857)</t>
  </si>
  <si>
    <t>POINT (4.728532580916057 51.795469941019945)</t>
  </si>
  <si>
    <t>POINT (4.697130770758277 51.79478575469186)</t>
  </si>
  <si>
    <t>POINT (4.713331668430492 51.81620217667485)</t>
  </si>
  <si>
    <t>POINT (4.682824240945248 51.80601425038344)</t>
  </si>
  <si>
    <t>POINT (4.704848194781661 51.80742168567071)</t>
  </si>
  <si>
    <t>POINT (4.710102742583993 51.81175998533275)</t>
  </si>
  <si>
    <t>POINT (4.663768187765946 51.81288953060826)</t>
  </si>
  <si>
    <t>POINT (4.674654127619595 51.777635509524515)</t>
  </si>
  <si>
    <t>POINT (4.724089962835785 51.79961219617904)</t>
  </si>
  <si>
    <t>POINT (4.66826236200776 51.804140960769864)</t>
  </si>
  <si>
    <t>POINT (4.671649617143413 51.78509536341289)</t>
  </si>
  <si>
    <t>POINT (4.6652835532673045 51.80375591484149)</t>
  </si>
  <si>
    <t>POINT (4.734020451314281 51.79221574042141)</t>
  </si>
  <si>
    <t>POINT (4.706376250502852 51.792058741157966)</t>
  </si>
  <si>
    <t>POINT (4.670562675171056 51.80896522649443)</t>
  </si>
  <si>
    <t>POINT (4.682157567694888 51.8133490357597)</t>
  </si>
  <si>
    <t>POINT (4.667339351523576 51.77468659796834)</t>
  </si>
  <si>
    <t>POINT (4.705307227715478 51.798397387937776)</t>
  </si>
  <si>
    <t>POINT (4.666860034666108 51.80263488068523)</t>
  </si>
  <si>
    <t>POINT (4.652053755474506 51.793404741497916)</t>
  </si>
  <si>
    <t>POINT (4.682289106027244 51.80336927471023)</t>
  </si>
  <si>
    <t>POINT (4.679898877569959 51.78985218876718)</t>
  </si>
  <si>
    <t>POINT (4.68959278708368 51.814644888652815)</t>
  </si>
  <si>
    <t>POINT (4.727375714594961 51.79991589365767)</t>
  </si>
  <si>
    <t>POINT (4.685351482411713 51.802620763820954)</t>
  </si>
  <si>
    <t>POINT (4.630506729610237 51.72835968037322)</t>
  </si>
  <si>
    <t>POINT (4.6697052300036175 51.80007023220475)</t>
  </si>
  <si>
    <t>POINT (4.671684691438944 51.77297678458303)</t>
  </si>
  <si>
    <t>POINT (4.671389199136313 51.80586793632326)</t>
  </si>
  <si>
    <t>POINT (4.667092528678185 51.808107756574024)</t>
  </si>
  <si>
    <t>POINT (4.677161577036534 51.8182162900236)</t>
  </si>
  <si>
    <t>POINT (4.666009034987596 51.80019142585068)</t>
  </si>
  <si>
    <t>POINT (4.6743480638581705 51.818020117465345)</t>
  </si>
  <si>
    <t>POINT (4.679249380841962 51.78530362340652)</t>
  </si>
  <si>
    <t>POINT (4.683227305155401 51.798192602636924)</t>
  </si>
  <si>
    <t>POINT (4.677851385509038 51.803204158760074)</t>
  </si>
  <si>
    <t>POINT (4.665460503596245 51.80182236776451)</t>
  </si>
  <si>
    <t>POINT (4.667016526346462 51.80193532584479)</t>
  </si>
  <si>
    <t>POINT (4.67631863471681 51.80473680950685)</t>
  </si>
  <si>
    <t>POINT (4.64524432704178 51.77315744406935)</t>
  </si>
  <si>
    <t>POINT (4.7316844776203615 51.801168117897454)</t>
  </si>
  <si>
    <t>POINT (4.725407031574906 51.80549383503556)</t>
  </si>
  <si>
    <t>POINT (4.6641944974558545 51.81146557334742)</t>
  </si>
  <si>
    <t>POINT (4.6604073329359785 51.7894284573214)</t>
  </si>
  <si>
    <t>POINT (4.732324464853857 51.80150784863546)</t>
  </si>
  <si>
    <t>POINT (4.7285835831695175 51.79979345029583)</t>
  </si>
  <si>
    <t>POINT (4.701218914683516 51.80035019899301)</t>
  </si>
  <si>
    <t>POINT (4.715824657352712 51.808639258460936)</t>
  </si>
  <si>
    <t>POINT (4.6993743758945286 51.7988785535335)</t>
  </si>
  <si>
    <t>POINT (4.66863764480666 51.81799694288605)</t>
  </si>
  <si>
    <t>POINT (4.650553195775489 51.80213321548325)</t>
  </si>
  <si>
    <t>POINT (4.656223292755657 51.80276336939628)</t>
  </si>
  <si>
    <t>POINT (4.667912008588499 51.775632488403886)</t>
  </si>
  <si>
    <t>POINT (4.658887828959383 51.77133778623972)</t>
  </si>
  <si>
    <t>POINT (4.664480134862183 51.78827070623713)</t>
  </si>
  <si>
    <t>POINT (4.671275641808391 51.81544046247554)</t>
  </si>
  <si>
    <t>POINT (4.6649486970909155 51.810027758971444)</t>
  </si>
  <si>
    <t>POINT (4.6588225643001095 51.80105800081039)</t>
  </si>
  <si>
    <t>POINT (4.6719433676888436 51.772732557070164)</t>
  </si>
  <si>
    <t>POINT (4.684026979671361 51.785392341647)</t>
  </si>
  <si>
    <t>POINT (4.7169758038717555 51.803587308779655)</t>
  </si>
  <si>
    <t>POINT (4.68193238939475 51.78120036492908)</t>
  </si>
  <si>
    <t>POINT (4.726434940205393 51.79714911704367)</t>
  </si>
  <si>
    <t>POINT (4.664433921415953 51.79931592450997)</t>
  </si>
  <si>
    <t>POINT (4.6534177435980375 51.792075320299965)</t>
  </si>
  <si>
    <t>POINT (4.655119838456152 51.797918752944135)</t>
  </si>
  <si>
    <t>POINT (4.7049250112680605 51.79362327299966)</t>
  </si>
  <si>
    <t>POINT (4.677550400350691 51.78062681989083)</t>
  </si>
  <si>
    <t>POINT (4.657431907415979 51.7967243383748)</t>
  </si>
  <si>
    <t>POINT (4.67997874323861 51.77575353805208)</t>
  </si>
  <si>
    <t>POINT (4.663194598554417 51.79522968902476)</t>
  </si>
  <si>
    <t>POINT (4.670178336207175 51.80534397279899)</t>
  </si>
  <si>
    <t>POINT (4.670688656143276 51.81325318993426)</t>
  </si>
  <si>
    <t>POINT (4.684488654399067 51.81214670747261)</t>
  </si>
  <si>
    <t>POINT (4.675973551979931 51.817004678297906)</t>
  </si>
  <si>
    <t>POINT (4.6849066441517335 51.787138873619284)</t>
  </si>
  <si>
    <t>POINT (4.6697926565282675 51.77736693657088)</t>
  </si>
  <si>
    <t>POINT (4.702245962312493 51.79056285808724)</t>
  </si>
  <si>
    <t>POINT (4.7160252865788355 51.815075552213024)</t>
  </si>
  <si>
    <t>POINT (4.677658569431994 51.77986896262686)</t>
  </si>
  <si>
    <t>POINT (4.67601094768664 51.785792407735144)</t>
  </si>
  <si>
    <t>POINT (4.68472581849578 51.81025616631806)</t>
  </si>
  <si>
    <t>POINT (4.671777715908629 51.81160477667158)</t>
  </si>
  <si>
    <t>POINT (4.688331086610424 51.80457331499165)</t>
  </si>
  <si>
    <t>POINT (4.671371651085307 51.81315792534155)</t>
  </si>
  <si>
    <t>POINT (4.672392345093548 51.80441002011483)</t>
  </si>
  <si>
    <t>POINT (4.724343374223043 51.79917667207895)</t>
  </si>
  <si>
    <t>POINT (4.665140562605592 51.78768803549155)</t>
  </si>
  <si>
    <t>POINT (4.6747204684120405 51.81420945793974)</t>
  </si>
  <si>
    <t>POINT (4.661180466744735 51.80140356056995)</t>
  </si>
  <si>
    <t>POINT (4.71932801236236 51.80092692224778)</t>
  </si>
  <si>
    <t>POINT (4.660757650690227 51.80727038854636)</t>
  </si>
  <si>
    <t>POINT (4.683552992914064 51.818795586407305)</t>
  </si>
  <si>
    <t>POINT (4.683613904341411 51.78215457312499)</t>
  </si>
  <si>
    <t>POINT (4.725231317964102 51.79839919664767)</t>
  </si>
  <si>
    <t>POINT (4.692256446683445 51.793170328893645)</t>
  </si>
  <si>
    <t>POINT (4.7129384830808645 51.805247069201144)</t>
  </si>
  <si>
    <t>POINT (4.682110075368812 51.77831477533592)</t>
  </si>
  <si>
    <t>POINT (4.65330260558309 51.79355538222678)</t>
  </si>
  <si>
    <t>POINT (4.698587598684906 51.79133982406326)</t>
  </si>
  <si>
    <t>POINT (4.668271753620725 51.78994707190073)</t>
  </si>
  <si>
    <t>POINT (4.685368789237187 51.78164329266171)</t>
  </si>
  <si>
    <t>POINT (4.730669491466034 51.79886749956266)</t>
  </si>
  <si>
    <t>POINT (4.682291333779435 51.81893639120163)</t>
  </si>
  <si>
    <t>POINT (4.674035608258377 51.80560429580156)</t>
  </si>
  <si>
    <t>POINT (4.667917087575588 51.81574926189335)</t>
  </si>
  <si>
    <t>POINT (4.660073168968064 51.801367894841285)</t>
  </si>
  <si>
    <t>POINT (4.698378709012651 51.79296520601921)</t>
  </si>
  <si>
    <t>POINT (4.651000596960172 51.79313115455692)</t>
  </si>
  <si>
    <t>POINT (4.71187974581231 51.79630726594083)</t>
  </si>
  <si>
    <t>POINT (4.712310283064414 51.80650533806064)</t>
  </si>
  <si>
    <t>POINT (4.712725059578226 51.805822338547145)</t>
  </si>
  <si>
    <t>POINT (4.6846154284529815 51.792494908529854)</t>
  </si>
  <si>
    <t>POINT (4.6921740194182355 51.785047209660625)</t>
  </si>
  <si>
    <t>POINT (4.676536705276846 51.80397037147897)</t>
  </si>
  <si>
    <t>POINT (4.717474921884771 51.802390830482715)</t>
  </si>
  <si>
    <t>POINT (4.656613253929231 51.801427866462)</t>
  </si>
  <si>
    <t>POINT (4.663869534255549 51.81506658420038)</t>
  </si>
  <si>
    <t>POINT (4.66977717014419 51.77111048936333)</t>
  </si>
  <si>
    <t>POINT (4.651918116330617 51.78472755193582)</t>
  </si>
  <si>
    <t>POINT (4.658534856207988 51.763691531497265)</t>
  </si>
  <si>
    <t>POINT (4.6547456104013945 51.792367544802296)</t>
  </si>
  <si>
    <t>POINT (4.6844097418770625 51.811941661909614)</t>
  </si>
  <si>
    <t>POINT (4.7126475352429145 51.795287029759535)</t>
  </si>
  <si>
    <t>POINT (4.728089162178762 51.79900418571278)</t>
  </si>
  <si>
    <t>POINT (4.711304892562335 51.81011646560108)</t>
  </si>
  <si>
    <t>POINT (4.660881389817879 51.802004401532386)</t>
  </si>
  <si>
    <t>POINT (4.6675610882519605 51.81367035389467)</t>
  </si>
  <si>
    <t>POINT (4.6642927663680265 51.784707758452804)</t>
  </si>
  <si>
    <t>POINT (4.71576932874422 51.80143739162901)</t>
  </si>
  <si>
    <t>POINT (4.6726978597394115 51.81125763117126)</t>
  </si>
  <si>
    <t>POINT (4.661790635719296 51.78829015032961)</t>
  </si>
  <si>
    <t>POINT (4.688313990721052 51.808021867961806)</t>
  </si>
  <si>
    <t>POINT (4.683756864052823 51.81923302805342)</t>
  </si>
  <si>
    <t>POINT (4.6884009834327784 51.80914996004332)</t>
  </si>
  <si>
    <t>POINT (4.662943849858634 51.78790055039547)</t>
  </si>
  <si>
    <t>POINT (4.67450525330323 51.79706811577672)</t>
  </si>
  <si>
    <t>POINT (4.680586067602486 51.78191898040437)</t>
  </si>
  <si>
    <t>POINT (4.682619870338864 51.80696430346547)</t>
  </si>
  <si>
    <t>POINT (4.675879338615149 51.81811682315397)</t>
  </si>
  <si>
    <t>POINT (4.668929691345405 51.80144515187267)</t>
  </si>
  <si>
    <t>POINT (4.675843819102162 51.7749402670159)</t>
  </si>
  <si>
    <t>POINT (4.664532574570025 51.81414608462385)</t>
  </si>
  <si>
    <t>POINT (4.710243033310373 51.808077993979516)</t>
  </si>
  <si>
    <t>POINT (4.669777600766102 51.81205052103148)</t>
  </si>
  <si>
    <t>POINT (4.7247880878780935 51.79839564343417)</t>
  </si>
  <si>
    <t>POINT (4.724305645013957 51.79913767291705)</t>
  </si>
  <si>
    <t>POINT (4.6611671410303614 51.80490156274876)</t>
  </si>
  <si>
    <t>POINT (4.714549581147013 51.80328995926316)</t>
  </si>
  <si>
    <t>POINT (4.708937192152606 51.81073058049312)</t>
  </si>
  <si>
    <t>POINT (4.670463857237659 51.80606582748783)</t>
  </si>
  <si>
    <t>POINT (4.677185779281952 51.775331443488554)</t>
  </si>
  <si>
    <t>POINT (4.671115000664812 51.77724586763058)</t>
  </si>
  <si>
    <t>POINT (4.7052261504246236 51.79418388521717)</t>
  </si>
  <si>
    <t>POINT (4.65337267212735 51.80176416231697)</t>
  </si>
  <si>
    <t>POINT (4.669985961427652 51.81458476720853)</t>
  </si>
  <si>
    <t>POINT (4.71578656184003 51.80316248384314)</t>
  </si>
  <si>
    <t>POINT (4.667766517767427 51.789818752918606)</t>
  </si>
  <si>
    <t>POINT (4.6569761533931375 51.8062259812457)</t>
  </si>
  <si>
    <t>POINT (4.662632872398213 51.80472471882902)</t>
  </si>
  <si>
    <t>POINT (4.671716596378021 51.802952197762394)</t>
  </si>
  <si>
    <t>POINT (4.66785837319079 51.813767375605536)</t>
  </si>
  <si>
    <t>POINT (4.65474639810619 51.792826117713034)</t>
  </si>
  <si>
    <t>POINT (4.669624379100914 51.79002156432477)</t>
  </si>
  <si>
    <t>POINT (4.671246787327178 51.7735329944816)</t>
  </si>
  <si>
    <t>POINT (4.681026788301608 51.80879877983064)</t>
  </si>
  <si>
    <t>POINT (4.7179187650909284 51.80310112903238)</t>
  </si>
  <si>
    <t>POINT (4.6582064708466095 51.79243049471305)</t>
  </si>
  <si>
    <t>POINT (4.692138541403012 51.81833049227495)</t>
  </si>
  <si>
    <t>POINT (4.658921807428806 51.80087645192924)</t>
  </si>
  <si>
    <t>POINT (4.674038592861293 51.77492764102344)</t>
  </si>
  <si>
    <t>POINT (4.733818908781545 51.798018485490566)</t>
  </si>
  <si>
    <t>POINT (4.665546203019519 51.78734006202744)</t>
  </si>
  <si>
    <t>POINT (4.734678082845565 51.80045339892481)</t>
  </si>
  <si>
    <t>POINT (4.656049981512928 51.792976432743615)</t>
  </si>
  <si>
    <t>POINT (4.651496163635582 51.79493696727272)</t>
  </si>
  <si>
    <t>POINT (4.735382419649518 51.79843699194734)</t>
  </si>
  <si>
    <t>POINT (4.686258643791327 51.77701143514574)</t>
  </si>
  <si>
    <t>POINT (4.6532772887481935 51.79349791183671)</t>
  </si>
  <si>
    <t>POINT (4.705902877497422 51.81596585973857)</t>
  </si>
  <si>
    <t>POINT (4.682452764410166 51.776864692265136)</t>
  </si>
  <si>
    <t>POINT (4.673326360227713 51.81374465794224)</t>
  </si>
  <si>
    <t>POINT (4.669602860673216 51.80420063576661)</t>
  </si>
  <si>
    <t>POINT (4.655987559099362 51.78992452066961)</t>
  </si>
  <si>
    <t>POINT (4.711001856199862 51.816488960610016)</t>
  </si>
  <si>
    <t>POINT (4.654197562842185 51.80199233719038)</t>
  </si>
  <si>
    <t>POINT (4.670658959213196 51.81790279452252)</t>
  </si>
  <si>
    <t>POINT (4.679171784059554 51.78755911074227)</t>
  </si>
  <si>
    <t>POINT (4.693774735568491 51.81070526251811)</t>
  </si>
  <si>
    <t>POINT (4.684844574317514 51.77718786434852)</t>
  </si>
  <si>
    <t>POINT (4.673112988646141 51.81927747629913)</t>
  </si>
  <si>
    <t>POINT (4.668012927088783 51.80315579122902)</t>
  </si>
  <si>
    <t>POINT (4.669417062475249 51.808240028999585)</t>
  </si>
  <si>
    <t>POINT (4.711255116001032 51.792618623714276)</t>
  </si>
  <si>
    <t>POINT (4.728515220402016 51.796692586943344)</t>
  </si>
  <si>
    <t>POINT (4.661562460861769 51.81617303228201)</t>
  </si>
  <si>
    <t>POINT (4.675804027625343 51.784861209216906)</t>
  </si>
  <si>
    <t>POINT (4.661573920303709 51.812687742239575)</t>
  </si>
  <si>
    <t>POINT (4.717494958035299 51.802459231596025)</t>
  </si>
  <si>
    <t>POINT (4.6817532693207635 51.775387031908835)</t>
  </si>
  <si>
    <t>POINT (4.65359656468962 51.791502635305996)</t>
  </si>
  <si>
    <t>POINT (4.6738473381309555 51.8116375823733)</t>
  </si>
  <si>
    <t>POINT (4.665562723496619 51.7805763579847)</t>
  </si>
  <si>
    <t>POINT (4.660943103998744 51.790414492813525)</t>
  </si>
  <si>
    <t>POINT (4.707862731557371 51.797422471038935)</t>
  </si>
  <si>
    <t>POINT (4.662171839283369 51.816291817686846)</t>
  </si>
  <si>
    <t>POINT (4.642756066167063 51.76843334591319)</t>
  </si>
  <si>
    <t>POINT (4.714360707888247 51.80579893820975)</t>
  </si>
  <si>
    <t>POINT (4.660837568534122 51.78844105186167)</t>
  </si>
  <si>
    <t>POINT (4.654276606966871 51.798838731542396)</t>
  </si>
  <si>
    <t>POINT (4.667585711562005 51.795096499796024)</t>
  </si>
  <si>
    <t>POINT (4.628249930513913 51.72226393129705)</t>
  </si>
  <si>
    <t>POINT (4.68216684938187 51.77667951451997)</t>
  </si>
  <si>
    <t>POINT (4.723539100191737 51.806323453322996)</t>
  </si>
  <si>
    <t>POINT (4.678619008041836 51.77423746648101)</t>
  </si>
  <si>
    <t>POINT (4.668283188434321 51.77873785684973)</t>
  </si>
  <si>
    <t>POINT (4.653663239466656 51.785509485321555)</t>
  </si>
  <si>
    <t>POINT (4.68118720448013 51.787746411559354)</t>
  </si>
  <si>
    <t>POINT (4.692327297354249 51.785932784118245)</t>
  </si>
  <si>
    <t>POINT (4.661888508595175 51.80498587058162)</t>
  </si>
  <si>
    <t>POINT (4.717343984825676 51.79553430411791)</t>
  </si>
  <si>
    <t>POINT (4.663687738251933 51.78777125405913)</t>
  </si>
  <si>
    <t>POINT (4.669012442964189 51.7712957853201)</t>
  </si>
  <si>
    <t>POINT (4.640286971246345 51.7621660784005)</t>
  </si>
  <si>
    <t>POINT (4.70956571058911 51.799753307439204)</t>
  </si>
  <si>
    <t>POINT (4.659056385675429 51.7953999780032)</t>
  </si>
  <si>
    <t>POINT (4.663033935067173 51.81470982979281)</t>
  </si>
  <si>
    <t>POINT (4.668165564417566 51.79255179554223)</t>
  </si>
  <si>
    <t>POINT (4.665033952913903 51.80240318109121)</t>
  </si>
  <si>
    <t>POINT (4.6898847979329235 51.80823879714681)</t>
  </si>
  <si>
    <t>POINT (4.669249276209505 51.80099349371093)</t>
  </si>
  <si>
    <t>POINT (4.671128614539189 51.80243252553943)</t>
  </si>
  <si>
    <t>POINT (4.713207690189282 51.80005610617462)</t>
  </si>
  <si>
    <t>POINT (4.681325012161365 51.77453886980152)</t>
  </si>
  <si>
    <t>POINT (4.65972897126524 51.790068904700334)</t>
  </si>
  <si>
    <t>POINT (4.686040729256084 51.78865173032379)</t>
  </si>
  <si>
    <t>POINT (4.678343111976995 51.775530991109214)</t>
  </si>
  <si>
    <t>POINT (4.66947483158397 51.81079263687593)</t>
  </si>
  <si>
    <t>POINT (4.6857403564637945 51.77650572447659)</t>
  </si>
  <si>
    <t>POINT (4.676496390883226 51.7836573069633)</t>
  </si>
  <si>
    <t>POINT (4.667528007760843 51.771218820584586)</t>
  </si>
  <si>
    <t>POINT (4.66603593899756 51.81371614593719)</t>
  </si>
  <si>
    <t>POINT (4.670448301187477 51.80915813509709)</t>
  </si>
  <si>
    <t>POINT (4.684178200310166 51.788433133194104)</t>
  </si>
  <si>
    <t>POINT (4.679143522560063 51.80710852712782)</t>
  </si>
  <si>
    <t>POINT (4.664333956478983 51.78775904032486)</t>
  </si>
  <si>
    <t>POINT (4.668533940050888 51.80807623412695)</t>
  </si>
  <si>
    <t>POINT (4.67807958785926 51.787804394678695)</t>
  </si>
  <si>
    <t>POINT (4.668850589873783 51.81405674945682)</t>
  </si>
  <si>
    <t>POINT (4.661025950860611 51.76990370724649)</t>
  </si>
  <si>
    <t>POINT (4.664993934544924 51.79979221422019)</t>
  </si>
  <si>
    <t>POINT (4.682126261511177 51.81331818733853)</t>
  </si>
  <si>
    <t>POINT (4.678881274265866 51.78928985563482)</t>
  </si>
  <si>
    <t>POINT (4.667900969483297 51.81925898781075)</t>
  </si>
  <si>
    <t>POINT (4.656162474957716 51.790438281926484)</t>
  </si>
  <si>
    <t>POINT (4.674060391190871 51.777029154143925)</t>
  </si>
  <si>
    <t>POINT (4.696617633955816 51.799524105684554)</t>
  </si>
  <si>
    <t>POINT (4.652383628351978 51.785272282040204)</t>
  </si>
  <si>
    <t>POINT (4.671245740000605 51.81466771271413)</t>
  </si>
  <si>
    <t>POINT (4.664702628088389 51.80310833556009)</t>
  </si>
  <si>
    <t>POINT (4.6599346030942215 51.80875935419721)</t>
  </si>
  <si>
    <t>POINT (4.723102662635942 51.80541425515359)</t>
  </si>
  <si>
    <t>POINT (4.697054055605394 51.817479215308694)</t>
  </si>
  <si>
    <t>POINT (4.698244370593896 51.79255192699304)</t>
  </si>
  <si>
    <t>POINT (4.666179744580844 51.796000912284875)</t>
  </si>
  <si>
    <t>POINT (4.724591186808956 51.79718079466972)</t>
  </si>
  <si>
    <t>POINT (4.663011111547282 51.799781754099904)</t>
  </si>
  <si>
    <t>POINT (4.6725425157993055 51.783612259646326)</t>
  </si>
  <si>
    <t>POINT (4.6832368760816605 51.798368910086964)</t>
  </si>
  <si>
    <t>POINT (4.677201388090778 51.815793645310926)</t>
  </si>
  <si>
    <t>POINT (4.679931012476591 51.78841166605266)</t>
  </si>
  <si>
    <t>POINT (4.666281554977722 51.811010426799605)</t>
  </si>
  <si>
    <t>POINT (4.668871353787853 51.797336855457814)</t>
  </si>
  <si>
    <t>POINT (4.679104510271699 51.80714221497031)</t>
  </si>
  <si>
    <t>POINT (4.684039094093443 51.77616837560948)</t>
  </si>
  <si>
    <t>POINT (4.653497416082166 51.79021668334211)</t>
  </si>
  <si>
    <t>POINT (4.6973492079732715 51.79743255769238)</t>
  </si>
  <si>
    <t>POINT (4.717438953971791 51.80243261115197)</t>
  </si>
  <si>
    <t>POINT (4.720913261176178 51.79978448929735)</t>
  </si>
  <si>
    <t>POINT (4.684620946975274 51.81232766834875)</t>
  </si>
  <si>
    <t>POINT (4.6713824656193506 51.813562805202224)</t>
  </si>
  <si>
    <t>POINT (4.6328582204455255 51.77731793615809)</t>
  </si>
  <si>
    <t>POINT (4.661042659063211 51.79435838167769)</t>
  </si>
  <si>
    <t>POINT (4.696740113639513 51.79018023033005)</t>
  </si>
  <si>
    <t>POINT (4.681759437370307 51.80634143231725)</t>
  </si>
  <si>
    <t>POINT (4.632844403592403 51.77002995941208)</t>
  </si>
  <si>
    <t>POINT (4.669964968734374 51.777210705936554)</t>
  </si>
  <si>
    <t>POINT (4.714715890302488 51.80492682843657)</t>
  </si>
  <si>
    <t>POINT (4.647258262970179 51.775926248509165)</t>
  </si>
  <si>
    <t>POINT (4.677542881470426 51.7809031320438)</t>
  </si>
  <si>
    <t>POINT (4.6600447035297865 51.78837224804726)</t>
  </si>
  <si>
    <t>POINT (4.664328664943282 51.81546063637647)</t>
  </si>
  <si>
    <t>POINT (4.6787513773509355 51.77721591885733)</t>
  </si>
  <si>
    <t>POINT (4.6614612242359055 51.81392566772996)</t>
  </si>
  <si>
    <t>POINT (4.656098105808994 51.797204300650826)</t>
  </si>
  <si>
    <t>POINT (4.6677544632790715 51.814275452728545)</t>
  </si>
  <si>
    <t>POINT (4.707596647642815 51.78675976114626)</t>
  </si>
  <si>
    <t>POINT (4.6691065872789554 51.77821020288751)</t>
  </si>
  <si>
    <t>POINT (4.668709535401602 51.799472090012074)</t>
  </si>
  <si>
    <t>POINT (4.680860774241863 51.778051934415984)</t>
  </si>
  <si>
    <t>POINT (4.715547489422442 51.80258920386492)</t>
  </si>
  <si>
    <t>POINT (4.704282252410745 51.79026159134149)</t>
  </si>
  <si>
    <t>POINT (4.6639605551754135 51.80126089331388)</t>
  </si>
  <si>
    <t>POINT (4.7157555278150864 51.80792193779478)</t>
  </si>
  <si>
    <t>POINT (4.718667722038995 51.80245892623348)</t>
  </si>
  <si>
    <t>POINT (4.7125343812148035 51.81558486763011)</t>
  </si>
  <si>
    <t>POINT (4.68187439408559 51.801685765289704)</t>
  </si>
  <si>
    <t>POINT (4.666925238077699 51.78211800007758)</t>
  </si>
  <si>
    <t>POINT (4.6767072531151 51.81742190884263)</t>
  </si>
  <si>
    <t>POINT (4.724670518996578 51.80617838832598)</t>
  </si>
  <si>
    <t>POINT (4.675151336137488 51.80724731659553)</t>
  </si>
  <si>
    <t>POINT (4.665657846182935 51.81615934412871)</t>
  </si>
  <si>
    <t>POINT (4.683709539497507 51.79806536601014)</t>
  </si>
  <si>
    <t>POINT (4.679735601547615 51.78988975670995)</t>
  </si>
  <si>
    <t>POINT (4.6682660944503445 51.7923514333605)</t>
  </si>
  <si>
    <t>POINT (4.707441240861731 51.79476691837517)</t>
  </si>
  <si>
    <t>POINT (4.661678596562879 51.79712368978889)</t>
  </si>
  <si>
    <t>POINT (4.70407697645087 51.806723768883835)</t>
  </si>
  <si>
    <t>POINT (4.685954722610611 51.78781514245642)</t>
  </si>
  <si>
    <t>POINT (4.6658453176841865 51.80050912246225)</t>
  </si>
  <si>
    <t>POINT (4.668471958622946 51.80952763429837)</t>
  </si>
  <si>
    <t>POINT (4.688747700766498 51.79993138547504)</t>
  </si>
  <si>
    <t>POINT (4.6775770715884315 51.78989150583879)</t>
  </si>
  <si>
    <t>POINT (4.673388896107539 51.81514316311958)</t>
  </si>
  <si>
    <t>POINT (4.690387598829538 51.806797665222895)</t>
  </si>
  <si>
    <t>POINT (4.658914672592412 51.81430460275833)</t>
  </si>
  <si>
    <t>POINT (4.687055350428036 51.810974215256735)</t>
  </si>
  <si>
    <t>POINT (4.673381766262501 51.78470881402526)</t>
  </si>
  <si>
    <t>POINT (4.655122569914494 51.79959309561782)</t>
  </si>
  <si>
    <t>POINT (4.664349310245984 51.78783654567294)</t>
  </si>
  <si>
    <t>POINT (4.663926304189248 51.79775175661758)</t>
  </si>
  <si>
    <t>POINT (4.733533099437346 51.79142692401291)</t>
  </si>
  <si>
    <t>POINT (4.673249170302985 51.815335902147666)</t>
  </si>
  <si>
    <t>POINT (4.668931996240199 51.79550782092519)</t>
  </si>
  <si>
    <t>POINT (4.726525620869974 51.7965689252239)</t>
  </si>
  <si>
    <t>POINT (4.68953646978191 51.80788442501571)</t>
  </si>
  <si>
    <t>POINT (4.728894479741419 51.798553261377954)</t>
  </si>
  <si>
    <t>POINT (4.661765089329542 51.81621589357678)</t>
  </si>
  <si>
    <t>POINT (4.715644730931235 51.80498153163331)</t>
  </si>
  <si>
    <t>POINT (4.6859513301027835 51.78039863360482)</t>
  </si>
  <si>
    <t>POINT (4.668658225661787 51.810068859815225)</t>
  </si>
  <si>
    <t>POINT (4.702317613025698 51.79717733626156)</t>
  </si>
  <si>
    <t>POINT (4.664370049119206 51.78790632694756)</t>
  </si>
  <si>
    <t>POINT (4.672502957215622 51.8169296354439)</t>
  </si>
  <si>
    <t>POINT (4.733347859172961 51.80217736672983)</t>
  </si>
  <si>
    <t>POINT (4.6600069835271745 51.80867796076396)</t>
  </si>
  <si>
    <t>POINT (4.652207507001691 51.79492013168873)</t>
  </si>
  <si>
    <t>POINT (4.6674131265207315 51.79319189574844)</t>
  </si>
  <si>
    <t>POINT (4.630400646603664 51.72506427821677)</t>
  </si>
  <si>
    <t>POINT (4.679883564831549 51.80542330839611)</t>
  </si>
  <si>
    <t>POINT (4.7208674499429195 51.802975611837404)</t>
  </si>
  <si>
    <t>POINT (4.670465952263378 51.817771010607736)</t>
  </si>
  <si>
    <t>POINT (4.720258583400495 51.79957601734445)</t>
  </si>
  <si>
    <t>POINT (4.67647925034439 51.815659001510674)</t>
  </si>
  <si>
    <t>POINT (4.678358625978899 51.78628579618968)</t>
  </si>
  <si>
    <t>POINT (4.669527197457536 51.80810039832263)</t>
  </si>
  <si>
    <t>POINT (4.661072538872491 51.81347960002174)</t>
  </si>
  <si>
    <t>POINT (4.67900820572025 51.788807587631716)</t>
  </si>
  <si>
    <t>POINT (4.73013647726239 51.796103096973184)</t>
  </si>
  <si>
    <t>POINT (4.683071789904865 51.78666416568031)</t>
  </si>
  <si>
    <t>POINT (4.685381233759845 51.80140771353267)</t>
  </si>
  <si>
    <t>POINT (4.67436411814843 51.81249595886776)</t>
  </si>
  <si>
    <t>POINT (4.671664534740333 51.779328148162044)</t>
  </si>
  <si>
    <t>POINT (4.718441821129819 51.813915593734)</t>
  </si>
  <si>
    <t>POINT (4.667232460449193 51.814686072067744)</t>
  </si>
  <si>
    <t>POINT (4.684149391764994 51.81203199355551)</t>
  </si>
  <si>
    <t>POINT (4.676099432939084 51.77334277953994)</t>
  </si>
  <si>
    <t>POINT (4.650169148046673 51.79506393614158)</t>
  </si>
  <si>
    <t>POINT (4.6659801867439334 51.774116336030374)</t>
  </si>
  <si>
    <t>POINT (4.6584692920028825 51.81266159182447)</t>
  </si>
  <si>
    <t>POINT (4.730313873261981 51.80450141212359)</t>
  </si>
  <si>
    <t>POINT (4.659000349897395 51.80161416535765)</t>
  </si>
  <si>
    <t>POINT (4.7128781391105505 51.81520878121231)</t>
  </si>
  <si>
    <t>POINT (4.726629845007 51.79363329839171)</t>
  </si>
  <si>
    <t>POINT (4.663950346982887 51.78589281341928)</t>
  </si>
  <si>
    <t>POINT (4.6730967838186475 51.81841894211091)</t>
  </si>
  <si>
    <t>POINT (4.660681661373357 51.80948119819049)</t>
  </si>
  <si>
    <t>POINT (4.666575054996834 51.81469451336746)</t>
  </si>
  <si>
    <t>POINT (4.67636988486953 51.78385052554353)</t>
  </si>
  <si>
    <t>POINT (4.664343461132059 51.78779905369236)</t>
  </si>
  <si>
    <t>POINT (4.681741855756867 51.77404994737424)</t>
  </si>
  <si>
    <t>POINT (4.662278761567901 51.80990144482584)</t>
  </si>
  <si>
    <t>POINT (4.667501302150265 51.77907558562775)</t>
  </si>
  <si>
    <t>POINT (4.705513426236223 51.81638623521812)</t>
  </si>
  <si>
    <t>POINT (4.6840777808589005 51.804624443590455)</t>
  </si>
  <si>
    <t>POINT (4.665964952534296 51.81208246681082)</t>
  </si>
  <si>
    <t>POINT (4.661146893223181 51.78848574404198)</t>
  </si>
  <si>
    <t>POINT (4.669594861970949 51.80442447700014)</t>
  </si>
  <si>
    <t>POINT (4.666535236040971 51.81688604037574)</t>
  </si>
  <si>
    <t>POINT (4.692887289203967 51.788762060910265)</t>
  </si>
  <si>
    <t>POINT (4.66890048654243 51.81025599515551)</t>
  </si>
  <si>
    <t>POINT (4.707732953085464 51.80997992037248)</t>
  </si>
  <si>
    <t>POINT (4.683048799354393 51.80362684043067)</t>
  </si>
  <si>
    <t>POINT (4.674265211800009 51.779220695653265)</t>
  </si>
  <si>
    <t>POINT (4.725960431026314 51.79932062615772)</t>
  </si>
  <si>
    <t>POINT (4.681921716806354 51.78100236063741)</t>
  </si>
  <si>
    <t>POINT (4.684838329346443 51.81054123216167)</t>
  </si>
  <si>
    <t>POINT (4.691580643036031 51.79403259852827)</t>
  </si>
  <si>
    <t>POINT (4.670662269047683 51.81559230397015)</t>
  </si>
  <si>
    <t>POINT (4.680449323343675 51.780602121118484)</t>
  </si>
  <si>
    <t>POINT (4.671031394031294 51.808532622546174)</t>
  </si>
  <si>
    <t>POINT (4.690878666973482 51.81853680124738)</t>
  </si>
  <si>
    <t>POINT (4.663023018280442 51.793910598961084)</t>
  </si>
  <si>
    <t>POINT (4.672390230304941 51.817407550559366)</t>
  </si>
  <si>
    <t>POINT (4.6742931481705545 51.77253980922851)</t>
  </si>
  <si>
    <t>POINT (4.664947201726473 51.795740326124104)</t>
  </si>
  <si>
    <t>POINT (4.678574827156125 51.788836278148885)</t>
  </si>
  <si>
    <t>POINT (4.71746614447209 51.81213943923792)</t>
  </si>
  <si>
    <t>POINT (4.685668225894156 51.80794884048676)</t>
  </si>
  <si>
    <t>POINT (4.685362864031594 51.81075381533579)</t>
  </si>
  <si>
    <t>POINT (4.679821122248728 51.80760148981589)</t>
  </si>
  <si>
    <t>POINT (4.702395101523584 51.7954507602842)</t>
  </si>
  <si>
    <t>POINT (4.71107814678161 51.79844141936118)</t>
  </si>
  <si>
    <t>POINT (4.663690131620801 51.7945451644587)</t>
  </si>
  <si>
    <t>POINT (4.679213130567007 51.81260292142741)</t>
  </si>
  <si>
    <t>POINT (4.668291756204343 51.81528085675125)</t>
  </si>
  <si>
    <t>POINT (4.662777027707861 51.79329831597217)</t>
  </si>
  <si>
    <t>POINT (4.65606106450311 51.802997790578296)</t>
  </si>
  <si>
    <t>POINT (4.679430740071829 51.78925484425221)</t>
  </si>
  <si>
    <t>POINT (4.6790022582064 51.81716541917082)</t>
  </si>
  <si>
    <t>POINT (4.699588320717518 51.79910542306509)</t>
  </si>
  <si>
    <t>POINT (4.674084034634415 51.7749201870396)</t>
  </si>
  <si>
    <t>POINT (4.70582985092104 51.796604939022934)</t>
  </si>
  <si>
    <t>POINT (4.628932779396903 51.79366108154355)</t>
  </si>
  <si>
    <t>POINT (4.707530158888339 51.79046925150898)</t>
  </si>
  <si>
    <t>POINT (4.666976321570409 51.787989907658954)</t>
  </si>
  <si>
    <t>POINT (4.681321999180407 51.77993924612061)</t>
  </si>
  <si>
    <t>POINT (4.684274899109369 51.8095729701724)</t>
  </si>
  <si>
    <t>POINT (4.683371023182702 51.78650900991838)</t>
  </si>
  <si>
    <t>POINT (4.715169627506335 51.796056415854)</t>
  </si>
  <si>
    <t>POINT (4.668170614575753 51.775615027023896)</t>
  </si>
  <si>
    <t>POINT (4.66398670957779 51.810921052971)</t>
  </si>
  <si>
    <t>POINT (4.681878685047477 51.78770148395501)</t>
  </si>
  <si>
    <t>POINT (4.6684776818670795 51.80946060481136)</t>
  </si>
  <si>
    <t>POINT (4.707351452755508 51.78756538821545)</t>
  </si>
  <si>
    <t>POINT (4.678246613442551 51.80509091578195)</t>
  </si>
  <si>
    <t>POINT (4.654338216586585 51.811366177496645)</t>
  </si>
  <si>
    <t>POINT (4.684769273136538 51.811261772659996)</t>
  </si>
  <si>
    <t>POINT (4.678622070676055 51.7870270046271)</t>
  </si>
  <si>
    <t>POINT (4.681554507137847 51.807044031107246)</t>
  </si>
  <si>
    <t>POINT (4.685409201969911 51.804952788492514)</t>
  </si>
  <si>
    <t>POINT (4.660100915144735 51.808690767445675)</t>
  </si>
  <si>
    <t>POINT (4.685393501955787 51.774357848868426)</t>
  </si>
  <si>
    <t>POINT (4.680905815484157 51.80501118708059)</t>
  </si>
  <si>
    <t>POINT (4.6681685914470625 51.80414124011035)</t>
  </si>
  <si>
    <t>POINT (4.718224332011189 51.80538400084819)</t>
  </si>
  <si>
    <t>POINT (4.6822734045976775 51.78838371620358)</t>
  </si>
  <si>
    <t>POINT (4.72813130492489 51.80327936582365)</t>
  </si>
  <si>
    <t>POINT (4.734727649189821 51.802336595829374)</t>
  </si>
  <si>
    <t>POINT (4.6547134205199 51.79232710136666)</t>
  </si>
  <si>
    <t>POINT (4.652337154038891 51.78560744988133)</t>
  </si>
  <si>
    <t>POINT (4.671042170762281 51.770939381500106)</t>
  </si>
  <si>
    <t>POINT (4.681805819837177 51.80708869673606)</t>
  </si>
  <si>
    <t>POINT (4.671167576398458 51.802487971816234)</t>
  </si>
  <si>
    <t>POINT (4.733386830222758 51.79143994246198)</t>
  </si>
  <si>
    <t>POINT (4.669685833672337 51.77299638372481)</t>
  </si>
  <si>
    <t>POINT (4.653645151841013 51.79247788167703)</t>
  </si>
  <si>
    <t>POINT (4.653799363828812 51.79206626403926)</t>
  </si>
  <si>
    <t>POINT (4.668201958024504 51.791948184821436)</t>
  </si>
  <si>
    <t>POINT (4.671309972716934 51.802227332896905)</t>
  </si>
  <si>
    <t>POINT (4.688943045396622 51.818293789422654)</t>
  </si>
  <si>
    <t>POINT (4.6592726628188625 51.770206571127595)</t>
  </si>
  <si>
    <t>POINT (4.68537696141767 51.774307107543535)</t>
  </si>
  <si>
    <t>POINT (4.664723925527196 51.816922966179796)</t>
  </si>
  <si>
    <t>POINT (4.668777672049029 51.81511969921225)</t>
  </si>
  <si>
    <t>POINT (4.655463063536424 51.81019603815586)</t>
  </si>
  <si>
    <t>POINT (4.646176481049109 51.78551595629727)</t>
  </si>
  <si>
    <t>POINT (4.688537550573553 51.81926891023653)</t>
  </si>
  <si>
    <t>POINT (4.653110069120505 51.80037778312255)</t>
  </si>
  <si>
    <t>POINT (4.66267675396562 51.79288449510231)</t>
  </si>
  <si>
    <t>POINT (4.725819848121636 51.798094681530635)</t>
  </si>
  <si>
    <t>POINT (4.732450551557088 51.80050648105303)</t>
  </si>
  <si>
    <t>POINT (4.679542864798389 51.80769926274064)</t>
  </si>
  <si>
    <t>POINT (4.659351490713825 51.772418952387184)</t>
  </si>
  <si>
    <t>POINT (4.676169019647762 51.81834856248904)</t>
  </si>
  <si>
    <t>POINT (4.706373908880444 51.79270854523804)</t>
  </si>
  <si>
    <t>POINT (4.681933948304366 51.78122950667233)</t>
  </si>
  <si>
    <t>POINT (4.691474477177152 51.80662175238398)</t>
  </si>
  <si>
    <t>POINT (4.664619288728222 51.81764834624267)</t>
  </si>
  <si>
    <t>POINT (4.6733248634589 51.8051849305633)</t>
  </si>
  <si>
    <t>POINT (4.630528933451013 51.728543006361555)</t>
  </si>
  <si>
    <t>POINT (4.6527595038640435 51.80124340349897)</t>
  </si>
  <si>
    <t>POINT (4.703451566246518 51.789889385698345)</t>
  </si>
  <si>
    <t>POINT (4.6629622492174105 51.81604948251305)</t>
  </si>
  <si>
    <t>POINT (4.668798149810784 51.80925591743301)</t>
  </si>
  <si>
    <t>POINT (4.669607303781982 51.79852986179585)</t>
  </si>
  <si>
    <t>POINT (4.709484269000527 51.80479115726016)</t>
  </si>
  <si>
    <t>POINT (4.68323125511725 51.79792280415503)</t>
  </si>
  <si>
    <t>POINT (4.720437658302721 51.811305567705425)</t>
  </si>
  <si>
    <t>POINT (4.676542449419854 51.79919587037554)</t>
  </si>
  <si>
    <t>POINT (4.6586773022862795 51.80990850714144)</t>
  </si>
  <si>
    <t>POINT (4.684435663599638 51.803573303957435)</t>
  </si>
  <si>
    <t>POINT (4.684455237308013 51.810178331344886)</t>
  </si>
  <si>
    <t>POINT (4.6554745172742535 51.80763973466099)</t>
  </si>
  <si>
    <t>POINT (4.687343016542388 51.80939609271542)</t>
  </si>
  <si>
    <t>POINT (4.662733880200633 51.79303256822123)</t>
  </si>
  <si>
    <t>POINT (4.698337038382221 51.79046646061539)</t>
  </si>
  <si>
    <t>POINT (4.703353211450191 51.78926365926217)</t>
  </si>
  <si>
    <t>POINT (4.670596786285899 51.777911435727034)</t>
  </si>
  <si>
    <t>POINT (4.654903856629294 51.789677950905904)</t>
  </si>
  <si>
    <t>POINT (4.661444657778136 51.78727945927536)</t>
  </si>
  <si>
    <t>POINT (4.634788103257405 51.770725384348424)</t>
  </si>
  <si>
    <t>POINT (4.6637466399564795 51.79895303974292)</t>
  </si>
  <si>
    <t>POINT (4.680600599501717 51.798840995279136)</t>
  </si>
  <si>
    <t>POINT (4.722989416771195 51.80601113399011)</t>
  </si>
  <si>
    <t>POINT (4.652540699052124 51.78574529045447)</t>
  </si>
  <si>
    <t>POINT (4.702874657704099 51.816212039947594)</t>
  </si>
  <si>
    <t>POINT (4.683831250987482 51.811202078308916)</t>
  </si>
  <si>
    <t>POINT (4.698613695632932 51.79347329490562)</t>
  </si>
  <si>
    <t>POINT (4.7025284203164315 51.81738419810856)</t>
  </si>
  <si>
    <t>POINT (4.71642952937475 51.79439551109136)</t>
  </si>
  <si>
    <t>POINT (4.683737494667278 51.81303057468645)</t>
  </si>
  <si>
    <t>POINT (4.672878389208768 51.81925713651965)</t>
  </si>
  <si>
    <t>POINT (4.662688502979386 51.81239935061862)</t>
  </si>
  <si>
    <t>POINT (4.658982292458942 51.80117013751904)</t>
  </si>
  <si>
    <t>POINT (4.669924388355432 51.817136697328856)</t>
  </si>
  <si>
    <t>POINT (4.66161696015427 51.8135925484125)</t>
  </si>
  <si>
    <t>POINT (4.693230244675921 51.810654269105314)</t>
  </si>
  <si>
    <t>POINT (4.661568213485939 51.81316395430037)</t>
  </si>
  <si>
    <t>POINT (4.6781601796459125 51.81421470418643)</t>
  </si>
  <si>
    <t>POINT (4.6803658590497506 51.78545888551776)</t>
  </si>
  <si>
    <t>POINT (4.680417962266175 51.81638165688911)</t>
  </si>
  <si>
    <t>POINT (4.666868291370665 51.81479832611131)</t>
  </si>
  <si>
    <t>POINT (4.7191497769437705 51.81116640690317)</t>
  </si>
  <si>
    <t>POINT (4.732060574599655 51.80240665934081)</t>
  </si>
  <si>
    <t>POINT (4.676711370986024 51.773028054215594)</t>
  </si>
  <si>
    <t>POINT (4.657293602551504 51.81043051981933)</t>
  </si>
  <si>
    <t>POINT (4.6635329012865485 51.80173971776668)</t>
  </si>
  <si>
    <t>POINT (4.660197220641504 51.80494359285344)</t>
  </si>
  <si>
    <t>POINT (4.668440140416783 51.7743468162734)</t>
  </si>
  <si>
    <t>POINT (4.690500934885698 51.81841360824174)</t>
  </si>
  <si>
    <t>POINT (4.667132804140699 51.80403201275521)</t>
  </si>
  <si>
    <t>POINT (4.6906815125092765 51.8184197766243)</t>
  </si>
  <si>
    <t>POINT (4.657319934112965 51.790754062472466)</t>
  </si>
  <si>
    <t>POINT (4.7137327891100655 51.815885885961926)</t>
  </si>
  <si>
    <t>POINT (4.6601839142100765 51.79670856144365)</t>
  </si>
  <si>
    <t>POINT (4.66983689876524 51.81114544515602)</t>
  </si>
  <si>
    <t>POINT (4.664077985688645 51.8169559583517)</t>
  </si>
  <si>
    <t>POINT (4.6916422207777355 51.8192349921101)</t>
  </si>
  <si>
    <t>POINT (4.681296386772146 51.7921827621725)</t>
  </si>
  <si>
    <t>POINT (4.728413190261948 51.803354835395474)</t>
  </si>
  <si>
    <t>POINT (4.666546538052759 51.81317881137942)</t>
  </si>
  <si>
    <t>POINT (4.674790730089976 51.80693996224526)</t>
  </si>
  <si>
    <t>POINT (4.730218277423122 51.79328258556514)</t>
  </si>
  <si>
    <t>POINT (4.659225453675346 51.769893425398756)</t>
  </si>
  <si>
    <t>POINT (4.655615619650748 51.78757061070891)</t>
  </si>
  <si>
    <t>POINT (4.653770656042794 51.78550902441525)</t>
  </si>
  <si>
    <t>POINT (4.677029866325665 51.775737661015945)</t>
  </si>
  <si>
    <t>POINT (4.7039347765082695 51.78946406167159)</t>
  </si>
  <si>
    <t>POINT (4.664812569670348 51.80025732322622)</t>
  </si>
  <si>
    <t>POINT (4.655867516406498 51.787669367380914)</t>
  </si>
  <si>
    <t>POINT (4.658041979278679 51.78171862197003)</t>
  </si>
  <si>
    <t>POINT (4.677989256661871 51.81726044240314)</t>
  </si>
  <si>
    <t>POINT (4.664107263879736 51.78721601967836)</t>
  </si>
  <si>
    <t>POINT (4.652088012668244 51.790174610673155)</t>
  </si>
  <si>
    <t>POINT (4.661010686582456 51.79174309129711)</t>
  </si>
  <si>
    <t>POINT (4.670309781112462 51.80607412662249)</t>
  </si>
  <si>
    <t>POINT (4.677533852704089 51.808600073503904)</t>
  </si>
  <si>
    <t>POINT (4.661611000093668 51.81662191239483)</t>
  </si>
  <si>
    <t>POINT (4.680768582778356 51.77897682893783)</t>
  </si>
  <si>
    <t>POINT (4.6834827245238255 51.812748061584635)</t>
  </si>
  <si>
    <t>POINT (4.656632502694005 51.79854979558908)</t>
  </si>
  <si>
    <t>POINT (4.733548025876548 51.79874105649117)</t>
  </si>
  <si>
    <t>POINT (4.6520368098436276 51.793091657382256)</t>
  </si>
  <si>
    <t>POINT (4.652820928394367 51.7889516843583)</t>
  </si>
  <si>
    <t>POINT (4.652249190626113 51.78774490119861)</t>
  </si>
  <si>
    <t>POINT (4.6577362613211895 51.803847293991446)</t>
  </si>
  <si>
    <t>POINT (4.669917896976457 51.81503166354217)</t>
  </si>
  <si>
    <t>POINT (4.661344635316496 51.80550466943164)</t>
  </si>
  <si>
    <t>POINT (4.651218948667743 51.79054010782326)</t>
  </si>
  <si>
    <t>POINT (4.66592714190367 51.77830341235418)</t>
  </si>
  <si>
    <t>POINT (4.678620039574918 51.773369702827154)</t>
  </si>
  <si>
    <t>POINT (4.686929219920342 51.776957086131134)</t>
  </si>
  <si>
    <t>POINT (4.663555778375112 51.8017623935151)</t>
  </si>
  <si>
    <t>POINT (4.675248071001514 51.777668509394836)</t>
  </si>
  <si>
    <t>POINT (4.674822380333081 51.81553726256855)</t>
  </si>
  <si>
    <t>POINT (4.721990551260216 51.801854943238496)</t>
  </si>
  <si>
    <t>POINT (4.671103733942275 51.80252389648473)</t>
  </si>
  <si>
    <t>POINT (4.658695008162695 51.813285720345505)</t>
  </si>
  <si>
    <t>POINT (4.6728206726349555 51.78838596530566)</t>
  </si>
  <si>
    <t>POINT (4.715468896635951 51.80562594590128)</t>
  </si>
  <si>
    <t>POINT (4.677636177934123 51.77818802047579)</t>
  </si>
  <si>
    <t>POINT (4.641964469224074 51.77639298075655)</t>
  </si>
  <si>
    <t>POINT (4.717230029322056 51.81531786626454)</t>
  </si>
  <si>
    <t>POINT (4.652454233706737 51.79083688329487)</t>
  </si>
  <si>
    <t>POINT (4.735344323638473 51.800019733153704)</t>
  </si>
  <si>
    <t>POINT (4.698895740537584 51.79591851099242)</t>
  </si>
  <si>
    <t>POINT (4.684647904459361 51.77922769635087)</t>
  </si>
  <si>
    <t>POINT (4.7103972519095 51.80866103325287)</t>
  </si>
  <si>
    <t>POINT (4.672055048001903 51.80598815705764)</t>
  </si>
  <si>
    <t>POINT (4.664544328593253 51.80068895333064)</t>
  </si>
  <si>
    <t>POINT (4.67917426376943 51.78812057747917)</t>
  </si>
  <si>
    <t>POINT (4.663379710419293 51.79916428510239)</t>
  </si>
  <si>
    <t>POINT (4.67351415321253 51.81682253185281)</t>
  </si>
  <si>
    <t>POINT (4.6628862113921254 51.787087759176)</t>
  </si>
  <si>
    <t>POINT (4.720142084492146 51.811994071346945)</t>
  </si>
  <si>
    <t>POINT (4.668650039108244 51.813730859716124)</t>
  </si>
  <si>
    <t>POINT (4.67306424170712 51.812902676259846)</t>
  </si>
  <si>
    <t>POINT (4.635836775322408 51.775975000265916)</t>
  </si>
  <si>
    <t>POINT (4.675284727265163 51.8176423555175)</t>
  </si>
  <si>
    <t>POINT (4.692626259865121 51.796047304062505)</t>
  </si>
  <si>
    <t>POINT (4.662675156000915 51.79293344669415)</t>
  </si>
  <si>
    <t>POINT (4.685048136032404 51.81361015671803)</t>
  </si>
  <si>
    <t>POINT (4.678680988537929 51.78564617554488)</t>
  </si>
  <si>
    <t>POINT (4.6547884102604 51.79251606280089)</t>
  </si>
  <si>
    <t>POINT (4.651040634736289 51.79323769732067)</t>
  </si>
  <si>
    <t>POINT (4.6814532614093975 51.77358245233084)</t>
  </si>
  <si>
    <t>POINT (4.7046629778970885 51.79820327999436)</t>
  </si>
  <si>
    <t>POINT (4.681708832741328 51.7877125254002)</t>
  </si>
  <si>
    <t>POINT (4.7269293863390525 51.793608405139416)</t>
  </si>
  <si>
    <t>POINT (4.678639937877682 51.786997692553705)</t>
  </si>
  <si>
    <t>POINT (4.699128008187015 51.79295880769047)</t>
  </si>
  <si>
    <t>POINT (4.712789041754093 51.767871493482346)</t>
  </si>
  <si>
    <t>POINT (4.670267401601939 51.79064469133232)</t>
  </si>
  <si>
    <t>POINT (4.65927790704882 51.79548067796144)</t>
  </si>
  <si>
    <t>POINT (4.658556015483045 51.769966876642364)</t>
  </si>
  <si>
    <t>POINT (4.665026869515523 51.78684610959293)</t>
  </si>
  <si>
    <t>POINT (4.683265690622914 51.77724272204079)</t>
  </si>
  <si>
    <t>POINT (4.662905649815071 51.795217568499645)</t>
  </si>
  <si>
    <t>POINT (4.667951032663566 51.79257083986368)</t>
  </si>
  <si>
    <t>POINT (4.665300117382276 51.809906300037895)</t>
  </si>
  <si>
    <t>POINT (4.657524927496333 51.80767772503526)</t>
  </si>
  <si>
    <t>POINT (4.707547016497759 51.790414392460846)</t>
  </si>
  <si>
    <t>POINT (4.663767745800236 51.800999508970065)</t>
  </si>
  <si>
    <t>POINT (4.668611410047313 51.77568904502016)</t>
  </si>
  <si>
    <t>POINT (4.664218856670884 51.80158010065985)</t>
  </si>
  <si>
    <t>POINT (4.630460670759536 51.7308943124297)</t>
  </si>
  <si>
    <t>POINT (4.664597725261349 51.81269983880512)</t>
  </si>
  <si>
    <t>POINT (4.717336480844679 51.80441982037483)</t>
  </si>
  <si>
    <t>POINT (4.659215772836886 51.80938017701518)</t>
  </si>
  <si>
    <t>POINT (4.698459552523846 51.7932745943544)</t>
  </si>
  <si>
    <t>POINT (4.6536948223975445 51.8008257787908)</t>
  </si>
  <si>
    <t>POINT (4.650951679639155 51.80299874888462)</t>
  </si>
  <si>
    <t>POINT (4.667924178373351 51.77874757481871)</t>
  </si>
  <si>
    <t>POINT (4.677074352173221 51.816785539966574)</t>
  </si>
  <si>
    <t>POINT (4.666254817185447 51.8091130126029)</t>
  </si>
  <si>
    <t>POINT (4.678517804660609 51.789832968437025)</t>
  </si>
  <si>
    <t>POINT (4.689253658014234 51.81037050851595)</t>
  </si>
  <si>
    <t>POINT (4.668336160636109 51.79309852686035)</t>
  </si>
  <si>
    <t>POINT (4.674880103938607 51.8040800196156)</t>
  </si>
  <si>
    <t>POINT (4.721149724162987 51.795236631406695)</t>
  </si>
  <si>
    <t>POINT (4.719741354706219 51.7945176879696)</t>
  </si>
  <si>
    <t>POINT (4.665986174954946 51.817354482984676)</t>
  </si>
  <si>
    <t>POINT (4.655626358677447 51.79439336938429)</t>
  </si>
  <si>
    <t>POINT (4.686335195884654 51.7814175492971)</t>
  </si>
  <si>
    <t>POINT (4.69212206216725 51.78968162867148)</t>
  </si>
  <si>
    <t>POINT (4.667515897528152 51.80300372024347)</t>
  </si>
  <si>
    <t>POINT (4.664413265459814 51.8010499498739)</t>
  </si>
  <si>
    <t>POINT (4.690634153930264 51.81504573019901)</t>
  </si>
  <si>
    <t>POINT (4.67151025093594 51.80030811294484)</t>
  </si>
  <si>
    <t>POINT (4.659092190016023 51.80434549179572)</t>
  </si>
  <si>
    <t>POINT (4.682413724939814 51.78647679052708)</t>
  </si>
  <si>
    <t>POINT (4.681223547634727 51.81067791242093)</t>
  </si>
  <si>
    <t>POINT (4.679193650015242 51.816100329709805)</t>
  </si>
  <si>
    <t>POINT (4.680390467939016 51.81307820208701)</t>
  </si>
  <si>
    <t>POINT (4.669511184349388 51.81297462673313)</t>
  </si>
  <si>
    <t>POINT (4.6703934666946 51.801167040865884)</t>
  </si>
  <si>
    <t>POINT (4.681935671078199 51.78535863624023)</t>
  </si>
  <si>
    <t>POINT (4.669914062706459 51.802190232607934)</t>
  </si>
  <si>
    <t>POINT (4.684927034321396 51.804027603093985)</t>
  </si>
  <si>
    <t>POINT (4.6688145806242884 51.809241267599354)</t>
  </si>
  <si>
    <t>POINT (4.7346127990316225 51.80295533690739)</t>
  </si>
  <si>
    <t>POINT (4.682226164494336 51.78674211528551)</t>
  </si>
  <si>
    <t>POINT (4.672122619223766 51.780953052902355)</t>
  </si>
  <si>
    <t>151A</t>
  </si>
  <si>
    <t>POINT (4.628328570758382 51.72169011906442)</t>
  </si>
  <si>
    <t>POINT (4.665096961700483 51.81736044872202)</t>
  </si>
  <si>
    <t>POINT (4.691330246866725 51.81838050632718)</t>
  </si>
  <si>
    <t>POINT (4.6716515611126805 51.778989329532166)</t>
  </si>
  <si>
    <t>POINT (4.713059806121283 51.7955617197967)</t>
  </si>
  <si>
    <t>POINT (4.721653978630059 51.81251484582262)</t>
  </si>
  <si>
    <t>POINT (4.673665205832534 51.77644910920985)</t>
  </si>
  <si>
    <t>POINT (4.702966750845322 51.81554418128977)</t>
  </si>
  <si>
    <t>POINT (4.683608572196448 51.81206226200642)</t>
  </si>
  <si>
    <t>POINT (4.713974214718409 51.809021802226255)</t>
  </si>
  <si>
    <t>POINT (4.665260078732069 51.78895526160383)</t>
  </si>
  <si>
    <t>POINT (4.684039094469242 51.781838842069995)</t>
  </si>
  <si>
    <t>POINT (4.685572428547894 51.791186427410395)</t>
  </si>
  <si>
    <t>POINT (4.676847296901416 51.78634651400531)</t>
  </si>
  <si>
    <t>POINT (4.67846170249036 51.786281223544876)</t>
  </si>
  <si>
    <t>POINT (4.695638458360607 51.7913993742436)</t>
  </si>
  <si>
    <t>POINT (4.646152858770629 51.80077696621559)</t>
  </si>
  <si>
    <t>POINT (4.661432615679789 51.79194922459368)</t>
  </si>
  <si>
    <t>POINT (4.6625405636067825 51.81483576285839)</t>
  </si>
  <si>
    <t>POINT (4.6755004407244956 51.783229509544995)</t>
  </si>
  <si>
    <t>POINT (4.6724413447781465 51.81652274766826)</t>
  </si>
  <si>
    <t>POINT (4.6744156592215775 51.77175032012976)</t>
  </si>
  <si>
    <t>POINT (4.68707721066827 51.80871098210468)</t>
  </si>
  <si>
    <t>POINT (4.673597966947822 51.81765263259094)</t>
  </si>
  <si>
    <t>POINT (4.699319923979891 51.78978973593581)</t>
  </si>
  <si>
    <t>POINT (4.695775923563849 51.81501028080599)</t>
  </si>
  <si>
    <t>POINT (4.681876367255525 51.780564122607096)</t>
  </si>
  <si>
    <t>POINT (4.680745780901096 51.78209413441635)</t>
  </si>
  <si>
    <t>POINT (4.634656369426014 51.76797769381033)</t>
  </si>
  <si>
    <t>POINT (4.691481009665062 51.79114164426111)</t>
  </si>
  <si>
    <t>POINT (4.675038393247657 51.780799746439506)</t>
  </si>
  <si>
    <t>POINT (4.714086077770705 51.80610830739267)</t>
  </si>
  <si>
    <t>POINT (4.663606056444796 51.81454931541397)</t>
  </si>
  <si>
    <t>POINT (4.6660412117389285 51.81044633951732)</t>
  </si>
  <si>
    <t>POINT (4.667190047878886 51.78244704860486)</t>
  </si>
  <si>
    <t>POINT (4.668196915390722 51.81514855570177)</t>
  </si>
  <si>
    <t>POINT (4.6934178196009855 51.79542581860523)</t>
  </si>
  <si>
    <t>POINT (4.668295707811326 51.7991350409622)</t>
  </si>
  <si>
    <t>POINT (4.684300945319432 51.802687328409895)</t>
  </si>
  <si>
    <t>POINT (4.652501606097604 51.7877250802433)</t>
  </si>
  <si>
    <t>POINT (4.728627454399412 51.805127060261384)</t>
  </si>
  <si>
    <t>POINT (4.709556979718376 51.806414343159645)</t>
  </si>
  <si>
    <t>POINT (4.652060814163916 51.79352931532825)</t>
  </si>
  <si>
    <t>POINT (4.67962795086755 51.814435632621425)</t>
  </si>
  <si>
    <t>POINT (4.72567734866795 51.797920199566065)</t>
  </si>
  <si>
    <t>POINT (4.662604894406021 51.787932128874296)</t>
  </si>
  <si>
    <t>POINT (4.6708407033271 51.81556729917232)</t>
  </si>
  <si>
    <t>POINT (4.661781249169221 51.78823120726007)</t>
  </si>
  <si>
    <t>POINT (4.666859821428299 51.81548543138496)</t>
  </si>
  <si>
    <t>POINT (4.671262493589203 51.81837057174295)</t>
  </si>
  <si>
    <t>POINT (4.680602794393659 51.801068960635504)</t>
  </si>
  <si>
    <t>POINT (4.683727416093374 51.809287750854985)</t>
  </si>
  <si>
    <t>POINT (4.678041517042403 51.787649181463806)</t>
  </si>
  <si>
    <t>POINT (4.6663664684671495 51.77204921103657)</t>
  </si>
  <si>
    <t>POINT (4.662234916049868 51.79094605722124)</t>
  </si>
  <si>
    <t>POINT (4.70419655952441 51.79861971603418)</t>
  </si>
  <si>
    <t>POINT (4.682795586790067 51.775566185347635)</t>
  </si>
  <si>
    <t>POINT (4.691841196359216 51.78983531555629)</t>
  </si>
  <si>
    <t>POINT (4.688161666714115 51.78994971600495)</t>
  </si>
  <si>
    <t>POINT (4.6817724897617605 51.78825853076051)</t>
  </si>
  <si>
    <t>POINT (4.716651747906597 51.80469343382407)</t>
  </si>
  <si>
    <t>POINT (4.703687030735594 51.81675236239841)</t>
  </si>
  <si>
    <t>POINT (4.657213406375968 51.79040769387967)</t>
  </si>
  <si>
    <t>POINT (4.672090972100786 51.81670047652141)</t>
  </si>
  <si>
    <t>POINT (4.662973850638024 51.78723519374549)</t>
  </si>
  <si>
    <t>POINT (4.668397485321838 51.781136592533116)</t>
  </si>
  <si>
    <t>POINT (4.710467946250826 51.805420161467744)</t>
  </si>
  <si>
    <t>POINT (4.666526455810456 51.80275149196412)</t>
  </si>
  <si>
    <t>POINT (4.6627975569637234 51.8100905705432)</t>
  </si>
  <si>
    <t>POINT (4.664589166521023 51.799609723410214)</t>
  </si>
  <si>
    <t>POINT (4.707597292800054 51.78946602868644)</t>
  </si>
  <si>
    <t>POINT (4.6820753055035444 51.77417215856795)</t>
  </si>
  <si>
    <t>POINT (4.720219139509664 51.80506471831551)</t>
  </si>
  <si>
    <t>POINT (4.663141144461061 51.816587605908815)</t>
  </si>
  <si>
    <t>POINT (4.681807446232554 51.785308849891045)</t>
  </si>
  <si>
    <t>POINT (4.71091811531463 51.799543405141605)</t>
  </si>
  <si>
    <t>POINT (4.716477066956631 51.80103917043407)</t>
  </si>
  <si>
    <t>POINT (4.666269760328688 51.81581641152211)</t>
  </si>
  <si>
    <t>POINT (4.662782024396102 51.79321824850553)</t>
  </si>
  <si>
    <t>POINT (4.653665637693438 51.79285383673105)</t>
  </si>
  <si>
    <t>POINT (4.65170828323467 51.790559419384984)</t>
  </si>
  <si>
    <t>POINT (4.653663677008356 51.785830250435374)</t>
  </si>
  <si>
    <t>POINT (4.68157234984093 51.81913720982054)</t>
  </si>
  <si>
    <t>POINT (4.696424092437203 51.759157609827405)</t>
  </si>
  <si>
    <t>POINT (4.661844891010845 51.772226554085414)</t>
  </si>
  <si>
    <t>POINT (4.671899242816325 51.8123211508104)</t>
  </si>
  <si>
    <t>POINT (4.751910651348884 51.78723729978488)</t>
  </si>
  <si>
    <t>POINT (4.680081876979451 51.7987561720163)</t>
  </si>
  <si>
    <t>POINT (4.684683933992688 51.80386246414115)</t>
  </si>
  <si>
    <t>POINT (4.678001904462947 51.778329557347995)</t>
  </si>
  <si>
    <t>POINT (4.657388315619426 51.798867468063456)</t>
  </si>
  <si>
    <t>POINT (4.709717633303967 51.8081711673053)</t>
  </si>
  <si>
    <t>POINT (4.720500233995221 51.80498465394675)</t>
  </si>
  <si>
    <t>POINT (4.727274996860872 51.79741510007206)</t>
  </si>
  <si>
    <t>POINT (4.659238938482645 51.81281154491175)</t>
  </si>
  <si>
    <t>POINT (4.713590379664903 51.814948650473745)</t>
  </si>
  <si>
    <t>POINT (4.676621758421336 51.78368448427269)</t>
  </si>
  <si>
    <t>POINT (4.684719951629887 51.78867573839823)</t>
  </si>
  <si>
    <t>POINT (4.67894141633147 51.79987277038919)</t>
  </si>
  <si>
    <t>POINT (4.670420359719513 51.80605294167844)</t>
  </si>
  <si>
    <t>POINT (4.658969781505956 51.800428420444234)</t>
  </si>
  <si>
    <t>POINT (4.679178664177595 51.78009092886829)</t>
  </si>
  <si>
    <t>POINT (4.713363549586829 51.81936016583469)</t>
  </si>
  <si>
    <t>POINT (4.666253300841511 51.817600121788885)</t>
  </si>
  <si>
    <t>POINT (4.666308574686785 51.814598109117604)</t>
  </si>
  <si>
    <t>POINT (4.7094160414713535 51.78646694684859)</t>
  </si>
  <si>
    <t>POINT (4.67102423318856 51.81809899957869)</t>
  </si>
  <si>
    <t>POINT (4.643155672655664 51.76612560372393)</t>
  </si>
  <si>
    <t>POINT (4.706630049164354 51.7977822352732)</t>
  </si>
  <si>
    <t>POINT (4.670848992886208 51.777038968049176)</t>
  </si>
  <si>
    <t>POINT (4.6744774812339625 51.785313000562496)</t>
  </si>
  <si>
    <t>POINT (4.6633463415733285 51.7996391497372)</t>
  </si>
  <si>
    <t>POINT (4.683911317800064 51.79810586522213)</t>
  </si>
  <si>
    <t>POINT (4.633860985651416 51.78378239539883)</t>
  </si>
  <si>
    <t>POINT (4.721774790771982 51.79424878392241)</t>
  </si>
  <si>
    <t>POINT (4.666849067402877 51.79625854997496)</t>
  </si>
  <si>
    <t>POINT (4.655123090167181 51.79360254957116)</t>
  </si>
  <si>
    <t>POINT (4.7321564910600635 51.804781803340276)</t>
  </si>
  <si>
    <t>POINT (4.709407136245401 51.80476197502252)</t>
  </si>
  <si>
    <t>POINT (4.704958367080811 51.788478020240355)</t>
  </si>
  <si>
    <t>POINT (4.733582134565937 51.80269992291567)</t>
  </si>
  <si>
    <t>POINT (4.668396781246533 51.80054343292123)</t>
  </si>
  <si>
    <t>POINT (4.66174511049777 51.81348205181978)</t>
  </si>
  <si>
    <t>POINT (4.661080439659822 51.79433022021038)</t>
  </si>
  <si>
    <t>POINT (4.672553042350519 51.78916079690311)</t>
  </si>
  <si>
    <t>POINT (4.674836941957568 51.81646969152506)</t>
  </si>
  <si>
    <t>POINT (4.677759165368541 51.81730345573354)</t>
  </si>
  <si>
    <t>POINT (4.732673126797077 51.79683980073208)</t>
  </si>
  <si>
    <t>POINT (4.725211898554171 51.79526844019898)</t>
  </si>
  <si>
    <t>POINT (4.659342201360603 51.77227171333711)</t>
  </si>
  <si>
    <t>POINT (4.65533303685114 51.80065069788028)</t>
  </si>
  <si>
    <t>POINT (4.678412322432344 51.80649805132822)</t>
  </si>
  <si>
    <t>POINT (4.680386220788508 51.79876175415121)</t>
  </si>
  <si>
    <t>POINT (4.667877896047232 51.810538654404446)</t>
  </si>
  <si>
    <t>POINT (4.6712243829189655 51.79909516113695)</t>
  </si>
  <si>
    <t>POINT (4.681510181369613 51.789121862874964)</t>
  </si>
  <si>
    <t>POINT (4.737986448969852 51.78289949432188)</t>
  </si>
  <si>
    <t>POINT (4.669438991042636 51.8141498409453)</t>
  </si>
  <si>
    <t>POINT (4.690577674940843 51.807461527992835)</t>
  </si>
  <si>
    <t>POINT (4.685938759452771 51.806475659859395)</t>
  </si>
  <si>
    <t>POINT (4.6661259429156585 51.779629301421515)</t>
  </si>
  <si>
    <t>POINT (4.697042937084601 51.79588113679935)</t>
  </si>
  <si>
    <t>POINT (4.6803821762692825 51.802561100659275)</t>
  </si>
  <si>
    <t>POINT (4.6801013300821035 51.774295832712006)</t>
  </si>
  <si>
    <t>POINT (4.681808667917623 51.80816817231082)</t>
  </si>
  <si>
    <t>POINT (4.6698415998087635 51.80424739855566)</t>
  </si>
  <si>
    <t>POINT (4.687558244264113 51.80698551048461)</t>
  </si>
  <si>
    <t>POINT (4.670544561136248 51.77947007355326)</t>
  </si>
  <si>
    <t>POINT (4.716243735491763 51.800485555753454)</t>
  </si>
  <si>
    <t>POINT (4.671656166647374 51.815349975184915)</t>
  </si>
  <si>
    <t>POINT (4.692978170924636 51.786826113055476)</t>
  </si>
  <si>
    <t>POINT (4.672942448176938 51.781890347589886)</t>
  </si>
  <si>
    <t>POINT (4.66955730065396 51.77997684309196)</t>
  </si>
  <si>
    <t>POINT (4.669562768128648 51.80952983392119)</t>
  </si>
  <si>
    <t>POINT (4.711402851322966 51.7935089568417)</t>
  </si>
  <si>
    <t>POINT (4.669131942496981 51.79113233182565)</t>
  </si>
  <si>
    <t>POINT (4.650375438944816 51.79247113464146)</t>
  </si>
  <si>
    <t>POINT (4.633103635932077 51.779022719321)</t>
  </si>
  <si>
    <t>POINT (4.684454742488043 51.775162487298736)</t>
  </si>
  <si>
    <t>POINT (4.678718315950212 51.80714117823378)</t>
  </si>
  <si>
    <t>POINT (4.708979655386846 51.78713922208706)</t>
  </si>
  <si>
    <t>POINT (4.672199129018768 51.79946162363982)</t>
  </si>
  <si>
    <t>POINT (4.67799290487059 51.78762335069535)</t>
  </si>
  <si>
    <t>POINT (4.659165847526956 51.790711510596594)</t>
  </si>
  <si>
    <t>POINT (4.66994430335575 51.79744629537739)</t>
  </si>
  <si>
    <t>POINT (4.731604531786548 51.791682864676375)</t>
  </si>
  <si>
    <t>POINT (4.669824186608351 51.80112470350057)</t>
  </si>
  <si>
    <t>POINT (4.661907950108746 51.80182622285545)</t>
  </si>
  <si>
    <t>POINT (4.682461176723934 51.80433062231406)</t>
  </si>
  <si>
    <t>POINT (4.703927729298647 51.796542461728045)</t>
  </si>
  <si>
    <t>POINT (4.655981749637711 51.78385292270472)</t>
  </si>
  <si>
    <t>POINT (4.686056048306622 51.79178365062691)</t>
  </si>
  <si>
    <t>POINT (4.672017944221757 51.773725563677054)</t>
  </si>
  <si>
    <t>POINT (4.659230915493994 51.810390365713694)</t>
  </si>
  <si>
    <t>POINT (4.671923053851923 51.77584033473161)</t>
  </si>
  <si>
    <t>POINT (4.667833144015444 51.81665180343269)</t>
  </si>
  <si>
    <t>POINT (4.668290888808056 51.8153980008247)</t>
  </si>
  <si>
    <t>POINT (4.665584834677198 51.81426685075638)</t>
  </si>
  <si>
    <t>POINT (4.661603270591885 51.80406973246837)</t>
  </si>
  <si>
    <t>POINT (4.705488243835524 51.807562878225404)</t>
  </si>
  <si>
    <t>POINT (4.675908125911475 51.806954228469955)</t>
  </si>
  <si>
    <t>POINT (4.656861354370371 51.78981694887967)</t>
  </si>
  <si>
    <t>POINT (4.642829663943354 51.76940332101149)</t>
  </si>
  <si>
    <t>POINT (4.7305927781034045 51.80411216526557)</t>
  </si>
  <si>
    <t>POINT (4.715666874787849 51.80326469197281)</t>
  </si>
  <si>
    <t>POINT (4.657587569846802 51.79654266507429)</t>
  </si>
  <si>
    <t>POINT (4.675523388669239 51.80750592172872)</t>
  </si>
  <si>
    <t>POINT (4.700641112984149 51.79968937960774)</t>
  </si>
  <si>
    <t>POINT (4.670486598773324 51.77102765447213)</t>
  </si>
  <si>
    <t>POINT (4.669278027787543 51.813483289937814)</t>
  </si>
  <si>
    <t>POINT (4.685346632589841 51.79217079386098)</t>
  </si>
  <si>
    <t>POINT (4.65091148563778 51.8031392597357)</t>
  </si>
  <si>
    <t>POINT (4.6571250578128724 51.80374664838702)</t>
  </si>
  <si>
    <t>POINT (4.6698727906704045 51.81102233991095)</t>
  </si>
  <si>
    <t>POINT (4.684222933026813 51.80495465822455)</t>
  </si>
  <si>
    <t>POINT (4.6682548349950475 51.817336807475634)</t>
  </si>
  <si>
    <t>POINT (4.663965510878408 51.788672907197935)</t>
  </si>
  <si>
    <t>POINT (4.652180673597797 51.787706908055064)</t>
  </si>
  <si>
    <t>POINT (4.684363729369816 51.80999917851569)</t>
  </si>
  <si>
    <t>POINT (4.667871089489805 51.79489258854141)</t>
  </si>
  <si>
    <t>POINT (4.728810608596406 51.79802419565543)</t>
  </si>
  <si>
    <t>POINT (4.699951560148679 51.79936392598149)</t>
  </si>
  <si>
    <t>POINT (4.6731451688723356 51.7968062929733)</t>
  </si>
  <si>
    <t>POINT (4.685529709670587 51.7849852806069)</t>
  </si>
  <si>
    <t>POINT (4.711379373687977 51.816442371788234)</t>
  </si>
  <si>
    <t>POINT (4.6982822627728495 51.792600256890296)</t>
  </si>
  <si>
    <t>POINT (4.686504844093777 51.8018261012358)</t>
  </si>
  <si>
    <t>POINT (4.7120982081964655 51.76921417659992)</t>
  </si>
  <si>
    <t>POINT (4.631983485963891 51.778749031804345)</t>
  </si>
  <si>
    <t>POINT (4.704616719294433 51.79850107490531)</t>
  </si>
  <si>
    <t>POINT (4.686211060535154 51.789846059284415)</t>
  </si>
  <si>
    <t>POINT (4.650556394808192 51.802446860399)</t>
  </si>
  <si>
    <t>POINT (4.668123107749738 51.77188757323626)</t>
  </si>
  <si>
    <t>POINT (4.718504214802276 51.793103172540725)</t>
  </si>
  <si>
    <t>POINT (4.661645748805279 51.77047737478216)</t>
  </si>
  <si>
    <t>POINT (4.683812607139895 51.801448701871294)</t>
  </si>
  <si>
    <t>POINT (4.728715642635803 51.799268140256075)</t>
  </si>
  <si>
    <t>POINT (4.705486413260068 51.79344412053222)</t>
  </si>
  <si>
    <t>POINT (4.715069716687109 51.813813364160204)</t>
  </si>
  <si>
    <t>POINT (4.698350549929186 51.79632999448671)</t>
  </si>
  <si>
    <t>POINT (4.683026600299347 51.8043316798845)</t>
  </si>
  <si>
    <t>POINT (4.6984995149987725 51.79472078256177)</t>
  </si>
  <si>
    <t>POINT (4.666659331891253 51.80956936266456)</t>
  </si>
  <si>
    <t>POINT (4.67691464105537 51.77492560651793)</t>
  </si>
  <si>
    <t>POINT (4.6895693819646675 51.808475112974)</t>
  </si>
  <si>
    <t>POINT (4.668228167422255 51.81342902486535)</t>
  </si>
  <si>
    <t>POINT (4.654718649960933 51.79310487309146)</t>
  </si>
  <si>
    <t>POINT (4.662985451491926 51.80999011322618)</t>
  </si>
  <si>
    <t>POINT (4.677594116743278 51.7905061928069)</t>
  </si>
  <si>
    <t>POINT (4.711771144318478 51.805111638182844)</t>
  </si>
  <si>
    <t>POINT (4.651033827679027 51.79373830786316)</t>
  </si>
  <si>
    <t>POINT (4.672367109030494 51.79624751005875)</t>
  </si>
  <si>
    <t>POINT (4.686686333604659 51.78121493837167)</t>
  </si>
  <si>
    <t>POINT (4.685901637253037 51.803987383181436)</t>
  </si>
  <si>
    <t>POINT (4.671912315643169 51.81150172405306)</t>
  </si>
  <si>
    <t>POINT (4.686763740556255 51.81544836966841)</t>
  </si>
  <si>
    <t>POINT (4.66985093843676 51.79017874207379)</t>
  </si>
  <si>
    <t>POINT (4.700545306686758 51.793197958680935)</t>
  </si>
  <si>
    <t>POINT (4.720376945725854 51.800880942810466)</t>
  </si>
  <si>
    <t>POINT (4.671544293389112 51.77843403577214)</t>
  </si>
  <si>
    <t>POINT (4.658462749409884 51.810821585128856)</t>
  </si>
  <si>
    <t>POINT (4.657677755569079 51.791523078943406)</t>
  </si>
  <si>
    <t>POINT (4.678604244228559 51.78983334677359)</t>
  </si>
  <si>
    <t>POINT (4.653450392921638 51.79053052676294)</t>
  </si>
  <si>
    <t>POINT (4.671741284151909 51.81932593068373)</t>
  </si>
  <si>
    <t>POINT (4.687027606141643 51.80436382944)</t>
  </si>
  <si>
    <t>POINT (4.660418002711436 51.79629684618373)</t>
  </si>
  <si>
    <t>POINT (4.67710603987036 51.81824315370757)</t>
  </si>
  <si>
    <t>POINT (4.672613490712484 51.7837272620582)</t>
  </si>
  <si>
    <t>POINT (4.722077193947279 51.80035371946482)</t>
  </si>
  <si>
    <t>POINT (4.683179872831117 51.79818686189856)</t>
  </si>
  <si>
    <t>POINT (4.660516746545671 51.807326055974066)</t>
  </si>
  <si>
    <t>POINT (4.662758573001273 51.78668368809666)</t>
  </si>
  <si>
    <t>POINT (4.652496359942152 51.790052513348094)</t>
  </si>
  <si>
    <t>POINT (4.670165315589172 51.819176539100695)</t>
  </si>
  <si>
    <t>POINT (4.6678983728637675 51.81665312008787)</t>
  </si>
  <si>
    <t>POINT (4.674715394753051 51.80388907079654)</t>
  </si>
  <si>
    <t>POINT (4.66430491633198 51.787720695323664)</t>
  </si>
  <si>
    <t>POINT (4.671577552469518 51.80590435677596)</t>
  </si>
  <si>
    <t>POINT (4.680499328988432 51.80624788224403)</t>
  </si>
  <si>
    <t>POINT (4.680704690611158 51.78201671895783)</t>
  </si>
  <si>
    <t>POINT (4.656787816559395 51.80034269598692)</t>
  </si>
  <si>
    <t>POINT (4.733531404827249 51.79984092150481)</t>
  </si>
  <si>
    <t>POINT (4.650427371288135 51.79417812962657)</t>
  </si>
  <si>
    <t>POINT (4.678047070122979 51.79027987296191)</t>
  </si>
  <si>
    <t>POINT (4.682965375461648 51.775954662986436)</t>
  </si>
  <si>
    <t>POINT (4.668261776419201 51.79917641473202)</t>
  </si>
  <si>
    <t>POINT (4.7162686877211275 51.80690396984017)</t>
  </si>
  <si>
    <t>POINT (4.677056984353682 51.80454625307522)</t>
  </si>
  <si>
    <t>POINT (4.6643879668898816 51.78798121439706)</t>
  </si>
  <si>
    <t>POINT (4.669120557352364 51.818814550739035)</t>
  </si>
  <si>
    <t>POINT (4.681358592801336 51.808851535148555)</t>
  </si>
  <si>
    <t>POINT (4.657405106442414 51.801082127354654)</t>
  </si>
  <si>
    <t>POINT (4.667365659383911 51.78754745546907)</t>
  </si>
  <si>
    <t>POINT (4.698585001743417 51.79747246424737)</t>
  </si>
  <si>
    <t>POINT (4.664980074995008 51.80252456532345)</t>
  </si>
  <si>
    <t>POINT (4.705271123681554 51.80928450729745)</t>
  </si>
  <si>
    <t>POINT (4.673458582446929 51.796594206338604)</t>
  </si>
  <si>
    <t>POINT (4.6916458326706065 51.78859660467109)</t>
  </si>
  <si>
    <t>POINT (4.656994022408616 51.80388052859771)</t>
  </si>
  <si>
    <t>POINT (4.676641387123966 51.783709888390604)</t>
  </si>
  <si>
    <t>POINT (4.715499773499967 51.80384600213142)</t>
  </si>
  <si>
    <t>POINT (4.675898116128271 51.80474194639375)</t>
  </si>
  <si>
    <t>POINT (4.682569676799496 51.78573606140905)</t>
  </si>
  <si>
    <t>POINT (4.674060390997148 51.77748585244405)</t>
  </si>
  <si>
    <t>POINT (4.673339362736698 51.80863065791015)</t>
  </si>
  <si>
    <t>POINT (4.667728563758124 51.802229552394756)</t>
  </si>
  <si>
    <t>POINT (4.68246954890117 51.81125803381195)</t>
  </si>
  <si>
    <t>POINT (4.679026081007641 51.7810921400175)</t>
  </si>
  <si>
    <t>POINT (4.714394321363283 51.80766657591475)</t>
  </si>
  <si>
    <t>POINT (4.703466864221055 51.7901146860208)</t>
  </si>
  <si>
    <t>POINT (4.677682083045755 51.79064090806425)</t>
  </si>
  <si>
    <t>POINT (4.712605261892385 51.8162920066559)</t>
  </si>
  <si>
    <t>POINT (4.655428613221445 51.801895078374656)</t>
  </si>
  <si>
    <t>POINT (4.681270780602451 51.801240449567196)</t>
  </si>
  <si>
    <t>POINT (4.683786356626144 51.80361699029182)</t>
  </si>
  <si>
    <t>POINT (4.717737910678994 51.81520478417927)</t>
  </si>
  <si>
    <t>POINT (4.658428204325162 51.804652782970095)</t>
  </si>
  <si>
    <t>POINT (4.67751188306437 51.80905066865643)</t>
  </si>
  <si>
    <t>POINT (4.697271698984463 51.791361566478095)</t>
  </si>
  <si>
    <t>POINT (4.658415485251558 51.7958136945557)</t>
  </si>
  <si>
    <t>POINT (4.711429360929533 51.80717373360302)</t>
  </si>
  <si>
    <t>POINT (4.716910043365475 51.80312642679241)</t>
  </si>
  <si>
    <t>POINT (4.659806057521559 51.79068447994161)</t>
  </si>
  <si>
    <t>POINT (4.6799968644699375 51.77811569892026)</t>
  </si>
  <si>
    <t>POINT (4.678471020422916 51.7894341092116)</t>
  </si>
  <si>
    <t>POINT (4.718617517402914 51.80423763691969)</t>
  </si>
  <si>
    <t>POINT (4.7022337304102795 51.79515755175374)</t>
  </si>
  <si>
    <t>POINT (4.698269340278906 51.79490813930392)</t>
  </si>
  <si>
    <t>POINT (4.701830507004201 51.80011942969368)</t>
  </si>
  <si>
    <t>POINT (4.656003991334118 51.809810235642054)</t>
  </si>
  <si>
    <t>POINT (4.679232202201983 51.78520783505841)</t>
  </si>
  <si>
    <t>POINT (4.68006642702637 51.816131694874635)</t>
  </si>
  <si>
    <t>POINT (4.669175986174336 51.81605590721095)</t>
  </si>
  <si>
    <t>POINT (4.661211678165907 51.79469282766042)</t>
  </si>
  <si>
    <t>POINT (4.71577937758228 51.81351961491782)</t>
  </si>
  <si>
    <t>POINT (4.6699002565645 51.79983130983589)</t>
  </si>
  <si>
    <t>POINT (4.685061812904433 51.78079442376861)</t>
  </si>
  <si>
    <t>POINT (4.650663954374726 51.80314232636535)</t>
  </si>
  <si>
    <t>POINT (4.656726406704006 51.771465349575294)</t>
  </si>
  <si>
    <t>POINT (4.717111908535294 51.79898223958388)</t>
  </si>
  <si>
    <t>POINT (4.680817473773117 51.78633134300123)</t>
  </si>
  <si>
    <t>POINT (4.6844658135757 51.778870967687965)</t>
  </si>
  <si>
    <t>POINT (4.672800417987843 51.78745819926269)</t>
  </si>
  <si>
    <t>POINT (4.677292798663541 51.803990993215216)</t>
  </si>
  <si>
    <t>POINT (4.676699592016516 51.78374929686097)</t>
  </si>
  <si>
    <t>POINT (4.6627759627528835 51.793106472523014)</t>
  </si>
  <si>
    <t>POINT (4.697282698560546 51.79025748923526)</t>
  </si>
  <si>
    <t>POINT (4.660403753313986 51.77065435762925)</t>
  </si>
  <si>
    <t>POINT (4.666536694981289 51.80340637180817)</t>
  </si>
  <si>
    <t>POINT (4.713414237486302 51.79537179405794)</t>
  </si>
  <si>
    <t>POINT (4.727001854276004 51.798065249147605)</t>
  </si>
  <si>
    <t>POINT (4.668145883970813 51.80416408502734)</t>
  </si>
  <si>
    <t>POINT (4.678870552861405 51.816950388538295)</t>
  </si>
  <si>
    <t>POINT (4.673143081852962 51.81767717339752)</t>
  </si>
  <si>
    <t>POINT (4.676476784243482 51.783714239445814)</t>
  </si>
  <si>
    <t>POINT (4.660513269411433 51.80996212887769)</t>
  </si>
  <si>
    <t>POINT (4.652222644947037 51.78436703526272)</t>
  </si>
  <si>
    <t>POINT (4.678346567399063 51.77548811788512)</t>
  </si>
  <si>
    <t>POINT (4.665950531134371 51.77822628020749)</t>
  </si>
  <si>
    <t>POINT (4.68024215499949 51.816461244259436)</t>
  </si>
  <si>
    <t>POINT (4.666447058953458 51.800615156737834)</t>
  </si>
  <si>
    <t>POINT (4.68583610829161 51.8031292475187)</t>
  </si>
  <si>
    <t>POINT (4.645291125182853 51.7993462345874)</t>
  </si>
  <si>
    <t>POINT (4.678741871954245 51.816848453392396)</t>
  </si>
  <si>
    <t>POINT (4.655071363978299 51.79409588660578)</t>
  </si>
  <si>
    <t>POINT (4.659481589238285 51.78161937420184)</t>
  </si>
  <si>
    <t>POINT (4.671826462813399 51.781053853114315)</t>
  </si>
  <si>
    <t>POINT (4.666670610725393 51.800799872120315)</t>
  </si>
  <si>
    <t>POINT (4.65953041898089 51.810834484663864)</t>
  </si>
  <si>
    <t>POINT (4.670882575983084 51.778947431438915)</t>
  </si>
  <si>
    <t>POINT (4.677685806027839 51.780281421198005)</t>
  </si>
  <si>
    <t>POINT (4.651801027717628 51.80606218369088)</t>
  </si>
  <si>
    <t>POINT (4.658928044646121 51.771923588624496)</t>
  </si>
  <si>
    <t>POINT (4.65775405331146 51.80091065362204)</t>
  </si>
  <si>
    <t>POINT (4.676698765562233 51.78640834657517)</t>
  </si>
  <si>
    <t>POINT (4.671105583811185 51.79049647256755)</t>
  </si>
  <si>
    <t>POINT (4.669709140405821 51.811085356798316)</t>
  </si>
  <si>
    <t>POINT (4.669320590190147 51.7795983811009)</t>
  </si>
  <si>
    <t>POINT (4.699183127889543 51.798392763341475)</t>
  </si>
  <si>
    <t>POINT (4.683992294215523 51.798105253973205)</t>
  </si>
  <si>
    <t>POINT (4.6768242970052425 51.78037377908609)</t>
  </si>
  <si>
    <t>POINT (4.682737683637296 51.807368952676)</t>
  </si>
  <si>
    <t>POINT (4.658360489468155 51.80936272419009)</t>
  </si>
  <si>
    <t>POINT (4.6717494148697005 51.79256194929194)</t>
  </si>
  <si>
    <t>POINT (4.664416335488689 51.791000038754795)</t>
  </si>
  <si>
    <t>POINT (4.723480233839888 51.79868920116316)</t>
  </si>
  <si>
    <t>POINT (4.703775972402755 51.792602699289326)</t>
  </si>
  <si>
    <t>POINT (4.7138570546305285 51.815422398852895)</t>
  </si>
  <si>
    <t>POINT (4.67182971128611 51.77399533551271)</t>
  </si>
  <si>
    <t>POINT (4.673359987958832 51.80909744849729)</t>
  </si>
  <si>
    <t>POINT (4.660102992707957 51.81121915403413)</t>
  </si>
  <si>
    <t>POINT (4.674377703884889 51.804959081713484)</t>
  </si>
  <si>
    <t>POINT (4.676747442663432 51.78373481825595)</t>
  </si>
  <si>
    <t>POINT (4.708865608891677 51.80978053427369)</t>
  </si>
  <si>
    <t>POINT (4.651487330122727 51.78571937174494)</t>
  </si>
  <si>
    <t>POINT (4.665979699474191 51.813216632071935)</t>
  </si>
  <si>
    <t>POINT (4.669421035023106 51.81577041589244)</t>
  </si>
  <si>
    <t>POINT (4.667818048089274 51.819238201132634)</t>
  </si>
  <si>
    <t>POINT (4.669773409882777 51.81358793641454)</t>
  </si>
  <si>
    <t>POINT (4.657965553336219 51.7707271226321)</t>
  </si>
  <si>
    <t>POINT (4.677631821181792 51.77446142024532)</t>
  </si>
  <si>
    <t>POINT (4.709349973797299 51.796751071928774)</t>
  </si>
  <si>
    <t>POINT (4.685688608960444 51.78205920711364)</t>
  </si>
  <si>
    <t>POINT (4.693330405465842 51.796731113180236)</t>
  </si>
  <si>
    <t>POINT (4.660764578645729 51.801933998020566)</t>
  </si>
  <si>
    <t>POINT (4.663735963775001 51.79950383707779)</t>
  </si>
  <si>
    <t>POINT (4.684877965789241 51.80443467600618)</t>
  </si>
  <si>
    <t>POINT (4.680341305205049 51.77537560935846)</t>
  </si>
  <si>
    <t>POINT (4.6855073496838004 51.784986971557686)</t>
  </si>
  <si>
    <t>POINT (4.663295922599341 51.79287602081911)</t>
  </si>
  <si>
    <t>POINT (4.668938940471708 51.7746648456767)</t>
  </si>
  <si>
    <t>POINT (4.659141644388264 51.788100329251)</t>
  </si>
  <si>
    <t>POINT (4.678576975476967 51.81630283470941)</t>
  </si>
  <si>
    <t>POINT (4.660698414389206 51.793287763305756)</t>
  </si>
  <si>
    <t>POINT (4.683906353168087 51.78872947874922)</t>
  </si>
  <si>
    <t>POINT (4.642037666646849 51.77546051377726)</t>
  </si>
  <si>
    <t>POINT (4.69224452204222 51.78802767273863)</t>
  </si>
  <si>
    <t>POINT (4.7111014363989385 51.79133510985957)</t>
  </si>
  <si>
    <t>POINT (4.679427965481522 51.77465102269681)</t>
  </si>
  <si>
    <t>POINT (4.6732296199039896 51.80745219484873)</t>
  </si>
  <si>
    <t>POINT (4.6630139170376355 51.81453586521062)</t>
  </si>
  <si>
    <t>POINT (4.669631217674136 51.7984965701277)</t>
  </si>
  <si>
    <t>POINT (4.656522254789225 51.803077588748806)</t>
  </si>
  <si>
    <t>POINT (4.671673922540504 51.802999964076065)</t>
  </si>
  <si>
    <t>POINT (4.719808167505703 51.81151518188583)</t>
  </si>
  <si>
    <t>POINT (4.7308490866254065 51.8036363925874)</t>
  </si>
  <si>
    <t>POINT (4.726010926149058 51.79715477313268)</t>
  </si>
  <si>
    <t>POINT (4.676427212202369 51.78386283688954)</t>
  </si>
  <si>
    <t>POINT (4.675397796538578 51.81397562908579)</t>
  </si>
  <si>
    <t>POINT (4.671187832663655 51.8108297168829)</t>
  </si>
  <si>
    <t>POINT (4.679356975444183 51.78514023800523)</t>
  </si>
  <si>
    <t>POINT (4.630861029274344 51.724650898300524)</t>
  </si>
  <si>
    <t>POINT (4.631185596871579 51.7240515341997)</t>
  </si>
  <si>
    <t>POINT (4.680227030434371 51.80029394033245)</t>
  </si>
  <si>
    <t>POINT (4.6903404058804075 51.80877337185172)</t>
  </si>
  <si>
    <t>POINT (4.6679678054383125 51.81481106525482)</t>
  </si>
  <si>
    <t>POINT (4.629220599706885 51.72199305309368)</t>
  </si>
  <si>
    <t>POINT (4.670744904265224 51.78046397450288)</t>
  </si>
  <si>
    <t>POINT (4.6732987299329345 51.789519132364035)</t>
  </si>
  <si>
    <t>POINT (4.6793445370311115 51.78897063202012)</t>
  </si>
  <si>
    <t>POINT (4.684263522712257 51.81070916828605)</t>
  </si>
  <si>
    <t>POINT (4.715737164522139 51.8009889435972)</t>
  </si>
  <si>
    <t>POINT (4.660043363256301 51.81094578019841)</t>
  </si>
  <si>
    <t>POINT (4.710039093262692 51.78701782026339)</t>
  </si>
  <si>
    <t>POINT (4.672980778308462 51.8111489904859)</t>
  </si>
  <si>
    <t>POINT (4.6787174747079 51.804554340310006)</t>
  </si>
  <si>
    <t>POINT (4.686109665554897 51.81567496024827)</t>
  </si>
  <si>
    <t>POINT (4.6601786359123345 51.79415162063138)</t>
  </si>
  <si>
    <t>POINT (4.733246884835641 51.80000808874881)</t>
  </si>
  <si>
    <t>POINT (4.6618120168514 51.81246757130531)</t>
  </si>
  <si>
    <t>POINT (4.664628891073438 51.789469601217704)</t>
  </si>
  <si>
    <t>POINT (4.6670626855070765 51.811126682615)</t>
  </si>
  <si>
    <t>POINT (4.679945283122893 51.778371458055595)</t>
  </si>
  <si>
    <t>POINT (4.659889897134854 51.79711810700066)</t>
  </si>
  <si>
    <t>POINT (4.7272241860402735 51.79743287245479)</t>
  </si>
  <si>
    <t>POINT (4.702099121692317 51.8159764800903)</t>
  </si>
  <si>
    <t>POINT (4.6746627327350465 51.805606982080036)</t>
  </si>
  <si>
    <t>POINT (4.73439966523069 51.80202700969977)</t>
  </si>
  <si>
    <t>POINT (4.66889076775794 51.773407155107655)</t>
  </si>
  <si>
    <t>POINT (4.6961601936153645 51.79943964245946)</t>
  </si>
  <si>
    <t>POINT (4.65963120012787 51.81333287628528)</t>
  </si>
  <si>
    <t>POINT (4.6566515172532394 51.77138014634098)</t>
  </si>
  <si>
    <t>POINT (4.677013651654722 51.79178653506272)</t>
  </si>
  <si>
    <t>POINT (4.686070626736001 51.807549631874416)</t>
  </si>
  <si>
    <t>POINT (4.692601502717456 51.78486846693057)</t>
  </si>
  <si>
    <t>POINT (4.684770024380913 51.79258970310317)</t>
  </si>
  <si>
    <t>POINT (4.67601566203619 51.77680552231193)</t>
  </si>
  <si>
    <t>POINT (4.674826332667613 51.81505402877868)</t>
  </si>
  <si>
    <t>POINT (4.663731629862474 51.78802770289473)</t>
  </si>
  <si>
    <t>POINT (4.6964365015063265 51.80029551645834)</t>
  </si>
  <si>
    <t>POINT (4.719591244817248 51.794559080548964)</t>
  </si>
  <si>
    <t>POINT (4.669045495615112 51.77286551675307)</t>
  </si>
  <si>
    <t>POINT (4.6672898362024515 51.78794568410998)</t>
  </si>
  <si>
    <t>POINT (4.717499318681552 51.802316912266335)</t>
  </si>
  <si>
    <t>POINT (4.667642458491142 51.799014426160035)</t>
  </si>
  <si>
    <t>POINT (4.677656741289276 51.78195114838123)</t>
  </si>
  <si>
    <t>POINT (4.680382362779985 51.804710177381075)</t>
  </si>
  <si>
    <t>POINT (4.690768852514994 51.8081145206353)</t>
  </si>
  <si>
    <t>POINT (4.661716510124567 51.79225718077287)</t>
  </si>
  <si>
    <t>POINT (4.668639065025782 51.81402540533895)</t>
  </si>
  <si>
    <t>POINT (4.664512818058012 51.81024436329409)</t>
  </si>
  <si>
    <t>POINT (4.672700620132429 51.783730013027174)</t>
  </si>
  <si>
    <t>POINT (4.7169145385956055 51.80637967689976)</t>
  </si>
  <si>
    <t>POINT (4.668928970336487 51.81218646108045)</t>
  </si>
  <si>
    <t>POINT (4.727461383438406 51.80255612343495)</t>
  </si>
  <si>
    <t>POINT (4.676776485870636 51.81612102989742)</t>
  </si>
  <si>
    <t>POINT (4.6640259010489595 51.81151540142965)</t>
  </si>
  <si>
    <t>POINT (4.704847994060751 51.807819198644054)</t>
  </si>
  <si>
    <t>POINT (4.6614434752775615 51.782730606733416)</t>
  </si>
  <si>
    <t>POINT (4.72644569454602 51.798099313366485)</t>
  </si>
  <si>
    <t>POINT (4.663034556235582 51.810668810204426)</t>
  </si>
  <si>
    <t>POINT (4.678580993109518 51.80568557698126)</t>
  </si>
  <si>
    <t>POINT (4.71834003331455 51.80425716984888)</t>
  </si>
  <si>
    <t>POINT (4.704949992305165 51.78836473224788)</t>
  </si>
  <si>
    <t>POINT (4.673305144319793 51.80464912117948)</t>
  </si>
  <si>
    <t>POINT (4.663616047927098 51.79386703148564)</t>
  </si>
  <si>
    <t>POINT (4.682217385675414 51.78210937032837)</t>
  </si>
  <si>
    <t>POINT (4.661226970851283 51.801411165116036)</t>
  </si>
  <si>
    <t>POINT (4.629795890464302 51.72903546843042)</t>
  </si>
  <si>
    <t>POINT (4.715314528514587 51.80320699923962)</t>
  </si>
  <si>
    <t>POINT (4.696386558254183 51.79937724582275)</t>
  </si>
  <si>
    <t>POINT (4.651949832703058 51.79391807369301)</t>
  </si>
  <si>
    <t>POINT (4.715783989019488 51.80147520088247)</t>
  </si>
  <si>
    <t>POINT (4.6809211961739345 51.81417347529413)</t>
  </si>
  <si>
    <t>POINT (4.66171529898862 51.81660528994304)</t>
  </si>
  <si>
    <t>POINT (4.684027144051544 51.80457456762292)</t>
  </si>
  <si>
    <t>POINT (4.715425057546466 51.804740672847274)</t>
  </si>
  <si>
    <t>POINT (4.664746335511347 51.80041980849674)</t>
  </si>
  <si>
    <t>POINT (4.664512788410521 51.81359000401432)</t>
  </si>
  <si>
    <t>POINT (4.724796317904733 51.797980351535884)</t>
  </si>
  <si>
    <t>POINT (4.688202396096318 51.81987380147958)</t>
  </si>
  <si>
    <t>POINT (4.659540136493631 51.81088470178977)</t>
  </si>
  <si>
    <t>POINT (4.658304389434652 51.80134565711648)</t>
  </si>
  <si>
    <t>POINT (4.706672988185663 51.798303107551305)</t>
  </si>
  <si>
    <t>POINT (4.682882563958643 51.77905227428903)</t>
  </si>
  <si>
    <t>POINT (4.682799182674411 51.78872872337837)</t>
  </si>
  <si>
    <t>POINT (4.706769508566884 51.787938558581196)</t>
  </si>
  <si>
    <t>POINT (4.666673961126001 51.81121466866302)</t>
  </si>
  <si>
    <t>POINT (4.6940478722331616 51.81802260643572)</t>
  </si>
  <si>
    <t>POINT (4.660976077060615 51.79409106800388)</t>
  </si>
  <si>
    <t>POINT (4.729874662279419 51.801754991369634)</t>
  </si>
  <si>
    <t>POINT (4.717923505364773 51.80488221118811)</t>
  </si>
  <si>
    <t>POINT (4.65233819778256 51.78523813693394)</t>
  </si>
  <si>
    <t>POINT (4.730192307434932 51.80310741205856)</t>
  </si>
  <si>
    <t>POINT (4.661460996673294 51.80910375882498)</t>
  </si>
  <si>
    <t>POINT (4.680794867397338 51.80454273059861)</t>
  </si>
  <si>
    <t>POINT (4.669875401266303 51.80220716464501)</t>
  </si>
  <si>
    <t>POINT (4.709299611729055 51.81853863511459)</t>
  </si>
  <si>
    <t>POINT (4.711746482592922 51.798376766303534)</t>
  </si>
  <si>
    <t>POINT (4.666093699867566 51.810364217889024)</t>
  </si>
  <si>
    <t>POINT (4.683270592029052 51.79829490184349)</t>
  </si>
  <si>
    <t>POINT (4.695650064670231 51.79918443276667)</t>
  </si>
  <si>
    <t>POINT (4.657897422518473 51.76979308459991)</t>
  </si>
  <si>
    <t>POINT (4.674002470999103 51.77496241442431)</t>
  </si>
  <si>
    <t>POINT (4.676885270196335 51.80775139367257)</t>
  </si>
  <si>
    <t>POINT (4.653418580147107 51.794536901660145)</t>
  </si>
  <si>
    <t>POINT (4.678669270944574 51.79330785924823)</t>
  </si>
  <si>
    <t>POINT (4.684881523818224 51.77548481676653)</t>
  </si>
  <si>
    <t>POINT (4.710229144009534 51.81436438254025)</t>
  </si>
  <si>
    <t>POINT (4.705454417775676 51.821174248610006)</t>
  </si>
  <si>
    <t>POINT (4.663891887351906 51.79850936340006)</t>
  </si>
  <si>
    <t>POINT (4.67375551314748 51.77726650752296)</t>
  </si>
  <si>
    <t>POINT (4.695897878755397 51.79889732994162)</t>
  </si>
  <si>
    <t>POINT (4.666978030982024 51.776117990058516)</t>
  </si>
  <si>
    <t>POINT (4.705678585865243 51.80770022484905)</t>
  </si>
  <si>
    <t>POINT (4.679398498013065 51.81461912782631)</t>
  </si>
  <si>
    <t>POINT (4.712603848653094 51.79167880218981)</t>
  </si>
  <si>
    <t>POINT (4.691653448568226 51.8183437889851)</t>
  </si>
  <si>
    <t>POINT (4.67213838363106 51.80376490103479)</t>
  </si>
  <si>
    <t>POINT (4.663135517367671 51.81699302343354)</t>
  </si>
  <si>
    <t>POINT (4.662393836778804 51.80514504577973)</t>
  </si>
  <si>
    <t>POINT (4.664078466139996 51.81549024074871)</t>
  </si>
  <si>
    <t>POINT (4.7201563534745095 51.81278316581639)</t>
  </si>
  <si>
    <t>POINT (4.65774901868533 51.810629143253955)</t>
  </si>
  <si>
    <t>POINT (4.662977978767368 51.79520991619484)</t>
  </si>
  <si>
    <t>POINT (4.680772637860451 51.80347751963574)</t>
  </si>
  <si>
    <t>POINT (4.659747317610079 51.79003858270538)</t>
  </si>
  <si>
    <t>POINT (4.694792087860536 51.818120346580834)</t>
  </si>
  <si>
    <t>POINT (4.671393280766791 51.80585469392895)</t>
  </si>
  <si>
    <t>POINT (4.714784708617852 51.804763171025286)</t>
  </si>
  <si>
    <t>POINT (4.69393983423736 51.81841685765588)</t>
  </si>
  <si>
    <t>POINT (4.662573037303189 51.80468929343541)</t>
  </si>
  <si>
    <t>POINT (4.697405134674322 51.793803926561985)</t>
  </si>
  <si>
    <t>POINT (4.700991318474742 51.81149717551142)</t>
  </si>
  <si>
    <t>POINT (4.695162059902884 51.79609773142034)</t>
  </si>
  <si>
    <t>POINT (4.732328470950811 51.79650501910816)</t>
  </si>
  <si>
    <t>POINT (4.652189808241922 51.78244768366366)</t>
  </si>
  <si>
    <t>POINT (4.6847985403066845 51.781644652238526)</t>
  </si>
  <si>
    <t>POINT (4.676941030978876 51.80485297302193)</t>
  </si>
  <si>
    <t>POINT (4.709231057677486 51.80366243666894)</t>
  </si>
  <si>
    <t>POINT (4.696787552092084 51.816077899503256)</t>
  </si>
  <si>
    <t>POINT (4.630768629708984 51.78370697064426)</t>
  </si>
  <si>
    <t>POINT (4.661071661337024 51.78782608246349)</t>
  </si>
  <si>
    <t>POINT (4.679294989985636 51.806399218926074)</t>
  </si>
  <si>
    <t>POINT (4.672304288420188 51.817926661979435)</t>
  </si>
  <si>
    <t>POINT (4.6629948814106115 51.78628163962202)</t>
  </si>
  <si>
    <t>POINT (4.707130464399142 51.8112942828097)</t>
  </si>
  <si>
    <t>POINT (4.681025540315306 51.807413708028335)</t>
  </si>
  <si>
    <t>POINT (4.655616912648931 51.80788357790525)</t>
  </si>
  <si>
    <t>POINT (4.722488198031318 51.79758232295325)</t>
  </si>
  <si>
    <t>POINT (4.68001280380953 51.80918417493871)</t>
  </si>
  <si>
    <t>POINT (4.6668546501696575 51.81193164535254)</t>
  </si>
  <si>
    <t>POINT (4.667981055781409 51.803197788770035)</t>
  </si>
  <si>
    <t>POINT (4.6381539741563635 51.77567172867425)</t>
  </si>
  <si>
    <t>POINT (4.6844959368183705 51.78952490635154)</t>
  </si>
  <si>
    <t>POINT (4.727729184793817 51.80350513025978)</t>
  </si>
  <si>
    <t>POINT (4.696674872070203 51.791110255202184)</t>
  </si>
  <si>
    <t>POINT (4.661311389115106 51.789819796308485)</t>
  </si>
  <si>
    <t>POINT (4.663125514698249 51.80074432236315)</t>
  </si>
  <si>
    <t>POINT (4.71015689948184 51.80355161313985)</t>
  </si>
  <si>
    <t>POINT (4.680202632185865 51.8126762749639)</t>
  </si>
  <si>
    <t>POINT (4.725463014259869 51.793810576603015)</t>
  </si>
  <si>
    <t>POINT (4.662897514309401 51.79127972989275)</t>
  </si>
  <si>
    <t>POINT (4.717195865833786 51.79555254125294)</t>
  </si>
  <si>
    <t>POINT (4.6661741931447995 51.81273111726223)</t>
  </si>
  <si>
    <t>POINT (4.673412836541247 51.78874552238373)</t>
  </si>
  <si>
    <t>POINT (4.723132027574139 51.7936954563901)</t>
  </si>
  <si>
    <t>POINT (4.722012018559409 51.799678895905664)</t>
  </si>
  <si>
    <t>POINT (4.658476563955268 51.81083357193886)</t>
  </si>
  <si>
    <t>POINT (4.6638484042862 51.79833433710391)</t>
  </si>
  <si>
    <t>POINT (4.653885803302535 51.802124203909734)</t>
  </si>
  <si>
    <t>POINT (4.682386198751724 51.80876235098406)</t>
  </si>
  <si>
    <t>POINT (4.665676949593086 51.80080382413701)</t>
  </si>
  <si>
    <t>POINT (4.655564141005957 51.7911052803869)</t>
  </si>
  <si>
    <t>POINT (4.704750047014738 51.794669650672816)</t>
  </si>
  <si>
    <t>POINT (4.665474341250995 51.81822462209764)</t>
  </si>
  <si>
    <t>POINT (4.724483361479853 51.802803706262345)</t>
  </si>
  <si>
    <t>POINT (4.683478284394643 51.8017947926344)</t>
  </si>
  <si>
    <t>POINT (4.678239175382078 51.80883434810567)</t>
  </si>
  <si>
    <t>POINT (4.685919418344325 51.776937129230824)</t>
  </si>
  <si>
    <t>POINT (4.7143856340469705 51.81092902580675)</t>
  </si>
  <si>
    <t>POINT (4.682821727095412 51.80248250461177)</t>
  </si>
  <si>
    <t>POINT (4.6548513707599986 51.798354117202486)</t>
  </si>
  <si>
    <t>POINT (4.655326438662226 51.78142855129382)</t>
  </si>
  <si>
    <t>POINT (4.679265276235611 51.782107698020724)</t>
  </si>
  <si>
    <t>POINT (4.707696723695891 51.811003157891)</t>
  </si>
  <si>
    <t>POINT (4.667590180457597 51.78771756894114)</t>
  </si>
  <si>
    <t>POINT (4.663735433970327 51.78630899566173)</t>
  </si>
  <si>
    <t>POINT (4.712608428729022 51.811686947380544)</t>
  </si>
  <si>
    <t>POINT (4.650369052413126 51.792355400800496)</t>
  </si>
  <si>
    <t>POINT (4.683339587568632 51.80313191595862)</t>
  </si>
  <si>
    <t>POINT (4.66756418573027 51.77190405493839)</t>
  </si>
  <si>
    <t>POINT (4.680408374310196 51.780827616578485)</t>
  </si>
  <si>
    <t>POINT (4.685920300761251 51.77757602423886)</t>
  </si>
  <si>
    <t>POINT (4.674171335284529 51.787637505232745)</t>
  </si>
  <si>
    <t>POINT (4.671714107643382 51.81673238144287)</t>
  </si>
  <si>
    <t>POINT (4.690253841797733 51.80863703906575)</t>
  </si>
  <si>
    <t>POINT (4.701491103868472 51.800247800210485)</t>
  </si>
  <si>
    <t>POINT (4.668480750040499 51.792657537385956)</t>
  </si>
  <si>
    <t>POINT (4.659934302285771 51.792403079678024)</t>
  </si>
  <si>
    <t>POINT (4.670717341874023 51.784868757385944)</t>
  </si>
  <si>
    <t>POINT (4.6710489852583335 51.79688506621344)</t>
  </si>
  <si>
    <t>POINT (4.657605163149332 51.81102811071335)</t>
  </si>
  <si>
    <t>POINT (4.670450136221215 51.801533109761586)</t>
  </si>
  <si>
    <t>POINT (4.679569003311157 51.8043602896825)</t>
  </si>
  <si>
    <t>POINT (4.657190492429729 51.788248750658916)</t>
  </si>
  <si>
    <t>POINT (4.717539685738899 51.8132727686679)</t>
  </si>
  <si>
    <t>POINT (4.673710245192984 51.787683150747775)</t>
  </si>
  <si>
    <t>POINT (4.675303108029662 51.815999968000305)</t>
  </si>
  <si>
    <t>POINT (4.678955855680166 51.780631278800165)</t>
  </si>
  <si>
    <t>POINT (4.705451169388839 51.80034549177262)</t>
  </si>
  <si>
    <t>POINT (4.708350608255522 51.810557815625856)</t>
  </si>
  <si>
    <t>POINT (4.6289476530456435 51.72482577053752)</t>
  </si>
  <si>
    <t>POINT (4.671413103179678 51.770760424522294)</t>
  </si>
  <si>
    <t>POINT (4.6872162098908365 51.81008710395239)</t>
  </si>
  <si>
    <t>POINT (4.685923643264315 51.803213733905594)</t>
  </si>
  <si>
    <t>POINT (4.713157338047415 51.816277165492856)</t>
  </si>
  <si>
    <t>POINT (4.6560419690232155 51.790066899412366)</t>
  </si>
  <si>
    <t>POINT (4.6662432537656855 51.81282165306075)</t>
  </si>
  <si>
    <t>POINT (4.697568361382429 51.79001461397086)</t>
  </si>
  <si>
    <t>POINT (4.672431133863233 51.81922387900154)</t>
  </si>
  <si>
    <t>POINT (4.734538109811023 51.798934259878926)</t>
  </si>
  <si>
    <t>POINT (4.678963998994488 51.78854070713189)</t>
  </si>
  <si>
    <t>POINT (4.6744942939178875 51.79715250691288)</t>
  </si>
  <si>
    <t>POINT (4.672818301257833 51.77732837097676)</t>
  </si>
  <si>
    <t>POINT (4.658413192135671 51.78245346449026)</t>
  </si>
  <si>
    <t>POINT (4.681710881907175 51.774437138297976)</t>
  </si>
  <si>
    <t>POINT (4.720958436081065 51.81310222540845)</t>
  </si>
  <si>
    <t>POINT (4.663403576668432 51.81479022178338)</t>
  </si>
  <si>
    <t>POINT (4.7312959181131085 51.79870438069554)</t>
  </si>
  <si>
    <t>POINT (4.639323752646343 51.767356614480995)</t>
  </si>
  <si>
    <t>POINT (4.679080419343601 51.78898744685181)</t>
  </si>
  <si>
    <t>POINT (4.675704874090522 51.78337361616314)</t>
  </si>
  <si>
    <t>POINT (4.710530116270069 51.79296732118501)</t>
  </si>
  <si>
    <t>POINT (4.677320326754349 51.814781432001496)</t>
  </si>
  <si>
    <t>POINT (4.66457452668529 51.78592741959709)</t>
  </si>
  <si>
    <t>POINT (4.674766370115952 51.81258315578193)</t>
  </si>
  <si>
    <t>POINT (4.686893998220276 51.80983491013576)</t>
  </si>
  <si>
    <t>POINT (4.7313127532540245 51.79989548754777)</t>
  </si>
  <si>
    <t>POINT (4.687800743514729 51.806344167562415)</t>
  </si>
  <si>
    <t>POINT (4.707245621171847 51.80721993744394)</t>
  </si>
  <si>
    <t>POINT (4.72163948587205 51.81247002720116)</t>
  </si>
  <si>
    <t>POINT (4.66057314785164 51.772129792049974)</t>
  </si>
  <si>
    <t>POINT (4.680940912965624 51.77434954742938)</t>
  </si>
  <si>
    <t>POINT (4.721627647282805 51.79899967326028)</t>
  </si>
  <si>
    <t>POINT (4.719733752940226 51.80375430843707)</t>
  </si>
  <si>
    <t>POINT (4.674921788179644 51.77977360697065)</t>
  </si>
  <si>
    <t>POINT (4.6693830220095425 51.77632473281497)</t>
  </si>
  <si>
    <t>POINT (4.659986360500015 51.8087231089806)</t>
  </si>
  <si>
    <t>POINT (4.683370955623109 51.7894223697281)</t>
  </si>
  <si>
    <t>POINT (4.651617765505196 51.782770765828296)</t>
  </si>
  <si>
    <t>POINT (4.6799329693997995 51.81171486710706)</t>
  </si>
  <si>
    <t>POINT (4.68208433944524 51.77648858385828)</t>
  </si>
  <si>
    <t>POINT (4.673145802774702 51.78475304946122)</t>
  </si>
  <si>
    <t>POINT (4.682682508362355 51.801837666112)</t>
  </si>
  <si>
    <t>POINT (4.657112856177275 51.81008504774605)</t>
  </si>
  <si>
    <t>POINT (4.666298567305062 51.799502415215024)</t>
  </si>
  <si>
    <t>POINT (4.663049236411069 51.79028265073775)</t>
  </si>
  <si>
    <t>POINT (4.71087040838109 51.809729086517684)</t>
  </si>
  <si>
    <t>POINT (4.659906417321331 51.80695034967288)</t>
  </si>
  <si>
    <t>POINT (4.692758776070687 51.785658802391104)</t>
  </si>
  <si>
    <t>POINT (4.669789313438064 51.81114218799038)</t>
  </si>
  <si>
    <t>POINT (4.690655434046713 51.81066280714785)</t>
  </si>
  <si>
    <t>POINT (4.662478126554247 51.79668544355997)</t>
  </si>
  <si>
    <t>POINT (4.667283063001701 51.80809876847061)</t>
  </si>
  <si>
    <t>POINT (4.6831321228824665 51.780708816657544)</t>
  </si>
  <si>
    <t>POINT (4.691638693087183 51.79166294292695)</t>
  </si>
  <si>
    <t>POINT (4.652072180276791 51.79334598988635)</t>
  </si>
  <si>
    <t>POINT (4.669134596539289 51.798560308713455)</t>
  </si>
  <si>
    <t>POINT (4.6512387985513275 51.790481068636744)</t>
  </si>
  <si>
    <t>POINT (4.653748338847126 51.78583074387328)</t>
  </si>
  <si>
    <t>POINT (4.674414289962999 51.81803646559537)</t>
  </si>
  <si>
    <t>POINT (4.686899489815935 51.80984918994106)</t>
  </si>
  <si>
    <t>POINT (4.668606700913261 51.808122782672484)</t>
  </si>
  <si>
    <t>POINT (4.674520791729968 51.8104779197294)</t>
  </si>
  <si>
    <t>POINT (4.688183542280204 51.80892936854234)</t>
  </si>
  <si>
    <t>POINT (4.675993922774815 51.816321132799935)</t>
  </si>
  <si>
    <t>POINT (4.697902132417076 51.79948757859885)</t>
  </si>
  <si>
    <t>POINT (4.68058524265203 51.781960557153006)</t>
  </si>
  <si>
    <t>POINT (4.691587090675232 51.79173813288057)</t>
  </si>
  <si>
    <t>POINT (4.651613785203103 51.781892992115274)</t>
  </si>
  <si>
    <t>POINT (4.672546340439836 51.81793205522435)</t>
  </si>
  <si>
    <t>POINT (4.682024276198677 51.80425989025081)</t>
  </si>
  <si>
    <t>POINT (4.6532939509063125 51.79341197614422)</t>
  </si>
  <si>
    <t>POINT (4.726291350933832 51.79827095412266)</t>
  </si>
  <si>
    <t>POINT (4.711899022796437 51.80313004431693)</t>
  </si>
  <si>
    <t>POINT (4.670816141612584 51.78234375050308)</t>
  </si>
  <si>
    <t>POINT (4.666830291650348 51.81660371088114)</t>
  </si>
  <si>
    <t>POINT (4.71359765337791 51.81497141549765)</t>
  </si>
  <si>
    <t>POINT (4.716721443223534 51.79514200670309)</t>
  </si>
  <si>
    <t>POINT (4.661522218098723 51.80503216272214)</t>
  </si>
  <si>
    <t>POINT (4.661619407407208 51.809041314265585)</t>
  </si>
  <si>
    <t>POINT (4.671326067050488 51.80977889406934)</t>
  </si>
  <si>
    <t>POINT (4.663099357550696 51.81656523594622)</t>
  </si>
  <si>
    <t>POINT (4.685984208602954 51.7876833018563)</t>
  </si>
  <si>
    <t>POINT (4.628325659566419 51.72378166839653)</t>
  </si>
  <si>
    <t>POINT (4.657500228402432 51.80674436547257)</t>
  </si>
  <si>
    <t>POINT (4.728267439293223 51.795520847003765)</t>
  </si>
  <si>
    <t>POINT (4.734041630443697 51.796462542612254)</t>
  </si>
  <si>
    <t>POINT (4.662197166830772 51.79049175051962)</t>
  </si>
  <si>
    <t>POINT (4.674725094629481 51.78389775975002)</t>
  </si>
  <si>
    <t>POINT (4.664594110977494 51.79102569106578)</t>
  </si>
  <si>
    <t>POINT (4.705524807033323 51.78850125899879)</t>
  </si>
  <si>
    <t>POINT (4.656216794411643 51.79042976653332)</t>
  </si>
  <si>
    <t>POINT (4.666355457194566 51.81279342575615)</t>
  </si>
  <si>
    <t>POINT (4.71335910237405 51.814089285380696)</t>
  </si>
  <si>
    <t>POINT (4.723902930936336 51.79918223679273)</t>
  </si>
  <si>
    <t>POINT (4.703463203070057 51.79006073265503)</t>
  </si>
  <si>
    <t>POINT (4.675643410861474 51.78334792216122)</t>
  </si>
  <si>
    <t>POINT (4.665183156994817 51.81035605724514)</t>
  </si>
  <si>
    <t>POINT (4.730317980074149 51.803532630984435)</t>
  </si>
  <si>
    <t>POINT (4.732420865953937 51.79800445359519)</t>
  </si>
  <si>
    <t>POINT (4.66840523492549 51.77371083942026)</t>
  </si>
  <si>
    <t>POINT (4.634477783262461 51.77065014365327)</t>
  </si>
  <si>
    <t>POINT (4.671266454065077 51.77206289329061)</t>
  </si>
  <si>
    <t>POINT (4.704655272454967 51.79848830158683)</t>
  </si>
  <si>
    <t>POINT (4.690232746381902 51.80617707598834)</t>
  </si>
  <si>
    <t>POINT (4.662154173089389 51.81398435051365)</t>
  </si>
  <si>
    <t>POINT (4.668412026492207 51.78138095880463)</t>
  </si>
  <si>
    <t>POINT (4.699067133064434 51.80118181405974)</t>
  </si>
  <si>
    <t>POINT (4.671190669890766 51.81849574122823)</t>
  </si>
  <si>
    <t>POINT (4.707346623738622 51.78745494339758)</t>
  </si>
  <si>
    <t>POINT (4.676537301323153 51.80778205950195)</t>
  </si>
  <si>
    <t>POINT (4.677614418934957 51.79050374484476)</t>
  </si>
  <si>
    <t>POINT (4.735977299309927 51.80253771953579)</t>
  </si>
  <si>
    <t>POINT (4.671166006829379 51.81313997880528)</t>
  </si>
  <si>
    <t>POINT (4.710501093389536 51.79140977795686)</t>
  </si>
  <si>
    <t>POINT (4.717465382176243 51.802356637149245)</t>
  </si>
  <si>
    <t>POINT (4.7120172123532145 51.79546983775895)</t>
  </si>
  <si>
    <t>POINT (4.665286386155764 51.79267358214313)</t>
  </si>
  <si>
    <t>POINT (4.655039070333261 51.76645764933955)</t>
  </si>
  <si>
    <t>POINT (4.655050386156384 51.79814626408437)</t>
  </si>
  <si>
    <t>POINT (4.726182117765286 51.799968230674544)</t>
  </si>
  <si>
    <t>POINT (4.644907838146251 51.77725190407327)</t>
  </si>
  <si>
    <t>POINT (4.735945967007161 51.79895335453699)</t>
  </si>
  <si>
    <t>POINT (4.668021601181421 51.8040956385327)</t>
  </si>
  <si>
    <t>POINT (4.656134065400913 51.78881211894913)</t>
  </si>
  <si>
    <t>POINT (4.671355505109765 51.811762649761924)</t>
  </si>
  <si>
    <t>POINT (4.7044332786151735 51.80758215558147)</t>
  </si>
  <si>
    <t>POINT (4.662619755114291 51.80094789510855)</t>
  </si>
  <si>
    <t>POINT (4.661560737703848 51.81312295563964)</t>
  </si>
  <si>
    <t>POINT (4.692649181369007 51.81819064073251)</t>
  </si>
  <si>
    <t>POINT (4.684190357168574 51.81136806655647)</t>
  </si>
  <si>
    <t>POINT (4.686207421170932 51.80888349534442)</t>
  </si>
  <si>
    <t>POINT (4.713371564666099 51.79533657411161)</t>
  </si>
  <si>
    <t>POINT (4.676188290041374 51.816064767256556)</t>
  </si>
  <si>
    <t>POINT (4.708985740151535 51.79626824445132)</t>
  </si>
  <si>
    <t>POINT (4.668110889083136 51.81369266325238)</t>
  </si>
  <si>
    <t>POINT (4.679001481903984 51.78067887081297)</t>
  </si>
  <si>
    <t>POINT (4.663989534123967 51.7953823932189)</t>
  </si>
  <si>
    <t>POINT (4.696313942179382 51.79863318576218)</t>
  </si>
  <si>
    <t>POINT (4.660315406688659 51.79328522903797)</t>
  </si>
  <si>
    <t>POINT (4.700023475338262 51.79696838241327)</t>
  </si>
  <si>
    <t>POINT (4.655061715666679 51.81071578668876)</t>
  </si>
  <si>
    <t>POINT (4.662588621475829 51.792158014162744)</t>
  </si>
  <si>
    <t>POINT (4.722158327700279 51.79938794483262)</t>
  </si>
  <si>
    <t>POINT (4.6740208980588305 51.77500026108532)</t>
  </si>
  <si>
    <t>POINT (4.656392028516155 51.802160371017045)</t>
  </si>
  <si>
    <t>POINT (4.661365871457895 51.79465061798941)</t>
  </si>
  <si>
    <t>POINT (4.66326418517611 51.78996247840915)</t>
  </si>
  <si>
    <t>POINT (4.659004910468264 51.80935716100034)</t>
  </si>
  <si>
    <t>POINT (4.671880263177803 51.80277000627934)</t>
  </si>
  <si>
    <t>POINT (4.6679632167379 51.816892184739174)</t>
  </si>
  <si>
    <t>POINT (4.669004713414265 51.772772341659625)</t>
  </si>
  <si>
    <t>POINT (4.670632746271569 51.80300382131709)</t>
  </si>
  <si>
    <t>POINT (4.697469570355113 51.797693658071374)</t>
  </si>
  <si>
    <t>POINT (4.705717837056961 51.79137818849512)</t>
  </si>
  <si>
    <t>POINT (4.652342208755749 51.800465227399314)</t>
  </si>
  <si>
    <t>POINT (4.6996713163032355 51.81749327354367)</t>
  </si>
  <si>
    <t>POINT (4.662932698194757 51.81055242531813)</t>
  </si>
  <si>
    <t>POINT (4.683974509040159 51.798117156249226)</t>
  </si>
  <si>
    <t>POINT (4.663675146392175 51.794102989807406)</t>
  </si>
  <si>
    <t>POINT (4.658051310749535 51.80171132684916)</t>
  </si>
  <si>
    <t>POINT (4.6890215863319895 51.8201177216858)</t>
  </si>
  <si>
    <t>POINT (4.724465262317166 51.79818258720464)</t>
  </si>
  <si>
    <t>POINT (4.714543687539042 51.81609300549196)</t>
  </si>
  <si>
    <t>POINT (4.6714384582132435 51.81346508928946)</t>
  </si>
  <si>
    <t>POINT (4.657945122793436 51.79940530848879)</t>
  </si>
  <si>
    <t>POINT (4.691490102868997 51.805505569767796)</t>
  </si>
  <si>
    <t>POINT (4.727250091634009 51.797908499493595)</t>
  </si>
  <si>
    <t>POINT (4.721040779507539 51.79524681722849)</t>
  </si>
  <si>
    <t>POINT (4.674882479499806 51.780803294043935)</t>
  </si>
  <si>
    <t>POINT (4.709873463219738 51.79628492317714)</t>
  </si>
  <si>
    <t>POINT (4.672986183788701 51.8150526239959)</t>
  </si>
  <si>
    <t>POINT (4.667439886826666 51.818449625558465)</t>
  </si>
  <si>
    <t>POINT (4.659470022181749 51.79653320632642)</t>
  </si>
  <si>
    <t>POINT (4.670567855609672 51.81448472754333)</t>
  </si>
  <si>
    <t>POINT (4.693259999453739 51.796727038378926)</t>
  </si>
  <si>
    <t>POINT (4.683954986340745 51.78055254977828)</t>
  </si>
  <si>
    <t>POINT (4.665159820343306 51.81382082508208)</t>
  </si>
  <si>
    <t>POINT (4.674563533983857 51.80736626392693)</t>
  </si>
  <si>
    <t>POINT (4.661555353363025 51.782310797889984)</t>
  </si>
  <si>
    <t>POINT (4.661735690754706 51.81623577457951)</t>
  </si>
  <si>
    <t>POINT (4.665846101517927 51.773672043968226)</t>
  </si>
  <si>
    <t>POINT (4.706163410715175 51.79534005850401)</t>
  </si>
  <si>
    <t>POINT (4.703806901777554 51.78820800378955)</t>
  </si>
  <si>
    <t>POINT (4.638211955431536 51.76944914649663)</t>
  </si>
  <si>
    <t>POINT (4.653677510667757 51.79307217482049)</t>
  </si>
  <si>
    <t>POINT (4.660628699173129 51.81328436026261)</t>
  </si>
  <si>
    <t>POINT (4.6712579710927375 51.785807854186686)</t>
  </si>
  <si>
    <t>POINT (4.7108894041916844 51.79227296034895)</t>
  </si>
  <si>
    <t>POINT (4.665744207836173 51.81845050379948)</t>
  </si>
  <si>
    <t>POINT (4.67034858893958 51.77253888397452)</t>
  </si>
  <si>
    <t>POINT (4.663946507973655 51.813759835081996)</t>
  </si>
  <si>
    <t>POINT (4.66562819006243 51.79601839305851)</t>
  </si>
  <si>
    <t>POINT (4.669606368572626 51.80609137287112)</t>
  </si>
  <si>
    <t>POINT (4.678859655983609 51.78929123520146)</t>
  </si>
  <si>
    <t>POINT (4.688924565253493 51.806901533232214)</t>
  </si>
  <si>
    <t>POINT (4.679008168027476 51.780797642931525)</t>
  </si>
  <si>
    <t>POINT (4.658718640844953 51.80382522668842)</t>
  </si>
  <si>
    <t>POINT (4.6396614252413935 51.78374937493881)</t>
  </si>
  <si>
    <t>POINT (4.721539381077657 51.81312608806568)</t>
  </si>
  <si>
    <t>POINT (4.708501074480792 51.79045759639525)</t>
  </si>
  <si>
    <t>POINT (4.655265268546123 51.798626639774234)</t>
  </si>
  <si>
    <t>POINT (4.684924564322273 51.810780738891296)</t>
  </si>
  <si>
    <t>POINT (4.660654040543528 51.80380691687685)</t>
  </si>
  <si>
    <t>POINT (4.6816582881448765 51.77517104628017)</t>
  </si>
  <si>
    <t>POINT (4.664433646711556 51.814250553034704)</t>
  </si>
  <si>
    <t>POINT (4.7166523108890885 51.812908740512505)</t>
  </si>
  <si>
    <t>POINT (4.670919967039149 51.77385249827562)</t>
  </si>
  <si>
    <t>POINT (4.684919989013088 51.807563613838084)</t>
  </si>
  <si>
    <t>POINT (4.697248986822432 51.79061272119337)</t>
  </si>
  <si>
    <t>POINT (4.6964307314008495 51.79179484260881)</t>
  </si>
  <si>
    <t>POINT (4.7185941260691155 51.815421374519)</t>
  </si>
  <si>
    <t>POINT (4.704304080748029 51.79078351070942)</t>
  </si>
  <si>
    <t>POINT (4.655571271702396 51.791229566808724)</t>
  </si>
  <si>
    <t>POINT (4.694000419848903 51.80974592407985)</t>
  </si>
  <si>
    <t>POINT (4.664809318784416 51.79188737007609)</t>
  </si>
  <si>
    <t>POINT (4.708911203847112 51.796171500058286)</t>
  </si>
  <si>
    <t>POINT (4.633386291895859 51.77874993920783)</t>
  </si>
  <si>
    <t>POINT (4.71579974520974 51.803215781062555)</t>
  </si>
  <si>
    <t>POINT (4.666886407774124 51.80037911519676)</t>
  </si>
  <si>
    <t>POINT (4.629239207395423 51.72280465540701)</t>
  </si>
  <si>
    <t>POINT (4.663006431638045 51.79382773760481)</t>
  </si>
  <si>
    <t>POINT (4.668697924998091 51.775602887891175)</t>
  </si>
  <si>
    <t>POINT (4.685097734481705 51.78564919830995)</t>
  </si>
  <si>
    <t>POINT (4.6697470220946355 51.80165544512638)</t>
  </si>
  <si>
    <t>POINT (4.720386394004501 51.80342981675502)</t>
  </si>
  <si>
    <t>POINT (4.683136895565644 51.77474984926684)</t>
  </si>
  <si>
    <t>POINT (4.678826061218839 51.776101608712686)</t>
  </si>
  <si>
    <t>POINT (4.683344349861514 51.789261258642675)</t>
  </si>
  <si>
    <t>POINT (4.659987145405736 51.80084941506297)</t>
  </si>
  <si>
    <t>POINT (4.683230210352343 51.78760662792602)</t>
  </si>
  <si>
    <t>POINT (4.649390703637242 51.78253043341819)</t>
  </si>
  <si>
    <t>POINT (4.653310464333588 51.794057783383835)</t>
  </si>
  <si>
    <t>POINT (4.679426451263818 51.806433980143275)</t>
  </si>
  <si>
    <t>POINT (4.6559429510715935 51.80969434161734)</t>
  </si>
  <si>
    <t>POINT (4.704542028927332 51.79858921462351)</t>
  </si>
  <si>
    <t>POINT (4.658884613369207 51.78811073364579)</t>
  </si>
  <si>
    <t>POINT (4.7317534292006425 51.8011482696691)</t>
  </si>
  <si>
    <t>POINT (4.67863828525693 51.78631107210681)</t>
  </si>
  <si>
    <t>POINT (4.672142031180666 51.81483108130906)</t>
  </si>
  <si>
    <t>POINT (4.65844907958114 51.81127794575544)</t>
  </si>
  <si>
    <t>POINT (4.672903509029793 51.81590721298345)</t>
  </si>
  <si>
    <t>POINT (4.677777076083296 51.79068461029792)</t>
  </si>
  <si>
    <t>POINT (4.675753064918892 51.7846878317144)</t>
  </si>
  <si>
    <t>POINT (4.631942983776354 51.769704607419314)</t>
  </si>
  <si>
    <t>POINT (4.668607268969005 51.81323062971464)</t>
  </si>
  <si>
    <t>POINT (4.725122259738844 51.80567266652852)</t>
  </si>
  <si>
    <t>POINT (4.698592027006367 51.799914204762636)</t>
  </si>
  <si>
    <t>POINT (4.685936845274756 51.78783886459863)</t>
  </si>
  <si>
    <t>POINT (4.648350580856392 51.78715848073064)</t>
  </si>
  <si>
    <t>POINT (4.709592303945405 51.80493393670117)</t>
  </si>
  <si>
    <t>POINT (4.713656827199877 51.816046742116114)</t>
  </si>
  <si>
    <t>POINT (4.663989080633569 51.79529223377719)</t>
  </si>
  <si>
    <t>POINT (4.654107387744724 51.78769198959942)</t>
  </si>
  <si>
    <t>POINT (4.630528464716498 51.723290166564496)</t>
  </si>
  <si>
    <t>POINT (4.650635755975383 51.80298686053724)</t>
  </si>
  <si>
    <t>POINT (4.6750091250173345 51.78878698152184)</t>
  </si>
  <si>
    <t>POINT (4.682849203886442 51.8050306080505)</t>
  </si>
  <si>
    <t>POINT (4.663204200936102 51.81399425787714)</t>
  </si>
  <si>
    <t>POINT (4.655997280554179 51.78766666172603)</t>
  </si>
  <si>
    <t>POINT (4.685565962484599 51.80802848887805)</t>
  </si>
  <si>
    <t>POINT (4.679244146161571 51.78211050979464)</t>
  </si>
  <si>
    <t>POINT (4.680841922092494 51.8034510695937)</t>
  </si>
  <si>
    <t>POINT (4.823455782527057 51.81762109159974)</t>
  </si>
  <si>
    <t>POINT (4.661555460398695 51.80438821175349)</t>
  </si>
  <si>
    <t>POINT (4.671037637502128 51.81871046362798)</t>
  </si>
  <si>
    <t>POINT (4.658632796727179 51.79560940972083)</t>
  </si>
  <si>
    <t>POINT (4.6789993612659835 51.78875422230158)</t>
  </si>
  <si>
    <t>POINT (4.6765041879282 51.78369871121281)</t>
  </si>
  <si>
    <t>POINT (4.667905846187823 51.791215633336535)</t>
  </si>
  <si>
    <t>POINT (4.68115428367567 51.81311746929336)</t>
  </si>
  <si>
    <t>POINT (4.666635812094131 51.80254234961828)</t>
  </si>
  <si>
    <t>POINT (4.665485483057756 51.80176627918046)</t>
  </si>
  <si>
    <t>POINT (4.660284494423777 51.793370250414775)</t>
  </si>
  <si>
    <t>POINT (4.717200421600467 51.79774918744564)</t>
  </si>
  <si>
    <t>POINT (4.651501569334663 51.794191342728915)</t>
  </si>
  <si>
    <t>POINT (4.6648181160562885 51.78845755984438)</t>
  </si>
  <si>
    <t>POINT (4.680352721318675 51.81400766343758)</t>
  </si>
  <si>
    <t>POINT (4.688048002156988 51.806604622526315)</t>
  </si>
  <si>
    <t>POINT (4.666020861742386 51.810449360493145)</t>
  </si>
  <si>
    <t>POINT (4.658769877141581 51.81256172408491)</t>
  </si>
  <si>
    <t>POINT (4.714020260592066 51.81379027053858)</t>
  </si>
  <si>
    <t>POINT (4.666626368321209 51.79629223831232)</t>
  </si>
  <si>
    <t>POINT (4.661886225580326 51.80158679155835)</t>
  </si>
  <si>
    <t>POINT (4.673909776291794 51.807419549620576)</t>
  </si>
  <si>
    <t>POINT (4.653037552128476 51.783123308680004)</t>
  </si>
  <si>
    <t>POINT (4.6618174343380385 51.78837675145738)</t>
  </si>
  <si>
    <t>POINT (4.678740342947711 51.773113136811105)</t>
  </si>
  <si>
    <t>POINT (4.733309522052184 51.801259602151525)</t>
  </si>
  <si>
    <t>POINT (4.661721516138389 51.81624600595923)</t>
  </si>
  <si>
    <t>POINT (4.667817811627162 51.810790778082094)</t>
  </si>
  <si>
    <t>POINT (4.673689482402913 51.78949828288588)</t>
  </si>
  <si>
    <t>POINT (4.694776829022883 51.818028824019834)</t>
  </si>
  <si>
    <t>POINT (4.672512185671627 51.803808670203914)</t>
  </si>
  <si>
    <t>POINT (4.653704067312733 51.78578582908046)</t>
  </si>
  <si>
    <t>POINT (4.70240435476019 51.79779277509311)</t>
  </si>
  <si>
    <t>POINT (4.664750263448577 51.81300167402048)</t>
  </si>
  <si>
    <t>POINT (4.708805852577587 51.80356855549862)</t>
  </si>
  <si>
    <t>POINT (4.6563701658473144 51.80450256337058)</t>
  </si>
  <si>
    <t>POINT (4.6687973629759085 51.79549176973864)</t>
  </si>
  <si>
    <t>POINT (4.672692310332084 51.81300327869091)</t>
  </si>
  <si>
    <t>POINT (4.716691178831458 51.812903677273475)</t>
  </si>
  <si>
    <t>POINT (4.6731543821837676 51.81064765196302)</t>
  </si>
  <si>
    <t>POINT (4.68160114779843 51.78588925852819)</t>
  </si>
  <si>
    <t>POINT (4.693394992081623 51.81777670229145)</t>
  </si>
  <si>
    <t>POINT (4.685097730913963 51.81205889344539)</t>
  </si>
  <si>
    <t>POINT (4.69263828190151 51.79611950934223)</t>
  </si>
  <si>
    <t>POINT (4.685545509344875 51.7791366835753)</t>
  </si>
  <si>
    <t>POINT (4.6766085086732865 51.77384464860324)</t>
  </si>
  <si>
    <t>POINT (4.66818573312023 51.811658633716846)</t>
  </si>
  <si>
    <t>POINT (4.669967148634491 51.81770158198475)</t>
  </si>
  <si>
    <t>POINT (4.7021409555602505 51.79593255222346)</t>
  </si>
  <si>
    <t>POINT (4.690397405921355 51.8054601741256)</t>
  </si>
  <si>
    <t>POINT (4.680703031186248 51.80147270646403)</t>
  </si>
  <si>
    <t>POINT (4.69843357005106 51.793021518559065)</t>
  </si>
  <si>
    <t>POINT (4.684104498998147 51.8008322462011)</t>
  </si>
  <si>
    <t>POINT (4.667989704713195 51.77586977257731)</t>
  </si>
  <si>
    <t>POINT (4.6685387753095675 51.80952967047332)</t>
  </si>
  <si>
    <t>POINT (4.681997146201046 51.78910429704669)</t>
  </si>
  <si>
    <t>POINT (4.716712137446979 51.79543453425161)</t>
  </si>
  <si>
    <t>POINT (4.660815019002794 51.7909489053206)</t>
  </si>
  <si>
    <t>POINT (4.685968661634178 51.787767846407164)</t>
  </si>
  <si>
    <t>POINT (4.63000433223969 51.725316928150875)</t>
  </si>
  <si>
    <t>POINT (4.660234040938232 51.804018596913025)</t>
  </si>
  <si>
    <t>POINT (4.671626257870773 51.78750956812195)</t>
  </si>
  <si>
    <t>POINT (4.657975111433801 51.812032100489304)</t>
  </si>
  <si>
    <t>POINT (4.636214637299075 51.77598793721506)</t>
  </si>
  <si>
    <t>POINT (4.7089666599382385 51.79246877037458)</t>
  </si>
  <si>
    <t>POINT (4.674210439121372 51.805147960318)</t>
  </si>
  <si>
    <t>POINT (4.67322269849419 51.80473995352737)</t>
  </si>
  <si>
    <t>POINT (4.652759215009348 51.76680462320874)</t>
  </si>
  <si>
    <t>POINT (4.67512176563237 51.813955033372416)</t>
  </si>
  <si>
    <t>POINT (4.713258185994159 51.816238760939974)</t>
  </si>
  <si>
    <t>POINT (4.654162912133961 51.78885446946693)</t>
  </si>
  <si>
    <t>POINT (4.662417749047568 51.797731876364786)</t>
  </si>
  <si>
    <t>POINT (4.698371228506592 51.792805774957515)</t>
  </si>
  <si>
    <t>POINT (4.678200062400685 51.77763159595378)</t>
  </si>
  <si>
    <t>POINT (4.721237085697297 51.799451365811194)</t>
  </si>
  <si>
    <t>POINT (4.696931105986864 51.817693545636786)</t>
  </si>
  <si>
    <t>POINT (4.728037827767529 51.80078475397381)</t>
  </si>
  <si>
    <t>POINT (4.682830496564862 51.79991309012017)</t>
  </si>
  <si>
    <t>POINT (4.692903985673487 51.81881658090956)</t>
  </si>
  <si>
    <t>POINT (4.664031355182538 51.79546202122099)</t>
  </si>
  <si>
    <t>POINT (4.671533047980886 51.815405996892)</t>
  </si>
  <si>
    <t>POINT (4.657101198489215 51.81005094403886)</t>
  </si>
  <si>
    <t>POINT (4.68034384777911 51.77846255223353)</t>
  </si>
  <si>
    <t>POINT (4.658370255313993 51.78165019067747)</t>
  </si>
  <si>
    <t>POINT (4.6564682759989795 51.800513945509636)</t>
  </si>
  <si>
    <t>POINT (4.6726099320929135 51.80854965263024)</t>
  </si>
  <si>
    <t>POINT (4.6836215619439745 51.80345710048417)</t>
  </si>
  <si>
    <t>POINT (4.718527755761692 51.80416510841463)</t>
  </si>
  <si>
    <t>POINT (4.658852363123171 51.80427066459789)</t>
  </si>
  <si>
    <t>POINT (4.682502314314513 51.79949527623541)</t>
  </si>
  <si>
    <t>POINT (4.712686388492246 51.79541671678954)</t>
  </si>
  <si>
    <t>POINT (4.675153241562335 51.782581357459875)</t>
  </si>
  <si>
    <t>POINT (4.675155872009407 51.806835186318764)</t>
  </si>
  <si>
    <t>POINT (4.715904004749546 51.81369520180169)</t>
  </si>
  <si>
    <t>POINT (4.663699553892413 51.79173072543829)</t>
  </si>
  <si>
    <t>POINT (4.6725182270532 51.77778249517525)</t>
  </si>
  <si>
    <t>POINT (4.67483765418314 51.772117825906044)</t>
  </si>
  <si>
    <t>POINT (4.64292725323138 51.76777693281676)</t>
  </si>
  <si>
    <t>POINT (4.658924035658775 51.809158970875195)</t>
  </si>
  <si>
    <t>POINT (4.676516302182026 51.817477030715565)</t>
  </si>
  <si>
    <t>POINT (4.697080967997366 51.7928988382585)</t>
  </si>
  <si>
    <t>POINT (4.679408172953962 51.80788670015147)</t>
  </si>
  <si>
    <t>POINT (4.700988540300614 51.79989203903782)</t>
  </si>
  <si>
    <t>POINT (4.679832900221196 51.81175606125782)</t>
  </si>
  <si>
    <t>POINT (4.6709276985113535 51.772760857055005)</t>
  </si>
  <si>
    <t>POINT (4.717380873234032 51.80229591283835)</t>
  </si>
  <si>
    <t>POINT (4.690662079622344 51.80839278712496)</t>
  </si>
  <si>
    <t>POINT (4.661222953598924 51.77349858323344)</t>
  </si>
  <si>
    <t>POINT (4.652484133475802 51.7898544963039)</t>
  </si>
  <si>
    <t>POINT (4.661801502426441 51.79501339972774)</t>
  </si>
  <si>
    <t>POINT (4.660413553284797 51.791663259086334)</t>
  </si>
  <si>
    <t>POINT (4.674379356545896 51.780882295424774)</t>
  </si>
  <si>
    <t>POINT (4.674725802227655 51.818254651379625)</t>
  </si>
  <si>
    <t>POINT (4.66903885520938 51.798659596057234)</t>
  </si>
  <si>
    <t>POINT (4.65237898788539 51.78518968259888)</t>
  </si>
  <si>
    <t>POINT (4.661029059184914 51.805925562818736)</t>
  </si>
  <si>
    <t>POINT (4.679849290207067 51.78649180864286)</t>
  </si>
  <si>
    <t>POINT (4.720903652036306 51.80048696040992)</t>
  </si>
  <si>
    <t>POINT (4.668559914186489 51.80953170553214)</t>
  </si>
  <si>
    <t>POINT (4.654505200301007 51.791841228726305)</t>
  </si>
  <si>
    <t>POINT (4.6547944280258395 51.81213962605391)</t>
  </si>
  <si>
    <t>POINT (4.70839760944418 51.79684748815093)</t>
  </si>
  <si>
    <t>POINT (4.6820402705657616 51.781861314272554)</t>
  </si>
  <si>
    <t>POINT (4.653601496410669 51.783121506734325)</t>
  </si>
  <si>
    <t>POINT (4.6662828881074665 51.77398111913963)</t>
  </si>
  <si>
    <t>POINT (4.73312295020059 51.79590675352358)</t>
  </si>
  <si>
    <t>POINT (4.667902223640129 51.81052081717859)</t>
  </si>
  <si>
    <t>POINT (4.6563778841009285 51.80445217587288)</t>
  </si>
  <si>
    <t>POINT (4.668686745702895 51.811674268571515)</t>
  </si>
  <si>
    <t>POINT (4.67342523053434 51.819199673185466)</t>
  </si>
  <si>
    <t>POINT (4.669157236016408 51.77678190095505)</t>
  </si>
  <si>
    <t>POINT (4.68426656066927 51.78069452424322)</t>
  </si>
  <si>
    <t>POINT (4.665183089210788 51.80923739732523)</t>
  </si>
  <si>
    <t>POINT (4.662512310648805 51.80881544523033)</t>
  </si>
  <si>
    <t>POINT (4.63060363426779 51.78329103121495)</t>
  </si>
  <si>
    <t>POINT (4.728303522157355 51.79881556755044)</t>
  </si>
  <si>
    <t>POINT (4.703239574651736 51.81691800497757)</t>
  </si>
  <si>
    <t>POINT (4.685704666095926 51.77707912486097)</t>
  </si>
  <si>
    <t>POINT (4.684404283996743 51.8074587296224)</t>
  </si>
  <si>
    <t>POINT (4.66562341204649 51.79600624690898)</t>
  </si>
  <si>
    <t>POINT (4.639673869179002 51.782684172644856)</t>
  </si>
  <si>
    <t>POINT (4.679681794948254 51.81612878342678)</t>
  </si>
  <si>
    <t>POINT (4.724284681259639 51.80369374479031)</t>
  </si>
  <si>
    <t>POINT (4.676533738140199 51.78377969865995)</t>
  </si>
  <si>
    <t>POINT (4.7281367718930385 51.795920530264)</t>
  </si>
  <si>
    <t>POINT (4.663136556605547 51.81686240639694)</t>
  </si>
  <si>
    <t>POINT (4.679229008579345 51.78787297276029)</t>
  </si>
  <si>
    <t>POINT (4.697312184111529 51.79287810400128)</t>
  </si>
  <si>
    <t>POINT (4.680123014485155 51.77434526650017)</t>
  </si>
  <si>
    <t>POINT (4.6758641048197 51.78507148664163)</t>
  </si>
  <si>
    <t>POINT (4.684661745354537 51.78217467835047)</t>
  </si>
  <si>
    <t>POINT (4.676733110635984 51.804418531899536)</t>
  </si>
  <si>
    <t>POINT (4.67404953839347 51.78036981303882)</t>
  </si>
  <si>
    <t>POINT (4.668504731948479 51.79266532469881)</t>
  </si>
  <si>
    <t>POINT (4.665538387689829 51.79738815838949)</t>
  </si>
  <si>
    <t>POINT (4.669475756081771 51.80640283187687)</t>
  </si>
  <si>
    <t>POINT (4.701080018430274 51.800402078386846)</t>
  </si>
  <si>
    <t>POINT (4.6643855556738165 51.79275825490298)</t>
  </si>
  <si>
    <t>POINT (4.685418285532685 51.788278483357665)</t>
  </si>
  <si>
    <t>POINT (4.662606570224287 51.809005517794105)</t>
  </si>
  <si>
    <t>POINT (4.680059144247184 51.77954926001786)</t>
  </si>
  <si>
    <t>POINT (4.68238871295676 51.78562017065068)</t>
  </si>
  <si>
    <t>POINT (4.660767915079128 51.80383669137014)</t>
  </si>
  <si>
    <t>POINT (4.710905818377378 51.80483225752409)</t>
  </si>
  <si>
    <t>POINT (4.721351161629768 51.79731579802609)</t>
  </si>
  <si>
    <t>POINT (4.701382945578223 51.79979042714392)</t>
  </si>
  <si>
    <t>POINT (4.6554862385715605 51.77004925509978)</t>
  </si>
  <si>
    <t>POINT (4.679127442932882 51.800666586963175)</t>
  </si>
  <si>
    <t>POINT (4.665558895192258 51.787647526861846)</t>
  </si>
  <si>
    <t>POINT (4.732225258164471 51.79952582161269)</t>
  </si>
  <si>
    <t>POINT (4.670572175641221 51.78989972752809)</t>
  </si>
  <si>
    <t>POINT (4.667753455627711 51.7988969235285)</t>
  </si>
  <si>
    <t>POINT (4.695858900130357 51.79241704104535)</t>
  </si>
  <si>
    <t>POINT (4.678279303248115 51.788517182748535)</t>
  </si>
  <si>
    <t>POINT (4.6719516971755155 51.81490981274586)</t>
  </si>
  <si>
    <t>POINT (4.691666700602675 51.818068652994306)</t>
  </si>
  <si>
    <t>POINT (4.674585134609676 51.782772054410565)</t>
  </si>
  <si>
    <t>POINT (4.680587197868987 51.77980609454627)</t>
  </si>
  <si>
    <t>POINT (4.680020296008899 51.77584816101851)</t>
  </si>
  <si>
    <t>POINT (4.6478038674630096 51.793106591866184)</t>
  </si>
  <si>
    <t>POINT (4.7046926405921505 51.79847527866846)</t>
  </si>
  <si>
    <t>POINT (4.67140943537175 51.772390568784424)</t>
  </si>
  <si>
    <t>POINT (4.659467989629261 51.80549593085355)</t>
  </si>
  <si>
    <t>POINT (4.669540442416744 51.777157718385396)</t>
  </si>
  <si>
    <t>POINT (4.6744796114688425 51.78651405654627)</t>
  </si>
  <si>
    <t>POINT (4.660198948609976 51.80416547045587)</t>
  </si>
  <si>
    <t>POINT (4.667462592901639 51.77422278149418)</t>
  </si>
  <si>
    <t>POINT (4.676466848749278 51.81848777618728)</t>
  </si>
  <si>
    <t>POINT (4.709024614825726 51.79589543975349)</t>
  </si>
  <si>
    <t>POINT (4.690194864722411 51.81905225935208)</t>
  </si>
  <si>
    <t>POINT (4.682259765673325 51.81465852496588)</t>
  </si>
  <si>
    <t>POINT (4.642821028554333 51.79892548570228)</t>
  </si>
  <si>
    <t>POINT (4.662370386721421 51.798475236653275)</t>
  </si>
  <si>
    <t>POINT (4.653708554733925 51.78555615047025)</t>
  </si>
  <si>
    <t>POINT (4.6581918565204825 51.811311772499124)</t>
  </si>
  <si>
    <t>POINT (4.666885519128467 51.81464501313685)</t>
  </si>
  <si>
    <t>POINT (4.656553711531015 51.81178866340132)</t>
  </si>
  <si>
    <t>POINT (4.66425754971951 51.817665048633444)</t>
  </si>
  <si>
    <t>POINT (4.729221566909354 51.796594529242135)</t>
  </si>
  <si>
    <t>POINT (4.698465150974653 51.81744694798518)</t>
  </si>
  <si>
    <t>POINT (4.712832736437536 51.81587352666739)</t>
  </si>
  <si>
    <t>POINT (4.720371221418555 51.80053365188704)</t>
  </si>
  <si>
    <t>POINT (4.6675500190607835 51.810966842311885)</t>
  </si>
  <si>
    <t>POINT (4.683042104280315 51.810716083509085)</t>
  </si>
  <si>
    <t>POINT (4.6715565003405235 51.81183738505781)</t>
  </si>
  <si>
    <t>POINT (4.6597094766666025 51.80035062779726)</t>
  </si>
  <si>
    <t>POINT (4.693026497269718 51.791776132817425)</t>
  </si>
  <si>
    <t>POINT (4.663417796091482 51.785941249710895)</t>
  </si>
  <si>
    <t>POINT (4.717854602217922 51.803169903701075)</t>
  </si>
  <si>
    <t>POINT (4.663699233087041 51.813244535900544)</t>
  </si>
  <si>
    <t>POINT (4.652167409574379 51.78797304375743)</t>
  </si>
  <si>
    <t>POINT (4.686611012854299 51.80481660097377)</t>
  </si>
  <si>
    <t>POINT (4.719747408109422 51.80768087663107)</t>
  </si>
  <si>
    <t>POINT (4.677919778788515 51.813098989277805)</t>
  </si>
  <si>
    <t>POINT (4.677288536982518 51.80665915729174)</t>
  </si>
  <si>
    <t>POINT (4.660860738872886 51.8043380620041)</t>
  </si>
  <si>
    <t>POINT (4.698474038309996 51.793467027985024)</t>
  </si>
  <si>
    <t>POINT (4.720500815642922 51.803540874453304)</t>
  </si>
  <si>
    <t>POINT (4.671921006964902 51.80593455851433)</t>
  </si>
  <si>
    <t>POINT (4.684298159736889 51.81266574957073)</t>
  </si>
  <si>
    <t>POINT (4.661518788948544 51.801645660674644)</t>
  </si>
  <si>
    <t>POINT (4.681289443941286 51.78913597736465)</t>
  </si>
  <si>
    <t>POINT (4.6765695086372085 51.78369762382526)</t>
  </si>
  <si>
    <t>POINT (4.674542020838908 51.80721639090029)</t>
  </si>
  <si>
    <t>POINT (4.685334792607413 51.80496107143262)</t>
  </si>
  <si>
    <t>POINT (4.675814687263607 51.80767298982325)</t>
  </si>
  <si>
    <t>POINT (4.669365222132196 51.8135474991)</t>
  </si>
  <si>
    <t>POINT (4.674445097754761 51.81678057644144)</t>
  </si>
  <si>
    <t>POINT (4.679924139815983 51.79861875507967)</t>
  </si>
  <si>
    <t>POINT (4.6480621190753455 51.78159042341762)</t>
  </si>
  <si>
    <t>POINT (4.659358783190808 51.79878850022049)</t>
  </si>
  <si>
    <t>POINT (4.689237727566375 51.81036916434241)</t>
  </si>
  <si>
    <t>POINT (4.69248196510014 51.79051905165201)</t>
  </si>
  <si>
    <t>POINT (4.7144008715072 51.8149767960109)</t>
  </si>
  <si>
    <t>POINT (4.694191262190079 51.80986792176077)</t>
  </si>
  <si>
    <t>POINT (4.652677412491012 51.7872980396613)</t>
  </si>
  <si>
    <t>POINT (4.671747867077643 51.77311828382779)</t>
  </si>
  <si>
    <t>POINT (4.668036085934175 51.77225236813588)</t>
  </si>
  <si>
    <t>POINT (4.644810261009488 51.80045459297818)</t>
  </si>
  <si>
    <t>POINT (4.659473528343678 51.788383393647024)</t>
  </si>
  <si>
    <t>POINT (4.72420425461492 51.80404589677216)</t>
  </si>
  <si>
    <t>POINT (4.715104124929647 51.807108970082346)</t>
  </si>
  <si>
    <t>POINT (4.707956631914268 51.80798822530444)</t>
  </si>
  <si>
    <t>POINT (4.664754015657379 51.809390009021016)</t>
  </si>
  <si>
    <t>POINT (4.675301264160871 51.817634824452504)</t>
  </si>
  <si>
    <t>POINT (4.663514173562942 51.8113363292589)</t>
  </si>
  <si>
    <t>POINT (4.665948364999174 51.8003289933756)</t>
  </si>
  <si>
    <t>POINT (4.649707550930969 51.79483293781065)</t>
  </si>
  <si>
    <t>POINT (4.683203801477557 51.798288505648316)</t>
  </si>
  <si>
    <t>POINT (4.65974506901377 51.793346655233016)</t>
  </si>
  <si>
    <t>POINT (4.650732773493376 51.801345781832666)</t>
  </si>
  <si>
    <t>POINT (4.664392576711316 51.79046456117788)</t>
  </si>
  <si>
    <t>POINT (4.641881335323987 51.78529456056444)</t>
  </si>
  <si>
    <t>POINT (4.637439761963111 51.779759729213225)</t>
  </si>
  <si>
    <t>POINT (4.714760702674584 51.80487369268885)</t>
  </si>
  <si>
    <t>POINT (4.698390383283345 51.793024662721415)</t>
  </si>
  <si>
    <t>POINT (4.732407025883816 51.791946300386066)</t>
  </si>
  <si>
    <t>POINT (4.70830695002582 51.78959721947325)</t>
  </si>
  <si>
    <t>POINT (4.676642340065813 51.784894577748965)</t>
  </si>
  <si>
    <t>POINT (4.652308423434366 51.78548318062797)</t>
  </si>
  <si>
    <t>POINT (4.6554531317973655 51.79094929904739)</t>
  </si>
  <si>
    <t>POINT (4.706952344046292 51.79819583892039)</t>
  </si>
  <si>
    <t>POINT (4.653837003784572 51.80400618645174)</t>
  </si>
  <si>
    <t>POINT (4.7140173618754275 51.81612985224922)</t>
  </si>
  <si>
    <t>POINT (4.685035684759274 51.804609982170064)</t>
  </si>
  <si>
    <t>POINT (4.69341917076193 51.79240105641322)</t>
  </si>
  <si>
    <t>POINT (4.645614698463721 51.79977033613362)</t>
  </si>
  <si>
    <t>POINT (4.715333378271896 51.80327795569845)</t>
  </si>
  <si>
    <t>POINT (4.652965835757379 51.80233030527157)</t>
  </si>
  <si>
    <t>POINT (4.663656298918462 51.79230740750806)</t>
  </si>
  <si>
    <t>POINT (4.679613209264732 51.776484236390274)</t>
  </si>
  <si>
    <t>POINT (4.657595119088566 51.78420587955782)</t>
  </si>
  <si>
    <t>POINT (4.667428318608501 51.77845360425674)</t>
  </si>
  <si>
    <t>POINT (4.668538860613382 51.81326259700526)</t>
  </si>
  <si>
    <t>POINT (4.688329990171417 51.81987376133431)</t>
  </si>
  <si>
    <t>POINT (4.671759565354602 51.81729409983531)</t>
  </si>
  <si>
    <t>POINT (4.679773804840096 51.81397889897064)</t>
  </si>
  <si>
    <t>POINT (4.669064531848232 51.790871561529464)</t>
  </si>
  <si>
    <t>POINT (4.674002519026607 51.78372360799826)</t>
  </si>
  <si>
    <t>POINT (4.630517136748926 51.7287444229953)</t>
  </si>
  <si>
    <t>POINT (4.6602841671270765 51.809985527664054)</t>
  </si>
  <si>
    <t>POINT (4.683404950813843 51.801078530590125)</t>
  </si>
  <si>
    <t>POINT (4.724123964270181 51.804479414628254)</t>
  </si>
  <si>
    <t>POINT (4.6563632219250515 51.80443807117299)</t>
  </si>
  <si>
    <t>POINT (4.709894367167191 51.791881480387374)</t>
  </si>
  <si>
    <t>POINT (4.709423679585922 51.805694876798704)</t>
  </si>
  <si>
    <t>POINT (4.682629204242329 51.775803440509286)</t>
  </si>
  <si>
    <t>POINT (4.6822406953257305 51.77376448133472)</t>
  </si>
  <si>
    <t>POINT (4.698784725760232 51.791290761273785)</t>
  </si>
  <si>
    <t>POINT (4.679840804661169 51.78643955113798)</t>
  </si>
  <si>
    <t>POINT (4.656969334640941 51.80292934393864)</t>
  </si>
  <si>
    <t>POINT (4.669708579982741 51.8124100056401)</t>
  </si>
  <si>
    <t>POINT (4.733255405972096 51.79996333687191)</t>
  </si>
  <si>
    <t>POINT (4.654586333802364 51.806936220629915)</t>
  </si>
  <si>
    <t>POINT (4.691274458728119 51.81118355246573)</t>
  </si>
  <si>
    <t>POINT (4.664634120544754 51.777993963244896)</t>
  </si>
  <si>
    <t>POINT (4.639227060516383 51.775872185662486)</t>
  </si>
  <si>
    <t>POINT (4.664464850444999 51.78827842325504)</t>
  </si>
  <si>
    <t>POINT (4.650648949567036 51.80293894369074)</t>
  </si>
  <si>
    <t>POINT (4.638425839902623 51.770538483238525)</t>
  </si>
  <si>
    <t>POINT (4.682821719076265 51.80277171518523)</t>
  </si>
  <si>
    <t>POINT (4.667536712800549 51.782532645196504)</t>
  </si>
  <si>
    <t>POINT (4.655746403785352 51.80717187844115)</t>
  </si>
  <si>
    <t>POINT (4.720884530792936 51.80302066104351)</t>
  </si>
  <si>
    <t>POINT (4.686658559955374 51.78113606749317)</t>
  </si>
  <si>
    <t>POINT (4.6548003989804005 51.80373391378434)</t>
  </si>
  <si>
    <t>POINT (4.687285569385737 51.80924629556311)</t>
  </si>
  <si>
    <t>POINT (4.69895198491219 51.795273526412394)</t>
  </si>
  <si>
    <t>POINT (4.730216777103108 51.79830147654684)</t>
  </si>
  <si>
    <t>POINT (4.682681894756707 51.79104831413205)</t>
  </si>
  <si>
    <t>POINT (4.697146349211442 51.79626813205702)</t>
  </si>
  <si>
    <t>POINT (4.662204918129788 51.77225231275154)</t>
  </si>
  <si>
    <t>POINT (4.668643372311729 51.80824654767069)</t>
  </si>
  <si>
    <t>POINT (4.727775357027729 51.800028080477844)</t>
  </si>
  <si>
    <t>POINT (4.700888323355686 51.79678374786536)</t>
  </si>
  <si>
    <t>POINT (4.673510250738282 51.81943707750842)</t>
  </si>
  <si>
    <t>POINT (4.668091212838615 51.81473439306785)</t>
  </si>
  <si>
    <t>POINT (4.6766154122296895 51.804852439753525)</t>
  </si>
  <si>
    <t>POINT (4.661533550164883 51.812704660993035)</t>
  </si>
  <si>
    <t>POINT (4.714959388063473 51.814959772150104)</t>
  </si>
  <si>
    <t>POINT (4.708093995301244 51.797657820636346)</t>
  </si>
  <si>
    <t>POINT (4.719959489597001 51.80008613044446)</t>
  </si>
  <si>
    <t>POINT (4.722205948637338 51.79345778225607)</t>
  </si>
  <si>
    <t>POINT (4.711240238291908 51.80102536019972)</t>
  </si>
  <si>
    <t>POINT (4.675158300377575 51.81712815594269)</t>
  </si>
  <si>
    <t>POINT (4.657734445137773 51.81279637784587)</t>
  </si>
  <si>
    <t>POINT (4.713806627352523 51.803332996099165)</t>
  </si>
  <si>
    <t>POINT (4.675455735137786 51.78328441093715)</t>
  </si>
  <si>
    <t>POINT (4.732400253832142 51.793423510561865)</t>
  </si>
  <si>
    <t>POINT (4.72989502631605 51.801715618361705)</t>
  </si>
  <si>
    <t>POINT (4.676760405697433 51.7863485495698)</t>
  </si>
  <si>
    <t>POINT (4.66678213750175 51.81430061561659)</t>
  </si>
  <si>
    <t>POINT (4.683630578950463 51.782299013615564)</t>
  </si>
  <si>
    <t>POINT (4.694303362192903 51.81109602983563)</t>
  </si>
  <si>
    <t>POINT (4.652408258494906 51.79264148379639)</t>
  </si>
  <si>
    <t>POINT (4.651467502113019 51.80249497674406)</t>
  </si>
  <si>
    <t>POINT (4.7349262125266876 51.801592326313404)</t>
  </si>
  <si>
    <t>POINT (4.717852531204995 51.79952301758188)</t>
  </si>
  <si>
    <t>POINT (4.693357090945215 51.796776546942304)</t>
  </si>
  <si>
    <t>POINT (4.70223376090689 51.788990281505875)</t>
  </si>
  <si>
    <t>POINT (4.6984975766986885 51.79140206352774)</t>
  </si>
  <si>
    <t>POINT (4.6659049726337685 51.81845835031002)</t>
  </si>
  <si>
    <t>POINT (4.653319383316593 51.79384102252446)</t>
  </si>
  <si>
    <t>POINT (4.7166671457986515 51.81282394557775)</t>
  </si>
  <si>
    <t>POINT (4.660991061083664 51.81266330099634)</t>
  </si>
  <si>
    <t>POINT (4.650434365627669 51.7939327277956)</t>
  </si>
  <si>
    <t>POINT (4.657089796540837 51.7820205984644)</t>
  </si>
  <si>
    <t>POINT (4.686099261121687 51.80442749894242)</t>
  </si>
  <si>
    <t>POINT (4.6680100823475525 51.817319101297265)</t>
  </si>
  <si>
    <t>POINT (4.630771220443806 51.73166213517589)</t>
  </si>
  <si>
    <t>POINT (4.725097620132083 51.80562065407263)</t>
  </si>
  <si>
    <t>POINT (4.66630973579196 51.81577254066854)</t>
  </si>
  <si>
    <t>POINT (4.676566244397884 51.783684956948925)</t>
  </si>
  <si>
    <t>POINT (4.662857197663106 51.812471878983935)</t>
  </si>
  <si>
    <t>POINT (4.653729426337356 51.80281125750912)</t>
  </si>
  <si>
    <t>POINT (4.6736223614300805 51.78948893985442)</t>
  </si>
  <si>
    <t>POINT (4.680900922414997 51.77922728709806)</t>
  </si>
  <si>
    <t>POINT (4.661905841029287 51.80307614149922)</t>
  </si>
  <si>
    <t>POINT (4.6785756853585365 51.80806157510887)</t>
  </si>
  <si>
    <t>POINT (4.6611252033086 51.80081614895179)</t>
  </si>
  <si>
    <t>POINT (4.714853838650681 51.81601386703604)</t>
  </si>
  <si>
    <t>POINT (4.719019850172847 51.8036732395814)</t>
  </si>
  <si>
    <t>POINT (4.6645008727439174 51.810834001212484)</t>
  </si>
  <si>
    <t>POINT (4.703082008294716 51.78921297289248)</t>
  </si>
  <si>
    <t>POINT (4.6727793341297135 51.785057890094706)</t>
  </si>
  <si>
    <t>POINT (4.7188579226278025 51.80229398947064)</t>
  </si>
  <si>
    <t>POINT (4.676392358912679 51.8046212212876)</t>
  </si>
  <si>
    <t>POINT (4.668610855352526 51.81036609502342)</t>
  </si>
  <si>
    <t>POINT (4.662306897736632 51.814249489282425)</t>
  </si>
  <si>
    <t>POINT (4.678682080514245 51.80646840886875)</t>
  </si>
  <si>
    <t>POINT (4.678367306261528 51.80759535045362)</t>
  </si>
  <si>
    <t>POINT (4.682970920290803 51.81157006500581)</t>
  </si>
  <si>
    <t>POINT (4.657950327131043 51.80700056382524)</t>
  </si>
  <si>
    <t>POINT (4.679867782507907 51.803001816778036)</t>
  </si>
  <si>
    <t>POINT (4.7223629884567 51.800093230296454)</t>
  </si>
  <si>
    <t>POINT (4.728284419128298 51.799241980338785)</t>
  </si>
  <si>
    <t>POINT (4.668446237202546 51.79252829318815)</t>
  </si>
  <si>
    <t>POINT (4.659936898107583 51.78752872641978)</t>
  </si>
  <si>
    <t>POINT (4.679289443620663 51.80815919463824)</t>
  </si>
  <si>
    <t>POINT (4.660710592228665 51.794741302955394)</t>
  </si>
  <si>
    <t>POINT (4.681346612489789 51.77449092820708)</t>
  </si>
  <si>
    <t>POINT (4.681879464974334 51.78062183070208)</t>
  </si>
  <si>
    <t>POINT (4.658957174020448 51.79345950105733)</t>
  </si>
  <si>
    <t>POINT (4.653262888841676 51.79279796977945)</t>
  </si>
  <si>
    <t>POINT (4.665036721186507 51.81001582442224)</t>
  </si>
  <si>
    <t>POINT (4.733282952107334 51.80214819644301)</t>
  </si>
  <si>
    <t>POINT (4.714341732818768 51.81486097095915)</t>
  </si>
  <si>
    <t>POINT (4.688000567804606 51.81044364125156)</t>
  </si>
  <si>
    <t>POINT (4.67932219410589 51.77900589708129)</t>
  </si>
  <si>
    <t>POINT (4.656853384723094 51.80036008380639)</t>
  </si>
  <si>
    <t>POINT (4.6582984392829765 51.79619054686457)</t>
  </si>
  <si>
    <t>POINT (4.66055402758963 51.806685330377825)</t>
  </si>
  <si>
    <t>POINT (4.655686774241821 51.81128010261154)</t>
  </si>
  <si>
    <t>POINT (4.7184150987358064 51.80328315667562)</t>
  </si>
  <si>
    <t>POINT (4.6925688136363695 51.78710766022906)</t>
  </si>
  <si>
    <t>POINT (4.660209851741838 51.81361514753602)</t>
  </si>
  <si>
    <t>POINT (4.7337840856987885 51.80073453204492)</t>
  </si>
  <si>
    <t>POINT (4.721224173488434 51.80235922733488)</t>
  </si>
  <si>
    <t>POINT (4.672595953245365 51.80373414287784)</t>
  </si>
  <si>
    <t>POINT (4.722024941019705 51.802948076377966)</t>
  </si>
  <si>
    <t>POINT (4.663255189016416 51.789922423156405)</t>
  </si>
  <si>
    <t>POINT (4.655626713321823 51.790330475234796)</t>
  </si>
  <si>
    <t>POINT (4.666804968808494 51.81800317273808)</t>
  </si>
  <si>
    <t>POINT (4.6680435463125125 51.81592695196423)</t>
  </si>
  <si>
    <t>POINT (4.657602150258447 51.78713215416811)</t>
  </si>
  <si>
    <t>POINT (4.681092625384653 51.77690725290546)</t>
  </si>
  <si>
    <t>POINT (4.712804088073523 51.81502266842949)</t>
  </si>
  <si>
    <t>POINT (4.654080512495009 51.811448980599025)</t>
  </si>
  <si>
    <t>POINT (4.684061922852452 51.80021539483317)</t>
  </si>
  <si>
    <t>POINT (4.662984288548468 51.80670945145897)</t>
  </si>
  <si>
    <t>POINT (4.684755479962444 51.79922354986135)</t>
  </si>
  <si>
    <t>POINT (4.686509577037207 51.80626194854079)</t>
  </si>
  <si>
    <t>POINT (4.6860621019594895 51.77494965490218)</t>
  </si>
  <si>
    <t>POINT (4.686456104076314 51.779423024094626)</t>
  </si>
  <si>
    <t>POINT (4.653685737155162 51.785832842303726)</t>
  </si>
  <si>
    <t>POINT (4.67254595540186 51.81131445841112)</t>
  </si>
  <si>
    <t>POINT (4.705630034613206 51.80883635098493)</t>
  </si>
  <si>
    <t>POINT (4.714721228809557 51.81452502958853)</t>
  </si>
  <si>
    <t>POINT (4.667938088655714 51.814840213172815)</t>
  </si>
  <si>
    <t>POINT (4.655580438825925 51.80556388995759)</t>
  </si>
  <si>
    <t>POINT (4.709737365001342 51.79399472543231)</t>
  </si>
  <si>
    <t>POINT (4.667935534712931 51.79142183635417)</t>
  </si>
  <si>
    <t>POINT (4.685482275310774 51.784590069715414)</t>
  </si>
  <si>
    <t>POINT (4.666188257551068 51.80334736876641)</t>
  </si>
  <si>
    <t>POINT (4.68192929823553 51.80438187099358)</t>
  </si>
  <si>
    <t>POINT (4.68243548251609 51.77548543380461)</t>
  </si>
  <si>
    <t>POINT (4.654902488630756 51.8123757321644)</t>
  </si>
  <si>
    <t>POINT (4.678007787543432 51.806541503249)</t>
  </si>
  <si>
    <t>POINT (4.6603382017172175 51.790721692706356)</t>
  </si>
  <si>
    <t>POINT (4.721563436029267 51.81089857135232)</t>
  </si>
  <si>
    <t>POINT (4.682001730414005 51.780071918167984)</t>
  </si>
  <si>
    <t>POINT (4.685154271702039 51.781229301975834)</t>
  </si>
  <si>
    <t>POINT (4.6735618824977845 51.81014187520833)</t>
  </si>
  <si>
    <t>POINT (4.680664262661066 51.78194143779468)</t>
  </si>
  <si>
    <t>POINT (4.678997964804635 51.78060471976073)</t>
  </si>
  <si>
    <t>POINT (4.714314421745382 51.81026998380629)</t>
  </si>
  <si>
    <t>POINT (4.671949990008916 51.81168458557953)</t>
  </si>
  <si>
    <t>POINT (4.6889050567560435 51.818247199926056)</t>
  </si>
  <si>
    <t>POINT (4.674873242426578 51.815572096772954)</t>
  </si>
  <si>
    <t>POINT (4.675714236020796 51.77394944649706)</t>
  </si>
  <si>
    <t>POINT (4.667690708692431 51.81097609145591)</t>
  </si>
  <si>
    <t>POINT (4.669621551912264 51.80893593384076)</t>
  </si>
  <si>
    <t>POINT (4.659921943157076 51.77062454832284)</t>
  </si>
  <si>
    <t>POINT (4.678480119855959 51.78465657400295)</t>
  </si>
  <si>
    <t>POINT (4.672895322496287 51.78025141958207)</t>
  </si>
  <si>
    <t>POINT (4.66282884161625 51.793575056457406)</t>
  </si>
  <si>
    <t>POINT (4.675784366059853 51.78489120211692)</t>
  </si>
  <si>
    <t>POINT (4.652489406431522 51.78560649799306)</t>
  </si>
  <si>
    <t>POINT (4.70294335910932 51.8155918734873)</t>
  </si>
  <si>
    <t>POINT (4.651826979999291 51.80994422246904)</t>
  </si>
  <si>
    <t>POINT (4.6747922074843915 51.78341508759349)</t>
  </si>
  <si>
    <t>POINT (4.663353905368705 51.812776882614415)</t>
  </si>
  <si>
    <t>POINT (4.6647228988066365 51.787728366976935)</t>
  </si>
  <si>
    <t>POINT (4.639211807009855 51.76902936259591)</t>
  </si>
  <si>
    <t>POINT (4.662082628327892 51.80940954968915)</t>
  </si>
  <si>
    <t>POINT (4.6774045082015885 51.81574069929477)</t>
  </si>
  <si>
    <t>POINT (4.7070239687450295 51.80130330078641)</t>
  </si>
  <si>
    <t>POINT (4.670744109842174 51.80976089758608)</t>
  </si>
  <si>
    <t>POINT (4.67160580743754 51.77612918436403)</t>
  </si>
  <si>
    <t>POINT (4.673873739474357 51.78198348393674)</t>
  </si>
  <si>
    <t>POINT (4.682530299693225 51.77409548698161)</t>
  </si>
  <si>
    <t>POINT (4.680786239825188 51.78756257889043)</t>
  </si>
  <si>
    <t>POINT (4.668444314702511 51.791924771240204)</t>
  </si>
  <si>
    <t>POINT (4.637666413422173 51.763558083254914)</t>
  </si>
  <si>
    <t>POINT (4.7194690437529845 51.80353897150476)</t>
  </si>
  <si>
    <t>POINT (4.653689233435072 51.792887898668056)</t>
  </si>
  <si>
    <t>POINT (4.711261693318496 51.81649670452901)</t>
  </si>
  <si>
    <t>POINT (4.668204393038579 51.81763864366914)</t>
  </si>
  <si>
    <t>POINT (4.681553413634762 51.7888292983719)</t>
  </si>
  <si>
    <t>POINT (4.711682814771971 51.8102957719184)</t>
  </si>
  <si>
    <t>POINT (4.718953224061608 51.805167608739374)</t>
  </si>
  <si>
    <t>POINT (4.673694462084978 51.81170267476944)</t>
  </si>
  <si>
    <t>POINT (4.663689713298491 51.79416002305855)</t>
  </si>
  <si>
    <t>POINT (4.670568016235043 51.79932632496653)</t>
  </si>
  <si>
    <t>POINT (4.669956674688746 51.810138510595124)</t>
  </si>
  <si>
    <t>POINT (4.688922698350471 51.80725243962004)</t>
  </si>
  <si>
    <t>POINT (4.664314338310313 51.81471615079788)</t>
  </si>
  <si>
    <t>POINT (4.6612761794757125 51.81272208027086)</t>
  </si>
  <si>
    <t>POINT (4.720960435266661 51.80068163536531)</t>
  </si>
  <si>
    <t>POINT (4.6982201551752585 51.79190516659402)</t>
  </si>
  <si>
    <t>POINT (4.665973108292996 51.77183171951755)</t>
  </si>
  <si>
    <t>POINT (4.7114934307754215 51.816442039779005)</t>
  </si>
  <si>
    <t>POINT (4.676194235550004 51.81117090442593)</t>
  </si>
  <si>
    <t>POINT (4.660619335036494 51.810604326140464)</t>
  </si>
  <si>
    <t>POINT (4.664615398880338 51.797031235143194)</t>
  </si>
  <si>
    <t>POINT (4.683296391039298 51.818887511746254)</t>
  </si>
  <si>
    <t>POINT (4.66435289267181 51.790395642966715)</t>
  </si>
  <si>
    <t>POINT (4.713514311013585 51.81870269484804)</t>
  </si>
  <si>
    <t>POINT (4.675407010640647 51.78324496049401)</t>
  </si>
  <si>
    <t>POINT (4.692495674254015 51.79560684989804)</t>
  </si>
  <si>
    <t>POINT (4.635597922213877 51.77516215484999)</t>
  </si>
  <si>
    <t>POINT (4.654700903615049 51.802719160788826)</t>
  </si>
  <si>
    <t>POINT (4.675610931827509 51.783375581117134)</t>
  </si>
  <si>
    <t>POINT (4.67299851147173 51.795394993915494)</t>
  </si>
  <si>
    <t>POINT (4.676708702253774 51.78384353563745)</t>
  </si>
  <si>
    <t>POINT (4.667930949462202 51.77369474519831)</t>
  </si>
  <si>
    <t>POINT (4.668023700701779 51.81530093101386)</t>
  </si>
  <si>
    <t>POINT (4.665453668815717 51.796108815496936)</t>
  </si>
  <si>
    <t>POINT (4.665412063558397 51.79476531559416)</t>
  </si>
  <si>
    <t>POINT (4.653910888895485 51.781600482411505)</t>
  </si>
  <si>
    <t>POINT (4.66582059620737 51.788166058921654)</t>
  </si>
  <si>
    <t>POINT (4.683674264248134 51.7889865298708)</t>
  </si>
  <si>
    <t>POINT (4.732764510908083 51.80234444023969)</t>
  </si>
  <si>
    <t>POINT (4.6755984661295535 51.803986141131894)</t>
  </si>
  <si>
    <t>POINT (4.664657389358004 51.81437004204512)</t>
  </si>
  <si>
    <t>POINT (4.684666522669801 51.788363205342314)</t>
  </si>
  <si>
    <t>POINT (4.682148351272708 51.782065405158335)</t>
  </si>
  <si>
    <t>POINT (4.672289506651206 51.81496012228917)</t>
  </si>
  <si>
    <t>POINT (4.67080214170998 51.81373099259159)</t>
  </si>
  <si>
    <t>POINT (4.685067581208633 51.813078593705015)</t>
  </si>
  <si>
    <t>POINT (4.667644821132741 51.77560106986332)</t>
  </si>
  <si>
    <t>POINT (4.731896277351725 51.79610127206169)</t>
  </si>
  <si>
    <t>POINT (4.732317065981486 51.79586970114002)</t>
  </si>
  <si>
    <t>POINT (4.675824199231033 51.77415060671584)</t>
  </si>
  <si>
    <t>POINT (4.680445076669414 51.81484365313242)</t>
  </si>
  <si>
    <t>POINT (4.676898145290921 51.817366804282265)</t>
  </si>
  <si>
    <t>POINT (4.677553893865689 51.81541325572933)</t>
  </si>
  <si>
    <t>POINT (4.660468700695426 51.79744564642779)</t>
  </si>
  <si>
    <t>POINT (4.715734986216964 51.813252838856954)</t>
  </si>
  <si>
    <t>POINT (4.711570621596875 51.8067981833771)</t>
  </si>
  <si>
    <t>POINT (4.675235974493724 51.813080589399604)</t>
  </si>
  <si>
    <t>POINT (4.706988145063923 51.786890929518954)</t>
  </si>
  <si>
    <t>POINT (4.655637264293097 51.79018931939522)</t>
  </si>
  <si>
    <t>POINT (4.666910596492803 51.80922396910324)</t>
  </si>
  <si>
    <t>POINT (4.7096155446594965 51.801516027867486)</t>
  </si>
  <si>
    <t>POINT (4.633742428398965 51.77669783240709)</t>
  </si>
  <si>
    <t>POINT (4.659841739682962 51.81266155821873)</t>
  </si>
  <si>
    <t>POINT (4.679300603549594 51.786256698300335)</t>
  </si>
  <si>
    <t>POINT (4.666551417951667 51.81682004602418)</t>
  </si>
  <si>
    <t>POINT (4.671277071889894 51.8148106889123)</t>
  </si>
  <si>
    <t>POINT (4.652882818028142 51.802576876131475)</t>
  </si>
  <si>
    <t>POINT (4.690437796976559 51.81814357385278)</t>
  </si>
  <si>
    <t>POINT (4.733151233587233 51.80320893017836)</t>
  </si>
  <si>
    <t>POINT (4.666042085400227 51.79599093367836)</t>
  </si>
  <si>
    <t>POINT (4.7282263177070005 51.804669371989284)</t>
  </si>
  <si>
    <t>POINT (4.664608929318792 51.81050781119602)</t>
  </si>
  <si>
    <t>POINT (4.692106360343115 51.805533068876294)</t>
  </si>
  <si>
    <t>POINT (4.668436264788584 51.78161155985532)</t>
  </si>
  <si>
    <t>POINT (4.664882270280511 51.80953699049965)</t>
  </si>
  <si>
    <t>POINT (4.650418595018065 51.794032070869335)</t>
  </si>
  <si>
    <t>POINT (4.725390067074612 51.798497708889755)</t>
  </si>
  <si>
    <t>POINT (4.6709455722466915 51.814432741889085)</t>
  </si>
  <si>
    <t>POINT (4.68342926293709 51.8118455307577)</t>
  </si>
  <si>
    <t>POINT (4.6625883654258855 51.8090068166033)</t>
  </si>
  <si>
    <t>POINT (4.657532427944545 51.78782986478017)</t>
  </si>
  <si>
    <t>POINT (4.694431016104698 51.79112319214819)</t>
  </si>
  <si>
    <t>POINT (4.670660435554838 51.79878810740432)</t>
  </si>
  <si>
    <t>POINT (4.659145420944373 51.80769503553091)</t>
  </si>
  <si>
    <t>POINT (4.652502994937145 51.785460902942624)</t>
  </si>
  <si>
    <t>POINT (4.631826516848331 51.783523667206765)</t>
  </si>
  <si>
    <t>POINT (4.685886611207363 51.809529400594336)</t>
  </si>
  <si>
    <t>POINT (4.663834807800223 51.815272192902384)</t>
  </si>
  <si>
    <t>POINT (4.653450786685863 51.78117609695804)</t>
  </si>
  <si>
    <t>POINT (4.6643105310331 51.81389720481313)</t>
  </si>
  <si>
    <t>POINT (4.668601458097625 51.80810509679613)</t>
  </si>
  <si>
    <t>POINT (4.731098472616836 51.80181527836821)</t>
  </si>
  <si>
    <t>POINT (4.655844045849184 51.78788873442045)</t>
  </si>
  <si>
    <t>POINT (4.6602925958426935 51.8155177999418)</t>
  </si>
  <si>
    <t>POINT (4.67173407840926 51.808729949871505)</t>
  </si>
  <si>
    <t>POINT (4.654614329027136 51.78744634897578)</t>
  </si>
  <si>
    <t>POINT (4.666686692599561 51.79633556577411)</t>
  </si>
  <si>
    <t>POINT (4.669944250380052 51.78343143093263)</t>
  </si>
  <si>
    <t>POINT (4.682436367602618 51.774859915238956)</t>
  </si>
  <si>
    <t>POINT (4.683159690137911 51.79818238128022)</t>
  </si>
  <si>
    <t>POINT (4.688279574247779 51.819866234238845)</t>
  </si>
  <si>
    <t>POINT (4.652950908826043 51.794465544573704)</t>
  </si>
  <si>
    <t>POINT (4.701245062456328 51.78930406075356)</t>
  </si>
  <si>
    <t>POINT (4.671642151992977 51.81507709255203)</t>
  </si>
  <si>
    <t>POINT (4.631781674888783 51.785803929001)</t>
  </si>
  <si>
    <t>POINT (4.691456453824496 51.81850295191475)</t>
  </si>
  <si>
    <t>POINT (4.669609396185719 51.81363492415525)</t>
  </si>
  <si>
    <t>POINT (4.6929067408118454 51.791941732656)</t>
  </si>
  <si>
    <t>POINT (4.6700540014629786 51.7989726703147)</t>
  </si>
  <si>
    <t>POINT (4.679306088815742 51.78897307864364)</t>
  </si>
  <si>
    <t>POINT (4.681899538338149 51.78059941673951)</t>
  </si>
  <si>
    <t>POINT (4.652973144595785 51.78117561587498)</t>
  </si>
  <si>
    <t>POINT (4.734412990643789 51.79834371141911)</t>
  </si>
  <si>
    <t>POINT (4.732219491449269 51.80225701384954)</t>
  </si>
  <si>
    <t>POINT (4.630865837312718 51.76959886103215)</t>
  </si>
  <si>
    <t>POINT (4.698305967932446 51.792809697335365)</t>
  </si>
  <si>
    <t>POINT (4.7211493042709565 51.812275159061066)</t>
  </si>
  <si>
    <t>POINT (4.686449726365553 51.81059476634901)</t>
  </si>
  <si>
    <t>POINT (4.721544094656437 51.811107564260176)</t>
  </si>
  <si>
    <t>POINT (4.674380801741011 51.81277071805906)</t>
  </si>
  <si>
    <t>POINT (4.689148431134631 51.80582248147314)</t>
  </si>
  <si>
    <t>POINT (4.671289928728088 51.79978184743942)</t>
  </si>
  <si>
    <t>POINT (4.763510740750321 51.80741325849677)</t>
  </si>
  <si>
    <t>POINT (4.677576830727346 51.790533440834345)</t>
  </si>
  <si>
    <t>POINT (4.678832807461266 51.80584071388808)</t>
  </si>
  <si>
    <t>POINT (4.661673610140861 51.79990400681865)</t>
  </si>
  <si>
    <t>POINT (4.6280705325418845 51.72622505029725)</t>
  </si>
  <si>
    <t>POINT (4.693339754379078 51.79550043034448)</t>
  </si>
  <si>
    <t>POINT (4.651061636662591 51.793932476727406)</t>
  </si>
  <si>
    <t>POINT (4.662287027934871 51.79431955176239)</t>
  </si>
  <si>
    <t>POINT (4.663356303391855 51.812800043258854)</t>
  </si>
  <si>
    <t>POINT (4.659474196687605 51.79112215828797)</t>
  </si>
  <si>
    <t>POINT (4.6518428700176635 51.78472926449806)</t>
  </si>
  <si>
    <t>POINT (4.69204878672055 51.80753248070144)</t>
  </si>
  <si>
    <t>POINT (4.66723135972169 51.77363744614484)</t>
  </si>
  <si>
    <t>POINT (4.662516486705886 51.81672059396512)</t>
  </si>
  <si>
    <t>POINT (4.657376101591055 51.79680275923969)</t>
  </si>
  <si>
    <t>POINT (4.674380969567952 51.797106767144236)</t>
  </si>
  <si>
    <t>POINT (4.661873798578495 51.812598037394416)</t>
  </si>
  <si>
    <t>POINT (4.667063691519409 51.79629931894366)</t>
  </si>
  <si>
    <t>POINT (4.720485007347285 51.80350685250128)</t>
  </si>
  <si>
    <t>POINT (4.660285574678395 51.79909805498356)</t>
  </si>
  <si>
    <t>POINT (4.678684862881374 51.78704786913823)</t>
  </si>
  <si>
    <t>POINT (4.7144896386502175 51.80586503387629)</t>
  </si>
  <si>
    <t>POINT (4.655255158975585 51.78424609683473)</t>
  </si>
  <si>
    <t>POINT (4.674222432547399 51.78203116770163)</t>
  </si>
  <si>
    <t>POINT (4.672777004057214 51.787767987011264)</t>
  </si>
  <si>
    <t>POINT (4.6830364726581575 51.78644106109757)</t>
  </si>
  <si>
    <t>POINT (4.6719989503087795 51.8169326054454)</t>
  </si>
  <si>
    <t>POINT (4.6696470832865975 51.813666165524545)</t>
  </si>
  <si>
    <t>POINT (4.7141795327343345 51.80871266503631)</t>
  </si>
  <si>
    <t>3311NW</t>
  </si>
  <si>
    <t>Stoofstraat</t>
  </si>
  <si>
    <t>POINT (4.6696675219924 51.812874927553274)</t>
  </si>
  <si>
    <t>POINT (4.664578545342768 51.81051348471749)</t>
  </si>
  <si>
    <t>POINT (4.685895564599501 51.79176922632)</t>
  </si>
  <si>
    <t>POINT (4.694523951094293 51.79323166641318)</t>
  </si>
  <si>
    <t>POINT (4.666679382574916 51.81123113325711)</t>
  </si>
  <si>
    <t>POINT (4.670446517202077 51.79588574569281)</t>
  </si>
  <si>
    <t>POINT (4.676361088998097 51.81842512288101)</t>
  </si>
  <si>
    <t>POINT (4.674319283476371 51.814935238667665)</t>
  </si>
  <si>
    <t>POINT (4.660184215928748 51.800744336024806)</t>
  </si>
  <si>
    <t>POINT (4.659547492266247 51.80877829350361)</t>
  </si>
  <si>
    <t>POINT (4.668993430612486 51.7706139464547)</t>
  </si>
  <si>
    <t>POINT (4.671125659348471 51.77081571217112)</t>
  </si>
  <si>
    <t>POINT (4.661133851321548 51.801702757437546)</t>
  </si>
  <si>
    <t>POINT (4.682918026252679 51.77969281517769)</t>
  </si>
  <si>
    <t>POINT (4.669473378629824 51.77483521766722)</t>
  </si>
  <si>
    <t>POINT (4.651885703803573 51.80274114719426)</t>
  </si>
  <si>
    <t>POINT (4.676413017244759 51.776989520909446)</t>
  </si>
  <si>
    <t>POINT (4.661541404951117 51.81300231584621)</t>
  </si>
  <si>
    <t>POINT (4.665927325460213 51.80032555619986)</t>
  </si>
  <si>
    <t>POINT (4.679284315026039 51.78210424441266)</t>
  </si>
  <si>
    <t>POINT (4.666507890054302 51.77164383496667)</t>
  </si>
  <si>
    <t>POINT (4.72379720437253 51.79296331869209)</t>
  </si>
  <si>
    <t>POINT (4.680365942193642 51.80412878982454)</t>
  </si>
  <si>
    <t>POINT (4.7092713198392335 51.80712603235189)</t>
  </si>
  <si>
    <t>POINT (4.6610488579228795 51.80227658204209)</t>
  </si>
  <si>
    <t>POINT (4.72459297090416 51.79667150798326)</t>
  </si>
  <si>
    <t>POINT (4.671759689449616 51.803761765644886)</t>
  </si>
  <si>
    <t>POINT (4.663757073511185 51.794629289032336)</t>
  </si>
  <si>
    <t>POINT (4.658395003871742 51.79875996473294)</t>
  </si>
  <si>
    <t>POINT (4.655306601639867 51.80125673990775)</t>
  </si>
  <si>
    <t>POINT (4.658950726710585 51.801659663763985)</t>
  </si>
  <si>
    <t>POINT (4.662291582555012 51.809754298359316)</t>
  </si>
  <si>
    <t>POINT (4.723132399332774 51.804751717981624)</t>
  </si>
  <si>
    <t>POINT (4.652372688017751 51.78546527320674)</t>
  </si>
  <si>
    <t>POINT (4.661696421214755 51.78784597494517)</t>
  </si>
  <si>
    <t>POINT (4.67167912509094 51.81882853238508)</t>
  </si>
  <si>
    <t>POINT (4.676771852486854 51.80710230898538)</t>
  </si>
  <si>
    <t>POINT (4.677788715003351 51.80328844423303)</t>
  </si>
  <si>
    <t>POINT (4.7175619975683585 51.79944304167284)</t>
  </si>
  <si>
    <t>POINT (4.72415852211982 51.804335009655645)</t>
  </si>
  <si>
    <t>POINT (4.688005066609334 51.808045753205924)</t>
  </si>
  <si>
    <t>POINT (4.73380093908286 51.79851940316155)</t>
  </si>
  <si>
    <t>POINT (4.664628449037821 51.80957664095071)</t>
  </si>
  <si>
    <t>POINT (4.674116058680845 51.81071752599375)</t>
  </si>
  <si>
    <t>POINT (4.6624504723638465 51.809890361751016)</t>
  </si>
  <si>
    <t>POINT (4.714855987682019 51.81385195055712)</t>
  </si>
  <si>
    <t>POINT (4.688035994593294 51.809966680174526)</t>
  </si>
  <si>
    <t>POINT (4.669735389654084 51.80034611769104)</t>
  </si>
  <si>
    <t>POINT (4.674017525461911 51.81181196334835)</t>
  </si>
  <si>
    <t>POINT (4.666316444807787 51.80087102637582)</t>
  </si>
  <si>
    <t>POINT (4.6624700133215695 51.800032442519175)</t>
  </si>
  <si>
    <t>POINT (4.674366549184711 51.81801320959514)</t>
  </si>
  <si>
    <t>POINT (4.676530355042466 51.78372580888511)</t>
  </si>
  <si>
    <t>POINT (4.688598748737121 51.80748748860572)</t>
  </si>
  <si>
    <t>POINT (4.662682534614592 51.812778869839214)</t>
  </si>
  <si>
    <t>POINT (4.665786397342185 51.81674231291126)</t>
  </si>
  <si>
    <t>POINT (4.663913242194444 51.79226863266811)</t>
  </si>
  <si>
    <t>POINT (4.6746233674651245 51.814912753106924)</t>
  </si>
  <si>
    <t>POINT (4.6581646720066106 51.80412225112841)</t>
  </si>
  <si>
    <t>POINT (4.675274514656919 51.81386894979625)</t>
  </si>
  <si>
    <t>POINT (4.719826043854887 51.81142433653065)</t>
  </si>
  <si>
    <t>POINT (4.666803731637053 51.79627518833082)</t>
  </si>
  <si>
    <t>POINT (4.72757158144193 51.802950049874084)</t>
  </si>
  <si>
    <t>POINT (4.66860321322319 51.814007334303874)</t>
  </si>
  <si>
    <t>POINT (4.660419948688074 51.78989148088066)</t>
  </si>
  <si>
    <t>POINT (4.660677045187205 51.810705419646716)</t>
  </si>
  <si>
    <t>POINT (4.682047444209855 51.77958359427902)</t>
  </si>
  <si>
    <t>POINT (4.676543520144614 51.785159109754815)</t>
  </si>
  <si>
    <t>POINT (4.716616747334915 51.81274818900667)</t>
  </si>
  <si>
    <t>POINT (4.662544830526598 51.80397772731409)</t>
  </si>
  <si>
    <t>POINT (4.68126429981776 51.8180110378133)</t>
  </si>
  <si>
    <t>POINT (4.6631177034788625 51.814011755504715)</t>
  </si>
  <si>
    <t>POINT (4.7112453396077125 51.80558837054795)</t>
  </si>
  <si>
    <t>POINT (4.682644629654674 51.811361654776924)</t>
  </si>
  <si>
    <t>POINT (4.659150352779415 51.80147927703414)</t>
  </si>
  <si>
    <t>POINT (4.716703342162418 51.8129409866907)</t>
  </si>
  <si>
    <t>POINT (4.671507531013332 51.81192765630329)</t>
  </si>
  <si>
    <t>POINT (4.6515934965186565 51.8031491194737)</t>
  </si>
  <si>
    <t>POINT (4.663969169621966 51.795212237459324)</t>
  </si>
  <si>
    <t>POINT (4.665681352216786 51.781209875117966)</t>
  </si>
  <si>
    <t>POINT (4.688565202056174 51.807453356669974)</t>
  </si>
  <si>
    <t>POINT (4.666367704592934 51.78778218871496)</t>
  </si>
  <si>
    <t>POINT (4.668525961374389 51.80920184674534)</t>
  </si>
  <si>
    <t>POINT (4.6736815247421175 51.80434718861861)</t>
  </si>
  <si>
    <t>POINT (4.660051177980935 51.804142676312935)</t>
  </si>
  <si>
    <t>POINT (4.71705526253469 51.79564058208001)</t>
  </si>
  <si>
    <t>POINT (4.658854934263791 51.78742630174974)</t>
  </si>
  <si>
    <t>POINT (4.662146249573543 51.79045729672911)</t>
  </si>
  <si>
    <t>POINT (4.678511019757735 51.807460561433)</t>
  </si>
  <si>
    <t>POINT (4.669125852039482 51.791108816065396)</t>
  </si>
  <si>
    <t>POINT (4.670112992736107 51.771578832968835)</t>
  </si>
  <si>
    <t>POINT (4.68900785718701 51.807343309397616)</t>
  </si>
  <si>
    <t>POINT (4.700676055156102 51.7899033598724)</t>
  </si>
  <si>
    <t>POINT (4.676550130743867 51.772117284906436)</t>
  </si>
  <si>
    <t>POINT (4.656980844745914 51.798701194559484)</t>
  </si>
  <si>
    <t>POINT (4.6657893426047545 51.78145841205883)</t>
  </si>
  <si>
    <t>POINT (4.71180152013563 51.80764228811626)</t>
  </si>
  <si>
    <t>POINT (4.686430297261219 51.808709898113804)</t>
  </si>
  <si>
    <t>POINT (4.663938271871586 51.797365244545475)</t>
  </si>
  <si>
    <t>POINT (4.678946964152028 51.79988415658295)</t>
  </si>
  <si>
    <t>POINT (4.672201538464331 51.80364346227407)</t>
  </si>
  <si>
    <t>POINT (4.663324677160212 51.816669204727944)</t>
  </si>
  <si>
    <t>POINT (4.736404077730969 51.801078922147)</t>
  </si>
  <si>
    <t>POINT (4.658719107859551 51.81255263597854)</t>
  </si>
  <si>
    <t>POINT (4.661420919253234 51.813061048858266)</t>
  </si>
  <si>
    <t>POINT (4.65900851288992 51.793924967212476)</t>
  </si>
  <si>
    <t>POINT (4.668198454727675 51.813734421848785)</t>
  </si>
  <si>
    <t>POINT (4.659231321996633 51.80413279270636)</t>
  </si>
  <si>
    <t>POINT (4.671180942240518 51.77738865139063)</t>
  </si>
  <si>
    <t>POINT (4.6670702720902675 51.77624079399576)</t>
  </si>
  <si>
    <t>POINT (4.73226904994565 51.80445627008335)</t>
  </si>
  <si>
    <t>POINT (4.703225116621687 51.816890172775835)</t>
  </si>
  <si>
    <t>POINT (4.675424210621192 51.80428502745975)</t>
  </si>
  <si>
    <t>POINT (4.722433555147246 51.80517418201953)</t>
  </si>
  <si>
    <t>POINT (4.6765296103068 51.773570635109174)</t>
  </si>
  <si>
    <t>POINT (4.6851119500977365 51.77639254502512)</t>
  </si>
  <si>
    <t>POINT (4.684234854614591 51.80039392146003)</t>
  </si>
  <si>
    <t>POINT (4.663077459988915 51.80024186341817)</t>
  </si>
  <si>
    <t>POINT (4.660185256504647 51.81083532550565)</t>
  </si>
  <si>
    <t>POINT (4.6672490433777245 51.808117031493204)</t>
  </si>
  <si>
    <t>POINT (4.677245372971749 51.80585591974247)</t>
  </si>
  <si>
    <t>POINT (4.684674254381823 51.78093181446311)</t>
  </si>
  <si>
    <t>POINT (4.663105524633719 51.81684493870011)</t>
  </si>
  <si>
    <t>POINT (4.696075115825879 51.79561388718302)</t>
  </si>
  <si>
    <t>POINT (4.666508456475403 51.81697988846666)</t>
  </si>
  <si>
    <t>POINT (4.670057497532966 51.81512843482584)</t>
  </si>
  <si>
    <t>POINT (4.671748322550083 51.819097229995855)</t>
  </si>
  <si>
    <t>POINT (4.657032341023729 51.80233685957516)</t>
  </si>
  <si>
    <t>POINT (4.675403998607292 51.78045918144931)</t>
  </si>
  <si>
    <t>POINT (4.672411056206802 51.815089823141804)</t>
  </si>
  <si>
    <t>POINT (4.683023049868072 51.80940409117942)</t>
  </si>
  <si>
    <t>POINT (4.684006432691405 51.78193256914623)</t>
  </si>
  <si>
    <t>POINT (4.657646814313592 51.800096617504224)</t>
  </si>
  <si>
    <t>POINT (4.661813540059036 51.79655900919844)</t>
  </si>
  <si>
    <t>POINT (4.673259390417828 51.78165297984313)</t>
  </si>
  <si>
    <t>POINT (4.704370836624202 51.81633900921047)</t>
  </si>
  <si>
    <t>POINT (4.703893626556041 51.788205614626854)</t>
  </si>
  <si>
    <t>POINT (4.678526491620424 51.77520833506825)</t>
  </si>
  <si>
    <t>POINT (4.669042891468392 51.773381614953095)</t>
  </si>
  <si>
    <t>POINT (4.681117250698245 51.77780713432053)</t>
  </si>
  <si>
    <t>POINT (4.716709456786791 51.81290135477168)</t>
  </si>
  <si>
    <t>POINT (4.656119998311277 51.78766410077591)</t>
  </si>
  <si>
    <t>POINT (4.638676225687583 51.80107896893321)</t>
  </si>
  <si>
    <t>POINT (4.6580363549459145 51.792437527322974)</t>
  </si>
  <si>
    <t>POINT (4.65905109242228 51.794379952053816)</t>
  </si>
  <si>
    <t>POINT (4.668817662052102 51.813805116678544)</t>
  </si>
  <si>
    <t>POINT (4.70511203578985 51.78480877555028)</t>
  </si>
  <si>
    <t>POINT (4.667948212343058 51.814825614691)</t>
  </si>
  <si>
    <t>POINT (4.671833586253377 51.81699460815539)</t>
  </si>
  <si>
    <t>POINT (4.724434125378788 51.804874437863404)</t>
  </si>
  <si>
    <t>POINT (4.667871734836723 51.789105066050084)</t>
  </si>
  <si>
    <t>POINT (4.6846374967326785 51.77816952939907)</t>
  </si>
  <si>
    <t>POINT (4.655223556408803 51.791883124122464)</t>
  </si>
  <si>
    <t>POINT (4.668033015384035 51.817309812713056)</t>
  </si>
  <si>
    <t>POINT (4.664506271574887 51.81777173900267)</t>
  </si>
  <si>
    <t>POINT (4.652724912039385 51.804958297622946)</t>
  </si>
  <si>
    <t>POINT (4.662081777439207 51.80085830705674)</t>
  </si>
  <si>
    <t>POINT (4.655729148037079 51.80233421659096)</t>
  </si>
  <si>
    <t>POINT (4.635306205640832 51.77500682019227)</t>
  </si>
  <si>
    <t>POINT (4.667311055702904 51.79488365234583)</t>
  </si>
  <si>
    <t>POINT (4.672505290723775 51.80602772688896)</t>
  </si>
  <si>
    <t>POINT (4.662726830111351 51.792991374406476)</t>
  </si>
  <si>
    <t>POINT (4.700074702273884 51.81749216634235)</t>
  </si>
  <si>
    <t>POINT (4.633889174380697 51.77014579867265)</t>
  </si>
  <si>
    <t>POINT (4.67109351247956 51.81290889606884)</t>
  </si>
  <si>
    <t>POINT (4.668662588869278 51.77543055550028)</t>
  </si>
  <si>
    <t>POINT (4.68464342584681 51.79255404196572)</t>
  </si>
  <si>
    <t>POINT (4.706627348239146 51.79498754565751)</t>
  </si>
  <si>
    <t>POINT (4.655199455745254 51.808082195363674)</t>
  </si>
  <si>
    <t>POINT (4.683918614547801 51.807641840331556)</t>
  </si>
  <si>
    <t>POINT (4.652379456843468 51.79256489934943)</t>
  </si>
  <si>
    <t>POINT (4.698921502016179 51.81722837863756)</t>
  </si>
  <si>
    <t>POINT (4.658403782649541 51.79809196109571)</t>
  </si>
  <si>
    <t>POINT (4.6543095884430015 51.79145838214508)</t>
  </si>
  <si>
    <t>POINT (4.659463062612147 51.801864108487344)</t>
  </si>
  <si>
    <t>POINT (4.667332580095353 51.78961342263345)</t>
  </si>
  <si>
    <t>POINT (4.711789393641634 51.79582285040125)</t>
  </si>
  <si>
    <t>POINT (4.669242343655318 51.807548970998916)</t>
  </si>
  <si>
    <t>POINT (4.716203884546683 51.8005194038346)</t>
  </si>
  <si>
    <t>POINT (4.630063519879747 51.728403919191614)</t>
  </si>
  <si>
    <t>POINT (4.708259449097499 51.78738403313358)</t>
  </si>
  <si>
    <t>POINT (4.629114037606987 51.72258669430389)</t>
  </si>
  <si>
    <t>POINT (4.660276872447119 51.802417445627185)</t>
  </si>
  <si>
    <t>POINT (4.661380831375724 51.81019856133331)</t>
  </si>
  <si>
    <t>POINT (4.681861449703339 51.780836147772035)</t>
  </si>
  <si>
    <t>POINT (4.6785061171936775 51.80826793040637)</t>
  </si>
  <si>
    <t>POINT (4.688090848260276 51.81033259387805)</t>
  </si>
  <si>
    <t>POINT (4.683435214985122 51.80689791621322)</t>
  </si>
  <si>
    <t>POINT (4.728377724038537 51.79608482971623)</t>
  </si>
  <si>
    <t>POINT (4.712081427346574 51.81522382293913)</t>
  </si>
  <si>
    <t>POINT (4.717361718160908 51.804790170782326)</t>
  </si>
  <si>
    <t>POINT (4.680863330508934 51.81374868227449)</t>
  </si>
  <si>
    <t>POINT (4.7262635235280985 51.7971623895408)</t>
  </si>
  <si>
    <t>POINT (4.668380554593492 51.793275390821066)</t>
  </si>
  <si>
    <t>POINT (4.690007526969018 51.807197057116674)</t>
  </si>
  <si>
    <t>POINT (4.659236703635192 51.795449528133766)</t>
  </si>
  <si>
    <t>POINT (4.679815102868096 51.776246588400106)</t>
  </si>
  <si>
    <t>POINT (4.659487111714223 51.781724450603804)</t>
  </si>
  <si>
    <t>POINT (4.667762284072448 51.79239835792173)</t>
  </si>
  <si>
    <t>POINT (4.699751695146164 51.7956581840563)</t>
  </si>
  <si>
    <t>POINT (4.7210991471302295 51.79525722490442)</t>
  </si>
  <si>
    <t>POINT (4.683832878306403 51.798056280863015)</t>
  </si>
  <si>
    <t>POINT (4.664460150792032 51.797257477165054)</t>
  </si>
  <si>
    <t>POINT (4.715281670994536 51.81378679401061)</t>
  </si>
  <si>
    <t>POINT (4.6951945227365535 51.79581014158151)</t>
  </si>
  <si>
    <t>POINT (4.629040241730949 51.793474513847215)</t>
  </si>
  <si>
    <t>POINT (4.658265141766947 51.81331587769155)</t>
  </si>
  <si>
    <t>POINT (4.667866251973764 51.79496959200245)</t>
  </si>
  <si>
    <t>POINT (4.675524977028033 51.803506113390334)</t>
  </si>
  <si>
    <t>POINT (4.68873713222527 51.815662807266264)</t>
  </si>
  <si>
    <t>POINT (4.717876245849032 51.79675751561025)</t>
  </si>
  <si>
    <t>POINT (4.657597738341402 51.80113535195344)</t>
  </si>
  <si>
    <t>POINT (4.630983797257945 51.773994033468234)</t>
  </si>
  <si>
    <t>POINT (4.684222628768979 51.78112388468509)</t>
  </si>
  <si>
    <t>POINT (4.731482298756073 51.80010327275725)</t>
  </si>
  <si>
    <t>POINT (4.680406853620915 51.78080442555887)</t>
  </si>
  <si>
    <t>POINT (4.686082412370552 51.78889716386635)</t>
  </si>
  <si>
    <t>POINT (4.701806840930091 51.79723862249032)</t>
  </si>
  <si>
    <t>POINT (4.68391685173779 51.78960413205781)</t>
  </si>
  <si>
    <t>POINT (4.665579308536375 51.81310989302478)</t>
  </si>
  <si>
    <t>POINT (4.652723539768994 51.80342144622362)</t>
  </si>
  <si>
    <t>POINT (4.674045708311793 51.789020821162886)</t>
  </si>
  <si>
    <t>POINT (4.636093510555903 51.77590804264649)</t>
  </si>
  <si>
    <t>POINT (4.685990174966702 51.78109761103126)</t>
  </si>
  <si>
    <t>POINT (4.685884685006588 51.811585878608156)</t>
  </si>
  <si>
    <t>POINT (4.664863270350295 51.79311398577933)</t>
  </si>
  <si>
    <t>POINT (4.658352557254992 51.782623010433525)</t>
  </si>
  <si>
    <t>POINT (4.681361766920597 51.80664232768294)</t>
  </si>
  <si>
    <t>POINT (4.6700711456554895 51.770614195506184)</t>
  </si>
  <si>
    <t>POINT (4.66403927033787 51.79972080638019)</t>
  </si>
  <si>
    <t>POINT (4.711049611318023 51.80592383181806)</t>
  </si>
  <si>
    <t>POINT (4.6896873635005365 51.818200787409914)</t>
  </si>
  <si>
    <t>POINT (4.684809473271449 51.81003103358274)</t>
  </si>
  <si>
    <t>POINT (4.676822690160968 51.780329482014444)</t>
  </si>
  <si>
    <t>POINT (4.6868414179220625 51.80299447181407)</t>
  </si>
  <si>
    <t>POINT (4.6910038553653814 51.80628912206286)</t>
  </si>
  <si>
    <t>POINT (4.698776702520977 51.79506032945469)</t>
  </si>
  <si>
    <t>POINT (4.695473983908465 51.795184434218854)</t>
  </si>
  <si>
    <t>POINT (4.673276005483693 51.818512426967445)</t>
  </si>
  <si>
    <t>POINT (4.661659231976567 51.80560389070736)</t>
  </si>
  <si>
    <t>POINT (4.684842765034991 51.80160155916239)</t>
  </si>
  <si>
    <t>POINT (4.6728620090171935 51.81625911847094)</t>
  </si>
  <si>
    <t>POINT (4.660475401971999 51.811178827572576)</t>
  </si>
  <si>
    <t>POINT (4.678644369985474 51.81507199229394)</t>
  </si>
  <si>
    <t>POINT (4.6845660002189735 51.8123611367474)</t>
  </si>
  <si>
    <t>POINT (4.677568098003587 51.79048135247126)</t>
  </si>
  <si>
    <t>POINT (4.675338528557111 51.80748274220564)</t>
  </si>
  <si>
    <t>POINT (4.6590886103617875 51.78097635450681)</t>
  </si>
  <si>
    <t>POINT (4.682655738764586 51.81830759347963)</t>
  </si>
  <si>
    <t>POINT (4.658478211767073 51.81077827478009)</t>
  </si>
  <si>
    <t>POINT (4.687956517497447 51.810414381352246)</t>
  </si>
  <si>
    <t>POINT (4.711254367223667 51.795245753336)</t>
  </si>
  <si>
    <t>POINT (4.674869930832224 51.81073806846218)</t>
  </si>
  <si>
    <t>POINT (4.6740923216273895 51.81177824295492)</t>
  </si>
  <si>
    <t>POINT (4.653837331283987 51.7854604707515)</t>
  </si>
  <si>
    <t>POINT (4.684857168220201 51.78920735999094)</t>
  </si>
  <si>
    <t>POINT (4.717391783885362 51.81191660898832)</t>
  </si>
  <si>
    <t>POINT (4.671722581696116 51.79202376729979)</t>
  </si>
  <si>
    <t>POINT (4.6594635579217005 51.79973272976975)</t>
  </si>
  <si>
    <t>POINT (4.679734508365284 51.78979678907579)</t>
  </si>
  <si>
    <t>POINT (4.635444083313065 51.77500467483911)</t>
  </si>
  <si>
    <t>POINT (4.696335115292093 51.79219277449846)</t>
  </si>
  <si>
    <t>POINT (4.693188274735578 51.818402141797264)</t>
  </si>
  <si>
    <t>POINT (4.682427347106549 51.78561768819059)</t>
  </si>
  <si>
    <t>POINT (4.666555223328331 51.81530006653729)</t>
  </si>
  <si>
    <t>POINT (4.717140045456618 51.81344404011945)</t>
  </si>
  <si>
    <t>POINT (4.675683621037333 51.8160588682302)</t>
  </si>
  <si>
    <t>POINT (4.6571983165864195 51.78840478046067)</t>
  </si>
  <si>
    <t>POINT (4.722197658266462 51.79804780761876)</t>
  </si>
  <si>
    <t>POINT (4.655466565620795 51.801298447456695)</t>
  </si>
  <si>
    <t>POINT (4.682922444625417 51.785417409434075)</t>
  </si>
  <si>
    <t>POINT (4.672238968106624 51.80757542923415)</t>
  </si>
  <si>
    <t>POINT (4.729889176125567 51.805097344357684)</t>
  </si>
  <si>
    <t>POINT (4.658909802459804 51.80461223193215)</t>
  </si>
  <si>
    <t>POINT (4.662787195339948 51.79337195127921)</t>
  </si>
  <si>
    <t>POINT (4.641958519371792 51.77630137468698)</t>
  </si>
  <si>
    <t>POINT (4.651490152389483 51.79482824708668)</t>
  </si>
  <si>
    <t>POINT (4.674112783662798 51.8122898497264)</t>
  </si>
  <si>
    <t>POINT (4.666070805757377 51.777624982619265)</t>
  </si>
  <si>
    <t>POINT (4.6675594341438424 51.80973734752884)</t>
  </si>
  <si>
    <t>POINT (4.654146992271062 51.79184937290494)</t>
  </si>
  <si>
    <t>POINT (4.673591669184943 51.81399630939934)</t>
  </si>
  <si>
    <t>POINT (4.706161080463945 51.81561399687517)</t>
  </si>
  <si>
    <t>POINT (4.675812590731272 51.78460028324962)</t>
  </si>
  <si>
    <t>POINT (4.63215217899266 51.78081369039837)</t>
  </si>
  <si>
    <t>POINT (4.678985779369296 51.80806753850165)</t>
  </si>
  <si>
    <t>POINT (4.655486293963915 51.79183506460518)</t>
  </si>
  <si>
    <t>3329KA</t>
  </si>
  <si>
    <t>Springerweg</t>
  </si>
  <si>
    <t>POINT (4.721897331771548 51.77705575217159)</t>
  </si>
  <si>
    <t>POINT (4.724496393531213 51.80364845144215)</t>
  </si>
  <si>
    <t>POINT (4.6377858916636026 51.77629778016595)</t>
  </si>
  <si>
    <t>POINT (4.682259325222067 51.81468669278962)</t>
  </si>
  <si>
    <t>POINT (4.6852014505838815 51.792165952203405)</t>
  </si>
  <si>
    <t>POINT (4.714751103492088 51.808529760017514)</t>
  </si>
  <si>
    <t>POINT (4.6794649420665255 51.81692441976023)</t>
  </si>
  <si>
    <t>POINT (4.672430928132825 51.8128083136373)</t>
  </si>
  <si>
    <t>POINT (4.632000940565903 51.72217387195831)</t>
  </si>
  <si>
    <t>POINT (4.653933535915385 51.79347593020988)</t>
  </si>
  <si>
    <t>POINT (4.683309883014909 51.80678418586422)</t>
  </si>
  <si>
    <t>POINT (4.6825242130218605 51.8146292371073)</t>
  </si>
  <si>
    <t>POINT (4.65787893834629 51.8127231372596)</t>
  </si>
  <si>
    <t>POINT (4.663780662758673 51.80196036296872)</t>
  </si>
  <si>
    <t>POINT (4.655982107747191 51.798543460747176)</t>
  </si>
  <si>
    <t>POINT (4.6536718091997695 51.78998356403329)</t>
  </si>
  <si>
    <t>POINT (4.682598239070453 51.77545816020148)</t>
  </si>
  <si>
    <t>POINT (4.660691517337037 51.789389363976426)</t>
  </si>
  <si>
    <t>POINT (4.668818317986061 51.809229677104824)</t>
  </si>
  <si>
    <t>POINT (4.720805264279025 51.80489194299637)</t>
  </si>
  <si>
    <t>POINT (4.661025549509614 51.80163785398739)</t>
  </si>
  <si>
    <t>POINT (4.652164834852423 51.80344025752227)</t>
  </si>
  <si>
    <t>POINT (4.6665761327942255 51.78929725682114)</t>
  </si>
  <si>
    <t>POINT (4.710515475794136 51.808609769669175)</t>
  </si>
  <si>
    <t>POINT (4.655724804701023 51.7904097021766)</t>
  </si>
  <si>
    <t>POINT (4.679476070670263 51.81693613617732)</t>
  </si>
  <si>
    <t>POINT (4.693442637123887 51.79687734842932)</t>
  </si>
  <si>
    <t>POINT (4.671427977360711 51.78052066590177)</t>
  </si>
  <si>
    <t>POINT (4.660325392444056 51.77268194423406)</t>
  </si>
  <si>
    <t>POINT (4.679855138892493 51.781347325044244)</t>
  </si>
  <si>
    <t>POINT (4.672368336038018 51.81267854043359)</t>
  </si>
  <si>
    <t>POINT (4.685480297618328 51.80278324049729)</t>
  </si>
  <si>
    <t>POINT (4.6578073496225265 51.8106242384629)</t>
  </si>
  <si>
    <t>POINT (4.649989331890148 51.79363172256266)</t>
  </si>
  <si>
    <t>POINT (4.676745295769094 51.81548751763625)</t>
  </si>
  <si>
    <t>POINT (4.7071313539387365 51.8086029160924)</t>
  </si>
  <si>
    <t>POINT (4.680857133553114 51.78938055514203)</t>
  </si>
  <si>
    <t>POINT (4.713973552203681 51.80848636291579)</t>
  </si>
  <si>
    <t>POINT (4.6632284551473795 51.81646920637742)</t>
  </si>
  <si>
    <t>POINT (4.714225716622051 51.816090643277306)</t>
  </si>
  <si>
    <t>POINT (4.686606135007615 51.77504857267103)</t>
  </si>
  <si>
    <t>POINT (4.660528007732686 51.769757845912764)</t>
  </si>
  <si>
    <t>POINT (4.719014759011787 51.805583540079056)</t>
  </si>
  <si>
    <t>POINT (4.661824489105204 51.78881241480391)</t>
  </si>
  <si>
    <t>POINT (4.645770405700713 51.78810485713058)</t>
  </si>
  <si>
    <t>POINT (4.680178843501614 51.81373824142868)</t>
  </si>
  <si>
    <t>POINT (4.688972841960049 51.80814753260642)</t>
  </si>
  <si>
    <t>POINT (4.670893605227065 51.80453300498177)</t>
  </si>
  <si>
    <t>POINT (4.69153491457711 51.80728520440262)</t>
  </si>
  <si>
    <t>POINT (4.656672236033175 51.80715236083213)</t>
  </si>
  <si>
    <t>POINT (4.6757519452799245 51.77643824432746)</t>
  </si>
  <si>
    <t>POINT (4.681860742713132 51.77662472161152)</t>
  </si>
  <si>
    <t>POINT (4.688974728506642 51.81800306014358)</t>
  </si>
  <si>
    <t>POINT (4.633569509346083 51.76936015946471)</t>
  </si>
  <si>
    <t>POINT (4.675904389894412 51.78502954696467)</t>
  </si>
  <si>
    <t>POINT (4.659505946975267 51.7913967444978)</t>
  </si>
  <si>
    <t>POINT (4.709937301415332 51.803575576986574)</t>
  </si>
  <si>
    <t>POINT (4.7180392099313275 51.813370376213925)</t>
  </si>
  <si>
    <t>POINT (4.658348745934924 51.809797667817136)</t>
  </si>
  <si>
    <t>POINT (4.684056234230216 51.776214060071744)</t>
  </si>
  <si>
    <t>POINT (4.672752660658963 51.787257766029576)</t>
  </si>
  <si>
    <t>POINT (4.716895702921179 51.80340256598896)</t>
  </si>
  <si>
    <t>POINT (4.681932145658351 51.80825861244553)</t>
  </si>
  <si>
    <t>POINT (4.630747935927164 51.77720494699036)</t>
  </si>
  <si>
    <t>POINT (4.65198852062292 51.79203974740631)</t>
  </si>
  <si>
    <t>POINT (4.67179087193324 51.81732647910234)</t>
  </si>
  <si>
    <t>POINT (4.659324823613023 51.78841902813038)</t>
  </si>
  <si>
    <t>POINT (4.663349094829127 51.81273056123566)</t>
  </si>
  <si>
    <t>POINT (4.675729303875157 51.816077347236366)</t>
  </si>
  <si>
    <t>POINT (4.685970706607911 51.78804099788584)</t>
  </si>
  <si>
    <t>POINT (4.678362985240302 51.80706034544746)</t>
  </si>
  <si>
    <t>POINT (4.68159638548747 51.775030297282406)</t>
  </si>
  <si>
    <t>POINT (4.658755748605918 51.79906217592423)</t>
  </si>
  <si>
    <t>POINT (4.6894647798503835 51.80836985402332)</t>
  </si>
  <si>
    <t>POINT (4.6657526960653914 51.818384129686706)</t>
  </si>
  <si>
    <t>POINT (4.72401410827802 51.79748562005261)</t>
  </si>
  <si>
    <t>POINT (4.667277942675433 51.794664080021136)</t>
  </si>
  <si>
    <t>POINT (4.675131928124126 51.81708257620471)</t>
  </si>
  <si>
    <t>POINT (4.70357621946598 51.80544794227365)</t>
  </si>
  <si>
    <t>POINT (4.668433045206698 51.8037953398048)</t>
  </si>
  <si>
    <t>POINT (4.689005419328793 51.80872379193711)</t>
  </si>
  <si>
    <t>POINT (4.669155676817039 51.816365811246065)</t>
  </si>
  <si>
    <t>POINT (4.652269115048869 51.803294125260145)</t>
  </si>
  <si>
    <t>POINT (4.674666992030636 51.81423553298704)</t>
  </si>
  <si>
    <t>POINT (4.7123734238480885 51.80595152412071)</t>
  </si>
  <si>
    <t>POINT (4.659637344264646 51.77105890709734)</t>
  </si>
  <si>
    <t>POINT (4.685358364496785 51.777563305792796)</t>
  </si>
  <si>
    <t>POINT (4.663628943987349 51.81335732394745)</t>
  </si>
  <si>
    <t>POINT (4.663362978466439 51.80960400557037)</t>
  </si>
  <si>
    <t>POINT (4.655755066017218 51.80004250248657)</t>
  </si>
  <si>
    <t>POINT (4.6578823889070415 51.79179439904054)</t>
  </si>
  <si>
    <t>POINT (4.6722978314459915 51.808540803374136)</t>
  </si>
  <si>
    <t>POINT (4.669891436909725 51.8038898637063)</t>
  </si>
  <si>
    <t>POINT (4.671230415713227 51.78181116428454)</t>
  </si>
  <si>
    <t>POINT (4.664053588433453 51.795374572388845)</t>
  </si>
  <si>
    <t>POINT (4.66668330307965 51.79632359898194)</t>
  </si>
  <si>
    <t>POINT (4.705352886492258 51.81497799573247)</t>
  </si>
  <si>
    <t>POINT (4.665052774711223 51.81372602798712)</t>
  </si>
  <si>
    <t>POINT (4.667577727405428 51.802432670607885)</t>
  </si>
  <si>
    <t>POINT (4.6681813721702206 51.81334698615289)</t>
  </si>
  <si>
    <t>POINT (4.679384233041972 51.788968103025965)</t>
  </si>
  <si>
    <t>POINT (4.686028432470319 51.788835826029405)</t>
  </si>
  <si>
    <t>POINT (4.666025459129115 51.81273760100736)</t>
  </si>
  <si>
    <t>POINT (4.714829405824116 51.815003233638556)</t>
  </si>
  <si>
    <t>POINT (4.672697233675784 51.816640160798656)</t>
  </si>
  <si>
    <t>POINT (4.674950450605937 51.80728130606945)</t>
  </si>
  <si>
    <t>POINT (4.68220647377975 51.81471292781716)</t>
  </si>
  <si>
    <t>POINT (4.66927604839182 51.773593243570566)</t>
  </si>
  <si>
    <t>POINT (4.6857228609122075 51.80623113601905)</t>
  </si>
  <si>
    <t>POINT (4.66602388912398 51.802608989508535)</t>
  </si>
  <si>
    <t>POINT (4.7226246936790055 51.79730047510097)</t>
  </si>
  <si>
    <t>POINT (4.678619300790347 51.785568949577886)</t>
  </si>
  <si>
    <t>POINT (4.660015044516505 51.8094045393724)</t>
  </si>
  <si>
    <t>POINT (4.655292061925043 51.76982083522476)</t>
  </si>
  <si>
    <t>POINT (4.666434838463301 51.81541420250654)</t>
  </si>
  <si>
    <t>POINT (4.683812722091225 51.811153491377404)</t>
  </si>
  <si>
    <t>POINT (4.665715528007711 51.81370244627665)</t>
  </si>
  <si>
    <t>POINT (4.663038274037874 51.78862952418965)</t>
  </si>
  <si>
    <t>POINT (4.6601069276587275 51.81123232886169)</t>
  </si>
  <si>
    <t>POINT (4.678688012545271 51.786371965263186)</t>
  </si>
  <si>
    <t>POINT (4.683676273298768 51.812965129761025)</t>
  </si>
  <si>
    <t>POINT (4.661693643828415 51.80395797759607)</t>
  </si>
  <si>
    <t>POINT (4.68043181147083 51.78067282857667)</t>
  </si>
  <si>
    <t>POINT (4.717303368808276 51.80482363498368)</t>
  </si>
  <si>
    <t>POINT (4.66935532409844 51.81635594057378)</t>
  </si>
  <si>
    <t>POINT (4.670293839507837 51.80168207718394)</t>
  </si>
  <si>
    <t>POINT (4.655490674332083 51.806216035314854)</t>
  </si>
  <si>
    <t>POINT (4.672201812909251 51.81886988374114)</t>
  </si>
  <si>
    <t>POINT (4.672623331680787 51.7834883753101)</t>
  </si>
  <si>
    <t>POINT (4.629715470327043 51.728804664764056)</t>
  </si>
  <si>
    <t>POINT (4.715665113329753 51.80324666864151)</t>
  </si>
  <si>
    <t>POINT (4.731353650461926 51.79988457923316)</t>
  </si>
  <si>
    <t>POINT (4.683615997278335 51.81333906532634)</t>
  </si>
  <si>
    <t>POINT (4.6946424254833365 51.79621141004094)</t>
  </si>
  <si>
    <t>POINT (4.674675620938283 51.818307775358946)</t>
  </si>
  <si>
    <t>POINT (4.652470287843995 51.78565379373322)</t>
  </si>
  <si>
    <t>POINT (4.723752043746404 51.80343580753635)</t>
  </si>
  <si>
    <t>POINT (4.685439029291274 51.78459282221407)</t>
  </si>
  <si>
    <t>POINT (4.698626186236999 51.79079459084573)</t>
  </si>
  <si>
    <t>POINT (4.662602603860387 51.81677672067045)</t>
  </si>
  <si>
    <t>POINT (4.66762957828857 51.80417255125223)</t>
  </si>
  <si>
    <t>POINT (4.669239812323298 51.79981114457271)</t>
  </si>
  <si>
    <t>POINT (4.729663181180799 51.8043450777003)</t>
  </si>
  <si>
    <t>POINT (4.656846974047687 51.787204416145244)</t>
  </si>
  <si>
    <t>POINT (4.695484600670272 51.81788635682104)</t>
  </si>
  <si>
    <t>POINT (4.668591870438435 51.80810709648997)</t>
  </si>
  <si>
    <t>POINT (4.730399141659189 51.792409245580664)</t>
  </si>
  <si>
    <t>POINT (4.652410209056424 51.792669459894285)</t>
  </si>
  <si>
    <t>POINT (4.653093682796917 51.80263502218635)</t>
  </si>
  <si>
    <t>POINT (4.668876781274334 51.794895981983316)</t>
  </si>
  <si>
    <t>POINT (4.69564640354819 51.79785457358675)</t>
  </si>
  <si>
    <t>POINT (4.680051469792845 51.80465586060825)</t>
  </si>
  <si>
    <t>POINT (4.6467511255255145 51.78013721671049)</t>
  </si>
  <si>
    <t>POINT (4.685225530009992 51.78258370449337)</t>
  </si>
  <si>
    <t>POINT (4.659161028385963 51.808866709121844)</t>
  </si>
  <si>
    <t>POINT (4.709769899435102 51.79907355985563)</t>
  </si>
  <si>
    <t>POINT (4.685851964215173 51.78664943230826)</t>
  </si>
  <si>
    <t>POINT (4.722598717926756 51.80200422131374)</t>
  </si>
  <si>
    <t>POINT (4.672529438369966 51.78750234609468)</t>
  </si>
  <si>
    <t>POINT (4.668319851690672 51.81709138354922)</t>
  </si>
  <si>
    <t>POINT (4.704700367668068 51.79644126117623)</t>
  </si>
  <si>
    <t>POINT (4.667895544542599 51.78896079956525)</t>
  </si>
  <si>
    <t>POINT (4.661935215211048 51.812579037384126)</t>
  </si>
  <si>
    <t>POINT (4.670581182394761 51.809630996093965)</t>
  </si>
  <si>
    <t>POINT (4.72974908458914 51.795494579790315)</t>
  </si>
  <si>
    <t>POINT (4.690735982594537 51.80798386409702)</t>
  </si>
  <si>
    <t>POINT (4.658342498883145 51.7720380898621)</t>
  </si>
  <si>
    <t>POINT (4.671039825110665 51.816713158758375)</t>
  </si>
  <si>
    <t>POINT (4.658891082084601 51.78813739836752)</t>
  </si>
  <si>
    <t>POINT (4.661253969590807 51.797964832279696)</t>
  </si>
  <si>
    <t>POINT (4.67603143990937 51.81631116700403)</t>
  </si>
  <si>
    <t>POINT (4.68554125228515 51.78531387731535)</t>
  </si>
  <si>
    <t>POINT (4.660053814986832 51.810981979478804)</t>
  </si>
  <si>
    <t>POINT (4.65088365885713 51.79431505193883)</t>
  </si>
  <si>
    <t>POINT (4.637595759240899 51.77820261842522)</t>
  </si>
  <si>
    <t>POINT (4.67523808312712 51.8148231995969)</t>
  </si>
  <si>
    <t>POINT (4.667624164850528 51.78914002386206)</t>
  </si>
  <si>
    <t>POINT (4.726392894465995 51.80593636463412)</t>
  </si>
  <si>
    <t>POINT (4.683594934082709 51.798077775281584)</t>
  </si>
  <si>
    <t>POINT (4.66196566362627 51.79633482768986)</t>
  </si>
  <si>
    <t>POINT (4.664340368308349 51.792242025035094)</t>
  </si>
  <si>
    <t>POINT (4.683868473439699 51.77965237929194)</t>
  </si>
  <si>
    <t>POINT (4.655087100041097 51.78724108595689)</t>
  </si>
  <si>
    <t>POINT (4.672579869926179 51.78348920715791)</t>
  </si>
  <si>
    <t>POINT (4.681784115912343 51.78881461410535)</t>
  </si>
  <si>
    <t>POINT (4.679064119508323 51.781857865343206)</t>
  </si>
  <si>
    <t>POINT (4.7357325701755535 51.7940878688792)</t>
  </si>
  <si>
    <t>POINT (4.684814598079209 51.78018377071914)</t>
  </si>
  <si>
    <t>POINT (4.673395256913489 51.80454931976702)</t>
  </si>
  <si>
    <t>POINT (4.685140804255249 51.78552743461217)</t>
  </si>
  <si>
    <t>POINT (4.691501212584726 51.78959844355659)</t>
  </si>
  <si>
    <t>POINT (4.686061222864649 51.78907336828629)</t>
  </si>
  <si>
    <t>POINT (4.726521119402974 51.80115187681766)</t>
  </si>
  <si>
    <t>POINT (4.698492456995481 51.817497516556514)</t>
  </si>
  <si>
    <t>POINT (4.660573517862559 51.78909240128073)</t>
  </si>
  <si>
    <t>POINT (4.669112911368703 51.77511700065398)</t>
  </si>
  <si>
    <t>POINT (4.721445582475771 51.81087806488937)</t>
  </si>
  <si>
    <t>POINT (4.6629534092555565 51.78714883886759)</t>
  </si>
  <si>
    <t>POINT (4.657561898432142 51.80626216404407)</t>
  </si>
  <si>
    <t>POINT (4.661619362200133 51.798444823875535)</t>
  </si>
  <si>
    <t>POINT (4.6684853675018 51.79061810188818)</t>
  </si>
  <si>
    <t>POINT (4.661093267423282 51.78821991264862)</t>
  </si>
  <si>
    <t>POINT (4.669296234157679 51.813589458691865)</t>
  </si>
  <si>
    <t>POINT (4.653297612646785 51.803681521884016)</t>
  </si>
  <si>
    <t>POINT (4.683689824261924 51.810981457672014)</t>
  </si>
  <si>
    <t>POINT (4.663160775396432 51.81138851288928)</t>
  </si>
  <si>
    <t>POINT (4.667672154679757 51.79516181151714)</t>
  </si>
  <si>
    <t>POINT (4.695998707659066 51.798859542373485)</t>
  </si>
  <si>
    <t>POINT (4.686691911660454 51.80326763493582)</t>
  </si>
  <si>
    <t>POINT (4.665800043003183 51.81494524595888)</t>
  </si>
  <si>
    <t>POINT (4.688685918433434 51.80785478102207)</t>
  </si>
  <si>
    <t>POINT (4.642784419240733 51.768851502493426)</t>
  </si>
  <si>
    <t>POINT (4.717127574760265 51.80132267686736)</t>
  </si>
  <si>
    <t>POINT (4.665433018630476 51.78892482936492)</t>
  </si>
  <si>
    <t>POINT (4.6823518438580765 51.78562285246647)</t>
  </si>
  <si>
    <t>POINT (4.71288342449571 51.80626354860618)</t>
  </si>
  <si>
    <t>POINT (4.721216045079156 51.79945560587754)</t>
  </si>
  <si>
    <t>POINT (4.656827940027492 51.81019686482061)</t>
  </si>
  <si>
    <t>POINT (4.699697800991988 51.796137323817874)</t>
  </si>
  <si>
    <t>POINT (4.685814757491069 51.78655818139426)</t>
  </si>
  <si>
    <t>POINT (4.677213756344362 51.807989244454156)</t>
  </si>
  <si>
    <t>POINT (4.67591061488408 51.785931897242115)</t>
  </si>
  <si>
    <t>POINT (4.654516092661019 51.76754095027248)</t>
  </si>
  <si>
    <t>POINT (4.715329806110915 51.81433743483324)</t>
  </si>
  <si>
    <t>POINT (4.666799358443136 51.816965692641375)</t>
  </si>
  <si>
    <t>POINT (4.686813941859273 51.81113975708004)</t>
  </si>
  <si>
    <t>POINT (4.711836645224662 51.81638593076735)</t>
  </si>
  <si>
    <t>POINT (4.67256592555246 51.81699489910131)</t>
  </si>
  <si>
    <t>POINT (4.670769771702284 51.80287804344445)</t>
  </si>
  <si>
    <t>POINT (4.684023645401626 51.808675474500795)</t>
  </si>
  <si>
    <t>POINT (4.667375456669434 51.77780940932739)</t>
  </si>
  <si>
    <t>POINT (4.69708421278062 51.7960343577791)</t>
  </si>
  <si>
    <t>POINT (4.682925260942906 51.81153069029613)</t>
  </si>
  <si>
    <t>POINT (4.680505247110377 51.81476229054656)</t>
  </si>
  <si>
    <t>POINT (4.677653876805751 51.79047313431642)</t>
  </si>
  <si>
    <t>POINT (4.6631558670801745 51.81331775925606)</t>
  </si>
  <si>
    <t>POINT (4.664557256501747 51.79576414491713)</t>
  </si>
  <si>
    <t>POINT (4.715265274061609 51.80135333863238)</t>
  </si>
  <si>
    <t>POINT (4.653290082025097 51.793713927638265)</t>
  </si>
  <si>
    <t>POINT (4.661619803511002 51.76932162359135)</t>
  </si>
  <si>
    <t>POINT (4.664358763619128 51.812622889188745)</t>
  </si>
  <si>
    <t>POINT (4.6510425466652086 51.793522921139584)</t>
  </si>
  <si>
    <t>POINT (4.653131308276606 51.80067620609879)</t>
  </si>
  <si>
    <t>POINT (4.6725582706999935 51.81097938168394)</t>
  </si>
  <si>
    <t>POINT (4.66948259457371 51.81189188271556)</t>
  </si>
  <si>
    <t>POINT (4.6728547621289165 51.777725525459935)</t>
  </si>
  <si>
    <t>POINT (4.721555160711458 51.811074063466975)</t>
  </si>
  <si>
    <t>POINT (4.709248953467657 51.809703505670484)</t>
  </si>
  <si>
    <t>POINT (4.674979256301811 51.7886609494491)</t>
  </si>
  <si>
    <t>POINT (4.72244914421238 51.79800621307618)</t>
  </si>
  <si>
    <t>POINT (4.650043780852057 51.79433233030754)</t>
  </si>
  <si>
    <t>POINT (4.6938118970700105 51.818021769809924)</t>
  </si>
  <si>
    <t>POINT (4.663703936234778 51.79460183345543)</t>
  </si>
  <si>
    <t>POINT (4.69088148222884 51.81822028257631)</t>
  </si>
  <si>
    <t>POINT (4.717720575688802 51.803529305134916)</t>
  </si>
  <si>
    <t>POINT (4.6657847032855635 51.799339788334436)</t>
  </si>
  <si>
    <t>POINT (4.66375980312075 51.79228345274217)</t>
  </si>
  <si>
    <t>POINT (4.719816092770566 51.81176743908706)</t>
  </si>
  <si>
    <t>POINT (4.658228947547129 51.80054959879593)</t>
  </si>
  <si>
    <t>POINT (4.6668030454498775 51.803975139659975)</t>
  </si>
  <si>
    <t>POINT (4.707291077492635 51.79503801821462)</t>
  </si>
  <si>
    <t>POINT (4.667001805893393 51.79919827809767)</t>
  </si>
  <si>
    <t>POINT (4.678796049398 51.80824147462297)</t>
  </si>
  <si>
    <t>POINT (4.677667950347655 51.790557056967586)</t>
  </si>
  <si>
    <t>POINT (4.675882150793436 51.785474020120056)</t>
  </si>
  <si>
    <t>POINT (4.67570502033836 51.773928330041464)</t>
  </si>
  <si>
    <t>POINT (4.681482139206546 51.80676317630286)</t>
  </si>
  <si>
    <t>POINT (4.668321760778218 51.79627705708684)</t>
  </si>
  <si>
    <t>POINT (4.721171153735553 51.79940501463348)</t>
  </si>
  <si>
    <t>POINT (4.673513953097245 51.80292188590332)</t>
  </si>
  <si>
    <t>POINT (4.638770174844873 51.78323447991564)</t>
  </si>
  <si>
    <t>POINT (4.686786771705804 51.81543245338118)</t>
  </si>
  <si>
    <t>POINT (4.663165143235144 51.79725079583129)</t>
  </si>
  <si>
    <t>POINT (4.6959515243798675 51.80003307652702)</t>
  </si>
  <si>
    <t>POINT (4.672331669252182 51.80564548629025)</t>
  </si>
  <si>
    <t>POINT (4.6714941168675885 51.80202097945224)</t>
  </si>
  <si>
    <t>POINT (4.672590332633157 51.783698824539485)</t>
  </si>
  <si>
    <t>POINT (4.691812432599677 51.78394417730836)</t>
  </si>
  <si>
    <t>POINT (4.69344481119041 51.785419385242506)</t>
  </si>
  <si>
    <t>POINT (4.669007707934549 51.7813467382239)</t>
  </si>
  <si>
    <t>POINT (4.732564366678944 51.800670844147334)</t>
  </si>
  <si>
    <t>POINT (4.650828862088258 51.80200945460219)</t>
  </si>
  <si>
    <t>POINT (4.638938055768734 51.7509489179286)</t>
  </si>
  <si>
    <t>POINT (4.662368426373112 51.79171485012063)</t>
  </si>
  <si>
    <t>POINT (4.7037220944533065 51.79499062035667)</t>
  </si>
  <si>
    <t>POINT (4.714871324594599 51.814984336986285)</t>
  </si>
  <si>
    <t>POINT (4.676668211688235 51.77596948262789)</t>
  </si>
  <si>
    <t>POINT (4.676674039066973 51.77431348323119)</t>
  </si>
  <si>
    <t>POINT (4.730238233690706 51.79853234410637)</t>
  </si>
  <si>
    <t>POINT (4.709445101904043 51.7883821237541)</t>
  </si>
  <si>
    <t>POINT (4.662606886927042 51.81287305358867)</t>
  </si>
  <si>
    <t>POINT (4.676920675820012 51.77839910405174)</t>
  </si>
  <si>
    <t>POINT (4.6588497277877154 51.808977099962675)</t>
  </si>
  <si>
    <t>POINT (4.65662036652189 51.78788096972165)</t>
  </si>
  <si>
    <t>POINT (4.716582360114139 51.795209723315)</t>
  </si>
  <si>
    <t>POINT (4.732083177737662 51.80174491630147)</t>
  </si>
  <si>
    <t>POINT (4.661296079017969 51.804961344280464)</t>
  </si>
  <si>
    <t>POINT (4.655129589908486 51.79370581645167)</t>
  </si>
  <si>
    <t>POINT (4.678499971510716 51.81739095982341)</t>
  </si>
  <si>
    <t>POINT (4.676140044329818 51.77371448423138)</t>
  </si>
  <si>
    <t>POINT (4.709935708665402 51.79149904464945)</t>
  </si>
  <si>
    <t>POINT (4.6827564369315935 51.79945300942876)</t>
  </si>
  <si>
    <t>POINT (4.713158768692794 51.81554904921313)</t>
  </si>
  <si>
    <t>POINT (4.6741373109095115 51.7838815859373)</t>
  </si>
  <si>
    <t>POINT (4.665477216238964 51.797048944248004)</t>
  </si>
  <si>
    <t>POINT (4.659115806775002 51.78979928662458)</t>
  </si>
  <si>
    <t>POINT (4.685216929182489 51.792175420021586)</t>
  </si>
  <si>
    <t>POINT (4.701667301456336 51.79876330945011)</t>
  </si>
  <si>
    <t>POINT (4.670957557185884 51.807720161567055)</t>
  </si>
  <si>
    <t>POINT (4.717953678721075 51.80263016130362)</t>
  </si>
  <si>
    <t>POINT (4.674917771431057 51.81558277592098)</t>
  </si>
  <si>
    <t>POINT (4.665099180420491 51.81265408999008)</t>
  </si>
  <si>
    <t>POINT (4.736164951771759 51.8024264029538)</t>
  </si>
  <si>
    <t>POINT (4.685827240023435 51.77699805175892)</t>
  </si>
  <si>
    <t>POINT (4.666906339303035 51.815540341081494)</t>
  </si>
  <si>
    <t>POINT (4.680782711564197 51.78612165215736)</t>
  </si>
  <si>
    <t>POINT (4.728826242342767 51.800314094934464)</t>
  </si>
  <si>
    <t>POINT (4.668548519573229 51.79275105747619)</t>
  </si>
  <si>
    <t>POINT (4.653279090571043 51.793527046527934)</t>
  </si>
  <si>
    <t>POINT (4.71843514984091 51.793822401659284)</t>
  </si>
  <si>
    <t>POINT (4.68140556969035 51.781291181935984)</t>
  </si>
  <si>
    <t>POINT (4.685130171045005 51.80836819776618)</t>
  </si>
  <si>
    <t>POINT (4.679339695515209 51.77328265140745)</t>
  </si>
  <si>
    <t>POINT (4.703103850465015 51.79837698406021)</t>
  </si>
  <si>
    <t>POINT (4.669921014410013 51.780531540895495)</t>
  </si>
  <si>
    <t>3316BX</t>
  </si>
  <si>
    <t>POINT (4.642895287489643 51.79825766395631)</t>
  </si>
  <si>
    <t>POINT (4.68977404164457 51.81845455781703)</t>
  </si>
  <si>
    <t>POINT (4.6840775070481655 51.78783064708244)</t>
  </si>
  <si>
    <t>POINT (4.668360496378121 51.81245419558954)</t>
  </si>
  <si>
    <t>POINT (4.675350581419377 51.807911485283654)</t>
  </si>
  <si>
    <t>POINT (4.6768704091856375 51.78636890997622)</t>
  </si>
  <si>
    <t>POINT (4.682900399499215 51.81213169403937)</t>
  </si>
  <si>
    <t>POINT (4.671769384892961 51.77641633791339)</t>
  </si>
  <si>
    <t>POINT (4.680003499181814 51.779156163218886)</t>
  </si>
  <si>
    <t>POINT (4.65417725977406 51.79093044835436)</t>
  </si>
  <si>
    <t>POINT (4.654486950485703 51.799692785587474)</t>
  </si>
  <si>
    <t>POINT (4.726355449614122 51.80595760064668)</t>
  </si>
  <si>
    <t>POINT (4.678724622816561 51.78699501305836)</t>
  </si>
  <si>
    <t>POINT (4.653769078197179 51.78546254288067)</t>
  </si>
  <si>
    <t>POINT (4.683210338433835 51.79820778158802)</t>
  </si>
  <si>
    <t>POINT (4.670101642610649 51.77733568474307)</t>
  </si>
  <si>
    <t>POINT (4.665881219291538 51.81379742347033)</t>
  </si>
  <si>
    <t>POINT (4.690456750630297 51.80561139228549)</t>
  </si>
  <si>
    <t>POINT (4.66544953894879 51.796096933999785)</t>
  </si>
  <si>
    <t>POINT (4.67325175517406 51.81605181145361)</t>
  </si>
  <si>
    <t>POINT (4.704101667682194 51.788542004856524)</t>
  </si>
  <si>
    <t>POINT (4.719147019459263 51.81133881123408)</t>
  </si>
  <si>
    <t>POINT (4.68686940403547 51.776422908161685)</t>
  </si>
  <si>
    <t>POINT (4.719259904297583 51.81173486391265)</t>
  </si>
  <si>
    <t>POINT (4.6554085414226245 51.78967708233052)</t>
  </si>
  <si>
    <t>POINT (4.705707911992884 51.80965510296664)</t>
  </si>
  <si>
    <t>POINT (4.665528253156716 51.78979697793533)</t>
  </si>
  <si>
    <t>POINT (4.672103633922317 51.778374193770325)</t>
  </si>
  <si>
    <t>POINT (4.652094928530524 51.79388388203698)</t>
  </si>
  <si>
    <t>POINT (4.663025144241215 51.813363846593695)</t>
  </si>
  <si>
    <t>POINT (4.724300434530552 51.79923967359121)</t>
  </si>
  <si>
    <t>POINT (4.682488962689018 51.80345995746455)</t>
  </si>
  <si>
    <t>POINT (4.672355805964794 51.777472042079225)</t>
  </si>
  <si>
    <t>POINT (4.675500981621838 51.78324299587866)</t>
  </si>
  <si>
    <t>POINT (4.719914661329069 51.8047720967658)</t>
  </si>
  <si>
    <t>POINT (4.655581644437752 51.789401219835455)</t>
  </si>
  <si>
    <t>POINT (4.66472677492846 51.79165254428848)</t>
  </si>
  <si>
    <t>POINT (4.659732627568884 51.790687116728236)</t>
  </si>
  <si>
    <t>POINT (4.663877556238163 51.81158553369029)</t>
  </si>
  <si>
    <t>POINT (4.668546844797233 51.81184920346455)</t>
  </si>
  <si>
    <t>POINT (4.677946744554959 51.78763793891345)</t>
  </si>
  <si>
    <t>POINT (4.6763742770922825 51.80791432917642)</t>
  </si>
  <si>
    <t>POINT (4.652080929076153 51.79350028199547)</t>
  </si>
  <si>
    <t>POINT (4.676697006841608 51.7863792125445)</t>
  </si>
  <si>
    <t>POINT (4.679855839624911 51.80822796684378)</t>
  </si>
  <si>
    <t>POINT (4.676860489219052 51.786600389746035)</t>
  </si>
  <si>
    <t>POINT (4.6709117089996175 51.80024754404217)</t>
  </si>
  <si>
    <t>POINT (4.662940572447993 51.79001250753233)</t>
  </si>
  <si>
    <t>POINT (4.657844629178942 51.79626813047134)</t>
  </si>
  <si>
    <t>POINT (4.684830719232396 51.781332299008405)</t>
  </si>
  <si>
    <t>POINT (4.6716753928403545 51.77843127608764)</t>
  </si>
  <si>
    <t>POINT (4.732006317608452 51.80088994640477)</t>
  </si>
  <si>
    <t>POINT (4.690841169086362 51.81803298953933)</t>
  </si>
  <si>
    <t>POINT (4.660211952932343 51.80493004828605)</t>
  </si>
  <si>
    <t>POINT (4.672290271916851 51.80406420588453)</t>
  </si>
  <si>
    <t>POINT (4.679940382860726 51.77317400642343)</t>
  </si>
  <si>
    <t>POINT (4.6820444078608014 51.77952751350584)</t>
  </si>
  <si>
    <t>POINT (4.711724325954141 51.81641354463664)</t>
  </si>
  <si>
    <t>POINT (4.656879706306497 51.79961201030185)</t>
  </si>
  <si>
    <t>POINT (4.684168852092434 51.78837729336831)</t>
  </si>
  <si>
    <t>POINT (4.664491233599447 51.785566387355225)</t>
  </si>
  <si>
    <t>POINT (4.677516618910646 51.81471511430968)</t>
  </si>
  <si>
    <t>POINT (4.6680488163105345 51.818811251336015)</t>
  </si>
  <si>
    <t>POINT (4.666601473306447 51.812595316110595)</t>
  </si>
  <si>
    <t>POINT (4.709978776260624 51.78722603615347)</t>
  </si>
  <si>
    <t>POINT (4.721366085200052 51.80189765683997)</t>
  </si>
  <si>
    <t>POINT (4.680128078920882 51.77693363959721)</t>
  </si>
  <si>
    <t>POINT (4.685242291883351 51.77487099881879)</t>
  </si>
  <si>
    <t>POINT (4.721433816684169 51.80057503841175)</t>
  </si>
  <si>
    <t>POINT (4.683770344854062 51.77759084394509)</t>
  </si>
  <si>
    <t>POINT (4.665203331633596 51.8124803144826)</t>
  </si>
  <si>
    <t>POINT (4.686422133479023 51.78141561482007)</t>
  </si>
  <si>
    <t>POINT (4.6528566462492025 51.8032358716987)</t>
  </si>
  <si>
    <t>POINT (4.680819143643514 51.79070898957723)</t>
  </si>
  <si>
    <t>POINT (4.7241749907231005 51.80532333171504)</t>
  </si>
  <si>
    <t>POINT (4.7078531790074 51.80843241174073)</t>
  </si>
  <si>
    <t>POINT (4.710476058438896 51.81016661845546)</t>
  </si>
  <si>
    <t>POINT (4.658809659138841 51.79203696753628)</t>
  </si>
  <si>
    <t>POINT (4.680590157863874 51.780256572101614)</t>
  </si>
  <si>
    <t>POINT (4.657645374583456 51.79650822028467)</t>
  </si>
  <si>
    <t>POINT (4.666836190368004 51.815508495093056)</t>
  </si>
  <si>
    <t>POINT (4.674217091259959 51.815992044849914)</t>
  </si>
  <si>
    <t>POINT (4.678440549893863 51.78634346830041)</t>
  </si>
  <si>
    <t>POINT (4.661707529592497 51.78794114417868)</t>
  </si>
  <si>
    <t>POINT (4.721087342524913 51.81124031440757)</t>
  </si>
  <si>
    <t>POINT (4.654145096977927 51.791018669334974)</t>
  </si>
  <si>
    <t>POINT (4.666870066060247 51.77174997864787)</t>
  </si>
  <si>
    <t>POINT (4.669529155401277 51.80991153934049)</t>
  </si>
  <si>
    <t>POINT (4.692016136490664 51.79114997606551)</t>
  </si>
  <si>
    <t>POINT (4.668020913257087 51.803650550529454)</t>
  </si>
  <si>
    <t>POINT (4.639505182267751 51.76941891808705)</t>
  </si>
  <si>
    <t>POINT (4.684547565299206 51.7925374410337)</t>
  </si>
  <si>
    <t>POINT (4.709453924931144 51.80583289244535)</t>
  </si>
  <si>
    <t>POINT (4.636311548144433 51.776909346448164)</t>
  </si>
  <si>
    <t>POINT (4.672678909279857 51.78929728395922)</t>
  </si>
  <si>
    <t>POINT (4.664634540701588 51.813360688490235)</t>
  </si>
  <si>
    <t>POINT (4.679642079800356 51.81490019808716)</t>
  </si>
  <si>
    <t>POINT (4.714164677566477 51.79990339927061)</t>
  </si>
  <si>
    <t>POINT (4.681127070487111 51.809373183998105)</t>
  </si>
  <si>
    <t>POINT (4.658287990255467 51.81269380486572)</t>
  </si>
  <si>
    <t>POINT (4.6591811079646295 51.80323846565971)</t>
  </si>
  <si>
    <t>POINT (4.682134880816166 51.81056928038021)</t>
  </si>
  <si>
    <t>POINT (4.660296785282141 51.790470093869615)</t>
  </si>
  <si>
    <t>POINT (4.653764735205139 51.80229480776158)</t>
  </si>
  <si>
    <t>POINT (4.667910510163584 51.81393545083389)</t>
  </si>
  <si>
    <t>POINT (4.663658038938762 51.81539295371098)</t>
  </si>
  <si>
    <t>POINT (4.656515447826098 51.784769007655605)</t>
  </si>
  <si>
    <t>POINT (4.6815597906511535 51.80614858440947)</t>
  </si>
  <si>
    <t>POINT (4.666203512571456 51.77662441963913)</t>
  </si>
  <si>
    <t>POINT (4.664629444356 51.77936214270649)</t>
  </si>
  <si>
    <t>POINT (4.6781188485136225 51.80769005510941)</t>
  </si>
  <si>
    <t>POINT (4.6602725961221285 51.803556142812184)</t>
  </si>
  <si>
    <t>POINT (4.667683019751059 51.813902272314586)</t>
  </si>
  <si>
    <t>POINT (4.673393208303122 51.77884405959962)</t>
  </si>
  <si>
    <t>POINT (4.691973356044132 51.819198662452855)</t>
  </si>
  <si>
    <t>POINT (4.714196746599533 51.81617275912059)</t>
  </si>
  <si>
    <t>POINT (4.631985711796038 51.765301732136)</t>
  </si>
  <si>
    <t>POINT (4.6713922988983585 51.81342665981603)</t>
  </si>
  <si>
    <t>POINT (4.695553107870948 51.79361573903916)</t>
  </si>
  <si>
    <t>POINT (4.716717195873269 51.812983600071185)</t>
  </si>
  <si>
    <t>POINT (4.664227198283303 51.812601440711624)</t>
  </si>
  <si>
    <t>POINT (4.692054247860191 51.80747169576375)</t>
  </si>
  <si>
    <t>POINT (4.715828295847772 51.80140506429489)</t>
  </si>
  <si>
    <t>POINT (4.664423331211024 51.78804279819096)</t>
  </si>
  <si>
    <t>POINT (4.6788058942178585 51.77779360160485)</t>
  </si>
  <si>
    <t>POINT (4.653470373882557 51.790054178051506)</t>
  </si>
  <si>
    <t>POINT (4.663083094846678 51.79406286085089)</t>
  </si>
  <si>
    <t>POINT (4.701017449404293 51.79923638624054)</t>
  </si>
  <si>
    <t>POINT (4.685836834475939 51.80122824637852)</t>
  </si>
  <si>
    <t>POINT (4.692169191815297 51.789370620898005)</t>
  </si>
  <si>
    <t>POINT (4.711670161854756 51.8070383578382)</t>
  </si>
  <si>
    <t>POINT (4.672877714722302 51.77724766366948)</t>
  </si>
  <si>
    <t>POINT (4.6755779999803 51.81735035759673)</t>
  </si>
  <si>
    <t>POINT (4.6695835064121685 51.80800631660599)</t>
  </si>
  <si>
    <t>POINT (4.662160909016755 51.79911769479321)</t>
  </si>
  <si>
    <t>POINT (4.674012130243339 51.77263541247182)</t>
  </si>
  <si>
    <t>POINT (4.660664717688396 51.8074576587955)</t>
  </si>
  <si>
    <t>POINT (4.678268489153845 51.785567369260946)</t>
  </si>
  <si>
    <t>POINT (4.667613059998335 51.79935230155443)</t>
  </si>
  <si>
    <t>POINT (4.663382703225295 51.790641227699425)</t>
  </si>
  <si>
    <t>POINT (4.709764374934967 51.79304751231017)</t>
  </si>
  <si>
    <t>POINT (4.662847044377464 51.7934877357506)</t>
  </si>
  <si>
    <t>POINT (4.7035381147526865 51.78925893928941)</t>
  </si>
  <si>
    <t>POINT (4.668455601852123 51.814251533531014)</t>
  </si>
  <si>
    <t>POINT (4.679270853018843 51.7784072362444)</t>
  </si>
  <si>
    <t>POINT (4.651495981553373 51.787761123436326)</t>
  </si>
  <si>
    <t>POINT (4.658366336425707 51.80307379518477)</t>
  </si>
  <si>
    <t>POINT (4.72946257036238 51.79344918046791)</t>
  </si>
  <si>
    <t>POINT (4.688334540648408 51.81983004065964)</t>
  </si>
  <si>
    <t>POINT (4.655499848008141 51.790397953266464)</t>
  </si>
  <si>
    <t>POINT (4.665130262476067 51.7889682782548)</t>
  </si>
  <si>
    <t>POINT (4.699309795591007 51.79703216350156)</t>
  </si>
  <si>
    <t>POINT (4.656948662602186 51.80292466700283)</t>
  </si>
  <si>
    <t>POINT (4.663858750763104 51.81062360181844)</t>
  </si>
  <si>
    <t>POINT (4.734212794488102 51.80256980923602)</t>
  </si>
  <si>
    <t>POINT (4.693647940285583 51.80355803296537)</t>
  </si>
  <si>
    <t>POINT (4.661603327485541 51.8090619517363)</t>
  </si>
  <si>
    <t>POINT (4.674584887997811 51.78242702156155)</t>
  </si>
  <si>
    <t>POINT (4.727067102788166 51.805791559327254)</t>
  </si>
  <si>
    <t>POINT (4.6651066171525 51.8022394588661)</t>
  </si>
  <si>
    <t>POINT (4.671160514354753 51.78160151645729)</t>
  </si>
  <si>
    <t>POINT (4.6552779295698254 51.81262566782354)</t>
  </si>
  <si>
    <t>POINT (4.6615966671100075 51.81663206188242)</t>
  </si>
  <si>
    <t>POINT (4.673211438466597 51.77573405536618)</t>
  </si>
  <si>
    <t>POINT (4.684062440087096 51.77911008554974)</t>
  </si>
  <si>
    <t>POINT (4.666022067814035 51.81851326261227)</t>
  </si>
  <si>
    <t>POINT (4.657077212477707 51.80659344765664)</t>
  </si>
  <si>
    <t>POINT (4.669172808705101 51.81927839811855)</t>
  </si>
  <si>
    <t>POINT (4.727398949064514 51.79350113367426)</t>
  </si>
  <si>
    <t>POINT (4.658998502648977 51.792470757326285)</t>
  </si>
  <si>
    <t>POINT (4.68822128625397 51.80896780418364)</t>
  </si>
  <si>
    <t>POINT (4.6727594847668685 51.78360213873326)</t>
  </si>
  <si>
    <t>POINT (4.664957048494051 51.793479387510786)</t>
  </si>
  <si>
    <t>POINT (4.693301481467956 51.81864489348788)</t>
  </si>
  <si>
    <t>POINT (4.631988423215261 51.765374333809504)</t>
  </si>
  <si>
    <t>POINT (4.66461873253744 51.81555764876456)</t>
  </si>
  <si>
    <t>POINT (4.658747230912276 51.7955017345315)</t>
  </si>
  <si>
    <t>POINT (4.672765421797964 51.811372953728544)</t>
  </si>
  <si>
    <t>POINT (4.710261798523378 51.81168735786519)</t>
  </si>
  <si>
    <t>POINT (4.659254772258823 51.811120439991974)</t>
  </si>
  <si>
    <t>POINT (4.665454282930466 51.81458486731287)</t>
  </si>
  <si>
    <t>POINT (4.668500641242441 51.809234707093566)</t>
  </si>
  <si>
    <t>POINT (4.664697988268752 51.803118302412926)</t>
  </si>
  <si>
    <t>POINT (4.672385451118734 51.805667269915375)</t>
  </si>
  <si>
    <t>POINT (4.704912431644029 51.807792481530655)</t>
  </si>
  <si>
    <t>POINT (4.675841790051943 51.77418918509114)</t>
  </si>
  <si>
    <t>POINT (4.716595280659351 51.81279037585508)</t>
  </si>
  <si>
    <t>POINT (4.661419835458497 51.794659041676155)</t>
  </si>
  <si>
    <t>POINT (4.712947128184573 51.79531329993121)</t>
  </si>
  <si>
    <t>POINT (4.683196729832325 51.798234441253044)</t>
  </si>
  <si>
    <t>POINT (4.708945480863082 51.808009594245476)</t>
  </si>
  <si>
    <t>POINT (4.673848772678696 51.77491690467049)</t>
  </si>
  <si>
    <t>POINT (4.677303574759902 51.80595631584008)</t>
  </si>
  <si>
    <t>POINT (4.730914068284907 51.798192562524555)</t>
  </si>
  <si>
    <t>POINT (4.654471473103805 51.80684286595635)</t>
  </si>
  <si>
    <t>POINT (4.662751373294533 51.814996424691856)</t>
  </si>
  <si>
    <t>POINT (4.7252781457056905 51.79621093216115)</t>
  </si>
  <si>
    <t>POINT (4.6684234385982295 51.802586886875005)</t>
  </si>
  <si>
    <t>POINT (4.717527387964979 51.81226811950739)</t>
  </si>
  <si>
    <t>POINT (4.674702932738217 51.81833613861292)</t>
  </si>
  <si>
    <t>POINT (4.669082951175535 51.79094281983419)</t>
  </si>
  <si>
    <t>POINT (4.708055413553713 51.804410253374876)</t>
  </si>
  <si>
    <t>POINT (4.666355125434145 51.813485363152644)</t>
  </si>
  <si>
    <t>POINT (4.661527173545627 51.81613437850034)</t>
  </si>
  <si>
    <t>POINT (4.666123587272881 51.7815851317528)</t>
  </si>
  <si>
    <t>POINT (4.696529486576933 51.799337710180595)</t>
  </si>
  <si>
    <t>POINT (4.655596326532934 51.81047054771284)</t>
  </si>
  <si>
    <t>POINT (4.6669357587591 51.803984035223294)</t>
  </si>
  <si>
    <t>POINT (4.679969482825663 51.78898936751245)</t>
  </si>
  <si>
    <t>POINT (4.716917578048639 51.79549703773587)</t>
  </si>
  <si>
    <t>POINT (4.665701343849246 51.80987654321744)</t>
  </si>
  <si>
    <t>POINT (4.6624881564601255 51.787634582631)</t>
  </si>
  <si>
    <t>POINT (4.660208449688007 51.81090692924375)</t>
  </si>
  <si>
    <t>POINT (4.728242414571937 51.797940422659714)</t>
  </si>
  <si>
    <t>POINT (4.689744515371095 51.8188677345268)</t>
  </si>
  <si>
    <t>POINT (4.6812827040134914 51.81351172066998)</t>
  </si>
  <si>
    <t>POINT (4.660682593824842 51.80981030673899)</t>
  </si>
  <si>
    <t>POINT (4.662376314496928 51.80582834759146)</t>
  </si>
  <si>
    <t>POINT (4.659052068548892 51.806649781697146)</t>
  </si>
  <si>
    <t>POINT (4.657911543579454 51.80240902374661)</t>
  </si>
  <si>
    <t>POINT (4.68554590565328 51.803212752071296)</t>
  </si>
  <si>
    <t>POINT (4.665812905429098 51.796012940270224)</t>
  </si>
  <si>
    <t>POINT (4.665423867676065 51.796013450852556)</t>
  </si>
  <si>
    <t>POINT (4.660340635642142 51.7729509274157)</t>
  </si>
  <si>
    <t>POINT (4.6745147704595995 51.78255759691003)</t>
  </si>
  <si>
    <t>POINT (4.66184023003992 51.79757306345968)</t>
  </si>
  <si>
    <t>POINT (4.661456814586349 51.794655468217336)</t>
  </si>
  <si>
    <t>POINT (4.72672889095089 51.799873827958294)</t>
  </si>
  <si>
    <t>POINT (4.684035370503288 51.798164441926374)</t>
  </si>
  <si>
    <t>POINT (4.667871082008227 51.81393158672676)</t>
  </si>
  <si>
    <t>POINT (4.667199656014151 51.778165424890965)</t>
  </si>
  <si>
    <t>POINT (4.689926632145232 51.81794094500455)</t>
  </si>
  <si>
    <t>POINT (4.6677538347142145 51.8116975682632)</t>
  </si>
  <si>
    <t>POINT (4.6647269398366 51.815778357763996)</t>
  </si>
  <si>
    <t>POINT (4.679279559484659 51.81701412312151)</t>
  </si>
  <si>
    <t>POINT (4.685734772367281 51.81347772521458)</t>
  </si>
  <si>
    <t>POINT (4.681508791803197 51.79226859663339)</t>
  </si>
  <si>
    <t>POINT (4.665253688863593 51.77547380984909)</t>
  </si>
  <si>
    <t>POINT (4.652379350984687 51.792170060542226)</t>
  </si>
  <si>
    <t>POINT (4.667776911201406 51.81428011164775)</t>
  </si>
  <si>
    <t>POINT (4.659664286080856 51.81548925055023)</t>
  </si>
  <si>
    <t>POINT (4.688302503508342 51.8198495170585)</t>
  </si>
  <si>
    <t>POINT (4.668136310048106 51.79183172038181)</t>
  </si>
  <si>
    <t>POINT (4.677625365200802 51.81549423532229)</t>
  </si>
  <si>
    <t>POINT (4.685408409805139 51.80859812033515)</t>
  </si>
  <si>
    <t>POINT (4.6809625802618955 51.779677443953936)</t>
  </si>
  <si>
    <t>POINT (4.67192400775073 51.81955890708792)</t>
  </si>
  <si>
    <t>POINT (4.6725254056822845 51.80756083271212)</t>
  </si>
  <si>
    <t>POINT (4.632178359344504 51.774204408174015)</t>
  </si>
  <si>
    <t>POINT (4.668934746163148 51.795498992885854)</t>
  </si>
  <si>
    <t>POINT (4.655190402464845 51.79962271415029)</t>
  </si>
  <si>
    <t>POINT (4.655834033130387 51.81005021720808)</t>
  </si>
  <si>
    <t>POINT (4.674193525322787 51.776676284836654)</t>
  </si>
  <si>
    <t>POINT (4.653760580741678 51.81127151320776)</t>
  </si>
  <si>
    <t>POINT (4.706203663474255 51.81582695120778)</t>
  </si>
  <si>
    <t>POINT (4.721096086366773 51.79524165715909)</t>
  </si>
  <si>
    <t>POINT (4.681383419169642 51.806869970201085)</t>
  </si>
  <si>
    <t>POINT (4.65779427635967 51.81060678206952)</t>
  </si>
  <si>
    <t>POINT (4.6826899906336115 51.809070239429126)</t>
  </si>
  <si>
    <t>POINT (4.706770536578193 51.810214394717164)</t>
  </si>
  <si>
    <t>POINT (4.70739328175315 51.797852097476664)</t>
  </si>
  <si>
    <t>POINT (4.676408406105514 51.77385776404474)</t>
  </si>
  <si>
    <t>POINT (4.662373077863409 51.80010749257237)</t>
  </si>
  <si>
    <t>POINT (4.674029904654997 51.81375218945034)</t>
  </si>
  <si>
    <t>POINT (4.678395560826317 51.774513597683786)</t>
  </si>
  <si>
    <t>POINT (4.706147044867099 51.794393331326106)</t>
  </si>
  <si>
    <t>POINT (4.66105455220005 51.797592562718606)</t>
  </si>
  <si>
    <t>POINT (4.685781428924965 51.791783258439125)</t>
  </si>
  <si>
    <t>POINT (4.663416328467305 51.81110619980693)</t>
  </si>
  <si>
    <t>POINT (4.677004491647926 51.772324188836784)</t>
  </si>
  <si>
    <t>POINT (4.656700781562539 51.79680723943757)</t>
  </si>
  <si>
    <t>POINT (4.655528479941797 51.786858457691245)</t>
  </si>
  <si>
    <t>POINT (4.678808443108661 51.78560639730242)</t>
  </si>
  <si>
    <t>POINT (4.677589345857517 51.79047775968135)</t>
  </si>
  <si>
    <t>POINT (4.680570034268225 51.806958251411494)</t>
  </si>
  <si>
    <t>POINT (4.671696764708871 51.81339510564226)</t>
  </si>
  <si>
    <t>POINT (4.707781797041489 51.78956964012962)</t>
  </si>
  <si>
    <t>POINT (4.733289862891241 51.79978263257925)</t>
  </si>
  <si>
    <t>POINT (4.686505133363711 51.80864747827221)</t>
  </si>
  <si>
    <t>POINT (4.671909167013348 51.809008246075855)</t>
  </si>
  <si>
    <t>POINT (4.660930045658932 51.79470642824557)</t>
  </si>
  <si>
    <t>POINT (4.678313444568148 51.78637008880988)</t>
  </si>
  <si>
    <t>POINT (4.6446580365403936 51.77320839399487)</t>
  </si>
  <si>
    <t>POINT (4.651820487135251 51.78315474076124)</t>
  </si>
  <si>
    <t>POINT (4.723663245645406 51.80423152822542)</t>
  </si>
  <si>
    <t>POINT (4.658851012504713 51.801750882327546)</t>
  </si>
  <si>
    <t>POINT (4.728265431233356 51.8050001846956)</t>
  </si>
  <si>
    <t>POINT (4.708400577998208 51.8117262870037)</t>
  </si>
  <si>
    <t>POINT (4.66117198307178 51.78983313576681)</t>
  </si>
  <si>
    <t>POINT (4.659664783585313 51.80108734289781)</t>
  </si>
  <si>
    <t>POINT (4.704236440940691 51.78962828852172)</t>
  </si>
  <si>
    <t>POINT (4.704523054121346 51.79619351771125)</t>
  </si>
  <si>
    <t>POINT (4.682108530413714 51.78604124306393)</t>
  </si>
  <si>
    <t>POINT (4.662305786786423 51.813979453475376)</t>
  </si>
  <si>
    <t>POINT (4.683134653193281 51.80667164811316)</t>
  </si>
  <si>
    <t>POINT (4.660644357369139 51.8106524446938)</t>
  </si>
  <si>
    <t>POINT (4.654769849300061 51.793101255698566)</t>
  </si>
  <si>
    <t>POINT (4.667928533217064 51.79138731277646)</t>
  </si>
  <si>
    <t>POINT (4.650628957331897 51.80282876950846)</t>
  </si>
  <si>
    <t>POINT (4.67961728068181 51.80532626119141)</t>
  </si>
  <si>
    <t>POINT (4.659773485218571 51.80713612188196)</t>
  </si>
  <si>
    <t>POINT (4.64776131076336 51.79277304905319)</t>
  </si>
  <si>
    <t>POINT (4.6560319267028705 51.80081278898056)</t>
  </si>
  <si>
    <t>POINT (4.65540250032553 51.8044022947748)</t>
  </si>
  <si>
    <t>POINT (4.667012312728659 51.79420212054951)</t>
  </si>
  <si>
    <t>POINT (4.718197087479804 51.801213518366666)</t>
  </si>
  <si>
    <t>POINT (4.727811867782843 51.79791645798051)</t>
  </si>
  <si>
    <t>POINT (4.6713035862745835 51.81335104527064)</t>
  </si>
  <si>
    <t>POINT (4.662378478391766 51.79151865287008)</t>
  </si>
  <si>
    <t>POINT (4.66261068951613 51.80906681010998)</t>
  </si>
  <si>
    <t>POINT (4.684761191510538 51.80502093723363)</t>
  </si>
  <si>
    <t>POINT (4.704482205925026 51.80821400990126)</t>
  </si>
  <si>
    <t>POINT (4.682014359460421 51.817897579873325)</t>
  </si>
  <si>
    <t>POINT (4.686306292905378 51.80345000436404)</t>
  </si>
  <si>
    <t>POINT (4.669150239031906 51.791203121952876)</t>
  </si>
  <si>
    <t>POINT (4.630175101632578 51.72501323926284)</t>
  </si>
  <si>
    <t>POINT (4.665516404764095 51.814611577187144)</t>
  </si>
  <si>
    <t>POINT (4.693213575191781 51.7953291329306)</t>
  </si>
  <si>
    <t>POINT (4.661532767457945 51.79709784425789)</t>
  </si>
  <si>
    <t>POINT (4.664786347459269 51.799228819309256)</t>
  </si>
  <si>
    <t>POINT (4.663683235348661 51.7945169064007)</t>
  </si>
  <si>
    <t>POINT (4.7136984931141965 51.81604195658656)</t>
  </si>
  <si>
    <t>POINT (4.666714805573389 51.788802300747115)</t>
  </si>
  <si>
    <t>POINT (4.720132021463041 51.804710268323355)</t>
  </si>
  <si>
    <t>POINT (4.702458339837073 51.816465671178705)</t>
  </si>
  <si>
    <t>POINT (4.676776595872183 51.786605301883576)</t>
  </si>
  <si>
    <t>POINT (4.66137807876817 51.79332888688551)</t>
  </si>
  <si>
    <t>POINT (4.704124146328043 51.79619103409128)</t>
  </si>
  <si>
    <t>POINT (4.677354979865285 51.807873839329474)</t>
  </si>
  <si>
    <t>POINT (4.66270945482498 51.81384978567293)</t>
  </si>
  <si>
    <t>POINT (4.669486480808696 51.81372750189977)</t>
  </si>
  <si>
    <t>POINT (4.709554219512939 51.80362806118842)</t>
  </si>
  <si>
    <t>POINT (4.679219312057416 51.785150013876404)</t>
  </si>
  <si>
    <t>POINT (4.6733456826747055 51.7731527481641)</t>
  </si>
  <si>
    <t>POINT (4.724195608144563 51.79912886252007)</t>
  </si>
  <si>
    <t>POINT (4.696145802434162 51.79296899108563)</t>
  </si>
  <si>
    <t>POINT (4.652467612300132 51.78560627159796)</t>
  </si>
  <si>
    <t>POINT (4.708852652075194 51.80672553252399)</t>
  </si>
  <si>
    <t>POINT (4.6578257460151455 51.79216618835663)</t>
  </si>
  <si>
    <t>POINT (4.663093969734264 51.78757596909681)</t>
  </si>
  <si>
    <t>POINT (4.702440288189427 51.8168157724239)</t>
  </si>
  <si>
    <t>POINT (4.693790508168901 51.78974667499536)</t>
  </si>
  <si>
    <t>POINT (4.65695620953743 51.79149400559272)</t>
  </si>
  <si>
    <t>POINT (4.70892331552573 51.818686849899336)</t>
  </si>
  <si>
    <t>POINT (4.652378175370634 51.79253945326947)</t>
  </si>
  <si>
    <t>POINT (4.678465863218411 51.77416303147806)</t>
  </si>
  <si>
    <t>POINT (4.715823465536604 51.813452317541035)</t>
  </si>
  <si>
    <t>POINT (4.664651650655244 51.800783510178356)</t>
  </si>
  <si>
    <t>POINT (4.6700222711330825 51.78988478952913)</t>
  </si>
  <si>
    <t>POINT (4.658607823856251 51.81078908399924)</t>
  </si>
  <si>
    <t>POINT (4.669790365196038 51.79302076857907)</t>
  </si>
  <si>
    <t>POINT (4.6761110848580545 51.77701405462108)</t>
  </si>
  <si>
    <t>POINT (4.652484864664217 51.78917767765487)</t>
  </si>
  <si>
    <t>POINT (4.662504175846078 51.80117075706604)</t>
  </si>
  <si>
    <t>POINT (4.672937791698101 51.81954492861237)</t>
  </si>
  <si>
    <t>POINT (4.679743973268323 51.8066888451956)</t>
  </si>
  <si>
    <t>POINT (4.6714839417198135 51.8150332787908)</t>
  </si>
  <si>
    <t>POINT (4.7209057453954 51.812935744409856)</t>
  </si>
  <si>
    <t>POINT (4.72085700056117 51.80495947184586)</t>
  </si>
  <si>
    <t>POINT (4.711462012279742 51.814637875149046)</t>
  </si>
  <si>
    <t>POINT (4.663482967086294 51.801457937861045)</t>
  </si>
  <si>
    <t>POINT (4.662198192858263 51.790579432689306)</t>
  </si>
  <si>
    <t>POINT (4.644894333633771 51.77301066347148)</t>
  </si>
  <si>
    <t>POINT (4.730684901749091 51.79597211044588)</t>
  </si>
  <si>
    <t>POINT (4.655528987450173 51.79025196958531)</t>
  </si>
  <si>
    <t>POINT (4.732143382713193 51.79756881628216)</t>
  </si>
  <si>
    <t>POINT (4.662188864338423 51.81243496111913)</t>
  </si>
  <si>
    <t>POINT (4.677013861819794 51.778383758319194)</t>
  </si>
  <si>
    <t>POINT (4.670635524917325 51.81561334495414)</t>
  </si>
  <si>
    <t>POINT (4.728350650344047 51.805180373016306)</t>
  </si>
  <si>
    <t>POINT (4.659074184378857 51.80368711105808)</t>
  </si>
  <si>
    <t>POINT (4.731421193415921 51.79887662016031)</t>
  </si>
  <si>
    <t>POINT (4.672376350410951 51.80337012086995)</t>
  </si>
  <si>
    <t>POINT (4.676112277305479 51.77515692287655)</t>
  </si>
  <si>
    <t>POINT (4.669422034661782 51.81079066901991)</t>
  </si>
  <si>
    <t>POINT (4.716534496083301 51.80303283036938)</t>
  </si>
  <si>
    <t>POINT (4.654101340021666 51.808321001018925)</t>
  </si>
  <si>
    <t>POINT (4.664793810444194 51.79575506698986)</t>
  </si>
  <si>
    <t>POINT (4.67232666589688 51.77221539131101)</t>
  </si>
  <si>
    <t>POINT (4.681821878728722 51.80228103031362)</t>
  </si>
  <si>
    <t>POINT (4.647477487214387 51.80602428352943)</t>
  </si>
  <si>
    <t>POINT (4.676577375121442 51.808671192208514)</t>
  </si>
  <si>
    <t>POINT (4.676395731805943 51.77796743234525)</t>
  </si>
  <si>
    <t>POINT (4.713064989566453 51.81628835624855)</t>
  </si>
  <si>
    <t>POINT (4.714801235838905 51.80841863305746)</t>
  </si>
  <si>
    <t>POINT (4.638889179588555 51.78165929847089)</t>
  </si>
  <si>
    <t>POINT (4.672276426228685 51.807571522665796)</t>
  </si>
  <si>
    <t>POINT (4.724882754396751 51.798529946885914)</t>
  </si>
  <si>
    <t>POINT (4.680505524674843 51.78168462721458)</t>
  </si>
  <si>
    <t>POINT (4.712815790022419 51.805895614139104)</t>
  </si>
  <si>
    <t>POINT (4.680027240151563 51.774126901682976)</t>
  </si>
  <si>
    <t>POINT (4.665367325093844 51.79457891136852)</t>
  </si>
  <si>
    <t>POINT (4.70986619603147 51.786446464030675)</t>
  </si>
  <si>
    <t>POINT (4.666908483436517 51.815513253386634)</t>
  </si>
  <si>
    <t>POINT (4.680626464392476 51.78203326336899)</t>
  </si>
  <si>
    <t>POINT (4.685200895834511 51.77747196406849)</t>
  </si>
  <si>
    <t>POINT (4.682693184575777 51.798114574853614)</t>
  </si>
  <si>
    <t>POINT (4.664898376299415 51.798275197359644)</t>
  </si>
  <si>
    <t>POINT (4.7105277731776445 51.79630187614038)</t>
  </si>
  <si>
    <t>POINT (4.682290678569445 51.78848966183234)</t>
  </si>
  <si>
    <t>POINT (4.665503093194587 51.7960178662921)</t>
  </si>
  <si>
    <t>POINT (4.681923069111879 51.78164000901406)</t>
  </si>
  <si>
    <t>POINT (4.697284870389728 51.78929274735356)</t>
  </si>
  <si>
    <t>POINT (4.67593821194347 51.78523303147629)</t>
  </si>
  <si>
    <t>POINT (4.722453246100845 51.79989294432862)</t>
  </si>
  <si>
    <t>POINT (4.669789493094639 51.79019985830226)</t>
  </si>
  <si>
    <t>POINT (4.725373158193111 51.79585410649568)</t>
  </si>
  <si>
    <t>POINT (4.629919508715514 51.72769383575379)</t>
  </si>
  <si>
    <t>POINT (4.654857646927979 51.788905648877744)</t>
  </si>
  <si>
    <t>POINT (4.67285225640454 51.772582160413634)</t>
  </si>
  <si>
    <t>POINT (4.659997537099808 51.788161089536274)</t>
  </si>
  <si>
    <t>POINT (4.683247367363959 51.819129947416435)</t>
  </si>
  <si>
    <t>POINT (4.732075237108323 51.799514835884615)</t>
  </si>
  <si>
    <t>POINT (4.672102068995577 51.80937862269915)</t>
  </si>
  <si>
    <t>POINT (4.6797895432750565 51.785793260481945)</t>
  </si>
  <si>
    <t>POINT (4.718210562662381 51.812832115912215)</t>
  </si>
  <si>
    <t>POINT (4.664698680579167 51.801718497894875)</t>
  </si>
  <si>
    <t>POINT (4.705985594067679 51.78902695046794)</t>
  </si>
  <si>
    <t>POINT (4.716663739783629 51.81590211125072)</t>
  </si>
  <si>
    <t>POINT (4.667101941061545 51.81481295540301)</t>
  </si>
  <si>
    <t>POINT (4.670332410095799 51.801694537460456)</t>
  </si>
  <si>
    <t>POINT (4.654751340551521 51.79244404753001)</t>
  </si>
  <si>
    <t>POINT (4.686263656369227 51.77741176779587)</t>
  </si>
  <si>
    <t>POINT (4.67603784929085 51.81235340524179)</t>
  </si>
  <si>
    <t>POINT (4.659566828333831 51.814114411699265)</t>
  </si>
  <si>
    <t>POINT (4.667842527233838 51.794773807571325)</t>
  </si>
  <si>
    <t>POINT (4.679654357931488 51.80802267334213)</t>
  </si>
  <si>
    <t>POINT (4.658510469176551 51.811967633365484)</t>
  </si>
  <si>
    <t>POINT (4.6754168335569295 51.814429681329706)</t>
  </si>
  <si>
    <t>POINT (4.6897878294475275 51.8063311768333)</t>
  </si>
  <si>
    <t>POINT (4.6568642325261 51.78986568560806)</t>
  </si>
  <si>
    <t>POINT (4.688301002023441 51.81982100510066)</t>
  </si>
  <si>
    <t>POINT (4.659000115720081 51.798876521190174)</t>
  </si>
  <si>
    <t>POINT (4.695560416046428 51.797491868271166)</t>
  </si>
  <si>
    <t>POINT (4.719812040557981 51.795378708691814)</t>
  </si>
  <si>
    <t>POINT (4.672881571311672 51.80604529889471)</t>
  </si>
  <si>
    <t>POINT (4.689100321014564 51.808001047758744)</t>
  </si>
  <si>
    <t>POINT (4.634798357041385 51.769475690350646)</t>
  </si>
  <si>
    <t>POINT (4.671699325371555 51.80593424966525)</t>
  </si>
  <si>
    <t>POINT (4.656275315520291 51.78684365304971)</t>
  </si>
  <si>
    <t>POINT (4.700526348987568 51.81662790883593)</t>
  </si>
  <si>
    <t>POINT (4.67330001184878 51.80315527891331)</t>
  </si>
  <si>
    <t>POINT (4.691285966557634 51.80727548565319)</t>
  </si>
  <si>
    <t>POINT (4.710220991748461 51.81440700458992)</t>
  </si>
  <si>
    <t>POINT (4.722602772744255 51.80088981418829)</t>
  </si>
  <si>
    <t>POINT (4.66860199190542 51.81426046588843)</t>
  </si>
  <si>
    <t>POINT (4.718427745307931 51.801161251957524)</t>
  </si>
  <si>
    <t>POINT (4.660441879217086 51.787276702564824)</t>
  </si>
  <si>
    <t>POINT (4.732652429821294 51.80079854263719)</t>
  </si>
  <si>
    <t>POINT (4.671252387307797 51.814327675839884)</t>
  </si>
  <si>
    <t>POINT (4.654159501832839 51.788793172095374)</t>
  </si>
  <si>
    <t>POINT (4.704534385044431 51.78760160305898)</t>
  </si>
  <si>
    <t>POINT (4.675445142983198 51.78325765022294)</t>
  </si>
  <si>
    <t>POINT (4.673914321954757 51.8156752331138)</t>
  </si>
  <si>
    <t>POINT (4.698935016480737 51.79039628127359)</t>
  </si>
  <si>
    <t>POINT (4.731729420284771 51.79965688450867)</t>
  </si>
  <si>
    <t>POINT (4.676416688981899 51.81844306841676)</t>
  </si>
  <si>
    <t>POINT (4.680908548914596 51.78930717542674)</t>
  </si>
  <si>
    <t>POINT (4.6709666572135236 51.81811794689074)</t>
  </si>
  <si>
    <t>POINT (4.659218156658141 51.812637341132714)</t>
  </si>
  <si>
    <t>POINT (4.670907349564986 51.772763078828774)</t>
  </si>
  <si>
    <t>POINT (4.6631038081321 51.78799789681508)</t>
  </si>
  <si>
    <t>POINT (4.6543224791494975 51.798799341956524)</t>
  </si>
  <si>
    <t>POINT (4.670512206733774 51.77750884490458)</t>
  </si>
  <si>
    <t>POINT (4.654131862068016 51.792616329943876)</t>
  </si>
  <si>
    <t>POINT (4.663912743191534 51.798933722426625)</t>
  </si>
  <si>
    <t>POINT (4.629559754773486 51.797242718149704)</t>
  </si>
  <si>
    <t>POINT (4.670085889195216 51.799604985803214)</t>
  </si>
  <si>
    <t>POINT (4.634966485340166 51.77688502397967)</t>
  </si>
  <si>
    <t>POINT (4.731026687893094 51.80090670094068)</t>
  </si>
  <si>
    <t>POINT (4.659290126008748 51.80638320695498)</t>
  </si>
  <si>
    <t>POINT (4.686133121708964 51.77645305300871)</t>
  </si>
  <si>
    <t>POINT (4.658347935346359 51.81070988874936)</t>
  </si>
  <si>
    <t>POINT (4.6746046010673235 51.78529918420705)</t>
  </si>
  <si>
    <t>POINT (4.6646325953289045 51.81056662604976)</t>
  </si>
  <si>
    <t>POINT (4.683630861959096 51.79803106084188)</t>
  </si>
  <si>
    <t>POINT (4.671389387465068 51.78599841668077)</t>
  </si>
  <si>
    <t>POINT (4.668064799433082 51.80217410404819)</t>
  </si>
  <si>
    <t>POINT (4.715711333245303 51.802571031757)</t>
  </si>
  <si>
    <t>POINT (4.677409007154671 51.789915450682045)</t>
  </si>
  <si>
    <t>POINT (4.711246797504133 51.80649420999029)</t>
  </si>
  <si>
    <t>POINT (4.720124103703483 51.803007738243814)</t>
  </si>
  <si>
    <t>POINT (4.705317834859863 51.79417827887878)</t>
  </si>
  <si>
    <t>POINT (4.663594561128687 51.7938690832126)</t>
  </si>
  <si>
    <t>POINT (4.668507262935592 51.80916771007187)</t>
  </si>
  <si>
    <t>POINT (4.678545436905646 51.817368996411325)</t>
  </si>
  <si>
    <t>POINT (4.676839271594061 51.77420986454797)</t>
  </si>
  <si>
    <t>POINT (4.66748542060152 51.79560474363298)</t>
  </si>
  <si>
    <t>POINT (4.667865666375799 51.78295935249057)</t>
  </si>
  <si>
    <t>POINT (4.706053385876508 51.8095549617711)</t>
  </si>
  <si>
    <t>POINT (4.664451879820126 51.785396581894084)</t>
  </si>
  <si>
    <t>POINT (4.674654318638588 51.7867671879755)</t>
  </si>
  <si>
    <t>POINT (4.6746646078963465 51.782425285647335)</t>
  </si>
  <si>
    <t>POINT (4.652495550451594 51.80033551893691)</t>
  </si>
  <si>
    <t>POINT (4.673604773257586 51.80282293356632)</t>
  </si>
  <si>
    <t>POINT (4.716430587512833 51.81393439816282)</t>
  </si>
  <si>
    <t>POINT (4.6809530686528324 51.79874516783117)</t>
  </si>
  <si>
    <t>POINT (4.658260144896521 51.80708255114269)</t>
  </si>
  <si>
    <t>POINT (4.679704107178555 51.81389847069095)</t>
  </si>
  <si>
    <t>POINT (4.66997563702037 51.77915265634462)</t>
  </si>
  <si>
    <t>POINT (4.7236488327360036 51.798917190015445)</t>
  </si>
  <si>
    <t>POINT (4.665202032989152 51.81281224943361)</t>
  </si>
  <si>
    <t>POINT (4.666916023353466 51.777183275379315)</t>
  </si>
  <si>
    <t>POINT (4.730173573471487 51.79830459637191)</t>
  </si>
  <si>
    <t>POINT (4.6660010342692635 51.810454164435605)</t>
  </si>
  <si>
    <t>POINT (4.660658222665048 51.812835486433016)</t>
  </si>
  <si>
    <t>POINT (4.701719414939906 51.818235419297096)</t>
  </si>
  <si>
    <t>POINT (4.672773023443434 51.816291735999876)</t>
  </si>
  <si>
    <t>POINT (4.7120450136290986 51.81502900944284)</t>
  </si>
  <si>
    <t>POINT (4.685796834486638 51.79179276169927)</t>
  </si>
  <si>
    <t>POINT (4.66031171258024 51.78912171846016)</t>
  </si>
  <si>
    <t>POINT (4.67545860487572 51.78332482357323)</t>
  </si>
  <si>
    <t>POINT (4.656943992032235 51.80095224799832)</t>
  </si>
  <si>
    <t>POINT (4.66691415718729 51.79390365050162)</t>
  </si>
  <si>
    <t>POINT (4.661671604089035 51.79502586380214)</t>
  </si>
  <si>
    <t>POINT (4.6309179672473 51.78169799733921)</t>
  </si>
  <si>
    <t>POINT (4.706312987637226 51.807774109014076)</t>
  </si>
  <si>
    <t>POINT (4.631323032177213 51.72364419450992)</t>
  </si>
  <si>
    <t>POINT (4.653827593124033 51.80062625059465)</t>
  </si>
  <si>
    <t>POINT (4.686084316797654 51.80750754783396)</t>
  </si>
  <si>
    <t>POINT (4.662487684850104 51.80875432288985)</t>
  </si>
  <si>
    <t>POINT (4.728232719677553 51.79224422698234)</t>
  </si>
  <si>
    <t>POINT (4.681980739379013 51.80911419437083)</t>
  </si>
  <si>
    <t>POINT (4.673864474308033 51.8188648552972)</t>
  </si>
  <si>
    <t>POINT (4.733280998271855 51.79982908139754)</t>
  </si>
  <si>
    <t>POINT (4.659891052891886 51.811356760787476)</t>
  </si>
  <si>
    <t>POINT (4.639896813420787 51.779696965080774)</t>
  </si>
  <si>
    <t>POINT (4.729365934759396 51.80483605180079)</t>
  </si>
  <si>
    <t>POINT (4.6727143107649605 51.78356831774027)</t>
  </si>
  <si>
    <t>POINT (4.679957323609895 51.78857134700269)</t>
  </si>
  <si>
    <t>POINT (4.7162469784230385 51.80763796617547)</t>
  </si>
  <si>
    <t>POINT (4.661301234404699 51.79742501181306)</t>
  </si>
  <si>
    <t>POINT (4.664304055291482 51.802667825790735)</t>
  </si>
  <si>
    <t>POINT (4.685749303613222 51.811318978055716)</t>
  </si>
  <si>
    <t>POINT (4.667973368767584 51.81481323865501)</t>
  </si>
  <si>
    <t>POINT (4.6723253671239116 51.772769456760486)</t>
  </si>
  <si>
    <t>POINT (4.668727050394412 51.77490742965944)</t>
  </si>
  <si>
    <t>POINT (4.711507067753809 51.8093876980437)</t>
  </si>
  <si>
    <t>POINT (4.67115535923441 51.79858474867003)</t>
  </si>
  <si>
    <t>POINT (4.675596048915354 51.808068271472116)</t>
  </si>
  <si>
    <t>POINT (4.6577705504014215 51.812032087564546)</t>
  </si>
  <si>
    <t>POINT (4.6727201225052 51.81820657553695)</t>
  </si>
  <si>
    <t>POINT (4.711424287404399 51.80616737135294)</t>
  </si>
  <si>
    <t>POINT (4.682332947882861 51.814674137400544)</t>
  </si>
  <si>
    <t>POINT (4.678758799539187 51.78553283063298)</t>
  </si>
  <si>
    <t>POINT (4.703766067740881 51.795829303285814)</t>
  </si>
  <si>
    <t>POINT (4.677857497497128 51.817879567261606)</t>
  </si>
  <si>
    <t>POINT (4.680064963137576 51.77426426982989)</t>
  </si>
  <si>
    <t>POINT (4.665649354348176 51.796090028304846)</t>
  </si>
  <si>
    <t>POINT (4.729327045919854 51.803897914556465)</t>
  </si>
  <si>
    <t>POINT (4.679263419239979 51.80781075354458)</t>
  </si>
  <si>
    <t>POINT (4.7290242835434215 51.797234232101516)</t>
  </si>
  <si>
    <t>POINT (4.733739848936205 51.7949929181477)</t>
  </si>
  <si>
    <t>POINT (4.676571489925888 51.807072871310154)</t>
  </si>
  <si>
    <t>POINT (4.733975103258701 51.79222622936359)</t>
  </si>
  <si>
    <t>POINT (4.670147558109972 51.80188497480525)</t>
  </si>
  <si>
    <t>POINT (4.72999763132189 51.80507646900496)</t>
  </si>
  <si>
    <t>POINT (4.651241601622197 51.78881118965101)</t>
  </si>
  <si>
    <t>POINT (4.669515580801749 51.81009840285566)</t>
  </si>
  <si>
    <t>POINT (4.712553556356802 51.816339645836884)</t>
  </si>
  <si>
    <t>POINT (4.652366858393409 51.78574936109065)</t>
  </si>
  <si>
    <t>POINT (4.668817155380878 51.79934988259851)</t>
  </si>
  <si>
    <t>POINT (4.664705274088656 51.791556888940065)</t>
  </si>
  <si>
    <t>POINT (4.686192614499357 51.806825083084966)</t>
  </si>
  <si>
    <t>POINT (4.682142376743294 51.78201092470911)</t>
  </si>
  <si>
    <t>POINT (4.650795351712596 51.79431666394545)</t>
  </si>
  <si>
    <t>POINT (4.675679490412662 51.78329320208062)</t>
  </si>
  <si>
    <t>POINT (4.660675475984888 51.79471740925384)</t>
  </si>
  <si>
    <t>POINT (4.66760831590217 51.81364347971639)</t>
  </si>
  <si>
    <t>POINT (4.670416300004214 51.77346746363966)</t>
  </si>
  <si>
    <t>POINT (4.655780947923901 51.8127978812965)</t>
  </si>
  <si>
    <t>POINT (4.7347887358652985 51.80227514762859)</t>
  </si>
  <si>
    <t>POINT (4.664594895911611 51.80195046811909)</t>
  </si>
  <si>
    <t>POINT (4.7194294920190885 51.80108111581784)</t>
  </si>
  <si>
    <t>POINT (4.662636180702345 51.80612780172835)</t>
  </si>
  <si>
    <t>POINT (4.67287820829919 51.79282071799979)</t>
  </si>
  <si>
    <t>POINT (4.7054405556177406 51.82139069536419)</t>
  </si>
  <si>
    <t>POINT (4.6842185403936965 51.78894084033422)</t>
  </si>
  <si>
    <t>POINT (4.721699840649391 51.80066437563783)</t>
  </si>
  <si>
    <t>POINT (4.695585784469179 51.790378165767414)</t>
  </si>
  <si>
    <t>POINT (4.709279939010416 51.79427122604837)</t>
  </si>
  <si>
    <t>POINT (4.659684766651253 51.80645439992401)</t>
  </si>
  <si>
    <t>POINT (4.675754430381007 51.8045276301124)</t>
  </si>
  <si>
    <t>POINT (4.728526294899421 51.80363383947508)</t>
  </si>
  <si>
    <t>POINT (4.663421114341834 51.814795390572854)</t>
  </si>
  <si>
    <t>POINT (4.671911614680488 51.79716416006224)</t>
  </si>
  <si>
    <t>POINT (4.656632813934224 51.80338423444234)</t>
  </si>
  <si>
    <t>POINT (4.680008904874254 51.778514357550804)</t>
  </si>
  <si>
    <t>POINT (4.696820674990683 51.790733382205495)</t>
  </si>
  <si>
    <t>POINT (4.716510386376863 51.80290695037288)</t>
  </si>
  <si>
    <t>POINT (4.660338565797663 51.77290580916794)</t>
  </si>
  <si>
    <t>POINT (4.711425709704401 51.81643665217204)</t>
  </si>
  <si>
    <t>POINT (4.653557463014616 51.80224046062504)</t>
  </si>
  <si>
    <t>POINT (4.686866781288762 51.77637154905394)</t>
  </si>
  <si>
    <t>POINT (4.654532443526846 51.802955617376185)</t>
  </si>
  <si>
    <t>POINT (4.666420282226739 51.78807380871919)</t>
  </si>
  <si>
    <t>POINT (4.716498682817289 51.806561064544766)</t>
  </si>
  <si>
    <t>POINT (4.7034061462548 51.79938496406362)</t>
  </si>
  <si>
    <t>POINT (4.709488404579465 51.80609824777282)</t>
  </si>
  <si>
    <t>POINT (4.717486435690211 51.800678172208684)</t>
  </si>
  <si>
    <t>POINT (4.67224921795952 51.819019456308716)</t>
  </si>
  <si>
    <t>POINT (4.692503073086391 51.81866392728786)</t>
  </si>
  <si>
    <t>POINT (4.670106696990243 51.80535563377773)</t>
  </si>
  <si>
    <t>POINT (4.680006312022645 51.81425031982502)</t>
  </si>
  <si>
    <t>POINT (4.730085924960234 51.80077032778029)</t>
  </si>
  <si>
    <t>POINT (4.664557941320058 51.78861171367618)</t>
  </si>
  <si>
    <t>POINT (4.656541429855782 51.80008368956694)</t>
  </si>
  <si>
    <t>POINT (4.67280938878176 51.81781695685049)</t>
  </si>
  <si>
    <t>POINT (4.704327355678358 51.81512885781052)</t>
  </si>
  <si>
    <t>POINT (4.681181309905243 51.78914286812937)</t>
  </si>
  <si>
    <t>POINT (4.676483650436909 51.78386166875942)</t>
  </si>
  <si>
    <t>POINT (4.65569382391288 51.81273954997257)</t>
  </si>
  <si>
    <t>POINT (4.732295895212862 51.792376398027336)</t>
  </si>
  <si>
    <t>POINT (4.723569293675584 51.798807258448846)</t>
  </si>
  <si>
    <t>POINT (4.6688148681509025 51.80925507597193)</t>
  </si>
  <si>
    <t>POINT (4.661472118588748 51.78738788917947)</t>
  </si>
  <si>
    <t>POINT (4.67226310711291 51.77314087743054)</t>
  </si>
  <si>
    <t>POINT (4.679171051429564 51.80503021505706)</t>
  </si>
  <si>
    <t>POINT (4.679580115133419 51.77498045103046)</t>
  </si>
  <si>
    <t>POINT (4.698282642494944 51.81780837093737)</t>
  </si>
  <si>
    <t>POINT (4.700681961484118 51.79665519809099)</t>
  </si>
  <si>
    <t>POINT (4.679242990212808 51.810499087928385)</t>
  </si>
  <si>
    <t>POINT (4.654377461769419 51.78933688588702)</t>
  </si>
  <si>
    <t>POINT (4.686147730318838 51.80828978791366)</t>
  </si>
  <si>
    <t>POINT (4.730007489335059 51.796861150875586)</t>
  </si>
  <si>
    <t>POINT (4.642871000715988 51.77009467388631)</t>
  </si>
  <si>
    <t>POINT (4.659971654767677 51.8107299579301)</t>
  </si>
  <si>
    <t>POINT (4.651063322450659 51.79396597025409)</t>
  </si>
  <si>
    <t>POINT (4.654272166570027 51.79184709885123)</t>
  </si>
  <si>
    <t>POINT (4.681767772049568 51.77790041434077)</t>
  </si>
  <si>
    <t>POINT (4.712704569278338 51.81153215829849)</t>
  </si>
  <si>
    <t>POINT (4.697475282017451 51.81775482060672)</t>
  </si>
  <si>
    <t>POINT (4.67412447628127 51.79698020281119)</t>
  </si>
  <si>
    <t>POINT (4.659683932965796 51.80555521104175)</t>
  </si>
  <si>
    <t>POINT (4.655721209829708 51.8064098576919)</t>
  </si>
  <si>
    <t>POINT (4.695676283113601 51.79490805659557)</t>
  </si>
  <si>
    <t>POINT (4.6611339841734525 51.786953421873854)</t>
  </si>
  <si>
    <t>POINT (4.65435738808377 51.793512744748654)</t>
  </si>
  <si>
    <t>POINT (4.67589898760165 51.77506860982281)</t>
  </si>
  <si>
    <t>POINT (4.711375752602072 51.79462595644735)</t>
  </si>
  <si>
    <t>POINT (4.653033339586898 51.79233023510343)</t>
  </si>
  <si>
    <t>POINT (4.671478284945976 51.7715545979418)</t>
  </si>
  <si>
    <t>POINT (4.679504490016106 51.77942924141047)</t>
  </si>
  <si>
    <t>POINT (4.7204607433150665 51.797692678093696)</t>
  </si>
  <si>
    <t>POINT (4.670328428526465 51.797663517735)</t>
  </si>
  <si>
    <t>POINT (4.68034173206059 51.806725076466655)</t>
  </si>
  <si>
    <t>POINT (4.655802459615921 51.810801411965166)</t>
  </si>
  <si>
    <t>POINT (4.65238533679168 51.802678462016594)</t>
  </si>
  <si>
    <t>POINT (4.704725667957846 51.79525293614974)</t>
  </si>
  <si>
    <t>POINT (4.6757284463861835 51.81213054334628)</t>
  </si>
  <si>
    <t>POINT (4.71294263649649 51.80977431426986)</t>
  </si>
  <si>
    <t>POINT (4.661831435012118 51.78875271880631)</t>
  </si>
  <si>
    <t>POINT (4.667229228393184 51.78796529403244)</t>
  </si>
  <si>
    <t>POINT (4.666955492578121 51.77863260629571)</t>
  </si>
  <si>
    <t>POINT (4.723113859531484 51.79895193357523)</t>
  </si>
  <si>
    <t>POINT (4.719274298790067 51.80393907125893)</t>
  </si>
  <si>
    <t>POINT (4.685272376123816 51.80743213270397)</t>
  </si>
  <si>
    <t>POINT (4.709624596790805 51.804966563220745)</t>
  </si>
  <si>
    <t>POINT (4.683379423883774 51.798014272016154)</t>
  </si>
  <si>
    <t>POINT (4.6813793501698715 51.77691352701318)</t>
  </si>
  <si>
    <t>POINT (4.681558004161953 51.81258017313553)</t>
  </si>
  <si>
    <t>POINT (4.723375862534117 51.805624040828135)</t>
  </si>
  <si>
    <t>POINT (4.678083450242306 51.78466390247439)</t>
  </si>
  <si>
    <t>POINT (4.650414032279633 51.793956420183484)</t>
  </si>
  <si>
    <t>POINT (4.667350517107953 51.789764668728864)</t>
  </si>
  <si>
    <t>POINT (4.672619909271132 51.811042938435264)</t>
  </si>
  <si>
    <t>POINT (4.662429721706949 51.79957426455559)</t>
  </si>
  <si>
    <t>POINT (4.678967348544623 51.77307504744143)</t>
  </si>
  <si>
    <t>POINT (4.708585922218771 51.79594173851064)</t>
  </si>
  <si>
    <t>POINT (4.667608006731861 51.79519010100509)</t>
  </si>
  <si>
    <t>POINT (4.674258446593946 51.8124031201257)</t>
  </si>
  <si>
    <t>POINT (4.704828723880116 51.808560794137634)</t>
  </si>
  <si>
    <t>POINT (4.668448466840631 51.79193801006573)</t>
  </si>
  <si>
    <t>POINT (4.731162491527217 51.80184258425856)</t>
  </si>
  <si>
    <t>POINT (4.713152109413103 51.80372660823577)</t>
  </si>
  <si>
    <t>POINT (4.693312811554996 51.795347382641665)</t>
  </si>
  <si>
    <t>POINT (4.669973057153583 51.779098888082835)</t>
  </si>
  <si>
    <t>POINT (4.733478818694642 51.798410751914304)</t>
  </si>
  <si>
    <t>POINT (4.735111194919753 51.80077715050059)</t>
  </si>
  <si>
    <t>POINT (4.659257287769816 51.81339328950971)</t>
  </si>
  <si>
    <t>POINT (4.664620972205324 51.77921339021085)</t>
  </si>
  <si>
    <t>POINT (4.671104554156489 51.79922889162612)</t>
  </si>
  <si>
    <t>POINT (4.642822408438294 51.7693100077579)</t>
  </si>
  <si>
    <t>POINT (4.694926601498856 51.790764035764575)</t>
  </si>
  <si>
    <t>POINT (4.675762499857625 51.78489188747146)</t>
  </si>
  <si>
    <t>POINT (4.7159306153755205 51.815099774439055)</t>
  </si>
  <si>
    <t>POINT (4.664205075461813 51.81149140008056)</t>
  </si>
  <si>
    <t>POINT (4.687581350520576 51.81065785034941)</t>
  </si>
  <si>
    <t>POINT (4.6660583563113125 51.80384548759927)</t>
  </si>
  <si>
    <t>POINT (4.666111311650065 51.81044808264239)</t>
  </si>
  <si>
    <t>POINT (4.684963631619546 51.777569464381855)</t>
  </si>
  <si>
    <t>POINT (4.662508811931917 51.80085156122587)</t>
  </si>
  <si>
    <t>POINT (4.721597759424549 51.81106858831706)</t>
  </si>
  <si>
    <t>POINT (4.715914478728645 51.79604235212243)</t>
  </si>
  <si>
    <t>POINT (4.652432949500653 51.79247118551145)</t>
  </si>
  <si>
    <t>POINT (4.716247497026241 51.80136903569779)</t>
  </si>
  <si>
    <t>POINT (4.652077523202028 51.79322093646562)</t>
  </si>
  <si>
    <t>POINT (4.717967868263428 51.799574227668174)</t>
  </si>
  <si>
    <t>POINT (4.6777725920828335 51.78197962420777)</t>
  </si>
  <si>
    <t>POINT (4.6922167462374516 51.78968593792396)</t>
  </si>
  <si>
    <t>POINT (4.702859531040182 51.81619197897525)</t>
  </si>
  <si>
    <t>POINT (4.663895750571057 51.817470353874704)</t>
  </si>
  <si>
    <t>POINT (4.720814732396486 51.81131381281723)</t>
  </si>
  <si>
    <t>POINT (4.706639187202426 51.79465154617169)</t>
  </si>
  <si>
    <t>POINT (4.676727222099459 51.786518423727216)</t>
  </si>
  <si>
    <t>POINT (4.68442115305757 51.775071419243815)</t>
  </si>
  <si>
    <t>POINT (4.720647434061809 51.79409539287472)</t>
  </si>
  <si>
    <t>POINT (4.688385929875931 51.8072713024067)</t>
  </si>
  <si>
    <t>POINT (4.734181254555385 51.797483422592514)</t>
  </si>
  <si>
    <t>POINT (4.654353477657376 51.79382036785892)</t>
  </si>
  <si>
    <t>POINT (4.668568835350601 51.809203062116325)</t>
  </si>
  <si>
    <t>POINT (4.721833373477546 51.80509897903526)</t>
  </si>
  <si>
    <t>POINT (4.673145726571353 51.818591543644565)</t>
  </si>
  <si>
    <t>POINT (4.6595586981298185 51.78837425911258)</t>
  </si>
  <si>
    <t>POINT (4.685690020108533 51.78826075601632)</t>
  </si>
  <si>
    <t>POINT (4.629619512545559 51.72698796632567)</t>
  </si>
  <si>
    <t>POINT (4.638297192619487 51.77714234722928)</t>
  </si>
  <si>
    <t>POINT (4.675735784720898 51.81715723994767)</t>
  </si>
  <si>
    <t>POINT (4.687577943999704 51.80761111327216)</t>
  </si>
  <si>
    <t>POINT (4.670765977723333 51.792065964848945)</t>
  </si>
  <si>
    <t>POINT (4.6829263789962345 51.77937115980148)</t>
  </si>
  <si>
    <t>POINT (4.666871090159975 51.815524457469486)</t>
  </si>
  <si>
    <t>POINT (4.711347757395862 51.80138131901958)</t>
  </si>
  <si>
    <t>POINT (4.671840236400082 51.80594962553184)</t>
  </si>
  <si>
    <t>POINT (4.67851346237159 51.787105907472096)</t>
  </si>
  <si>
    <t>POINT (4.666360915169442 51.80961577216849)</t>
  </si>
  <si>
    <t>POINT (4.66809841869673 51.79190361344202)</t>
  </si>
  <si>
    <t>POINT (4.672185153794113 51.773155602118585)</t>
  </si>
  <si>
    <t>POINT (4.672435566726814 51.8043624905879)</t>
  </si>
  <si>
    <t>POINT (4.677576364988233 51.78864078781013)</t>
  </si>
  <si>
    <t>POINT (4.686647241586763 51.77844572828774)</t>
  </si>
  <si>
    <t>POINT (4.659807681593392 51.770896449792424)</t>
  </si>
  <si>
    <t>POINT (4.674107746813211 51.80551700471326)</t>
  </si>
  <si>
    <t>POINT (4.653556875264246 51.79185035809514)</t>
  </si>
  <si>
    <t>POINT (4.708419051606324 51.796460129030386)</t>
  </si>
  <si>
    <t>POINT (4.6710317106347174 51.814495217517816)</t>
  </si>
  <si>
    <t>POINT (4.691959745640219 51.78394071797703)</t>
  </si>
  <si>
    <t>POINT (4.662761563503226 51.80540015952465)</t>
  </si>
  <si>
    <t>POINT (4.65193148269611 51.78771473960582)</t>
  </si>
  <si>
    <t>POINT (4.685082135902942 51.80419120827048)</t>
  </si>
  <si>
    <t>POINT (4.667876584029482 51.816653435974104)</t>
  </si>
  <si>
    <t>POINT (4.659776781272799 51.79623875123137)</t>
  </si>
  <si>
    <t>POINT (4.652708732331186 51.79519053202594)</t>
  </si>
  <si>
    <t>POINT (4.674304924444894 51.80353696288181)</t>
  </si>
  <si>
    <t>POINT (4.676729901707379 51.77843050570406)</t>
  </si>
  <si>
    <t>POINT (4.685029251033086 51.8174456531238)</t>
  </si>
  <si>
    <t>POINT (4.678022043983834 51.78841962854084)</t>
  </si>
  <si>
    <t>POINT (4.6634085755800205 51.81100920904666)</t>
  </si>
  <si>
    <t>POINT (4.70329185150524 51.79877086665676)</t>
  </si>
  <si>
    <t>POINT (4.666553967924991 51.8168510546296)</t>
  </si>
  <si>
    <t>POINT (4.661081881965296 51.771144434869335)</t>
  </si>
  <si>
    <t>POINT (4.679180088284066 51.78203033945427)</t>
  </si>
  <si>
    <t>POINT (4.711226293629189 51.80697404970856)</t>
  </si>
  <si>
    <t>POINT (4.684961554860924 51.79882087724775)</t>
  </si>
  <si>
    <t>POINT (4.672347957309711 51.81093000230925)</t>
  </si>
  <si>
    <t>POINT (4.728900699250316 51.800291528748446)</t>
  </si>
  <si>
    <t>POINT (4.668296246913009 51.81791673159065)</t>
  </si>
  <si>
    <t>POINT (4.656318129602594 51.80632386113334)</t>
  </si>
  <si>
    <t>POINT (4.666598604771831 51.81255249441037)</t>
  </si>
  <si>
    <t>POINT (4.668655215024796 51.79229913909392)</t>
  </si>
  <si>
    <t>POINT (4.704320903936465 51.796766806787566)</t>
  </si>
  <si>
    <t>POINT (4.660525452323204 51.81118835990785)</t>
  </si>
  <si>
    <t>POINT (4.666056713259463 51.800087486037285)</t>
  </si>
  <si>
    <t>POINT (4.668741010473675 51.801325930248694)</t>
  </si>
  <si>
    <t>POINT (4.691310222479453 51.81905849143668)</t>
  </si>
  <si>
    <t>POINT (4.652449552041158 51.78528419156253)</t>
  </si>
  <si>
    <t>POINT (4.66713658182096 51.817769695598145)</t>
  </si>
  <si>
    <t>POINT (4.663625186779634 51.81136045630225)</t>
  </si>
  <si>
    <t>POINT (4.6731366048366345 51.81731238285016)</t>
  </si>
  <si>
    <t>POINT (4.720667899064403 51.80473880531013)</t>
  </si>
  <si>
    <t>POINT (4.676081630410774 51.818302864978385)</t>
  </si>
  <si>
    <t>POINT (4.660401434421132 51.80469416333923)</t>
  </si>
  <si>
    <t>POINT (4.66033677515206 51.772843353400624)</t>
  </si>
  <si>
    <t>POINT (4.662098687979119 51.77354462088911)</t>
  </si>
  <si>
    <t>POINT (4.686376092591046 51.78060567410155)</t>
  </si>
  <si>
    <t>POINT (4.678720440995227 51.78564512845031)</t>
  </si>
  <si>
    <t>POINT (4.6758486837519895 51.807203726367504)</t>
  </si>
  <si>
    <t>POINT (4.681150181301432 51.80873350954046)</t>
  </si>
  <si>
    <t>POINT (4.653754648229423 51.785232188677966)</t>
  </si>
  <si>
    <t>POINT (4.6678148147623375 51.77989754009317)</t>
  </si>
  <si>
    <t>POINT (4.650811076376728 51.80332866873726)</t>
  </si>
  <si>
    <t>POINT (4.660148754762517 51.80364012090844)</t>
  </si>
  <si>
    <t>POINT (4.708229514277404 51.807629009163854)</t>
  </si>
  <si>
    <t>POINT (4.669511514065913 51.79866505904328)</t>
  </si>
  <si>
    <t>POINT (4.676836650190748 51.786544057043216)</t>
  </si>
  <si>
    <t>POINT (4.669940146361823 51.790757179956124)</t>
  </si>
  <si>
    <t>POINT (4.697371350377141 51.791109534765795)</t>
  </si>
  <si>
    <t>POINT (4.686744634303692 51.811162507191526)</t>
  </si>
  <si>
    <t>POINT (4.685343165480113 51.7897942097223)</t>
  </si>
  <si>
    <t>POINT (4.730566809078923 51.80388321423148)</t>
  </si>
  <si>
    <t>POINT (4.697295221331416 51.79687808881022)</t>
  </si>
  <si>
    <t>POINT (4.652170034416461 51.78802277679399)</t>
  </si>
  <si>
    <t>POINT (4.673180438126265 51.819249644280646)</t>
  </si>
  <si>
    <t>POINT (4.641685369828636 51.779612437240246)</t>
  </si>
  <si>
    <t>POINT (4.72972767241272 51.80447940569713)</t>
  </si>
  <si>
    <t>POINT (4.672471758771835 51.807778301643125)</t>
  </si>
  <si>
    <t>POINT (4.678619560763029 51.78699763238902)</t>
  </si>
  <si>
    <t>POINT (4.660586250762508 51.80580411694904)</t>
  </si>
  <si>
    <t>POINT (4.7045547259306355 51.79824455534374)</t>
  </si>
  <si>
    <t>POINT (4.68163785040723 51.80071566028869)</t>
  </si>
  <si>
    <t>POINT (4.679676434252237 51.77662355621368)</t>
  </si>
  <si>
    <t>POINT (4.665631679584559 51.77237193581119)</t>
  </si>
  <si>
    <t>POINT (4.675860591393654 51.81693539218112)</t>
  </si>
  <si>
    <t>POINT (4.670690745805634 51.80916596171715)</t>
  </si>
  <si>
    <t>POINT (4.733426152242317 51.80124911513972)</t>
  </si>
  <si>
    <t>POINT (4.65990772247964 51.80486912523712)</t>
  </si>
  <si>
    <t>POINT (4.672466744362261 51.77309291440144)</t>
  </si>
  <si>
    <t>POINT (4.705915473608795 51.807374116896064)</t>
  </si>
  <si>
    <t>POINT (4.66881361361216 51.81025305439611)</t>
  </si>
  <si>
    <t>POINT (4.67312429392732 51.81928804384564)</t>
  </si>
  <si>
    <t>POINT (4.705398240403248 51.807945289838365)</t>
  </si>
  <si>
    <t>POINT (4.664562945111428 51.791594978317264)</t>
  </si>
  <si>
    <t>POINT (4.6520070156488655 51.78312116862037)</t>
  </si>
  <si>
    <t>POINT (4.684836113070648 51.77639820132948)</t>
  </si>
  <si>
    <t>POINT (4.731386200335098 51.79717037152292)</t>
  </si>
  <si>
    <t>POINT (4.635981562557234 51.77597142437929)</t>
  </si>
  <si>
    <t>POINT (4.676125801466405 51.8086607983273)</t>
  </si>
  <si>
    <t>POINT (4.644958979916745 51.7631898286263)</t>
  </si>
  <si>
    <t>POINT (4.662838923480285 51.813860202772894)</t>
  </si>
  <si>
    <t>POINT (4.658201783380822 51.811905914433304)</t>
  </si>
  <si>
    <t>POINT (4.661031253638992 51.799136946478384)</t>
  </si>
  <si>
    <t>POINT (4.665419489497867 51.78980128853027)</t>
  </si>
  <si>
    <t>POINT (4.679463671592853 51.77464525168941)</t>
  </si>
  <si>
    <t>3344PD</t>
  </si>
  <si>
    <t>Bramengaarde</t>
  </si>
  <si>
    <t>POINT (4.644893337487204 51.837414023772496)</t>
  </si>
  <si>
    <t>BU05310301</t>
  </si>
  <si>
    <t>Volgerlanden-West</t>
  </si>
  <si>
    <t>WK053103</t>
  </si>
  <si>
    <t>Wijk 03 De Volgerlanden</t>
  </si>
  <si>
    <t>GM0531</t>
  </si>
  <si>
    <t>Hendrik-Ido-Ambacht</t>
  </si>
  <si>
    <t>3342GG</t>
  </si>
  <si>
    <t>Vlasakker</t>
  </si>
  <si>
    <t>POINT (4.62154695591531 51.84253145089622)</t>
  </si>
  <si>
    <t>BU05310203</t>
  </si>
  <si>
    <t>De Sandeling</t>
  </si>
  <si>
    <t>WK053102</t>
  </si>
  <si>
    <t>Wijk 02 Krommeweg</t>
  </si>
  <si>
    <t>3344HE</t>
  </si>
  <si>
    <t>Goudvis</t>
  </si>
  <si>
    <t>POINT (4.647915067514688 51.83719039759591)</t>
  </si>
  <si>
    <t>BU05310302</t>
  </si>
  <si>
    <t>Volgerlanden-Oost</t>
  </si>
  <si>
    <t>3344BP</t>
  </si>
  <si>
    <t>De Heerlijkheid</t>
  </si>
  <si>
    <t>3344BN-3344BP</t>
  </si>
  <si>
    <t>POINT (4.638170578095581 51.82784672679916)</t>
  </si>
  <si>
    <t>3342BP</t>
  </si>
  <si>
    <t>Schildmanstraat</t>
  </si>
  <si>
    <t>POINT (4.633906963977442 51.84796865431973)</t>
  </si>
  <si>
    <t>BU05310101</t>
  </si>
  <si>
    <t>Dorp</t>
  </si>
  <si>
    <t>WK053101</t>
  </si>
  <si>
    <t>3341DB</t>
  </si>
  <si>
    <t>Zomertaling</t>
  </si>
  <si>
    <t>POINT (4.658185454979491 51.834409722785416)</t>
  </si>
  <si>
    <t>3343CK</t>
  </si>
  <si>
    <t>Langengriend</t>
  </si>
  <si>
    <t>POINT (4.6259483966931825 51.83797584365882)</t>
  </si>
  <si>
    <t>BU05310202</t>
  </si>
  <si>
    <t>Krommeweg-Zuid</t>
  </si>
  <si>
    <t>3342TC</t>
  </si>
  <si>
    <t>Banckertplein</t>
  </si>
  <si>
    <t>3342TB-3342TP</t>
  </si>
  <si>
    <t>POINT (4.626052450592721 51.84641689052725)</t>
  </si>
  <si>
    <t>3342TP</t>
  </si>
  <si>
    <t>POINT (4.627305941501494 51.846129417287344)</t>
  </si>
  <si>
    <t>3341VD</t>
  </si>
  <si>
    <t>POINT (4.641695924966288 51.84825207254138)</t>
  </si>
  <si>
    <t>BU05310102</t>
  </si>
  <si>
    <t>Oostendam</t>
  </si>
  <si>
    <t>3341XZ</t>
  </si>
  <si>
    <t>3341XZ-3342AA</t>
  </si>
  <si>
    <t>POINT (4.640060107004568 51.85062367010577)</t>
  </si>
  <si>
    <t>3344AC</t>
  </si>
  <si>
    <t>Akkerviool</t>
  </si>
  <si>
    <t>POINT (4.648001842266 51.828364067505206)</t>
  </si>
  <si>
    <t>3341LW</t>
  </si>
  <si>
    <t>Noordeinde</t>
  </si>
  <si>
    <t>POINT (4.655236058040081 51.848896454667745)</t>
  </si>
  <si>
    <t>BU05310501</t>
  </si>
  <si>
    <t>Antoniapolder</t>
  </si>
  <si>
    <t>WK053105</t>
  </si>
  <si>
    <t>Wijk 05 De Oevers</t>
  </si>
  <si>
    <t>3344EB</t>
  </si>
  <si>
    <t>Bolster</t>
  </si>
  <si>
    <t>POINT (4.641693744593212 51.82821630839601)</t>
  </si>
  <si>
    <t>3341VK</t>
  </si>
  <si>
    <t>van Godewijckstraat</t>
  </si>
  <si>
    <t>3341VE-3341VL</t>
  </si>
  <si>
    <t>POINT (4.640098176660987 51.84657901433917)</t>
  </si>
  <si>
    <t>3343LB</t>
  </si>
  <si>
    <t>Krommeweg</t>
  </si>
  <si>
    <t>POINT (4.6380395078959635 51.83423343740037)</t>
  </si>
  <si>
    <t>3344RN</t>
  </si>
  <si>
    <t>Dadelgaarde</t>
  </si>
  <si>
    <t>POINT (4.640126338387281 51.83700626031337)</t>
  </si>
  <si>
    <t>3341RT</t>
  </si>
  <si>
    <t>Zaaivat</t>
  </si>
  <si>
    <t>3341RE-3341SB</t>
  </si>
  <si>
    <t>POINT (4.650465370382596 51.840734390772646)</t>
  </si>
  <si>
    <t>3343CB</t>
  </si>
  <si>
    <t>Bekestein</t>
  </si>
  <si>
    <t>POINT (4.630701421918277 51.836622311162294)</t>
  </si>
  <si>
    <t>3341LJ</t>
  </si>
  <si>
    <t>Nijverheidsweg</t>
  </si>
  <si>
    <t>3341LG-3341LJ</t>
  </si>
  <si>
    <t>POINT (4.652516225985491 51.85133147281296)</t>
  </si>
  <si>
    <t>3341TC</t>
  </si>
  <si>
    <t>P.C. Hooftsingel</t>
  </si>
  <si>
    <t>POINT (4.639398909930148 51.84586445820046)</t>
  </si>
  <si>
    <t>3341HE</t>
  </si>
  <si>
    <t>Bezembinder</t>
  </si>
  <si>
    <t>POINT (4.652514315964138 51.84294025668006)</t>
  </si>
  <si>
    <t>3341XH</t>
  </si>
  <si>
    <t>Irenestraat</t>
  </si>
  <si>
    <t>3341XH-3341XJ</t>
  </si>
  <si>
    <t>POINT (4.645109323575905 51.85160848707719)</t>
  </si>
  <si>
    <t>3344RC</t>
  </si>
  <si>
    <t>Amandelgaarde</t>
  </si>
  <si>
    <t>POINT (4.640141636825693 51.83520862248944)</t>
  </si>
  <si>
    <t>3342BE</t>
  </si>
  <si>
    <t>Dorpsstraat</t>
  </si>
  <si>
    <t>POINT (4.63427879813606 51.84916653206396)</t>
  </si>
  <si>
    <t>3343EG</t>
  </si>
  <si>
    <t>Silverkamp</t>
  </si>
  <si>
    <t>POINT (4.6366355730869415 51.834898620374524)</t>
  </si>
  <si>
    <t>3341EK</t>
  </si>
  <si>
    <t>3341EJ-3341EK</t>
  </si>
  <si>
    <t>POINT (4.646758242063179 51.84930881231203)</t>
  </si>
  <si>
    <t>3344PK</t>
  </si>
  <si>
    <t>Druivengaarde</t>
  </si>
  <si>
    <t>3344PK-3344PS</t>
  </si>
  <si>
    <t>POINT (4.645278700962255 51.83450847178782)</t>
  </si>
  <si>
    <t>POINT (4.652682169172505 51.84649661680295)</t>
  </si>
  <si>
    <t>3341XM</t>
  </si>
  <si>
    <t>POINT (4.6439386440605075 51.85218534526734)</t>
  </si>
  <si>
    <t>3341GD</t>
  </si>
  <si>
    <t>Gerard Alewijnsstraat</t>
  </si>
  <si>
    <t>POINT (4.64407023842842 51.84245145923028)</t>
  </si>
  <si>
    <t>BU05310103</t>
  </si>
  <si>
    <t>Kruiswiel</t>
  </si>
  <si>
    <t>3341SZ</t>
  </si>
  <si>
    <t>De Noordkade</t>
  </si>
  <si>
    <t>3341SZ-3341TA</t>
  </si>
  <si>
    <t>POINT (4.656639697131637 51.85009355841917)</t>
  </si>
  <si>
    <t>POINT (4.637016092961203 51.827383240958895)</t>
  </si>
  <si>
    <t>3342VH</t>
  </si>
  <si>
    <t>Scheltingastraat</t>
  </si>
  <si>
    <t>POINT (4.63046509528702 51.84723641685083)</t>
  </si>
  <si>
    <t>3342AL</t>
  </si>
  <si>
    <t>Weteringsingel</t>
  </si>
  <si>
    <t>POINT (4.6303016810201205 51.84659716775311)</t>
  </si>
  <si>
    <t>3341TP</t>
  </si>
  <si>
    <t>POINT (4.644056511535253 51.84680188529472)</t>
  </si>
  <si>
    <t>3341SG</t>
  </si>
  <si>
    <t>Van Assendelftgaarde</t>
  </si>
  <si>
    <t>3341SC-3341SG</t>
  </si>
  <si>
    <t>POINT (4.650826957883131 51.845460289427706)</t>
  </si>
  <si>
    <t>3341CR</t>
  </si>
  <si>
    <t>Opvliet</t>
  </si>
  <si>
    <t>POINT (4.648921744657103 51.84570899597065)</t>
  </si>
  <si>
    <t>3342DA</t>
  </si>
  <si>
    <t>3342CN-3342DA</t>
  </si>
  <si>
    <t>POINT (4.628365641814159 51.851249791967305)</t>
  </si>
  <si>
    <t>3343BM</t>
  </si>
  <si>
    <t>Ring</t>
  </si>
  <si>
    <t>POINT (4.633300468410575 51.83824800476572)</t>
  </si>
  <si>
    <t>BU05310201</t>
  </si>
  <si>
    <t>Krommeweg-Noord</t>
  </si>
  <si>
    <t>3341VJ</t>
  </si>
  <si>
    <t>POINT (4.640270375049768 51.846696962558454)</t>
  </si>
  <si>
    <t>3343EA</t>
  </si>
  <si>
    <t>Avelingen</t>
  </si>
  <si>
    <t>3343EA-3343RH</t>
  </si>
  <si>
    <t>POINT (4.636450937185961 51.83942686152904)</t>
  </si>
  <si>
    <t>3341GB</t>
  </si>
  <si>
    <t>DaniÃ«l van de Merwedestraat</t>
  </si>
  <si>
    <t>POINT (4.643635798751927 51.84327566580072)</t>
  </si>
  <si>
    <t>3344JB</t>
  </si>
  <si>
    <t>Winde</t>
  </si>
  <si>
    <t>POINT (4.65323500151324 51.831273281516616)</t>
  </si>
  <si>
    <t>3341RM</t>
  </si>
  <si>
    <t>Hark</t>
  </si>
  <si>
    <t>POINT (4.647717802990764 51.84073716147464)</t>
  </si>
  <si>
    <t>3341RA</t>
  </si>
  <si>
    <t>POINT (4.644796924392692 51.84238414731941)</t>
  </si>
  <si>
    <t>3344BG</t>
  </si>
  <si>
    <t>Watermunt</t>
  </si>
  <si>
    <t>POINT (4.6421790179513955 51.82694299646917)</t>
  </si>
  <si>
    <t>3344RA</t>
  </si>
  <si>
    <t>POINT (4.643959758924303 51.83771373174362)</t>
  </si>
  <si>
    <t>3342AJ</t>
  </si>
  <si>
    <t>POINT (4.635585941496668 51.84563337169391)</t>
  </si>
  <si>
    <t>3341SL</t>
  </si>
  <si>
    <t>Van Kijfhoekstraat</t>
  </si>
  <si>
    <t>3341SK-3341ST</t>
  </si>
  <si>
    <t>POINT (4.648890218867065 51.844090839184965)</t>
  </si>
  <si>
    <t>3342BK</t>
  </si>
  <si>
    <t>Metmanstraat</t>
  </si>
  <si>
    <t>POINT (4.630869047494319 51.84910866320011)</t>
  </si>
  <si>
    <t>3344PR</t>
  </si>
  <si>
    <t>Perengaarde</t>
  </si>
  <si>
    <t>POINT (4.6468665588347875 51.835655716199405)</t>
  </si>
  <si>
    <t>POINT (4.636464434352128 51.83939189200606)</t>
  </si>
  <si>
    <t>3344BJ</t>
  </si>
  <si>
    <t>Struisgras</t>
  </si>
  <si>
    <t>POINT (4.639547348302754 51.82730378783601)</t>
  </si>
  <si>
    <t>3343BV</t>
  </si>
  <si>
    <t>Strobenen-bogerd</t>
  </si>
  <si>
    <t>POINT (4.62945628361944 51.83905021395892)</t>
  </si>
  <si>
    <t>POINT (4.634932045023557 51.845683115904166)</t>
  </si>
  <si>
    <t>3344BE</t>
  </si>
  <si>
    <t>POINT (4.642099508638192 51.82736495991641)</t>
  </si>
  <si>
    <t>3343BN</t>
  </si>
  <si>
    <t>POINT (4.630737764591724 51.83964274251328)</t>
  </si>
  <si>
    <t>POINT (4.634366171543612 51.84914911497064)</t>
  </si>
  <si>
    <t>POINT (4.626603481967386 51.84558451446345)</t>
  </si>
  <si>
    <t>3344BL</t>
  </si>
  <si>
    <t>Windhalm</t>
  </si>
  <si>
    <t>POINT (4.637365898168532 51.826759539837646)</t>
  </si>
  <si>
    <t>3342GM</t>
  </si>
  <si>
    <t>Machteld Sandelijnslaan</t>
  </si>
  <si>
    <t>POINT (4.6236868187206355 51.83957013178283)</t>
  </si>
  <si>
    <t>3343NG</t>
  </si>
  <si>
    <t>POINT (4.631090398015668 51.83592369979625)</t>
  </si>
  <si>
    <t>3342VC</t>
  </si>
  <si>
    <t>Nibbelinkstraat</t>
  </si>
  <si>
    <t>POINT (4.628375259874286 51.848094830446286)</t>
  </si>
  <si>
    <t>3343CT</t>
  </si>
  <si>
    <t>Roestuin</t>
  </si>
  <si>
    <t>POINT (4.625117175568567 51.8365052945226)</t>
  </si>
  <si>
    <t>3341XK</t>
  </si>
  <si>
    <t>Beatrixhof</t>
  </si>
  <si>
    <t>POINT (4.645100912695908 51.85085495093473)</t>
  </si>
  <si>
    <t>3342GK</t>
  </si>
  <si>
    <t>Aalborg Haackslaan</t>
  </si>
  <si>
    <t>POINT (4.621586520720625 51.840203639057115)</t>
  </si>
  <si>
    <t>3343DA</t>
  </si>
  <si>
    <t>Aelbert Cuyplaan</t>
  </si>
  <si>
    <t>POINT (4.640731641835651 51.83900559624143)</t>
  </si>
  <si>
    <t>3344CG</t>
  </si>
  <si>
    <t>Moerasvaren</t>
  </si>
  <si>
    <t>POINT (4.657597368511695 51.83155215936813)</t>
  </si>
  <si>
    <t>POINT (4.656078757752217 51.849142501817035)</t>
  </si>
  <si>
    <t>3344EN</t>
  </si>
  <si>
    <t>Laagveen</t>
  </si>
  <si>
    <t>POINT (4.644924372895541 51.83128098733589)</t>
  </si>
  <si>
    <t>3341CK</t>
  </si>
  <si>
    <t>Guldenweg</t>
  </si>
  <si>
    <t>POINT (4.647653230512134 51.846069547722)</t>
  </si>
  <si>
    <t>3341GC</t>
  </si>
  <si>
    <t>POINT (4.643165718508227 51.8427423564448)</t>
  </si>
  <si>
    <t>3341HJ</t>
  </si>
  <si>
    <t>Stoelenmatter</t>
  </si>
  <si>
    <t>POINT (4.6541158183129285 51.842082844039076)</t>
  </si>
  <si>
    <t>3343RJ</t>
  </si>
  <si>
    <t>Coba Ritsemastraat</t>
  </si>
  <si>
    <t>POINT (4.6377800573564505 51.8393643160385)</t>
  </si>
  <si>
    <t>3342VG</t>
  </si>
  <si>
    <t>Schultz van Haegenstraat</t>
  </si>
  <si>
    <t>POINT (4.627328181949431 51.847359976090075)</t>
  </si>
  <si>
    <t>3344DB</t>
  </si>
  <si>
    <t>Perzikengaarde</t>
  </si>
  <si>
    <t>POINT (4.639870615383166 51.83237297380389)</t>
  </si>
  <si>
    <t>3341XN</t>
  </si>
  <si>
    <t>POINT (4.6430349670964 51.8524133267377)</t>
  </si>
  <si>
    <t>3342BM</t>
  </si>
  <si>
    <t>Sandelingenstraat</t>
  </si>
  <si>
    <t>3342BD-3342BM</t>
  </si>
  <si>
    <t>POINT (4.631313311387021 51.84858119254675)</t>
  </si>
  <si>
    <t>3344AE</t>
  </si>
  <si>
    <t>Boterbloem</t>
  </si>
  <si>
    <t>POINT (4.651664087429944 51.82974436309348)</t>
  </si>
  <si>
    <t>3343RG</t>
  </si>
  <si>
    <t>Jan P. Vethstraat</t>
  </si>
  <si>
    <t>POINT (4.6380295610924565 51.84006702504701)</t>
  </si>
  <si>
    <t>3341CJ</t>
  </si>
  <si>
    <t>POINT (4.648865540929687 51.84648166707719)</t>
  </si>
  <si>
    <t>3344JC</t>
  </si>
  <si>
    <t>Steur</t>
  </si>
  <si>
    <t>POINT (4.655200045595372 51.83266081786057)</t>
  </si>
  <si>
    <t>POINT (4.641990260505599 51.838357419304664)</t>
  </si>
  <si>
    <t>3343CE</t>
  </si>
  <si>
    <t>Breedeweer</t>
  </si>
  <si>
    <t>POINT (4.6281296445205165 51.83855625476574)</t>
  </si>
  <si>
    <t>3342XK</t>
  </si>
  <si>
    <t>Vlasserssingel</t>
  </si>
  <si>
    <t>POINT (4.634820408800026 51.84628464145351)</t>
  </si>
  <si>
    <t>3344GR</t>
  </si>
  <si>
    <t>Laagland</t>
  </si>
  <si>
    <t>POINT (4.648125702251748 51.832310875844875)</t>
  </si>
  <si>
    <t>POINT (4.642122059345747 51.840039137293665)</t>
  </si>
  <si>
    <t>3341TD</t>
  </si>
  <si>
    <t>POINT (4.641141880525234 51.84577667110297)</t>
  </si>
  <si>
    <t>3343EH</t>
  </si>
  <si>
    <t>POINT (4.636837020569749 51.83587068559915)</t>
  </si>
  <si>
    <t>3342AK</t>
  </si>
  <si>
    <t>POINT (4.632591703867849 51.84591079174231)</t>
  </si>
  <si>
    <t>3344RH</t>
  </si>
  <si>
    <t>POINT (4.642142036273101 51.837953892407484)</t>
  </si>
  <si>
    <t>3344DK</t>
  </si>
  <si>
    <t>Citroengaarde</t>
  </si>
  <si>
    <t>POINT (4.639728310437751 51.83325325499614)</t>
  </si>
  <si>
    <t>POINT (4.636909559959699 51.835871149242514)</t>
  </si>
  <si>
    <t>POINT (4.640825247106425 51.83861068980275)</t>
  </si>
  <si>
    <t>3342GS</t>
  </si>
  <si>
    <t>De Zelling</t>
  </si>
  <si>
    <t>POINT (4.62297613228578 51.83783967944735)</t>
  </si>
  <si>
    <t>3342CB</t>
  </si>
  <si>
    <t>Aert van Nesstraat</t>
  </si>
  <si>
    <t>POINT (4.625091019115417 51.84405561989313)</t>
  </si>
  <si>
    <t>POINT (4.642591108467894 51.842388155553046)</t>
  </si>
  <si>
    <t>3344RM</t>
  </si>
  <si>
    <t>POINT (4.6392148213122475 51.83597574698397)</t>
  </si>
  <si>
    <t>3342VL</t>
  </si>
  <si>
    <t>ter Spillstraat</t>
  </si>
  <si>
    <t>POINT (4.628621182564657 51.849004275455414)</t>
  </si>
  <si>
    <t>3341BR</t>
  </si>
  <si>
    <t>Vrouwgelenweg</t>
  </si>
  <si>
    <t>POINT (4.658429097900255 51.833032239922765)</t>
  </si>
  <si>
    <t>POINT (4.6420394357151125 51.838016161912584)</t>
  </si>
  <si>
    <t>3342CD</t>
  </si>
  <si>
    <t>De Schutse</t>
  </si>
  <si>
    <t>POINT (4.626578314143144 51.84449672136116)</t>
  </si>
  <si>
    <t>3341XW</t>
  </si>
  <si>
    <t>POINT (4.64179605381114 51.85184817189321)</t>
  </si>
  <si>
    <t>3341TT</t>
  </si>
  <si>
    <t>3341TS</t>
  </si>
  <si>
    <t>POINT (4.640252871916325 51.84425193418429)</t>
  </si>
  <si>
    <t>3344HD</t>
  </si>
  <si>
    <t>Zalm</t>
  </si>
  <si>
    <t>POINT (4.648493794615713 51.83552214833653)</t>
  </si>
  <si>
    <t>3341RB</t>
  </si>
  <si>
    <t>Van Renesseborch</t>
  </si>
  <si>
    <t>POINT (4.645485990943089 51.84107615747805)</t>
  </si>
  <si>
    <t>3343RB</t>
  </si>
  <si>
    <t>Koolwijk</t>
  </si>
  <si>
    <t>POINT (4.634958456573144 51.83888784779236)</t>
  </si>
  <si>
    <t>POINT (4.656182872408946 51.83110291444368)</t>
  </si>
  <si>
    <t>3341SK</t>
  </si>
  <si>
    <t>POINT (4.6513472026425475 51.84381862694841)</t>
  </si>
  <si>
    <t>3341RV</t>
  </si>
  <si>
    <t>Sikkel</t>
  </si>
  <si>
    <t>POINT (4.6508148016017685 51.84011168228429)</t>
  </si>
  <si>
    <t>3342VK</t>
  </si>
  <si>
    <t>POINT (4.62797995676143 51.848299014507404)</t>
  </si>
  <si>
    <t>POINT (4.6406639182704446 51.834741405788506)</t>
  </si>
  <si>
    <t>3343LM</t>
  </si>
  <si>
    <t>Ecologieweg</t>
  </si>
  <si>
    <t>3341SE</t>
  </si>
  <si>
    <t>POINT (4.651223454515651 51.84517513850049)</t>
  </si>
  <si>
    <t>POINT (4.644011556561037 51.84197984798673)</t>
  </si>
  <si>
    <t>3343BX</t>
  </si>
  <si>
    <t>Kruidhof</t>
  </si>
  <si>
    <t>POINT (4.634449954568372 51.83805762999255)</t>
  </si>
  <si>
    <t>POINT (4.625756289367915 51.836464498287484)</t>
  </si>
  <si>
    <t>3344PA</t>
  </si>
  <si>
    <t>Appelgaarde</t>
  </si>
  <si>
    <t>POINT (4.645520749702827 51.837202261220376)</t>
  </si>
  <si>
    <t>POINT (4.654723175151078 51.83165111248659)</t>
  </si>
  <si>
    <t>3344PT</t>
  </si>
  <si>
    <t>Beukengaarde</t>
  </si>
  <si>
    <t>POINT (4.642007143748379 51.835058575400005)</t>
  </si>
  <si>
    <t>POINT (4.643706902220393 51.84688056993164)</t>
  </si>
  <si>
    <t>POINT (4.652382199533598 51.83107918407447)</t>
  </si>
  <si>
    <t>POINT (4.634280658327051 51.837768906604644)</t>
  </si>
  <si>
    <t>3341LB</t>
  </si>
  <si>
    <t>Havenkade</t>
  </si>
  <si>
    <t>3341LB-3341LC</t>
  </si>
  <si>
    <t>POINT (4.6438611304913655 51.85424325631457)</t>
  </si>
  <si>
    <t>3342AA</t>
  </si>
  <si>
    <t>Reeweg</t>
  </si>
  <si>
    <t>POINT (4.6322913374598125 51.848245915289084)</t>
  </si>
  <si>
    <t>3344JA</t>
  </si>
  <si>
    <t>Voorn</t>
  </si>
  <si>
    <t>POINT (4.655684609679988 51.832304291833196)</t>
  </si>
  <si>
    <t>3344AG</t>
  </si>
  <si>
    <t>Dotterbloem</t>
  </si>
  <si>
    <t>POINT (4.650641510946696 51.82928851730386)</t>
  </si>
  <si>
    <t>3343BD</t>
  </si>
  <si>
    <t>Klerkskensland</t>
  </si>
  <si>
    <t>POINT (4.630976372227216 51.838394853104695)</t>
  </si>
  <si>
    <t>3341RS</t>
  </si>
  <si>
    <t>Pootstok</t>
  </si>
  <si>
    <t>POINT (4.648819507724322 51.84018457830176)</t>
  </si>
  <si>
    <t>3343PK</t>
  </si>
  <si>
    <t>De Touwbaan</t>
  </si>
  <si>
    <t>POINT (4.633846075036527 51.8368582618999)</t>
  </si>
  <si>
    <t>POINT (4.641711586514199 51.82713777967621)</t>
  </si>
  <si>
    <t>3343ND</t>
  </si>
  <si>
    <t>Pruylenborg</t>
  </si>
  <si>
    <t>POINT (4.634520265526397 51.835586193784266)</t>
  </si>
  <si>
    <t>3341GK</t>
  </si>
  <si>
    <t>Roemer Visscherhof</t>
  </si>
  <si>
    <t>POINT (4.644650156044361 51.84600565036578)</t>
  </si>
  <si>
    <t>3343NJ</t>
  </si>
  <si>
    <t>Vredenborg</t>
  </si>
  <si>
    <t>POINT (4.63532471059537 51.83693965087376)</t>
  </si>
  <si>
    <t>3341CM</t>
  </si>
  <si>
    <t>POINT (4.6496593959846955 51.846747327485055)</t>
  </si>
  <si>
    <t>3341RN</t>
  </si>
  <si>
    <t>Spade</t>
  </si>
  <si>
    <t>POINT (4.650756278226761 51.84120887571637)</t>
  </si>
  <si>
    <t>3342LA</t>
  </si>
  <si>
    <t>Achterambachtseweg</t>
  </si>
  <si>
    <t>POINT (4.608217669806261 51.8480077686021)</t>
  </si>
  <si>
    <t>BU05310400</t>
  </si>
  <si>
    <t>Sandelingen-Ambacht</t>
  </si>
  <si>
    <t>WK053104</t>
  </si>
  <si>
    <t>Wijk 04 Sandelingen-Ambacht</t>
  </si>
  <si>
    <t>POINT (4.643634609868069 51.852138477121976)</t>
  </si>
  <si>
    <t>POINT (4.621980407420579 51.840080365472275)</t>
  </si>
  <si>
    <t>3343BW</t>
  </si>
  <si>
    <t>POINT (4.6302251034392965 51.83906416246179)</t>
  </si>
  <si>
    <t>3343NC</t>
  </si>
  <si>
    <t>Luchtenborg</t>
  </si>
  <si>
    <t>POINT (4.635512005468977 51.83614984649454)</t>
  </si>
  <si>
    <t>POINT (4.64668348453106 51.83708376001194)</t>
  </si>
  <si>
    <t>3342GD</t>
  </si>
  <si>
    <t>De Hoge Bogerd</t>
  </si>
  <si>
    <t>POINT (4.621108010591611 51.84103646549186)</t>
  </si>
  <si>
    <t>3344EK</t>
  </si>
  <si>
    <t>Hooftlaantje</t>
  </si>
  <si>
    <t>POINT (4.640659902133059 51.82932433435134)</t>
  </si>
  <si>
    <t>3342VD</t>
  </si>
  <si>
    <t>Roodenburgstraat</t>
  </si>
  <si>
    <t>POINT (4.629523207273942 51.84714944447433)</t>
  </si>
  <si>
    <t>3341XV</t>
  </si>
  <si>
    <t>POINT (4.642447356974525 51.85196016849271)</t>
  </si>
  <si>
    <t>3344PG</t>
  </si>
  <si>
    <t>POINT (4.642848737902902 51.836457267091056)</t>
  </si>
  <si>
    <t>POINT (4.643283325133848 51.85231602523049)</t>
  </si>
  <si>
    <t>POINT (4.63709962891332 51.82741684421018)</t>
  </si>
  <si>
    <t>3343CW</t>
  </si>
  <si>
    <t>Steenplaats</t>
  </si>
  <si>
    <t>POINT (4.627565136917344 51.83589195237764)</t>
  </si>
  <si>
    <t>3342TW</t>
  </si>
  <si>
    <t>POINT (4.6295229149208605 51.84457868164423)</t>
  </si>
  <si>
    <t>3343LC</t>
  </si>
  <si>
    <t>Pruimengaarde</t>
  </si>
  <si>
    <t>POINT (4.635837549836501 51.829582218851634)</t>
  </si>
  <si>
    <t>POINT (4.649805687328858 51.84667633709079)</t>
  </si>
  <si>
    <t>3342GT</t>
  </si>
  <si>
    <t>Het Tasveld</t>
  </si>
  <si>
    <t>POINT (4.621877334378307 51.83832955992303)</t>
  </si>
  <si>
    <t>3344HG</t>
  </si>
  <si>
    <t>Baars</t>
  </si>
  <si>
    <t>POINT (4.646171723536159 51.83820411437629)</t>
  </si>
  <si>
    <t>3342XA</t>
  </si>
  <si>
    <t>Duyvesteyn</t>
  </si>
  <si>
    <t>3342XA-3342XB</t>
  </si>
  <si>
    <t>POINT (4.635411999732095 51.84475136838592)</t>
  </si>
  <si>
    <t>3341EL</t>
  </si>
  <si>
    <t>POINT (4.644973537862618 51.848398678520425)</t>
  </si>
  <si>
    <t>3344EC</t>
  </si>
  <si>
    <t>Wierde</t>
  </si>
  <si>
    <t>POINT (4.640219907024736 51.828737270734734)</t>
  </si>
  <si>
    <t>3341CS</t>
  </si>
  <si>
    <t>Paulusweg</t>
  </si>
  <si>
    <t>POINT (4.64728462794441 51.84818854858563)</t>
  </si>
  <si>
    <t>3341VL</t>
  </si>
  <si>
    <t>POINT (4.640674905930859 51.846807399286895)</t>
  </si>
  <si>
    <t>3342AN</t>
  </si>
  <si>
    <t>POINT (4.626160036080529 51.84692095382602)</t>
  </si>
  <si>
    <t>POINT (4.643595651748683 51.835158643010196)</t>
  </si>
  <si>
    <t>3344GE</t>
  </si>
  <si>
    <t>Griend</t>
  </si>
  <si>
    <t>POINT (4.649472305164767 51.83070138534198)</t>
  </si>
  <si>
    <t>3342CM</t>
  </si>
  <si>
    <t>Tjerk Hiddessingel</t>
  </si>
  <si>
    <t>POINT (4.6240192232640265 51.84393180491829)</t>
  </si>
  <si>
    <t>POINT (4.621504342634799 51.842477240871496)</t>
  </si>
  <si>
    <t>3342TS</t>
  </si>
  <si>
    <t>Tromplaan</t>
  </si>
  <si>
    <t>POINT (4.628489198982077 51.843915832696865)</t>
  </si>
  <si>
    <t>3342TJ</t>
  </si>
  <si>
    <t>POINT (4.626546045189655 51.845548187655396)</t>
  </si>
  <si>
    <t>POINT (4.642375510623993 51.83787447587453)</t>
  </si>
  <si>
    <t>3344AJ</t>
  </si>
  <si>
    <t>Duizendschoon</t>
  </si>
  <si>
    <t>POINT (4.6477070128528 51.82864984812189)</t>
  </si>
  <si>
    <t>3341SH</t>
  </si>
  <si>
    <t>3341SH-3341SJ</t>
  </si>
  <si>
    <t>POINT (4.6521335352554445 51.84543252209477)</t>
  </si>
  <si>
    <t>POINT (4.629275604445663 51.847201778445786)</t>
  </si>
  <si>
    <t>3342TD</t>
  </si>
  <si>
    <t>POINT (4.626212681723601 51.846381974448335)</t>
  </si>
  <si>
    <t>POINT (4.656395220728211 51.83142782866937)</t>
  </si>
  <si>
    <t>3344EE</t>
  </si>
  <si>
    <t>Polderland</t>
  </si>
  <si>
    <t>POINT (4.642627984394523 51.82874358185727)</t>
  </si>
  <si>
    <t>3342AB</t>
  </si>
  <si>
    <t>POINT (4.630717961005017 51.84600659815371)</t>
  </si>
  <si>
    <t>POINT (4.6212196636916385 51.84044394063276)</t>
  </si>
  <si>
    <t>3341VE</t>
  </si>
  <si>
    <t>POINT (4.641304626250223 51.84734173255191)</t>
  </si>
  <si>
    <t>POINT (4.650551243836691 51.829485701678934)</t>
  </si>
  <si>
    <t>3341BL</t>
  </si>
  <si>
    <t>Onderdijk</t>
  </si>
  <si>
    <t>POINT (4.6442893145772315 51.85292463405817)</t>
  </si>
  <si>
    <t>3341CX</t>
  </si>
  <si>
    <t>POINT (4.647161887276417 51.848592264579466)</t>
  </si>
  <si>
    <t>3341RD</t>
  </si>
  <si>
    <t>POINT (4.646369449404941 51.84118061090082)</t>
  </si>
  <si>
    <t>3343DD</t>
  </si>
  <si>
    <t>Nicolaes Maesstraat</t>
  </si>
  <si>
    <t>POINT (4.641485807073794 51.839028366462124)</t>
  </si>
  <si>
    <t>POINT (4.6470126681778465 51.832061168618466)</t>
  </si>
  <si>
    <t>3344ER</t>
  </si>
  <si>
    <t>Struweel</t>
  </si>
  <si>
    <t>POINT (4.638485827868118 51.82920262290428)</t>
  </si>
  <si>
    <t>3343DS</t>
  </si>
  <si>
    <t>Maria van Osstraat</t>
  </si>
  <si>
    <t>POINT (4.639434195591841 51.83849397363471)</t>
  </si>
  <si>
    <t>3343PG</t>
  </si>
  <si>
    <t>De Panneboeter</t>
  </si>
  <si>
    <t>POINT (4.630984291508961 51.83532976314974)</t>
  </si>
  <si>
    <t>POINT (4.626678219255764 51.84459624401519)</t>
  </si>
  <si>
    <t>3342CK</t>
  </si>
  <si>
    <t>Piet Heinstraat</t>
  </si>
  <si>
    <t>POINT (4.625224568741509 51.84473962639907)</t>
  </si>
  <si>
    <t>3344DD</t>
  </si>
  <si>
    <t>Elzengaarde</t>
  </si>
  <si>
    <t>POINT (4.638871041997209 51.83142662346002)</t>
  </si>
  <si>
    <t>POINT (4.63898621735675 51.834014758346825)</t>
  </si>
  <si>
    <t>3343PH</t>
  </si>
  <si>
    <t>POINT (4.630051864737527 51.834694544876015)</t>
  </si>
  <si>
    <t>3343EL</t>
  </si>
  <si>
    <t>POINT (4.637089952521432 51.83835415680037)</t>
  </si>
  <si>
    <t>POINT (4.648248631817576 51.84604633052529)</t>
  </si>
  <si>
    <t>3341GG</t>
  </si>
  <si>
    <t>Jan Wissenslaan</t>
  </si>
  <si>
    <t>POINT (4.648129771107048 51.84444560111247)</t>
  </si>
  <si>
    <t>3344GH</t>
  </si>
  <si>
    <t>Koog</t>
  </si>
  <si>
    <t>POINT (4.647635027767233 51.83038420915339)</t>
  </si>
  <si>
    <t>POINT (4.634868851897333 51.83904008112151)</t>
  </si>
  <si>
    <t>POINT (4.641492450041529 51.844763179081376)</t>
  </si>
  <si>
    <t>POINT (4.622670784139581 51.842152261154254)</t>
  </si>
  <si>
    <t>POINT (4.6447066460543365 51.838176880105635)</t>
  </si>
  <si>
    <t>3344GP</t>
  </si>
  <si>
    <t>Broekbos</t>
  </si>
  <si>
    <t>POINT (4.647988596851028 51.83182462417492)</t>
  </si>
  <si>
    <t>3344GT</t>
  </si>
  <si>
    <t>POINT (4.648698280141252 51.833153895570725)</t>
  </si>
  <si>
    <t>POINT (4.648760464752197 51.832530598776685)</t>
  </si>
  <si>
    <t>3344CB</t>
  </si>
  <si>
    <t>Fonteinkruid</t>
  </si>
  <si>
    <t>POINT (4.656831642690997 51.83045976885513)</t>
  </si>
  <si>
    <t>3343DK</t>
  </si>
  <si>
    <t>Willem van Leenpad</t>
  </si>
  <si>
    <t>POINT (4.640099263338667 51.839513927940345)</t>
  </si>
  <si>
    <t>3341EH</t>
  </si>
  <si>
    <t>Margrietstraat</t>
  </si>
  <si>
    <t>POINT (4.642584912183681 51.84978578574176)</t>
  </si>
  <si>
    <t>POINT (4.650605475799459 51.84052305657855)</t>
  </si>
  <si>
    <t>3341HH</t>
  </si>
  <si>
    <t>Veldwachter</t>
  </si>
  <si>
    <t>POINT (4.653272706715407 51.84221550750575)</t>
  </si>
  <si>
    <t>3342BC</t>
  </si>
  <si>
    <t>POINT (4.635127551577682 51.84931651827115)</t>
  </si>
  <si>
    <t>3341GX</t>
  </si>
  <si>
    <t>Van der Lekstraat</t>
  </si>
  <si>
    <t>POINT (4.645449294467811 51.84418600341251)</t>
  </si>
  <si>
    <t>3342XG</t>
  </si>
  <si>
    <t>Landmanshof</t>
  </si>
  <si>
    <t>POINT (4.6355607814562605 51.84627140613651)</t>
  </si>
  <si>
    <t>3343LD</t>
  </si>
  <si>
    <t>Langeweg</t>
  </si>
  <si>
    <t>POINT (4.637713706068557 51.828399356230804)</t>
  </si>
  <si>
    <t>3343RD</t>
  </si>
  <si>
    <t>Jan van Goijenlaan</t>
  </si>
  <si>
    <t>POINT (4.638487861846539 51.83955759434666)</t>
  </si>
  <si>
    <t>3344DA</t>
  </si>
  <si>
    <t>Bongerd</t>
  </si>
  <si>
    <t>POINT (4.641749099989121 51.83267233096949)</t>
  </si>
  <si>
    <t>3342VA</t>
  </si>
  <si>
    <t>POINT (4.6290825555772726 51.84832411623155)</t>
  </si>
  <si>
    <t>3342GR</t>
  </si>
  <si>
    <t>De Veldoven</t>
  </si>
  <si>
    <t>3342GP-3342GR</t>
  </si>
  <si>
    <t>POINT (4.62109979056016 51.838960024776625)</t>
  </si>
  <si>
    <t>3344GN</t>
  </si>
  <si>
    <t>Kreek</t>
  </si>
  <si>
    <t>POINT (4.648406635875633 51.83198905206149)</t>
  </si>
  <si>
    <t>3344JJ</t>
  </si>
  <si>
    <t>3344JH-3344JJ</t>
  </si>
  <si>
    <t>POINT (4.651212066124087 51.83272076202997)</t>
  </si>
  <si>
    <t>POINT (4.649534943489598 51.83110321314248)</t>
  </si>
  <si>
    <t>POINT (4.63138517854193 51.83824467817972)</t>
  </si>
  <si>
    <t>3341RH</t>
  </si>
  <si>
    <t>IJdenhove</t>
  </si>
  <si>
    <t>3341RH-3341RJ</t>
  </si>
  <si>
    <t>POINT (4.647071007569155 51.842641199238386)</t>
  </si>
  <si>
    <t>3341CL</t>
  </si>
  <si>
    <t>Het Volgerland</t>
  </si>
  <si>
    <t>POINT (4.648648381435427 51.84733422367001)</t>
  </si>
  <si>
    <t>3343EZ</t>
  </si>
  <si>
    <t>De Heerenhof</t>
  </si>
  <si>
    <t>POINT (4.635066947589827 51.833134376179665)</t>
  </si>
  <si>
    <t>3341CV</t>
  </si>
  <si>
    <t>POINT (4.643063877263334 51.84539336706048)</t>
  </si>
  <si>
    <t>3342VS</t>
  </si>
  <si>
    <t>Van der Weddenhof</t>
  </si>
  <si>
    <t>POINT (4.625663126560799 51.84877316540496)</t>
  </si>
  <si>
    <t>POINT (4.642639692205426 51.85261756010661)</t>
  </si>
  <si>
    <t>POINT (4.65685366662833 51.849698598068024)</t>
  </si>
  <si>
    <t>POINT (4.6380911609134925 51.838107887089926)</t>
  </si>
  <si>
    <t>POINT (4.638752309207246 51.83412113138481)</t>
  </si>
  <si>
    <t>3341TE</t>
  </si>
  <si>
    <t>3341TE-3341TJ</t>
  </si>
  <si>
    <t>POINT (4.643431744699444 51.84772376133797)</t>
  </si>
  <si>
    <t>POINT (4.644015175414638 51.833642762034714)</t>
  </si>
  <si>
    <t>POINT (4.639156192734467 51.83601132811635)</t>
  </si>
  <si>
    <t>3342BA</t>
  </si>
  <si>
    <t>Bouquet</t>
  </si>
  <si>
    <t>3342AP-3342BA</t>
  </si>
  <si>
    <t>POINT (4.6295429976233455 51.8502866185209)</t>
  </si>
  <si>
    <t>3341XT</t>
  </si>
  <si>
    <t>Oude Raadhuisplein</t>
  </si>
  <si>
    <t>POINT (4.643874534505718 51.85167258610225)</t>
  </si>
  <si>
    <t>POINT (4.621633863055932 51.84254100631687)</t>
  </si>
  <si>
    <t>POINT (4.637208589824268 51.828347716814044)</t>
  </si>
  <si>
    <t>POINT (4.636478221703536 51.83937607920478)</t>
  </si>
  <si>
    <t>POINT (4.63126835547106 51.83828886940588)</t>
  </si>
  <si>
    <t>3344PM</t>
  </si>
  <si>
    <t>Sophiapromenade</t>
  </si>
  <si>
    <t>POINT (4.645486679616719 51.834864991434515)</t>
  </si>
  <si>
    <t>3343RK</t>
  </si>
  <si>
    <t>Rie Cramerpad</t>
  </si>
  <si>
    <t>POINT (4.637280440281884 51.838094540366946)</t>
  </si>
  <si>
    <t>3341EN</t>
  </si>
  <si>
    <t>Willem de Zwijgerstraat</t>
  </si>
  <si>
    <t>POINT (4.64464831011196 51.85027956614212)</t>
  </si>
  <si>
    <t>POINT (4.645481678274449 51.83869413345551)</t>
  </si>
  <si>
    <t>POINT (4.648055585485883 51.83304750552366)</t>
  </si>
  <si>
    <t>POINT (4.637240894141928 51.827389881950694)</t>
  </si>
  <si>
    <t>POINT (4.640987277913718 51.85072844127867)</t>
  </si>
  <si>
    <t>POINT (4.642434806839325 51.82902100545308)</t>
  </si>
  <si>
    <t>3343NB</t>
  </si>
  <si>
    <t>Gemeenlandskade</t>
  </si>
  <si>
    <t>POINT (4.6340364004452415 51.83588870557317)</t>
  </si>
  <si>
    <t>POINT (4.639250428645299 51.8313914957224)</t>
  </si>
  <si>
    <t>POINT (4.641632313393513 51.85121792630742)</t>
  </si>
  <si>
    <t>3341BS</t>
  </si>
  <si>
    <t>POINT (4.648928883567811 51.8373046416181)</t>
  </si>
  <si>
    <t>POINT (4.634315443748443 51.83655565790997)</t>
  </si>
  <si>
    <t>POINT (4.647593574523388 51.83290976542417)</t>
  </si>
  <si>
    <t>3343CM</t>
  </si>
  <si>
    <t>Molenhoef</t>
  </si>
  <si>
    <t>POINT (4.62848987834387 51.835259735898646)</t>
  </si>
  <si>
    <t>POINT (4.635364756848601 51.83453992965319)</t>
  </si>
  <si>
    <t>3344EP</t>
  </si>
  <si>
    <t>Hoogveen</t>
  </si>
  <si>
    <t>POINT (4.642115566140724 51.83078076092551)</t>
  </si>
  <si>
    <t>3341SB</t>
  </si>
  <si>
    <t>De Raadtweg</t>
  </si>
  <si>
    <t>POINT (4.652622365668566 51.84482435292443)</t>
  </si>
  <si>
    <t>3342BV</t>
  </si>
  <si>
    <t>Touwslagershof</t>
  </si>
  <si>
    <t>POINT (4.633634022459995 51.84866801902112)</t>
  </si>
  <si>
    <t>POINT (4.6469379948806395 51.8304247588466)</t>
  </si>
  <si>
    <t>POINT (4.631336105241752 51.83943985676407)</t>
  </si>
  <si>
    <t>3342AM</t>
  </si>
  <si>
    <t>POINT (4.6284926119166885 51.84629785399361)</t>
  </si>
  <si>
    <t>3343CA</t>
  </si>
  <si>
    <t>POINT (4.6303140946680585 51.83722205634793)</t>
  </si>
  <si>
    <t>3344AB</t>
  </si>
  <si>
    <t>POINT (4.650444160703262 51.828936720474466)</t>
  </si>
  <si>
    <t>POINT (4.655286303475808 51.83181642102448)</t>
  </si>
  <si>
    <t>3341DD</t>
  </si>
  <si>
    <t>IJsduiker</t>
  </si>
  <si>
    <t>POINT (4.656386550317233 51.83530251838975)</t>
  </si>
  <si>
    <t>POINT (4.656033128626809 51.83249372404857)</t>
  </si>
  <si>
    <t>POINT (4.631456110272754 51.835746281057055)</t>
  </si>
  <si>
    <t>3344DJ</t>
  </si>
  <si>
    <t>Boomgaarde</t>
  </si>
  <si>
    <t>3344DH-3344DJ</t>
  </si>
  <si>
    <t>POINT (4.6382058519045595 51.83386252931299)</t>
  </si>
  <si>
    <t>3341VB</t>
  </si>
  <si>
    <t>Brederodehof</t>
  </si>
  <si>
    <t>POINT (4.639659596412702 51.84764587384837)</t>
  </si>
  <si>
    <t>3342CG</t>
  </si>
  <si>
    <t>Evertsenstraat</t>
  </si>
  <si>
    <t>POINT (4.625853537328648 51.84273024232532)</t>
  </si>
  <si>
    <t>3342TH</t>
  </si>
  <si>
    <t>POINT (4.626344345643455 51.84631990700107)</t>
  </si>
  <si>
    <t>POINT (4.6450860878538816 51.84244889612697)</t>
  </si>
  <si>
    <t>3344GL</t>
  </si>
  <si>
    <t>Kwelder</t>
  </si>
  <si>
    <t>POINT (4.649903175122728 51.83185464255589)</t>
  </si>
  <si>
    <t>3341TN</t>
  </si>
  <si>
    <t>Vondelhof</t>
  </si>
  <si>
    <t>POINT (4.642338274200602 51.84626965500648)</t>
  </si>
  <si>
    <t>3343DE</t>
  </si>
  <si>
    <t>POINT (4.642773638272298 51.840124168736104)</t>
  </si>
  <si>
    <t>POINT (4.6482332439406875 51.83548455382183)</t>
  </si>
  <si>
    <t>3341XD</t>
  </si>
  <si>
    <t>Emmasingel</t>
  </si>
  <si>
    <t>POINT (4.6475238937995105 51.850410253888505)</t>
  </si>
  <si>
    <t>3343PD</t>
  </si>
  <si>
    <t>De Liesewey</t>
  </si>
  <si>
    <t>3343PC-3343PD</t>
  </si>
  <si>
    <t>POINT (4.632102230876499 51.83701784312365)</t>
  </si>
  <si>
    <t>POINT (4.6471234722053785 51.83977027197288)</t>
  </si>
  <si>
    <t>3343DN</t>
  </si>
  <si>
    <t>Ary Schefferlaan</t>
  </si>
  <si>
    <t>POINT (4.638740613729422 51.83831876897845)</t>
  </si>
  <si>
    <t>3344PN</t>
  </si>
  <si>
    <t>Walnootgaarde</t>
  </si>
  <si>
    <t>POINT (4.641941071402977 51.83463564325746)</t>
  </si>
  <si>
    <t>3344HA</t>
  </si>
  <si>
    <t>Perenlaantje</t>
  </si>
  <si>
    <t>POINT (4.648836752194087 51.83672878748505)</t>
  </si>
  <si>
    <t>3342TM</t>
  </si>
  <si>
    <t>POINT (4.6267059693417085 51.84553124628132)</t>
  </si>
  <si>
    <t>POINT (4.636816817514433 51.838675284531334)</t>
  </si>
  <si>
    <t>3344GB</t>
  </si>
  <si>
    <t>Biezenweide</t>
  </si>
  <si>
    <t>POINT (4.647370183249822 51.82972636685914)</t>
  </si>
  <si>
    <t>POINT (4.639829807994641 51.83826278731607)</t>
  </si>
  <si>
    <t>3344RE</t>
  </si>
  <si>
    <t>POINT (4.641239382819437 51.83638413100176)</t>
  </si>
  <si>
    <t>3342TG</t>
  </si>
  <si>
    <t>POINT (4.6259646235949585 51.846461264519775)</t>
  </si>
  <si>
    <t>POINT (4.636384709397543 51.83689250298812)</t>
  </si>
  <si>
    <t>3341HD</t>
  </si>
  <si>
    <t>Wagenmaker</t>
  </si>
  <si>
    <t>POINT (4.651753626154061 51.842378655677855)</t>
  </si>
  <si>
    <t>POINT (4.641396883704286 51.832188255608315)</t>
  </si>
  <si>
    <t>POINT (4.641957259070413 51.83256311889908)</t>
  </si>
  <si>
    <t>3341BB</t>
  </si>
  <si>
    <t>Halfweg</t>
  </si>
  <si>
    <t>3341BB-3341BC</t>
  </si>
  <si>
    <t>POINT (4.6501218019092905 51.84509631844463)</t>
  </si>
  <si>
    <t>3343NH</t>
  </si>
  <si>
    <t>POINT (4.631727047089766 51.83516376051216)</t>
  </si>
  <si>
    <t>POINT (4.653598983535693 51.8431643848476)</t>
  </si>
  <si>
    <t>3342XN</t>
  </si>
  <si>
    <t>Warmoeziershof</t>
  </si>
  <si>
    <t>POINT (4.633427932961501 51.846239755435306)</t>
  </si>
  <si>
    <t>3344AD</t>
  </si>
  <si>
    <t>POINT (4.651352124265705 51.830191841501495)</t>
  </si>
  <si>
    <t>POINT (4.6387653009433025 51.83857959793013)</t>
  </si>
  <si>
    <t>3341LD</t>
  </si>
  <si>
    <t>POINT (4.639843357116738 51.85144025876437)</t>
  </si>
  <si>
    <t>3341EC</t>
  </si>
  <si>
    <t>Dillenburg</t>
  </si>
  <si>
    <t>3341EB-3341EC</t>
  </si>
  <si>
    <t>POINT (4.644823242194327 51.84919253244488)</t>
  </si>
  <si>
    <t>POINT (4.653108564667852 51.84615771467524)</t>
  </si>
  <si>
    <t>3341HC</t>
  </si>
  <si>
    <t>Kolenboer</t>
  </si>
  <si>
    <t>POINT (4.651293218762574 51.84189550661993)</t>
  </si>
  <si>
    <t>POINT (4.635868747401534 51.833364964931505)</t>
  </si>
  <si>
    <t>POINT (4.6560591776490305 51.83245039913062)</t>
  </si>
  <si>
    <t>POINT (4.635803513831597 51.83607081459551)</t>
  </si>
  <si>
    <t>POINT (4.640802359157408 51.84874976068385)</t>
  </si>
  <si>
    <t>3341BW</t>
  </si>
  <si>
    <t>Zilverreiger</t>
  </si>
  <si>
    <t>POINT (4.655951388821877 51.833775690694765)</t>
  </si>
  <si>
    <t>3342XB</t>
  </si>
  <si>
    <t>Eemsteyn</t>
  </si>
  <si>
    <t>POINT (4.634903823830998 51.84476609068768)</t>
  </si>
  <si>
    <t>3342XM</t>
  </si>
  <si>
    <t>POINT (4.632092495795083 51.847121052894046)</t>
  </si>
  <si>
    <t>POINT (4.630653932268206 51.84895446995783)</t>
  </si>
  <si>
    <t>3342XL</t>
  </si>
  <si>
    <t>Vlassersstraat</t>
  </si>
  <si>
    <t>POINT (4.635754041886216 51.846865895291934)</t>
  </si>
  <si>
    <t>3343PE</t>
  </si>
  <si>
    <t>POINT (4.632225224986974 51.836605154797134)</t>
  </si>
  <si>
    <t>POINT (4.658030650950219 51.847814405200985)</t>
  </si>
  <si>
    <t>3343PJ</t>
  </si>
  <si>
    <t>POINT (4.632846604354486 51.83589005475449)</t>
  </si>
  <si>
    <t>POINT (4.629926287940174 51.83526002208695)</t>
  </si>
  <si>
    <t>POINT (4.641377928338882 51.847297254883976)</t>
  </si>
  <si>
    <t>POINT (4.640393171738174 51.827911414290234)</t>
  </si>
  <si>
    <t>3344PC</t>
  </si>
  <si>
    <t>Kersengaarde</t>
  </si>
  <si>
    <t>POINT (4.644516427084711 51.83651277280623)</t>
  </si>
  <si>
    <t>POINT (4.650710575927589 51.8454775367612)</t>
  </si>
  <si>
    <t>POINT (4.646083416065997 51.84180801216822)</t>
  </si>
  <si>
    <t>3342GA</t>
  </si>
  <si>
    <t>POINT (4.6260068982169225 51.83966609587188)</t>
  </si>
  <si>
    <t>3342TT</t>
  </si>
  <si>
    <t>van Galensingel</t>
  </si>
  <si>
    <t>POINT (4.629228466806206 51.84482846402561)</t>
  </si>
  <si>
    <t>3341ED</t>
  </si>
  <si>
    <t>POINT (4.64565189931685 51.84862768116058)</t>
  </si>
  <si>
    <t>POINT (4.628403374909602 51.848148944183365)</t>
  </si>
  <si>
    <t>POINT (4.656292740165921 51.832117187620824)</t>
  </si>
  <si>
    <t>3342CN</t>
  </si>
  <si>
    <t>POINT (4.626841174404282 51.84439954853305)</t>
  </si>
  <si>
    <t>3343ED</t>
  </si>
  <si>
    <t>Olykamp</t>
  </si>
  <si>
    <t>POINT (4.63408305911697 51.83396542685242)</t>
  </si>
  <si>
    <t>3343CD</t>
  </si>
  <si>
    <t>POINT (4.628610722466557 51.8375616204299)</t>
  </si>
  <si>
    <t>3343CC</t>
  </si>
  <si>
    <t>Bokelshoef</t>
  </si>
  <si>
    <t>POINT (4.629379824183573 51.83669468534488)</t>
  </si>
  <si>
    <t>3343CP</t>
  </si>
  <si>
    <t>POINT (4.62811334810475 51.837801099911715)</t>
  </si>
  <si>
    <t>3341CH</t>
  </si>
  <si>
    <t>Graaf Willemlaan</t>
  </si>
  <si>
    <t>POINT (4.644851825067096 51.846977700937344)</t>
  </si>
  <si>
    <t>POINT (4.645165512987456 51.834494587965395)</t>
  </si>
  <si>
    <t>3343BP</t>
  </si>
  <si>
    <t>Sacraments-bogerd</t>
  </si>
  <si>
    <t>POINT (4.629237583675837 51.83997463638982)</t>
  </si>
  <si>
    <t>3342GV</t>
  </si>
  <si>
    <t>POINT (4.621545431288073 51.84176740265343)</t>
  </si>
  <si>
    <t>3341VG</t>
  </si>
  <si>
    <t>POINT (4.641175212967111 51.847269001052936)</t>
  </si>
  <si>
    <t>3341GR</t>
  </si>
  <si>
    <t>Van Polanenstraat</t>
  </si>
  <si>
    <t>POINT (4.646020531231445 51.84386601910019)</t>
  </si>
  <si>
    <t>POINT (4.631552051017319 51.835216566296225)</t>
  </si>
  <si>
    <t>3344DH</t>
  </si>
  <si>
    <t>Iepengaarde</t>
  </si>
  <si>
    <t>POINT (4.643870479384758 51.83257164514017)</t>
  </si>
  <si>
    <t>POINT (4.646939038173307 51.850730519264346)</t>
  </si>
  <si>
    <t>3341CN</t>
  </si>
  <si>
    <t>POINT (4.649533503703438 51.84645889961574)</t>
  </si>
  <si>
    <t>3343EC</t>
  </si>
  <si>
    <t>Boskamp</t>
  </si>
  <si>
    <t>POINT (4.6345072229343955 51.833761407623754)</t>
  </si>
  <si>
    <t>POINT (4.640530685814444 51.84675255024418)</t>
  </si>
  <si>
    <t>3342TB</t>
  </si>
  <si>
    <t>POINT (4.626110799328189 51.84639929141889)</t>
  </si>
  <si>
    <t>POINT (4.650417605120998 51.829673625082535)</t>
  </si>
  <si>
    <t>POINT (4.633849692417994 51.83837737200237)</t>
  </si>
  <si>
    <t>POINT (4.631342729236062 51.8347208410306)</t>
  </si>
  <si>
    <t>3341BX</t>
  </si>
  <si>
    <t>Rietzanger</t>
  </si>
  <si>
    <t>POINT (4.654314550986117 51.83458962679576)</t>
  </si>
  <si>
    <t>3341ST</t>
  </si>
  <si>
    <t>POINT (4.65000870879604 51.84402595811022)</t>
  </si>
  <si>
    <t>3343BG</t>
  </si>
  <si>
    <t>Noten-bogerd</t>
  </si>
  <si>
    <t>3343BE-3343BG</t>
  </si>
  <si>
    <t>POINT (4.633825865091939 51.83893451717664)</t>
  </si>
  <si>
    <t>POINT (4.642603880063811 51.85214992292008)</t>
  </si>
  <si>
    <t>POINT (4.645290116306941 51.84239625362295)</t>
  </si>
  <si>
    <t>POINT (4.64585097781045 51.85240417340143)</t>
  </si>
  <si>
    <t>3341RK</t>
  </si>
  <si>
    <t>POINT (4.6485375582907835 51.842587514656515)</t>
  </si>
  <si>
    <t>POINT (4.65428807532654 51.84237854070536)</t>
  </si>
  <si>
    <t>3344PB</t>
  </si>
  <si>
    <t>POINT (4.6448755756273785 51.836730772488785)</t>
  </si>
  <si>
    <t>3341GV</t>
  </si>
  <si>
    <t>POINT (4.6448032741367875 51.844640342059094)</t>
  </si>
  <si>
    <t>POINT (4.6497161165248135 51.83087370217631)</t>
  </si>
  <si>
    <t>3341XG</t>
  </si>
  <si>
    <t>Hoogtstraat</t>
  </si>
  <si>
    <t>POINT (4.6441795842066105 51.852537427647086)</t>
  </si>
  <si>
    <t>3343EJ</t>
  </si>
  <si>
    <t>Soeteliefskamp</t>
  </si>
  <si>
    <t>POINT (4.637870683661996 51.83740536327957)</t>
  </si>
  <si>
    <t>POINT (4.648447879207142 51.84163704657272)</t>
  </si>
  <si>
    <t>3344PS</t>
  </si>
  <si>
    <t>POINT (4.646111116624742 51.83571387028651)</t>
  </si>
  <si>
    <t>POINT (4.639869263414341 51.832841122613935)</t>
  </si>
  <si>
    <t>3342GB</t>
  </si>
  <si>
    <t>POINT (4.624965367291949 51.840172025792775)</t>
  </si>
  <si>
    <t>POINT (4.628597858525287 51.838325575456544)</t>
  </si>
  <si>
    <t>POINT (4.655865180347967 51.84710074842311)</t>
  </si>
  <si>
    <t>3343CL</t>
  </si>
  <si>
    <t>POINT (4.627233789272845 51.83747181665188)</t>
  </si>
  <si>
    <t>POINT (4.6480302494091665 51.837245054891625)</t>
  </si>
  <si>
    <t>POINT (4.6464113225540675 51.83510453543678)</t>
  </si>
  <si>
    <t>3342CE</t>
  </si>
  <si>
    <t>POINT (4.6257854700933985 51.84332305385459)</t>
  </si>
  <si>
    <t>3341BG</t>
  </si>
  <si>
    <t>Hooftwijk</t>
  </si>
  <si>
    <t>POINT (4.657792184879133 51.834753334365864)</t>
  </si>
  <si>
    <t>POINT (4.647554229569269 51.83619038247035)</t>
  </si>
  <si>
    <t>3343LE</t>
  </si>
  <si>
    <t>Energieweg</t>
  </si>
  <si>
    <t>POINT (4.657929894933674 51.830727268439986)</t>
  </si>
  <si>
    <t>POINT (4.622697496988014 51.841433340286535)</t>
  </si>
  <si>
    <t>3344GA</t>
  </si>
  <si>
    <t>POINT (4.649580322350517 51.83030656251068)</t>
  </si>
  <si>
    <t>3341TK</t>
  </si>
  <si>
    <t>3341TK-3341TM</t>
  </si>
  <si>
    <t>POINT (4.641147905918621 51.8462890632451)</t>
  </si>
  <si>
    <t>3341VA</t>
  </si>
  <si>
    <t>POINT (4.639896601542141 51.84823164565336)</t>
  </si>
  <si>
    <t>3341LL</t>
  </si>
  <si>
    <t>Veersedijk</t>
  </si>
  <si>
    <t>POINT (4.659447295439529 51.840075903352556)</t>
  </si>
  <si>
    <t>BU05310502</t>
  </si>
  <si>
    <t>Noordoevers</t>
  </si>
  <si>
    <t>POINT (4.64889036618608 51.844081851451875)</t>
  </si>
  <si>
    <t>POINT (4.640328569588236 51.84668834408981)</t>
  </si>
  <si>
    <t>POINT (4.627857648959769 51.84866675918666)</t>
  </si>
  <si>
    <t>POINT (4.647442270247943 51.829753787213654)</t>
  </si>
  <si>
    <t>3344DC</t>
  </si>
  <si>
    <t>Aardbeigaarde</t>
  </si>
  <si>
    <t>POINT (4.638545729160079 51.832582749764974)</t>
  </si>
  <si>
    <t>POINT (4.63458440215366 51.826534997903266)</t>
  </si>
  <si>
    <t>POINT (4.62475788880287 51.8508758629553)</t>
  </si>
  <si>
    <t>3342LB</t>
  </si>
  <si>
    <t>POINT (4.610755721084478 51.84873534253629)</t>
  </si>
  <si>
    <t>POINT (4.634928437447876 51.83807867442511)</t>
  </si>
  <si>
    <t>3344BK</t>
  </si>
  <si>
    <t>POINT (4.638405624994286 51.82704482664176)</t>
  </si>
  <si>
    <t>POINT (4.6461149603833 51.83548018910033)</t>
  </si>
  <si>
    <t>POINT (4.630235972172551 51.85050681603552)</t>
  </si>
  <si>
    <t>POINT (4.637712432319948 51.836451553284036)</t>
  </si>
  <si>
    <t>3341VH</t>
  </si>
  <si>
    <t>POINT (4.641565090821656 51.8473883302322)</t>
  </si>
  <si>
    <t>POINT (4.640987835503759 51.8463150120154)</t>
  </si>
  <si>
    <t>POINT (4.626344073509337 51.83774470291053)</t>
  </si>
  <si>
    <t>3343EB</t>
  </si>
  <si>
    <t>POINT (4.6332066896376825 51.83344744614208)</t>
  </si>
  <si>
    <t>POINT (4.651680509902191 51.841204197801176)</t>
  </si>
  <si>
    <t>POINT (4.645340271958099 51.83494496434752)</t>
  </si>
  <si>
    <t>3342TA</t>
  </si>
  <si>
    <t>Admiraal de Ruyterlaan</t>
  </si>
  <si>
    <t>3342LE-3342TA</t>
  </si>
  <si>
    <t>POINT (4.626991741246717 51.84407693110995)</t>
  </si>
  <si>
    <t>POINT (4.632037357740309 51.84781282591344)</t>
  </si>
  <si>
    <t>POINT (4.624489854893323 51.840311291306996)</t>
  </si>
  <si>
    <t>POINT (4.653230559053429 51.84183115866643)</t>
  </si>
  <si>
    <t>POINT (4.643867116639294 51.84972579387922)</t>
  </si>
  <si>
    <t>3342GE</t>
  </si>
  <si>
    <t>Agnes Bartoutslaan</t>
  </si>
  <si>
    <t>POINT (4.624977756549665 51.83874257261773)</t>
  </si>
  <si>
    <t>3341SJ</t>
  </si>
  <si>
    <t>POINT (4.652455416282852 51.84527274104684)</t>
  </si>
  <si>
    <t>POINT (4.645627462969543 51.8483488784469)</t>
  </si>
  <si>
    <t>POINT (4.626574611787913 51.84557533875724)</t>
  </si>
  <si>
    <t>3342XP</t>
  </si>
  <si>
    <t>POINT (4.63260898109722 51.84661201915541)</t>
  </si>
  <si>
    <t>3342AD</t>
  </si>
  <si>
    <t>Wassenaar van Obdampark</t>
  </si>
  <si>
    <t>POINT (4.628898093808938 51.84203984058442)</t>
  </si>
  <si>
    <t>POINT (4.647588174113067 51.841071388372725)</t>
  </si>
  <si>
    <t>POINT (4.650696358847061 51.84545947026716)</t>
  </si>
  <si>
    <t>3342TL</t>
  </si>
  <si>
    <t>POINT (4.626661829408721 51.84556691507679)</t>
  </si>
  <si>
    <t>3342VP</t>
  </si>
  <si>
    <t>Van Valckensteinstraat</t>
  </si>
  <si>
    <t>POINT (4.629616168722624 51.848525311199886)</t>
  </si>
  <si>
    <t>3343NE</t>
  </si>
  <si>
    <t>POINT (4.634992522212976 51.83684763604157)</t>
  </si>
  <si>
    <t>3344GJ</t>
  </si>
  <si>
    <t>Dreef</t>
  </si>
  <si>
    <t>POINT (4.645980127781193 51.8295647899088)</t>
  </si>
  <si>
    <t>POINT (4.6564845117581175 51.833289011373296)</t>
  </si>
  <si>
    <t>POINT (4.635720704848531 51.8462544524811)</t>
  </si>
  <si>
    <t>POINT (4.62286555394996 51.837515366724524)</t>
  </si>
  <si>
    <t>3342AC</t>
  </si>
  <si>
    <t>3342AC-3342AH</t>
  </si>
  <si>
    <t>POINT (4.63041712595966 51.844045128378575)</t>
  </si>
  <si>
    <t>3341TL</t>
  </si>
  <si>
    <t>POINT (4.640598415415601 51.846168717773004)</t>
  </si>
  <si>
    <t>POINT (4.6511167730495355 51.83325730046338)</t>
  </si>
  <si>
    <t>3343BS</t>
  </si>
  <si>
    <t>Stenen-bogerd</t>
  </si>
  <si>
    <t>POINT (4.632318098277884 51.83799000899666)</t>
  </si>
  <si>
    <t>3344BC</t>
  </si>
  <si>
    <t>Reigersbek</t>
  </si>
  <si>
    <t>POINT (4.644432024573566 51.82755052829086)</t>
  </si>
  <si>
    <t>POINT (4.622355980366758 51.841035613698025)</t>
  </si>
  <si>
    <t>POINT (4.625432928583262 51.83756800905768)</t>
  </si>
  <si>
    <t>3341RJ</t>
  </si>
  <si>
    <t>POINT (4.647144000984285 51.84261469338208)</t>
  </si>
  <si>
    <t>3344BM</t>
  </si>
  <si>
    <t>POINT (4.635312604038853 51.82723179404533)</t>
  </si>
  <si>
    <t>POINT (4.646867261858191 51.851260478198796)</t>
  </si>
  <si>
    <t>3341HB</t>
  </si>
  <si>
    <t>Scheepssloper</t>
  </si>
  <si>
    <t>POINT (4.651236088734376 51.84249408086848)</t>
  </si>
  <si>
    <t>POINT (4.640632861483357 51.846717245317286)</t>
  </si>
  <si>
    <t>POINT (4.630650257316035 51.8396691446678)</t>
  </si>
  <si>
    <t>POINT (4.643358099279416 51.84934888487161)</t>
  </si>
  <si>
    <t>POINT (4.632528389625613 51.83669699092051)</t>
  </si>
  <si>
    <t>POINT (4.639164814564671 51.83461813802475)</t>
  </si>
  <si>
    <t>3344EL</t>
  </si>
  <si>
    <t>POINT (4.643572154020354 51.829549559743576)</t>
  </si>
  <si>
    <t>3343DR</t>
  </si>
  <si>
    <t>3343DP-3343DR</t>
  </si>
  <si>
    <t>POINT (4.640503548590202 51.8413861435511)</t>
  </si>
  <si>
    <t>POINT (4.642422891617252 51.833975300894814)</t>
  </si>
  <si>
    <t>3341LV</t>
  </si>
  <si>
    <t>Frankepad</t>
  </si>
  <si>
    <t>POINT (4.654169263684913 51.85232156637318)</t>
  </si>
  <si>
    <t>POINT (4.636423243351603 51.82826472834002)</t>
  </si>
  <si>
    <t>POINT (4.645402463281912 51.83733634390174)</t>
  </si>
  <si>
    <t>POINT (4.630392386652706 51.84724493688808)</t>
  </si>
  <si>
    <t>3341TH</t>
  </si>
  <si>
    <t>POINT (4.641445350180715 51.84673139737923)</t>
  </si>
  <si>
    <t>POINT (4.629740428280633 51.85062946173633)</t>
  </si>
  <si>
    <t>POINT (4.648860082818621 51.842186159239155)</t>
  </si>
  <si>
    <t>POINT (4.653960991995156 51.84202248014087)</t>
  </si>
  <si>
    <t>POINT (4.646236845288658 51.83159785160227)</t>
  </si>
  <si>
    <t>3344DE</t>
  </si>
  <si>
    <t>Mispelgaarde</t>
  </si>
  <si>
    <t>POINT (4.642161439854748 51.833270916055895)</t>
  </si>
  <si>
    <t>3341BJ</t>
  </si>
  <si>
    <t>Jan van der Heydenstraat</t>
  </si>
  <si>
    <t>POINT (4.646947300514149 51.85193469133317)</t>
  </si>
  <si>
    <t>POINT (4.64031798765294 51.84732647190542)</t>
  </si>
  <si>
    <t>3342VM</t>
  </si>
  <si>
    <t>van Elkstraat</t>
  </si>
  <si>
    <t>3342VM-3342VN</t>
  </si>
  <si>
    <t>POINT (4.627128611040143 51.84800586892307)</t>
  </si>
  <si>
    <t>POINT (4.6380040759019225 51.828022552536744)</t>
  </si>
  <si>
    <t>POINT (4.644950447086366 51.846277208946375)</t>
  </si>
  <si>
    <t>POINT (4.645002001332344 51.83786414431426)</t>
  </si>
  <si>
    <t>POINT (4.621662119296097 51.842586133993024)</t>
  </si>
  <si>
    <t>POINT (4.624601040130082 51.83956708526311)</t>
  </si>
  <si>
    <t>3343RA</t>
  </si>
  <si>
    <t>Het Hof</t>
  </si>
  <si>
    <t>POINT (4.635860853103652 51.83872284168307)</t>
  </si>
  <si>
    <t>POINT (4.643958414854743 51.84980634390702)</t>
  </si>
  <si>
    <t>POINT (4.627358107338593 51.84609114853362)</t>
  </si>
  <si>
    <t>POINT (4.650943927409815 51.845407091038695)</t>
  </si>
  <si>
    <t>POINT (4.63904305257563 51.83408703002148)</t>
  </si>
  <si>
    <t>POINT (4.63986773911384 51.845597783315974)</t>
  </si>
  <si>
    <t>POINT (4.625112766671045 51.836765937873345)</t>
  </si>
  <si>
    <t>POINT (4.6215541442772015 51.839547253661415)</t>
  </si>
  <si>
    <t>POINT (4.635158324296869 51.838214977476994)</t>
  </si>
  <si>
    <t>POINT (4.650211248683763 51.833420605881464)</t>
  </si>
  <si>
    <t>POINT (4.638641288618053 51.82683060131204)</t>
  </si>
  <si>
    <t>POINT (4.637180721046206 51.83614254235938)</t>
  </si>
  <si>
    <t>POINT (4.6255917966257964 51.84587459163651)</t>
  </si>
  <si>
    <t>POINT (4.637495408760715 51.83554231100458)</t>
  </si>
  <si>
    <t>3344BB</t>
  </si>
  <si>
    <t>Hopklaver</t>
  </si>
  <si>
    <t>POINT (4.645344817821539 51.82761922167627)</t>
  </si>
  <si>
    <t>POINT (4.64849270154518 51.842668130381966)</t>
  </si>
  <si>
    <t>3344BD</t>
  </si>
  <si>
    <t>POINT (4.642702785848715 51.82772833523401)</t>
  </si>
  <si>
    <t>POINT (4.640286917424934 51.83607245986201)</t>
  </si>
  <si>
    <t>POINT (4.646799669583736 51.84076157672602)</t>
  </si>
  <si>
    <t>3341XS</t>
  </si>
  <si>
    <t>Prins Hendrikstraat</t>
  </si>
  <si>
    <t>POINT (4.6451749280584425 51.852031368418515)</t>
  </si>
  <si>
    <t>3341LT</t>
  </si>
  <si>
    <t>Grotenoord</t>
  </si>
  <si>
    <t>3341LS-3341LT</t>
  </si>
  <si>
    <t>POINT (4.648367790226203 51.853822265677955)</t>
  </si>
  <si>
    <t>3342GC</t>
  </si>
  <si>
    <t>POINT (4.623103587643152 51.84059104752268)</t>
  </si>
  <si>
    <t>POINT (4.650933766749944 51.850467639225606)</t>
  </si>
  <si>
    <t>POINT (4.638825077156768 51.82711941125036)</t>
  </si>
  <si>
    <t>3342BX</t>
  </si>
  <si>
    <t>Oordenweg</t>
  </si>
  <si>
    <t>POINT (4.6312554734214455 51.85029765599236)</t>
  </si>
  <si>
    <t>POINT (4.644781067186406 51.84422672315424)</t>
  </si>
  <si>
    <t>POINT (4.629323895717612 51.838294310041235)</t>
  </si>
  <si>
    <t>POINT (4.649124302342447 51.84397545839286)</t>
  </si>
  <si>
    <t>3344EM</t>
  </si>
  <si>
    <t>De Hooge Donck</t>
  </si>
  <si>
    <t>POINT (4.645532830570695 51.83117992647076)</t>
  </si>
  <si>
    <t>POINT (4.632430304718066 51.839087349422904)</t>
  </si>
  <si>
    <t>POINT (4.6437813269548425 51.850649761104556)</t>
  </si>
  <si>
    <t>POINT (4.6458016515253355 51.841293879274325)</t>
  </si>
  <si>
    <t>POINT (4.635458361176062 51.83501692923206)</t>
  </si>
  <si>
    <t>POINT (4.6435388989387185 51.83244370352603)</t>
  </si>
  <si>
    <t>3341CC</t>
  </si>
  <si>
    <t>POINT (4.644928821614664 51.84758941656654)</t>
  </si>
  <si>
    <t>3344BN</t>
  </si>
  <si>
    <t>Welhorst</t>
  </si>
  <si>
    <t>POINT (4.64312036026566 51.827038854485885)</t>
  </si>
  <si>
    <t>POINT (4.641235785050738 51.84886936770294)</t>
  </si>
  <si>
    <t>3344CD</t>
  </si>
  <si>
    <t>Koningsvaren</t>
  </si>
  <si>
    <t>3344CC-3344CD</t>
  </si>
  <si>
    <t>POINT (4.654757404520071 51.8304378558036)</t>
  </si>
  <si>
    <t>POINT (4.646553444911548 51.849406395882525)</t>
  </si>
  <si>
    <t>POINT (4.636539458547808 51.83926012135894)</t>
  </si>
  <si>
    <t>POINT (4.639401075506463 51.84048924804408)</t>
  </si>
  <si>
    <t>POINT (4.631008812207303 51.84683542964739)</t>
  </si>
  <si>
    <t>3341VC</t>
  </si>
  <si>
    <t>POINT (4.641049927133119 51.848033436740224)</t>
  </si>
  <si>
    <t>POINT (4.648770666157197 51.8414193763528)</t>
  </si>
  <si>
    <t>POINT (4.635404829900846 51.834746925976496)</t>
  </si>
  <si>
    <t>POINT (4.6469649660218835 51.84095485963177)</t>
  </si>
  <si>
    <t>POINT (4.656834349089405 51.83118786772865)</t>
  </si>
  <si>
    <t>POINT (4.658211403735901 51.83426223616468)</t>
  </si>
  <si>
    <t>POINT (4.6481326333243835 51.83631087800909)</t>
  </si>
  <si>
    <t>POINT (4.650071259826973 51.84463757960171)</t>
  </si>
  <si>
    <t>POINT (4.6329014758900735 51.83607916967284)</t>
  </si>
  <si>
    <t>POINT (4.643414223320794 51.837359718478886)</t>
  </si>
  <si>
    <t>POINT (4.649611630030018 51.8310528191402)</t>
  </si>
  <si>
    <t>POINT (4.643661287579634 51.8426106659914)</t>
  </si>
  <si>
    <t>3341LK</t>
  </si>
  <si>
    <t>POINT (4.642981729478175 51.85387814003974)</t>
  </si>
  <si>
    <t>3341SM</t>
  </si>
  <si>
    <t>POINT (4.649444858699833 51.84389657517662)</t>
  </si>
  <si>
    <t>POINT (4.649422131363422 51.84132901919816)</t>
  </si>
  <si>
    <t>3341DC</t>
  </si>
  <si>
    <t>Aalscholver</t>
  </si>
  <si>
    <t>POINT (4.657082798739066 51.83566455454044)</t>
  </si>
  <si>
    <t>POINT (4.634569626332103 51.84479091485369)</t>
  </si>
  <si>
    <t>POINT (4.641426376841959 51.84875372581642)</t>
  </si>
  <si>
    <t>POINT (4.6247832563973 51.844233395361876)</t>
  </si>
  <si>
    <t>POINT (4.642039652368765 51.85203847981791)</t>
  </si>
  <si>
    <t>3344RD</t>
  </si>
  <si>
    <t>POINT (4.64296164273582 51.83752763494639)</t>
  </si>
  <si>
    <t>POINT (4.6486883725128525 51.83250317923097)</t>
  </si>
  <si>
    <t>POINT (4.631630618264086 51.834857524624525)</t>
  </si>
  <si>
    <t>3341CZ</t>
  </si>
  <si>
    <t>POINT (4.643559741485365 51.846124590408564)</t>
  </si>
  <si>
    <t>POINT (4.620642542968803 51.838543560265414)</t>
  </si>
  <si>
    <t>POINT (4.648072009140251 51.83293075619537)</t>
  </si>
  <si>
    <t>3343RC</t>
  </si>
  <si>
    <t>Louwersplein</t>
  </si>
  <si>
    <t>POINT (4.63589548399728 51.83839165978267)</t>
  </si>
  <si>
    <t>POINT (4.640016270849365 51.85064136848844)</t>
  </si>
  <si>
    <t>POINT (4.635518523704812 51.8270623278338)</t>
  </si>
  <si>
    <t>POINT (4.641531376922382 51.84679486439423)</t>
  </si>
  <si>
    <t>3343CV</t>
  </si>
  <si>
    <t>POINT (4.626337306433516 51.83728623603355)</t>
  </si>
  <si>
    <t>POINT (4.630551174072927 51.83520113068164)</t>
  </si>
  <si>
    <t>POINT (4.648065137512512 51.85015299122105)</t>
  </si>
  <si>
    <t>3341EA</t>
  </si>
  <si>
    <t>POINT (4.644564470907763 51.84945345474833)</t>
  </si>
  <si>
    <t>3341GS</t>
  </si>
  <si>
    <t>Van der Burghstraat</t>
  </si>
  <si>
    <t>POINT (4.645702780275622 51.843774126120266)</t>
  </si>
  <si>
    <t>3344JD</t>
  </si>
  <si>
    <t>POINT (4.654645422904824 51.83286409739526)</t>
  </si>
  <si>
    <t>POINT (4.647608376530452 51.83289188133837)</t>
  </si>
  <si>
    <t>POINT (4.6298440841568365 51.836697681399926)</t>
  </si>
  <si>
    <t>POINT (4.637695190484292 51.828396145895724)</t>
  </si>
  <si>
    <t>POINT (4.6281079574781545 51.84931556211695)</t>
  </si>
  <si>
    <t>3341LN</t>
  </si>
  <si>
    <t>POINT (4.64608008325519 51.8525943813379)</t>
  </si>
  <si>
    <t>3342XD</t>
  </si>
  <si>
    <t>3342XC-3342XD</t>
  </si>
  <si>
    <t>POINT (4.635222971783024 51.846511937136746)</t>
  </si>
  <si>
    <t>POINT (4.627249709741316 51.84771002652642)</t>
  </si>
  <si>
    <t>POINT (4.632920597738844 51.83927027414276)</t>
  </si>
  <si>
    <t>POINT (4.642847158011907 51.82952698718462)</t>
  </si>
  <si>
    <t>POINT (4.651855362821626 51.84380383342952)</t>
  </si>
  <si>
    <t>POINT (4.622332876553213 51.838123128272336)</t>
  </si>
  <si>
    <t>POINT (4.628113531834673 51.849845929789964)</t>
  </si>
  <si>
    <t>POINT (4.656431224805954 51.83247566388405)</t>
  </si>
  <si>
    <t>POINT (4.646801323362089 51.836976639239495)</t>
  </si>
  <si>
    <t>POINT (4.647192228770517 51.844979015292836)</t>
  </si>
  <si>
    <t>POINT (4.64316205764448 51.82802787388652)</t>
  </si>
  <si>
    <t>POINT (4.652383448050493 51.84523633603261)</t>
  </si>
  <si>
    <t>POINT (4.640603391766407 51.84674402392182)</t>
  </si>
  <si>
    <t>POINT (4.633856085180076 51.83886280167595)</t>
  </si>
  <si>
    <t>3344DG</t>
  </si>
  <si>
    <t>Wijngaarde</t>
  </si>
  <si>
    <t>POINT (4.64255595255369 51.83310263442569)</t>
  </si>
  <si>
    <t>POINT (4.636570505146353 51.83532067229593)</t>
  </si>
  <si>
    <t>POINT (4.64304101393943 51.83711465918562)</t>
  </si>
  <si>
    <t>POINT (4.636290941660556 51.836424491951014)</t>
  </si>
  <si>
    <t>POINT (4.6527516439441925 51.84490605958561)</t>
  </si>
  <si>
    <t>3341GT</t>
  </si>
  <si>
    <t>POINT (4.645036040199351 51.843724970048186)</t>
  </si>
  <si>
    <t>POINT (4.6348270274621814 51.83806903587164)</t>
  </si>
  <si>
    <t>POINT (4.6440321562046964 51.83319556608454)</t>
  </si>
  <si>
    <t>POINT (4.641976754492717 51.85145381794152)</t>
  </si>
  <si>
    <t>3341EM</t>
  </si>
  <si>
    <t>POINT (4.6458996533776995 51.84944721335772)</t>
  </si>
  <si>
    <t>POINT (4.647936083498804 51.83930164416246)</t>
  </si>
  <si>
    <t>3343DV</t>
  </si>
  <si>
    <t>Frans Lebretstraat</t>
  </si>
  <si>
    <t>POINT (4.6383309011116385 51.836779092576435)</t>
  </si>
  <si>
    <t>POINT (4.6514701567737236 51.832813111537256)</t>
  </si>
  <si>
    <t>3343RE</t>
  </si>
  <si>
    <t>Charley Tooropstraat</t>
  </si>
  <si>
    <t>POINT (4.636409158448546 51.839645567475294)</t>
  </si>
  <si>
    <t>POINT (4.640817891271245 51.84430945946587)</t>
  </si>
  <si>
    <t>POINT (4.64473454159422 51.83032095556184)</t>
  </si>
  <si>
    <t>POINT (4.640377605206791 51.83241163379118)</t>
  </si>
  <si>
    <t>POINT (4.642390157566945 51.8323288709247)</t>
  </si>
  <si>
    <t>POINT (4.626663181215028 51.8411894367105)</t>
  </si>
  <si>
    <t>3342BD</t>
  </si>
  <si>
    <t>POINT (4.630395597544961 51.84964493274117)</t>
  </si>
  <si>
    <t>POINT (4.653658489697351 51.83199502218652)</t>
  </si>
  <si>
    <t>POINT (4.657122772745934 51.83519262874244)</t>
  </si>
  <si>
    <t>3341EG</t>
  </si>
  <si>
    <t>POINT (4.642917291502569 51.84967006974212)</t>
  </si>
  <si>
    <t>POINT (4.637426707698567 51.82862816404882)</t>
  </si>
  <si>
    <t>POINT (4.644313253179721 51.847954058478074)</t>
  </si>
  <si>
    <t>POINT (4.625375654924573 51.83752269396214)</t>
  </si>
  <si>
    <t>POINT (4.635212662135111 51.846260188375396)</t>
  </si>
  <si>
    <t>3343LA</t>
  </si>
  <si>
    <t>de Baak</t>
  </si>
  <si>
    <t>POINT (4.625295105959359 51.830622937154)</t>
  </si>
  <si>
    <t>BU05310204</t>
  </si>
  <si>
    <t>Ambachtszone</t>
  </si>
  <si>
    <t>POINT (4.65157485092951 51.82987863397919)</t>
  </si>
  <si>
    <t>3342DD</t>
  </si>
  <si>
    <t>Groenewaal</t>
  </si>
  <si>
    <t>POINT (4.629755849027113 51.85230145350291)</t>
  </si>
  <si>
    <t>POINT (4.646831078380943 51.83693188355222)</t>
  </si>
  <si>
    <t>POINT (4.636311141961422 51.83608305135431)</t>
  </si>
  <si>
    <t>3342GZ</t>
  </si>
  <si>
    <t>Gerrit Hendrixlaan</t>
  </si>
  <si>
    <t>POINT (4.624108478944671 51.842089705137305)</t>
  </si>
  <si>
    <t>POINT (4.635945838514168 51.84667836061766)</t>
  </si>
  <si>
    <t>POINT (4.654383981823426 51.84509111549372)</t>
  </si>
  <si>
    <t>POINT (4.633525901952074 51.846456112441345)</t>
  </si>
  <si>
    <t>3341EB</t>
  </si>
  <si>
    <t>Winkelcentrum De Schoof</t>
  </si>
  <si>
    <t>POINT (4.644075578972762 51.848740680088035)</t>
  </si>
  <si>
    <t>POINT (4.62926441196675 51.84786686799867)</t>
  </si>
  <si>
    <t>POINT (4.643385833784039 51.83644269404507)</t>
  </si>
  <si>
    <t>POINT (4.636893867864134 51.833223837609985)</t>
  </si>
  <si>
    <t>POINT (4.6451379817007235 51.834512678918564)</t>
  </si>
  <si>
    <t>3341CT</t>
  </si>
  <si>
    <t>POINT (4.64460010247325 51.846400834879034)</t>
  </si>
  <si>
    <t>POINT (4.656240159246812 51.84924833230786)</t>
  </si>
  <si>
    <t>POINT (4.641467395857368 51.830497995812294)</t>
  </si>
  <si>
    <t>POINT (4.622833835832572 51.839384807473344)</t>
  </si>
  <si>
    <t>POINT (4.644673895355645 51.85027270779838)</t>
  </si>
  <si>
    <t>3342BW</t>
  </si>
  <si>
    <t>Zoutziedersstraat</t>
  </si>
  <si>
    <t>POINT (4.636148971150504 51.847551560906226)</t>
  </si>
  <si>
    <t>POINT (4.63980083534414 51.84788047823814)</t>
  </si>
  <si>
    <t>POINT (4.6375082714461495 51.83564126861593)</t>
  </si>
  <si>
    <t>POINT (4.646998161758801 51.842658717317505)</t>
  </si>
  <si>
    <t>POINT (4.645872242427025 51.84846727671307)</t>
  </si>
  <si>
    <t>POINT (4.6216350864180695 51.841615179648684)</t>
  </si>
  <si>
    <t>3341BE</t>
  </si>
  <si>
    <t>Hoge Kade</t>
  </si>
  <si>
    <t>POINT (4.637354936804427 51.84659748151787)</t>
  </si>
  <si>
    <t>POINT (4.63577488464151 51.84561660374298)</t>
  </si>
  <si>
    <t>POINT (4.637288423239973 51.827421825800755)</t>
  </si>
  <si>
    <t>POINT (4.645048091724462 51.85069047525531)</t>
  </si>
  <si>
    <t>3341BZ</t>
  </si>
  <si>
    <t>Perenberceau</t>
  </si>
  <si>
    <t>3341BP</t>
  </si>
  <si>
    <t>POINT (4.657120069604654 51.841044210902886)</t>
  </si>
  <si>
    <t>3342GW</t>
  </si>
  <si>
    <t>Adriaan Pieterslaan</t>
  </si>
  <si>
    <t>POINT (4.623677449148349 51.84183521960346)</t>
  </si>
  <si>
    <t>3343EK</t>
  </si>
  <si>
    <t>POINT (4.637345990913499 51.836673930149885)</t>
  </si>
  <si>
    <t>POINT (4.643030103521756 51.84568079021699)</t>
  </si>
  <si>
    <t>POINT (4.627474248061162 51.84605786897117)</t>
  </si>
  <si>
    <t>POINT (4.640546717634806 51.8317775245129)</t>
  </si>
  <si>
    <t>3342BS</t>
  </si>
  <si>
    <t>POINT (4.634116590944674 51.847583486289636)</t>
  </si>
  <si>
    <t>3343CH</t>
  </si>
  <si>
    <t>Hoefkens</t>
  </si>
  <si>
    <t>3343CG-3343CH</t>
  </si>
  <si>
    <t>POINT (4.627164942565321 51.83897248136204)</t>
  </si>
  <si>
    <t>POINT (4.656808386172909 51.84968500422853)</t>
  </si>
  <si>
    <t>POINT (4.644096857773917 51.833617346807294)</t>
  </si>
  <si>
    <t>POINT (4.629492287618785 51.82828199812595)</t>
  </si>
  <si>
    <t>POINT (4.647961920918285 51.82902897819672)</t>
  </si>
  <si>
    <t>POINT (4.653813040438262 51.83052184611303)</t>
  </si>
  <si>
    <t>POINT (4.64342304347088 51.83506766277291)</t>
  </si>
  <si>
    <t>POINT (4.633327326586737 51.847048089839895)</t>
  </si>
  <si>
    <t>POINT (4.637553849231579 51.838093131537256)</t>
  </si>
  <si>
    <t>POINT (4.646339523219374 51.83505913897369)</t>
  </si>
  <si>
    <t>POINT (4.637187600776294 51.82836760949715)</t>
  </si>
  <si>
    <t>POINT (4.644106417471614 51.83325499292243)</t>
  </si>
  <si>
    <t>POINT (4.646564963155326 51.83899759864741)</t>
  </si>
  <si>
    <t>3341GE</t>
  </si>
  <si>
    <t>Jan Luijkenhof</t>
  </si>
  <si>
    <t>POINT (4.644108073598944 51.84543593509851)</t>
  </si>
  <si>
    <t>3344GC</t>
  </si>
  <si>
    <t>Beemd</t>
  </si>
  <si>
    <t>POINT (4.65002403000066 51.83244865390171)</t>
  </si>
  <si>
    <t>POINT (4.65050029987359 51.83366753227705)</t>
  </si>
  <si>
    <t>POINT (4.6368724327128295 51.83867197262021)</t>
  </si>
  <si>
    <t>POINT (4.628665726411624 51.84463606749844)</t>
  </si>
  <si>
    <t>POINT (4.639081837382386 51.83334849763999)</t>
  </si>
  <si>
    <t>POINT (4.637754162421432 51.836559683829115)</t>
  </si>
  <si>
    <t>3342CH</t>
  </si>
  <si>
    <t>POINT (4.625459789939512 51.84284454114665)</t>
  </si>
  <si>
    <t>3341SN</t>
  </si>
  <si>
    <t>POINT (4.64934490472546 51.84379707179991)</t>
  </si>
  <si>
    <t>POINT (4.642498518736467 51.83306631537414)</t>
  </si>
  <si>
    <t>POINT (4.642562586570518 51.83094539373991)</t>
  </si>
  <si>
    <t>3344PH</t>
  </si>
  <si>
    <t>POINT (4.640537365617447 51.83496844590106)</t>
  </si>
  <si>
    <t>POINT (4.630538057580438 51.8446211830437)</t>
  </si>
  <si>
    <t>POINT (4.625727125223527 51.84334065281555)</t>
  </si>
  <si>
    <t>3341BC</t>
  </si>
  <si>
    <t>POINT (4.650711272513311 51.846322474786504)</t>
  </si>
  <si>
    <t>POINT (4.655759477949103 51.83216093969933)</t>
  </si>
  <si>
    <t>POINT (4.628446304674457 51.84818517630338)</t>
  </si>
  <si>
    <t>POINT (4.648508832923057 51.84256935660262)</t>
  </si>
  <si>
    <t>POINT (4.640271367533679 51.841213854921584)</t>
  </si>
  <si>
    <t>3342GL</t>
  </si>
  <si>
    <t>De Plaats</t>
  </si>
  <si>
    <t>POINT (4.623485943749675 51.83858006957643)</t>
  </si>
  <si>
    <t>POINT (4.635419829254084 51.84689072184244)</t>
  </si>
  <si>
    <t>3341CP</t>
  </si>
  <si>
    <t>POINT (4.649569002862757 51.84606362175456)</t>
  </si>
  <si>
    <t>POINT (4.624405321281569 51.840842207079646)</t>
  </si>
  <si>
    <t>POINT (4.649537626886313 51.831142240846575)</t>
  </si>
  <si>
    <t>POINT (4.656006196729406 51.84914204998062)</t>
  </si>
  <si>
    <t>3342XJ</t>
  </si>
  <si>
    <t>Ravesteyn</t>
  </si>
  <si>
    <t>3342XH-3342XJ</t>
  </si>
  <si>
    <t>POINT (4.633915590692096 51.844849641137095)</t>
  </si>
  <si>
    <t>POINT (4.642389413260694 51.840544199226926)</t>
  </si>
  <si>
    <t>POINT (4.647236971791985 51.85119599595851)</t>
  </si>
  <si>
    <t>POINT (4.640472207008978 51.83460852930507)</t>
  </si>
  <si>
    <t>POINT (4.633058335231283 51.837976789181965)</t>
  </si>
  <si>
    <t>POINT (4.632529483545462 51.83489926135839)</t>
  </si>
  <si>
    <t>POINT (4.645737251662992 51.84167998517103)</t>
  </si>
  <si>
    <t>POINT (4.634790955281383 51.83849127256383)</t>
  </si>
  <si>
    <t>3341BM</t>
  </si>
  <si>
    <t>POINT (4.647749947451374 51.851670089073075)</t>
  </si>
  <si>
    <t>POINT (4.649173826805642 51.8365241677096)</t>
  </si>
  <si>
    <t>POINT (4.63073141547193 51.84606960555413)</t>
  </si>
  <si>
    <t>3344RB</t>
  </si>
  <si>
    <t>POINT (4.6415335602865095 51.83614330572946)</t>
  </si>
  <si>
    <t>POINT (4.640014038465628 51.84815149507191)</t>
  </si>
  <si>
    <t>POINT (4.6402162229524935 51.82720917090058)</t>
  </si>
  <si>
    <t>3344HH</t>
  </si>
  <si>
    <t>Jacobuslaan</t>
  </si>
  <si>
    <t>3344HH-3344HJ</t>
  </si>
  <si>
    <t>POINT (4.6465459652982135 51.837505359916314)</t>
  </si>
  <si>
    <t>POINT (4.633712139322412 51.84486631297782)</t>
  </si>
  <si>
    <t>3341BT</t>
  </si>
  <si>
    <t>POINT (4.65821680541653 51.833342792438344)</t>
  </si>
  <si>
    <t>3343DB</t>
  </si>
  <si>
    <t>POINT (4.6401880535033015 51.83853472762507)</t>
  </si>
  <si>
    <t>3342XE</t>
  </si>
  <si>
    <t>POINT (4.6369773427064525 51.84661304676267)</t>
  </si>
  <si>
    <t>POINT (4.644212198158805 51.83269284554928)</t>
  </si>
  <si>
    <t>POINT (4.6412467287680945 51.8473323760687)</t>
  </si>
  <si>
    <t>POINT (4.640724076080185 51.84821893197745)</t>
  </si>
  <si>
    <t>POINT (4.629481011247059 51.851382836168476)</t>
  </si>
  <si>
    <t>POINT (4.6519835115074155 51.82972838688024)</t>
  </si>
  <si>
    <t>3343CX</t>
  </si>
  <si>
    <t>Toepad</t>
  </si>
  <si>
    <t>POINT (4.629098282198141 51.836180512483054)</t>
  </si>
  <si>
    <t>3341LE</t>
  </si>
  <si>
    <t>POINT (4.641810798374529 51.85271117652866)</t>
  </si>
  <si>
    <t>POINT (4.645861974078193 51.84987493436857)</t>
  </si>
  <si>
    <t>3341LR</t>
  </si>
  <si>
    <t>Veerweg</t>
  </si>
  <si>
    <t>3341LP-3341LR</t>
  </si>
  <si>
    <t>POINT (4.650978169073009 51.85336438394258)</t>
  </si>
  <si>
    <t>POINT (4.643445217463992 51.847786767302686)</t>
  </si>
  <si>
    <t>3341DA</t>
  </si>
  <si>
    <t>Scholekster</t>
  </si>
  <si>
    <t>POINT (4.656496856954607 51.83397351208685)</t>
  </si>
  <si>
    <t>POINT (4.64314183452734 51.833645670055084)</t>
  </si>
  <si>
    <t>POINT (4.623843676738024 51.83973294817704)</t>
  </si>
  <si>
    <t>POINT (4.641992887676841 51.83030358211087)</t>
  </si>
  <si>
    <t>POINT (4.645515102958778 51.834901125708654)</t>
  </si>
  <si>
    <t>3344CA</t>
  </si>
  <si>
    <t>POINT (4.655988096200304 51.83058934724241)</t>
  </si>
  <si>
    <t>POINT (4.649941317670956 51.85080298075016)</t>
  </si>
  <si>
    <t>POINT (4.6214226359675665 51.84130817874496)</t>
  </si>
  <si>
    <t>POINT (4.6451946243335405 51.851716889989255)</t>
  </si>
  <si>
    <t>POINT (4.639679627470405 51.84731342081683)</t>
  </si>
  <si>
    <t>3342XH</t>
  </si>
  <si>
    <t>Molenwerf</t>
  </si>
  <si>
    <t>POINT (4.631643356317778 51.84621030766201)</t>
  </si>
  <si>
    <t>POINT (4.640617307231085 51.84678006706114)</t>
  </si>
  <si>
    <t>3344JE</t>
  </si>
  <si>
    <t>Snoek</t>
  </si>
  <si>
    <t>POINT (4.652445053517926 51.83345258621857)</t>
  </si>
  <si>
    <t>POINT (4.658429038484186 51.831260699664995)</t>
  </si>
  <si>
    <t>POINT (4.644723765579172 51.8441814174839)</t>
  </si>
  <si>
    <t>POINT (4.640594800266015 51.835004765905595)</t>
  </si>
  <si>
    <t>POINT (4.634740629133901 51.83716062554621)</t>
  </si>
  <si>
    <t>POINT (4.625628362903107 51.844032140617855)</t>
  </si>
  <si>
    <t>POINT (4.642529394677974 51.8339045615239)</t>
  </si>
  <si>
    <t>3344GG</t>
  </si>
  <si>
    <t>Horst</t>
  </si>
  <si>
    <t>POINT (4.648329111972454 51.83052341026253)</t>
  </si>
  <si>
    <t>POINT (4.648251385709593 51.85383951051205)</t>
  </si>
  <si>
    <t>POINT (4.636379957943136 51.83543630657625)</t>
  </si>
  <si>
    <t>POINT (4.636955618232748 51.83659053789149)</t>
  </si>
  <si>
    <t>POINT (4.633662949953389 51.8339267761232)</t>
  </si>
  <si>
    <t>POINT (4.645461532593558 51.83727379644391)</t>
  </si>
  <si>
    <t>3344AH</t>
  </si>
  <si>
    <t>POINT (4.6493638239513135 51.82935240235107)</t>
  </si>
  <si>
    <t>POINT (4.653311793382231 51.831902968494326)</t>
  </si>
  <si>
    <t>POINT (4.647240220253376 51.82968959295437)</t>
  </si>
  <si>
    <t>POINT (4.635662182538894 51.83584519289021)</t>
  </si>
  <si>
    <t>POINT (4.6509005413711355 51.8453978303099)</t>
  </si>
  <si>
    <t>POINT (4.6439984297855705 51.84240606135773)</t>
  </si>
  <si>
    <t>POINT (4.62638324839099 51.84858410987466)</t>
  </si>
  <si>
    <t>POINT (4.656695722403462 51.835547109613614)</t>
  </si>
  <si>
    <t>POINT (4.654375748431892 51.83160400071589)</t>
  </si>
  <si>
    <t>POINT (4.641535691435011 51.83528163790544)</t>
  </si>
  <si>
    <t>POINT (4.645645478312451 51.84372882089664)</t>
  </si>
  <si>
    <t>POINT (4.6497878025036945 51.832698852978524)</t>
  </si>
  <si>
    <t>POINT (4.633623646306074 51.84581854421144)</t>
  </si>
  <si>
    <t>POINT (4.649983754095362 51.84466399615613)</t>
  </si>
  <si>
    <t>POINT (4.648296844413234 51.84111430421484)</t>
  </si>
  <si>
    <t>POINT (4.639566231729497 51.833355763440196)</t>
  </si>
  <si>
    <t>3341XA</t>
  </si>
  <si>
    <t>Beatrixsingel</t>
  </si>
  <si>
    <t>POINT (4.643895426469414 51.85128620616018)</t>
  </si>
  <si>
    <t>POINT (4.627878303381199 51.85002418227038)</t>
  </si>
  <si>
    <t>POINT (4.630724417683855 51.85080658993292)</t>
  </si>
  <si>
    <t>POINT (4.635245976133922 51.838179584229145)</t>
  </si>
  <si>
    <t>3342VJ</t>
  </si>
  <si>
    <t>POINT (4.630680050719878 51.847399598153686)</t>
  </si>
  <si>
    <t>POINT (4.644029967789298 51.8486339567)</t>
  </si>
  <si>
    <t>3343BT</t>
  </si>
  <si>
    <t>POINT (4.629970590649551 51.83866701909915)</t>
  </si>
  <si>
    <t>POINT (4.623700756460588 51.84046010236867)</t>
  </si>
  <si>
    <t>3341BH</t>
  </si>
  <si>
    <t>POINT (4.657981617137216 51.835599445413465)</t>
  </si>
  <si>
    <t>POINT (4.623264989881055 51.83963030842995)</t>
  </si>
  <si>
    <t>POINT (4.6333234982372 51.83340325293225)</t>
  </si>
  <si>
    <t>POINT (4.643218998816043 51.84877169571465)</t>
  </si>
  <si>
    <t>POINT (4.63958005941642 51.83270864858859)</t>
  </si>
  <si>
    <t>POINT (4.6440459419935065 51.843044557343276)</t>
  </si>
  <si>
    <t>POINT (4.63374688346551 51.84799459319095)</t>
  </si>
  <si>
    <t>3343DP</t>
  </si>
  <si>
    <t>Willy Sluiterstraat</t>
  </si>
  <si>
    <t>POINT (4.6397941706533405 51.840410853206365)</t>
  </si>
  <si>
    <t>POINT (4.642091370716926 51.85154443187978)</t>
  </si>
  <si>
    <t>POINT (4.648760334439639 51.851128139775795)</t>
  </si>
  <si>
    <t>POINT (4.644068143002608 51.8329920206282)</t>
  </si>
  <si>
    <t>POINT (4.630055942722498 51.834451876642596)</t>
  </si>
  <si>
    <t>POINT (4.6333434230354085 51.84608640545175)</t>
  </si>
  <si>
    <t>3344GM</t>
  </si>
  <si>
    <t>Bonkaarde</t>
  </si>
  <si>
    <t>POINT (4.649126668960884 51.83231717373714)</t>
  </si>
  <si>
    <t>POINT (4.656091810924405 51.84923246957044)</t>
  </si>
  <si>
    <t>POINT (4.653145666850764 51.84372887952024)</t>
  </si>
  <si>
    <t>3344AL</t>
  </si>
  <si>
    <t>3344AK-3344AL</t>
  </si>
  <si>
    <t>POINT (4.648102555606404 51.82929952409381)</t>
  </si>
  <si>
    <t>3342AE</t>
  </si>
  <si>
    <t>POINT (4.632993436559633 51.84532012068759)</t>
  </si>
  <si>
    <t>POINT (4.629990882405839 51.844365972459926)</t>
  </si>
  <si>
    <t>POINT (4.640195514465265 51.8284584662993)</t>
  </si>
  <si>
    <t>POINT (4.63210289286574 51.84650090144103)</t>
  </si>
  <si>
    <t>POINT (4.647739318835769 51.8496655524705)</t>
  </si>
  <si>
    <t>3342CJ</t>
  </si>
  <si>
    <t>Isaac Sweerslaan</t>
  </si>
  <si>
    <t>POINT (4.624620334836556 51.8427132500715)</t>
  </si>
  <si>
    <t>POINT (4.636145722278552 51.833571796168464)</t>
  </si>
  <si>
    <t>3344JG</t>
  </si>
  <si>
    <t>Meerval</t>
  </si>
  <si>
    <t>POINT (4.652579867280255 51.83408263669163)</t>
  </si>
  <si>
    <t>POINT (4.6428965867534995 51.83883057982731)</t>
  </si>
  <si>
    <t>POINT (4.646135694985806 51.8492149982781)</t>
  </si>
  <si>
    <t>POINT (4.635955366109341 51.83479539385236)</t>
  </si>
  <si>
    <t>POINT (4.635136295783854 51.84474960268093)</t>
  </si>
  <si>
    <t>POINT (4.638737652585749 51.834130026615945)</t>
  </si>
  <si>
    <t>POINT (4.643238114106101 51.85329550216557)</t>
  </si>
  <si>
    <t>Pompe van Meerdervoortsingel</t>
  </si>
  <si>
    <t>POINT (4.645616438692376 51.84196685938826)</t>
  </si>
  <si>
    <t>POINT (4.622734693504891 51.838386417517064)</t>
  </si>
  <si>
    <t>POINT (4.639405678782252 51.83346770151795)</t>
  </si>
  <si>
    <t>POINT (4.635152622957786 51.83855651071129)</t>
  </si>
  <si>
    <t>3342LG</t>
  </si>
  <si>
    <t>Langesteijn</t>
  </si>
  <si>
    <t>POINT (4.616639487293569 51.833348852637876)</t>
  </si>
  <si>
    <t>POINT (4.621973236946845 51.84135671229723)</t>
  </si>
  <si>
    <t>POINT (4.629649276562672 51.84655700549939)</t>
  </si>
  <si>
    <t>3343CR</t>
  </si>
  <si>
    <t>POINT (4.627621120713985 51.8377349953121)</t>
  </si>
  <si>
    <t>POINT (4.643974531777831 51.84859403773573)</t>
  </si>
  <si>
    <t>POINT (4.647797958485072 51.84962996713177)</t>
  </si>
  <si>
    <t>POINT (4.644099623540727 51.85210546623205)</t>
  </si>
  <si>
    <t>POINT (4.64866444558044 51.84635456113985)</t>
  </si>
  <si>
    <t>POINT (4.644052089273575 51.83323613232808)</t>
  </si>
  <si>
    <t>POINT (4.637836427274884 51.83684784665484)</t>
  </si>
  <si>
    <t>POINT (4.6541173170358965 51.8437108069108)</t>
  </si>
  <si>
    <t>3341CG</t>
  </si>
  <si>
    <t>3341CE-3341CG</t>
  </si>
  <si>
    <t>POINT (4.644294607272016 51.84732473433196)</t>
  </si>
  <si>
    <t>POINT (4.6483598680371125 51.83610556899627)</t>
  </si>
  <si>
    <t>POINT (4.636898209992225 51.84613614172744)</t>
  </si>
  <si>
    <t>POINT (4.645476008116317 51.85313887497105)</t>
  </si>
  <si>
    <t>POINT (4.6251731714849695 51.84177302796011)</t>
  </si>
  <si>
    <t>POINT (4.645252053689593 51.83853987510005)</t>
  </si>
  <si>
    <t>POINT (4.649730097614384 51.84597474714486)</t>
  </si>
  <si>
    <t>POINT (4.6446351674989765 51.835470837987316)</t>
  </si>
  <si>
    <t>3341XC</t>
  </si>
  <si>
    <t>3341XB-3341XC</t>
  </si>
  <si>
    <t>POINT (4.6455646854040005 51.85130095883075)</t>
  </si>
  <si>
    <t>POINT (4.626048962510244 51.83717650260584)</t>
  </si>
  <si>
    <t>POINT (4.621277234462336 51.84132520761677)</t>
  </si>
  <si>
    <t>POINT (4.641924396868455 51.848478239476016)</t>
  </si>
  <si>
    <t>POINT (4.640456783634452 51.83545332186963)</t>
  </si>
  <si>
    <t>3342BR</t>
  </si>
  <si>
    <t>POINT (4.633011749668457 51.84769324741771)</t>
  </si>
  <si>
    <t>POINT (4.641391695763182 51.84734228564764)</t>
  </si>
  <si>
    <t>POINT (4.629131256687718 51.846292990487214)</t>
  </si>
  <si>
    <t>POINT (4.646110229597006 51.835767796713114)</t>
  </si>
  <si>
    <t>POINT (4.641170629745494 51.83878366989218)</t>
  </si>
  <si>
    <t>POINT (4.646282822858353 51.834977883077286)</t>
  </si>
  <si>
    <t>3344PE</t>
  </si>
  <si>
    <t>POINT (4.6434665024070325 51.83682971805147)</t>
  </si>
  <si>
    <t>3344ED</t>
  </si>
  <si>
    <t>Uiterwaard</t>
  </si>
  <si>
    <t>POINT (4.642213859814475 51.82834545220059)</t>
  </si>
  <si>
    <t>POINT (4.645334356932896 51.83618536369271)</t>
  </si>
  <si>
    <t>POINT (4.649081065339514 51.843957209259706)</t>
  </si>
  <si>
    <t>POINT (4.627848289285694 51.84836108376707)</t>
  </si>
  <si>
    <t>POINT (4.631521369981054 51.838775887093405)</t>
  </si>
  <si>
    <t>POINT (4.6547237045334295 51.842078152865206)</t>
  </si>
  <si>
    <t>POINT (4.651140524003436 51.83071185783369)</t>
  </si>
  <si>
    <t>POINT (4.64388949428289 51.846369372335914)</t>
  </si>
  <si>
    <t>POINT (4.6448187781177745 51.8494140386681)</t>
  </si>
  <si>
    <t>POINT (4.658083690420504 51.834548630757766)</t>
  </si>
  <si>
    <t>POINT (4.657063830462171 51.83135109132665)</t>
  </si>
  <si>
    <t>POINT (4.64526951972655 51.83747932250387)</t>
  </si>
  <si>
    <t>POINT (4.64925766989736 51.840278828863156)</t>
  </si>
  <si>
    <t>POINT (4.648187214404762 51.83563707144432)</t>
  </si>
  <si>
    <t>3342VN</t>
  </si>
  <si>
    <t>POINT (4.62791133710041 51.848064865271674)</t>
  </si>
  <si>
    <t>POINT (4.654975406947811 51.83576625902903)</t>
  </si>
  <si>
    <t>POINT (4.638201442320134 51.82772403941563)</t>
  </si>
  <si>
    <t>POINT (4.647073966326473 51.84952653058908)</t>
  </si>
  <si>
    <t>POINT (4.62451410008693 51.8438451339217)</t>
  </si>
  <si>
    <t>3344BH</t>
  </si>
  <si>
    <t>POINT (4.640937310598277 51.82746544084274)</t>
  </si>
  <si>
    <t>POINT (4.651942041532217 51.84226052932659)</t>
  </si>
  <si>
    <t>POINT (4.652160934275204 51.84642144563585)</t>
  </si>
  <si>
    <t>POINT (4.632919896073858 51.83584558228544)</t>
  </si>
  <si>
    <t>POINT (4.634251641362572 51.83776872050045)</t>
  </si>
  <si>
    <t>POINT (4.646807493603697 51.835718264384525)</t>
  </si>
  <si>
    <t>POINT (4.6216624247884175 51.842568158614405)</t>
  </si>
  <si>
    <t>3344RJ</t>
  </si>
  <si>
    <t>POINT (4.641321298014032 51.837571156447005)</t>
  </si>
  <si>
    <t>POINT (4.644225959467497 51.84190259012832)</t>
  </si>
  <si>
    <t>POINT (4.636851414825002 51.8282369586237)</t>
  </si>
  <si>
    <t>POINT (4.642718647904029 51.8522315485303)</t>
  </si>
  <si>
    <t>POINT (4.629851781559176 51.83451348046552)</t>
  </si>
  <si>
    <t>POINT (4.643447907108344 51.843229532358386)</t>
  </si>
  <si>
    <t>POINT (4.623076576929211 51.841327943957246)</t>
  </si>
  <si>
    <t>3341GN</t>
  </si>
  <si>
    <t>POINT (4.6477250954504346 51.844344177778645)</t>
  </si>
  <si>
    <t>POINT (4.627918623918368 51.851076117503084)</t>
  </si>
  <si>
    <t>POINT (4.633733050218758 51.848821461883816)</t>
  </si>
  <si>
    <t>POINT (4.640127685266853 51.83955006349594)</t>
  </si>
  <si>
    <t>3341GL</t>
  </si>
  <si>
    <t>van Baerlehof</t>
  </si>
  <si>
    <t>POINT (4.642229582639305 51.84406674270283)</t>
  </si>
  <si>
    <t>POINT (4.632092797578292 51.83584925369989)</t>
  </si>
  <si>
    <t>3343DT</t>
  </si>
  <si>
    <t>Abraham van Strijstraat</t>
  </si>
  <si>
    <t>POINT (4.639621872466018 51.83767719954602)</t>
  </si>
  <si>
    <t>POINT (4.647778867407403 51.832227793573736)</t>
  </si>
  <si>
    <t>POINT (4.626417634591114 51.84455860104667)</t>
  </si>
  <si>
    <t>3342AG</t>
  </si>
  <si>
    <t>POINT (4.630334920365302 51.84548278648704)</t>
  </si>
  <si>
    <t>POINT (4.640769416978795 51.82796773961546)</t>
  </si>
  <si>
    <t>POINT (4.6542370827517106 51.83031775526719)</t>
  </si>
  <si>
    <t>POINT (4.626227496662645 51.84636409311481)</t>
  </si>
  <si>
    <t>POINT (4.638244196148401 51.839376266641146)</t>
  </si>
  <si>
    <t>POINT (4.634478809150426 51.833725270697805)</t>
  </si>
  <si>
    <t>POINT (4.640436059849187 51.82970043518056)</t>
  </si>
  <si>
    <t>POINT (4.626023428100729 51.8464167023781)</t>
  </si>
  <si>
    <t>POINT (4.62650633778057 51.838446871951966)</t>
  </si>
  <si>
    <t>POINT (4.649696718555094 51.84535432014714)</t>
  </si>
  <si>
    <t>POINT (4.643999207395005 51.846756579280154)</t>
  </si>
  <si>
    <t>POINT (4.640936492505799 51.833504085667705)</t>
  </si>
  <si>
    <t>POINT (4.658175629201969 51.830782726847694)</t>
  </si>
  <si>
    <t>POINT (4.636373638318035 51.83943389071008)</t>
  </si>
  <si>
    <t>POINT (4.654136525166466 51.832554658658815)</t>
  </si>
  <si>
    <t>3343LK</t>
  </si>
  <si>
    <t>De Wadi</t>
  </si>
  <si>
    <t>POINT (4.640415041735534 51.846724848771856)</t>
  </si>
  <si>
    <t>POINT (4.63730347571645 51.84620165150023)</t>
  </si>
  <si>
    <t>3342LD</t>
  </si>
  <si>
    <t>POINT (4.611901205282701 51.83468393651183)</t>
  </si>
  <si>
    <t>POINT (4.639089409904185 51.83391654055821)</t>
  </si>
  <si>
    <t>POINT (4.631127148500448 51.827681309089435)</t>
  </si>
  <si>
    <t>3343BE</t>
  </si>
  <si>
    <t>Monnen-bogerd</t>
  </si>
  <si>
    <t>POINT (4.629147664950753 51.83928192731724)</t>
  </si>
  <si>
    <t>POINT (4.6222846537776485 51.84096323950697)</t>
  </si>
  <si>
    <t>POINT (4.646665098766681 51.83202302177719)</t>
  </si>
  <si>
    <t>POINT (4.642252030377889 51.83568944477341)</t>
  </si>
  <si>
    <t>POINT (4.6249185360241665 51.84138486152986)</t>
  </si>
  <si>
    <t>POINT (4.628379520757679 51.83664328031663)</t>
  </si>
  <si>
    <t>3343LR</t>
  </si>
  <si>
    <t>Kringloopweg</t>
  </si>
  <si>
    <t>POINT (4.62323353941749 51.8336581167625)</t>
  </si>
  <si>
    <t>POINT (4.643100578292103 51.83262968810186)</t>
  </si>
  <si>
    <t>POINT (4.636319122237794 51.82807172237136)</t>
  </si>
  <si>
    <t>3343PB</t>
  </si>
  <si>
    <t>De Brouwer</t>
  </si>
  <si>
    <t>POINT (4.631544139497374 51.833958099446)</t>
  </si>
  <si>
    <t>POINT (4.636395416303697 51.83947408352768)</t>
  </si>
  <si>
    <t>POINT (4.649008070878499 51.84398371631423)</t>
  </si>
  <si>
    <t>POINT (4.622695952782918 51.84066929191697)</t>
  </si>
  <si>
    <t>POINT (4.643611109112646 51.846529405514445)</t>
  </si>
  <si>
    <t>POINT (4.627015566483002 51.849389374862845)</t>
  </si>
  <si>
    <t>POINT (4.644160950736174 51.8378318580424)</t>
  </si>
  <si>
    <t>POINT (4.638712153050569 51.83357762652184)</t>
  </si>
  <si>
    <t>POINT (4.642200516408523 51.837927297521325)</t>
  </si>
  <si>
    <t>POINT (4.626618144717179 51.84557562077231)</t>
  </si>
  <si>
    <t>3344HC</t>
  </si>
  <si>
    <t>Bliek</t>
  </si>
  <si>
    <t>POINT (4.649951728878738 51.83598074689751)</t>
  </si>
  <si>
    <t>3343NA</t>
  </si>
  <si>
    <t>De Hil</t>
  </si>
  <si>
    <t>POINT (4.632474861746431 51.83382925673239)</t>
  </si>
  <si>
    <t>3341BK</t>
  </si>
  <si>
    <t>POINT (4.647845783591291 51.85202124997212)</t>
  </si>
  <si>
    <t>POINT (4.6498626478287735 51.847629492267664)</t>
  </si>
  <si>
    <t>POINT (4.640305315530569 51.83846356433138)</t>
  </si>
  <si>
    <t>POINT (4.639335221378122 51.85057411212001)</t>
  </si>
  <si>
    <t>POINT (4.647757978244002 51.84609106114282)</t>
  </si>
  <si>
    <t>POINT (4.638838388208969 51.82719140561274)</t>
  </si>
  <si>
    <t>POINT (4.631077747917028 51.84705160173553)</t>
  </si>
  <si>
    <t>POINT (4.65770250673083 51.84932510225342)</t>
  </si>
  <si>
    <t>POINT (4.655214062380607 51.83179799323661)</t>
  </si>
  <si>
    <t>POINT (4.6295037022184475 51.84830885736823)</t>
  </si>
  <si>
    <t>POINT (4.657032963681019 51.84971067032223)</t>
  </si>
  <si>
    <t>POINT (4.642147843964205 51.84637631071451)</t>
  </si>
  <si>
    <t>POINT (4.642361906459813 51.84484060741699)</t>
  </si>
  <si>
    <t>POINT (4.626891613335819 51.84922720763326)</t>
  </si>
  <si>
    <t>POINT (4.649870593294474 51.84714415479304)</t>
  </si>
  <si>
    <t>POINT (4.652940028817009 51.842083046894366)</t>
  </si>
  <si>
    <t>POINT (4.641487545077567 51.84681256334299)</t>
  </si>
  <si>
    <t>3341RE</t>
  </si>
  <si>
    <t>POINT (4.648862745513853 51.843110902472304)</t>
  </si>
  <si>
    <t>POINT (4.636421459038448 51.839349801863165)</t>
  </si>
  <si>
    <t>POINT (4.625558080597006 51.84588764920253)</t>
  </si>
  <si>
    <t>POINT (4.6498641743193865 51.82980498011643)</t>
  </si>
  <si>
    <t>POINT (4.627635771478756 51.8446114314295)</t>
  </si>
  <si>
    <t>POINT (4.645256667776379 51.847951035036196)</t>
  </si>
  <si>
    <t>POINT (4.648268443202842 51.844965245437145)</t>
  </si>
  <si>
    <t>POINT (4.649204782423285 51.830205326646315)</t>
  </si>
  <si>
    <t>POINT (4.648999145152608 51.838329791408974)</t>
  </si>
  <si>
    <t>POINT (4.6308136696864555 51.83512192414892)</t>
  </si>
  <si>
    <t>3341GW</t>
  </si>
  <si>
    <t>POINT (4.643927760334372 51.844050539634786)</t>
  </si>
  <si>
    <t>POINT (4.636169508441064 51.83587540569788)</t>
  </si>
  <si>
    <t>POINT (4.644927935482406 51.849748711308294)</t>
  </si>
  <si>
    <t>POINT (4.640052057272436 51.84848431751862)</t>
  </si>
  <si>
    <t>POINT (4.634041861287764 51.8485807491199)</t>
  </si>
  <si>
    <t>POINT (4.625518278502737 51.84453479256994)</t>
  </si>
  <si>
    <t>POINT (4.645440761853944 51.83148495971719)</t>
  </si>
  <si>
    <t>POINT (4.6272191759007235 51.83661779684607)</t>
  </si>
  <si>
    <t>POINT (4.641395938146866 51.84796253028163)</t>
  </si>
  <si>
    <t>POINT (4.6411616741810935 51.832970879395354)</t>
  </si>
  <si>
    <t>POINT (4.6462201217852686 51.8317325761691)</t>
  </si>
  <si>
    <t>POINT (4.65370699453168 51.843714239608985)</t>
  </si>
  <si>
    <t>POINT (4.647682386389095 51.83280246088045)</t>
  </si>
  <si>
    <t>POINT (4.646571083289076 51.835977444558175)</t>
  </si>
  <si>
    <t>POINT (4.630335675505362 51.8454378479832)</t>
  </si>
  <si>
    <t>POINT (4.641249709830049 51.84539983231842)</t>
  </si>
  <si>
    <t>POINT (4.65811563814862 51.834354125772215)</t>
  </si>
  <si>
    <t>POINT (4.634709807835464 51.84942996639581)</t>
  </si>
  <si>
    <t>POINT (4.625130999773963 51.84009276020302)</t>
  </si>
  <si>
    <t>POINT (4.647067196936897 51.8366906783685)</t>
  </si>
  <si>
    <t>POINT (4.626111558703579 51.846354352955764)</t>
  </si>
  <si>
    <t>3343DM</t>
  </si>
  <si>
    <t>Jacob Levecqpad</t>
  </si>
  <si>
    <t>POINT (4.640709451208722 51.84034476719533)</t>
  </si>
  <si>
    <t>POINT (4.642792978536936 51.846856801813985)</t>
  </si>
  <si>
    <t>3342VB</t>
  </si>
  <si>
    <t>POINT (4.628531127160832 51.847457641869035)</t>
  </si>
  <si>
    <t>POINT (4.656010918478369 51.85153305933102)</t>
  </si>
  <si>
    <t>POINT (4.634725220151604 51.837214458856074)</t>
  </si>
  <si>
    <t>POINT (4.657634676279441 51.831040037290634)</t>
  </si>
  <si>
    <t>POINT (4.628151241702914 51.83899683990576)</t>
  </si>
  <si>
    <t>POINT (4.64279006997555 51.82859180231095)</t>
  </si>
  <si>
    <t>POINT (4.629711377977184 51.84971263676184)</t>
  </si>
  <si>
    <t>POINT (4.63307850345528 51.84890714646414)</t>
  </si>
  <si>
    <t>POINT (4.656496171915451 51.85014969830582)</t>
  </si>
  <si>
    <t>3343BR</t>
  </si>
  <si>
    <t>POINT (4.631870744337736 51.837843312663516)</t>
  </si>
  <si>
    <t>POINT (4.644541070578857 51.848988107758196)</t>
  </si>
  <si>
    <t>POINT (4.63437936126464 51.833598791402345)</t>
  </si>
  <si>
    <t>3341LP</t>
  </si>
  <si>
    <t>POINT (4.650074145229248 51.848008343716785)</t>
  </si>
  <si>
    <t>POINT (4.631478255241591 51.84913056313644)</t>
  </si>
  <si>
    <t>POINT (4.646546890899596 51.82950544669616)</t>
  </si>
  <si>
    <t>POINT (4.6448926509519595 51.83426688760949)</t>
  </si>
  <si>
    <t>POINT (4.645304182227057 51.84242330850159)</t>
  </si>
  <si>
    <t>POINT (4.64979750333481 51.846289773481345)</t>
  </si>
  <si>
    <t>POINT (4.639723944113809 51.827152104900144)</t>
  </si>
  <si>
    <t>POINT (4.643121327208625 51.84542968581198)</t>
  </si>
  <si>
    <t>POINT (4.640342412080135 51.833824987515825)</t>
  </si>
  <si>
    <t>3341SC</t>
  </si>
  <si>
    <t>POINT (4.651129515702959 51.84470713947092)</t>
  </si>
  <si>
    <t>POINT (4.648127085573793 51.846378145827856)</t>
  </si>
  <si>
    <t>POINT (4.643201662379168 51.85374470391572)</t>
  </si>
  <si>
    <t>POINT (4.630910250831888 51.846655021374794)</t>
  </si>
  <si>
    <t>3341GA</t>
  </si>
  <si>
    <t>Antoniuslaan</t>
  </si>
  <si>
    <t>POINT (4.642758052097481 51.843701559468116)</t>
  </si>
  <si>
    <t>POINT (4.645468695459292 51.844770389014165)</t>
  </si>
  <si>
    <t>3341SP</t>
  </si>
  <si>
    <t>POINT (4.6500516520683055 51.84406218237241)</t>
  </si>
  <si>
    <t>3341GH</t>
  </si>
  <si>
    <t>Oemstraat</t>
  </si>
  <si>
    <t>3341GH-3341GJ</t>
  </si>
  <si>
    <t>POINT (4.647445555547206 51.84457612198517)</t>
  </si>
  <si>
    <t>POINT (4.634533421981474 51.835667176271)</t>
  </si>
  <si>
    <t>POINT (4.6476206178367 51.83687848783589)</t>
  </si>
  <si>
    <t>POINT (4.635185140329793 51.846170125410595)</t>
  </si>
  <si>
    <t>3344RP</t>
  </si>
  <si>
    <t>Olijfgaarde</t>
  </si>
  <si>
    <t>3344RP-3351PA</t>
  </si>
  <si>
    <t>POINT (4.643686443006652 51.83844907204165)</t>
  </si>
  <si>
    <t>POINT (4.640217914738602 51.832283715534395)</t>
  </si>
  <si>
    <t>POINT (4.627517548182408 51.84817917083841)</t>
  </si>
  <si>
    <t>POINT (4.651558797394929 51.83352793367432)</t>
  </si>
  <si>
    <t>POINT (4.63645236615935 51.83457385635255)</t>
  </si>
  <si>
    <t>POINT (4.649155600398586 51.84200950251729)</t>
  </si>
  <si>
    <t>POINT (4.644311113785079 51.848833414415665)</t>
  </si>
  <si>
    <t>3344BA</t>
  </si>
  <si>
    <t>Beemdkroon</t>
  </si>
  <si>
    <t>POINT (4.64505560091549 51.82844435199243)</t>
  </si>
  <si>
    <t>POINT (4.6448993830236365 51.842330863177644)</t>
  </si>
  <si>
    <t>POINT (4.646730091455979 51.85106597969209)</t>
  </si>
  <si>
    <t>POINT (4.650782984029018 51.845486979594256)</t>
  </si>
  <si>
    <t>POINT (4.634316344916501 51.83650173160593)</t>
  </si>
  <si>
    <t>POINT (4.6420287597532 51.84041606926211)</t>
  </si>
  <si>
    <t>POINT (4.647232242600408 51.84254334027316)</t>
  </si>
  <si>
    <t>POINT (4.654378702455694 51.835797906036625)</t>
  </si>
  <si>
    <t>POINT (4.640036051030635 51.851198791256955)</t>
  </si>
  <si>
    <t>POINT (4.6535289161982645 51.83015153513279)</t>
  </si>
  <si>
    <t>POINT (4.652965244941763 51.831801926026316)</t>
  </si>
  <si>
    <t>POINT (4.647354703644931 51.83685428668931)</t>
  </si>
  <si>
    <t>POINT (4.652225244114696 51.84822039679155)</t>
  </si>
  <si>
    <t>POINT (4.656765709578412 51.834566576405265)</t>
  </si>
  <si>
    <t>POINT (4.637563914098071 51.83752924625516)</t>
  </si>
  <si>
    <t>POINT (4.634270790361632 51.82707230806224)</t>
  </si>
  <si>
    <t>POINT (4.649200380447724 51.832245727801315)</t>
  </si>
  <si>
    <t>POINT (4.644097025552836 51.83329223647233)</t>
  </si>
  <si>
    <t>POINT (4.6375496291499125 51.838079909213086)</t>
  </si>
  <si>
    <t>POINT (4.650309662092936 51.84603231793616)</t>
  </si>
  <si>
    <t>POINT (4.642643354654849 51.842739044898195)</t>
  </si>
  <si>
    <t>POINT (4.639735363613059 51.82821284249594)</t>
  </si>
  <si>
    <t>POINT (4.633016803251935 51.846524752760445)</t>
  </si>
  <si>
    <t>POINT (4.64377510008642 51.84832420304745)</t>
  </si>
  <si>
    <t>POINT (4.644942195322978 51.834302328626215)</t>
  </si>
  <si>
    <t>POINT (4.644563487581282 51.834004574599746)</t>
  </si>
  <si>
    <t>POINT (4.63635214643717 51.829098720375924)</t>
  </si>
  <si>
    <t>POINT (4.6462757283637375 51.83540929453235)</t>
  </si>
  <si>
    <t>POINT (4.627887741701467 51.84085579322113)</t>
  </si>
  <si>
    <t>3342TR</t>
  </si>
  <si>
    <t>POINT (4.629418774946222 51.84386790409873)</t>
  </si>
  <si>
    <t>POINT (4.6450982287714595 51.842592791501296)</t>
  </si>
  <si>
    <t>POINT (4.634050812143296 51.84891338722865)</t>
  </si>
  <si>
    <t>POINT (4.658150185110425 51.83416126386494)</t>
  </si>
  <si>
    <t>POINT (4.623885611711004 51.84153994661205)</t>
  </si>
  <si>
    <t>3343PL</t>
  </si>
  <si>
    <t>Het Groeneveld</t>
  </si>
  <si>
    <t>POINT (4.631510709960446 51.836816285864195)</t>
  </si>
  <si>
    <t>POINT (4.642867699791087 51.85375157613267)</t>
  </si>
  <si>
    <t>POINT (4.652197688513607 51.84312328845386)</t>
  </si>
  <si>
    <t>POINT (4.630575634057588 51.84929553489662)</t>
  </si>
  <si>
    <t>POINT (4.643596481131595 51.832471034334105)</t>
  </si>
  <si>
    <t>POINT (4.650971818343818 51.84027087649025)</t>
  </si>
  <si>
    <t>POINT (4.6422666423256596 51.82690759787686)</t>
  </si>
  <si>
    <t>POINT (4.644433379201631 51.83626955324218)</t>
  </si>
  <si>
    <t>POINT (4.6502811355946765 51.83634628988686)</t>
  </si>
  <si>
    <t>POINT (4.6556638681076405 51.83545935469937)</t>
  </si>
  <si>
    <t>POINT (4.645291158474347 51.84409511762177)</t>
  </si>
  <si>
    <t>POINT (4.62077342703518 51.83852643743713)</t>
  </si>
  <si>
    <t>3341XB</t>
  </si>
  <si>
    <t>Beukenstraat</t>
  </si>
  <si>
    <t>POINT (4.64767556250953 51.8508965964954)</t>
  </si>
  <si>
    <t>POINT (4.654924129243862 51.82999845120476)</t>
  </si>
  <si>
    <t>POINT (4.6375481437426105 51.82845392095958)</t>
  </si>
  <si>
    <t>POINT (4.6506156921530994 51.841294213002264)</t>
  </si>
  <si>
    <t>POINT (4.632895232845852 51.845984651529925)</t>
  </si>
  <si>
    <t>POINT (4.651487663808634 51.836107235416854)</t>
  </si>
  <si>
    <t>POINT (4.646312748585025 51.835805029706)</t>
  </si>
  <si>
    <t>POINT (4.627660403289327 51.83798693265594)</t>
  </si>
  <si>
    <t>POINT (4.6476051303862045 51.830437952836014)</t>
  </si>
  <si>
    <t>POINT (4.642842939939546 51.849946503035405)</t>
  </si>
  <si>
    <t>POINT (4.642863618271199 51.8496077796734)</t>
  </si>
  <si>
    <t>3341VM</t>
  </si>
  <si>
    <t>Waelneslaan</t>
  </si>
  <si>
    <t>POINT (4.639405138047111 51.848111664020635)</t>
  </si>
  <si>
    <t>POINT (4.628843868942856 51.84008894666579)</t>
  </si>
  <si>
    <t>POINT (4.6494595164012855 51.843887678621115)</t>
  </si>
  <si>
    <t>3341RL</t>
  </si>
  <si>
    <t>POINT (4.648098716845474 51.842800480719305)</t>
  </si>
  <si>
    <t>POINT (4.645022286046504 51.836632824715686)</t>
  </si>
  <si>
    <t>POINT (4.6536067956436655 51.833387942657964)</t>
  </si>
  <si>
    <t>POINT (4.645738338526731 51.849932597952936)</t>
  </si>
  <si>
    <t>POINT (4.631460319297883 51.83895526771069)</t>
  </si>
  <si>
    <t>POINT (4.657809874858435 51.83409706519049)</t>
  </si>
  <si>
    <t>POINT (4.641637282310137 51.84828765483216)</t>
  </si>
  <si>
    <t>POINT (4.605052450125491 51.83721826304764)</t>
  </si>
  <si>
    <t>3341TM</t>
  </si>
  <si>
    <t>POINT (4.640368620595359 51.84602343768137)</t>
  </si>
  <si>
    <t>POINT (4.630204029347552 51.84636283269111)</t>
  </si>
  <si>
    <t>POINT (4.649384214466897 51.841305050848696)</t>
  </si>
  <si>
    <t>3341GJ</t>
  </si>
  <si>
    <t>Pieter Oudelandstraat</t>
  </si>
  <si>
    <t>POINT (4.643166867590067 51.84355134362476)</t>
  </si>
  <si>
    <t>POINT (4.64130432855624 51.84735970798584)</t>
  </si>
  <si>
    <t>POINT (4.623746876313676 51.84373228325378)</t>
  </si>
  <si>
    <t>POINT (4.642770012058122 51.827171463269245)</t>
  </si>
  <si>
    <t>POINT (4.6420790663813785 51.836497327730456)</t>
  </si>
  <si>
    <t>POINT (4.643856912704988 51.848509716614835)</t>
  </si>
  <si>
    <t>3342BZ</t>
  </si>
  <si>
    <t>Smidshoef</t>
  </si>
  <si>
    <t>POINT (4.630354628371668 51.849491861283774)</t>
  </si>
  <si>
    <t>POINT (4.656614778471082 51.830413475972534)</t>
  </si>
  <si>
    <t>POINT (4.648678023397413 51.83317000167245)</t>
  </si>
  <si>
    <t>3341RP</t>
  </si>
  <si>
    <t>Zeis</t>
  </si>
  <si>
    <t>POINT (4.648480510439853 51.840600238823136)</t>
  </si>
  <si>
    <t>POINT (4.638836746438203 51.836899171114446)</t>
  </si>
  <si>
    <t>POINT (4.65802979536872 51.835312107522746)</t>
  </si>
  <si>
    <t>POINT (4.650483210165546 51.83364702973464)</t>
  </si>
  <si>
    <t>POINT (4.633609811669517 51.846645413108945)</t>
  </si>
  <si>
    <t>POINT (4.6490276175097645 51.83039297482436)</t>
  </si>
  <si>
    <t>POINT (4.6401943427809265 51.832632649902)</t>
  </si>
  <si>
    <t>3342AH</t>
  </si>
  <si>
    <t>POINT (4.629855454335844 51.845515649396255)</t>
  </si>
  <si>
    <t>POINT (4.647289247685328 51.83642241804019)</t>
  </si>
  <si>
    <t>POINT (4.637288739380595 51.82616579343323)</t>
  </si>
  <si>
    <t>POINT (4.644536999316845 51.8490528093327)</t>
  </si>
  <si>
    <t>POINT (4.6238634336420406 51.837710621942584)</t>
  </si>
  <si>
    <t>POINT (4.633705206948367 51.838340490015916)</t>
  </si>
  <si>
    <t>3341CB</t>
  </si>
  <si>
    <t>POINT (4.641804814140096 51.84956510827493)</t>
  </si>
  <si>
    <t>POINT (4.62168396196303 51.83873911821651)</t>
  </si>
  <si>
    <t>POINT (4.651574101929953 51.8407064491959)</t>
  </si>
  <si>
    <t>POINT (4.6430917953725075 51.82701170735308)</t>
  </si>
  <si>
    <t>3341SR</t>
  </si>
  <si>
    <t>POINT (4.650329999131648 51.84390213379883)</t>
  </si>
  <si>
    <t>POINT (4.63245649410387 51.83492575815912)</t>
  </si>
  <si>
    <t>POINT (4.643704314559625 51.841713878585686)</t>
  </si>
  <si>
    <t>3344GD</t>
  </si>
  <si>
    <t>Gors</t>
  </si>
  <si>
    <t>POINT (4.650408598191589 51.83111175624571)</t>
  </si>
  <si>
    <t>POINT (4.658125568214782 51.83477338268222)</t>
  </si>
  <si>
    <t>POINT (4.650930444844592 51.845344085897565)</t>
  </si>
  <si>
    <t>POINT (4.6255989023260105 51.837191561058006)</t>
  </si>
  <si>
    <t>3342GX</t>
  </si>
  <si>
    <t>Boutershof</t>
  </si>
  <si>
    <t>POINT (4.625225907775089 51.84037113557999)</t>
  </si>
  <si>
    <t>POINT (4.6223086001653115 51.83297143363302)</t>
  </si>
  <si>
    <t>POINT (4.644470887552568 51.84279556377835)</t>
  </si>
  <si>
    <t>POINT (4.646034178037164 51.83774482398509)</t>
  </si>
  <si>
    <t>POINT (4.65458136397631 51.83234235492829)</t>
  </si>
  <si>
    <t>POINT (4.644039379827471 51.83306811643996)</t>
  </si>
  <si>
    <t>POINT (4.64597846588711 51.82790187384253)</t>
  </si>
  <si>
    <t>3341LC</t>
  </si>
  <si>
    <t>POINT (4.638410747439452 51.85030754915386)</t>
  </si>
  <si>
    <t>POINT (4.656610237906783 51.833834246306075)</t>
  </si>
  <si>
    <t>POINT (4.6384045796293485 51.82710774078338)</t>
  </si>
  <si>
    <t>3343DC</t>
  </si>
  <si>
    <t>POINT (4.642175579319011 51.84119002659968)</t>
  </si>
  <si>
    <t>POINT (4.645383054866963 51.83499017807122)</t>
  </si>
  <si>
    <t>POINT (4.626209844934412 51.8439729902636)</t>
  </si>
  <si>
    <t>POINT (4.64541236604939 51.83497238594533)</t>
  </si>
  <si>
    <t>POINT (4.640864336262208 51.84325808069295)</t>
  </si>
  <si>
    <t>POINT (4.640273813369856 51.82986119916661)</t>
  </si>
  <si>
    <t>POINT (4.6411447703929705 51.8280779901639)</t>
  </si>
  <si>
    <t>3343LG</t>
  </si>
  <si>
    <t>3343LG-3343LJ</t>
  </si>
  <si>
    <t>POINT (4.628165267541859 51.83988681019701)</t>
  </si>
  <si>
    <t>POINT (4.621551397353558 51.838855106685614)</t>
  </si>
  <si>
    <t>POINT (4.648756388102664 51.84251698194337)</t>
  </si>
  <si>
    <t>POINT (4.627952530309709 51.84217754831414)</t>
  </si>
  <si>
    <t>POINT (4.652074757814525 51.845477097371294)</t>
  </si>
  <si>
    <t>POINT (4.649632598778324 51.836285327749536)</t>
  </si>
  <si>
    <t>3344HB</t>
  </si>
  <si>
    <t>Sophialaan</t>
  </si>
  <si>
    <t>POINT (4.649202103729704 51.83550122831085)</t>
  </si>
  <si>
    <t>POINT (4.6586840659009 51.84150935446632)</t>
  </si>
  <si>
    <t>POINT (4.623834547834421 51.843696898591155)</t>
  </si>
  <si>
    <t>3344PJ</t>
  </si>
  <si>
    <t>Moerbeigaarde</t>
  </si>
  <si>
    <t>POINT (4.64333878259904 51.83577723410861)</t>
  </si>
  <si>
    <t>POINT (4.622669240426359 51.841388212852586)</t>
  </si>
  <si>
    <t>POINT (4.648724785108813 51.8425433446599)</t>
  </si>
  <si>
    <t>POINT (4.631739072902453 51.837042472722885)</t>
  </si>
  <si>
    <t>POINT (4.640765488806644 51.83959007512095)</t>
  </si>
  <si>
    <t>POINT (4.634714570884301 51.83524586955357)</t>
  </si>
  <si>
    <t>POINT (4.627936789834491 51.83880669078912)</t>
  </si>
  <si>
    <t>POINT (4.634572552577744 51.834193283288464)</t>
  </si>
  <si>
    <t>POINT (4.63875210402451 51.82714591202294)</t>
  </si>
  <si>
    <t>POINT (4.650822378459347 51.832738938153994)</t>
  </si>
  <si>
    <t>3344AA</t>
  </si>
  <si>
    <t>3343RL-3344AA</t>
  </si>
  <si>
    <t>POINT (4.650819839745025 51.82902896462067)</t>
  </si>
  <si>
    <t>POINT (4.650225500397587 51.829888147296494)</t>
  </si>
  <si>
    <t>POINT (4.645495671561494 51.848419955267694)</t>
  </si>
  <si>
    <t>POINT (4.641921112802669 51.83639744964947)</t>
  </si>
  <si>
    <t>POINT (4.633181624101503 51.83754612446117)</t>
  </si>
  <si>
    <t>POINT (4.650313373641735 51.83072464558447)</t>
  </si>
  <si>
    <t>POINT (4.64436184721072 51.837967959461544)</t>
  </si>
  <si>
    <t>POINT (4.652927144169159 51.8314691069296)</t>
  </si>
  <si>
    <t>POINT (4.644957422945439 51.84233123012556)</t>
  </si>
  <si>
    <t>POINT (4.6346417322826134 51.83526337999417)</t>
  </si>
  <si>
    <t>POINT (4.643904602814623 51.829623574822655)</t>
  </si>
  <si>
    <t>POINT (4.636950307814853 51.83341717635172)</t>
  </si>
  <si>
    <t>POINT (4.626691458379275 51.84553115228897)</t>
  </si>
  <si>
    <t>POINT (4.642643157282261 51.843628921575664)</t>
  </si>
  <si>
    <t>POINT (4.648731479695862 51.84580667466925)</t>
  </si>
  <si>
    <t>POINT (4.650239233902172 51.83348370226441)</t>
  </si>
  <si>
    <t>POINT (4.635292352117746 51.83800909638724)</t>
  </si>
  <si>
    <t>POINT (4.640259363982554 51.84035988180442)</t>
  </si>
  <si>
    <t>POINT (4.626693603479015 51.835949230333675)</t>
  </si>
  <si>
    <t>POINT (4.622967594246559 51.838342990452084)</t>
  </si>
  <si>
    <t>POINT (4.6465665721285125 51.84772559990527)</t>
  </si>
  <si>
    <t>3342VR</t>
  </si>
  <si>
    <t>van der Eijndestraat</t>
  </si>
  <si>
    <t>POINT (4.630574091013955 51.84765958686711)</t>
  </si>
  <si>
    <t>3342BL</t>
  </si>
  <si>
    <t>POINT (4.629828708906428 51.848832297176926)</t>
  </si>
  <si>
    <t>POINT (4.643874231752634 51.841863986607805)</t>
  </si>
  <si>
    <t>POINT (4.644358981645348 51.83380154783927)</t>
  </si>
  <si>
    <t>POINT (4.640934470065636 51.82938900105679)</t>
  </si>
  <si>
    <t>POINT (4.657332650267013 51.83417232737701)</t>
  </si>
  <si>
    <t>POINT (4.637863379770128 51.83293385338464)</t>
  </si>
  <si>
    <t>3341HA</t>
  </si>
  <si>
    <t>Tuinder</t>
  </si>
  <si>
    <t>POINT (4.650500719809065 51.84188696794327)</t>
  </si>
  <si>
    <t>3344HJ</t>
  </si>
  <si>
    <t>Barbeel</t>
  </si>
  <si>
    <t>POINT (4.644891363103282 51.83904500535214)</t>
  </si>
  <si>
    <t>3343CJ</t>
  </si>
  <si>
    <t>Hoekkamp</t>
  </si>
  <si>
    <t>POINT (4.626214388194703 51.835973090900325)</t>
  </si>
  <si>
    <t>POINT (4.626574460008821 51.84558432645152)</t>
  </si>
  <si>
    <t>POINT (4.637788286759985 51.8397418928877)</t>
  </si>
  <si>
    <t>POINT (4.657234212684537 51.83458665895085)</t>
  </si>
  <si>
    <t>POINT (4.6370499997048364 51.83615069579152)</t>
  </si>
  <si>
    <t>POINT (4.656552401686672 51.85016385477198)</t>
  </si>
  <si>
    <t>POINT (4.639111901161569 51.83955258381618)</t>
  </si>
  <si>
    <t>POINT (4.638609781100338 51.840079714866796)</t>
  </si>
  <si>
    <t>POINT (4.644206573773891 51.84386354244769)</t>
  </si>
  <si>
    <t>POINT (4.6469330027068 51.83867632791822)</t>
  </si>
  <si>
    <t>POINT (4.642724291193632 51.8325733702009)</t>
  </si>
  <si>
    <t>3343CS</t>
  </si>
  <si>
    <t>POINT (4.628387695155947 51.83615794411018)</t>
  </si>
  <si>
    <t>POINT (4.6258633486255984 51.846442630505834)</t>
  </si>
  <si>
    <t>POINT (4.636439356324843 51.83448388634087)</t>
  </si>
  <si>
    <t>POINT (4.631019484741515 51.83426854296036)</t>
  </si>
  <si>
    <t>POINT (4.647071797956831 51.83022785170941)</t>
  </si>
  <si>
    <t>POINT (4.643736131618782 51.84984607775951)</t>
  </si>
  <si>
    <t>POINT (4.653769632820113 51.84270682278366)</t>
  </si>
  <si>
    <t>3341TA</t>
  </si>
  <si>
    <t>POINT (4.642330303003223 51.84587410326273)</t>
  </si>
  <si>
    <t>3344GK</t>
  </si>
  <si>
    <t>POINT (4.650270691338906 51.83156032417008)</t>
  </si>
  <si>
    <t>POINT (4.6355701872689306 51.83614123034872)</t>
  </si>
  <si>
    <t>POINT (4.627791793975388 51.84740791894537)</t>
  </si>
  <si>
    <t>POINT (4.642668206474959 51.83772352510517)</t>
  </si>
  <si>
    <t>POINT (4.628939574983123 51.8378513828538)</t>
  </si>
  <si>
    <t>3344AK</t>
  </si>
  <si>
    <t>POINT (4.649742887210613 51.82923793168615)</t>
  </si>
  <si>
    <t>POINT (4.634740098291493 51.84587963665281)</t>
  </si>
  <si>
    <t>3342BB</t>
  </si>
  <si>
    <t>POINT (4.630100516608602 51.8499306678809)</t>
  </si>
  <si>
    <t>POINT (4.649251911654906 51.83924757718875)</t>
  </si>
  <si>
    <t>POINT (4.63660905828899 51.832826200220254)</t>
  </si>
  <si>
    <t>POINT (4.629265124764192 51.852136490985586)</t>
  </si>
  <si>
    <t>3341RC</t>
  </si>
  <si>
    <t>POINT (4.646907816942474 51.84197500928763)</t>
  </si>
  <si>
    <t>POINT (4.640010654289444 51.84132708013755)</t>
  </si>
  <si>
    <t>POINT (4.6389573812889395 51.834877487707914)</t>
  </si>
  <si>
    <t>POINT (4.625898593304608 51.844357485654015)</t>
  </si>
  <si>
    <t>POINT (4.645989139319497 51.83607264703131)</t>
  </si>
  <si>
    <t>POINT (4.635262284906847 51.83807182455361)</t>
  </si>
  <si>
    <t>POINT (4.621363833617961 51.84135273861413)</t>
  </si>
  <si>
    <t>POINT (4.640875232775706 51.83353674757941)</t>
  </si>
  <si>
    <t>POINT (4.64995153685817 51.84663230970876)</t>
  </si>
  <si>
    <t>POINT (4.6401422100568865 51.83266615152729)</t>
  </si>
  <si>
    <t>3344EJ</t>
  </si>
  <si>
    <t>Legakker</t>
  </si>
  <si>
    <t>POINT (4.644934668874001 51.8296211043191)</t>
  </si>
  <si>
    <t>POINT (4.625256107700342 51.84373309889438)</t>
  </si>
  <si>
    <t>POINT (4.634496991478113 51.83697929006386)</t>
  </si>
  <si>
    <t>POINT (4.6294911936534335 51.83956279414592)</t>
  </si>
  <si>
    <t>POINT (4.627171765943899 51.83856803473327)</t>
  </si>
  <si>
    <t>POINT (4.641002333041156 51.848067893434816)</t>
  </si>
  <si>
    <t>POINT (4.645507928764012 51.844150419183315)</t>
  </si>
  <si>
    <t>3343DG</t>
  </si>
  <si>
    <t>Godfried Schalckenstraat</t>
  </si>
  <si>
    <t>POINT (4.642265126822723 51.839284996888246)</t>
  </si>
  <si>
    <t>3343CN</t>
  </si>
  <si>
    <t>POINT (4.627429303828391 51.83534276338263)</t>
  </si>
  <si>
    <t>3341HG</t>
  </si>
  <si>
    <t>Dorpsomroeper</t>
  </si>
  <si>
    <t>POINT (4.653204938519657 51.84242744987653)</t>
  </si>
  <si>
    <t>POINT (4.648721606553605 51.84640885261757)</t>
  </si>
  <si>
    <t>POINT (4.625654118095714 51.84336714532344)</t>
  </si>
  <si>
    <t>POINT (4.633339880786302 51.83415840763485)</t>
  </si>
  <si>
    <t>3344EA</t>
  </si>
  <si>
    <t>3344DL-3344EA</t>
  </si>
  <si>
    <t>POINT (4.644308115414271 51.82890703492296)</t>
  </si>
  <si>
    <t>POINT (4.6305627499380115 51.839695546756815)</t>
  </si>
  <si>
    <t>POINT (4.650192117440103 51.841488100806394)</t>
  </si>
  <si>
    <t>POINT (4.642613386463515 51.8331389534492)</t>
  </si>
  <si>
    <t>POINT (4.644602462590349 51.847137919949375)</t>
  </si>
  <si>
    <t>POINT (4.639101955607789 51.837530068756045)</t>
  </si>
  <si>
    <t>3342GN</t>
  </si>
  <si>
    <t>Geertruid Pijnsenhof</t>
  </si>
  <si>
    <t>POINT (4.623908954371869 51.84101875466402)</t>
  </si>
  <si>
    <t>POINT (4.64080656337458 51.8481177586451)</t>
  </si>
  <si>
    <t>POINT (4.6503600493078485 51.8438394017856)</t>
  </si>
  <si>
    <t>POINT (4.629325294780638 51.85201103800491)</t>
  </si>
  <si>
    <t>POINT (4.64606393432859 51.837700068498975)</t>
  </si>
  <si>
    <t>POINT (4.646227331493735 51.84188082986718)</t>
  </si>
  <si>
    <t>POINT (4.644870368184262 51.84144979051426)</t>
  </si>
  <si>
    <t>POINT (4.6378736711984185 51.8276047888712)</t>
  </si>
  <si>
    <t>POINT (4.636298456554736 51.84641994492494)</t>
  </si>
  <si>
    <t>POINT (4.640806253356694 51.846763291020046)</t>
  </si>
  <si>
    <t>POINT (4.640414127499701 51.844154084644074)</t>
  </si>
  <si>
    <t>POINT (4.637008025506589 51.83894943869021)</t>
  </si>
  <si>
    <t>POINT (4.627635876641325 51.84890801891678)</t>
  </si>
  <si>
    <t>POINT (4.645553555964417 51.846667532477696)</t>
  </si>
  <si>
    <t>POINT (4.645517354491376 51.83828986876596)</t>
  </si>
  <si>
    <t>POINT (4.625485349978696 51.84591041310848)</t>
  </si>
  <si>
    <t>POINT (4.641450649618984 51.833231499620446)</t>
  </si>
  <si>
    <t>POINT (4.629376876226494 51.84808332206695)</t>
  </si>
  <si>
    <t>POINT (4.6296601589909185 51.84763571649084)</t>
  </si>
  <si>
    <t>POINT (4.64134391929594 51.84672176442598)</t>
  </si>
  <si>
    <t>POINT (4.645176265535822 51.84960087144252)</t>
  </si>
  <si>
    <t>3341BA</t>
  </si>
  <si>
    <t>Burgemeester van Akenwijk</t>
  </si>
  <si>
    <t>POINT (4.657893887239347 51.84101906121693)</t>
  </si>
  <si>
    <t>POINT (4.656832022827282 51.833508178362344)</t>
  </si>
  <si>
    <t>POINT (4.651274062891101 51.84385412315278)</t>
  </si>
  <si>
    <t>POINT (4.643571293376309 51.82872259569075)</t>
  </si>
  <si>
    <t>POINT (4.638445226872315 51.83251918798139)</t>
  </si>
  <si>
    <t>3344CC</t>
  </si>
  <si>
    <t>POINT (4.653100772482326 51.83060728056055)</t>
  </si>
  <si>
    <t>POINT (4.639822982598406 51.850918786826654)</t>
  </si>
  <si>
    <t>POINT (4.628864808335919 51.8353969888127)</t>
  </si>
  <si>
    <t>POINT (4.620694900747387 51.83973040920423)</t>
  </si>
  <si>
    <t>POINT (4.626691610134784 51.84552216459443)</t>
  </si>
  <si>
    <t>POINT (4.624509984054626 51.841517038383586)</t>
  </si>
  <si>
    <t>POINT (4.6275927247623985 51.8471639370109)</t>
  </si>
  <si>
    <t>POINT (4.655773563567472 51.8491675670187)</t>
  </si>
  <si>
    <t>POINT (4.647100482088526 51.845607840928366)</t>
  </si>
  <si>
    <t>POINT (4.643738722414723 51.841695319155086)</t>
  </si>
  <si>
    <t>POINT (4.6246042482769205 51.84194910753438)</t>
  </si>
  <si>
    <t>POINT (4.624751606669676 51.83924447052194)</t>
  </si>
  <si>
    <t>POINT (4.636892798493895 51.83867673195116)</t>
  </si>
  <si>
    <t>POINT (4.636939014719946 51.8367162732738)</t>
  </si>
  <si>
    <t>POINT (4.627834571007786 51.847453138984314)</t>
  </si>
  <si>
    <t>POINT (4.642998747462383 51.84494352108208)</t>
  </si>
  <si>
    <t>POINT (4.650515422637793 51.8467616902334)</t>
  </si>
  <si>
    <t>POINT (4.641709220103311 51.832218751687904)</t>
  </si>
  <si>
    <t>POINT (4.631255988782516 51.83902586161565)</t>
  </si>
  <si>
    <t>POINT (4.646469190734651 51.82981956010441)</t>
  </si>
  <si>
    <t>POINT (4.632789204747603 51.83411891522517)</t>
  </si>
  <si>
    <t>POINT (4.632002119051753 51.83866212780952)</t>
  </si>
  <si>
    <t>POINT (4.643942112779875 51.841940685200555)</t>
  </si>
  <si>
    <t>POINT (4.647676102439504 51.842024794516675)</t>
  </si>
  <si>
    <t>POINT (4.647878125379575 51.83590478533645)</t>
  </si>
  <si>
    <t>POINT (4.646727091977703 51.852086109983595)</t>
  </si>
  <si>
    <t>POINT (4.635995891656327 51.834975426807844)</t>
  </si>
  <si>
    <t>POINT (4.6329980779141255 51.846776315257024)</t>
  </si>
  <si>
    <t>POINT (4.649591782927969 51.84733116536345)</t>
  </si>
  <si>
    <t>POINT (4.649007445934395 51.83162429626439)</t>
  </si>
  <si>
    <t>POINT (4.638451765578432 51.83736412748221)</t>
  </si>
  <si>
    <t>3343BK</t>
  </si>
  <si>
    <t>POINT (4.63172931623072 51.83848958766393)</t>
  </si>
  <si>
    <t>POINT (4.637469684293986 51.839703903982056)</t>
  </si>
  <si>
    <t>POINT (4.643253484479819 51.84357885849851)</t>
  </si>
  <si>
    <t>POINT (4.64552196506902 51.84065391744589)</t>
  </si>
  <si>
    <t>3343BA</t>
  </si>
  <si>
    <t>Huysweer</t>
  </si>
  <si>
    <t>3342XR-3343BA</t>
  </si>
  <si>
    <t>POINT (4.632250625030019 51.83941877523813)</t>
  </si>
  <si>
    <t>POINT (4.626706121094321 51.84552225858675)</t>
  </si>
  <si>
    <t>POINT (4.625220757199248 51.83895987856007)</t>
  </si>
  <si>
    <t>POINT (4.64812859333418 51.835672657074355)</t>
  </si>
  <si>
    <t>POINT (4.649374732656946 51.83666026058815)</t>
  </si>
  <si>
    <t>POINT (4.655745992518125 51.832097935004)</t>
  </si>
  <si>
    <t>POINT (4.631404088756235 51.84663123529781)</t>
  </si>
  <si>
    <t>POINT (4.626640419117398 51.8425375914949)</t>
  </si>
  <si>
    <t>POINT (4.644367016976164 51.84733418112354)</t>
  </si>
  <si>
    <t>POINT (4.633161866604636 51.83612578591703)</t>
  </si>
  <si>
    <t>POINT (4.642965284713664 51.853994888314254)</t>
  </si>
  <si>
    <t>POINT (4.6283237592033455 51.836508089577734)</t>
  </si>
  <si>
    <t>POINT (4.647759489594614 51.839818863409455)</t>
  </si>
  <si>
    <t>3343PC</t>
  </si>
  <si>
    <t>De Hoog</t>
  </si>
  <si>
    <t>POINT (4.629399935180551 51.83463640609432)</t>
  </si>
  <si>
    <t>POINT (4.65777595729613 51.83127462060464)</t>
  </si>
  <si>
    <t>POINT (4.628086269456893 51.84285256409724)</t>
  </si>
  <si>
    <t>POINT (4.630574996952614 51.847605660674645)</t>
  </si>
  <si>
    <t>POINT (4.642930736979099 51.83061514743562)</t>
  </si>
  <si>
    <t>POINT (4.6428661598656475 51.843306743618804)</t>
  </si>
  <si>
    <t>POINT (4.642369189008725 51.84440020905094)</t>
  </si>
  <si>
    <t>POINT (4.646997570996221 51.84269466824372)</t>
  </si>
  <si>
    <t>POINT (4.644752620147101 51.82746266977577)</t>
  </si>
  <si>
    <t>POINT (4.640152575350223 51.83804911349958)</t>
  </si>
  <si>
    <t>3341GM</t>
  </si>
  <si>
    <t>Van Duyvenvoordelaan</t>
  </si>
  <si>
    <t>POINT (4.643468320577126 51.84375100423677)</t>
  </si>
  <si>
    <t>POINT (4.649917179062378 51.83956025696984)</t>
  </si>
  <si>
    <t>POINT (4.656534840729082 51.83284889804447)</t>
  </si>
  <si>
    <t>POINT (4.656564661095024 51.85014000328003)</t>
  </si>
  <si>
    <t>POINT (4.6478343770214625 51.85448406832441)</t>
  </si>
  <si>
    <t>POINT (4.624774668711933 51.83702441451863)</t>
  </si>
  <si>
    <t>POINT (4.651091240568051 51.84527318487233)</t>
  </si>
  <si>
    <t>POINT (4.656190561116964 51.846725251366976)</t>
  </si>
  <si>
    <t>POINT (4.647304644841418 51.848736982743176)</t>
  </si>
  <si>
    <t>POINT (4.6329430436264465 51.83619628962517)</t>
  </si>
  <si>
    <t>POINT (4.620729271086443 51.8394160294753)</t>
  </si>
  <si>
    <t>POINT (4.645449695106301 51.83901771220062)</t>
  </si>
  <si>
    <t>POINT (4.641441823321254 51.83554947043995)</t>
  </si>
  <si>
    <t>POINT (4.657377366456491 51.84065630522641)</t>
  </si>
  <si>
    <t>POINT (4.648150249333455 51.83914565497044)</t>
  </si>
  <si>
    <t>POINT (4.655656641647202 51.83045245203688)</t>
  </si>
  <si>
    <t>POINT (4.638659978098269 51.83360742388921)</t>
  </si>
  <si>
    <t>Onderdijkse Rijweg</t>
  </si>
  <si>
    <t>POINT (4.65463961540248 51.844184640982725)</t>
  </si>
  <si>
    <t>POINT (4.625785091480369 51.84420394206755)</t>
  </si>
  <si>
    <t>POINT (4.642794568358605 51.827441279500995)</t>
  </si>
  <si>
    <t>POINT (4.64919554898057 51.83608385954932)</t>
  </si>
  <si>
    <t>POINT (4.657822467331406 51.83557149072005)</t>
  </si>
  <si>
    <t>POINT (4.622291151427874 51.834054808197756)</t>
  </si>
  <si>
    <t>POINT (4.653202331898791 51.832817510331424)</t>
  </si>
  <si>
    <t>POINT (4.643336739593574 51.83502217255923)</t>
  </si>
  <si>
    <t>POINT (4.635982206627456 51.846238148568155)</t>
  </si>
  <si>
    <t>POINT (4.643052129930389 51.83029232460513)</t>
  </si>
  <si>
    <t>POINT (4.633258320464937 51.834697204864234)</t>
  </si>
  <si>
    <t>POINT (4.650060560369025 51.84972509119236)</t>
  </si>
  <si>
    <t>POINT (4.646691506357638 51.82953332513405)</t>
  </si>
  <si>
    <t>3343RH</t>
  </si>
  <si>
    <t>POINT (4.6358737439008495 51.837949897940696)</t>
  </si>
  <si>
    <t>POINT (4.650012985635864 51.83658475653149)</t>
  </si>
  <si>
    <t>POINT (4.630541815658394 51.83575836883682)</t>
  </si>
  <si>
    <t>POINT (4.646253716481087 51.831454139287956)</t>
  </si>
  <si>
    <t>POINT (4.6375357915734785 51.835731331148864)</t>
  </si>
  <si>
    <t>POINT (4.634205936821111 51.84918404215969)</t>
  </si>
  <si>
    <t>POINT (4.637262854872364 51.82736387416963)</t>
  </si>
  <si>
    <t>POINT (4.625219028730962 51.844209258323424)</t>
  </si>
  <si>
    <t>POINT (4.645464285577521 51.830055908716616)</t>
  </si>
  <si>
    <t>POINT (4.646045505939638 51.841466203595246)</t>
  </si>
  <si>
    <t>POINT (4.6412761451637055 51.83332499672306)</t>
  </si>
  <si>
    <t>POINT (4.647943820304665 51.828363702096624)</t>
  </si>
  <si>
    <t>POINT (4.654761289342342 51.83198393101849)</t>
  </si>
  <si>
    <t>POINT (4.636599893168575 51.82784241000309)</t>
  </si>
  <si>
    <t>POINT (4.635380303425681 51.837955727602385)</t>
  </si>
  <si>
    <t>POINT (4.636286879121551 51.8281166483067)</t>
  </si>
  <si>
    <t>POINT (4.643982729677561 51.85391144585512)</t>
  </si>
  <si>
    <t>POINT (4.627525597940881 51.8442601601748)</t>
  </si>
  <si>
    <t>POINT (4.634624057482495 51.83805874621823)</t>
  </si>
  <si>
    <t>3343DJ</t>
  </si>
  <si>
    <t>Johannes Chr. Bendorpstraat</t>
  </si>
  <si>
    <t>POINT (4.6391522617272125 51.838869701816805)</t>
  </si>
  <si>
    <t>POINT (4.648481379402731 51.83185469235495)</t>
  </si>
  <si>
    <t>POINT (4.647865760339199 51.832237329556826)</t>
  </si>
  <si>
    <t>POINT (4.640921963811666 51.84766289283931)</t>
  </si>
  <si>
    <t>POINT (4.637080565423759 51.82836602665857)</t>
  </si>
  <si>
    <t>POINT (4.645157731463684 51.828409042960935)</t>
  </si>
  <si>
    <t>POINT (4.634472179650254 51.83672744793145)</t>
  </si>
  <si>
    <t>POINT (4.641666674614695 51.8377441350869)</t>
  </si>
  <si>
    <t>POINT (4.647678930579238 51.83885599347301)</t>
  </si>
  <si>
    <t>POINT (4.645581083307794 51.83089259368318)</t>
  </si>
  <si>
    <t>POINT (4.646369868552719 51.83497843243545)</t>
  </si>
  <si>
    <t>POINT (4.628814782169938 51.85129763705003)</t>
  </si>
  <si>
    <t>POINT (4.62914284514433 51.83784370691855)</t>
  </si>
  <si>
    <t>POINT (4.629635521123974 51.84651197337827)</t>
  </si>
  <si>
    <t>POINT (4.63993887566608 51.83606125625373)</t>
  </si>
  <si>
    <t>3344GS</t>
  </si>
  <si>
    <t>Vliedberg</t>
  </si>
  <si>
    <t>POINT (4.6471193816547 51.8317472378588)</t>
  </si>
  <si>
    <t>3341DE</t>
  </si>
  <si>
    <t>Watersnip</t>
  </si>
  <si>
    <t>POINT (4.655823992777362 51.8367213808267)</t>
  </si>
  <si>
    <t>POINT (4.635305810654731 51.83807210333303)</t>
  </si>
  <si>
    <t>POINT (4.6432045740751855 51.830724747532265)</t>
  </si>
  <si>
    <t>3341CW</t>
  </si>
  <si>
    <t>POINT (4.640739466519735 51.84378761821353)</t>
  </si>
  <si>
    <t>POINT (4.643689989435312 51.8495851235011)</t>
  </si>
  <si>
    <t>POINT (4.64166545705342 51.84395529788915)</t>
  </si>
  <si>
    <t>POINT (4.643471282128632 51.83566122086641)</t>
  </si>
  <si>
    <t>3344RG</t>
  </si>
  <si>
    <t>POINT (4.643300346998483 51.838105056656005)</t>
  </si>
  <si>
    <t>3342TE</t>
  </si>
  <si>
    <t>POINT (4.626359160509753 51.84630202565057)</t>
  </si>
  <si>
    <t>POINT (4.65005502172395 51.84917674861518)</t>
  </si>
  <si>
    <t>POINT (4.635019411415315 51.845665698303385)</t>
  </si>
  <si>
    <t>POINT (4.64893080496949 51.84604163326849)</t>
  </si>
  <si>
    <t>3342CA</t>
  </si>
  <si>
    <t>POINT (4.627100848493823 51.844491116739576)</t>
  </si>
  <si>
    <t>POINT (4.646078461717676 51.84563715105367)</t>
  </si>
  <si>
    <t>POINT (4.642045670251322 51.84641161696537)</t>
  </si>
  <si>
    <t>POINT (4.6327322234465615 51.838388173106445)</t>
  </si>
  <si>
    <t>POINT (4.6261956199790255 51.84223808269723)</t>
  </si>
  <si>
    <t>3343DH</t>
  </si>
  <si>
    <t>Aert Schoumanstraat</t>
  </si>
  <si>
    <t>POINT (4.642413729992503 51.83995110131466)</t>
  </si>
  <si>
    <t>POINT (4.646152463659637 51.837610740672226)</t>
  </si>
  <si>
    <t>POINT (4.643076138448029 51.85370146411457)</t>
  </si>
  <si>
    <t>POINT (4.646588899588781 51.83754158545683)</t>
  </si>
  <si>
    <t>POINT (4.654055933437189 51.83310469324498)</t>
  </si>
  <si>
    <t>POINT (4.638372708922801 51.83541606453139)</t>
  </si>
  <si>
    <t>POINT (4.641333202897234 51.84736888007534)</t>
  </si>
  <si>
    <t>POINT (4.642440649012833 51.84534447211552)</t>
  </si>
  <si>
    <t>POINT (4.62202317168554 51.840125587644025)</t>
  </si>
  <si>
    <t>POINT (4.6515151311366845 51.832493324855825)</t>
  </si>
  <si>
    <t>POINT (4.646355384628279 51.83056490206278)</t>
  </si>
  <si>
    <t>POINT (4.625545877972124 51.83861142958234)</t>
  </si>
  <si>
    <t>POINT (4.626140429286723 51.84636352877579)</t>
  </si>
  <si>
    <t>POINT (4.633526291446621 51.83862697926894)</t>
  </si>
  <si>
    <t>POINT (4.636010343376112 51.83671932317253)</t>
  </si>
  <si>
    <t>POINT (4.640040028206759 51.829086684552365)</t>
  </si>
  <si>
    <t>POINT (4.635470204138819 51.837785518419196)</t>
  </si>
  <si>
    <t>POINT (4.6234358775278315 51.84324487165484)</t>
  </si>
  <si>
    <t>POINT (4.641434486415428 51.84738750075706)</t>
  </si>
  <si>
    <t>POINT (4.6467037853082145 51.83761421952364)</t>
  </si>
  <si>
    <t>3342GJ</t>
  </si>
  <si>
    <t>Agaat Oomstraat</t>
  </si>
  <si>
    <t>POINT (4.622625371335881 51.839698054071945)</t>
  </si>
  <si>
    <t>POINT (4.647028950459609 51.835485955467824)</t>
  </si>
  <si>
    <t>POINT (4.645850135706981 51.82776623319459)</t>
  </si>
  <si>
    <t>POINT (4.645916039595008 51.83786991944012)</t>
  </si>
  <si>
    <t>POINT (4.637268214000725 51.83698803704148)</t>
  </si>
  <si>
    <t>POINT (4.643081153589027 51.839955333549796)</t>
  </si>
  <si>
    <t>POINT (4.626217814068833 51.836629287337026)</t>
  </si>
  <si>
    <t>POINT (4.626603633740686 51.84557552676906)</t>
  </si>
  <si>
    <t>POINT (4.6491564185716605 51.83227241742464)</t>
  </si>
  <si>
    <t>POINT (4.654578215996718 51.830751341000976)</t>
  </si>
  <si>
    <t>POINT (4.626033650939277 51.84151793813899)</t>
  </si>
  <si>
    <t>POINT (4.644501809280669 51.844440684874264)</t>
  </si>
  <si>
    <t>POINT (4.625663617691016 51.84023015672991)</t>
  </si>
  <si>
    <t>POINT (4.640106440123373 51.82683094739132)</t>
  </si>
  <si>
    <t>POINT (4.642777074558328 51.84518480971617)</t>
  </si>
  <si>
    <t>3342AP</t>
  </si>
  <si>
    <t>Vreedebestpad</t>
  </si>
  <si>
    <t>POINT (4.623693078714124 51.84656274759906)</t>
  </si>
  <si>
    <t>POINT (4.642747889628738 51.82851063666334)</t>
  </si>
  <si>
    <t>3344EG</t>
  </si>
  <si>
    <t>Oeverwal</t>
  </si>
  <si>
    <t>POINT (4.6434311007573355 51.829305971698595)</t>
  </si>
  <si>
    <t>POINT (4.637330702508862 51.84630968939938)</t>
  </si>
  <si>
    <t>POINT (4.642843390740397 51.84556275402893)</t>
  </si>
  <si>
    <t>POINT (4.626608196988385 51.848513442139364)</t>
  </si>
  <si>
    <t>POINT (4.635426272986294 51.83302179356326)</t>
  </si>
  <si>
    <t>POINT (4.647158862699315 51.83729349706269)</t>
  </si>
  <si>
    <t>POINT (4.63995397557428 51.838650090683814)</t>
  </si>
  <si>
    <t>POINT (4.648919156346645 51.8325855289742)</t>
  </si>
  <si>
    <t>POINT (4.63549892119247 51.837803679658045)</t>
  </si>
  <si>
    <t>POINT (4.643113497720276 51.84502514634486)</t>
  </si>
  <si>
    <t>POINT (4.65546768672934 51.842981468929224)</t>
  </si>
  <si>
    <t>POINT (4.637625062525372 51.8283683005671)</t>
  </si>
  <si>
    <t>POINT (4.635746881616028 51.838596270737796)</t>
  </si>
  <si>
    <t>POINT (4.627694117545045 51.83770850154219)</t>
  </si>
  <si>
    <t>POINT (4.64205604536277 51.84841615439337)</t>
  </si>
  <si>
    <t>POINT (4.633428951986253 51.83490504034087)</t>
  </si>
  <si>
    <t>POINT (4.63371964304561 51.83921248450158)</t>
  </si>
  <si>
    <t>POINT (4.639705387629178 51.83876536089233)</t>
  </si>
  <si>
    <t>POINT (4.643523170687322 51.85009734638538)</t>
  </si>
  <si>
    <t>3343BH</t>
  </si>
  <si>
    <t>POINT (4.633133953283417 51.83866041457694)</t>
  </si>
  <si>
    <t>POINT (4.653912655898392 51.8297494427962)</t>
  </si>
  <si>
    <t>POINT (4.638559703457279 51.83523449939358)</t>
  </si>
  <si>
    <t>POINT (4.6440813322068255 51.83650103073532)</t>
  </si>
  <si>
    <t>POINT (4.633534639854172 51.833791122147545)</t>
  </si>
  <si>
    <t>POINT (4.647260040016809 51.841734535793236)</t>
  </si>
  <si>
    <t>POINT (4.628475953707888 51.83608660508025)</t>
  </si>
  <si>
    <t>POINT (4.632958882014783 51.83785030873777)</t>
  </si>
  <si>
    <t>POINT (4.640338868260386 51.84869288145195)</t>
  </si>
  <si>
    <t>POINT (4.62914814529321 51.84960093106811)</t>
  </si>
  <si>
    <t>POINT (4.635804017186948 51.83865056850687)</t>
  </si>
  <si>
    <t>POINT (4.628983639769091 51.85161333094609)</t>
  </si>
  <si>
    <t>POINT (4.641526585699036 51.84007131130693)</t>
  </si>
  <si>
    <t>POINT (4.657826217570316 51.834003495878434)</t>
  </si>
  <si>
    <t>3343LJ</t>
  </si>
  <si>
    <t>Zuidwende</t>
  </si>
  <si>
    <t>POINT (4.633919257994996 51.832481242911584)</t>
  </si>
  <si>
    <t>POINT (4.651234096973204 51.85162905784472)</t>
  </si>
  <si>
    <t>POINT (4.64104852503711 51.840023330556164)</t>
  </si>
  <si>
    <t>POINT (4.630918922821561 51.84873146031848)</t>
  </si>
  <si>
    <t>POINT (4.643302487131757 51.83270287721584)</t>
  </si>
  <si>
    <t>POINT (4.645473236546711 51.83832554470826)</t>
  </si>
  <si>
    <t>POINT (4.647261262710473 51.84254352317424)</t>
  </si>
  <si>
    <t>POINT (4.643774596089683 51.841645092935195)</t>
  </si>
  <si>
    <t>POINT (4.648467578816915 51.843315155905486)</t>
  </si>
  <si>
    <t>POINT (4.63174844653591 51.8338875049496)</t>
  </si>
  <si>
    <t>POINT (4.640510970086 51.83831206510534)</t>
  </si>
  <si>
    <t>POINT (4.626782788062127 51.842700309945094)</t>
  </si>
  <si>
    <t>POINT (4.631932050327128 51.84889977760564)</t>
  </si>
  <si>
    <t>POINT (4.6580461987176305 51.83160888017669)</t>
  </si>
  <si>
    <t>POINT (4.627595412804693 51.847865071014844)</t>
  </si>
  <si>
    <t>POINT (4.644893554960712 51.85149027073451)</t>
  </si>
  <si>
    <t>POINT (4.640872665985806 51.850637826261675)</t>
  </si>
  <si>
    <t>POINT (4.628542460694729 51.83558366846195)</t>
  </si>
  <si>
    <t>POINT (4.631934183074283 51.84617622412389)</t>
  </si>
  <si>
    <t>POINT (4.649635877020419 51.832230487583296)</t>
  </si>
  <si>
    <t>POINT (4.6484339241314405 51.842712703850694)</t>
  </si>
  <si>
    <t>POINT (4.648793573683425 51.8464452598694)</t>
  </si>
  <si>
    <t>POINT (4.653923705215073 51.83174499649052)</t>
  </si>
  <si>
    <t>POINT (4.635434327480923 51.83732686607981)</t>
  </si>
  <si>
    <t>POINT (4.64627313399919 51.85135908455364)</t>
  </si>
  <si>
    <t>POINT (4.631159259595782 51.834414044245726)</t>
  </si>
  <si>
    <t>POINT (4.630418031991309 51.843991202163544)</t>
  </si>
  <si>
    <t>POINT (4.6431468459400715 51.83070640426934)</t>
  </si>
  <si>
    <t>POINT (4.630888867518647 51.83842125544624)</t>
  </si>
  <si>
    <t>POINT (4.648477043101772 51.8471623613295)</t>
  </si>
  <si>
    <t>POINT (4.634446316913482 51.836538519809594)</t>
  </si>
  <si>
    <t>POINT (4.634229358901856 51.83562927162987)</t>
  </si>
  <si>
    <t>POINT (4.632743033312502 51.83514332847342)</t>
  </si>
  <si>
    <t>POINT (4.64959646643757 51.84527279246137)</t>
  </si>
  <si>
    <t>3341XX</t>
  </si>
  <si>
    <t>POINT (4.6413521039039045 51.85148580651268)</t>
  </si>
  <si>
    <t>POINT (4.651835665374367 51.82989824553743)</t>
  </si>
  <si>
    <t>POINT (4.630968602300345 51.83626448525514)</t>
  </si>
  <si>
    <t>POINT (4.646605178389391 51.84184725931364)</t>
  </si>
  <si>
    <t>POINT (4.6373980424541275 51.83529000613592)</t>
  </si>
  <si>
    <t>POINT (4.624551829036072 51.83904542178252)</t>
  </si>
  <si>
    <t>POINT (4.644421877277853 51.85192773205957)</t>
  </si>
  <si>
    <t>POINT (4.648706266511874 51.85168056585615)</t>
  </si>
  <si>
    <t>POINT (4.644810841886538 51.84242018998482)</t>
  </si>
  <si>
    <t>POINT (4.650959026044409 51.84537123109301)</t>
  </si>
  <si>
    <t>POINT (4.635930788137034 51.83626938012165)</t>
  </si>
  <si>
    <t>3341TR</t>
  </si>
  <si>
    <t>POINT (4.6431707600482435 51.84595134151693)</t>
  </si>
  <si>
    <t>POINT (4.65619485539221 51.84914322466205)</t>
  </si>
  <si>
    <t>POINT (4.643619240031124 51.84691596943995)</t>
  </si>
  <si>
    <t>POINT (4.657102981099544 51.83162099482137)</t>
  </si>
  <si>
    <t>POINT (4.647464782616499 51.83280108981742)</t>
  </si>
  <si>
    <t>POINT (4.6261104955775405 51.84641726680409)</t>
  </si>
  <si>
    <t>POINT (4.634334636952332 51.8380119471201)</t>
  </si>
  <si>
    <t>POINT (4.647933794182464 51.82897486899638)</t>
  </si>
  <si>
    <t>POINT (4.640421432643143 51.85071585525947)</t>
  </si>
  <si>
    <t>POINT (4.655788282049396 51.83128022980742)</t>
  </si>
  <si>
    <t>POINT (4.633055797621655 51.836394765025965)</t>
  </si>
  <si>
    <t>POINT (4.651693686113181 51.82970859386935)</t>
  </si>
  <si>
    <t>POINT (4.629918603796853 51.83917004995108)</t>
  </si>
  <si>
    <t>POINT (4.6521546089569705 51.83435862336787)</t>
  </si>
  <si>
    <t>POINT (4.639359573872774 51.833499829975004)</t>
  </si>
  <si>
    <t>POINT (4.636996371918946 51.828340446100306)</t>
  </si>
  <si>
    <t>POINT (4.6397584412985164 51.840815115947166)</t>
  </si>
  <si>
    <t>POINT (4.643056196782945 51.844979839866234)</t>
  </si>
  <si>
    <t>POINT (4.638699905617897 51.82679502037474)</t>
  </si>
  <si>
    <t>POINT (4.630083606727137 51.83539586710865)</t>
  </si>
  <si>
    <t>POINT (4.6325237869105065 51.83090824809808)</t>
  </si>
  <si>
    <t>POINT (4.6215914066975134 51.84076995824322)</t>
  </si>
  <si>
    <t>POINT (4.63834685808732 51.827089395164315)</t>
  </si>
  <si>
    <t>POINT (4.64461503701947 51.848135740661355)</t>
  </si>
  <si>
    <t>POINT (4.6449918109179915 51.83442857365164)</t>
  </si>
  <si>
    <t>POINT (4.652074836440249 51.832288572808174)</t>
  </si>
  <si>
    <t>POINT (4.646862953818017 51.83057709307855)</t>
  </si>
  <si>
    <t>POINT (4.644360225520916 51.82838602125706)</t>
  </si>
  <si>
    <t>POINT (4.637968737479725 51.82806354010292)</t>
  </si>
  <si>
    <t>POINT (4.628104837777403 51.84777847887634)</t>
  </si>
  <si>
    <t>POINT (4.651641796546575 51.83254439225156)</t>
  </si>
  <si>
    <t>POINT (4.653290310017478 51.84185294317703)</t>
  </si>
  <si>
    <t>POINT (4.645923987796348 51.85237766836774)</t>
  </si>
  <si>
    <t>POINT (4.645183806604226 51.84092144065213)</t>
  </si>
  <si>
    <t>POINT (4.637040430162362 51.83585400824238)</t>
  </si>
  <si>
    <t>POINT (4.629531667542445 51.84837195853276)</t>
  </si>
  <si>
    <t>POINT (4.651707117380789 51.832566347380734)</t>
  </si>
  <si>
    <t>POINT (4.636237901541353 51.833005631495396)</t>
  </si>
  <si>
    <t>POINT (4.626419471530115 51.83585756720994)</t>
  </si>
  <si>
    <t>POINT (4.628055011302498 51.83781870005762)</t>
  </si>
  <si>
    <t>POINT (4.645429266517246 51.83835223289999)</t>
  </si>
  <si>
    <t>POINT (4.646830044724856 51.85117321539863)</t>
  </si>
  <si>
    <t>POINT (4.6556248644404254 51.83618509896073)</t>
  </si>
  <si>
    <t>POINT (4.644972589856655 51.83427952778002)</t>
  </si>
  <si>
    <t>POINT (4.642215803256929 51.83963524204964)</t>
  </si>
  <si>
    <t>POINT (4.63973914966502 51.83498134350779)</t>
  </si>
  <si>
    <t>POINT (4.647343794083887 51.84988777728371)</t>
  </si>
  <si>
    <t>POINT (4.633632890057455 51.83919395031951)</t>
  </si>
  <si>
    <t>POINT (4.6417229040387955 51.843991617325656)</t>
  </si>
  <si>
    <t>POINT (4.655507931301892 51.83067624188058)</t>
  </si>
  <si>
    <t>POINT (4.62730118694884 51.84931002901155)</t>
  </si>
  <si>
    <t>POINT (4.655444303223471 51.83012753645539)</t>
  </si>
  <si>
    <t>POINT (4.642998828263718 51.82737066527358)</t>
  </si>
  <si>
    <t>POINT (4.641597207721734 51.830543763837575)</t>
  </si>
  <si>
    <t>POINT (4.645352197911011 51.8513924064409)</t>
  </si>
  <si>
    <t>3342DB</t>
  </si>
  <si>
    <t>Het Jaagpad</t>
  </si>
  <si>
    <t>POINT (4.6282814150605525 51.851941375160614)</t>
  </si>
  <si>
    <t>POINT (4.654543611341791 51.83020281618405)</t>
  </si>
  <si>
    <t>POINT (4.633405971750724 51.847551960267786)</t>
  </si>
  <si>
    <t>POINT (4.6441715723049075 51.84916905783385)</t>
  </si>
  <si>
    <t>POINT (4.622207823105837 51.84036049687584)</t>
  </si>
  <si>
    <t>POINT (4.634690509311142 51.834949088815)</t>
  </si>
  <si>
    <t>POINT (4.643456974211356 51.838285822453244)</t>
  </si>
  <si>
    <t>POINT (4.6367530833944075 51.82938791560262)</t>
  </si>
  <si>
    <t>POINT (4.641962564489209 51.832137080237345)</t>
  </si>
  <si>
    <t>POINT (4.654902312057604 51.83312637154726)</t>
  </si>
  <si>
    <t>POINT (4.650235201723643 51.82929495571244)</t>
  </si>
  <si>
    <t>POINT (4.635067112795085 51.82629539741719)</t>
  </si>
  <si>
    <t>POINT (4.643666866963278 51.848423058124986)</t>
  </si>
  <si>
    <t>POINT (4.636595386874279 51.84776115493511)</t>
  </si>
  <si>
    <t>POINT (4.629325243574065 51.8399392475871)</t>
  </si>
  <si>
    <t>3341XP</t>
  </si>
  <si>
    <t>POINT (4.644947898627765 51.85259621872746)</t>
  </si>
  <si>
    <t>3341XE</t>
  </si>
  <si>
    <t>Esdoornstraat</t>
  </si>
  <si>
    <t>POINT (4.648014223983584 51.850602103382656)</t>
  </si>
  <si>
    <t>POINT (4.6260672656068405 51.8463990092141)</t>
  </si>
  <si>
    <t>POINT (4.6429491706836465 51.83828260428133)</t>
  </si>
  <si>
    <t>POINT (4.640422347628892 51.834904793537106)</t>
  </si>
  <si>
    <t>POINT (4.649094986744415 51.84399325141769)</t>
  </si>
  <si>
    <t>POINT (4.621422024813569 51.84134412950617)</t>
  </si>
  <si>
    <t>POINT (4.6498411111367295 51.84273952736366)</t>
  </si>
  <si>
    <t>POINT (4.634802737267719 51.84908000393429)</t>
  </si>
  <si>
    <t>POINT (4.64685800262936 51.832644457075396)</t>
  </si>
  <si>
    <t>3343PA</t>
  </si>
  <si>
    <t>POINT (4.632068857132277 51.8346805707891)</t>
  </si>
  <si>
    <t>POINT (4.645423364691245 51.84135441044276)</t>
  </si>
  <si>
    <t>POINT (4.6307553458365325 51.848101199645775)</t>
  </si>
  <si>
    <t>POINT (4.651962651395938 51.833674282504525)</t>
  </si>
  <si>
    <t>POINT (4.648430639905006 51.84062833818103)</t>
  </si>
  <si>
    <t>3342TV</t>
  </si>
  <si>
    <t>POINT (4.628131860603607 51.84445284360927)</t>
  </si>
  <si>
    <t>POINT (4.653661016605738 51.84264781681628)</t>
  </si>
  <si>
    <t>POINT (4.641703656149838 51.838139871526096)</t>
  </si>
  <si>
    <t>POINT (4.643672518277491 51.84174653079761)</t>
  </si>
  <si>
    <t>POINT (4.622555146810322 51.84127061689373)</t>
  </si>
  <si>
    <t>3342GH</t>
  </si>
  <si>
    <t>Roelof Duyckstraat</t>
  </si>
  <si>
    <t>POINT (4.623950265482288 51.83943701453947)</t>
  </si>
  <si>
    <t>POINT (4.640322135499071 51.834823257904795)</t>
  </si>
  <si>
    <t>POINT (4.653976118561763 51.83030713679674)</t>
  </si>
  <si>
    <t>POINT (4.643930755144587 51.83368374623287)</t>
  </si>
  <si>
    <t>POINT (4.626467464579485 51.84894275533128)</t>
  </si>
  <si>
    <t>POINT (4.643606570135932 51.83625533031178)</t>
  </si>
  <si>
    <t>POINT (4.6441691523588595 51.827656728715155)</t>
  </si>
  <si>
    <t>POINT (4.633577628835673 51.848568781729284)</t>
  </si>
  <si>
    <t>POINT (4.64694401021503 51.83270792019597)</t>
  </si>
  <si>
    <t>POINT (4.640382833702941 51.846041505417126)</t>
  </si>
  <si>
    <t>POINT (4.624335104141027 51.84413160880978)</t>
  </si>
  <si>
    <t>POINT (4.643234228989233 51.84925283828005)</t>
  </si>
  <si>
    <t>POINT (4.650593169255216 51.83999955158692)</t>
  </si>
  <si>
    <t>POINT (4.647864519262349 51.84033424279962)</t>
  </si>
  <si>
    <t>POINT (4.646360927242334 51.838169353832896)</t>
  </si>
  <si>
    <t>POINT (4.63998682406527 51.82967061029664)</t>
  </si>
  <si>
    <t>POINT (4.644851107703186 51.84349908430326)</t>
  </si>
  <si>
    <t>POINT (4.627835622865264 51.84394756202324)</t>
  </si>
  <si>
    <t>POINT (4.639765508781211 51.829893918340495)</t>
  </si>
  <si>
    <t>POINT (4.6273502475002495 51.83572876527189)</t>
  </si>
  <si>
    <t>POINT (4.6352786363838385 51.84926282581792)</t>
  </si>
  <si>
    <t>POINT (4.622721310917357 51.84088518551633)</t>
  </si>
  <si>
    <t>POINT (4.635836097448213 51.84890684778118)</t>
  </si>
  <si>
    <t>POINT (4.654883523308368 51.83249704767368)</t>
  </si>
  <si>
    <t>POINT (4.636119190445349 51.83802337794117)</t>
  </si>
  <si>
    <t>POINT (4.636461593699108 51.8366323230151)</t>
  </si>
  <si>
    <t>POINT (4.648725477425065 51.835550572007826)</t>
  </si>
  <si>
    <t>POINT (4.647186305498355 51.832089229397006)</t>
  </si>
  <si>
    <t>POINT (4.635975371385319 51.82663379550886)</t>
  </si>
  <si>
    <t>POINT (4.626863216641795 51.84481317048781)</t>
  </si>
  <si>
    <t>POINT (4.637650354723194 51.82837837660016)</t>
  </si>
  <si>
    <t>POINT (4.6345064153282305 51.83467824810444)</t>
  </si>
  <si>
    <t>POINT (4.6553129703423926 51.84893099209403)</t>
  </si>
  <si>
    <t>POINT (4.641359844288846 51.851018445453775)</t>
  </si>
  <si>
    <t>POINT (4.645136723366011 51.837613313217226)</t>
  </si>
  <si>
    <t>POINT (4.6402501129698495 51.850543981020145)</t>
  </si>
  <si>
    <t>POINT (4.61569191485552 51.83361228970289)</t>
  </si>
  <si>
    <t>POINT (4.636521512708139 51.83216533175255)</t>
  </si>
  <si>
    <t>POINT (4.648636075761754 51.83331714298546)</t>
  </si>
  <si>
    <t>POINT (4.642632439444493 51.828473949661806)</t>
  </si>
  <si>
    <t>3344EH</t>
  </si>
  <si>
    <t>Meent</t>
  </si>
  <si>
    <t>POINT (4.644694140662816 51.829251047240476)</t>
  </si>
  <si>
    <t>POINT (4.638105977122479 51.832178042403775)</t>
  </si>
  <si>
    <t>POINT (4.644330785649431 51.83633182477654)</t>
  </si>
  <si>
    <t>POINT (4.646523625409776 51.837981618402246)</t>
  </si>
  <si>
    <t>POINT (4.658666954247849 51.83090262988533)</t>
  </si>
  <si>
    <t>POINT (4.6552255965624445 51.83108796040338)</t>
  </si>
  <si>
    <t>POINT (4.646730690985052 51.850762931008774)</t>
  </si>
  <si>
    <t>POINT (4.627749168581247 51.84735371119645)</t>
  </si>
  <si>
    <t>POINT (4.64092381551403 51.84054388078076)</t>
  </si>
  <si>
    <t>POINT (4.656151326565858 51.847354212583944)</t>
  </si>
  <si>
    <t>POINT (4.633371666022344 51.836594544758505)</t>
  </si>
  <si>
    <t>POINT (4.625597219067731 51.84244094205236)</t>
  </si>
  <si>
    <t>POINT (4.644790030543945 51.85248735686673)</t>
  </si>
  <si>
    <t>POINT (4.649148940203931 51.85132833333796)</t>
  </si>
  <si>
    <t>POINT (4.6272222549616915 51.84610311408322)</t>
  </si>
  <si>
    <t>POINT (4.639526229866726 51.8326738790986)</t>
  </si>
  <si>
    <t>POINT (4.650256711399982 51.84394661710272)</t>
  </si>
  <si>
    <t>POINT (4.649057122641373 51.8427615669346)</t>
  </si>
  <si>
    <t>POINT (4.633303349638204 51.845879408710964)</t>
  </si>
  <si>
    <t>POINT (4.648691683815398 51.83318633913146)</t>
  </si>
  <si>
    <t>POINT (4.646299709983401 51.84100938617662)</t>
  </si>
  <si>
    <t>POINT (4.644660458889344 51.851542728861524)</t>
  </si>
  <si>
    <t>POINT (4.62898007858463 51.84751447396296)</t>
  </si>
  <si>
    <t>POINT (4.656961970925111 51.849723541018)</t>
  </si>
  <si>
    <t>POINT (4.647460748596157 51.83896846933789)</t>
  </si>
  <si>
    <t>POINT (4.621093806798169 51.841018395430254)</t>
  </si>
  <si>
    <t>POINT (4.6546742283894025 51.835437435412885)</t>
  </si>
  <si>
    <t>POINT (4.64365375285437 51.8465836075439)</t>
  </si>
  <si>
    <t>POINT (4.630716037408777 51.84784926359952)</t>
  </si>
  <si>
    <t>POINT (4.647960823202694 51.846781588730416)</t>
  </si>
  <si>
    <t>POINT (4.645498238003557 51.8513750191185)</t>
  </si>
  <si>
    <t>POINT (4.622058920620555 51.841438168929706)</t>
  </si>
  <si>
    <t>POINT (4.630365792719124 51.8479638592251)</t>
  </si>
  <si>
    <t>POINT (4.648318037945281 51.83296825973955)</t>
  </si>
  <si>
    <t>POINT (4.6389058105693195 51.826625548182015)</t>
  </si>
  <si>
    <t>POINT (4.6429373978810915 51.833725272157665)</t>
  </si>
  <si>
    <t>POINT (4.648370279399591 51.83686068265689)</t>
  </si>
  <si>
    <t>3342BJ</t>
  </si>
  <si>
    <t>Kerkplein</t>
  </si>
  <si>
    <t>3342BG-3342BJ</t>
  </si>
  <si>
    <t>POINT (4.631697181420355 51.849922974837106)</t>
  </si>
  <si>
    <t>POINT (4.644574964570239 51.83120083652676)</t>
  </si>
  <si>
    <t>POINT (4.650196019468962 51.839688568163446)</t>
  </si>
  <si>
    <t>POINT (4.623222043393082 51.83874014888757)</t>
  </si>
  <si>
    <t>POINT (4.639838430194779 51.83179689109959)</t>
  </si>
  <si>
    <t>POINT (4.6302811389778995 51.84781949478204)</t>
  </si>
  <si>
    <t>POINT (4.647100470751433 51.84261441898413)</t>
  </si>
  <si>
    <t>POINT (4.644745823834656 51.844604024126525)</t>
  </si>
  <si>
    <t>POINT (4.64938770002656 51.84384228403872)</t>
  </si>
  <si>
    <t>POINT (4.650543309770602 51.8299710402676)</t>
  </si>
  <si>
    <t>POINT (4.639443488015077 51.84929841173234)</t>
  </si>
  <si>
    <t>POINT (4.656508425808059 51.83070944002649)</t>
  </si>
  <si>
    <t>POINT (4.654652939065617 51.830616977305134)</t>
  </si>
  <si>
    <t>POINT (4.628408498392099 51.8487062750073)</t>
  </si>
  <si>
    <t>POINT (4.623372654790771 51.84355007556824)</t>
  </si>
  <si>
    <t>POINT (4.648393271711646 51.83545859505525)</t>
  </si>
  <si>
    <t>POINT (4.64997860836076 51.84012205666253)</t>
  </si>
  <si>
    <t>POINT (4.605331226021499 51.83704034596958)</t>
  </si>
  <si>
    <t>POINT (4.65461695323212 51.83193808699673)</t>
  </si>
  <si>
    <t>POINT (4.645278273669798 51.843115271914684)</t>
  </si>
  <si>
    <t>POINT (4.629651839331098 51.851581689107725)</t>
  </si>
  <si>
    <t>POINT (4.650387858490494 51.8297183817345)</t>
  </si>
  <si>
    <t>POINT (4.636428982888065 51.83684784274672)</t>
  </si>
  <si>
    <t>POINT (4.649907142152059 51.85111736894944)</t>
  </si>
  <si>
    <t>POINT (4.623887715460504 51.84398488209195)</t>
  </si>
  <si>
    <t>POINT (4.639571670589765 51.82933538553176)</t>
  </si>
  <si>
    <t>POINT (4.640661437330159 51.84674439300474)</t>
  </si>
  <si>
    <t>POINT (4.632332801233049 51.833648569590274)</t>
  </si>
  <si>
    <t>POINT (4.64289166821846 51.83649349398094)</t>
  </si>
  <si>
    <t>POINT (4.6363094719956415 51.83705381798046)</t>
  </si>
  <si>
    <t>POINT (4.633406180162685 51.83366445574986)</t>
  </si>
  <si>
    <t>POINT (4.644352507334727 51.82973427438751)</t>
  </si>
  <si>
    <t>POINT (4.649334454177197 51.83026007387732)</t>
  </si>
  <si>
    <t>POINT (4.645438891766973 51.83864891978121)</t>
  </si>
  <si>
    <t>POINT (4.649950172425669 51.83252908810252)</t>
  </si>
  <si>
    <t>POINT (4.626252465293874 51.844027198584044)</t>
  </si>
  <si>
    <t>POINT (4.645152467686091 51.83134611423597)</t>
  </si>
  <si>
    <t>POINT (4.642665818332324 51.83259996537943)</t>
  </si>
  <si>
    <t>POINT (4.641995407428552 51.84944946547748)</t>
  </si>
  <si>
    <t>POINT (4.646897602573396 51.8496602486011)</t>
  </si>
  <si>
    <t>POINT (4.624166822819755 51.842072106976175)</t>
  </si>
  <si>
    <t>POINT (4.6208830058666885 51.85085063810087)</t>
  </si>
  <si>
    <t>POINT (4.645868073023315 51.82932138796258)</t>
  </si>
  <si>
    <t>POINT (4.631651757425678 51.83446215854266)</t>
  </si>
  <si>
    <t>3341BD</t>
  </si>
  <si>
    <t>POINT (4.637250957977497 51.84761253671888)</t>
  </si>
  <si>
    <t>POINT (4.631752701454695 51.84747841395163)</t>
  </si>
  <si>
    <t>POINT (4.632755762952152 51.83784900356963)</t>
  </si>
  <si>
    <t>POINT (4.630455567148858 51.846939729250224)</t>
  </si>
  <si>
    <t>3341XR</t>
  </si>
  <si>
    <t>POINT (4.646790612063429 51.851753930379026)</t>
  </si>
  <si>
    <t>POINT (4.625922153206897 51.846398068414935)</t>
  </si>
  <si>
    <t>POINT (4.627498699073726 51.844134144628995)</t>
  </si>
  <si>
    <t>POINT (4.643047025428613 51.84976877851106)</t>
  </si>
  <si>
    <t>POINT (4.630741798791235 51.85063591721434)</t>
  </si>
  <si>
    <t>POINT (4.629715182460895 51.848678757426754)</t>
  </si>
  <si>
    <t>POINT (4.6370492357216415 51.83834463829618)</t>
  </si>
  <si>
    <t>POINT (4.62914527090165 51.84977169725496)</t>
  </si>
  <si>
    <t>POINT (4.648399302370599 51.82889690177261)</t>
  </si>
  <si>
    <t>POINT (4.6479290199272425 51.828381586237626)</t>
  </si>
  <si>
    <t>POINT (4.643681455588077 51.83699287574904)</t>
  </si>
  <si>
    <t>POINT (4.649381246549895 51.84020691423786)</t>
  </si>
  <si>
    <t>POINT (4.645389455469404 51.85141977856998)</t>
  </si>
  <si>
    <t>POINT (4.645615633822864 51.85000510755778)</t>
  </si>
  <si>
    <t>POINT (4.636263694352037 51.82587160182377)</t>
  </si>
  <si>
    <t>POINT (4.65203846632213 51.84257552946713)</t>
  </si>
  <si>
    <t>POINT (4.631221023155223 51.84629747585626)</t>
  </si>
  <si>
    <t>POINT (4.6433815995650205 51.84636615586148)</t>
  </si>
  <si>
    <t>POINT (4.631785049688478 51.83776186313655)</t>
  </si>
  <si>
    <t>POINT (4.647007280323948 51.84475313294897)</t>
  </si>
  <si>
    <t>POINT (4.644972562957684 51.82908202319862)</t>
  </si>
  <si>
    <t>POINT (4.642930458694577 51.82711854864838)</t>
  </si>
  <si>
    <t>POINT (4.648890513505028 51.8440728637188)</t>
  </si>
  <si>
    <t>POINT (4.645061002815229 51.850979757857374)</t>
  </si>
  <si>
    <t>POINT (4.625139177202419 51.84464019670083)</t>
  </si>
  <si>
    <t>POINT (4.639240573726106 51.82918046859205)</t>
  </si>
  <si>
    <t>POINT (4.64941638255491 51.84652108431518)</t>
  </si>
  <si>
    <t>POINT (4.652090175373563 51.83030432992766)</t>
  </si>
  <si>
    <t>POINT (4.648968856700289 51.830437548659525)</t>
  </si>
  <si>
    <t>POINT (4.6364576857716795 51.83940937676779)</t>
  </si>
  <si>
    <t>POINT (4.64257016126771 51.83048701913051)</t>
  </si>
  <si>
    <t>3342VE</t>
  </si>
  <si>
    <t>POINT (4.626678197437551 51.84717599421622)</t>
  </si>
  <si>
    <t>POINT (4.656823983205039 51.8496584858652)</t>
  </si>
  <si>
    <t>POINT (4.638490510972027 51.837652012220666)</t>
  </si>
  <si>
    <t>POINT (4.643996649579761 51.83363122014055)</t>
  </si>
  <si>
    <t>POINT (4.640634696830225 51.838726330938194)</t>
  </si>
  <si>
    <t>POINT (4.62746820342984 51.84607895324738)</t>
  </si>
  <si>
    <t>POINT (4.645070186553527 51.83132889310506)</t>
  </si>
  <si>
    <t>POINT (4.6488718798850135 51.83192905854195)</t>
  </si>
  <si>
    <t>POINT (4.631855867867889 51.83959600962207)</t>
  </si>
  <si>
    <t>POINT (4.6349358433278915 51.8393730914617)</t>
  </si>
  <si>
    <t>POINT (4.624748311468985 51.83238644725391)</t>
  </si>
  <si>
    <t>POINT (4.639840447876513 51.84724253526884)</t>
  </si>
  <si>
    <t>POINT (4.636388667684001 51.83949156828513)</t>
  </si>
  <si>
    <t>POINT (4.645287303720099 51.8425670204732)</t>
  </si>
  <si>
    <t>POINT (4.636937551571499 51.846388075821)</t>
  </si>
  <si>
    <t>POINT (4.638761092160223 51.8327189532973)</t>
  </si>
  <si>
    <t>POINT (4.655876990560353 51.83207178520104)</t>
  </si>
  <si>
    <t>POINT (4.637525833534243 51.82844772009654)</t>
  </si>
  <si>
    <t>POINT (4.636648515154492 51.82945930033123)</t>
  </si>
  <si>
    <t>POINT (4.630587126350861 51.84947538234729)</t>
  </si>
  <si>
    <t>POINT (4.630213593714945 51.83715848755404)</t>
  </si>
  <si>
    <t>POINT (4.650114698233188 51.83577503090697)</t>
  </si>
  <si>
    <t>POINT (4.628742292730518 51.847845519085695)</t>
  </si>
  <si>
    <t>POINT (4.643355439747188 51.84882888309967)</t>
  </si>
  <si>
    <t>POINT (4.651403564319688 51.847735642973895)</t>
  </si>
  <si>
    <t>POINT (4.643917776781794 51.851690837145945)</t>
  </si>
  <si>
    <t>POINT (4.646022161619081 51.85170413909493)</t>
  </si>
  <si>
    <t>POINT (4.638320343403337 51.84003292557482)</t>
  </si>
  <si>
    <t>POINT (4.645676601649353 51.846245842636414)</t>
  </si>
  <si>
    <t>POINT (4.647027790371596 51.84090856860614)</t>
  </si>
  <si>
    <t>POINT (4.62733283717043 51.847944270067636)</t>
  </si>
  <si>
    <t>POINT (4.6316248157785305 51.8369338732055)</t>
  </si>
  <si>
    <t>POINT (4.640456454627672 51.84860374271927)</t>
  </si>
  <si>
    <t>POINT (4.633300792190866 51.84603219969921)</t>
  </si>
  <si>
    <t>POINT (4.651150312458551 51.84521063461739)</t>
  </si>
  <si>
    <t>POINT (4.635050794377698 51.849000695210705)</t>
  </si>
  <si>
    <t>POINT (4.6430029711167835 51.83063358277337)</t>
  </si>
  <si>
    <t>POINT (4.635065859651648 51.83593126056346)</t>
  </si>
  <si>
    <t>POINT (4.62583135337271 51.842325607792105)</t>
  </si>
  <si>
    <t>POINT (4.631280056037559 51.8358620004195)</t>
  </si>
  <si>
    <t>POINT (4.64261338272037 51.8305052706616)</t>
  </si>
  <si>
    <t>POINT (4.648184657617164 51.843753819774925)</t>
  </si>
  <si>
    <t>POINT (4.636234833311203 51.837179182041105)</t>
  </si>
  <si>
    <t>POINT (4.645906426866526 51.83845412220005)</t>
  </si>
  <si>
    <t>POINT (4.627582053470853 51.842633574548515)</t>
  </si>
  <si>
    <t>POINT (4.657470286839106 51.83360849724287)</t>
  </si>
  <si>
    <t>POINT (4.652677760974401 51.83507213742101)</t>
  </si>
  <si>
    <t>POINT (4.628983008087639 51.84389205674003)</t>
  </si>
  <si>
    <t>POINT (4.638152400244317 51.832812714844486)</t>
  </si>
  <si>
    <t>POINT (4.644883540043147 51.842411660991885)</t>
  </si>
  <si>
    <t>POINT (4.639837957495411 51.8482672270427)</t>
  </si>
  <si>
    <t>POINT (4.646777148548798 51.8357989710292)</t>
  </si>
  <si>
    <t>POINT (4.656909066167125 51.831053502592034)</t>
  </si>
  <si>
    <t>POINT (4.644999882001437 51.852084194046704)</t>
  </si>
  <si>
    <t>POINT (4.629260583914196 51.83688267792437)</t>
  </si>
  <si>
    <t>POINT (4.654152940206097 51.83474806766206)</t>
  </si>
  <si>
    <t>POINT (4.649154059714752 51.84393070215958)</t>
  </si>
  <si>
    <t>POINT (4.636449033885549 51.8393181672811)</t>
  </si>
  <si>
    <t>POINT (4.627464850295423 51.847001313498296)</t>
  </si>
  <si>
    <t>POINT (4.623658409991392 51.839533992273196)</t>
  </si>
  <si>
    <t>POINT (4.640430745268777 51.84665303933858)</t>
  </si>
  <si>
    <t>POINT (4.644235619449551 51.835063819667766)</t>
  </si>
  <si>
    <t>POINT (4.628013374085991 51.84803855905416)</t>
  </si>
  <si>
    <t>POINT (4.649345051952479 51.843788084065785)</t>
  </si>
  <si>
    <t>POINT (4.62386096818176 51.84042518943565)</t>
  </si>
  <si>
    <t>POINT (4.629087141236385 51.84460283465651)</t>
  </si>
  <si>
    <t>POINT (4.6436315555952525 51.846169988539344)</t>
  </si>
  <si>
    <t>POINT (4.648949144942953 51.8440372777647)</t>
  </si>
  <si>
    <t>POINT (4.64419064465952 51.83266960822941)</t>
  </si>
  <si>
    <t>POINT (4.623607795068765 51.841663981586386)</t>
  </si>
  <si>
    <t>POINT (4.646949359488327 51.836797799414285)</t>
  </si>
  <si>
    <t>POINT (4.602756517692776 51.84301895959066)</t>
  </si>
  <si>
    <t>POINT (4.651648907781816 51.840660122927716)</t>
  </si>
  <si>
    <t>POINT (4.637780063287959 51.84023621744919)</t>
  </si>
  <si>
    <t>POINT (4.648019331503822 51.849406644591035)</t>
  </si>
  <si>
    <t>POINT (4.645013400803288 51.84973680226639)</t>
  </si>
  <si>
    <t>POINT (4.653071549613279 51.84367842119556)</t>
  </si>
  <si>
    <t>POINT (4.6259192362570305 51.83970148219344)</t>
  </si>
  <si>
    <t>POINT (4.652525063180408 51.83299466490569)</t>
  </si>
  <si>
    <t>POINT (4.64147362890591 51.846776520305625)</t>
  </si>
  <si>
    <t>POINT (4.635689296394425 51.83856893609297)</t>
  </si>
  <si>
    <t>POINT (4.6340401566149785 51.83566401263056)</t>
  </si>
  <si>
    <t>POINT (4.638610818372286 51.8336391190959)</t>
  </si>
  <si>
    <t>POINT (4.657911712081123 51.831850738681446)</t>
  </si>
  <si>
    <t>POINT (4.650447406208359 51.84382197268046)</t>
  </si>
  <si>
    <t>POINT (4.6437387161505725 51.84759087556412)</t>
  </si>
  <si>
    <t>3344PV</t>
  </si>
  <si>
    <t>Bessengaarde</t>
  </si>
  <si>
    <t>POINT (4.640904882416668 51.83403377625413)</t>
  </si>
  <si>
    <t>POINT (4.635474124732068 51.84711578618009)</t>
  </si>
  <si>
    <t>POINT (4.644180145573594 51.84722513478777)</t>
  </si>
  <si>
    <t>POINT (4.637277446215323 51.84602171189987)</t>
  </si>
  <si>
    <t>POINT (4.626605739275548 51.83685651853488)</t>
  </si>
  <si>
    <t>POINT (4.6435466405237955 51.85219185196377)</t>
  </si>
  <si>
    <t>POINT (4.635425628815251 51.83784815372569)</t>
  </si>
  <si>
    <t>POINT (4.642527457132292 51.849749466737364)</t>
  </si>
  <si>
    <t>POINT (4.633127368541596 51.83558624338104)</t>
  </si>
  <si>
    <t>POINT (4.637993968892861 51.833635480437145)</t>
  </si>
  <si>
    <t>POINT (4.63260232237199 51.83488175222832)</t>
  </si>
  <si>
    <t>POINT (4.64891428198498 51.84185419824121)</t>
  </si>
  <si>
    <t>POINT (4.641373090897874 51.84671296107013)</t>
  </si>
  <si>
    <t>POINT (4.642563321707806 51.84670253829036)</t>
  </si>
  <si>
    <t>POINT (4.642035840654624 51.827706125713846)</t>
  </si>
  <si>
    <t>POINT (4.647120119751873 51.8317022991396)</t>
  </si>
  <si>
    <t>POINT (4.636700812638114 51.82942280807081)</t>
  </si>
  <si>
    <t>POINT (4.635071049010691 51.84518064091539)</t>
  </si>
  <si>
    <t>POINT (4.641306267616336 51.83450537448491)</t>
  </si>
  <si>
    <t>POINT (4.643823498217704 51.82926351401974)</t>
  </si>
  <si>
    <t>POINT (4.647734720311497 51.83668589631349)</t>
  </si>
  <si>
    <t>POINT (4.630390698935873 51.84561797615547)</t>
  </si>
  <si>
    <t>POINT (4.633078610577599 51.846300432986446)</t>
  </si>
  <si>
    <t>POINT (4.643509199168275 51.835122140657404)</t>
  </si>
  <si>
    <t>POINT (4.640560006587262 51.846734759374414)</t>
  </si>
  <si>
    <t>POINT (4.637381415818825 51.84675045795618)</t>
  </si>
  <si>
    <t>POINT (4.628282479783057 51.8372359062571)</t>
  </si>
  <si>
    <t>POINT (4.611573670156916 51.84949514220507)</t>
  </si>
  <si>
    <t>POINT (4.646527974817286 51.83506931681685)</t>
  </si>
  <si>
    <t>3341BN</t>
  </si>
  <si>
    <t>POINT (4.651979769472714 51.84596188996783)</t>
  </si>
  <si>
    <t>POINT (4.630194825422609 51.8348213084707)</t>
  </si>
  <si>
    <t>POINT (4.651366848479123 51.84144604973159)</t>
  </si>
  <si>
    <t>POINT (4.639780565376701 51.82898615718533)</t>
  </si>
  <si>
    <t>POINT (4.637087288074654 51.8478541851858)</t>
  </si>
  <si>
    <t>POINT (4.628914253235177 51.851424120831624)</t>
  </si>
  <si>
    <t>POINT (4.640084211749644 51.845671070317145)</t>
  </si>
  <si>
    <t>POINT (4.652599793653252 51.844428710849684)</t>
  </si>
  <si>
    <t>POINT (4.64341177126798 51.84866692274516)</t>
  </si>
  <si>
    <t>POINT (4.644714129239715 51.849112355822335)</t>
  </si>
  <si>
    <t>POINT (4.6474202289149344 51.83286372975822)</t>
  </si>
  <si>
    <t>3341GP</t>
  </si>
  <si>
    <t>POINT (4.647161100326082 51.844223771616065)</t>
  </si>
  <si>
    <t>POINT (4.631068163251537 51.84502908857409)</t>
  </si>
  <si>
    <t>POINT (4.646851460240219 51.835691575661386)</t>
  </si>
  <si>
    <t>POINT (4.635901262144979 51.83803996082783)</t>
  </si>
  <si>
    <t>POINT (4.648001252549078 51.82840001850094)</t>
  </si>
  <si>
    <t>POINT (4.625420743170173 51.84592907690934)</t>
  </si>
  <si>
    <t>POINT (4.645960304618628 51.837825255592584)</t>
  </si>
  <si>
    <t>POINT (4.621262113587945 51.84136106371603)</t>
  </si>
  <si>
    <t>POINT (4.632944207976707 51.83352665807047)</t>
  </si>
  <si>
    <t>POINT (4.6461776636564105 51.851956802828546)</t>
  </si>
  <si>
    <t>POINT (4.639142550081962 51.84731898891481)</t>
  </si>
  <si>
    <t>POINT (4.626517023254812 51.84554799962933)</t>
  </si>
  <si>
    <t>POINT (4.6575534349760135 51.83382179372737)</t>
  </si>
  <si>
    <t>POINT (4.646120186348547 51.851238821940036)</t>
  </si>
  <si>
    <t>POINT (4.648121160683405 51.83081872739403)</t>
  </si>
  <si>
    <t>POINT (4.627356446901992 51.84740510238594)</t>
  </si>
  <si>
    <t>POINT (4.641517163117021 51.84677679679782)</t>
  </si>
  <si>
    <t>POINT (4.647409421988668 51.82998728577802)</t>
  </si>
  <si>
    <t>POINT (4.6487840978662485 51.83551498607792)</t>
  </si>
  <si>
    <t>POINT (4.63797156391677 51.83270296852574)</t>
  </si>
  <si>
    <t>POINT (4.651165117122931 51.84519275011501)</t>
  </si>
  <si>
    <t>3341RR</t>
  </si>
  <si>
    <t>Schoffel</t>
  </si>
  <si>
    <t>POINT (4.648505286538413 51.84031316196549)</t>
  </si>
  <si>
    <t>POINT (4.643373840018122 51.84935280476838)</t>
  </si>
  <si>
    <t>POINT (4.632941087547747 51.83631312992464)</t>
  </si>
  <si>
    <t>POINT (4.6496909697626485 51.83684202105115)</t>
  </si>
  <si>
    <t>POINT (4.629996774939146 51.84401545209726)</t>
  </si>
  <si>
    <t>POINT (4.644829676067964 51.83775519068285)</t>
  </si>
  <si>
    <t>POINT (4.6534036633388745 51.83160691674378)</t>
  </si>
  <si>
    <t>POINT (4.621774531318244 51.84109474504852)</t>
  </si>
  <si>
    <t>POINT (4.632717420750059 51.834073510454054)</t>
  </si>
  <si>
    <t>POINT (4.644795098146048 51.848658221490716)</t>
  </si>
  <si>
    <t>POINT (4.634574092749554 51.83583822197018)</t>
  </si>
  <si>
    <t>POINT (4.64609867853506 51.83558795036904)</t>
  </si>
  <si>
    <t>POINT (4.636857201426756 51.827583616896156)</t>
  </si>
  <si>
    <t>3342CC</t>
  </si>
  <si>
    <t>Callenburghsingel</t>
  </si>
  <si>
    <t>POINT (4.625112653232678 51.84535013022202)</t>
  </si>
  <si>
    <t>POINT (4.649993342519608 51.83535910927496)</t>
  </si>
  <si>
    <t>POINT (4.63959099881423 51.83953765838422)</t>
  </si>
  <si>
    <t>POINT (4.634148292014027 51.82745803591628)</t>
  </si>
  <si>
    <t>POINT (4.622870675395122 51.84063447482267)</t>
  </si>
  <si>
    <t>POINT (4.644271398961865 51.82937421389168)</t>
  </si>
  <si>
    <t>POINT (4.64249364731293 51.84301674405287)</t>
  </si>
  <si>
    <t>POINT (4.64063923413047 51.84370608290105)</t>
  </si>
  <si>
    <t>POINT (4.626204815537642 51.84255274615156)</t>
  </si>
  <si>
    <t>POINT (4.651483449928006 51.842073973206965)</t>
  </si>
  <si>
    <t>POINT (4.654216268374843 51.83506579892256)</t>
  </si>
  <si>
    <t>POINT (4.639877931707055 51.83363236134663)</t>
  </si>
  <si>
    <t>POINT (4.641757775384512 51.84100760113209)</t>
  </si>
  <si>
    <t>POINT (4.656724999942605 51.8307737086276)</t>
  </si>
  <si>
    <t>POINT (4.642583428018464 51.82880621998736)</t>
  </si>
  <si>
    <t>POINT (4.650086321314699 51.8295277264241)</t>
  </si>
  <si>
    <t>POINT (4.658358074231027 51.832060250244204)</t>
  </si>
  <si>
    <t>POINT (4.636112675597837 51.835803132652075)</t>
  </si>
  <si>
    <t>POINT (4.640735497273117 51.85103245533136)</t>
  </si>
  <si>
    <t>POINT (4.6244482408880145 51.84087844067407)</t>
  </si>
  <si>
    <t>POINT (4.637131355179469 51.837364687139676)</t>
  </si>
  <si>
    <t>POINT (4.6410173504827545 51.83396307616676)</t>
  </si>
  <si>
    <t>POINT (4.6500837572860405 51.84653426464943)</t>
  </si>
  <si>
    <t>POINT (4.645170482988518 51.84261122551689)</t>
  </si>
  <si>
    <t>POINT (4.64904240999211 51.8286043214687)</t>
  </si>
  <si>
    <t>POINT (4.642961658284607 51.85245780539916)</t>
  </si>
  <si>
    <t>POINT (4.654970294685327 51.844119927051125)</t>
  </si>
  <si>
    <t>POINT (4.645835748819789 51.83481326441002)</t>
  </si>
  <si>
    <t>POINT (4.6505492735116265 51.843804634554125)</t>
  </si>
  <si>
    <t>POINT (4.651854187057982 51.84186330058076)</t>
  </si>
  <si>
    <t>POINT (4.645161896096849 51.84401340276711)</t>
  </si>
  <si>
    <t>POINT (4.656436185982043 51.83069101299087)</t>
  </si>
  <si>
    <t>POINT (4.640425473093951 51.84609570861408)</t>
  </si>
  <si>
    <t>POINT (4.645083428009743 51.831924638428674)</t>
  </si>
  <si>
    <t>POINT (4.646294102161427 51.847526130416185)</t>
  </si>
  <si>
    <t>POINT (4.649293226032171 51.83100587463839)</t>
  </si>
  <si>
    <t>POINT (4.649319230870252 51.832075690173845)</t>
  </si>
  <si>
    <t>POINT (4.632549014607825 51.83546567398484)</t>
  </si>
  <si>
    <t>3341EE</t>
  </si>
  <si>
    <t>Julianasingel</t>
  </si>
  <si>
    <t>POINT (4.642128872516849 51.85103231637043)</t>
  </si>
  <si>
    <t>POINT (4.652236675735449 51.83377487381356)</t>
  </si>
  <si>
    <t>POINT (4.626589122764265 51.84557543276404)</t>
  </si>
  <si>
    <t>POINT (4.629464605471796 51.836830062879294)</t>
  </si>
  <si>
    <t>POINT (4.638238555848439 51.82784418531398)</t>
  </si>
  <si>
    <t>POINT (4.62201615508017 51.84139294677567)</t>
  </si>
  <si>
    <t>POINT (4.624276002814098 51.841623382326475)</t>
  </si>
  <si>
    <t>POINT (4.650193328406507 51.847820330144344)</t>
  </si>
  <si>
    <t>POINT (4.651218590889879 51.84149647264014)</t>
  </si>
  <si>
    <t>POINT (4.64072427383756 51.84470436559933)</t>
  </si>
  <si>
    <t>POINT (4.63133394544872 51.84648696499897)</t>
  </si>
  <si>
    <t>POINT (4.650769756636614 51.83564431204633)</t>
  </si>
  <si>
    <t>POINT (4.626178712872967 51.84902880238725)</t>
  </si>
  <si>
    <t>3343EE</t>
  </si>
  <si>
    <t>POINT (4.634114713190563 51.83467573589761)</t>
  </si>
  <si>
    <t>3341LS</t>
  </si>
  <si>
    <t>Rozand</t>
  </si>
  <si>
    <t>POINT (4.665434721679912 51.829551195729856)</t>
  </si>
  <si>
    <t>POINT (4.6365240458809005 51.84681688882824)</t>
  </si>
  <si>
    <t>POINT (4.6391107484520155 51.83191478059555)</t>
  </si>
  <si>
    <t>POINT (4.636988126966713 51.82743883702805)</t>
  </si>
  <si>
    <t>POINT (4.626447269167221 51.84022624873158)</t>
  </si>
  <si>
    <t>POINT (4.649201423035791 51.839211664704806)</t>
  </si>
  <si>
    <t>POINT (4.633469661717733 51.84634788737129)</t>
  </si>
  <si>
    <t>POINT (4.631872876837509 51.835119755491924)</t>
  </si>
  <si>
    <t>POINT (4.651604281495887 51.84407192031354)</t>
  </si>
  <si>
    <t>POINT (4.642936229809508 51.84257910588549)</t>
  </si>
  <si>
    <t>POINT (4.657587025510778 51.83591909331813)</t>
  </si>
  <si>
    <t>POINT (4.64958005411184 51.84143284179351)</t>
  </si>
  <si>
    <t>POINT (4.648549681858329 51.846272941290984)</t>
  </si>
  <si>
    <t>POINT (4.628451607181658 51.8366707123114)</t>
  </si>
  <si>
    <t>POINT (4.63614940626638 51.837951661833706)</t>
  </si>
  <si>
    <t>POINT (4.633170139774565 51.835631461529694)</t>
  </si>
  <si>
    <t>POINT (4.6477008975254055 51.84846981937998)</t>
  </si>
  <si>
    <t>POINT (4.634040739253807 51.833893245869305)</t>
  </si>
  <si>
    <t>POINT (4.65131523366293 51.84932847187475)</t>
  </si>
  <si>
    <t>POINT (4.642383199726554 51.8453081530318)</t>
  </si>
  <si>
    <t>POINT (4.6363388507799 51.82823893929409)</t>
  </si>
  <si>
    <t>POINT (4.635874312644396 51.83878584856017)</t>
  </si>
  <si>
    <t>POINT (4.647583983317705 51.83614562658554)</t>
  </si>
  <si>
    <t>3342TN</t>
  </si>
  <si>
    <t>POINT (4.626793035117768 51.845531810197755)</t>
  </si>
  <si>
    <t>POINT (4.655582505549132 51.83055086534496)</t>
  </si>
  <si>
    <t>POINT (4.631304199366237 51.84739462935427)</t>
  </si>
  <si>
    <t>POINT (4.643127173076154 51.83716913734368)</t>
  </si>
  <si>
    <t>POINT (4.647744602367518 51.839403331504265)</t>
  </si>
  <si>
    <t>POINT (4.64772530944939 51.83018702707095)</t>
  </si>
  <si>
    <t>POINT (4.635355076933301 51.83685894724366)</t>
  </si>
  <si>
    <t>POINT (4.651073748422165 51.82947100224074)</t>
  </si>
  <si>
    <t>POINT (4.636498096336436 51.839307577755875)</t>
  </si>
  <si>
    <t>POINT (4.635638678989365 51.83638436321171)</t>
  </si>
  <si>
    <t>POINT (4.6507091766302775 51.84733817964202)</t>
  </si>
  <si>
    <t>POINT (4.632019550461381 51.836756639496905)</t>
  </si>
  <si>
    <t>POINT (4.635319843420988 51.83549244221473)</t>
  </si>
  <si>
    <t>POINT (4.6282936833099795 51.83657081595307)</t>
  </si>
  <si>
    <t>POINT (4.642483421389801 51.830468491495814)</t>
  </si>
  <si>
    <t>POINT (4.639390743709735 51.840237499420645)</t>
  </si>
  <si>
    <t>3342CL</t>
  </si>
  <si>
    <t>POINT (4.624237688833621 51.8447422061064)</t>
  </si>
  <si>
    <t>POINT (4.623258160789043 51.8408886800885)</t>
  </si>
  <si>
    <t>POINT (4.646893590473556 51.830478410863726)</t>
  </si>
  <si>
    <t>POINT (4.653930032606591 51.832448291439725)</t>
  </si>
  <si>
    <t>POINT (4.627201473175525 51.84798836321915)</t>
  </si>
  <si>
    <t>POINT (4.642721571905195 51.83361603947535)</t>
  </si>
  <si>
    <t>POINT (4.636877838746049 51.83690464452261)</t>
  </si>
  <si>
    <t>POINT (4.650925685606263 51.83262927719937)</t>
  </si>
  <si>
    <t>POINT (4.638795320725153 51.827164164958205)</t>
  </si>
  <si>
    <t>POINT (4.626672949953803 51.83975131069587)</t>
  </si>
  <si>
    <t>POINT (4.650196300520628 51.833447478043034)</t>
  </si>
  <si>
    <t>POINT (4.640023451217752 51.841293076542975)</t>
  </si>
  <si>
    <t>POINT (4.63696551490218 51.83896831291214)</t>
  </si>
  <si>
    <t>POINT (4.627259975157133 51.84796177585344)</t>
  </si>
  <si>
    <t>POINT (4.637939750607932 51.83228221201718)</t>
  </si>
  <si>
    <t>POINT (4.638552913383809 51.845247837563186)</t>
  </si>
  <si>
    <t>POINT (4.642622887424491 51.82993005542506)</t>
  </si>
  <si>
    <t>POINT (4.6448296488238165 51.850926709495724)</t>
  </si>
  <si>
    <t>POINT (4.645982024593229 51.835623168556836)</t>
  </si>
  <si>
    <t>POINT (4.641187924339511 51.850882523432446)</t>
  </si>
  <si>
    <t>POINT (4.636839558921473 51.83863150222815)</t>
  </si>
  <si>
    <t>POINT (4.635259840398744 51.84517286149829)</t>
  </si>
  <si>
    <t>POINT (4.638649873870726 51.840286709980724)</t>
  </si>
  <si>
    <t>POINT (4.636549558456239 51.83570705158353)</t>
  </si>
  <si>
    <t>3342BT</t>
  </si>
  <si>
    <t>Steenbakkersstraat</t>
  </si>
  <si>
    <t>POINT (4.635265818493326 51.84829196777316)</t>
  </si>
  <si>
    <t>POINT (4.636470521530256 51.83933921234956)</t>
  </si>
  <si>
    <t>POINT (4.644143331536274 51.85121586595543)</t>
  </si>
  <si>
    <t>POINT (4.6412178544681915 51.84732320395799)</t>
  </si>
  <si>
    <t>POINT (4.645325337523761 51.838495394883836)</t>
  </si>
  <si>
    <t>POINT (4.647271255128296 51.828683056749554)</t>
  </si>
  <si>
    <t>POINT (4.625242275840179 51.836829699359164)</t>
  </si>
  <si>
    <t>POINT (4.629254402535791 51.851048792882835)</t>
  </si>
  <si>
    <t>POINT (4.6547896666928965 51.83426446082299)</t>
  </si>
  <si>
    <t>POINT (4.653831838387791 51.8320410486492)</t>
  </si>
  <si>
    <t>POINT (4.648985945514958 51.8410612825695)</t>
  </si>
  <si>
    <t>POINT (4.639290784884884 51.839266086019926)</t>
  </si>
  <si>
    <t>POINT (4.646465780022089 51.84944179750023)</t>
  </si>
  <si>
    <t>POINT (4.625834174187394 51.84645143000197)</t>
  </si>
  <si>
    <t>POINT (4.640185095612802 51.84658855604278)</t>
  </si>
  <si>
    <t>POINT (4.629252880764898 51.852001581932235)</t>
  </si>
  <si>
    <t>POINT (4.641649501988315 51.839658613109435)</t>
  </si>
  <si>
    <t>POINT (4.628186344755193 51.83777460583551)</t>
  </si>
  <si>
    <t>POINT (4.637380518053317 51.84680438422267)</t>
  </si>
  <si>
    <t>POINT (4.647012524162701 51.84266779652955)</t>
  </si>
  <si>
    <t>POINT (4.650896501808342 51.84019130392709)</t>
  </si>
  <si>
    <t>POINT (4.641863675311339 51.836361130294634)</t>
  </si>
  <si>
    <t>POINT (4.632943130922124 51.83532438796944)</t>
  </si>
  <si>
    <t>POINT (4.625842049539417 51.837399878042746)</t>
  </si>
  <si>
    <t>POINT (4.657227563244566 51.83380691400039)</t>
  </si>
  <si>
    <t>POINT (4.62672048030421 51.84553134027187)</t>
  </si>
  <si>
    <t>POINT (4.641338337533637 51.84793519840989)</t>
  </si>
  <si>
    <t>POINT (4.646942976602443 51.83277083439303)</t>
  </si>
  <si>
    <t>POINT (4.645667369968121 51.83203460178938)</t>
  </si>
  <si>
    <t>POINT (4.626493071858017 51.84438830494426)</t>
  </si>
  <si>
    <t>POINT (4.634069833143756 51.84864384921389)</t>
  </si>
  <si>
    <t>POINT (4.6438265279074225 51.84754648825102)</t>
  </si>
  <si>
    <t>POINT (4.628850433578742 51.8526281902427)</t>
  </si>
  <si>
    <t>POINT (4.648774827113277 51.83076890918226)</t>
  </si>
  <si>
    <t>POINT (4.638102256711123 51.8400585002466)</t>
  </si>
  <si>
    <t>POINT (4.647203125923596 51.837248832739824)</t>
  </si>
  <si>
    <t>POINT (4.626285584291119 51.83777128987843)</t>
  </si>
  <si>
    <t>POINT (4.648376885709457 51.832033808184335)</t>
  </si>
  <si>
    <t>POINT (4.643668570204488 51.83249845700152)</t>
  </si>
  <si>
    <t>POINT (4.653398540511634 51.831921488136274)</t>
  </si>
  <si>
    <t>POINT (4.6502155359441115 51.846463182636825)</t>
  </si>
  <si>
    <t>POINT (4.650506036092298 51.843786385944654)</t>
  </si>
  <si>
    <t>POINT (4.633584322217748 51.84730142240035)</t>
  </si>
  <si>
    <t>POINT (4.635882437406281 51.83742861025799)</t>
  </si>
  <si>
    <t>POINT (4.64709613514482 51.85126070754047)</t>
  </si>
  <si>
    <t>POINT (4.649765041192284 51.82877065975947)</t>
  </si>
  <si>
    <t>POINT (4.650127341948523 51.832341438589104)</t>
  </si>
  <si>
    <t>POINT (4.635139644082622 51.83498792177013)</t>
  </si>
  <si>
    <t>POINT (4.654071842047573 51.83155715972666)</t>
  </si>
  <si>
    <t>POINT (4.624954013184449 51.84016212744137)</t>
  </si>
  <si>
    <t>POINT (4.63565452563312 51.84761131775569)</t>
  </si>
  <si>
    <t>POINT (4.651844711909781 51.84272729404757)</t>
  </si>
  <si>
    <t>POINT (4.64253476124023 51.833506990455206)</t>
  </si>
  <si>
    <t>POINT (4.6297820031307575 51.8524724068863)</t>
  </si>
  <si>
    <t>POINT (4.63536564488883 51.83796462240448)</t>
  </si>
  <si>
    <t>POINT (4.64573782969749 51.83018347840102)</t>
  </si>
  <si>
    <t>POINT (4.625409766983027 51.84594393588787)</t>
  </si>
  <si>
    <t>POINT (4.630128658527501 51.83703209827015)</t>
  </si>
  <si>
    <t>POINT (4.6407912951184995 51.84679016192012)</t>
  </si>
  <si>
    <t>POINT (4.636243798527549 51.8375118204761)</t>
  </si>
  <si>
    <t>POINT (4.65614060796782 51.84712044095383)</t>
  </si>
  <si>
    <t>POINT (4.631799640132227 51.83948778368544)</t>
  </si>
  <si>
    <t>POINT (4.644106777054766 51.830559677487685)</t>
  </si>
  <si>
    <t>POINT (4.639974392693619 51.84130160017597)</t>
  </si>
  <si>
    <t>POINT (4.644338634005909 51.83371657497604)</t>
  </si>
  <si>
    <t>POINT (4.636408913527276 51.839439114011405)</t>
  </si>
  <si>
    <t>POINT (4.623787434498395 51.8421954821961)</t>
  </si>
  <si>
    <t>POINT (4.657821630327619 51.84100063502474)</t>
  </si>
  <si>
    <t>POINT (4.657108951765534 51.83125249664292)</t>
  </si>
  <si>
    <t>3341EP</t>
  </si>
  <si>
    <t>Wilhelminasingel</t>
  </si>
  <si>
    <t>POINT (4.642131757315095 51.84998066165222)</t>
  </si>
  <si>
    <t>POINT (4.650512053083834 51.83099555281939)</t>
  </si>
  <si>
    <t>POINT (4.644109123939966 51.833090885827225)</t>
  </si>
  <si>
    <t>POINT (4.629644285516863 51.848579424640384)</t>
  </si>
  <si>
    <t>POINT (4.640306344702171 51.82877377550959)</t>
  </si>
  <si>
    <t>POINT (4.645351556423852 51.841309013392625)</t>
  </si>
  <si>
    <t>POINT (4.641524870779133 51.839298274728264)</t>
  </si>
  <si>
    <t>POINT (4.639417303224022 51.83261079482955)</t>
  </si>
  <si>
    <t>POINT (4.638505795152742 51.82625446112022)</t>
  </si>
  <si>
    <t>POINT (4.641972138679853 51.83068097495925)</t>
  </si>
  <si>
    <t>3341LG</t>
  </si>
  <si>
    <t>POINT (4.64231222307427 51.85310985928068)</t>
  </si>
  <si>
    <t>POINT (4.645117029949221 51.84673668359151)</t>
  </si>
  <si>
    <t>POINT (4.650414172803257 51.83623544074406)</t>
  </si>
  <si>
    <t>POINT (4.6418099717880565 51.85188421487324)</t>
  </si>
  <si>
    <t>POINT (4.640536627117362 51.83465054765451)</t>
  </si>
  <si>
    <t>POINT (4.630156466780572 51.83710418707089)</t>
  </si>
  <si>
    <t>POINT (4.639350504067132 51.82954970506761)</t>
  </si>
  <si>
    <t>POINT (4.640314207257916 51.84667926406464)</t>
  </si>
  <si>
    <t>POINT (4.634137461927954 51.837924966421056)</t>
  </si>
  <si>
    <t>POINT (4.636348824091344 51.836433850861475)</t>
  </si>
  <si>
    <t>POINT (4.650809460758815 51.83587826645266)</t>
  </si>
  <si>
    <t>POINT (4.643378956325684 51.84900260308217)</t>
  </si>
  <si>
    <t>POINT (4.641213852946257 51.83247625839829)</t>
  </si>
  <si>
    <t>POINT (4.639708782463456 51.82894075666443)</t>
  </si>
  <si>
    <t>POINT (4.645863492259963 51.83841789641327)</t>
  </si>
  <si>
    <t>POINT (4.6334977818012595 51.84640199990979)</t>
  </si>
  <si>
    <t>POINT (4.6423670529588446 51.83575309534715)</t>
  </si>
  <si>
    <t>POINT (4.63604284301038 51.83786818533054)</t>
  </si>
  <si>
    <t>POINT (4.6487294239244585 51.84416173720701)</t>
  </si>
  <si>
    <t>POINT (4.626278817808045 51.837312823000765)</t>
  </si>
  <si>
    <t>POINT (4.64317215701122 51.84879844577897)</t>
  </si>
  <si>
    <t>POINT (4.65715319917796 51.831207828505136)</t>
  </si>
  <si>
    <t>POINT (4.648098987882073 51.835708425360394)</t>
  </si>
  <si>
    <t>POINT (4.64122084144945 51.84363787041942)</t>
  </si>
  <si>
    <t>POINT (4.647507418089423 51.8328552905219)</t>
  </si>
  <si>
    <t>POINT (4.648389052412512 51.83040693477102)</t>
  </si>
  <si>
    <t>POINT (4.640249117551158 51.84120361908561)</t>
  </si>
  <si>
    <t>POINT (4.6301983355916745 51.85101892750848)</t>
  </si>
  <si>
    <t>POINT (4.626845713909561 51.84670966801495)</t>
  </si>
  <si>
    <t>POINT (4.649029859391789 51.8514641044311)</t>
  </si>
  <si>
    <t>POINT (4.65243229301397 51.84200542629395)</t>
  </si>
  <si>
    <t>POINT (4.647509767630898 51.85215396353351)</t>
  </si>
  <si>
    <t>POINT (4.623336163549377 51.83971166973142)</t>
  </si>
  <si>
    <t>POINT (4.645817893358081 51.84824221712042)</t>
  </si>
  <si>
    <t>POINT (4.64274128699836 51.83593524267135)</t>
  </si>
  <si>
    <t>POINT (4.6462290190293505 51.83824941936111)</t>
  </si>
  <si>
    <t>POINT (4.654600184667246 51.84422131135496)</t>
  </si>
  <si>
    <t>POINT (4.6341592242318415 51.847637691740296)</t>
  </si>
  <si>
    <t>POINT (4.6408837288707305 51.83858409557799)</t>
  </si>
  <si>
    <t>POINT (4.6413467317345205 51.82902308536999)</t>
  </si>
  <si>
    <t>POINT (4.639516781499535 51.833385785278736)</t>
  </si>
  <si>
    <t>POINT (4.656335821224907 51.846717167010176)</t>
  </si>
  <si>
    <t>POINT (4.645289228124279 51.842450179997115)</t>
  </si>
  <si>
    <t>POINT (4.649439872553331 51.84017132801136)</t>
  </si>
  <si>
    <t>POINT (4.64716806772794 51.831432941187686)</t>
  </si>
  <si>
    <t>POINT (4.656571872224073 51.84737480754332)</t>
  </si>
  <si>
    <t>POINT (4.631694375404241 51.83451636494538)</t>
  </si>
  <si>
    <t>POINT (4.63803824109295 51.84041763869291)</t>
  </si>
  <si>
    <t>POINT (4.647988001247113 51.84335708068758)</t>
  </si>
  <si>
    <t>POINT (4.64194470821066 51.8270763392686)</t>
  </si>
  <si>
    <t>POINT (4.63156724858432 51.84359195649743)</t>
  </si>
  <si>
    <t>POINT (4.637151154791366 51.82736989297718)</t>
  </si>
  <si>
    <t>POINT (4.637310682485776 51.83966693376759)</t>
  </si>
  <si>
    <t>POINT (4.630758247092469 51.83669458680589)</t>
  </si>
  <si>
    <t>POINT (4.648157433114356 51.85071985731795)</t>
  </si>
  <si>
    <t>POINT (4.643409906270294 51.849388862031184)</t>
  </si>
  <si>
    <t>POINT (4.634609398763157 51.83806764092545)</t>
  </si>
  <si>
    <t>POINT (4.644356230475323 51.83742860369361)</t>
  </si>
  <si>
    <t>POINT (4.640096983983458 51.84665091606534)</t>
  </si>
  <si>
    <t>POINT (4.648722535052604 51.85254810892507)</t>
  </si>
  <si>
    <t>POINT (4.649088426641003 51.842050275256184)</t>
  </si>
  <si>
    <t>POINT (4.627280354660411 51.84847426217424)</t>
  </si>
  <si>
    <t>POINT (4.657496307636341 51.83062569856529)</t>
  </si>
  <si>
    <t>POINT (4.649758564189233 51.84778164572989)</t>
  </si>
  <si>
    <t>POINT (4.639631990513149 51.839690726848566)</t>
  </si>
  <si>
    <t>POINT (4.628015878117424 51.83755777513093)</t>
  </si>
  <si>
    <t>POINT (4.640777943797777 51.848152740356525)</t>
  </si>
  <si>
    <t>POINT (4.636587148394435 51.8482554788966)</t>
  </si>
  <si>
    <t>POINT (4.631084439695807 51.84838196816554)</t>
  </si>
  <si>
    <t>POINT (4.625768148185545 51.8426308130649)</t>
  </si>
  <si>
    <t>POINT (4.650900869599838 51.844489978031305)</t>
  </si>
  <si>
    <t>POINT (4.634169077445354 51.847916403653755)</t>
  </si>
  <si>
    <t>3344RK</t>
  </si>
  <si>
    <t>POINT (4.641084627424779 51.836967411368015)</t>
  </si>
  <si>
    <t>POINT (4.642815670718663 51.8489962468984)</t>
  </si>
  <si>
    <t>POINT (4.624510779719479 51.8403335663787)</t>
  </si>
  <si>
    <t>POINT (4.6335604210098005 51.838321583280106)</t>
  </si>
  <si>
    <t>POINT (4.648347282860039 51.832069576553856)</t>
  </si>
  <si>
    <t>POINT (4.64212212923684 51.827751616894666)</t>
  </si>
  <si>
    <t>POINT (4.630826956192092 51.84642976799823)</t>
  </si>
  <si>
    <t>POINT (4.6515639131464726 51.83410324051066)</t>
  </si>
  <si>
    <t>POINT (4.628251370308392 51.836498632918975)</t>
  </si>
  <si>
    <t>POINT (4.641272418018443 51.829130477335084)</t>
  </si>
  <si>
    <t>POINT (4.647153734403828 51.82877220265149)</t>
  </si>
  <si>
    <t>POINT (4.630430787362998 51.84528342441412)</t>
  </si>
  <si>
    <t>POINT (4.643187203451784 51.84922039686871)</t>
  </si>
  <si>
    <t>POINT (4.647471329009358 51.83063486057949)</t>
  </si>
  <si>
    <t>POINT (4.634006399607587 51.835079531710484)</t>
  </si>
  <si>
    <t>POINT (4.626962783179624 51.83547457339693)</t>
  </si>
  <si>
    <t>POINT (4.637536686706734 51.838059817773875)</t>
  </si>
  <si>
    <t>POINT (4.6273282435526575 51.84606513978304)</t>
  </si>
  <si>
    <t>POINT (4.645254004397359 51.848993702514754)</t>
  </si>
  <si>
    <t>POINT (4.636365438248633 51.828203469221975)</t>
  </si>
  <si>
    <t>POINT (4.622778128608394 51.84095746497072)</t>
  </si>
  <si>
    <t>POINT (4.648658187281232 51.84585115695565)</t>
  </si>
  <si>
    <t>POINT (4.622147631806987 51.83877809553008)</t>
  </si>
  <si>
    <t>POINT (4.648897065642846 51.84987058823874)</t>
  </si>
  <si>
    <t>POINT (4.636913281420643 51.8386430924035)</t>
  </si>
  <si>
    <t>POINT (4.635521527498009 51.83731843577372)</t>
  </si>
  <si>
    <t>POINT (4.6463922110158755 51.84509082281084)</t>
  </si>
  <si>
    <t>POINT (4.6348862120433 51.83626269060354)</t>
  </si>
  <si>
    <t>POINT (4.642690545647173 51.84076183731667)</t>
  </si>
  <si>
    <t>POINT (4.629150835504847 51.852027889197906)</t>
  </si>
  <si>
    <t>POINT (4.656193020741292 51.83225430000721)</t>
  </si>
  <si>
    <t>POINT (4.655760936922561 51.8320710621241)</t>
  </si>
  <si>
    <t>POINT (4.625537674601179 51.84590659979046)</t>
  </si>
  <si>
    <t>POINT (4.625589008039601 51.84464311556059)</t>
  </si>
  <si>
    <t>POINT (4.626791558006837 51.847338524596495)</t>
  </si>
  <si>
    <t>POINT (4.623429226557846 51.84106956681788)</t>
  </si>
  <si>
    <t>3344RL</t>
  </si>
  <si>
    <t>POINT (4.640580711589513 51.836730502048496)</t>
  </si>
  <si>
    <t>3342XC</t>
  </si>
  <si>
    <t>Frankensteyn</t>
  </si>
  <si>
    <t>POINT (4.632956526004238 51.84492438199364)</t>
  </si>
  <si>
    <t>POINT (4.653022430624069 51.83275588258694)</t>
  </si>
  <si>
    <t>POINT (4.650594145952099 51.851086454157034)</t>
  </si>
  <si>
    <t>POINT (4.62088990943408 51.84106200815043)</t>
  </si>
  <si>
    <t>POINT (4.644240397700116 51.84797157481555)</t>
  </si>
  <si>
    <t>POINT (4.640428864513614 51.84764178036517)</t>
  </si>
  <si>
    <t>POINT (4.650342930016072 51.83157875499665)</t>
  </si>
  <si>
    <t>POINT (4.641174617476809 51.84730495192019)</t>
  </si>
  <si>
    <t>POINT (4.644405096717236 51.845905224994894)</t>
  </si>
  <si>
    <t>POINT (4.640516994046529 51.83373230126416)</t>
  </si>
  <si>
    <t>POINT (4.644649541415761 51.84913360105998)</t>
  </si>
  <si>
    <t>POINT (4.644212782982165 51.82940979760275)</t>
  </si>
  <si>
    <t>POINT (4.654014985854793 51.83148489526861)</t>
  </si>
  <si>
    <t>POINT (4.640463611744764 51.833763224322084)</t>
  </si>
  <si>
    <t>POINT (4.640033021172184 51.82688441217633)</t>
  </si>
  <si>
    <t>POINT (4.644751725640706 51.8283974869113)</t>
  </si>
  <si>
    <t>POINT (4.6323103693627 51.84537865157242)</t>
  </si>
  <si>
    <t>POINT (4.6221513123564275 51.84027024175807)</t>
  </si>
  <si>
    <t>POINT (4.629296754916045 51.84853223852241)</t>
  </si>
  <si>
    <t>POINT (4.647703850080701 51.850941717914644)</t>
  </si>
  <si>
    <t>POINT (4.650768913866424 51.845459925374264)</t>
  </si>
  <si>
    <t>POINT (4.639706306391962 51.84832930963393)</t>
  </si>
  <si>
    <t>POINT (4.63110183332957 51.834377719637985)</t>
  </si>
  <si>
    <t>POINT (4.64615181084193 51.835004022135024)</t>
  </si>
  <si>
    <t>POINT (4.636218532085828 51.847731779174616)</t>
  </si>
  <si>
    <t>POINT (4.657144918790769 51.83310237194078)</t>
  </si>
  <si>
    <t>POINT (4.641009290672507 51.831879341372286)</t>
  </si>
  <si>
    <t>POINT (4.641086833407453 51.84209096804366)</t>
  </si>
  <si>
    <t>POINT (4.632935733554869 51.83749960147)</t>
  </si>
  <si>
    <t>POINT (4.627246639429701 51.84607282726985)</t>
  </si>
  <si>
    <t>POINT (4.613304637812905 51.84927285802762)</t>
  </si>
  <si>
    <t>POINT (4.639458890716687 51.83185503978825)</t>
  </si>
  <si>
    <t>POINT (4.629300012463116 51.83885145419113)</t>
  </si>
  <si>
    <t>POINT (4.641502354103188 51.84679468007139)</t>
  </si>
  <si>
    <t>POINT (4.64419763936838 51.832690623083955)</t>
  </si>
  <si>
    <t>POINT (4.64362280011712 51.8379093487204)</t>
  </si>
  <si>
    <t>3343BC</t>
  </si>
  <si>
    <t>Kievit</t>
  </si>
  <si>
    <t>3343BB-3343BC</t>
  </si>
  <si>
    <t>POINT (4.6314902766156285 51.8397644417559)</t>
  </si>
  <si>
    <t>POINT (4.645237126784938 51.85178007914034)</t>
  </si>
  <si>
    <t>POINT (4.6235303120289055 51.83936512905302)</t>
  </si>
  <si>
    <t>POINT (4.632896436300821 51.83118030396516)</t>
  </si>
  <si>
    <t>POINT (4.653957252319504 51.83146655731472)</t>
  </si>
  <si>
    <t>POINT (4.65571618750855 51.83125281457022)</t>
  </si>
  <si>
    <t>POINT (4.640995276536205 51.836229772136264)</t>
  </si>
  <si>
    <t>POINT (4.632502926907628 51.845146183982386)</t>
  </si>
  <si>
    <t>POINT (4.621079603016096 51.84100032536689)</t>
  </si>
  <si>
    <t>POINT (4.621170959257552 51.83904138738769)</t>
  </si>
  <si>
    <t>POINT (4.647481019670788 51.82916077875145)</t>
  </si>
  <si>
    <t>POINT (4.637745163397416 51.8275720585798)</t>
  </si>
  <si>
    <t>POINT (4.6484420836496305 51.83690607787716)</t>
  </si>
  <si>
    <t>POINT (4.6452671204533935 51.82969511554319)</t>
  </si>
  <si>
    <t>POINT (4.638218633490341 51.827710036874834)</t>
  </si>
  <si>
    <t>POINT (4.643910572410108 51.84854996596029)</t>
  </si>
  <si>
    <t>POINT (4.648575913086963 51.854407837146944)</t>
  </si>
  <si>
    <t>POINT (4.641180072811941 51.840842135543525)</t>
  </si>
  <si>
    <t>POINT (4.657097283419279 51.83415558303436)</t>
  </si>
  <si>
    <t>POINT (4.641745456930501 51.82947505235454)</t>
  </si>
  <si>
    <t>POINT (4.652062605290633 51.84444332586783)</t>
  </si>
  <si>
    <t>POINT (4.629532758189074 51.83881700180046)</t>
  </si>
  <si>
    <t>POINT (4.620319307911293 51.85071212769909)</t>
  </si>
  <si>
    <t>POINT (4.616551830331512 51.833384232000434)</t>
  </si>
  <si>
    <t>POINT (4.644589302120796 51.85027919296418)</t>
  </si>
  <si>
    <t>POINT (4.645876680599883 51.84819764501104)</t>
  </si>
  <si>
    <t>POINT (4.625439945964673 51.84595381249991)</t>
  </si>
  <si>
    <t>POINT (4.6265454380505355 51.84558413843243)</t>
  </si>
  <si>
    <t>POINT (4.650921624385095 51.834341907834634)</t>
  </si>
  <si>
    <t>POINT (4.6351968807363395 51.83590513390145)</t>
  </si>
  <si>
    <t>POINT (4.641576637988433 51.83617054536932)</t>
  </si>
  <si>
    <t>POINT (4.651582725408415 51.8445032407892)</t>
  </si>
  <si>
    <t>POINT (4.648670508546546 51.83329211942916)</t>
  </si>
  <si>
    <t>POINT (4.636336135159662 51.835454003643825)</t>
  </si>
  <si>
    <t>POINT (4.647997852391909 51.83302916464252)</t>
  </si>
  <si>
    <t>POINT (4.638916962356008 51.847793950661206)</t>
  </si>
  <si>
    <t>POINT (4.6462264403698486 51.8357595416129)</t>
  </si>
  <si>
    <t>POINT (4.631432055715779 51.84669433602589)</t>
  </si>
  <si>
    <t>POINT (4.621049972596162 51.841036086755174)</t>
  </si>
  <si>
    <t>POINT (4.64090831007865 51.85111445173886)</t>
  </si>
  <si>
    <t>POINT (4.625346416683123 51.8366775675495)</t>
  </si>
  <si>
    <t>POINT (4.647450592679385 51.85045473537886)</t>
  </si>
  <si>
    <t>POINT (4.625317103099463 51.84124231743454)</t>
  </si>
  <si>
    <t>POINT (4.646704111884896 51.83847713371378)</t>
  </si>
  <si>
    <t>POINT (4.6325217625412565 51.84662044725158)</t>
  </si>
  <si>
    <t>POINT (4.635476145916421 51.84873375918998)</t>
  </si>
  <si>
    <t>POINT (4.639111564776169 51.82646506335789)</t>
  </si>
  <si>
    <t>POINT (4.656084312508536 51.84701222662568)</t>
  </si>
  <si>
    <t>POINT (4.632916008885363 51.83434444718233)</t>
  </si>
  <si>
    <t>POINT (4.631568139656198 51.836852610267854)</t>
  </si>
  <si>
    <t>POINT (4.636337195675557 51.846707830042334)</t>
  </si>
  <si>
    <t>POINT (4.64954289597912 51.82904791287244)</t>
  </si>
  <si>
    <t>POINT (4.657247301417243 51.83438147523618)</t>
  </si>
  <si>
    <t>POINT (4.6452143107888535 51.84347441424096)</t>
  </si>
  <si>
    <t>POINT (4.63320097429078 51.83378897945207)</t>
  </si>
  <si>
    <t>POINT (4.6414677529903186 51.84800792972724)</t>
  </si>
  <si>
    <t>POINT (4.629352987811867 51.84864046554787)</t>
  </si>
  <si>
    <t>POINT (4.641088600463968 51.84548869526763)</t>
  </si>
  <si>
    <t>POINT (4.646553160736038 51.845010940283686)</t>
  </si>
  <si>
    <t>POINT (4.647318854251505 51.836386649963636)</t>
  </si>
  <si>
    <t>POINT (4.63317293008621 51.83459778089087)</t>
  </si>
  <si>
    <t>POINT (4.642746062502853 51.82949938001882)</t>
  </si>
  <si>
    <t>POINT (4.624363669807308 51.841587997250485)</t>
  </si>
  <si>
    <t>POINT (4.635632478447565 51.84893251061337)</t>
  </si>
  <si>
    <t>POINT (4.641303813422767 51.8359980273834)</t>
  </si>
  <si>
    <t>POINT (4.643623030307143 51.83086222921023)</t>
  </si>
  <si>
    <t>POINT (4.644047617904179 51.83298999407995)</t>
  </si>
  <si>
    <t>POINT (4.649006184581276 51.82904453878048)</t>
  </si>
  <si>
    <t>POINT (4.630332654934696 51.845617601997006)</t>
  </si>
  <si>
    <t>POINT (4.645861334931467 51.85177503306025)</t>
  </si>
  <si>
    <t>POINT (4.64054996050827 51.85084251384623)</t>
  </si>
  <si>
    <t>POINT (4.6301626105571385 51.8462367242108)</t>
  </si>
  <si>
    <t>3341CE</t>
  </si>
  <si>
    <t>POINT (4.64226956191877 51.848669191710414)</t>
  </si>
  <si>
    <t>POINT (4.633022221116884 51.846201195407)</t>
  </si>
  <si>
    <t>POINT (4.645063449926063 51.85083126276111)</t>
  </si>
  <si>
    <t>POINT (4.639771176915047 51.8382983687408)</t>
  </si>
  <si>
    <t>POINT (4.626299683931058 51.847245451252206)</t>
  </si>
  <si>
    <t>POINT (4.641896077333407 51.82826253670948)</t>
  </si>
  <si>
    <t>POINT (4.640011507434366 51.84567959632223)</t>
  </si>
  <si>
    <t>POINT (4.626008916854838 51.846416608300814)</t>
  </si>
  <si>
    <t>POINT (4.6275055353746914 51.84028703363135)</t>
  </si>
  <si>
    <t>POINT (4.646476215633243 51.84174757042779)</t>
  </si>
  <si>
    <t>POINT (4.631170331987457 51.84931734291874)</t>
  </si>
  <si>
    <t>POINT (4.645940158455837 51.8293488092381)</t>
  </si>
  <si>
    <t>POINT (4.636980880674681 51.838943090007255)</t>
  </si>
  <si>
    <t>POINT (4.622337625301582 51.83282138570488)</t>
  </si>
  <si>
    <t>POINT (4.63816056579833 51.83829709212513)</t>
  </si>
  <si>
    <t>POINT (4.637821977976087 51.82637593893683)</t>
  </si>
  <si>
    <t>3341TJ</t>
  </si>
  <si>
    <t>POINT (4.641776732143133 51.846877320313645)</t>
  </si>
  <si>
    <t>POINT (4.628714835617752 51.83827239918793)</t>
  </si>
  <si>
    <t>POINT (4.636614477438946 51.835293987417565)</t>
  </si>
  <si>
    <t>POINT (4.6434963541309155 51.84644778074406)</t>
  </si>
  <si>
    <t>POINT (4.640415786843708 51.84667991019082)</t>
  </si>
  <si>
    <t>POINT (4.644819187972003 51.83421168202472)</t>
  </si>
  <si>
    <t>3343RL</t>
  </si>
  <si>
    <t>Judith Leysterstraat</t>
  </si>
  <si>
    <t>POINT (4.637689410267028 51.83870756408953)</t>
  </si>
  <si>
    <t>POINT (4.634966351319303 51.83406996586433)</t>
  </si>
  <si>
    <t>POINT (4.642203008026701 51.83602171462852)</t>
  </si>
  <si>
    <t>POINT (4.630364735487179 51.848026773111)</t>
  </si>
  <si>
    <t>POINT (4.630306502587351 51.84544664859493)</t>
  </si>
  <si>
    <t>3342TK</t>
  </si>
  <si>
    <t>POINT (4.626647621963796 51.84554884569008)</t>
  </si>
  <si>
    <t>POINT (4.640940096614758 51.842188910780756)</t>
  </si>
  <si>
    <t>POINT (4.632325432516508 51.84967533281991)</t>
  </si>
  <si>
    <t>POINT (4.651868679733772 51.84296852896787)</t>
  </si>
  <si>
    <t>POINT (4.644202017123801 51.84875323740883)</t>
  </si>
  <si>
    <t>POINT (4.647219958292716 51.83004002360567)</t>
  </si>
  <si>
    <t>POINT (4.657785414112351 51.83069041607198)</t>
  </si>
  <si>
    <t>POINT (4.657637649423506 51.835336637081085)</t>
  </si>
  <si>
    <t>POINT (4.643794290246004 51.84981610028324)</t>
  </si>
  <si>
    <t>POINT (4.6231878318490125 51.843324155913784)</t>
  </si>
  <si>
    <t>POINT (4.641061476158086 51.83924139847035)</t>
  </si>
  <si>
    <t>POINT (4.645550606343039 51.851289508246836)</t>
  </si>
  <si>
    <t>POINT (4.6345770948900205 51.849554957129804)</t>
  </si>
  <si>
    <t>POINT (4.637674538056797 51.82651881653556)</t>
  </si>
  <si>
    <t>POINT (4.642419503748104 51.844867938790465)</t>
  </si>
  <si>
    <t>POINT (4.632501815949491 51.831442196705595)</t>
  </si>
  <si>
    <t>POINT (4.6351579187701235 51.84606208702223)</t>
  </si>
  <si>
    <t>POINT (4.637084238594937 51.83758011434057)</t>
  </si>
  <si>
    <t>POINT (4.644556830628834 51.85028820995704)</t>
  </si>
  <si>
    <t>POINT (4.647198896665161 51.851639651643694)</t>
  </si>
  <si>
    <t>POINT (4.6294427017679 51.83468162559735)</t>
  </si>
  <si>
    <t>POINT (4.644601029803708 51.84970263581733)</t>
  </si>
  <si>
    <t>POINT (4.632724052372938 51.84494086567984)</t>
  </si>
  <si>
    <t>POINT (4.6307089268139086 51.834447097783276)</t>
  </si>
  <si>
    <t>POINT (4.642433990518804 51.83784788087136)</t>
  </si>
  <si>
    <t>POINT (4.650485517719696 51.84681543452782)</t>
  </si>
  <si>
    <t>POINT (4.6454663017304325 51.84139063638227)</t>
  </si>
  <si>
    <t>POINT (4.641975975700712 51.82869450076413)</t>
  </si>
  <si>
    <t>POINT (4.600846392749627 51.83960812703274)</t>
  </si>
  <si>
    <t>POINT (4.639060589976051 51.8269141728129)</t>
  </si>
  <si>
    <t>POINT (4.638252874903923 51.84845487770761)</t>
  </si>
  <si>
    <t>POINT (4.630212817014066 51.835477598549524)</t>
  </si>
  <si>
    <t>POINT (4.622996543543484 51.83376137332151)</t>
  </si>
  <si>
    <t>POINT (4.603588156034907 51.84298823490049)</t>
  </si>
  <si>
    <t>POINT (4.6412195689914295 51.84634345056409)</t>
  </si>
  <si>
    <t>POINT (4.656286458199592 51.8309777181394)</t>
  </si>
  <si>
    <t>POINT (4.645029835482308 51.8370553399712)</t>
  </si>
  <si>
    <t>POINT (4.648224567915117 51.84928209527861)</t>
  </si>
  <si>
    <t>POINT (4.641319435523462 51.847323849305006)</t>
  </si>
  <si>
    <t>POINT (4.6507801953891725 51.84171732551709)</t>
  </si>
  <si>
    <t>POINT (4.625806041062358 51.83609628475338)</t>
  </si>
  <si>
    <t>POINT (4.641012594154473 51.84920052997935)</t>
  </si>
  <si>
    <t>POINT (4.648215387761256 51.8427652604913)</t>
  </si>
  <si>
    <t>POINT (4.624162817856466 51.84145186175458)</t>
  </si>
  <si>
    <t>POINT (4.653393563971896 51.83222707176286)</t>
  </si>
  <si>
    <t>POINT (4.631362107330066 51.83961979777275)</t>
  </si>
  <si>
    <t>POINT (4.646107225282526 51.84741708714019)</t>
  </si>
  <si>
    <t>POINT (4.640296362891249 51.84600500071093)</t>
  </si>
  <si>
    <t>POINT (4.64324060020611 51.85402359887772)</t>
  </si>
  <si>
    <t>POINT (4.634012476005583 51.833848121111835)</t>
  </si>
  <si>
    <t>POINT (4.652985649664912 51.8423832657422)</t>
  </si>
  <si>
    <t>POINT (4.641242053217423 51.84148072490423)</t>
  </si>
  <si>
    <t>POINT (4.623652353625423 51.84074742551786)</t>
  </si>
  <si>
    <t>POINT (4.651634195278495 51.82979810781666)</t>
  </si>
  <si>
    <t>POINT (4.64398063472843 51.84348458851392)</t>
  </si>
  <si>
    <t>POINT (4.642375997842037 51.82731278261979)</t>
  </si>
  <si>
    <t>POINT (4.625318322102343 51.8443447329049)</t>
  </si>
  <si>
    <t>POINT (4.648976436968948 51.8290892950762)</t>
  </si>
  <si>
    <t>POINT (4.647078750096958 51.85124726778873)</t>
  </si>
  <si>
    <t>POINT (4.6479101933505795 51.8445610712757)</t>
  </si>
  <si>
    <t>POINT (4.6286666930513345 51.841993402353125)</t>
  </si>
  <si>
    <t>POINT (4.641703329488 51.85059206547597)</t>
  </si>
  <si>
    <t>POINT (4.622962434436086 51.83950249763171)</t>
  </si>
  <si>
    <t>POINT (4.646364056037354 51.851408259886206)</t>
  </si>
  <si>
    <t>POINT (4.65748657855869 51.83439783908921)</t>
  </si>
  <si>
    <t>POINT (4.63572112010875 51.847099389951005)</t>
  </si>
  <si>
    <t>POINT (4.6466675943527775 51.85079402933841)</t>
  </si>
  <si>
    <t>POINT (4.64467401108729 51.84455862667134)</t>
  </si>
  <si>
    <t>POINT (4.629052939210038 51.84749696710583)</t>
  </si>
  <si>
    <t>POINT (4.629409372204022 51.84873970484991)</t>
  </si>
  <si>
    <t>POINT (4.630296288812433 51.83914551957125)</t>
  </si>
  <si>
    <t>3343DL</t>
  </si>
  <si>
    <t>Pieter van der Leeuwpad</t>
  </si>
  <si>
    <t>POINT (4.639743142295228 51.839988060761414)</t>
  </si>
  <si>
    <t>POINT (4.644893142709539 51.8462319033648)</t>
  </si>
  <si>
    <t>POINT (4.636375170428786 51.839526537798825)</t>
  </si>
  <si>
    <t>POINT (4.650202921701453 51.83570367547037)</t>
  </si>
  <si>
    <t>POINT (4.641555218079627 51.837464778356875)</t>
  </si>
  <si>
    <t>POINT (4.647334255855624 51.84251701719878)</t>
  </si>
  <si>
    <t>POINT (4.642737927056071 51.83789475201905)</t>
  </si>
  <si>
    <t>POINT (4.647782206828307 51.8311401850546)</t>
  </si>
  <si>
    <t>POINT (4.646468304287081 51.829873486573376)</t>
  </si>
  <si>
    <t>POINT (4.628501898412941 51.8379923740271)</t>
  </si>
  <si>
    <t>POINT (4.634019355397448 51.837776219123974)</t>
  </si>
  <si>
    <t>POINT (4.640746036045307 51.847769638471654)</t>
  </si>
  <si>
    <t>POINT (4.648302448536883 51.842765808444696)</t>
  </si>
  <si>
    <t>POINT (4.643382486647615 51.85033636254207)</t>
  </si>
  <si>
    <t>POINT (4.635392532156789 51.83548391907431)</t>
  </si>
  <si>
    <t>POINT (4.6442673616881205 51.833743305681125)</t>
  </si>
  <si>
    <t>POINT (4.643739097022488 51.83525842697274)</t>
  </si>
  <si>
    <t>POINT (4.643328236141216 51.849321271286776)</t>
  </si>
  <si>
    <t>POINT (4.630693534117885 51.83536384451659)</t>
  </si>
  <si>
    <t>POINT (4.650582140888184 51.846231778158355)</t>
  </si>
  <si>
    <t>POINT (4.636622180781916 51.847024255556796)</t>
  </si>
  <si>
    <t>POINT (4.635681484801808 51.84686543090035)</t>
  </si>
  <si>
    <t>POINT (4.635888613043394 51.83618821209467)</t>
  </si>
  <si>
    <t>POINT (4.643449696653588 51.83081618769166)</t>
  </si>
  <si>
    <t>POINT (4.6423901965686225 51.85190587399833)</t>
  </si>
  <si>
    <t>POINT (4.636911822866473 51.846190160724404)</t>
  </si>
  <si>
    <t>POINT (4.638942844759989 51.83400549321182)</t>
  </si>
  <si>
    <t>POINT (4.628300411751939 51.84392360123415)</t>
  </si>
  <si>
    <t>POINT (4.639672013507957 51.83328845572539)</t>
  </si>
  <si>
    <t>POINT (4.649872432842046 51.850577831932306)</t>
  </si>
  <si>
    <t>POINT (4.647041987397161 51.84264101629013)</t>
  </si>
  <si>
    <t>POINT (4.6422383026710135 51.8303770493219)</t>
  </si>
  <si>
    <t>POINT (4.640873681546952 51.846197433818766)</t>
  </si>
  <si>
    <t>POINT (4.632885878593666 51.83354426064112)</t>
  </si>
  <si>
    <t>POINT (4.65412439663361 51.83011031216747)</t>
  </si>
  <si>
    <t>POINT (4.648934781712067 51.844028198789545)</t>
  </si>
  <si>
    <t>POINT (4.658594713223014 51.83088420417653)</t>
  </si>
  <si>
    <t>POINT (4.64425425763921 51.83269814541101)</t>
  </si>
  <si>
    <t>POINT (4.629433259980033 51.848182561363096)</t>
  </si>
  <si>
    <t>POINT (4.638387815475359 51.826370561454446)</t>
  </si>
  <si>
    <t>POINT (4.64813655144065 51.830764892249256)</t>
  </si>
  <si>
    <t>POINT (4.647435178536787 51.832836857951186)</t>
  </si>
  <si>
    <t>POINT (4.652901592617363 51.84550024869906)</t>
  </si>
  <si>
    <t>POINT (4.641773903189539 51.83915603749002)</t>
  </si>
  <si>
    <t>POINT (4.641927851513544 51.8394985843787)</t>
  </si>
  <si>
    <t>POINT (4.648042552896812 51.832957536738476)</t>
  </si>
  <si>
    <t>POINT (4.632347024069021 51.84665527865497)</t>
  </si>
  <si>
    <t>POINT (4.641578490764807 51.8483322248097)</t>
  </si>
  <si>
    <t>POINT (4.634772751666294 51.83523725380019)</t>
  </si>
  <si>
    <t>POINT (4.625508034188708 51.84591636695923)</t>
  </si>
  <si>
    <t>POINT (4.64490491683868 51.829665859571016)</t>
  </si>
  <si>
    <t>POINT (4.63703355897672 51.83369076656066)</t>
  </si>
  <si>
    <t>POINT (4.637509168768146 51.83558734227392)</t>
  </si>
  <si>
    <t>POINT (4.655876462569558 51.849087310128795)</t>
  </si>
  <si>
    <t>POINT (4.627359753993015 51.850650034766346)</t>
  </si>
  <si>
    <t>POINT (4.623729584220329 51.839615353338175)</t>
  </si>
  <si>
    <t>POINT (4.629377487455326 51.847184458731476)</t>
  </si>
  <si>
    <t>POINT (4.630128932799137 51.83442538133446)</t>
  </si>
  <si>
    <t>POINT (4.638794363796464 51.831596290361155)</t>
  </si>
  <si>
    <t>POINT (4.628903022740003 51.83657475353404)</t>
  </si>
  <si>
    <t>POINT (4.635747181452188 51.83857829530286)</t>
  </si>
  <si>
    <t>POINT (4.653889662508622 51.835050069434246)</t>
  </si>
  <si>
    <t>POINT (4.647290282820808 51.84254370606815)</t>
  </si>
  <si>
    <t>POINT (4.62258650327277 51.8339388276553)</t>
  </si>
  <si>
    <t>POINT (4.659172788293344 51.831022620839725)</t>
  </si>
  <si>
    <t>POINT (4.631123189122665 51.845209216416876)</t>
  </si>
  <si>
    <t>POINT (4.6572270001585725 51.841590550109416)</t>
  </si>
  <si>
    <t>POINT (4.64743668974275 51.83627952853773)</t>
  </si>
  <si>
    <t>POINT (4.641083147357256 51.83530449707995)</t>
  </si>
  <si>
    <t>POINT (4.639369072752427 51.82668243277934)</t>
  </si>
  <si>
    <t>POINT (4.639201256806645 51.831743089286)</t>
  </si>
  <si>
    <t>POINT (4.640472674314657 51.84499939165833)</t>
  </si>
  <si>
    <t>POINT (4.63561035382836 51.848518890355976)</t>
  </si>
  <si>
    <t>POINT (4.624362553943583 51.84079698577368)</t>
  </si>
  <si>
    <t>POINT (4.636832080802006 51.83616728042858)</t>
  </si>
  <si>
    <t>POINT (4.649510369266806 51.84609920800522)</t>
  </si>
  <si>
    <t>POINT (4.641415172545754 51.830147105465365)</t>
  </si>
  <si>
    <t>3341TB</t>
  </si>
  <si>
    <t>POINT (4.641680278203259 51.845690204346106)</t>
  </si>
  <si>
    <t>POINT (4.641418747850903 51.832360923221955)</t>
  </si>
  <si>
    <t>POINT (4.628068093106141 51.843931088009555)</t>
  </si>
  <si>
    <t>POINT (4.636725858403069 51.828190709126716)</t>
  </si>
  <si>
    <t>POINT (4.631560954866713 51.84939176678574)</t>
  </si>
  <si>
    <t>POINT (4.645963699978337 51.82968153898384)</t>
  </si>
  <si>
    <t>POINT (4.6364792845133 51.83469987003124)</t>
  </si>
  <si>
    <t>POINT (4.628475734637968 51.83868433358902)</t>
  </si>
  <si>
    <t>POINT (4.636323583337645 51.846653810983234)</t>
  </si>
  <si>
    <t>POINT (4.6363889701549015 51.846213784401584)</t>
  </si>
  <si>
    <t>POINT (4.640808742427082 51.850116077683225)</t>
  </si>
  <si>
    <t>POINT (4.644744355633023 51.831793605678655)</t>
  </si>
  <si>
    <t>POINT (4.626980018887545 51.83789264180947)</t>
  </si>
  <si>
    <t>POINT (4.644488163715906 51.83558676076665)</t>
  </si>
  <si>
    <t>POINT (4.632504336070404 51.84592820753292)</t>
  </si>
  <si>
    <t>POINT (4.627455514225194 51.846044840010016)</t>
  </si>
  <si>
    <t>POINT (4.646597108229617 51.844103362747774)</t>
  </si>
  <si>
    <t>POINT (4.64670416598388 51.8358254767004)</t>
  </si>
  <si>
    <t>POINT (4.627834953750329 51.849152000741135)</t>
  </si>
  <si>
    <t>POINT (4.628543670621776 51.84757457567616)</t>
  </si>
  <si>
    <t>POINT (4.628506517544327 51.84633389855078)</t>
  </si>
  <si>
    <t>POINT (4.628339756010225 51.83728121994085)</t>
  </si>
  <si>
    <t>POINT (4.649499837600178 51.84013105808757)</t>
  </si>
  <si>
    <t>POINT (4.6351198998209835 51.83790911626508)</t>
  </si>
  <si>
    <t>POINT (4.6420931874049 51.835643493307806)</t>
  </si>
  <si>
    <t>POINT (4.652354306180955 51.84303212609784)</t>
  </si>
  <si>
    <t>POINT (4.657653030384267 51.835282800699474)</t>
  </si>
  <si>
    <t>POINT (4.647267326686085 51.851891765143044)</t>
  </si>
  <si>
    <t>POINT (4.650236565500601 51.84517793676809)</t>
  </si>
  <si>
    <t>POINT (4.6441649450719975 51.83387172584313)</t>
  </si>
  <si>
    <t>POINT (4.642985249229047 51.83609858565175)</t>
  </si>
  <si>
    <t>POINT (4.656876477767236 51.83435760501148)</t>
  </si>
  <si>
    <t>POINT (4.625063440719879 51.83882402708395)</t>
  </si>
  <si>
    <t>POINT (4.648295699511411 51.82902209111351)</t>
  </si>
  <si>
    <t>POINT (4.639632736250604 51.83964578823495)</t>
  </si>
  <si>
    <t>POINT (4.644041274386573 51.852123074268306)</t>
  </si>
  <si>
    <t>POINT (4.6390990766557945 51.84906251266081)</t>
  </si>
  <si>
    <t>POINT (4.636268858553893 51.84558380946044)</t>
  </si>
  <si>
    <t>POINT (4.633176877857814 51.83869664499893)</t>
  </si>
  <si>
    <t>POINT (4.623005553663834 51.84123759481727)</t>
  </si>
  <si>
    <t>POINT (4.6408947626705235 51.836166212455936)</t>
  </si>
  <si>
    <t>POINT (4.643134192961085 51.83235125218289)</t>
  </si>
  <si>
    <t>POINT (4.627356814805693 51.846055931523544)</t>
  </si>
  <si>
    <t>POINT (4.641033168173091 51.84445464647568)</t>
  </si>
  <si>
    <t>POINT (4.630807634138981 51.83548143266167)</t>
  </si>
  <si>
    <t>POINT (4.6257127670037255 51.84161473279046)</t>
  </si>
  <si>
    <t>POINT (4.6316270727276905 51.847180979431634)</t>
  </si>
  <si>
    <t>POINT (4.640459469965677 51.84667119935882)</t>
  </si>
  <si>
    <t>POINT (4.646255353256906 51.83753049208395)</t>
  </si>
  <si>
    <t>POINT (4.6357107726863385 51.84771954177539)</t>
  </si>
  <si>
    <t>POINT (4.6384497374303315 51.827009153296565)</t>
  </si>
  <si>
    <t>POINT (4.632525087055492 51.84902044345424)</t>
  </si>
  <si>
    <t>POINT (4.651296766980383 51.82913981970932)</t>
  </si>
  <si>
    <t>POINT (4.644576691991312 51.83549743410345)</t>
  </si>
  <si>
    <t>POINT (4.6414706570635085 51.84870906375139)</t>
  </si>
  <si>
    <t>POINT (4.635536708785842 51.84597462595)</t>
  </si>
  <si>
    <t>POINT (4.651120996851979 51.845228428145504)</t>
  </si>
  <si>
    <t>POINT (4.645820395603213 51.847208537231445)</t>
  </si>
  <si>
    <t>POINT (4.624772339059925 51.84316367139528)</t>
  </si>
  <si>
    <t>POINT (4.640464224572584 51.83938141981915)</t>
  </si>
  <si>
    <t>POINT (4.64794441006679 51.828327751101064)</t>
  </si>
  <si>
    <t>POINT (4.629117653121125 51.84623897060724)</t>
  </si>
  <si>
    <t>POINT (4.630319526952077 51.847262444578945)</t>
  </si>
  <si>
    <t>POINT (4.650183570584051 51.84398211262502)</t>
  </si>
  <si>
    <t>POINT (4.639779313356006 51.8483028084024)</t>
  </si>
  <si>
    <t>POINT (4.640128394713854 51.84913198691122)</t>
  </si>
  <si>
    <t>POINT (4.624349567614305 51.83813625024944)</t>
  </si>
  <si>
    <t>POINT (4.628808882806607 51.84389093210333)</t>
  </si>
  <si>
    <t>POINT (4.637569392361946 51.82845940493239)</t>
  </si>
  <si>
    <t>POINT (4.624667192727397 51.840249540461684)</t>
  </si>
  <si>
    <t>POINT (4.633196739783837 51.84531243780372)</t>
  </si>
  <si>
    <t>POINT (4.635879621959608 51.83237695353434)</t>
  </si>
  <si>
    <t>POINT (4.626822512231815 51.845505035071206)</t>
  </si>
  <si>
    <t>POINT (4.64667299946931 51.84213532435544)</t>
  </si>
  <si>
    <t>POINT (4.630267382527764 51.84777446273997)</t>
  </si>
  <si>
    <t>POINT (4.634073807468975 51.84753826852806)</t>
  </si>
  <si>
    <t>POINT (4.634560185459959 51.835802178082325)</t>
  </si>
  <si>
    <t>POINT (4.621502814858948 51.84256711776263)</t>
  </si>
  <si>
    <t>3341MA</t>
  </si>
  <si>
    <t>Teunis Stooplaan</t>
  </si>
  <si>
    <t>POINT (4.6387221001271834 51.834192848208914)</t>
  </si>
  <si>
    <t>POINT (4.626019771693531 51.84491556945005)</t>
  </si>
  <si>
    <t>POINT (4.6359251982454035 51.829595588740055)</t>
  </si>
  <si>
    <t>POINT (4.6495661982777365 51.83116938640929)</t>
  </si>
  <si>
    <t>POINT (4.6503000553373335 51.83331329935355)</t>
  </si>
  <si>
    <t>POINT (4.645536646193356 51.84328768896281)</t>
  </si>
  <si>
    <t>POINT (4.648609856991222 51.835522878616146)</t>
  </si>
  <si>
    <t>POINT (4.638357079059411 51.836950044421464)</t>
  </si>
  <si>
    <t>POINT (4.629439515455821 51.837459108827886)</t>
  </si>
  <si>
    <t>POINT (4.64181339530306 51.83764619135699)</t>
  </si>
  <si>
    <t>POINT (4.646355385494696 51.835859230812)</t>
  </si>
  <si>
    <t>POINT (4.64830308880549 51.83299513165958)</t>
  </si>
  <si>
    <t>POINT (4.626417222879068 51.83770922223364)</t>
  </si>
  <si>
    <t>POINT (4.648419379782355 51.83604754415039)</t>
  </si>
  <si>
    <t>POINT (4.648842940142942 51.82926822893578)</t>
  </si>
  <si>
    <t>POINT (4.634984070692895 51.83822284975916)</t>
  </si>
  <si>
    <t>POINT (4.649398302325729 51.830790806964885)</t>
  </si>
  <si>
    <t>POINT (4.649060014277833 51.848783985631044)</t>
  </si>
  <si>
    <t>POINT (4.6444414090440596 51.843703232382474)</t>
  </si>
  <si>
    <t>POINT (4.625848052134758 51.837903283440006)</t>
  </si>
  <si>
    <t>POINT (4.634281709775116 51.837705992593044)</t>
  </si>
  <si>
    <t>POINT (4.622286648842701 51.841700324766464)</t>
  </si>
  <si>
    <t>3341CD</t>
  </si>
  <si>
    <t>POINT (4.648239281631844 51.845731668645136)</t>
  </si>
  <si>
    <t>POINT (4.6495498983984636 51.829506379306004)</t>
  </si>
  <si>
    <t>POINT (4.620688821657284 51.83838206600704)</t>
  </si>
  <si>
    <t>POINT (4.655713331423828 51.832322448146805)</t>
  </si>
  <si>
    <t>POINT (4.6359540800616825 51.83748300081047)</t>
  </si>
  <si>
    <t>POINT (4.657641264829052 51.83440907457478)</t>
  </si>
  <si>
    <t>POINT (4.644618874927578 51.850259362254256)</t>
  </si>
  <si>
    <t>POINT (4.644792815470136 51.83735046742387)</t>
  </si>
  <si>
    <t>POINT (4.650290680099392 51.83975639757733)</t>
  </si>
  <si>
    <t>POINT (4.630553474144728 51.84456735034743)</t>
  </si>
  <si>
    <t>POINT (4.6289862544492415 51.84887180339779)</t>
  </si>
  <si>
    <t>POINT (4.637235643399913 51.82853437795411)</t>
  </si>
  <si>
    <t>POINT (4.638463884009709 51.83750802358786)</t>
  </si>
  <si>
    <t>POINT (4.625727961003532 51.8441496394688)</t>
  </si>
  <si>
    <t>POINT (4.6237126759279725 51.844037676043875)</t>
  </si>
  <si>
    <t>POINT (4.635987714119329 51.83807646877034)</t>
  </si>
  <si>
    <t>POINT (4.636467518489447 51.84585473993854)</t>
  </si>
  <si>
    <t>POINT (4.649746494246723 51.839456345625365)</t>
  </si>
  <si>
    <t>POINT (4.641380683197093 51.85151295401573)</t>
  </si>
  <si>
    <t>POINT (4.628917639640083 51.83915460024171)</t>
  </si>
  <si>
    <t>POINT (4.632389979166609 51.83456578312357)</t>
  </si>
  <si>
    <t>POINT (4.651474451406192 51.848466559036424)</t>
  </si>
  <si>
    <t>POINT (4.6343446101209125 51.83654685627956)</t>
  </si>
  <si>
    <t>POINT (4.629061423760623 51.846130743443986)</t>
  </si>
  <si>
    <t>POINT (4.638657756205845 51.831777934505936)</t>
  </si>
  <si>
    <t>POINT (4.640916267824796 51.835743881426225)</t>
  </si>
  <si>
    <t>POINT (4.638539417889817 51.850425222226086)</t>
  </si>
  <si>
    <t>POINT (4.646780173920085 51.84974040606957)</t>
  </si>
  <si>
    <t>POINT (4.6402282895650275 51.8361080415309)</t>
  </si>
  <si>
    <t>POINT (4.633581392042613 51.84487446248711)</t>
  </si>
  <si>
    <t>POINT (4.622639797639732 51.83391297273561)</t>
  </si>
  <si>
    <t>POINT (4.6321652279816234 51.83931935057565)</t>
  </si>
  <si>
    <t>POINT (4.646715759524431 51.84129964830495)</t>
  </si>
  <si>
    <t>POINT (4.643999571519543 51.84409593754632)</t>
  </si>
  <si>
    <t>POINT (4.628899817012108 51.83848932258721)</t>
  </si>
  <si>
    <t>POINT (4.62930278905492 51.849898555482774)</t>
  </si>
  <si>
    <t>POINT (4.639920044554476 51.8363218079873)</t>
  </si>
  <si>
    <t>POINT (4.646592713168378 51.83201357643204)</t>
  </si>
  <si>
    <t>POINT (4.64379839007144 51.83254422259654)</t>
  </si>
  <si>
    <t>POINT (4.6410865268660455 51.83461503315427)</t>
  </si>
  <si>
    <t>POINT (4.640948693805879 51.83729013961395)</t>
  </si>
  <si>
    <t>POINT (4.628299033755659 51.84570565145028)</t>
  </si>
  <si>
    <t>POINT (4.629232323600268 51.83683755203799)</t>
  </si>
  <si>
    <t>POINT (4.628676203417116 51.84918440434697)</t>
  </si>
  <si>
    <t>POINT (4.64797224154513 51.828399835800084)</t>
  </si>
  <si>
    <t>POINT (4.630239114424494 51.84772933714092)</t>
  </si>
  <si>
    <t>POINT (4.638789740778546 51.84060220522565)</t>
  </si>
  <si>
    <t>POINT (4.652840398105426 51.831450586940235)</t>
  </si>
  <si>
    <t>POINT (4.620322583446429 51.838830394096554)</t>
  </si>
  <si>
    <t>POINT (4.633555761523304 51.83513057159591)</t>
  </si>
  <si>
    <t>POINT (4.643738895352574 51.8370291942159)</t>
  </si>
  <si>
    <t>POINT (4.647477961560634 51.83288207092302)</t>
  </si>
  <si>
    <t>POINT (4.651772516467179 51.83258351200265)</t>
  </si>
  <si>
    <t>POINT (4.636387135546305 51.83939892119615)</t>
  </si>
  <si>
    <t>POINT (4.6345124006511345 51.83692545678287)</t>
  </si>
  <si>
    <t>POINT (4.650154249335405 51.83335732732398)</t>
  </si>
  <si>
    <t>POINT (4.650821126657179 51.84117170088754)</t>
  </si>
  <si>
    <t>POINT (4.641415434469684 51.84678513934202)</t>
  </si>
  <si>
    <t>POINT (4.63594220734376 51.83471441151194)</t>
  </si>
  <si>
    <t>POINT (4.655921381745526 51.849115949079014)</t>
  </si>
  <si>
    <t>POINT (4.627358196916393 51.84936681086602)</t>
  </si>
  <si>
    <t>POINT (4.640097580322773 51.84661496520234)</t>
  </si>
  <si>
    <t>POINT (4.650725821730224 51.84543268911162)</t>
  </si>
  <si>
    <t>POINT (4.643768976196805 51.83608557413123)</t>
  </si>
  <si>
    <t>POINT (4.626169148018162 51.8463816922814)</t>
  </si>
  <si>
    <t>3342TX</t>
  </si>
  <si>
    <t>Willem van Ewijcklaan</t>
  </si>
  <si>
    <t>POINT (4.6283626931626785 51.84367232081297)</t>
  </si>
  <si>
    <t>POINT (4.6504089051667945 51.84325333323583)</t>
  </si>
  <si>
    <t>POINT (4.645295157478044 51.850044358987326)</t>
  </si>
  <si>
    <t>POINT (4.640968425462668 51.83522286979062)</t>
  </si>
  <si>
    <t>POINT (4.651212761680384 51.830730288124826)</t>
  </si>
  <si>
    <t>POINT (4.610811238927313 51.83562953529611)</t>
  </si>
  <si>
    <t>POINT (4.631447887055845 51.837966432764844)</t>
  </si>
  <si>
    <t>POINT (4.636435246391958 51.839333989066816)</t>
  </si>
  <si>
    <t>3343BB</t>
  </si>
  <si>
    <t>Kennipwerf</t>
  </si>
  <si>
    <t>POINT (4.630616559800299 51.83994757659695)</t>
  </si>
  <si>
    <t>POINT (4.642424192937056 51.83580738992087)</t>
  </si>
  <si>
    <t>POINT (4.621077803841256 51.83854640155479)</t>
  </si>
  <si>
    <t>POINT (4.619319470169379 51.85061570655612)</t>
  </si>
  <si>
    <t>POINT (4.631827972322742 51.83779809405199)</t>
  </si>
  <si>
    <t>POINT (4.65085252419155 51.84014752298012)</t>
  </si>
  <si>
    <t>POINT (4.631641849707504 51.83937890412256)</t>
  </si>
  <si>
    <t>POINT (4.625193751513229 51.840083765358415)</t>
  </si>
  <si>
    <t>POINT (4.65027107487224 51.84395569591667)</t>
  </si>
  <si>
    <t>POINT (4.62634404198673 51.84633788238718)</t>
  </si>
  <si>
    <t>POINT (4.6431660271389195 51.82866609544522)</t>
  </si>
  <si>
    <t>POINT (4.645989765295232 51.837798475596486)</t>
  </si>
  <si>
    <t>POINT (4.635745682268639 51.83866817247702)</t>
  </si>
  <si>
    <t>POINT (4.634255785190052 51.83838896592551)</t>
  </si>
  <si>
    <t>POINT (4.640500850994907 51.85030288197754)</t>
  </si>
  <si>
    <t>POINT (4.630508891756402 51.83685477609369)</t>
  </si>
  <si>
    <t>POINT (4.6533420078112595 51.833611004310264)</t>
  </si>
  <si>
    <t>POINT (4.658174872913086 51.83531300856613)</t>
  </si>
  <si>
    <t>POINT (4.645729412679187 51.831576670116554)</t>
  </si>
  <si>
    <t>POINT (4.6443030925718425 51.82833172759075)</t>
  </si>
  <si>
    <t>POINT (4.642331970119318 51.84050788010868)</t>
  </si>
  <si>
    <t>POINT (4.64459247062168 51.82749761139891)</t>
  </si>
  <si>
    <t>POINT (4.648595743001305 51.8310733974023)</t>
  </si>
  <si>
    <t>POINT (4.630607768602122 51.83874303671239)</t>
  </si>
  <si>
    <t>POINT (4.634003978588711 51.83348851923142)</t>
  </si>
  <si>
    <t>POINT (4.648221958470464 51.839794153173806)</t>
  </si>
  <si>
    <t>POINT (4.651662910794925 51.84403633299989)</t>
  </si>
  <si>
    <t>POINT (4.633177029415244 51.846489827166224)</t>
  </si>
  <si>
    <t>POINT (4.626950432732871 51.84480474658914)</t>
  </si>
  <si>
    <t>POINT (4.644286645640225 51.829329366992184)</t>
  </si>
  <si>
    <t>POINT (4.650586935599461 51.83085220399011)</t>
  </si>
  <si>
    <t>POINT (4.648186148475838 51.83304832755402)</t>
  </si>
  <si>
    <t>POINT (4.644119412172003 51.82803393845372)</t>
  </si>
  <si>
    <t>POINT (4.63029416256883 51.838408433961916)</t>
  </si>
  <si>
    <t>POINT (4.634922832698991 51.83667640456661)</t>
  </si>
  <si>
    <t>3344JK</t>
  </si>
  <si>
    <t>Stekelbaars</t>
  </si>
  <si>
    <t>POINT (4.657933002901274 51.83232089722342)</t>
  </si>
  <si>
    <t>POINT (4.63245729373338 51.84786945805089)</t>
  </si>
  <si>
    <t>3341ER</t>
  </si>
  <si>
    <t>Christinastraat</t>
  </si>
  <si>
    <t>POINT (4.643692049280911 51.85062520510258)</t>
  </si>
  <si>
    <t>POINT (4.640722706195708 51.83954485974006)</t>
  </si>
  <si>
    <t>POINT (4.6252483894643195 51.84075779491712)</t>
  </si>
  <si>
    <t>POINT (4.6397761989254365 51.83321590634045)</t>
  </si>
  <si>
    <t>POINT (4.645193194713146 51.85092275128727)</t>
  </si>
  <si>
    <t>POINT (4.6413054501260165 51.839404744899305)</t>
  </si>
  <si>
    <t>POINT (4.628144542816856 51.83594963235745)</t>
  </si>
  <si>
    <t>POINT (4.653729797959544 51.842387800198324)</t>
  </si>
  <si>
    <t>POINT (4.649442199948394 51.839323918382206)</t>
  </si>
  <si>
    <t>POINT (4.650403791260595 51.83051847367813)</t>
  </si>
  <si>
    <t>POINT (4.621319540767743 51.84139739310891)</t>
  </si>
  <si>
    <t>POINT (4.6342235377393814 51.83337307488979)</t>
  </si>
  <si>
    <t>POINT (4.626682888477795 51.83572444371391)</t>
  </si>
  <si>
    <t>POINT (4.6426477599930065 51.84071662263802)</t>
  </si>
  <si>
    <t>POINT (4.643244613731497 51.850233791402786)</t>
  </si>
  <si>
    <t>POINT (4.631976779322989 51.836711420935345)</t>
  </si>
  <si>
    <t>POINT (4.651200364020288 51.83236687662798)</t>
  </si>
  <si>
    <t>POINT (4.631773392342018 51.83413035999604)</t>
  </si>
  <si>
    <t>POINT (4.621706412988324 51.841687554228685)</t>
  </si>
  <si>
    <t>POINT (4.641716390162104 51.833603206439896)</t>
  </si>
  <si>
    <t>3342XR</t>
  </si>
  <si>
    <t>Wittensteyn</t>
  </si>
  <si>
    <t>POINT (4.63217173850161 51.84499124721835)</t>
  </si>
  <si>
    <t>POINT (4.652120061306762 51.84447964023096)</t>
  </si>
  <si>
    <t>POINT (4.652616649100692 51.845174874713116)</t>
  </si>
  <si>
    <t>POINT (4.6265316860097 51.84553910594901)</t>
  </si>
  <si>
    <t>POINT (4.650711946387819 51.833855204419024)</t>
  </si>
  <si>
    <t>POINT (4.632089285671066 51.84644688189972)</t>
  </si>
  <si>
    <t>POINT (4.644397447648262 51.84284903114946)</t>
  </si>
  <si>
    <t>POINT (4.6446061716694205 51.85025165054639)</t>
  </si>
  <si>
    <t>POINT (4.645293961889504 51.84128168345126)</t>
  </si>
  <si>
    <t>POINT (4.635058864651963 51.838088498803295)</t>
  </si>
  <si>
    <t>POINT (4.629627955974837 51.850413008068585)</t>
  </si>
  <si>
    <t>POINT (4.630085889030755 51.83698687902431)</t>
  </si>
  <si>
    <t>POINT (4.650169060057756 51.84398202153573)</t>
  </si>
  <si>
    <t>POINT (4.652411883438636 51.845272468613686)</t>
  </si>
  <si>
    <t>POINT (4.633325805800665 51.83760098251887)</t>
  </si>
  <si>
    <t>POINT (4.656760727330101 51.8366799146566)</t>
  </si>
  <si>
    <t>POINT (4.650453132400348 51.83363024788309)</t>
  </si>
  <si>
    <t>POINT (4.625377371964187 51.841711432408474)</t>
  </si>
  <si>
    <t>POINT (4.625207796963181 51.843157509762996)</t>
  </si>
  <si>
    <t>POINT (4.646261044833582 51.83924536811677)</t>
  </si>
  <si>
    <t>POINT (4.649036797347415 51.844001874244896)</t>
  </si>
  <si>
    <t>POINT (4.63079170468999 51.83902287109868)</t>
  </si>
  <si>
    <t>POINT (4.642700497805366 51.840159659612944)</t>
  </si>
  <si>
    <t>POINT (4.64416175757844 51.8418948940097)</t>
  </si>
  <si>
    <t>POINT (4.6351044321780215 51.83622813414389)</t>
  </si>
  <si>
    <t>POINT (4.628813573871679 51.84361231340008)</t>
  </si>
  <si>
    <t>POINT (4.630076969375995 51.836654240188466)</t>
  </si>
  <si>
    <t>POINT (4.630609638870681 51.834311627608834)</t>
  </si>
  <si>
    <t>POINT (4.655523764462435 51.834468658894224)</t>
  </si>
  <si>
    <t>POINT (4.6400380464839825 51.836205706295765)</t>
  </si>
  <si>
    <t>POINT (4.651029496708175 51.82951566808747)</t>
  </si>
  <si>
    <t>POINT (4.636519583999086 51.83932862281544)</t>
  </si>
  <si>
    <t>POINT (4.645252766042087 51.83056692656805)</t>
  </si>
  <si>
    <t>POINT (4.6532492284841425 51.83218122606158)</t>
  </si>
  <si>
    <t>POINT (4.648812005128454 51.83823872785572)</t>
  </si>
  <si>
    <t>3343AP</t>
  </si>
  <si>
    <t>POINT (4.624245380541183 51.83755644099666)</t>
  </si>
  <si>
    <t>POINT (4.63912696862661 51.85087840000145)</t>
  </si>
  <si>
    <t>POINT (4.649567400563085 51.83113405050198)</t>
  </si>
  <si>
    <t>POINT (4.644023543355581 51.841804788693324)</t>
  </si>
  <si>
    <t>POINT (4.632593949093053 51.83624797824543)</t>
  </si>
  <si>
    <t>POINT (4.641780202379111 51.84403692445557)</t>
  </si>
  <si>
    <t>POINT (4.653133361787707 51.84158897179916)</t>
  </si>
  <si>
    <t>POINT (4.6292675712419085 51.84940395126972)</t>
  </si>
  <si>
    <t>POINT (4.624335054460421 51.843277683729475)</t>
  </si>
  <si>
    <t>POINT (4.639516035728771 51.833825920192695)</t>
  </si>
  <si>
    <t>POINT (4.640781721014019 51.84474068549352)</t>
  </si>
  <si>
    <t>POINT (4.648751533407641 51.84064347147719)</t>
  </si>
  <si>
    <t>POINT (4.64456803229225 51.82898058907174)</t>
  </si>
  <si>
    <t>POINT (4.646334498341332 51.83536472209022)</t>
  </si>
  <si>
    <t>POINT (4.6513861029941035 51.83077631819279)</t>
  </si>
  <si>
    <t>POINT (4.622200964259968 51.84161886830103)</t>
  </si>
  <si>
    <t>POINT (4.631721209276485 51.83637719524509)</t>
  </si>
  <si>
    <t>POINT (4.654905771814409 51.83202078710681)</t>
  </si>
  <si>
    <t>POINT (4.649886577677024 51.85414641459401)</t>
  </si>
  <si>
    <t>POINT (4.64307179927613 51.82734416185693)</t>
  </si>
  <si>
    <t>POINT (4.6485658915583805 51.83554956800082)</t>
  </si>
  <si>
    <t>POINT (4.641998684432789 51.829953060362435)</t>
  </si>
  <si>
    <t>POINT (4.635597175842713 51.83452344060925)</t>
  </si>
  <si>
    <t>POINT (4.647056497483124 51.842641107765154)</t>
  </si>
  <si>
    <t>POINT (4.650535350999522 51.84376859256565)</t>
  </si>
  <si>
    <t>POINT (4.651237370385515 51.831000102573405)</t>
  </si>
  <si>
    <t>POINT (4.642405764089801 51.849209375336464)</t>
  </si>
  <si>
    <t>POINT (4.653424513512595 51.83389016873813)</t>
  </si>
  <si>
    <t>POINT (4.649037240072923 51.83909989214726)</t>
  </si>
  <si>
    <t>POINT (4.62992576342278 51.849965495636845)</t>
  </si>
  <si>
    <t>POINT (4.653501668763649 51.84518939720572)</t>
  </si>
  <si>
    <t>POINT (4.656010149902251 51.84711063995445)</t>
  </si>
  <si>
    <t>POINT (4.643460705676539 51.829270204561276)</t>
  </si>
  <si>
    <t>POINT (4.628550287528586 51.848904942016134)</t>
  </si>
  <si>
    <t>POINT (4.659259390965238 51.83105012391727)</t>
  </si>
  <si>
    <t>POINT (4.629293971214888 51.83834804895261)</t>
  </si>
  <si>
    <t>POINT (4.637113119161822 51.83584548403725)</t>
  </si>
  <si>
    <t>POINT (4.655982731882581 51.84701159405598)</t>
  </si>
  <si>
    <t>POINT (4.648729986914606 51.829078756182476)</t>
  </si>
  <si>
    <t>POINT (4.64500006436028 51.84238543168941)</t>
  </si>
  <si>
    <t>POINT (4.634526908862438 51.83692554980309)</t>
  </si>
  <si>
    <t>POINT (4.634832367746322 51.84643752546556)</t>
  </si>
  <si>
    <t>POINT (4.650026680500624 51.82962622730377)</t>
  </si>
  <si>
    <t>POINT (4.641643542131409 51.84966295962834)</t>
  </si>
  <si>
    <t>POINT (4.636714459784008 51.83305542935359)</t>
  </si>
  <si>
    <t>POINT (4.636444188594969 51.83944434628987)</t>
  </si>
  <si>
    <t>POINT (4.638209540237358 51.82766188038823)</t>
  </si>
  <si>
    <t>POINT (4.640587303504852 51.83369551736079)</t>
  </si>
  <si>
    <t>POINT (4.6461549358393395 51.83569616956292)</t>
  </si>
  <si>
    <t>POINT (4.628101263587088 51.846268358432305)</t>
  </si>
  <si>
    <t>POINT (4.6492073399538025 51.83713560776037)</t>
  </si>
  <si>
    <t>POINT (4.624676071604531 51.84026078904419)</t>
  </si>
  <si>
    <t>POINT (4.655398436702537 51.84903039992654)</t>
  </si>
  <si>
    <t>POINT (4.639222247657963 51.834654458699454)</t>
  </si>
  <si>
    <t>POINT (4.640334613049019 51.83582108039063)</t>
  </si>
  <si>
    <t>POINT (4.636955019559174 51.83662648877815)</t>
  </si>
  <si>
    <t>POINT (4.640487507277868 51.84760619867541)</t>
  </si>
  <si>
    <t>POINT (4.64834864946728 51.84067810479909)</t>
  </si>
  <si>
    <t>POINT (4.645150345321132 51.850766158799715)</t>
  </si>
  <si>
    <t>POINT (4.641921846515484 51.846878241517494)</t>
  </si>
  <si>
    <t>POINT (4.629283771689695 51.846716442790616)</t>
  </si>
  <si>
    <t>POINT (4.631207637592475 51.83498963167338)</t>
  </si>
  <si>
    <t>POINT (4.639153040488053 51.83969666472255)</t>
  </si>
  <si>
    <t>POINT (4.635122855268666 51.838601263403795)</t>
  </si>
  <si>
    <t>POINT (4.65450926847711 51.83231493895136)</t>
  </si>
  <si>
    <t>POINT (4.653634743893753 51.831671281722315)</t>
  </si>
  <si>
    <t>POINT (4.631110927705913 51.83988784075832)</t>
  </si>
  <si>
    <t>POINT (4.641395112519001 51.84187719873984)</t>
  </si>
  <si>
    <t>POINT (4.64219444489987 51.83566211331003)</t>
  </si>
  <si>
    <t>POINT (4.624772454944778 51.844871521522684)</t>
  </si>
  <si>
    <t>POINT (4.602304683631136 51.8419760187182)</t>
  </si>
  <si>
    <t>POINT (4.639930496129774 51.83214084482186)</t>
  </si>
  <si>
    <t>POINT (4.65172983157693 51.84279256918381)</t>
  </si>
  <si>
    <t>POINT (4.622962634880024 51.841201360698584)</t>
  </si>
  <si>
    <t>POINT (4.629164763808333 51.83740340293626)</t>
  </si>
  <si>
    <t>POINT (4.635410949648206 51.844814282356076)</t>
  </si>
  <si>
    <t>POINT (4.6289699408262095 51.84811664958488)</t>
  </si>
  <si>
    <t>POINT (4.648993413056795 51.84399261281297)</t>
  </si>
  <si>
    <t>POINT (4.62796098068987 51.84253715015764)</t>
  </si>
  <si>
    <t>POINT (4.644071531130402 51.84413234768885)</t>
  </si>
  <si>
    <t>POINT (4.621758950418521 51.83944971360686)</t>
  </si>
  <si>
    <t>POINT (4.630601374558406 51.83653177956367)</t>
  </si>
  <si>
    <t>POINT (4.639043324911785 51.83756564982114)</t>
  </si>
  <si>
    <t>POINT (4.641762666966734 51.8468502650286)</t>
  </si>
  <si>
    <t>POINT (4.63161316434223 51.84714493524249)</t>
  </si>
  <si>
    <t>POINT (4.6588334757561665 51.83137107384524)</t>
  </si>
  <si>
    <t>POINT (4.625864717772237 51.84105560646782)</t>
  </si>
  <si>
    <t>3343LL</t>
  </si>
  <si>
    <t>Sedumweg</t>
  </si>
  <si>
    <t>POINT (4.6234383696448615 51.84053030516001)</t>
  </si>
  <si>
    <t>POINT (4.646399159216837 51.851381344609244)</t>
  </si>
  <si>
    <t>POINT (4.640522083101817 51.83676608386006)</t>
  </si>
  <si>
    <t>POINT (4.626633414530243 51.84553077630165)</t>
  </si>
  <si>
    <t>POINT (4.6480021371240525 51.82834609200726)</t>
  </si>
  <si>
    <t>POINT (4.646137659515333 51.83762862456002)</t>
  </si>
  <si>
    <t>POINT (4.646487361867914 51.84812958981301)</t>
  </si>
  <si>
    <t>POINT (4.627678503360575 51.848962226699044)</t>
  </si>
  <si>
    <t>POINT (4.639512752707205 51.82938894235616)</t>
  </si>
  <si>
    <t>POINT (4.641190695330177 51.84633427844681)</t>
  </si>
  <si>
    <t>POINT (4.629451849684378 51.84880289968882)</t>
  </si>
  <si>
    <t>POINT (4.642719429086093 51.84603836721269)</t>
  </si>
  <si>
    <t>POINT (4.621472891240384 51.84005907896508)</t>
  </si>
  <si>
    <t>POINT (4.624813106878779 51.840754969051254)</t>
  </si>
  <si>
    <t>POINT (4.655567269688484 51.83059571372565)</t>
  </si>
  <si>
    <t>POINT (4.644113904068571 51.84912803718807)</t>
  </si>
  <si>
    <t>POINT (4.645216529981019 51.84245870924128)</t>
  </si>
  <si>
    <t>POINT (4.632967655523756 51.83385939006638)</t>
  </si>
  <si>
    <t>POINT (4.638414601908481 51.83373956558085)</t>
  </si>
  <si>
    <t>POINT (4.62814524358786 51.845724603170815)</t>
  </si>
  <si>
    <t>POINT (4.623306017424649 51.84234515843736)</t>
  </si>
  <si>
    <t>POINT (4.636460601235769 51.82822365527399)</t>
  </si>
  <si>
    <t>POINT (4.635894989414579 51.846246579173666)</t>
  </si>
  <si>
    <t>POINT (4.6337617953661185 51.83408920689467)</t>
  </si>
  <si>
    <t>POINT (4.640427287265098 51.837232891962465)</t>
  </si>
  <si>
    <t>POINT (4.626022972422111 51.84644366545534)</t>
  </si>
  <si>
    <t>POINT (4.644200764577332 51.849424745161365)</t>
  </si>
  <si>
    <t>POINT (4.6266331109958525 51.845548751690515)</t>
  </si>
  <si>
    <t>POINT (4.627511996902785 51.84420614010032)</t>
  </si>
  <si>
    <t>POINT (4.634924567362214 51.827013579165836)</t>
  </si>
  <si>
    <t>POINT (4.640833399085794 51.841621946383725)</t>
  </si>
  <si>
    <t>POINT (4.642951854611751 51.8530509944988)</t>
  </si>
  <si>
    <t>POINT (4.630052507345539 51.838973162629316)</t>
  </si>
  <si>
    <t>POINT (4.6459658732857765 51.83484105213514)</t>
  </si>
  <si>
    <t>POINT (4.627176696407099 51.84773651995472)</t>
  </si>
  <si>
    <t>POINT (4.631210585068947 51.84605471448283)</t>
  </si>
  <si>
    <t>POINT (4.640966599271112 51.8405890960851)</t>
  </si>
  <si>
    <t>POINT (4.633398210789544 51.834140804841084)</t>
  </si>
  <si>
    <t>POINT (4.63505991502283 51.83802558478501)</t>
  </si>
  <si>
    <t>POINT (4.644769581056608 51.84915227452903)</t>
  </si>
  <si>
    <t>POINT (4.651966305679084 51.83433946681252)</t>
  </si>
  <si>
    <t>POINT (4.65719802892835 51.83112720930657)</t>
  </si>
  <si>
    <t>POINT (4.621867390979683 51.8407537803288)</t>
  </si>
  <si>
    <t>POINT (4.653249103629799 51.842391420792254)</t>
  </si>
  <si>
    <t>POINT (4.626638677041222 51.850375706165)</t>
  </si>
  <si>
    <t>POINT (4.650870931685122 51.845433599244465)</t>
  </si>
  <si>
    <t>POINT (4.6523896013156705 51.845748727872504)</t>
  </si>
  <si>
    <t>POINT (4.6350855701569245 51.82851938046404)</t>
  </si>
  <si>
    <t>POINT (4.640613373560457 51.84614184689525)</t>
  </si>
  <si>
    <t>POINT (4.640278275231741 51.836593748056345)</t>
  </si>
  <si>
    <t>POINT (4.63260953011614 51.838782886449984)</t>
  </si>
  <si>
    <t>POINT (4.62318917581157 51.84238934156292)</t>
  </si>
  <si>
    <t>POINT (4.630140856349877 51.847530952848004)</t>
  </si>
  <si>
    <t>POINT (4.641830917971733 51.84097211085051)</t>
  </si>
  <si>
    <t>POINT (4.630318899094327 51.84557256994994)</t>
  </si>
  <si>
    <t>POINT (4.627156458145432 51.84205554457318)</t>
  </si>
  <si>
    <t>POINT (4.634400057478293 51.83496520393676)</t>
  </si>
  <si>
    <t>POINT (4.646571793240593 51.83505161593471)</t>
  </si>
  <si>
    <t>POINT (4.6419342450649115 51.839112112120446)</t>
  </si>
  <si>
    <t>POINT (4.621477308879809 51.842360211643616)</t>
  </si>
  <si>
    <t>POINT (4.643896902385226 51.83536729035558)</t>
  </si>
  <si>
    <t>POINT (4.655031843260616 51.84390458318721)</t>
  </si>
  <si>
    <t>POINT (4.644781555440914 51.85078102290765)</t>
  </si>
  <si>
    <t>3341TG</t>
  </si>
  <si>
    <t>POINT (4.642094050834753 51.84699618706879)</t>
  </si>
  <si>
    <t>POINT (4.627417092915243 51.83778760713449)</t>
  </si>
  <si>
    <t>POINT (4.634247886018542 51.837993413393825)</t>
  </si>
  <si>
    <t>POINT (4.629514879895466 51.8502325050657)</t>
  </si>
  <si>
    <t>POINT (4.647532391150226 51.83752056782656)</t>
  </si>
  <si>
    <t>POINT (4.6398462437181855 51.84077073155633)</t>
  </si>
  <si>
    <t>POINT (4.639414689711812 51.840543266790824)</t>
  </si>
  <si>
    <t>POINT (4.627154368249443 51.83615895423296)</t>
  </si>
  <si>
    <t>POINT (4.649807646725463 51.84118114178639)</t>
  </si>
  <si>
    <t>POINT (4.6297074683754245 51.83878217449695)</t>
  </si>
  <si>
    <t>POINT (4.64672789573903 51.8370301081304)</t>
  </si>
  <si>
    <t>POINT (4.6291647964514375 51.84774937216783)</t>
  </si>
  <si>
    <t>POINT (4.642878841791661 51.853077497676416)</t>
  </si>
  <si>
    <t>POINT (4.639752870172702 51.83205874389884)</t>
  </si>
  <si>
    <t>POINT (4.6390770764702305 51.83282870585944)</t>
  </si>
  <si>
    <t>POINT (4.644380852065413 51.84893193986368)</t>
  </si>
  <si>
    <t>POINT (4.643522776570882 51.85275798608696)</t>
  </si>
  <si>
    <t>POINT (4.651957789435855 51.84553029688887)</t>
  </si>
  <si>
    <t>POINT (4.623245579412918 51.8392306754184)</t>
  </si>
  <si>
    <t>POINT (4.62939605149264 51.85125644652689)</t>
  </si>
  <si>
    <t>POINT (4.634450405091818 51.838030666844865)</t>
  </si>
  <si>
    <t>POINT (4.639997454426503 51.83515377278721)</t>
  </si>
  <si>
    <t>POINT (4.634101598525892 51.83806438448179)</t>
  </si>
  <si>
    <t>POINT (4.62534013768765 51.83999874763544)</t>
  </si>
  <si>
    <t>POINT (4.644897161396981 51.84246567910375)</t>
  </si>
  <si>
    <t>POINT (4.643101436399745 51.82994207866163)</t>
  </si>
  <si>
    <t>POINT (4.64008495716518 51.84562613173295)</t>
  </si>
  <si>
    <t>POINT (4.647233561282882 51.848646648232595)</t>
  </si>
  <si>
    <t>POINT (4.640207118185382 51.83475960533009)</t>
  </si>
  <si>
    <t>POINT (4.642222830155713 51.82692529718124)</t>
  </si>
  <si>
    <t>POINT (4.642526085143896 51.8428102104759)</t>
  </si>
  <si>
    <t>POINT (4.647913963283194 51.85052057429628)</t>
  </si>
  <si>
    <t>POINT (4.642679298746979 51.83793033490343)</t>
  </si>
  <si>
    <t>POINT (4.650867266764905 51.83411685017435)</t>
  </si>
  <si>
    <t>POINT (4.629049079673519 51.85289913301108)</t>
  </si>
  <si>
    <t>POINT (4.641141073405244 51.84319691887861)</t>
  </si>
  <si>
    <t>POINT (4.622891612041876 51.84111101148912)</t>
  </si>
  <si>
    <t>POINT (4.644051429655184 51.83306852530563)</t>
  </si>
  <si>
    <t>POINT (4.635398631477976 51.839465942753414)</t>
  </si>
  <si>
    <t>POINT (4.636702809744892 51.84741128363118)</t>
  </si>
  <si>
    <t>POINT (4.643427005394519 51.85037478342058)</t>
  </si>
  <si>
    <t>POINT (4.641894948120578 51.84411855090986)</t>
  </si>
  <si>
    <t>POINT (4.6260159744995715 51.84514026179942)</t>
  </si>
  <si>
    <t>POINT (4.627269634072591 51.84824947594198)</t>
  </si>
  <si>
    <t>POINT (4.6351727751789396 51.84517230386277)</t>
  </si>
  <si>
    <t>POINT (4.656423401782 51.84758062250263)</t>
  </si>
  <si>
    <t>POINT (4.632135171239791 51.8341866196824)</t>
  </si>
  <si>
    <t>POINT (4.637278643372842 51.84594981020553)</t>
  </si>
  <si>
    <t>POINT (4.646778034778953 51.83574504459622)</t>
  </si>
  <si>
    <t>POINT (4.642153323317438 51.83288435141256)</t>
  </si>
  <si>
    <t>POINT (4.626053058140064 51.84638093975725)</t>
  </si>
  <si>
    <t>POINT (4.629016388992994 51.83501145437974)</t>
  </si>
  <si>
    <t>POINT (4.632375569837177 51.83369378803392)</t>
  </si>
  <si>
    <t>POINT (4.622910978258587 51.83996957439147)</t>
  </si>
  <si>
    <t>POINT (4.627587964455383 51.84228305426892)</t>
  </si>
  <si>
    <t>POINT (4.646151594852292 51.85121945186485)</t>
  </si>
  <si>
    <t>POINT (4.63758290892298 51.837259707243696)</t>
  </si>
  <si>
    <t>POINT (4.632515400784285 51.83920474931841)</t>
  </si>
  <si>
    <t>POINT (4.640345575239171 51.84828843431811)</t>
  </si>
  <si>
    <t>POINT (4.628095629794388 51.84315823970642)</t>
  </si>
  <si>
    <t>POINT (4.651967500750449 51.843033650466325)</t>
  </si>
  <si>
    <t>POINT (4.631861100145437 51.83841852619757)</t>
  </si>
  <si>
    <t>POINT (4.658373954265636 51.83335136364541)</t>
  </si>
  <si>
    <t>POINT (4.622556656179813 51.840326814647234)</t>
  </si>
  <si>
    <t>POINT (4.623320525830175 51.83806663810614)</t>
  </si>
  <si>
    <t>POINT (4.649925372843346 51.83820665153842)</t>
  </si>
  <si>
    <t>POINT (4.64550014380086 51.85255476499465)</t>
  </si>
  <si>
    <t>POINT (4.640714177535709 51.8374324674046)</t>
  </si>
  <si>
    <t>POINT (4.644332251673408 51.82832292345558)</t>
  </si>
  <si>
    <t>POINT (4.6510945673946384 51.82908461982935)</t>
  </si>
  <si>
    <t>POINT (4.650604255035853 51.846654383699814)</t>
  </si>
  <si>
    <t>POINT (4.639683398751508 51.84796062860967)</t>
  </si>
  <si>
    <t>POINT (4.65079186332875 51.83277380254084)</t>
  </si>
  <si>
    <t>POINT (4.6484507338078505 51.840694045913445)</t>
  </si>
  <si>
    <t>POINT (4.639641918022812 51.84084134005328)</t>
  </si>
  <si>
    <t>POINT (4.644337486635931 51.84203237310073)</t>
  </si>
  <si>
    <t>POINT (4.643844307978096 51.841840327737785)</t>
  </si>
  <si>
    <t>POINT (4.646270157322105 51.837512608180965)</t>
  </si>
  <si>
    <t>POINT (4.6420371945245975 51.846923916944796)</t>
  </si>
  <si>
    <t>POINT (4.650522015106 51.840775581712805)</t>
  </si>
  <si>
    <t>POINT (4.647130209662266 51.835504571215445)</t>
  </si>
  <si>
    <t>POINT (4.649748786321542 51.84483330505183)</t>
  </si>
  <si>
    <t>POINT (4.638650919292563 51.84022379593764)</t>
  </si>
  <si>
    <t>POINT (4.6515070139037915 51.83204324722477)</t>
  </si>
  <si>
    <t>POINT (4.641175886333322 51.84635216168021)</t>
  </si>
  <si>
    <t>POINT (4.6375710985359575 51.83971354025868)</t>
  </si>
  <si>
    <t>POINT (4.642106956948335 51.832478847520896)</t>
  </si>
  <si>
    <t>POINT (4.637326396552654 51.836979420027504)</t>
  </si>
  <si>
    <t>POINT (4.645931139810245 51.82989706163383)</t>
  </si>
  <si>
    <t>POINT (4.63206998257371 51.85019503299458)</t>
  </si>
  <si>
    <t>POINT (4.633400042940468 51.84530475456765)</t>
  </si>
  <si>
    <t>POINT (4.651306397169164 51.833058482465795)</t>
  </si>
  <si>
    <t>POINT (4.655947063591568 51.832629716793306)</t>
  </si>
  <si>
    <t>POINT (4.648355195938101 51.828932578861036)</t>
  </si>
  <si>
    <t>POINT (4.639414528090004 51.84774978629681)</t>
  </si>
  <si>
    <t>POINT (4.647972978720044 51.82835489705556)</t>
  </si>
  <si>
    <t>POINT (4.626024246607759 51.843792013533495)</t>
  </si>
  <si>
    <t>POINT (4.625385037878655 51.83996848646549)</t>
  </si>
  <si>
    <t>POINT (4.632019849423271 51.84539476064925)</t>
  </si>
  <si>
    <t>POINT (4.6527949903571155 51.83546228683511)</t>
  </si>
  <si>
    <t>POINT (4.655967610134867 51.83095775501143)</t>
  </si>
  <si>
    <t>POINT (4.6493785821591205 51.831995165186655)</t>
  </si>
  <si>
    <t>POINT (4.644809403117112 51.836343841172074)</t>
  </si>
  <si>
    <t>POINT (4.6481590861442 51.848850227723474)</t>
  </si>
  <si>
    <t>POINT (4.641583204270432 51.8392806678845)</t>
  </si>
  <si>
    <t>POINT (4.630597957080636 51.839327237755136)</t>
  </si>
  <si>
    <t>POINT (4.647175702203667 51.8300846879877)</t>
  </si>
  <si>
    <t>POINT (4.6413279463953945 51.83222121054276)</t>
  </si>
  <si>
    <t>POINT (4.641148736078418 51.84361044625404)</t>
  </si>
  <si>
    <t>POINT (4.626618296487514 51.845566633077944)</t>
  </si>
  <si>
    <t>POINT (4.641396016159962 51.83519455820192)</t>
  </si>
  <si>
    <t>POINT (4.628563848901917 51.84465338661135)</t>
  </si>
  <si>
    <t>POINT (4.641536036778758 51.84037698612133)</t>
  </si>
  <si>
    <t>POINT (4.635901861684129 51.83800400995447)</t>
  </si>
  <si>
    <t>POINT (4.633927083165855 51.843294674498466)</t>
  </si>
  <si>
    <t>POINT (4.62963250126577 51.84410298895514)</t>
  </si>
  <si>
    <t>POINT (4.6499959880425035 51.83593608150655)</t>
  </si>
  <si>
    <t>POINT (4.646225452126716 51.8437594486171)</t>
  </si>
  <si>
    <t>POINT (4.643877268334643 51.827762744834494)</t>
  </si>
  <si>
    <t>POINT (4.632607285319136 51.848445696944864)</t>
  </si>
  <si>
    <t>POINT (4.628622330540338 51.85152111063225)</t>
  </si>
  <si>
    <t>POINT (4.626813252724547 51.83659719090582)</t>
  </si>
  <si>
    <t>POINT (4.64750697544832 51.83288225375156)</t>
  </si>
  <si>
    <t>POINT (4.647180003923548 51.84081890443558)</t>
  </si>
  <si>
    <t>POINT (4.651501209004312 51.83350060676454)</t>
  </si>
  <si>
    <t>POINT (4.644409480979813 51.83067844617797)</t>
  </si>
  <si>
    <t>POINT (4.627855420283875 51.85138132357351)</t>
  </si>
  <si>
    <t>POINT (4.642798175678459 51.83512662274625)</t>
  </si>
  <si>
    <t>POINT (4.642590316423454 51.84068030364612)</t>
  </si>
  <si>
    <t>POINT (4.650155223106519 51.82886299715976)</t>
  </si>
  <si>
    <t>POINT (4.652989270706147 51.83121781277398)</t>
  </si>
  <si>
    <t>POINT (4.642455443434318 51.83303907606705)</t>
  </si>
  <si>
    <t>POINT (4.640682728701632 51.84108166824946)</t>
  </si>
  <si>
    <t>POINT (4.655142310070172 51.83264248048851)</t>
  </si>
  <si>
    <t>POINT (4.621734516564012 51.84259559472542)</t>
  </si>
  <si>
    <t>POINT (4.645214172937508 51.83455644997284)</t>
  </si>
  <si>
    <t>POINT (4.638189363383406 51.83353301594297)</t>
  </si>
  <si>
    <t>POINT (4.64008247262405 51.846650823727614)</t>
  </si>
  <si>
    <t>POINT (4.6251336382037165 51.84410982861671)</t>
  </si>
  <si>
    <t>POINT (4.647966795041458 51.8358064683673)</t>
  </si>
  <si>
    <t>POINT (4.62843272578935 51.84726824385154)</t>
  </si>
  <si>
    <t>POINT (4.626285693421513 51.84635548161199)</t>
  </si>
  <si>
    <t>POINT (4.636892382686037 51.84561476174113)</t>
  </si>
  <si>
    <t>POINT (4.631539315894778 51.83424570633771)</t>
  </si>
  <si>
    <t>POINT (4.628427609516045 51.835511016670466)</t>
  </si>
  <si>
    <t>POINT (4.64578380921381 51.83620618047891)</t>
  </si>
  <si>
    <t>POINT (4.650617525682838 51.83164339908297)</t>
  </si>
  <si>
    <t>POINT (4.651683291791804 51.843676914388084)</t>
  </si>
  <si>
    <t>POINT (4.645833360732912 51.842894061768256)</t>
  </si>
  <si>
    <t>POINT (4.657655439781121 51.830653653684124)</t>
  </si>
  <si>
    <t>POINT (4.641211982369406 51.84504903468195)</t>
  </si>
  <si>
    <t>POINT (4.651240835633678 51.8419255329672)</t>
  </si>
  <si>
    <t>POINT (4.631134798053649 51.83500713993628)</t>
  </si>
  <si>
    <t>POINT (4.620432843376444 51.838928704512156)</t>
  </si>
  <si>
    <t>POINT (4.639079418969412 51.838887214995566)</t>
  </si>
  <si>
    <t>POINT (4.63031769083789 51.84564447155453)</t>
  </si>
  <si>
    <t>POINT (4.629259223067435 51.836963567300195)</t>
  </si>
  <si>
    <t>POINT (4.628591330162223 51.839574960214655)</t>
  </si>
  <si>
    <t>POINT (4.641227753669517 51.834069320254656)</t>
  </si>
  <si>
    <t>POINT (4.6357178641106564 51.838596084994975)</t>
  </si>
  <si>
    <t>POINT (4.626164845322242 51.84148283392215)</t>
  </si>
  <si>
    <t>POINT (4.6492577897090905 51.84083755592263)</t>
  </si>
  <si>
    <t>POINT (4.643950239469246 51.82773624087307)</t>
  </si>
  <si>
    <t>POINT (4.6344360384014704 51.83368005301656)</t>
  </si>
  <si>
    <t>POINT (4.626271789566276 51.8463194367954)</t>
  </si>
  <si>
    <t>POINT (4.64686084312159 51.84483310760517)</t>
  </si>
  <si>
    <t>POINT (4.648033738477438 51.83172603302564)</t>
  </si>
  <si>
    <t>POINT (4.6253599700899795 51.845979342777476)</t>
  </si>
  <si>
    <t>POINT (4.656204814813809 51.83064462904232)</t>
  </si>
  <si>
    <t>POINT (4.657536431529554 51.83173155391432)</t>
  </si>
  <si>
    <t>POINT (4.634650343352921 51.833879178103764)</t>
  </si>
  <si>
    <t>POINT (4.640599539063 51.836469950214806)</t>
  </si>
  <si>
    <t>POINT (4.634453544883871 51.84913169781207)</t>
  </si>
  <si>
    <t>POINT (4.646498873347119 51.851841976974654)</t>
  </si>
  <si>
    <t>POINT (4.625309808628616 51.844848043727666)</t>
  </si>
  <si>
    <t>POINT (4.63451245764361 51.836053555143984)</t>
  </si>
  <si>
    <t>POINT (4.648773987063461 51.84409909687376)</t>
  </si>
  <si>
    <t>3343LH</t>
  </si>
  <si>
    <t>Natuursteenweg</t>
  </si>
  <si>
    <t>POINT (4.625267893724834 51.83212071743348)</t>
  </si>
  <si>
    <t>POINT (4.642311388249009 51.8452627541376)</t>
  </si>
  <si>
    <t>POINT (4.626906828293803 51.850826876357026)</t>
  </si>
  <si>
    <t>POINT (4.63983960252725 51.83679769570815)</t>
  </si>
  <si>
    <t>POINT (4.638397466721553 51.837139064246315)</t>
  </si>
  <si>
    <t>POINT (4.626183569594855 51.83779759467154)</t>
  </si>
  <si>
    <t>POINT (4.65649836312531 51.84653840567357)</t>
  </si>
  <si>
    <t>POINT (4.628993537551321 51.83723151217464)</t>
  </si>
  <si>
    <t>POINT (4.6397420425194476 51.84792504729565)</t>
  </si>
  <si>
    <t>POINT (4.63465352503769 51.838031969082046)</t>
  </si>
  <si>
    <t>POINT (4.638034770561143 51.838008651817155)</t>
  </si>
  <si>
    <t>POINT (4.637589187227177 51.83601032115066)</t>
  </si>
  <si>
    <t>POINT (4.632070162880103 51.844990593966045)</t>
  </si>
  <si>
    <t>POINT (4.630885698882014 51.83860999734366)</t>
  </si>
  <si>
    <t>POINT (4.623374420545712 51.84173437295063)</t>
  </si>
  <si>
    <t>POINT (4.623542864859711 51.84121412501565)</t>
  </si>
  <si>
    <t>POINT (4.639736747260527 51.83774984040953)</t>
  </si>
  <si>
    <t>POINT (4.6400011595101205 51.84128535722218)</t>
  </si>
  <si>
    <t>POINT (4.643264804029386 51.84552947029001)</t>
  </si>
  <si>
    <t>POINT (4.644519291958493 51.850230445127835)</t>
  </si>
  <si>
    <t>POINT (4.657345713356928 51.83096633165012)</t>
  </si>
  <si>
    <t>POINT (4.636055992780544 51.83572187185734)</t>
  </si>
  <si>
    <t>POINT (4.640821841188375 51.837064616322834)</t>
  </si>
  <si>
    <t>POINT (4.635046250177823 51.83623675005828)</t>
  </si>
  <si>
    <t>POINT (4.644601097653094 51.84213026444084)</t>
  </si>
  <si>
    <t>POINT (4.632317140769761 51.83458329212335)</t>
  </si>
  <si>
    <t>POINT (4.637253260878553 51.836143005791186)</t>
  </si>
  <si>
    <t>POINT (4.640414290929923 51.83976761508779)</t>
  </si>
  <si>
    <t>POINT (4.6463897676766 51.832003307164634)</t>
  </si>
  <si>
    <t>POINT (4.621078685882149 51.84105425150719)</t>
  </si>
  <si>
    <t>POINT (4.644542601049492 51.85024807549351)</t>
  </si>
  <si>
    <t>POINT (4.644797247839935 51.85090148921307)</t>
  </si>
  <si>
    <t>POINT (4.619853256160388 51.83887997411754)</t>
  </si>
  <si>
    <t>POINT (4.64634845975046 51.84245686876755)</t>
  </si>
  <si>
    <t>POINT (4.6501052873857915 51.83102895399733)</t>
  </si>
  <si>
    <t>POINT (4.635758673662475 51.8352795237173)</t>
  </si>
  <si>
    <t>POINT (4.656370637743219 51.848099909907134)</t>
  </si>
  <si>
    <t>POINT (4.622329226442031 51.83919275848123)</t>
  </si>
  <si>
    <t>POINT (4.649131200484619 51.83962743436498)</t>
  </si>
  <si>
    <t>POINT (4.643973922954098 51.84196435598668)</t>
  </si>
  <si>
    <t>POINT (4.633744400355948 51.84727548374389)</t>
  </si>
  <si>
    <t>POINT (4.650557188352916 51.83089696067743)</t>
  </si>
  <si>
    <t>POINT (4.6305582681770145 51.83477870818321)</t>
  </si>
  <si>
    <t>POINT (4.639922782080093 51.85102728592349)</t>
  </si>
  <si>
    <t>POINT (4.640063637967954 51.84428668479667)</t>
  </si>
  <si>
    <t>POINT (4.629794096442259 51.851753391494235)</t>
  </si>
  <si>
    <t>POINT (4.645686395032287 51.83595388241507)</t>
  </si>
  <si>
    <t>3341XJ</t>
  </si>
  <si>
    <t>Lindestraat</t>
  </si>
  <si>
    <t>POINT (4.64819595666368 51.851025713967495)</t>
  </si>
  <si>
    <t>POINT (4.65772416892507 51.83226368117277)</t>
  </si>
  <si>
    <t>POINT (4.635862100655699 51.84560817322372)</t>
  </si>
  <si>
    <t>POINT (4.640559322579994 51.83889663636729)</t>
  </si>
  <si>
    <t>POINT (4.646390307410068 51.83020557540195)</t>
  </si>
  <si>
    <t>POINT (4.642034062547199 51.85149912492465)</t>
  </si>
  <si>
    <t>POINT (4.652515219283114 51.84516525141282)</t>
  </si>
  <si>
    <t>POINT (4.627450311539487 51.838399052700915)</t>
  </si>
  <si>
    <t>POINT (4.6375776747708874 51.83757427750687)</t>
  </si>
  <si>
    <t>POINT (4.643537545294787 51.84571097136493)</t>
  </si>
  <si>
    <t>POINT (4.651960652648706 51.83154905192249)</t>
  </si>
  <si>
    <t>POINT (4.647580662705737 51.85137239737022)</t>
  </si>
  <si>
    <t>POINT (4.646523964285586 51.84413885598304)</t>
  </si>
  <si>
    <t>POINT (4.643042916149589 51.834364137078246)</t>
  </si>
  <si>
    <t>POINT (4.6290846616209205 51.849061200925284)</t>
  </si>
  <si>
    <t>POINT (4.637001096907689 51.83560207387474)</t>
  </si>
  <si>
    <t>POINT (4.624495010890309 51.838973143168964)</t>
  </si>
  <si>
    <t>POINT (4.636949340187802 51.83337508515991)</t>
  </si>
  <si>
    <t>POINT (4.649979774308235 51.83249331932887)</t>
  </si>
  <si>
    <t>POINT (4.640483219809171 51.84611405321734)</t>
  </si>
  <si>
    <t>POINT (4.6492516838356455 51.84771554051038)</t>
  </si>
  <si>
    <t>POINT (4.648727753354218 51.8332066197716)</t>
  </si>
  <si>
    <t>POINT (4.614302427411481 51.849486170025656)</t>
  </si>
  <si>
    <t>POINT (4.626780043951286 51.83598574504442)</t>
  </si>
  <si>
    <t>POINT (4.644267563341143 51.844565044138974)</t>
  </si>
  <si>
    <t>POINT (4.64248812697918 51.82842809075047)</t>
  </si>
  <si>
    <t>POINT (4.65814992592651 51.83147469446577)</t>
  </si>
  <si>
    <t>POINT (4.627972078118385 51.84876637456238)</t>
  </si>
  <si>
    <t>POINT (4.641863800765722 51.84687787305749)</t>
  </si>
  <si>
    <t>POINT (4.639409765242229 51.83734326767818)</t>
  </si>
  <si>
    <t>POINT (4.626024035671239 51.84638075160827)</t>
  </si>
  <si>
    <t>POINT (4.650495472189719 51.84045984121531)</t>
  </si>
  <si>
    <t>POINT (4.649024497271909 51.85009110806321)</t>
  </si>
  <si>
    <t>POINT (4.622431856845848 51.83913050627571)</t>
  </si>
  <si>
    <t>POINT (4.644063441446832 51.833068601348295)</t>
  </si>
  <si>
    <t>POINT (4.6487193615554405 51.85362672692903)</t>
  </si>
  <si>
    <t>POINT (4.6502514179949195 51.83848949559613)</t>
  </si>
  <si>
    <t>POINT (4.642957336962771 51.83778827912967)</t>
  </si>
  <si>
    <t>POINT (4.651632206821045 51.842449849237276)</t>
  </si>
  <si>
    <t>POINT (4.646629380606703 51.83507894525603)</t>
  </si>
  <si>
    <t>POINT (4.628228285832777 51.844759082005005)</t>
  </si>
  <si>
    <t>POINT (4.640729203098275 51.84878525026436)</t>
  </si>
  <si>
    <t>POINT (4.63681785299929 51.82656727500276)</t>
  </si>
  <si>
    <t>POINT (4.62282058948796 51.841020662236254)</t>
  </si>
  <si>
    <t>POINT (4.633041333723839 51.83899240075802)</t>
  </si>
  <si>
    <t>POINT (4.653567186359436 51.8313652447715)</t>
  </si>
  <si>
    <t>POINT (4.645840098402894 51.847774947117735)</t>
  </si>
  <si>
    <t>POINT (4.638990096336842 51.82941257804984)</t>
  </si>
  <si>
    <t>POINT (4.655975662139488 51.84655312885809)</t>
  </si>
  <si>
    <t>POINT (4.645368456611046 51.84556974657552)</t>
  </si>
  <si>
    <t>POINT (4.642685616551262 51.83052370619427)</t>
  </si>
  <si>
    <t>POINT (4.65404812259359 51.83212329769363)</t>
  </si>
  <si>
    <t>POINT (4.648936319944369 51.835965376908646)</t>
  </si>
  <si>
    <t>POINT (4.65754284022642 51.83287769346499)</t>
  </si>
  <si>
    <t>POINT (4.648385571898332 51.8456606800097)</t>
  </si>
  <si>
    <t>POINT (4.626825431302118 51.83759501400762)</t>
  </si>
  <si>
    <t>POINT (4.62601179212727 51.84452900451848)</t>
  </si>
  <si>
    <t>POINT (4.655517787000599 51.84257729168407)</t>
  </si>
  <si>
    <t>POINT (4.64824210961978 51.84379013603151)</t>
  </si>
  <si>
    <t>POINT (4.6434516661922585 51.84563851808775)</t>
  </si>
  <si>
    <t>POINT (4.643813011071031 51.84396891516015)</t>
  </si>
  <si>
    <t>POINT (4.647239334324245 51.851828668180204)</t>
  </si>
  <si>
    <t>POINT (4.640714058181787 51.84619641906402)</t>
  </si>
  <si>
    <t>POINT (4.631124570252274 51.836481218285115)</t>
  </si>
  <si>
    <t>POINT (4.636841818268642 51.83868402851437)</t>
  </si>
  <si>
    <t>POINT (4.647320188685778 51.8424899625613)</t>
  </si>
  <si>
    <t>POINT (4.651899451867719 51.845547908867196)</t>
  </si>
  <si>
    <t>POINT (4.645193271708068 51.83506088802426)</t>
  </si>
  <si>
    <t>POINT (4.656882113031554 51.849737129555756)</t>
  </si>
  <si>
    <t>POINT (4.634894766475534 51.83575039062766)</t>
  </si>
  <si>
    <t>POINT (4.643515206678234 51.85321635951612)</t>
  </si>
  <si>
    <t>POINT (4.64171699645123 51.84960949405311)</t>
  </si>
  <si>
    <t>POINT (4.650865966855497 51.82975733656467)</t>
  </si>
  <si>
    <t>POINT (4.642930246507937 51.843819503819596)</t>
  </si>
  <si>
    <t>POINT (4.6332973905597115 51.83756484532093)</t>
  </si>
  <si>
    <t>POINT (4.653430368292484 51.833530658659)</t>
  </si>
  <si>
    <t>POINT (4.627306634305953 51.837454310826196)</t>
  </si>
  <si>
    <t>POINT (4.646836066235124 51.835745410599216)</t>
  </si>
  <si>
    <t>POINT (4.6452431813866975 51.84260269630191)</t>
  </si>
  <si>
    <t>POINT (4.627791889119997 51.83793385117323)</t>
  </si>
  <si>
    <t>POINT (4.6449124364899195 51.83713549575279)</t>
  </si>
  <si>
    <t>POINT (4.633092068434561 51.84636344012068)</t>
  </si>
  <si>
    <t>POINT (4.646237732057599 51.831543925146946)</t>
  </si>
  <si>
    <t>POINT (4.646719261412442 51.85101139521117)</t>
  </si>
  <si>
    <t>POINT (4.638331648084132 51.836734153957565)</t>
  </si>
  <si>
    <t>POINT (4.625073987010623 51.845062241499484)</t>
  </si>
  <si>
    <t>POINT (4.640210013603157 51.838085433685755)</t>
  </si>
  <si>
    <t>POINT (4.6487290411320155 51.83968571369879)</t>
  </si>
  <si>
    <t>POINT (4.640894978091571 51.837029126596306)</t>
  </si>
  <si>
    <t>POINT (4.6231807635556805 51.84202973944587)</t>
  </si>
  <si>
    <t>POINT (4.628615403432368 51.84417731983845)</t>
  </si>
  <si>
    <t>POINT (4.632172012503546 51.836317174725835)</t>
  </si>
  <si>
    <t>POINT (4.6511796149329365 51.84196799812506)</t>
  </si>
  <si>
    <t>POINT (4.636199973667408 51.837529517484334)</t>
  </si>
  <si>
    <t>POINT (4.647188417131709 51.84256104137208)</t>
  </si>
  <si>
    <t>POINT (4.627139375542239 51.84478799253549)</t>
  </si>
  <si>
    <t>POINT (4.64161179317612 51.83394450737648)</t>
  </si>
  <si>
    <t>POINT (4.643592269738203 51.838879931739676)</t>
  </si>
  <si>
    <t>POINT (4.634930670654011 51.827516984926696)</t>
  </si>
  <si>
    <t>POINT (4.657002592828048 51.833785308319385)</t>
  </si>
  <si>
    <t>POINT (4.630666256544885 51.83871644759126)</t>
  </si>
  <si>
    <t>POINT (4.648521455646089 51.829410025088585)</t>
  </si>
  <si>
    <t>POINT (4.642590657098116 51.8503161530201)</t>
  </si>
  <si>
    <t>POINT (4.636276993322741 51.82805174965658)</t>
  </si>
  <si>
    <t>POINT (4.640426069161424 51.84605975774639)</t>
  </si>
  <si>
    <t>POINT (4.650158810002287 51.83573935319709)</t>
  </si>
  <si>
    <t>POINT (4.642670820465942 51.83317527244458)</t>
  </si>
  <si>
    <t>POINT (4.654860105662215 51.83304521024857)</t>
  </si>
  <si>
    <t>POINT (4.63218567004598 51.83463637872676)</t>
  </si>
  <si>
    <t>POINT (4.645337186182287 51.85137589831513)</t>
  </si>
  <si>
    <t>POINT (4.640603987703048 51.84670807305587)</t>
  </si>
  <si>
    <t>POINT (4.641371059367084 51.83018277991026)</t>
  </si>
  <si>
    <t>POINT (4.647099412998414 51.832079692911506)</t>
  </si>
  <si>
    <t>POINT (4.64844298343455 51.83991104855168)</t>
  </si>
  <si>
    <t>POINT (4.64565354370518 51.837068270061245)</t>
  </si>
  <si>
    <t>POINT (4.628231701870723 51.84565358526419)</t>
  </si>
  <si>
    <t>POINT (4.64771678519382 51.84661825616)</t>
  </si>
  <si>
    <t>POINT (4.635971043867115 51.835595486752595)</t>
  </si>
  <si>
    <t>POINT (4.644558423607085 51.851569049540245)</t>
  </si>
  <si>
    <t>POINT (4.639436471407961 51.83923105935834)</t>
  </si>
  <si>
    <t>POINT (4.6336108614219365 51.83617361245323)</t>
  </si>
  <si>
    <t>POINT (4.641222330814261 51.833353157853686)</t>
  </si>
  <si>
    <t>POINT (4.633929298948211 51.83795541490044)</t>
  </si>
  <si>
    <t>POINT (4.650384387903689 51.84195050683722)</t>
  </si>
  <si>
    <t>POINT (4.6470956039512865 51.829661715191534)</t>
  </si>
  <si>
    <t>POINT (4.64494577448189 51.82806613298277)</t>
  </si>
  <si>
    <t>POINT (4.631621009673135 51.83629565222318)</t>
  </si>
  <si>
    <t>POINT (4.65576226984362 51.83020142755338)</t>
  </si>
  <si>
    <t>POINT (4.645917182950336 51.8439732305765)</t>
  </si>
  <si>
    <t>POINT (4.6523378009509 51.83113283815837)</t>
  </si>
  <si>
    <t>POINT (4.629592268931232 51.84953107018273)</t>
  </si>
  <si>
    <t>POINT (4.645301221662462 51.84260306308051)</t>
  </si>
  <si>
    <t>POINT (4.642842441078056 51.835081960060414)</t>
  </si>
  <si>
    <t>POINT (4.640126752097492 51.846606162156434)</t>
  </si>
  <si>
    <t>POINT (4.6470274773112665 51.842640924813345)</t>
  </si>
  <si>
    <t>POINT (4.6376376054145485 51.826994981164894)</t>
  </si>
  <si>
    <t>POINT (4.645001975492005 51.84667303573672)</t>
  </si>
  <si>
    <t>POINT (4.62555697537513 51.836238488097436)</t>
  </si>
  <si>
    <t>POINT (4.6509256060117545 51.82965883525688)</t>
  </si>
  <si>
    <t>POINT (4.6487611338203845 51.85373485341249)</t>
  </si>
  <si>
    <t>POINT (4.626358553208165 51.84633797642299)</t>
  </si>
  <si>
    <t>POINT (4.646519516070576 51.84882191922042)</t>
  </si>
  <si>
    <t>POINT (4.641805903761922 51.84686851685043)</t>
  </si>
  <si>
    <t>POINT (4.657842590038697 51.83390808407238)</t>
  </si>
  <si>
    <t>POINT (4.628646719682399 51.83628545973276)</t>
  </si>
  <si>
    <t>POINT (4.628908633984521 51.83537929454039)</t>
  </si>
  <si>
    <t>POINT (4.632469561548928 51.83847637157977)</t>
  </si>
  <si>
    <t>POINT (4.633067990464856 51.84780147269028)</t>
  </si>
  <si>
    <t>POINT (4.632007385979492 51.847003652778945)</t>
  </si>
  <si>
    <t>POINT (4.6414167738685554 51.84670424988164)</t>
  </si>
  <si>
    <t>POINT (4.644965884918661 51.83565270292232)</t>
  </si>
  <si>
    <t>POINT (4.659286676153997 51.83975260138217)</t>
  </si>
  <si>
    <t>POINT (4.658221167781745 51.8337735292901)</t>
  </si>
  <si>
    <t>POINT (4.651233552016209 51.83313741371305)</t>
  </si>
  <si>
    <t>POINT (4.642958140323808 51.83334787926506)</t>
  </si>
  <si>
    <t>POINT (4.642773258845439 51.84453760171561)</t>
  </si>
  <si>
    <t>POINT (4.651171032157618 51.82973228381499)</t>
  </si>
  <si>
    <t>POINT (4.643335808553641 51.85089615006641)</t>
  </si>
  <si>
    <t>POINT (4.6418437294061965 51.835812694516136)</t>
  </si>
  <si>
    <t>POINT (4.644261541854761 51.84204245422538)</t>
  </si>
  <si>
    <t>POINT (4.628653642351504 51.837597852501595)</t>
  </si>
  <si>
    <t>POINT (4.649482813207687 51.829173376732165)</t>
  </si>
  <si>
    <t>POINT (4.6364008651855295 51.83679373085177)</t>
  </si>
  <si>
    <t>POINT (4.629485317290358 51.83473583279588)</t>
  </si>
  <si>
    <t>POINT (4.641623137226205 51.84738869884115)</t>
  </si>
  <si>
    <t>POINT (4.637043271023116 51.82739501905342)</t>
  </si>
  <si>
    <t>POINT (4.656297302629121 51.832797406345925)</t>
  </si>
  <si>
    <t>POINT (4.6270763480527775 51.8494711967496)</t>
  </si>
  <si>
    <t>POINT (4.643931375218244 51.85262574333364)</t>
  </si>
  <si>
    <t>POINT (4.648007649492556 51.82889443602556)</t>
  </si>
  <si>
    <t>POINT (4.628073517794922 51.83585928622141)</t>
  </si>
  <si>
    <t>POINT (4.651544958581835 51.82993237867837)</t>
  </si>
  <si>
    <t>POINT (4.6492202527187745 51.831032381907384)</t>
  </si>
  <si>
    <t>POINT (4.648490807895901 51.83952982561318)</t>
  </si>
  <si>
    <t>POINT (4.63740774538772 51.846912422096985)</t>
  </si>
  <si>
    <t>POINT (4.6216912923321765 51.84172341038207)</t>
  </si>
  <si>
    <t>POINT (4.63864623173143 51.83264631146253)</t>
  </si>
  <si>
    <t>POINT (4.634291842034761 51.82754884370133)</t>
  </si>
  <si>
    <t>POINT (4.64335109924468 51.849970415228135)</t>
  </si>
  <si>
    <t>POINT (4.621472882610565 51.8417669294961)</t>
  </si>
  <si>
    <t>POINT (4.637739439511348 51.82697765405496)</t>
  </si>
  <si>
    <t>POINT (4.632024612844294 51.838185872436654)</t>
  </si>
  <si>
    <t>POINT (4.63238753096531 51.839042131018736)</t>
  </si>
  <si>
    <t>POINT (4.647087042142579 51.830183004445914)</t>
  </si>
  <si>
    <t>POINT (4.656027239751894 51.83085925110729)</t>
  </si>
  <si>
    <t>POINT (4.638144968156791 51.826144294715746)</t>
  </si>
  <si>
    <t>POINT (4.646063786472876 51.8377090562345)</t>
  </si>
  <si>
    <t>POINT (4.626327947780352 51.8472905777941)</t>
  </si>
  <si>
    <t>POINT (4.642835306692193 51.82673143187532)</t>
  </si>
  <si>
    <t>POINT (4.627137609163078 51.84661268252013)</t>
  </si>
  <si>
    <t>POINT (4.632108095962241 51.839265051046745)</t>
  </si>
  <si>
    <t>POINT (4.636278957427632 51.83714350957859)</t>
  </si>
  <si>
    <t>3341CA</t>
  </si>
  <si>
    <t>De Spiegel</t>
  </si>
  <si>
    <t>POINT (4.648309957790455 51.848500619696374)</t>
  </si>
  <si>
    <t>POINT (4.650075539543778 51.83107371056044)</t>
  </si>
  <si>
    <t>POINT (4.639614016372287 51.83332468828693)</t>
  </si>
  <si>
    <t>POINT (4.643198972515953 51.83721453576044)</t>
  </si>
  <si>
    <t>POINT (4.625542971804382 51.8439327112056)</t>
  </si>
  <si>
    <t>POINT (4.645711600293545 51.83883041589454)</t>
  </si>
  <si>
    <t>POINT (4.645231643292568 51.84858907162745)</t>
  </si>
  <si>
    <t>POINT (4.645573639221994 51.85131427364831)</t>
  </si>
  <si>
    <t>POINT (4.641733658755083 51.84860286989606)</t>
  </si>
  <si>
    <t>POINT (4.6506338657409145 51.84661861483986)</t>
  </si>
  <si>
    <t>POINT (4.6493823864784085 51.83619289798462)</t>
  </si>
  <si>
    <t>POINT (4.6436674484677445 51.83520404114624)</t>
  </si>
  <si>
    <t>POINT (4.6453929808731385 51.836149779466105)</t>
  </si>
  <si>
    <t>POINT (4.62845074478575 51.834998811034964)</t>
  </si>
  <si>
    <t>POINT (4.628485600682702 51.848437113074546)</t>
  </si>
  <si>
    <t>POINT (4.6435949960271525 51.84574728988471)</t>
  </si>
  <si>
    <t>POINT (4.629551202907282 51.83599467410153)</t>
  </si>
  <si>
    <t>POINT (4.650453670517856 51.83545356672599)</t>
  </si>
  <si>
    <t>POINT (4.635130402470279 51.83727997603899)</t>
  </si>
  <si>
    <t>POINT (4.63825869204697 51.82781271856356)</t>
  </si>
  <si>
    <t>POINT (4.625388531655326 51.84597072818532)</t>
  </si>
  <si>
    <t>POINT (4.640735042371247 51.834401573728194)</t>
  </si>
  <si>
    <t>POINT (4.640654592791348 51.83665007383145)</t>
  </si>
  <si>
    <t>POINT (4.631201273707064 51.834504201683814)</t>
  </si>
  <si>
    <t>POINT (4.647025482142908 51.84806107405015)</t>
  </si>
  <si>
    <t>POINT (4.634456770498138 51.8367812812085)</t>
  </si>
  <si>
    <t>POINT (4.64423303874114 51.84577829509076)</t>
  </si>
  <si>
    <t>POINT (4.626378151118339 51.840881974704885)</t>
  </si>
  <si>
    <t>POINT (4.648949217755484 51.84314740088385)</t>
  </si>
  <si>
    <t>POINT (4.64696886174574 51.85415502411845)</t>
  </si>
  <si>
    <t>POINT (4.640776485812443 51.84680804510152)</t>
  </si>
  <si>
    <t>POINT (4.632006599629648 51.84792647858159)</t>
  </si>
  <si>
    <t>POINT (4.638150039915919 51.82781771508592)</t>
  </si>
  <si>
    <t>POINT (4.640698045229349 51.84190872323606)</t>
  </si>
  <si>
    <t>POINT (4.641608194403774 51.83777072970758)</t>
  </si>
  <si>
    <t>POINT (4.642728254560974 51.8332115914119)</t>
  </si>
  <si>
    <t>POINT (4.634540666315911 51.83697058140781)</t>
  </si>
  <si>
    <t>POINT (4.628935545707515 51.852745592569434)</t>
  </si>
  <si>
    <t>POINT (4.619910832126662 51.83890731651172)</t>
  </si>
  <si>
    <t>POINT (4.654493565515798 51.84577086518958)</t>
  </si>
  <si>
    <t>POINT (4.640763212454326 51.83710019825291)</t>
  </si>
  <si>
    <t>POINT (4.650057112991744 51.83042641038961)</t>
  </si>
  <si>
    <t>POINT (4.629754787466689 51.84804980590835)</t>
  </si>
  <si>
    <t>POINT (4.632593154128287 51.84495800179284)</t>
  </si>
  <si>
    <t>POINT (4.630481853776921 51.837600662519684)</t>
  </si>
  <si>
    <t>POINT (4.645769077648155 51.852089053435265)</t>
  </si>
  <si>
    <t>POINT (4.639915341837074 51.82698253856734)</t>
  </si>
  <si>
    <t>POINT (4.64951702738013 51.8324005255297)</t>
  </si>
  <si>
    <t>POINT (4.6471261840317934 51.851648182032974)</t>
  </si>
  <si>
    <t>POINT (4.651311401040428 51.84512175781648)</t>
  </si>
  <si>
    <t>POINT (4.640940777875372 51.84915513025917)</t>
  </si>
  <si>
    <t>POINT (4.65100890794466 51.84409515458936)</t>
  </si>
  <si>
    <t>POINT (4.637781683592453 51.83664974629632)</t>
  </si>
  <si>
    <t>POINT (4.631953775053768 51.84500782269234)</t>
  </si>
  <si>
    <t>POINT (4.6340052307198345 51.838621064332955)</t>
  </si>
  <si>
    <t>POINT (4.641532211729189 51.85112740408384)</t>
  </si>
  <si>
    <t>POINT (4.6360407083359805 51.83663861936018)</t>
  </si>
  <si>
    <t>POINT (4.641252927936737 51.83030787080006)</t>
  </si>
  <si>
    <t>POINT (4.616352268621548 51.833176181597906)</t>
  </si>
  <si>
    <t>POINT (4.6283030180978635 51.83773940538343)</t>
  </si>
  <si>
    <t>POINT (4.635988163722522 51.83804950561501)</t>
  </si>
  <si>
    <t>POINT (4.646476718947117 51.8487767059602)</t>
  </si>
  <si>
    <t>POINT (4.64124874037207 51.84633464723832)</t>
  </si>
  <si>
    <t>POINT (4.633096110963983 51.84785558531608)</t>
  </si>
  <si>
    <t>POINT (4.642662674585108 51.84947167579283)</t>
  </si>
  <si>
    <t>POINT (4.640164191679145 51.83472337745812)</t>
  </si>
  <si>
    <t>POINT (4.621633100696917 51.841732019622256)</t>
  </si>
  <si>
    <t>POINT (4.636380386934808 51.83941640595332)</t>
  </si>
  <si>
    <t>POINT (4.642434925716998 51.83954674563282)</t>
  </si>
  <si>
    <t>POINT (4.638776873915578 51.84050324780648)</t>
  </si>
  <si>
    <t>POINT (4.629520347985268 51.84386855964037)</t>
  </si>
  <si>
    <t>POINT (4.645201432249602 51.84601812419351)</t>
  </si>
  <si>
    <t>POINT (4.641199186152509 51.84406918881531)</t>
  </si>
  <si>
    <t>POINT (4.621895031836063 51.83998093338921)</t>
  </si>
  <si>
    <t>POINT (4.654389306101421 51.82987826085093)</t>
  </si>
  <si>
    <t>POINT (4.62598398599042 51.844456914805576)</t>
  </si>
  <si>
    <t>POINT (4.645759253961714 51.84827780147666)</t>
  </si>
  <si>
    <t>POINT (4.63602443015037 51.828914081348124)</t>
  </si>
  <si>
    <t>POINT (4.644020864279171 51.841760475587016)</t>
  </si>
  <si>
    <t>POINT (4.657778392634773 51.84098238908727)</t>
  </si>
  <si>
    <t>POINT (4.64327687097748 51.849289701285265)</t>
  </si>
  <si>
    <t>POINT (4.645232084731793 51.846800331333675)</t>
  </si>
  <si>
    <t>POINT (4.633041976777154 51.835486819320444)</t>
  </si>
  <si>
    <t>POINT (4.621898234370972 51.838938266398976)</t>
  </si>
  <si>
    <t>POINT (4.655832070752692 51.847352224389326)</t>
  </si>
  <si>
    <t>POINT (4.653484519898753 51.83020518966086)</t>
  </si>
  <si>
    <t>POINT (4.649399059849851 51.832516636870444)</t>
  </si>
  <si>
    <t>POINT (4.63411360370073 51.84949805332442)</t>
  </si>
  <si>
    <t>POINT (4.627864548822135 51.83878824618322)</t>
  </si>
  <si>
    <t>POINT (4.642618641531131 51.83984453705895)</t>
  </si>
  <si>
    <t>POINT (4.6353957118835964 51.8379018942104)</t>
  </si>
  <si>
    <t>POINT (4.647956911034231 51.85055679930441)</t>
  </si>
  <si>
    <t>POINT (4.6382600668249845 51.827681114986085)</t>
  </si>
  <si>
    <t>POINT (4.632084003111628 51.838105356333664)</t>
  </si>
  <si>
    <t>POINT (4.644617015805311 51.8436144565642)</t>
  </si>
  <si>
    <t>POINT (4.6404800800193575 51.834923138139104)</t>
  </si>
  <si>
    <t>POINT (4.656091898993889 51.846544864050465)</t>
  </si>
  <si>
    <t>POINT (4.6335431335689865 51.834150724041436)</t>
  </si>
  <si>
    <t>POINT (4.63449971562536 51.83421079364638)</t>
  </si>
  <si>
    <t>POINT (4.623685662301001 51.83930888605403)</t>
  </si>
  <si>
    <t>POINT (4.6358819877478945 51.83745557341483)</t>
  </si>
  <si>
    <t>POINT (4.645262533030768 51.829973735571734)</t>
  </si>
  <si>
    <t>POINT (4.644513009441181 51.848162061326576)</t>
  </si>
  <si>
    <t>POINT (4.646845734323666 51.83692298731217)</t>
  </si>
  <si>
    <t>POINT (4.643175821062128 51.82807290453898)</t>
  </si>
  <si>
    <t>POINT (4.6253222232086415 51.84597158330839)</t>
  </si>
  <si>
    <t>POINT (4.651269122475156 51.833099488804066)</t>
  </si>
  <si>
    <t>POINT (4.643373994714756 51.847705418182535)</t>
  </si>
  <si>
    <t>POINT (4.6580309649449765 51.83165372887544)</t>
  </si>
  <si>
    <t>POINT (4.6439973246127195 51.845111642264946)</t>
  </si>
  <si>
    <t>POINT (4.64555250432774 51.84496866900027)</t>
  </si>
  <si>
    <t>POINT (4.625134768412984 51.83889639960753)</t>
  </si>
  <si>
    <t>POINT (4.64824428295743 51.84107551989228)</t>
  </si>
  <si>
    <t>POINT (4.656682077788957 51.84058007169932)</t>
  </si>
  <si>
    <t>POINT (4.627455217381851 51.84606243791735)</t>
  </si>
  <si>
    <t>POINT (4.628377253935362 51.847115077896646)</t>
  </si>
  <si>
    <t>POINT (4.629656838224577 51.83488974745469)</t>
  </si>
  <si>
    <t>POINT (4.627135136644167 51.85019914742411)</t>
  </si>
  <si>
    <t>POINT (4.636909427358967 51.84633396409836)</t>
  </si>
  <si>
    <t>POINT (4.629541074043473 51.83745976432354)</t>
  </si>
  <si>
    <t>POINT (4.641765509208167 51.8405402394305)</t>
  </si>
  <si>
    <t>POINT (4.635831780259447 51.836115938915725)</t>
  </si>
  <si>
    <t>POINT (4.639015978158646 51.83397000463616)</t>
  </si>
  <si>
    <t>POINT (4.640912350505859 51.8412359354906)</t>
  </si>
  <si>
    <t>POINT (4.639338944292269 51.82849795535712)</t>
  </si>
  <si>
    <t>POINT (4.651843156058597 51.84130519751888)</t>
  </si>
  <si>
    <t>POINT (4.6316171279019 51.83393160320752)</t>
  </si>
  <si>
    <t>POINT (4.631780367925804 51.847559489993806)</t>
  </si>
  <si>
    <t>POINT (4.635786789656893 51.835333635772756)</t>
  </si>
  <si>
    <t>POINT (4.640176069626055 51.83575715087784)</t>
  </si>
  <si>
    <t>POINT (4.658226158838868 51.833724203537024)</t>
  </si>
  <si>
    <t>POINT (4.625122408442938 51.843058080039285)</t>
  </si>
  <si>
    <t>POINT (4.653456274400212 51.83193982636468)</t>
  </si>
  <si>
    <t>POINT (4.646119552390198 51.84225767348334)</t>
  </si>
  <si>
    <t>POINT (4.644895211370991 51.84698696390046)</t>
  </si>
  <si>
    <t>POINT (4.653870505833419 51.83144803808595)</t>
  </si>
  <si>
    <t>POINT (4.6290790748952295 51.837321951440636)</t>
  </si>
  <si>
    <t>POINT (4.631473327671025 51.84682943176019)</t>
  </si>
  <si>
    <t>POINT (4.655991100831725 51.84917791056404)</t>
  </si>
  <si>
    <t>POINT (4.6534359414175155 51.83573108295058)</t>
  </si>
  <si>
    <t>POINT (4.641887275817989 51.837565762371646)</t>
  </si>
  <si>
    <t>POINT (4.6265607079388875 51.84553929397141)</t>
  </si>
  <si>
    <t>POINT (4.638984843390902 51.83759224313273)</t>
  </si>
  <si>
    <t>POINT (4.651657981637388 51.83456225201832)</t>
  </si>
  <si>
    <t>POINT (4.648669917225889 51.84248048338957)</t>
  </si>
  <si>
    <t>POINT (4.631898857241168 51.837897425627276)</t>
  </si>
  <si>
    <t>POINT (4.639331928998799 51.83591357235675)</t>
  </si>
  <si>
    <t>POINT (4.644774307502703 51.834233968749245)</t>
  </si>
  <si>
    <t>POINT (4.646995955651357 51.85128551395566)</t>
  </si>
  <si>
    <t>POINT (4.645139240171709 51.848912079357376)</t>
  </si>
  <si>
    <t>POINT (4.627548426897919 51.83774351362709)</t>
  </si>
  <si>
    <t>POINT (4.65086578638372 51.83065620272436)</t>
  </si>
  <si>
    <t>POINT (4.635745498964415 51.83954906160111)</t>
  </si>
  <si>
    <t>POINT (4.642782246169994 51.84989272562949)</t>
  </si>
  <si>
    <t>POINT (4.634460691219535 51.84523066137821)</t>
  </si>
  <si>
    <t>POINT (4.652041346569642 51.833297251294965)</t>
  </si>
  <si>
    <t>POINT (4.644041212853921 51.83013679451583)</t>
  </si>
  <si>
    <t>POINT (4.601132024350983 51.83987071241322)</t>
  </si>
  <si>
    <t>POINT (4.645077691555807 51.84970015738075)</t>
  </si>
  <si>
    <t>POINT (4.6543268969045535 51.83014753132159)</t>
  </si>
  <si>
    <t>POINT (4.6369433551823205 51.83645562934574)</t>
  </si>
  <si>
    <t>POINT (4.643744234710026 51.83670563584151)</t>
  </si>
  <si>
    <t>POINT (4.635917446240284 51.845770323425626)</t>
  </si>
  <si>
    <t>POINT (4.652329734296256 51.83251704282236)</t>
  </si>
  <si>
    <t>POINT (4.629475603035715 51.84480309321279)</t>
  </si>
  <si>
    <t>POINT (4.62773438307097 51.836180685417865)</t>
  </si>
  <si>
    <t>POINT (4.646681483711113 51.84779823395312)</t>
  </si>
  <si>
    <t>POINT (4.655788929091403 51.832134157207186)</t>
  </si>
  <si>
    <t>POINT (4.641833576891249 51.85308884467034)</t>
  </si>
  <si>
    <t>POINT (4.648317532581394 51.83211433266104)</t>
  </si>
  <si>
    <t>POINT (4.629966112517453 51.84756578069282)</t>
  </si>
  <si>
    <t>POINT (4.6270177809463116 51.84081420864497)</t>
  </si>
  <si>
    <t>POINT (4.64197405392193 51.84986280828515)</t>
  </si>
  <si>
    <t>POINT (4.649809718359339 51.83135967854168)</t>
  </si>
  <si>
    <t>POINT (4.634587849923699 51.83588325357477)</t>
  </si>
  <si>
    <t>POINT (4.650916227717586 51.84532601942974)</t>
  </si>
  <si>
    <t>POINT (4.643121205906104 51.83118639899144)</t>
  </si>
  <si>
    <t>POINT (4.652835661494866 51.83493698296569)</t>
  </si>
  <si>
    <t>POINT (4.6249160670283604 51.840190447101676)</t>
  </si>
  <si>
    <t>POINT (4.627126262125815 51.83610484013488)</t>
  </si>
  <si>
    <t>POINT (4.644997057519393 51.849311472569646)</t>
  </si>
  <si>
    <t>POINT (4.635132498212208 51.84584619612663)</t>
  </si>
  <si>
    <t>POINT (4.654260114507513 51.83501499010387)</t>
  </si>
  <si>
    <t>POINT (4.634413095828014 51.836789989833875)</t>
  </si>
  <si>
    <t>POINT (4.629690845366531 51.846674126455255)</t>
  </si>
  <si>
    <t>POINT (4.645646756596692 51.852465804447185)</t>
  </si>
  <si>
    <t>POINT (4.640372997884997 51.846634694709415)</t>
  </si>
  <si>
    <t>POINT (4.6392394640507675 51.83886126875457)</t>
  </si>
  <si>
    <t>POINT (4.654135843893939 51.836067254149256)</t>
  </si>
  <si>
    <t>POINT (4.633201833897716 51.83893949961971)</t>
  </si>
  <si>
    <t>POINT (4.656886256684811 51.83156571467556)</t>
  </si>
  <si>
    <t>POINT (4.632523681787519 51.83871042517755)</t>
  </si>
  <si>
    <t>POINT (4.646533515923376 51.84179287525366)</t>
  </si>
  <si>
    <t>POINT (4.628227377158884 51.84481300819281)</t>
  </si>
  <si>
    <t>POINT (4.6461675010529495 51.8349322118057)</t>
  </si>
  <si>
    <t>POINT (4.644830903575423 51.849254279028386)</t>
  </si>
  <si>
    <t>POINT (4.632145358623399 51.8353102707658)</t>
  </si>
  <si>
    <t>POINT (4.640789346816399 51.8285161760662)</t>
  </si>
  <si>
    <t>POINT (4.623169614513845 51.83368717464475)</t>
  </si>
  <si>
    <t>POINT (4.643702267765274 51.84364462200067)</t>
  </si>
  <si>
    <t>POINT (4.641376635625448 51.82896934328536)</t>
  </si>
  <si>
    <t>POINT (4.635951663325771 51.838737364266606)</t>
  </si>
  <si>
    <t>POINT (4.656744309100161 51.85014664900879)</t>
  </si>
  <si>
    <t>POINT (4.625734948565555 51.840302528882624)</t>
  </si>
  <si>
    <t>POINT (4.634378012446104 51.8380212139592)</t>
  </si>
  <si>
    <t>POINT (4.6455353873920435 51.852177464166886)</t>
  </si>
  <si>
    <t>POINT (4.638146804325273 51.83825206094419)</t>
  </si>
  <si>
    <t>POINT (4.628367866381942 51.84250382601611)</t>
  </si>
  <si>
    <t>POINT (4.632833604848003 51.84879770929177)</t>
  </si>
  <si>
    <t>POINT (4.650492659241298 51.844604269884734)</t>
  </si>
  <si>
    <t>POINT (4.641231653896599 51.8280875310452)</t>
  </si>
  <si>
    <t>POINT (4.647766886403979 51.83737822637412)</t>
  </si>
  <si>
    <t>POINT (4.657395600991359 51.83578395441044)</t>
  </si>
  <si>
    <t>POINT (4.6345807376849875 51.83717757794803)</t>
  </si>
  <si>
    <t>POINT (4.650646839327935 51.84493781753523)</t>
  </si>
  <si>
    <t>POINT (4.6449103294811165 51.84430843842596)</t>
  </si>
  <si>
    <t>POINT (4.654787147293811 51.83039309804068)</t>
  </si>
  <si>
    <t>POINT (4.624951968626021 51.84541200788475)</t>
  </si>
  <si>
    <t>POINT (4.627379132488649 51.83831769387057)</t>
  </si>
  <si>
    <t>POINT (4.642044964652796 51.83943640708183)</t>
  </si>
  <si>
    <t>POINT (4.65401225065612 51.832480418138694)</t>
  </si>
  <si>
    <t>POINT (4.653189163836016 51.83319657000459)</t>
  </si>
  <si>
    <t>POINT (4.648069234935645 51.83575318137973)</t>
  </si>
  <si>
    <t>POINT (4.632812891560105 51.83357075767257)</t>
  </si>
  <si>
    <t>POINT (4.636936020831956 51.84909365449407)</t>
  </si>
  <si>
    <t>POINT (4.657832924066987 51.83395578078192)</t>
  </si>
  <si>
    <t>POINT (4.631806750493636 51.83646763254025)</t>
  </si>
  <si>
    <t>POINT (4.62489562983286 51.8435959286914)</t>
  </si>
  <si>
    <t>POINT (4.646542953928962 51.83592333506497)</t>
  </si>
  <si>
    <t>POINT (4.630327670996051 51.83555024859989)</t>
  </si>
  <si>
    <t>POINT (4.651980179971828 51.84138640532137)</t>
  </si>
  <si>
    <t>POINT (4.6520839927231545 51.84224184991229)</t>
  </si>
  <si>
    <t>POINT (4.634990114168584 51.834384722022435)</t>
  </si>
  <si>
    <t>POINT (4.647287557138871 51.83210784500194)</t>
  </si>
  <si>
    <t>POINT (4.652566678821331 51.834001656152644)</t>
  </si>
  <si>
    <t>POINT (4.643968584116264 51.851250714620654)</t>
  </si>
  <si>
    <t>POINT (4.642173145346216 51.83080809243161)</t>
  </si>
  <si>
    <t>POINT (4.648678285038954 51.83223345559322)</t>
  </si>
  <si>
    <t>POINT (4.625863872644303 51.843835917079346)</t>
  </si>
  <si>
    <t>POINT (4.645561983595597 51.84527434336099)</t>
  </si>
  <si>
    <t>POINT (4.625273033323324 51.8453062277228)</t>
  </si>
  <si>
    <t>POINT (4.6442184093855685 51.83698728663856)</t>
  </si>
  <si>
    <t>POINT (4.629070222005522 51.84388363126109)</t>
  </si>
  <si>
    <t>POINT (4.638196265250321 51.826549113037)</t>
  </si>
  <si>
    <t>POINT (4.632955358626814 51.84759400982009)</t>
  </si>
  <si>
    <t>POINT (4.637568849242194 51.83723265143507)</t>
  </si>
  <si>
    <t>POINT (4.642642367327752 51.84982210471805)</t>
  </si>
  <si>
    <t>POINT (4.625094563856844 51.84041522645465)</t>
  </si>
  <si>
    <t>POINT (4.626528710910915 51.844855947142655)</t>
  </si>
  <si>
    <t>POINT (4.62984019564156 51.84814923223986)</t>
  </si>
  <si>
    <t>POINT (4.6491056761407865 51.83550647369371)</t>
  </si>
  <si>
    <t>POINT (4.628673181607162 51.842469844282256)</t>
  </si>
  <si>
    <t>POINT (4.640875366162779 51.8487232587721)</t>
  </si>
  <si>
    <t>POINT (4.656801111723109 51.834355338379204)</t>
  </si>
  <si>
    <t>POINT (4.628680275198379 51.83601601597177)</t>
  </si>
  <si>
    <t>POINT (4.631322903377533 51.84628015444607)</t>
  </si>
  <si>
    <t>POINT (4.62758740598647 51.838013426403045)</t>
  </si>
  <si>
    <t>POINT (4.640444511551643 51.84669807021471)</t>
  </si>
  <si>
    <t>POINT (4.635276793489407 51.838071917481884)</t>
  </si>
  <si>
    <t>POINT (4.644639175583311 51.850272838792534)</t>
  </si>
  <si>
    <t>POINT (4.644399926197019 51.84932861315024)</t>
  </si>
  <si>
    <t>POINT (4.623783434757838 51.84157523698134)</t>
  </si>
  <si>
    <t>POINT (4.6246268221112965 51.84147285393149)</t>
  </si>
  <si>
    <t>POINT (4.624432568269386 51.84437493643957)</t>
  </si>
  <si>
    <t>POINT (4.6336484263744655 51.82698741593488)</t>
  </si>
  <si>
    <t>POINT (4.651668625862153 51.850795836164146)</t>
  </si>
  <si>
    <t>POINT (4.626567784241256 51.85027637154974)</t>
  </si>
  <si>
    <t>POINT (4.6398009849508535 51.83912551646359)</t>
  </si>
  <si>
    <t>POINT (4.648812082370369 51.835578082783734)</t>
  </si>
  <si>
    <t>POINT (4.627074557376861 51.844329150316014)</t>
  </si>
  <si>
    <t>POINT (4.631326691635755 51.838271267662655)</t>
  </si>
  <si>
    <t>POINT (4.632064316566708 51.848801752962245)</t>
  </si>
  <si>
    <t>POINT (4.641654786309298 51.830571095597584)</t>
  </si>
  <si>
    <t>POINT (4.646182768945164 51.83576825462513)</t>
  </si>
  <si>
    <t>POINT (4.64089661564491 51.844813325197606)</t>
  </si>
  <si>
    <t>POINT (4.647187298195106 51.85057891746876)</t>
  </si>
  <si>
    <t>POINT (4.638641281018759 51.83207100428999)</t>
  </si>
  <si>
    <t>POINT (4.627546042473238 51.83702440334211)</t>
  </si>
  <si>
    <t>POINT (4.645126055178091 51.82768974828702)</t>
  </si>
  <si>
    <t>POINT (4.637074460356851 51.83380485160177)</t>
  </si>
  <si>
    <t>POINT (4.642583334321349 51.838469046552135)</t>
  </si>
  <si>
    <t>POINT (4.6517671788699975 51.83320564728026)</t>
  </si>
  <si>
    <t>POINT (4.6391320363333115 51.83397074428)</t>
  </si>
  <si>
    <t>POINT (4.641770829069647 51.852495195050295)</t>
  </si>
  <si>
    <t>POINT (4.644019909746547 51.83319564136067)</t>
  </si>
  <si>
    <t>POINT (4.626636063370458 51.83763873074006)</t>
  </si>
  <si>
    <t>POINT (4.6447382437328155 51.84770506418286)</t>
  </si>
  <si>
    <t>POINT (4.65115001871287 51.84522861008847)</t>
  </si>
  <si>
    <t>POINT (4.625859364459258 51.836375279933144)</t>
  </si>
  <si>
    <t>POINT (4.643490607214065 51.829216461934976)</t>
  </si>
  <si>
    <t>POINT (4.642517039208923 51.82755637196831)</t>
  </si>
  <si>
    <t>POINT (4.65732838329943 51.83438916132876)</t>
  </si>
  <si>
    <t>POINT (4.639475808025699 51.8326427177731)</t>
  </si>
  <si>
    <t>POINT (4.632941750085399 51.8475399903822)</t>
  </si>
  <si>
    <t>POINT (4.648527174342208 51.83996681364613)</t>
  </si>
  <si>
    <t>3342LE</t>
  </si>
  <si>
    <t>Rijksweg A16</t>
  </si>
  <si>
    <t>POINT (4.6309192669159875 51.83920346654312)</t>
  </si>
  <si>
    <t>POINT (4.639586062454023 51.845955536700636)</t>
  </si>
  <si>
    <t>POINT (4.648544267942373 51.831558461881905)</t>
  </si>
  <si>
    <t>POINT (4.633994335200705 51.847951237496275)</t>
  </si>
  <si>
    <t>POINT (4.635107446241295 51.83865509675425)</t>
  </si>
  <si>
    <t>POINT (4.6436808312067175 51.849877871037584)</t>
  </si>
  <si>
    <t>POINT (4.626520665681142 51.841035705794674)</t>
  </si>
  <si>
    <t>POINT (4.647305088133597 51.84252582204799)</t>
  </si>
  <si>
    <t>POINT (4.629228448862757 51.846554289525386)</t>
  </si>
  <si>
    <t>POINT (4.649198474777108 51.84387704939557)</t>
  </si>
  <si>
    <t>POINT (4.647943230541452 51.82839965309199)</t>
  </si>
  <si>
    <t>POINT (4.652410176932569 51.831641079193744)</t>
  </si>
  <si>
    <t>POINT (4.629594853262967 51.84892966387989)</t>
  </si>
  <si>
    <t>POINT (4.655418558423368 51.83081950345048)</t>
  </si>
  <si>
    <t>POINT (4.644016514225828 51.84746679300106)</t>
  </si>
  <si>
    <t>POINT (4.642781898227107 51.8378680648363)</t>
  </si>
  <si>
    <t>POINT (4.642799923772997 51.84994894490758)</t>
  </si>
  <si>
    <t>POINT (4.650433189752895 51.843803906152004)</t>
  </si>
  <si>
    <t>POINT (4.6556557420403895 51.83229512326973)</t>
  </si>
  <si>
    <t>POINT (4.6460543783475465 51.840926939697)</t>
  </si>
  <si>
    <t>POINT (4.6520343859898095 51.84142066796749)</t>
  </si>
  <si>
    <t>POINT (4.648977876157742 51.84759696679494)</t>
  </si>
  <si>
    <t>POINT (4.636102345627822 51.82597843372247)</t>
  </si>
  <si>
    <t>POINT (4.640529610605296 51.84856825330782)</t>
  </si>
  <si>
    <t>POINT (4.6296984022172225 51.850539303929985)</t>
  </si>
  <si>
    <t>3342BN</t>
  </si>
  <si>
    <t>POINT (4.633261826253613 51.84836001497556)</t>
  </si>
  <si>
    <t>POINT (4.654057891093623 51.83063123966869)</t>
  </si>
  <si>
    <t>POINT (4.6401672404933025 51.84066491046591)</t>
  </si>
  <si>
    <t>POINT (4.6306748037276115 51.849439992612474)</t>
  </si>
  <si>
    <t>POINT (4.63641566198137 51.839421638240324)</t>
  </si>
  <si>
    <t>POINT (4.65518415579916 51.844354965624305)</t>
  </si>
  <si>
    <t>POINT (4.633482590950681 51.84730975806422)</t>
  </si>
  <si>
    <t>POINT (4.651559004473099 51.83084931126143)</t>
  </si>
  <si>
    <t>POINT (4.65576446573188 51.8319698627363)</t>
  </si>
  <si>
    <t>POINT (4.644461958922721 51.85019099980081)</t>
  </si>
  <si>
    <t>POINT (4.647362631144072 51.85050811310615)</t>
  </si>
  <si>
    <t>POINT (4.638284569696394 51.83869338495082)</t>
  </si>
  <si>
    <t>POINT (4.64141647622484 51.846722225317365)</t>
  </si>
  <si>
    <t>POINT (4.657106301765805 51.835276983774925)</t>
  </si>
  <si>
    <t>POINT (4.640561044407193 51.832473150698696)</t>
  </si>
  <si>
    <t>POINT (4.652382275034083 51.84530823793249)</t>
  </si>
  <si>
    <t>POINT (4.632184562464784 51.83643410831628)</t>
  </si>
  <si>
    <t>POINT (4.6460711979520966 51.838140559121776)</t>
  </si>
  <si>
    <t>POINT (4.646527854986214 51.83595919448353)</t>
  </si>
  <si>
    <t>POINT (4.626827002363191 51.83664222340085)</t>
  </si>
  <si>
    <t>POINT (4.625994709405996 51.84639853883695)</t>
  </si>
  <si>
    <t>POINT (4.6446117619203475 51.83689090009095)</t>
  </si>
  <si>
    <t>POINT (4.637199915964298 51.826273090174425)</t>
  </si>
  <si>
    <t>POINT (4.635745982105901 51.83865019704224)</t>
  </si>
  <si>
    <t>POINT (4.621422794016575 51.840445265786784)</t>
  </si>
  <si>
    <t>POINT (4.637263056173392 51.82839087792936)</t>
  </si>
  <si>
    <t>POINT (4.648550819134558 51.84664694849345)</t>
  </si>
  <si>
    <t>POINT (4.6472269186091655 51.8511877259647)</t>
  </si>
  <si>
    <t>POINT (4.6303347693370815 51.845491774187764)</t>
  </si>
  <si>
    <t>POINT (4.641337448713481 51.83514422703982)</t>
  </si>
  <si>
    <t>POINT (4.647615456416872 51.829808810588126)</t>
  </si>
  <si>
    <t>POINT (4.655958961986969 51.84668785461021)</t>
  </si>
  <si>
    <t>POINT (4.646261992186472 51.835013787187265)</t>
  </si>
  <si>
    <t>POINT (4.65501392020683 51.84589995244499)</t>
  </si>
  <si>
    <t>POINT (4.646888481008114 51.850683980863224)</t>
  </si>
  <si>
    <t>POINT (4.631270794950818 51.834684423093364)</t>
  </si>
  <si>
    <t>POINT (4.630324400627099 51.83919963290138)</t>
  </si>
  <si>
    <t>POINT (4.626549077651645 51.841071844611314)</t>
  </si>
  <si>
    <t>POINT (4.627721281747533 51.849007446773264)</t>
  </si>
  <si>
    <t>POINT (4.64475772600415 51.83771878099513)</t>
  </si>
  <si>
    <t>POINT (4.654664208455199 51.83349342127284)</t>
  </si>
  <si>
    <t>POINT (4.648722273535972 51.84548302508058)</t>
  </si>
  <si>
    <t>POINT (4.637404770296807 51.83750126389476)</t>
  </si>
  <si>
    <t>POINT (4.651477539985642 51.853608085939015)</t>
  </si>
  <si>
    <t>POINT (4.62965653083591 51.84785142122075)</t>
  </si>
  <si>
    <t>POINT (4.625311710070821 51.845959065768554)</t>
  </si>
  <si>
    <t>POINT (4.630570953122105 51.849574153495084)</t>
  </si>
  <si>
    <t>POINT (4.62626013922688 51.849010489855885)</t>
  </si>
  <si>
    <t>POINT (4.64149673816671 51.837491372923445)</t>
  </si>
  <si>
    <t>POINT (4.629121994930417 51.83735818334245)</t>
  </si>
  <si>
    <t>POINT (4.609826729520027 51.83550616675981)</t>
  </si>
  <si>
    <t>POINT (4.630053635560673 51.84753937910505)</t>
  </si>
  <si>
    <t>POINT (4.633517119274385 51.83917522978586)</t>
  </si>
  <si>
    <t>POINT (4.646843153200171 51.850704288077125)</t>
  </si>
  <si>
    <t>POINT (4.626184266695217 51.84634583556778)</t>
  </si>
  <si>
    <t>POINT (4.650321550079288 51.8371550201746)</t>
  </si>
  <si>
    <t>POINT (4.653042464012749 51.83151477157463)</t>
  </si>
  <si>
    <t>POINT (4.643036110282525 51.82774842631463)</t>
  </si>
  <si>
    <t>POINT (4.6439846668686595 51.84178020128655)</t>
  </si>
  <si>
    <t>POINT (4.639862173587713 51.84143218339573)</t>
  </si>
  <si>
    <t>POINT (4.635716964565792 51.838650011299215)</t>
  </si>
  <si>
    <t>POINT (4.647884500465163 51.84084531126956)</t>
  </si>
  <si>
    <t>POINT (4.625392451875517 51.845938016855285)</t>
  </si>
  <si>
    <t>POINT (4.654742167877366 51.83048270407627)</t>
  </si>
  <si>
    <t>POINT (4.633727748811676 51.835257517175684)</t>
  </si>
  <si>
    <t>POINT (4.647578030434392 51.8382759034369)</t>
  </si>
  <si>
    <t>POINT (4.631336025716019 51.84549822437575)</t>
  </si>
  <si>
    <t>POINT (4.642543363338587 51.846154103301096)</t>
  </si>
  <si>
    <t>POINT (4.643249089861971 51.828028425533525)</t>
  </si>
  <si>
    <t>POINT (4.630158362977633 51.84476255421166)</t>
  </si>
  <si>
    <t>POINT (4.64089633369042 51.83519544546848)</t>
  </si>
  <si>
    <t>POINT (4.645437644417481 51.85194314176611)</t>
  </si>
  <si>
    <t>POINT (4.645032178035818 51.84836309455875)</t>
  </si>
  <si>
    <t>POINT (4.644113427877601 51.83103611953343)</t>
  </si>
  <si>
    <t>POINT (4.656238152895883 51.834396400121506)</t>
  </si>
  <si>
    <t>POINT (4.626896980249466 51.848768307681716)</t>
  </si>
  <si>
    <t>POINT (4.629324871330315 51.848586352038616)</t>
  </si>
  <si>
    <t>POINT (4.638812020247694 51.85061572189974)</t>
  </si>
  <si>
    <t>POINT (4.6471360738079115 51.84751346308429)</t>
  </si>
  <si>
    <t>POINT (4.658096265681718 51.83450225545696)</t>
  </si>
  <si>
    <t>POINT (4.642385858629459 51.83812622433924)</t>
  </si>
  <si>
    <t>POINT (4.645347995787204 51.85013289851284)</t>
  </si>
  <si>
    <t>POINT (4.622834205391582 51.84192860811754)</t>
  </si>
  <si>
    <t>POINT (4.632739791775882 51.84746678347989)</t>
  </si>
  <si>
    <t>POINT (4.651906333277967 51.84601536202299)</t>
  </si>
  <si>
    <t>POINT (4.6476597673422155 51.85450993473126)</t>
  </si>
  <si>
    <t>POINT (4.6406769382534865 51.85018714905381)</t>
  </si>
  <si>
    <t>POINT (4.650740079481598 51.83390931293374)</t>
  </si>
  <si>
    <t>POINT (4.625993949913025 51.84644347729884)</t>
  </si>
  <si>
    <t>POINT (4.642832044238379 51.84449303110696)</t>
  </si>
  <si>
    <t>POINT (4.640953914193178 51.84485863272666)</t>
  </si>
  <si>
    <t>POINT (4.6340082862126355 51.83583459310553)</t>
  </si>
  <si>
    <t>POINT (4.6266209354392345 51.844550929546166)</t>
  </si>
  <si>
    <t>POINT (4.653289981284743 51.83324214369455)</t>
  </si>
  <si>
    <t>POINT (4.628957503870654 51.85057946520193)</t>
  </si>
  <si>
    <t>POINT (4.643959929669271 51.836823854368696)</t>
  </si>
  <si>
    <t>POINT (4.647140844721077 51.85163928578132)</t>
  </si>
  <si>
    <t>POINT (4.636734064225642 51.84814855402307)</t>
  </si>
  <si>
    <t>POINT (4.631221722979762 51.83587960215083)</t>
  </si>
  <si>
    <t>POINT (4.637842768024932 51.826870449518886)</t>
  </si>
  <si>
    <t>POINT (4.621726571946816 51.83879332819419)</t>
  </si>
  <si>
    <t>POINT (4.630813350549848 51.846375748311594)</t>
  </si>
  <si>
    <t>POINT (4.635105541334406 51.83790003560035)</t>
  </si>
  <si>
    <t>POINT (4.655852067906598 51.849104119765066)</t>
  </si>
  <si>
    <t>POINT (4.635717264414355 51.83863203586452)</t>
  </si>
  <si>
    <t>POINT (4.63280015562656 51.84819525357493)</t>
  </si>
  <si>
    <t>POINT (4.630765749274122 51.834519373437)</t>
  </si>
  <si>
    <t>POINT (4.644577629104144 51.8502714967576)</t>
  </si>
  <si>
    <t>POINT (4.647612847309067 51.844109765579375)</t>
  </si>
  <si>
    <t>POINT (4.64255064803558 51.84308002625865)</t>
  </si>
  <si>
    <t>POINT (4.645023499677253 51.85095763344258)</t>
  </si>
  <si>
    <t>POINT (4.641901069436572 51.82883784408952)</t>
  </si>
  <si>
    <t>POINT (4.654469504230029 51.835665737228936)</t>
  </si>
  <si>
    <t>POINT (4.633504326402023 51.84514362795648)</t>
  </si>
  <si>
    <t>POINT (4.644973252492118 51.84577398811085)</t>
  </si>
  <si>
    <t>POINT (4.655813472488791 51.84760379073326)</t>
  </si>
  <si>
    <t>POINT (4.633872663314868 51.833532620021714)</t>
  </si>
  <si>
    <t>POINT (4.629539989766858 51.84615180998665)</t>
  </si>
  <si>
    <t>POINT (4.626422115179667 51.84944846990431)</t>
  </si>
  <si>
    <t>POINT (4.6451295082322615 51.83441667126729)</t>
  </si>
  <si>
    <t>POINT (4.625386816658615 51.84595457339152)</t>
  </si>
  <si>
    <t>POINT (4.625896894419111 51.84872094705348)</t>
  </si>
  <si>
    <t>POINT (4.647612752846841 51.83174135870758)</t>
  </si>
  <si>
    <t>POINT (4.656114672928373 51.836724467807976)</t>
  </si>
  <si>
    <t>POINT (4.625171889377381 51.8409910041778)</t>
  </si>
  <si>
    <t>POINT (4.640858831976854 51.83570756157996)</t>
  </si>
  <si>
    <t>POINT (4.636453114958038 51.834528917737096)</t>
  </si>
  <si>
    <t>3342BG</t>
  </si>
  <si>
    <t>Dijkmeesterstraat</t>
  </si>
  <si>
    <t>POINT (4.633552816096403 51.84831693975868)</t>
  </si>
  <si>
    <t>POINT (4.639546930789935 51.8343239459455)</t>
  </si>
  <si>
    <t>POINT (4.643916354463593 51.84975616364741)</t>
  </si>
  <si>
    <t>POINT (4.64447356427779 51.84018211702378)</t>
  </si>
  <si>
    <t>POINT (4.642980311745154 51.84342431991557)</t>
  </si>
  <si>
    <t>POINT (4.625267188633887 51.844793835071165)</t>
  </si>
  <si>
    <t>POINT (4.625688762386852 51.83616743354801)</t>
  </si>
  <si>
    <t>POINT (4.6452002023860475 51.85080399251404)</t>
  </si>
  <si>
    <t>POINT (4.652305388322541 51.83202874273763)</t>
  </si>
  <si>
    <t>POINT (4.631938183119912 51.83555163250553)</t>
  </si>
  <si>
    <t>POINT (4.633956963578266 51.83803649052066)</t>
  </si>
  <si>
    <t>POINT (4.658199301987726 51.83436275313076)</t>
  </si>
  <si>
    <t>POINT (4.627295505980047 51.84499574275304)</t>
  </si>
  <si>
    <t>POINT (4.64402629358782 51.8530308335448)</t>
  </si>
  <si>
    <t>POINT (4.635732073021084 51.83861415330212)</t>
  </si>
  <si>
    <t>POINT (4.64339392784728 51.83771014807819)</t>
  </si>
  <si>
    <t>POINT (4.638119430903897 51.83815301085498)</t>
  </si>
  <si>
    <t>POINT (4.639691101922736 51.82825750405426)</t>
  </si>
  <si>
    <t>POINT (4.642571496788822 51.843574535112595)</t>
  </si>
  <si>
    <t>POINT (4.640054393721669 51.847468613473)</t>
  </si>
  <si>
    <t>POINT (4.625670313800042 51.84130445572924)</t>
  </si>
  <si>
    <t>POINT (4.650253731725892 51.830823146563134)</t>
  </si>
  <si>
    <t>POINT (4.642675152740251 51.84608302977099)</t>
  </si>
  <si>
    <t>POINT (4.644190372698016 51.8326861007286)</t>
  </si>
  <si>
    <t>POINT (4.645350084733934 51.843160669004995)</t>
  </si>
  <si>
    <t>POINT (4.635356576817557 51.83676907005606)</t>
  </si>
  <si>
    <t>POINT (4.653728374440607 51.83300935365139)</t>
  </si>
  <si>
    <t>POINT (4.634911328967091 51.84692341954043)</t>
  </si>
  <si>
    <t>POINT (4.642123668514765 51.84696042037069)</t>
  </si>
  <si>
    <t>POINT (4.641449444470458 51.84736062977666)</t>
  </si>
  <si>
    <t>POINT (4.6566767482631715 51.85019038092882)</t>
  </si>
  <si>
    <t>POINT (4.649383060230542 51.83083565452929)</t>
  </si>
  <si>
    <t>POINT (4.635968375063706 51.83488536391253)</t>
  </si>
  <si>
    <t>POINT (4.630721794980465 51.83540897006029)</t>
  </si>
  <si>
    <t>POINT (4.64734338229456 51.83842723222304)</t>
  </si>
  <si>
    <t>POINT (4.657173078596575 51.83415731282676)</t>
  </si>
  <si>
    <t>POINT (4.630009070917433 51.851916573972154)</t>
  </si>
  <si>
    <t>POINT (4.632418489088084 51.833730018744674)</t>
  </si>
  <si>
    <t>POINT (4.654790873164905 51.83453744511673)</t>
  </si>
  <si>
    <t>POINT (4.6293445112427705 51.850006688823214)</t>
  </si>
  <si>
    <t>POINT (4.6488449887240115 51.84685007275952)</t>
  </si>
  <si>
    <t>POINT (4.627333600652376 51.846083951798526)</t>
  </si>
  <si>
    <t>POINT (4.635688846605556 51.838595899245064)</t>
  </si>
  <si>
    <t>POINT (4.636644668331716 51.82819213155614)</t>
  </si>
  <si>
    <t>POINT (4.639456330586866 51.82841780504181)</t>
  </si>
  <si>
    <t>POINT (4.642999554253925 51.846651372120604)</t>
  </si>
  <si>
    <t>POINT (4.65076265220422 51.84063347058841)</t>
  </si>
  <si>
    <t>POINT (4.6337957952162645 51.83899724495503)</t>
  </si>
  <si>
    <t>POINT (4.650735405350998 51.84216517421786)</t>
  </si>
  <si>
    <t>POINT (4.64537233492014 51.851407050338516)</t>
  </si>
  <si>
    <t>POINT (4.625366830983793 51.845947810068886)</t>
  </si>
  <si>
    <t>POINT (4.65325903703655 51.831579046563334)</t>
  </si>
  <si>
    <t>POINT (4.641147636948351 51.83929587807058)</t>
  </si>
  <si>
    <t>POINT (4.625936360626434 51.84641613788753)</t>
  </si>
  <si>
    <t>POINT (4.6403641514477725 51.83929089652325)</t>
  </si>
  <si>
    <t>POINT (4.642136504220023 51.836533646979944)</t>
  </si>
  <si>
    <t>POINT (4.624991540362935 51.84135836946749)</t>
  </si>
  <si>
    <t>POINT (4.631459302331277 51.84766528792258)</t>
  </si>
  <si>
    <t>POINT (4.645312522023982 51.83448287905563)</t>
  </si>
  <si>
    <t>POINT (4.639805380147282 51.834487387924256)</t>
  </si>
  <si>
    <t>POINT (4.638500435333437 51.8336967966053)</t>
  </si>
  <si>
    <t>POINT (4.626555274943079 51.84757968834344)</t>
  </si>
  <si>
    <t>POINT (4.626242548992597 51.84719114891542)</t>
  </si>
  <si>
    <t>POINT (4.649665724528059 51.84636085502594)</t>
  </si>
  <si>
    <t>POINT (4.627673283003417 51.8372229777318)</t>
  </si>
  <si>
    <t>POINT (4.657706917158262 51.83105846358978)</t>
  </si>
  <si>
    <t>POINT (4.648526260570036 51.84593122495457)</t>
  </si>
  <si>
    <t>POINT (4.652376818452638 51.84203285405238)</t>
  </si>
  <si>
    <t>POINT (4.6204693369590375 51.83897645707737)</t>
  </si>
  <si>
    <t>POINT (4.649042598578082 51.84159959225074)</t>
  </si>
  <si>
    <t>POINT (4.6224839721064015 51.84118925513214)</t>
  </si>
  <si>
    <t>POINT (4.639292163027757 51.84005709800273)</t>
  </si>
  <si>
    <t>POINT (4.65057487309709 51.84490141141457)</t>
  </si>
  <si>
    <t>POINT (4.64974438704436 51.84114514934166)</t>
  </si>
  <si>
    <t>POINT (4.645025972409735 51.83440610222345)</t>
  </si>
  <si>
    <t>POINT (4.627452475770897 51.83741031133383)</t>
  </si>
  <si>
    <t>POINT (4.6240716489769795 51.841693963654976)</t>
  </si>
  <si>
    <t>POINT (4.6307552077832055 51.83601142724151)</t>
  </si>
  <si>
    <t>POINT (4.636470239029025 51.83382164500236)</t>
  </si>
  <si>
    <t>POINT (4.6355207777093606 51.83736337436597)</t>
  </si>
  <si>
    <t>POINT (4.6548263579310545 51.844047120051265)</t>
  </si>
  <si>
    <t>POINT (4.6221059292229345 51.8378160339694)</t>
  </si>
  <si>
    <t>POINT (4.622405620640371 51.83400642182741)</t>
  </si>
  <si>
    <t>POINT (4.652060393493813 51.84546801877816)</t>
  </si>
  <si>
    <t>POINT (4.6303355244774895 51.84544683568399)</t>
  </si>
  <si>
    <t>POINT (4.641159808152402 51.847322835148766)</t>
  </si>
  <si>
    <t>POINT (4.644315331242569 51.831109306908445)</t>
  </si>
  <si>
    <t>POINT (4.623663778998704 51.840073348384614)</t>
  </si>
  <si>
    <t>POINT (4.637792370501413 51.82641170465911)</t>
  </si>
  <si>
    <t>POINT (4.645006147685023 51.83434478199495)</t>
  </si>
  <si>
    <t>POINT (4.651521124860664 51.83405802902495)</t>
  </si>
  <si>
    <t>POINT (4.644062260367438 51.82886053526197)</t>
  </si>
  <si>
    <t>POINT (4.645832713944552 51.839406455513895)</t>
  </si>
  <si>
    <t>POINT (4.63597464470709 51.838244158801764)</t>
  </si>
  <si>
    <t>POINT (4.65053505702067 51.8437865680379)</t>
  </si>
  <si>
    <t>POINT (4.644655212925782 51.85078959917446)</t>
  </si>
  <si>
    <t>POINT (4.643121571176296 51.836629781493016)</t>
  </si>
  <si>
    <t>POINT (4.650023072243372 51.844035036954324)</t>
  </si>
  <si>
    <t>POINT (4.638059116926282 51.83360033699231)</t>
  </si>
  <si>
    <t>POINT (4.647197636096515 51.84994977683034)</t>
  </si>
  <si>
    <t>POINT (4.65532947693129 51.83094478943259)</t>
  </si>
  <si>
    <t>POINT (4.649878849546066 51.84398019937316)</t>
  </si>
  <si>
    <t>POINT (4.6301378750346585 51.85202526850152)</t>
  </si>
  <si>
    <t>POINT (4.63675954093623 51.836166816736394)</t>
  </si>
  <si>
    <t>POINT (4.643022819804417 51.83997294113601)</t>
  </si>
  <si>
    <t>POINT (4.6265978068602935 51.84677997172648)</t>
  </si>
  <si>
    <t>POINT (4.640075167236459 51.84709122178509)</t>
  </si>
  <si>
    <t>POINT (4.644532427897566 51.835542097443586)</t>
  </si>
  <si>
    <t>POINT (4.640192295623432 51.84440435611972)</t>
  </si>
  <si>
    <t>POINT (4.648597736621997 51.83006667840281)</t>
  </si>
  <si>
    <t>POINT (4.658062738063551 51.835069618283164)</t>
  </si>
  <si>
    <t>POINT (4.65226355510458 51.84457941375384)</t>
  </si>
  <si>
    <t>POINT (4.647278824699382 51.829105572306226)</t>
  </si>
  <si>
    <t>POINT (4.653292866621698 51.830392753638556)</t>
  </si>
  <si>
    <t>POINT (4.649905810972577 51.84410620990894)</t>
  </si>
  <si>
    <t>POINT (4.633424507613264 51.837772401229515)</t>
  </si>
  <si>
    <t>POINT (4.648395830927585 51.82999349838154)</t>
  </si>
  <si>
    <t>POINT (4.644619168933067 51.83644151337673)</t>
  </si>
  <si>
    <t>POINT (4.645311460693382 51.84903002019052)</t>
  </si>
  <si>
    <t>POINT (4.645105617740094 51.835080522507695)</t>
  </si>
  <si>
    <t>POINT (4.637359003169627 51.83676390004182)</t>
  </si>
  <si>
    <t>POINT (4.638310202931519 51.833802934962804)</t>
  </si>
  <si>
    <t>POINT (4.627134553392931 51.836473429995095)</t>
  </si>
  <si>
    <t>POINT (4.644514760415745 51.85025615997778)</t>
  </si>
  <si>
    <t>POINT (4.626562399747121 51.83856408811207)</t>
  </si>
  <si>
    <t>POINT (4.645013535341172 51.843329326592716)</t>
  </si>
  <si>
    <t>POINT (4.645579140508007 51.829247653394674)</t>
  </si>
  <si>
    <t>POINT (4.638357676619612 51.83691409352696)</t>
  </si>
  <si>
    <t>POINT (4.656516581527448 51.84362619587208)</t>
  </si>
  <si>
    <t>POINT (4.633165393689842 51.83678198233568)</t>
  </si>
  <si>
    <t>POINT (4.629782910144567 51.852418480734194)</t>
  </si>
  <si>
    <t>POINT (4.652675116516464 51.83357986734217)</t>
  </si>
  <si>
    <t>POINT (4.644304405749075 51.837931641300386)</t>
  </si>
  <si>
    <t>POINT (4.641582508246374 51.84808955646554)</t>
  </si>
  <si>
    <t>POINT (4.648660427260265 51.851709922125295)</t>
  </si>
  <si>
    <t>POINT (4.648585042109477 51.84588665146521)</t>
  </si>
  <si>
    <t>POINT (4.628101927769593 51.83589542468103)</t>
  </si>
  <si>
    <t>POINT (4.6249183822350926 51.8371062459858)</t>
  </si>
  <si>
    <t>3341LM</t>
  </si>
  <si>
    <t>POINT (4.6593247609381345 51.8350864387475)</t>
  </si>
  <si>
    <t>POINT (4.645216974116287 51.84243174605464)</t>
  </si>
  <si>
    <t>POINT (4.650053631771502 51.832412885108816)</t>
  </si>
  <si>
    <t>POINT (4.645369603749814 51.83845073126485)</t>
  </si>
  <si>
    <t>POINT (4.6506814470593625 51.84006734062976)</t>
  </si>
  <si>
    <t>POINT (4.633483667396028 51.838572773546616)</t>
  </si>
  <si>
    <t>POINT (4.628287469068609 51.84210780444274)</t>
  </si>
  <si>
    <t>POINT (4.635162764180458 51.836210530481466)</t>
  </si>
  <si>
    <t>POINT (4.645274367338449 51.828373825526704)</t>
  </si>
  <si>
    <t>POINT (4.641182910939653 51.83716578680554)</t>
  </si>
  <si>
    <t>POINT (4.652985928444575 51.842680441496036)</t>
  </si>
  <si>
    <t>POINT (4.643977880139562 51.83328789570304)</t>
  </si>
  <si>
    <t>POINT (4.656353760156021 51.847400416054604)</t>
  </si>
  <si>
    <t>POINT (4.640624039443874 51.84462283027913)</t>
  </si>
  <si>
    <t>POINT (4.646692271158168 51.84714212997685)</t>
  </si>
  <si>
    <t>POINT (4.638230990124333 51.82780624073607)</t>
  </si>
  <si>
    <t>POINT (4.633139970820051 51.83830090604844)</t>
  </si>
  <si>
    <t>POINT (4.641029640680674 51.83765918976293)</t>
  </si>
  <si>
    <t>POINT (4.621821576583346 51.84259616231791)</t>
  </si>
  <si>
    <t>POINT (4.627131074277968 51.8490845257258)</t>
  </si>
  <si>
    <t>POINT (4.621298788512808 51.839204017824514)</t>
  </si>
  <si>
    <t>POINT (4.649606275038988 51.8322662562712)</t>
  </si>
  <si>
    <t>POINT (4.647412293787129 51.83688161562589)</t>
  </si>
  <si>
    <t>POINT (4.644629542444292 51.8502664228919)</t>
  </si>
  <si>
    <t>POINT (4.636425633166445 51.845755596759155)</t>
  </si>
  <si>
    <t>POINT (4.6479735004482 51.831860483802146)</t>
  </si>
  <si>
    <t>POINT (4.64250500695274 51.830918062424544)</t>
  </si>
  <si>
    <t>POINT (4.639869137321473 51.82976873659395)</t>
  </si>
  <si>
    <t>POINT (4.637071376309358 51.837481156706914)</t>
  </si>
  <si>
    <t>POINT (4.62608208060917 51.84638112789903)</t>
  </si>
  <si>
    <t>POINT (4.627079260549346 51.846630282138676)</t>
  </si>
  <si>
    <t>POINT (4.639586957556355 51.84590161040644)</t>
  </si>
  <si>
    <t>POINT (4.6262134409969455 51.84633703598428)</t>
  </si>
  <si>
    <t>POINT (4.650461522127664 51.830536813377044)</t>
  </si>
  <si>
    <t>POINT (4.644924286629264 51.85100390911034)</t>
  </si>
  <si>
    <t>POINT (4.642005653501092 51.84269005567937)</t>
  </si>
  <si>
    <t>POINT (4.641767247950737 51.82903474532835)</t>
  </si>
  <si>
    <t>POINT (4.650477961283073 51.833080710593805)</t>
  </si>
  <si>
    <t>POINT (4.641724530094773 51.85178479723212)</t>
  </si>
  <si>
    <t>POINT (4.6473238597777735 51.844916924242234)</t>
  </si>
  <si>
    <t>POINT (4.645788325887888 51.85180153805881)</t>
  </si>
  <si>
    <t>POINT (4.648932988142202 51.84152475556507)</t>
  </si>
  <si>
    <t>POINT (4.643772236096461 51.831432463210454)</t>
  </si>
  <si>
    <t>POINT (4.64515878600559 51.842440366963594)</t>
  </si>
  <si>
    <t>POINT (4.642166756889195 51.8469876597786)</t>
  </si>
  <si>
    <t>POINT (4.639160436978914 51.83750347538564)</t>
  </si>
  <si>
    <t>POINT (4.64873799877827 51.83321267067889)</t>
  </si>
  <si>
    <t>POINT (4.635507047802326 51.846882291593296)</t>
  </si>
  <si>
    <t>POINT (4.622385927888008 51.84183580184147)</t>
  </si>
  <si>
    <t>POINT (4.629412001052886 51.83909487154007)</t>
  </si>
  <si>
    <t>POINT (4.633034498354626 51.838533934204044)</t>
  </si>
  <si>
    <t>POINT (4.644103493508616 51.84892773995265)</t>
  </si>
  <si>
    <t>POINT (4.630680666562725 51.83440197223238)</t>
  </si>
  <si>
    <t>POINT (4.643976054278119 51.85431589297567)</t>
  </si>
  <si>
    <t>POINT (4.6420968125186235 51.852092774481605)</t>
  </si>
  <si>
    <t>POINT (4.628742624766264 51.83920740177406)</t>
  </si>
  <si>
    <t>POINT (4.643518037514429 51.848374349833996)</t>
  </si>
  <si>
    <t>POINT (4.644091507339979 51.84468078258925)</t>
  </si>
  <si>
    <t>POINT (4.647085517655254 51.84264129070985)</t>
  </si>
  <si>
    <t>POINT (4.637104748848711 51.83820276518065)</t>
  </si>
  <si>
    <t>POINT (4.653209455269919 51.8421912202354)</t>
  </si>
  <si>
    <t>POINT (4.6419519493872 51.84418183339888)</t>
  </si>
  <si>
    <t>POINT (4.633113479838405 51.833815383487035)</t>
  </si>
  <si>
    <t>POINT (4.64831432902919 51.8361644637729)</t>
  </si>
  <si>
    <t>POINT (4.649191240013329 51.83103219950458)</t>
  </si>
  <si>
    <t>POINT (4.645329904970479 51.83141718565299)</t>
  </si>
  <si>
    <t>POINT (4.652654893520363 51.83304042072122)</t>
  </si>
  <si>
    <t>POINT (4.625891763456711 51.84647876946326)</t>
  </si>
  <si>
    <t>POINT (4.647543910935851 51.828864548723324)</t>
  </si>
  <si>
    <t>POINT (4.634971411144658 51.83724300266521)</t>
  </si>
  <si>
    <t>POINT (4.6280818427484185 51.84828169592578)</t>
  </si>
  <si>
    <t>POINT (4.6357175803540205 51.826434394133685)</t>
  </si>
  <si>
    <t>POINT (4.651075069808709 51.82939011246526)</t>
  </si>
  <si>
    <t>POINT (4.621543909580272 51.84014942903564)</t>
  </si>
  <si>
    <t>POINT (4.6214370074957385 51.838755485008754)</t>
  </si>
  <si>
    <t>POINT (4.643642007456701 51.848342937586374)</t>
  </si>
  <si>
    <t>POINT (4.639969184419534 51.83510864945804)</t>
  </si>
  <si>
    <t>POINT (4.646860318999415 51.85073104766864)</t>
  </si>
  <si>
    <t>POINT (4.624154761484686 51.83935744568559)</t>
  </si>
  <si>
    <t>POINT (4.639479474620483 51.83309059312068)</t>
  </si>
  <si>
    <t>POINT (4.635182390587565 51.83851175801088)</t>
  </si>
  <si>
    <t>POINT (4.656117926591794 51.84762366410758)</t>
  </si>
  <si>
    <t>POINT (4.648089551512148 51.836283640768116)</t>
  </si>
  <si>
    <t>POINT (4.647929157111701 51.838699773409395)</t>
  </si>
  <si>
    <t>POINT (4.642647964329646 51.85036145970835)</t>
  </si>
  <si>
    <t>POINT (4.638252903202404 51.850198678518524)</t>
  </si>
  <si>
    <t>POINT (4.635861945646042 51.83845722428221)</t>
  </si>
  <si>
    <t>POINT (4.6427917994725885 51.849562381083)</t>
  </si>
  <si>
    <t>POINT (4.637571807962732 51.8265900699943)</t>
  </si>
  <si>
    <t>POINT (4.63541783774183 51.83483689609603)</t>
  </si>
  <si>
    <t>POINT (4.630382016798214 51.85131673759555)</t>
  </si>
  <si>
    <t>POINT (4.640670558984135 51.84882083206703)</t>
  </si>
  <si>
    <t>POINT (4.6477081030612215 51.840232818322434)</t>
  </si>
  <si>
    <t>POINT (4.630173523030521 51.849041260262574)</t>
  </si>
  <si>
    <t>POINT (4.628493904826894 51.84880570230683)</t>
  </si>
  <si>
    <t>POINT (4.641245379748276 51.850918843088046)</t>
  </si>
  <si>
    <t>POINT (4.6453637316958485 51.84850001966155)</t>
  </si>
  <si>
    <t>POINT (4.643892831063305 51.84352897598013)</t>
  </si>
  <si>
    <t>POINT (4.649769232446186 51.83206054064455)</t>
  </si>
  <si>
    <t>POINT (4.658105679237063 51.83151936297927)</t>
  </si>
  <si>
    <t>POINT (4.648656407605697 51.84063413612326)</t>
  </si>
  <si>
    <t>POINT (4.64620166158528 51.85226256847199)</t>
  </si>
  <si>
    <t>POINT (4.627077536603156 51.83985280648359)</t>
  </si>
  <si>
    <t>POINT (4.645160249245649 51.82913714191236)</t>
  </si>
  <si>
    <t>POINT (4.640815721503779 51.84531617623813)</t>
  </si>
  <si>
    <t>POINT (4.635807772169369 51.84625500971425)</t>
  </si>
  <si>
    <t>POINT (4.626087023390535 51.84694744658046)</t>
  </si>
  <si>
    <t>POINT (4.634505979417576 51.83904674381604)</t>
  </si>
  <si>
    <t>POINT (4.644848678478308 51.827795858528695)</t>
  </si>
  <si>
    <t>POINT (4.636204144849413 51.84859459910266)</t>
  </si>
  <si>
    <t>POINT (4.644672738730381 51.850291801378916)</t>
  </si>
  <si>
    <t>POINT (4.6322231531419495 51.84538707945263)</t>
  </si>
  <si>
    <t>POINT (4.641594411602352 51.84737053910547)</t>
  </si>
  <si>
    <t>POINT (4.640068855808019 51.84659680509378)</t>
  </si>
  <si>
    <t>POINT (4.655992414140181 51.849097020912666)</t>
  </si>
  <si>
    <t>POINT (4.630431413187215 51.83973964362109)</t>
  </si>
  <si>
    <t>POINT (4.629358977374605 51.83534624793528)</t>
  </si>
  <si>
    <t>POINT (4.625977028610504 51.8371400814358)</t>
  </si>
  <si>
    <t>POINT (4.638368473722347 51.833771289012766)</t>
  </si>
  <si>
    <t>POINT (4.623960572331422 51.84396737838047)</t>
  </si>
  <si>
    <t>POINT (4.640270331751723 51.82919601447636)</t>
  </si>
  <si>
    <t>POINT (4.648777215444787 51.83938301782104)</t>
  </si>
  <si>
    <t>POINT (4.636886258777571 51.82827627316132)</t>
  </si>
  <si>
    <t>POINT (4.6248453129108755 51.844854017266144)</t>
  </si>
  <si>
    <t>POINT (4.621045857714919 51.8404248291254)</t>
  </si>
  <si>
    <t>POINT (4.652300861673952 51.83339775160146)</t>
  </si>
  <si>
    <t>POINT (4.644049844956717 51.84178412844238)</t>
  </si>
  <si>
    <t>POINT (4.630280674808512 51.846983545270014)</t>
  </si>
  <si>
    <t>POINT (4.6421983893276995 51.843320485512244)</t>
  </si>
  <si>
    <t>POINT (4.651717332049858 51.83448172587108)</t>
  </si>
  <si>
    <t>POINT (4.625751739658033 51.843601484196675)</t>
  </si>
  <si>
    <t>POINT (4.647958256568315 51.83190533117229)</t>
  </si>
  <si>
    <t>POINT (4.6383076701021855 51.833465618579794)</t>
  </si>
  <si>
    <t>POINT (4.652895433546408 51.84498785685922)</t>
  </si>
  <si>
    <t>POINT (4.646983060893159 51.842694576761374)</t>
  </si>
  <si>
    <t>POINT (4.643417368774415 51.84420011468458)</t>
  </si>
  <si>
    <t>POINT (4.636054734554095 51.84711051338014)</t>
  </si>
  <si>
    <t>POINT (4.644241349024975 51.83735596733564)</t>
  </si>
  <si>
    <t>POINT (4.634716146518939 51.82646393305081)</t>
  </si>
  <si>
    <t>POINT (4.628008122126166 51.8388790615758)</t>
  </si>
  <si>
    <t>POINT (4.64922734850613 51.84388621954607)</t>
  </si>
  <si>
    <t>POINT (4.650969857969875 51.82961416945056)</t>
  </si>
  <si>
    <t>POINT (4.640509145738455 51.844550190308354)</t>
  </si>
  <si>
    <t>POINT (4.6560681961017805 51.84711100142032)</t>
  </si>
  <si>
    <t>POINT (4.630645894430532 51.84770499291187)</t>
  </si>
  <si>
    <t>POINT (4.637525394739728 51.83809662620363)</t>
  </si>
  <si>
    <t>POINT (4.6538113192879615 51.848454212558536)</t>
  </si>
  <si>
    <t>POINT (4.649146690470685 51.8310948401222)</t>
  </si>
  <si>
    <t>POINT (4.652572100556187 51.83455898743738)</t>
  </si>
  <si>
    <t>POINT (4.641209010356715 51.84347599924402)</t>
  </si>
  <si>
    <t>POINT (4.644503716778127 51.85017949778287)</t>
  </si>
  <si>
    <t>POINT (4.633480443424014 51.834428970740966)</t>
  </si>
  <si>
    <t>POINT (4.650344362604582 51.843911212603864)</t>
  </si>
  <si>
    <t>POINT (4.655571706669705 51.84908541159004)</t>
  </si>
  <si>
    <t>POINT (4.635439315680158 51.83615836970619)</t>
  </si>
  <si>
    <t>POINT (4.640729016266999 51.846169548171524)</t>
  </si>
  <si>
    <t>POINT (4.649352610944385 51.8405678448244)</t>
  </si>
  <si>
    <t>POINT (4.62363505932638 51.84347987298505)</t>
  </si>
  <si>
    <t>POINT (4.634268738277865 51.83500930515461)</t>
  </si>
  <si>
    <t>POINT (4.6367145227506805 51.826674478636896)</t>
  </si>
  <si>
    <t>POINT (4.637849291067896 51.836946804215245)</t>
  </si>
  <si>
    <t>POINT (4.629680253678094 51.82831916612012)</t>
  </si>
  <si>
    <t>POINT (4.640289791180265 51.82714671826611)</t>
  </si>
  <si>
    <t>POINT (4.640474246530051 51.82827147746416)</t>
  </si>
  <si>
    <t>POINT (4.647871052781251 51.829262111486386)</t>
  </si>
  <si>
    <t>POINT (4.6540787388443805 51.83527518498872)</t>
  </si>
  <si>
    <t>POINT (4.629244881482955 51.83522865838808)</t>
  </si>
  <si>
    <t>POINT (4.650419217123993 51.853656667571954)</t>
  </si>
  <si>
    <t>POINT (4.6432821371046265 51.848873361992986)</t>
  </si>
  <si>
    <t>POINT (4.6409948862281585 51.83888142835651)</t>
  </si>
  <si>
    <t>POINT (4.6384881499016615 51.83255541648495)</t>
  </si>
  <si>
    <t>POINT (4.650999603953626 51.82956941264928)</t>
  </si>
  <si>
    <t>POINT (4.642345841434636 51.82913729380384)</t>
  </si>
  <si>
    <t>POINT (4.636027726373079 51.83567674758897)</t>
  </si>
  <si>
    <t>POINT (4.648652375301139 51.83330524565852)</t>
  </si>
  <si>
    <t>POINT (4.623498980874996 51.84380258046987)</t>
  </si>
  <si>
    <t>POINT (4.657706796644361 51.83644267207468)</t>
  </si>
  <si>
    <t>POINT (4.647743601489517 51.85205656114151)</t>
  </si>
  <si>
    <t>POINT (4.642239279613784 51.8452353306413)</t>
  </si>
  <si>
    <t>POINT (4.641922121635058 51.845107476555775)</t>
  </si>
  <si>
    <t>POINT (4.647480027294913 51.83275624251783)</t>
  </si>
  <si>
    <t>POINT (4.650821714653245 51.82980200233055)</t>
  </si>
  <si>
    <t>POINT (4.630358414659554 51.83976613908348)</t>
  </si>
  <si>
    <t>POINT (4.631518656252488 51.838937665875015)</t>
  </si>
  <si>
    <t>POINT (4.646700884830738 51.83514231702112)</t>
  </si>
  <si>
    <t>POINT (4.6418495868007446 51.84685980550119)</t>
  </si>
  <si>
    <t>POINT (4.64114655834044 51.83228554038891)</t>
  </si>
  <si>
    <t>POINT (4.657534786980373 51.84079211355043)</t>
  </si>
  <si>
    <t>POINT (4.6508227036618965 51.84066510982844)</t>
  </si>
  <si>
    <t>POINT (4.641491560996653 51.82816109199584)</t>
  </si>
  <si>
    <t>POINT (4.641392291080825 51.84730633477911)</t>
  </si>
  <si>
    <t>POINT (4.647683433742733 51.85130113544477)</t>
  </si>
  <si>
    <t>POINT (4.631327281720511 51.85034306161516)</t>
  </si>
  <si>
    <t>POINT (4.642560357432492 51.828446526358306)</t>
  </si>
  <si>
    <t>POINT (4.635950125504043 51.84816151813395)</t>
  </si>
  <si>
    <t>POINT (4.648821576416871 51.8409613736273)</t>
  </si>
  <si>
    <t>POINT (4.648069254133255 51.84282726122444)</t>
  </si>
  <si>
    <t>POINT (4.648013807881497 51.83963466924145)</t>
  </si>
  <si>
    <t>POINT (4.651014743249629 51.836634601943544)</t>
  </si>
  <si>
    <t>POINT (4.63067310613223 51.8478130323051)</t>
  </si>
  <si>
    <t>POINT (4.6363428496220385 51.82813911852989)</t>
  </si>
  <si>
    <t>POINT (4.62345025528058 51.839829264949806)</t>
  </si>
  <si>
    <t>POINT (4.652984730837487 51.831496433143094)</t>
  </si>
  <si>
    <t>POINT (4.654826080292801 51.832460734634935)</t>
  </si>
  <si>
    <t>POINT (4.649416868197923 51.8438334786743)</t>
  </si>
  <si>
    <t>POINT (4.624843064663938 51.843271994845786)</t>
  </si>
  <si>
    <t>POINT (4.635688246886101 51.83863185011437)</t>
  </si>
  <si>
    <t>POINT (4.635594266318234 51.846873861279235)</t>
  </si>
  <si>
    <t>POINT (4.642596802016982 51.83589837162052)</t>
  </si>
  <si>
    <t>POINT (4.65186519375755 51.834311867487045)</t>
  </si>
  <si>
    <t>POINT (4.643224678418786 51.85235160828847)</t>
  </si>
  <si>
    <t>POINT (4.653811919120726 51.832373504925684)</t>
  </si>
  <si>
    <t>POINT (4.635989690896326 51.83708772684453)</t>
  </si>
  <si>
    <t>POINT (4.652738611603827 51.84255290957471)</t>
  </si>
  <si>
    <t>POINT (4.639147952386803 51.83563375117001)</t>
  </si>
  <si>
    <t>POINT (4.640643124278435 51.82683436213275)</t>
  </si>
  <si>
    <t>POINT (4.623912014963078 51.844263689200076)</t>
  </si>
  <si>
    <t>POINT (4.644926768907098 51.83438796505274)</t>
  </si>
  <si>
    <t>POINT (4.627337386283602 51.84767463927487)</t>
  </si>
  <si>
    <t>POINT (4.640544930480042 51.8450178285195)</t>
  </si>
  <si>
    <t>POINT (4.646642263235541 51.8351779019099)</t>
  </si>
  <si>
    <t>POINT (4.6254124252665605 51.84596266756356)</t>
  </si>
  <si>
    <t>POINT (4.646182119981227 51.852568059342794)</t>
  </si>
  <si>
    <t>POINT (4.645105550012186 51.850726793028095)</t>
  </si>
  <si>
    <t>POINT (4.629977684750718 51.83738168321359)</t>
  </si>
  <si>
    <t>POINT (4.639293207545479 51.83999418395037)</t>
  </si>
  <si>
    <t>3341RG</t>
  </si>
  <si>
    <t>POINT (4.649352413217051 51.84333869734452)</t>
  </si>
  <si>
    <t>POINT (4.629267992869913 51.83644228019703)</t>
  </si>
  <si>
    <t>POINT (4.627676878606363 51.844755516203804)</t>
  </si>
  <si>
    <t>POINT (4.625947065981937 51.84492408674219)</t>
  </si>
  <si>
    <t>POINT (4.6287672545319 51.839468232684965)</t>
  </si>
  <si>
    <t>POINT (4.6267786758930525 51.84552272852146)</t>
  </si>
  <si>
    <t>POINT (4.632556407687562 51.83762300522352)</t>
  </si>
  <si>
    <t>POINT (4.642475197324939 51.833937466818014)</t>
  </si>
  <si>
    <t>POINT (4.645754803508568 51.847666544633064)</t>
  </si>
  <si>
    <t>POINT (4.642209197805637 51.82950496257188)</t>
  </si>
  <si>
    <t>POINT (4.637241096064246 51.845590023664364)</t>
  </si>
  <si>
    <t>POINT (4.622759616597332 51.833861357969916)</t>
  </si>
  <si>
    <t>POINT (4.6491394019391015 51.84393959867672)</t>
  </si>
  <si>
    <t>POINT (4.632658568824311 51.83758770716949)</t>
  </si>
  <si>
    <t>POINT (4.626647166670372 51.8455758087734)</t>
  </si>
  <si>
    <t>POINT (4.64619643253592 51.83758405220495)</t>
  </si>
  <si>
    <t>POINT (4.636918893553105 51.838943008472825)</t>
  </si>
  <si>
    <t>POINT (4.635959450405986 51.84673237971951)</t>
  </si>
  <si>
    <t>POINT (4.643830402096369 51.85170826134031)</t>
  </si>
  <si>
    <t>POINT (4.636439782398152 51.84838936670662)</t>
  </si>
  <si>
    <t>POINT (4.639821834774805 51.84140667743337)</t>
  </si>
  <si>
    <t>POINT (4.620991628855503 51.84105368336956)</t>
  </si>
  <si>
    <t>POINT (4.647922386520505 51.8358601207308)</t>
  </si>
  <si>
    <t>POINT (4.6342981183908645 51.84887901861115)</t>
  </si>
  <si>
    <t>POINT (4.625143738472192 51.83836612533188)</t>
  </si>
  <si>
    <t>POINT (4.644266325375132 51.847279612082104)</t>
  </si>
  <si>
    <t>POINT (4.630475407908202 51.849213990973546)</t>
  </si>
  <si>
    <t>POINT (4.629720618168383 51.839726070922836)</t>
  </si>
  <si>
    <t>POINT (4.644507101851563 51.850222422051814)</t>
  </si>
  <si>
    <t>POINT (4.646392376021675 51.83007974698068)</t>
  </si>
  <si>
    <t>POINT (4.649024864606781 51.85018381034777)</t>
  </si>
  <si>
    <t>POINT (4.649713704406469 51.84786226186456)</t>
  </si>
  <si>
    <t>POINT (4.65771633094397 51.83137312539852)</t>
  </si>
  <si>
    <t>POINT (4.6520924831167685 51.83372003894112)</t>
  </si>
  <si>
    <t>POINT (4.644972243877898 51.83790889952803)</t>
  </si>
  <si>
    <t>POINT (4.6369731977157524 51.83895570595384)</t>
  </si>
  <si>
    <t>POINT (4.642375840094164 51.829955454135906)</t>
  </si>
  <si>
    <t>POINT (4.62868740788015 51.841625000315034)</t>
  </si>
  <si>
    <t>POINT (4.6568756038610735 51.84967132813318)</t>
  </si>
  <si>
    <t>POINT (4.644578252755518 51.85023367643555)</t>
  </si>
  <si>
    <t>POINT (4.656752593250185 51.85018533374382)</t>
  </si>
  <si>
    <t>POINT (4.63311823187453 51.84653439290458)</t>
  </si>
  <si>
    <t>POINT (4.636852066936082 51.838667213285724)</t>
  </si>
  <si>
    <t>POINT (4.629914435716328 51.85236539704643)</t>
  </si>
  <si>
    <t>POINT (4.646010853875514 51.848863652687434)</t>
  </si>
  <si>
    <t>POINT (4.628310655837337 51.84503826342714)</t>
  </si>
  <si>
    <t>POINT (4.6215222301359935 51.838009979600166)</t>
  </si>
  <si>
    <t>POINT (4.638886764687168 51.82951978355715)</t>
  </si>
  <si>
    <t>POINT (4.638439722353286 51.840707837471875)</t>
  </si>
  <si>
    <t>POINT (4.64603403017532 51.83775381172051)</t>
  </si>
  <si>
    <t>POINT (4.656034016671784 51.83133569269629)</t>
  </si>
  <si>
    <t>POINT (4.641345778444251 51.84047465292536)</t>
  </si>
  <si>
    <t>POINT (4.616450057973493 51.833216805453475)</t>
  </si>
  <si>
    <t>POINT (4.641271660750977 51.83244518335154)</t>
  </si>
  <si>
    <t>POINT (4.6448138274795125 51.85066085986268)</t>
  </si>
  <si>
    <t>POINT (4.643954361828189 51.84595630455093)</t>
  </si>
  <si>
    <t>POINT (4.644689248550218 51.85071478609519)</t>
  </si>
  <si>
    <t>POINT (4.644646351969821 51.85025308216593)</t>
  </si>
  <si>
    <t>POINT (4.644046430366593 51.83326695462632)</t>
  </si>
  <si>
    <t>POINT (4.640335729492067 51.83925476102376)</t>
  </si>
  <si>
    <t>POINT (4.631771375650209 51.83944265841661)</t>
  </si>
  <si>
    <t>POINT (4.642900705869668 51.83331156041012)</t>
  </si>
  <si>
    <t>POINT (4.627706391728711 51.84730849112619)</t>
  </si>
  <si>
    <t>POINT (4.630607341861906 51.84740811832342)</t>
  </si>
  <si>
    <t>POINT (4.628544578989679 51.84752064950362)</t>
  </si>
  <si>
    <t>POINT (4.643574172020043 51.83558097461007)</t>
  </si>
  <si>
    <t>POINT (4.647027473919709 51.83557583286291)</t>
  </si>
  <si>
    <t>POINT (4.639231395453293 51.83292528386711)</t>
  </si>
  <si>
    <t>POINT (4.648812818860903 51.835533144071654)</t>
  </si>
  <si>
    <t>POINT (4.653768644109474 51.830575500746164)</t>
  </si>
  <si>
    <t>POINT (4.648681659357687 51.835568273693596)</t>
  </si>
  <si>
    <t>POINT (4.625530668677814 51.84294387649405)</t>
  </si>
  <si>
    <t>POINT (4.640717989029818 51.830196605949446)</t>
  </si>
  <si>
    <t>POINT (4.649550956219602 51.83121423399353)</t>
  </si>
  <si>
    <t>POINT (4.630390245882625 51.84564493925747)</t>
  </si>
  <si>
    <t>POINT (4.652205943587293 51.84544196405057)</t>
  </si>
  <si>
    <t>POINT (4.640789930952436 51.836363296814504)</t>
  </si>
  <si>
    <t>POINT (4.621319999195409 51.84137043003873)</t>
  </si>
  <si>
    <t>POINT (4.62558749650913 51.84589115684257)</t>
  </si>
  <si>
    <t>POINT (4.6267713971733935 51.83649804422892)</t>
  </si>
  <si>
    <t>POINT (4.628265953231076 51.84855254629409)</t>
  </si>
  <si>
    <t>POINT (4.650039618928494 51.82883530518539)</t>
  </si>
  <si>
    <t>POINT (4.624770339212971 51.84070974789271)</t>
  </si>
  <si>
    <t>POINT (4.645672544181811 51.841203177236444)</t>
  </si>
  <si>
    <t>POINT (4.630243991852388 51.838803612485485)</t>
  </si>
  <si>
    <t>POINT (4.638882427266281 51.83414892695302)</t>
  </si>
  <si>
    <t>POINT (4.647283786227045 51.83675496437451)</t>
  </si>
  <si>
    <t>POINT (4.645850001676748 51.849858085946856)</t>
  </si>
  <si>
    <t>POINT (4.657488682485275 51.834182825376786)</t>
  </si>
  <si>
    <t>POINT (4.636208875146147 51.83870246196991)</t>
  </si>
  <si>
    <t>POINT (4.629741031474079 51.84800477380679)</t>
  </si>
  <si>
    <t>POINT (4.652792416006152 51.84252024878759)</t>
  </si>
  <si>
    <t>POINT (4.641837649561101 51.84407324383604)</t>
  </si>
  <si>
    <t>POINT (4.647631924639505 51.85178619825675)</t>
  </si>
  <si>
    <t>POINT (4.651106285582753 51.83369588175657)</t>
  </si>
  <si>
    <t>POINT (4.64896336087536 51.84405534447135)</t>
  </si>
  <si>
    <t>POINT (4.621945133843576 51.84130259699887)</t>
  </si>
  <si>
    <t>POINT (4.62861602940505 51.84327845610388)</t>
  </si>
  <si>
    <t>POINT (4.632980493570006 51.84609306331238)</t>
  </si>
  <si>
    <t>POINT (4.634953863424905 51.84872142558643)</t>
  </si>
  <si>
    <t>POINT (4.646851435928859 51.84275666745848)</t>
  </si>
  <si>
    <t>POINT (4.627205464330762 51.84689177070741)</t>
  </si>
  <si>
    <t>POINT (4.630112657396658 51.83884770900243)</t>
  </si>
  <si>
    <t>POINT (4.653879832887182 51.843614322738865)</t>
  </si>
  <si>
    <t>POINT (4.6469339879315275 51.84479761416471)</t>
  </si>
  <si>
    <t>POINT (4.644237153967558 51.84728841615667)</t>
  </si>
  <si>
    <t>POINT (4.637363886822275 51.82745061328414)</t>
  </si>
  <si>
    <t>POINT (4.637082381675825 51.82636222598964)</t>
  </si>
  <si>
    <t>POINT (4.636441708033892 51.828243120784194)</t>
  </si>
  <si>
    <t>POINT (4.65795163461232 51.84103739723926)</t>
  </si>
  <si>
    <t>POINT (4.649366945878214 51.85340220743406)</t>
  </si>
  <si>
    <t>POINT (4.6254340731935155 51.83664218163188)</t>
  </si>
  <si>
    <t>POINT (4.6469036259113965 51.84841086342574)</t>
  </si>
  <si>
    <t>POINT (4.6470878089492675 51.84426825293268)</t>
  </si>
  <si>
    <t>POINT (4.62834921829721 51.839303735002794)</t>
  </si>
  <si>
    <t>POINT (4.6269320894666865 51.84073275561077)</t>
  </si>
  <si>
    <t>POINT (4.623669913700897 51.84131750326242)</t>
  </si>
  <si>
    <t>POINT (4.65112712954409 51.84200516077683)</t>
  </si>
  <si>
    <t>POINT (4.6489939099162525 51.83599270507178)</t>
  </si>
  <si>
    <t>POINT (4.651890555370953 51.833646864922386)</t>
  </si>
  <si>
    <t>POINT (4.639998845576667 51.828070701092926)</t>
  </si>
  <si>
    <t>POINT (4.635748575111515 51.84893325367708)</t>
  </si>
  <si>
    <t>POINT (4.635775899121678 51.83859645647341)</t>
  </si>
  <si>
    <t>POINT (4.6559813391381875 51.834939423857676)</t>
  </si>
  <si>
    <t>POINT (4.653391872225482 51.85448151817937)</t>
  </si>
  <si>
    <t>POINT (4.635745232512229 51.83869513562907)</t>
  </si>
  <si>
    <t>POINT (4.650037288606561 51.84405310353173)</t>
  </si>
  <si>
    <t>POINT (4.64792878482074 51.84036979317332)</t>
  </si>
  <si>
    <t>POINT (4.656167106632062 51.834592890345675)</t>
  </si>
  <si>
    <t>POINT (4.626223339442749 51.8414562470362)</t>
  </si>
  <si>
    <t>POINT (4.638433241395462 51.833392343895866)</t>
  </si>
  <si>
    <t>POINT (4.6214886104273045 51.84254904775088)</t>
  </si>
  <si>
    <t>POINT (4.639207131749602 51.82682521989044)</t>
  </si>
  <si>
    <t>POINT (4.635515861852275 51.8263522042645)</t>
  </si>
  <si>
    <t>POINT (4.626388031110171 51.8463112014098)</t>
  </si>
  <si>
    <t>POINT (4.6432502513208425 51.83586655982925)</t>
  </si>
  <si>
    <t>POINT (4.642606702790548 51.83354340150771)</t>
  </si>
  <si>
    <t>POINT (4.651583341344038 51.83024722275812)</t>
  </si>
  <si>
    <t>POINT (4.645803789561155 51.83587372583918)</t>
  </si>
  <si>
    <t>POINT (4.653857144121019 51.830486166975035)</t>
  </si>
  <si>
    <t>POINT (4.644841171342127 51.84586303968138)</t>
  </si>
  <si>
    <t>POINT (4.652989537796019 51.845446866757335)</t>
  </si>
  <si>
    <t>POINT (4.6377971533913245 51.8325985932342)</t>
  </si>
  <si>
    <t>POINT (4.629356233399906 51.83895968132008)</t>
  </si>
  <si>
    <t>POINT (4.63413374918534 51.8361410131775)</t>
  </si>
  <si>
    <t>POINT (4.648550439272224 51.84064002219198)</t>
  </si>
  <si>
    <t>POINT (4.644311238814236 51.83663731592406)</t>
  </si>
  <si>
    <t>POINT (4.62726137855559 51.846130800756846)</t>
  </si>
  <si>
    <t>POINT (4.635605350548773 51.83577291960017)</t>
  </si>
  <si>
    <t>POINT (4.62609175822497 51.840655401294285)</t>
  </si>
  <si>
    <t>POINT (4.633671692268632 51.8472840058133)</t>
  </si>
  <si>
    <t>POINT (4.6442074166550755 51.83267046943657)</t>
  </si>
  <si>
    <t>POINT (4.634725467400704 51.838068384946965)</t>
  </si>
  <si>
    <t>POINT (4.625604294436111 51.837730917280616)</t>
  </si>
  <si>
    <t>POINT (4.645459003188414 51.83566480838361)</t>
  </si>
  <si>
    <t>POINT (4.648958130547465 51.843489026017814)</t>
  </si>
  <si>
    <t>POINT (4.6543279895310254 51.83186437393257)</t>
  </si>
  <si>
    <t>POINT (4.649162508079352 51.85404299084118)</t>
  </si>
  <si>
    <t>POINT (4.643069001765836 51.83366318574032)</t>
  </si>
  <si>
    <t>POINT (4.642053719316715 51.85206553505583)</t>
  </si>
  <si>
    <t>POINT (4.633652443463362 51.846699618746996)</t>
  </si>
  <si>
    <t>POINT (4.648551250839372 51.84352242153932)</t>
  </si>
  <si>
    <t>POINT (4.630691651840878 51.83893233959267)</t>
  </si>
  <si>
    <t>POINT (4.643024718817934 51.853033478988934)</t>
  </si>
  <si>
    <t>POINT (4.635929230137437 51.83810306055291)</t>
  </si>
  <si>
    <t>POINT (4.651413124137589 51.845113406684206)</t>
  </si>
  <si>
    <t>POINT (4.637011781456872 51.82831150213838)</t>
  </si>
  <si>
    <t>POINT (4.650284338924767 51.833364085554564)</t>
  </si>
  <si>
    <t>POINT (4.626535692949406 51.844442513160544)</t>
  </si>
  <si>
    <t>POINT (4.626702498034692 51.83628186940517)</t>
  </si>
  <si>
    <t>POINT (4.635130642541419 51.83552718497666)</t>
  </si>
  <si>
    <t>POINT (4.645480555036746 51.84669403731728)</t>
  </si>
  <si>
    <t>POINT (4.631567576909934 51.834290831684186)</t>
  </si>
  <si>
    <t>POINT (4.646095258726362 51.83491377840953)</t>
  </si>
  <si>
    <t>POINT (4.627033856689324 51.8450210150212)</t>
  </si>
  <si>
    <t>POINT (4.655657507045423 51.83349467172782)</t>
  </si>
  <si>
    <t>POINT (4.638058537272107 51.826107788350654)</t>
  </si>
  <si>
    <t>POINT (4.648758592430929 51.84415293200716)</t>
  </si>
  <si>
    <t>POINT (4.645457368533643 51.83488278357938)</t>
  </si>
  <si>
    <t>POINT (4.639323090426373 51.835571946322446)</t>
  </si>
  <si>
    <t>POINT (4.633075373707831 51.8334915460393)</t>
  </si>
  <si>
    <t>POINT (4.6422078697876 51.83492919903052)</t>
  </si>
  <si>
    <t>POINT (4.647466148527882 51.8362527481624)</t>
  </si>
  <si>
    <t>POINT (4.635294944153737 51.83698440362118)</t>
  </si>
  <si>
    <t>POINT (4.647782938805593 51.843472641996335)</t>
  </si>
  <si>
    <t>POINT (4.64084548801541 51.84527142213646)</t>
  </si>
  <si>
    <t>POINT (4.647191463222464 51.83795886400226)</t>
  </si>
  <si>
    <t>POINT (4.629958928665131 51.83504450418008)</t>
  </si>
  <si>
    <t>POINT (4.631041266360932 51.83539305095235)</t>
  </si>
  <si>
    <t>POINT (4.6371521795211255 51.839033522992835)</t>
  </si>
  <si>
    <t>POINT (4.64515641709068 51.842584170622914)</t>
  </si>
  <si>
    <t>POINT (4.648358330949138 51.84115039415027)</t>
  </si>
  <si>
    <t>POINT (4.63521710892172 51.838170410646036)</t>
  </si>
  <si>
    <t>POINT (4.605491181701803 51.84705482371897)</t>
  </si>
  <si>
    <t>POINT (4.6461697356962866 51.84185350035497)</t>
  </si>
  <si>
    <t>POINT (4.648729276572985 51.84417072493977)</t>
  </si>
  <si>
    <t>POINT (4.644456752048296 51.837492160414655)</t>
  </si>
  <si>
    <t>POINT (4.652164579382163 51.83374745639946)</t>
  </si>
  <si>
    <t>POINT (4.630042651325701 51.835242795302165)</t>
  </si>
  <si>
    <t>POINT (4.631375518573551 51.84660408536774)</t>
  </si>
  <si>
    <t>POINT (4.646403631442572 51.830277568904215)</t>
  </si>
  <si>
    <t>POINT (4.63287739901581 51.83751720401782)</t>
  </si>
  <si>
    <t>POINT (4.651435401778237 51.83397659375491)</t>
  </si>
  <si>
    <t>POINT (4.622546113457801 51.840093040115775)</t>
  </si>
  <si>
    <t>POINT (4.635152728147043 51.839419424392666)</t>
  </si>
  <si>
    <t>POINT (4.637795294717726 51.83670376525018)</t>
  </si>
  <si>
    <t>POINT (4.636871882696192 51.845974177461294)</t>
  </si>
  <si>
    <t>POINT (4.636274113988326 51.83797381669107)</t>
  </si>
  <si>
    <t>POINT (4.6406933277886475 51.83869074908369)</t>
  </si>
  <si>
    <t>POINT (4.645748703453086 51.834812714656366)</t>
  </si>
  <si>
    <t>POINT (4.64755069482163 51.83110277180583)</t>
  </si>
  <si>
    <t>POINT (4.628197852712377 51.83709154017459)</t>
  </si>
  <si>
    <t>POINT (4.64709650856614 51.83667288582653)</t>
  </si>
  <si>
    <t>POINT (4.641262808320859 51.84460891300308)</t>
  </si>
  <si>
    <t>POINT (4.659115053237621 51.83100428541924)</t>
  </si>
  <si>
    <t>POINT (4.648046860110909 51.83092612365062)</t>
  </si>
  <si>
    <t>POINT (4.632677175959747 51.83561031672956)</t>
  </si>
  <si>
    <t>POINT (4.642942102853531 51.84661505331214)</t>
  </si>
  <si>
    <t>POINT (4.643578502456924 51.83004397734631)</t>
  </si>
  <si>
    <t>POINT (4.639394547493493 51.834763420554985)</t>
  </si>
  <si>
    <t>POINT (4.6413413103367 51.83548591113852)</t>
  </si>
  <si>
    <t>POINT (4.632447955467844 51.848426695532616)</t>
  </si>
  <si>
    <t>POINT (4.648695028381231 51.84360422394875)</t>
  </si>
  <si>
    <t>POINT (4.642784148290147 51.84300060901296)</t>
  </si>
  <si>
    <t>POINT (4.6439520835253525 51.84811448550631)</t>
  </si>
  <si>
    <t>POINT (4.6572473187403585 51.83166683579036)</t>
  </si>
  <si>
    <t>POINT (4.627069746803996 51.836014587329274)</t>
  </si>
  <si>
    <t>POINT (4.646511250843355 51.8352040413675)</t>
  </si>
  <si>
    <t>POINT (4.625616209844889 51.843034318228064)</t>
  </si>
  <si>
    <t>POINT (4.647532239601549 51.83952446428871)</t>
  </si>
  <si>
    <t>POINT (4.65091870392215 51.83008125960557)</t>
  </si>
  <si>
    <t>POINT (4.6459010873823 51.837896791032215)</t>
  </si>
  <si>
    <t>POINT (4.656144300016015 51.83528670008539)</t>
  </si>
  <si>
    <t>POINT (4.6281950992033405 51.83811623244757)</t>
  </si>
  <si>
    <t>POINT (4.629700513057899 51.83574395446068)</t>
  </si>
  <si>
    <t>POINT (4.643560600635234 51.84695155270373)</t>
  </si>
  <si>
    <t>POINT (4.628880281463245 51.84913179050877)</t>
  </si>
  <si>
    <t>POINT (4.642584719945697 51.84277462770187)</t>
  </si>
  <si>
    <t>POINT (4.625485841962494 51.84387840848845)</t>
  </si>
  <si>
    <t>POINT (4.64266985281863 51.84552569905453)</t>
  </si>
  <si>
    <t>POINT (4.646418619854163 51.8417202410373)</t>
  </si>
  <si>
    <t>POINT (4.654487232407181 51.830993467179795)</t>
  </si>
  <si>
    <t>POINT (4.635089832437595 51.83797184438768)</t>
  </si>
  <si>
    <t>POINT (4.641294428783066 51.84883378561736)</t>
  </si>
  <si>
    <t>POINT (4.62493924871779 51.838445695930794)</t>
  </si>
  <si>
    <t>POINT (4.644494399378478 51.84489007113559)</t>
  </si>
  <si>
    <t>POINT (4.616364161628627 51.833329067600424)</t>
  </si>
  <si>
    <t>POINT (4.644391746535866 51.833781935144145)</t>
  </si>
  <si>
    <t>POINT (4.628988230608154 51.838408995493566)</t>
  </si>
  <si>
    <t>POINT (4.630574088971395 51.83988438212384)</t>
  </si>
  <si>
    <t>POINT (4.634611871056216 51.83444521848401)</t>
  </si>
  <si>
    <t>POINT (4.644380943204364 51.83386871535735)</t>
  </si>
  <si>
    <t>POINT (4.644245136798346 51.83267496880992)</t>
  </si>
  <si>
    <t>POINT (4.626242767135894 51.846319248700574)</t>
  </si>
  <si>
    <t>POINT (4.658038231822665 51.83479081755964)</t>
  </si>
  <si>
    <t>POINT (4.623476750559383 51.841690095246044)</t>
  </si>
  <si>
    <t>POINT (4.649176292042053 51.83105907154439)</t>
  </si>
  <si>
    <t>POINT (4.62934088854869 51.849359481159865)</t>
  </si>
  <si>
    <t>POINT (4.639207052043946 51.82857801311854)</t>
  </si>
  <si>
    <t>POINT (4.645554880076934 51.845705754211686)</t>
  </si>
  <si>
    <t>POINT (4.645024658049183 51.83890307208698)</t>
  </si>
  <si>
    <t>POINT (4.64417749583204 51.84650602517562)</t>
  </si>
  <si>
    <t>POINT (4.631337086914684 51.849758861290105)</t>
  </si>
  <si>
    <t>POINT (4.651405620833622 51.832791053333644)</t>
  </si>
  <si>
    <t>POINT (4.641090466404547 51.84449995393947)</t>
  </si>
  <si>
    <t>POINT (4.640833227182804 51.829370379981846)</t>
  </si>
  <si>
    <t>POINT (4.626865589933072 51.84553228007881)</t>
  </si>
  <si>
    <t>POINT (4.626097047477541 51.846354258889406)</t>
  </si>
  <si>
    <t>POINT (4.630305898452 51.84548259939777)</t>
  </si>
  <si>
    <t>POINT (4.626154333050163 51.84639957360752)</t>
  </si>
  <si>
    <t>POINT (4.632675821298262 51.83569120616963)</t>
  </si>
  <si>
    <t>POINT (4.635048293785511 51.83437610612926)</t>
  </si>
  <si>
    <t>POINT (4.630256397799575 51.839792447405785)</t>
  </si>
  <si>
    <t>POINT (4.648540154448614 51.83003935004068)</t>
  </si>
  <si>
    <t>POINT (4.654066664812217 51.830091974267646)</t>
  </si>
  <si>
    <t>POINT (4.649788323466148 51.84773688936048)</t>
  </si>
  <si>
    <t>POINT (4.638228925305298 51.83854921116771)</t>
  </si>
  <si>
    <t>POINT (4.630810611789494 51.839625234521776)</t>
  </si>
  <si>
    <t>POINT (4.64037112714318 51.82924159924238)</t>
  </si>
  <si>
    <t>POINT (4.631324214881221 51.83668924364624)</t>
  </si>
  <si>
    <t>POINT (4.63700576335373 51.83356945746062)</t>
  </si>
  <si>
    <t>POINT (4.628283388191341 51.8371819800183)</t>
  </si>
  <si>
    <t>POINT (4.6403686901399865 51.84597373080707)</t>
  </si>
  <si>
    <t>POINT (4.654105857006398 51.832141635603)</t>
  </si>
  <si>
    <t>POINT (4.648255717269067 51.85003733824235)</t>
  </si>
  <si>
    <t>POINT (4.646041830097554 51.835515682098965)</t>
  </si>
  <si>
    <t>POINT (4.641179207058138 51.830379311742504)</t>
  </si>
  <si>
    <t>POINT (4.632696232532221 51.833605962653664)</t>
  </si>
  <si>
    <t>POINT (4.64324186727836 51.838131652090354)</t>
  </si>
  <si>
    <t>POINT (4.6559212400006915 51.83202711753602)</t>
  </si>
  <si>
    <t>POINT (4.633981230800436 51.845263541151176)</t>
  </si>
  <si>
    <t>POINT (4.656236232441078 51.83139088408161)</t>
  </si>
  <si>
    <t>POINT (4.651993042549481 51.83151121473758)</t>
  </si>
  <si>
    <t>POINT (4.6446176806828126 51.85030098116933)</t>
  </si>
  <si>
    <t>POINT (4.637512706496387 51.82850865146011)</t>
  </si>
  <si>
    <t>POINT (4.648841392586394 51.835560289800874)</t>
  </si>
  <si>
    <t>POINT (4.636870077741601 51.83562820255554)</t>
  </si>
  <si>
    <t>POINT (4.656315131662869 51.8352920514)</t>
  </si>
  <si>
    <t>POINT (4.641655884601749 51.83432334553098)</t>
  </si>
  <si>
    <t>POINT (4.62262632177086 51.841351978611854)</t>
  </si>
  <si>
    <t>POINT (4.649082412510273 51.83236183882518)</t>
  </si>
  <si>
    <t>POINT (4.637017200532181 51.838347921197666)</t>
  </si>
  <si>
    <t>POINT (4.625218647001131 51.83736886727665)</t>
  </si>
  <si>
    <t>POINT (4.628443561513405 51.838009974365534)</t>
  </si>
  <si>
    <t>POINT (4.624064232737676 51.842988285857935)</t>
  </si>
  <si>
    <t>POINT (4.625332969647286 51.84598661020233)</t>
  </si>
  <si>
    <t>POINT (4.654313270254391 51.83266230494269)</t>
  </si>
  <si>
    <t>POINT (4.640931279659534 51.8462247659195)</t>
  </si>
  <si>
    <t>POINT (4.630406116023593 51.84556414348616)</t>
  </si>
  <si>
    <t>POINT (4.629471847018277 51.839850307084326)</t>
  </si>
  <si>
    <t>POINT (4.636460844863207 51.836677261618995)</t>
  </si>
  <si>
    <t>POINT (4.640691896406305 51.834172798193705)</t>
  </si>
  <si>
    <t>POINT (4.62674011294006 51.8503853518299)</t>
  </si>
  <si>
    <t>POINT (4.640858872469683 51.8462153170123)</t>
  </si>
  <si>
    <t>POINT (4.650140480212542 51.84395487614594)</t>
  </si>
  <si>
    <t>POINT (4.6450595767273155 51.846700365816254)</t>
  </si>
  <si>
    <t>POINT (4.6361208471670174 51.84749744900288)</t>
  </si>
  <si>
    <t>POINT (4.64107579635532 51.846261639035696)</t>
  </si>
  <si>
    <t>POINT (4.6434193701873605 51.849388805128214)</t>
  </si>
  <si>
    <t>POINT (4.624738412751007 51.84516792688914)</t>
  </si>
  <si>
    <t>POINT (4.631418014497615 51.835422443167595)</t>
  </si>
  <si>
    <t>POINT (4.648554023633948 51.83715846494469)</t>
  </si>
  <si>
    <t>POINT (4.625504152016623 51.84365381026617)</t>
  </si>
  <si>
    <t>POINT (4.646451956558418 51.84763499029474)</t>
  </si>
  <si>
    <t>POINT (4.643801796910667 51.837613856192114)</t>
  </si>
  <si>
    <t>POINT (4.635008088194825 51.83939153172162)</t>
  </si>
  <si>
    <t>POINT (4.63653337146145 51.83931280101973)</t>
  </si>
  <si>
    <t>POINT (4.634378460247864 51.833652717726146)</t>
  </si>
  <si>
    <t>POINT (4.648504130347752 51.840665959744065)</t>
  </si>
  <si>
    <t>POINT (4.634371523726714 51.836672870402076)</t>
  </si>
  <si>
    <t>POINT (4.638980037397215 51.837007948586695)</t>
  </si>
  <si>
    <t>POINT (4.649448139107098 51.847240376333524)</t>
  </si>
  <si>
    <t>POINT (4.639956408973102 51.8393781886763)</t>
  </si>
  <si>
    <t>POINT (4.6490308438154475 51.85028124897631)</t>
  </si>
  <si>
    <t>POINT (4.638973147557842 51.83276347776868)</t>
  </si>
  <si>
    <t>POINT (4.643636499435523 51.84854381721781)</t>
  </si>
  <si>
    <t>POINT (4.626361085771284 51.84275150994829)</t>
  </si>
  <si>
    <t>POINT (4.638764802601276 51.836862757761466)</t>
  </si>
  <si>
    <t>POINT (4.647124483103742 51.84998527039674)</t>
  </si>
  <si>
    <t>POINT (4.643611067025433 51.848441257352256)</t>
  </si>
  <si>
    <t>POINT (4.6470613371738425 51.848528710206786)</t>
  </si>
  <si>
    <t>POINT (4.625789184476643 51.83881075895505)</t>
  </si>
  <si>
    <t>POINT (4.636865897976725 51.83500795694424)</t>
  </si>
  <si>
    <t>POINT (4.650625242234335 51.82939627930642)</t>
  </si>
  <si>
    <t>POINT (4.6432408256667665 51.84990255333819)</t>
  </si>
  <si>
    <t>POINT (4.6287442418629965 51.848591591512694)</t>
  </si>
  <si>
    <t>POINT (4.6360296678318065 51.83350127444964)</t>
  </si>
  <si>
    <t>POINT (4.656580285764008 51.83196190972147)</t>
  </si>
  <si>
    <t>POINT (4.622756318057308 51.8422427049667)</t>
  </si>
  <si>
    <t>POINT (4.64003103633276 51.84712689561804)</t>
  </si>
  <si>
    <t>POINT (4.652618405831856 51.83260873630619)</t>
  </si>
  <si>
    <t>POINT (4.643748340891444 51.85228301573676)</t>
  </si>
  <si>
    <t>POINT (4.6486620197990955 51.84257538094141)</t>
  </si>
  <si>
    <t>POINT (4.623940147783077 51.841747040915145)</t>
  </si>
  <si>
    <t>POINT (4.629127893027667 51.83700766273386)</t>
  </si>
  <si>
    <t>POINT (4.6463968384525085 51.85186829925095)</t>
  </si>
  <si>
    <t>POINT (4.626851534140634 51.84550522302168)</t>
  </si>
  <si>
    <t>POINT (4.648173745508668 51.84441891193746)</t>
  </si>
  <si>
    <t>POINT (4.644679431420671 51.8354261746077)</t>
  </si>
  <si>
    <t>POINT (4.642193942151286 51.836569966201395)</t>
  </si>
  <si>
    <t>POINT (4.625450302859071 51.83053839000389)</t>
  </si>
  <si>
    <t>POINT (4.623757993057751 51.839651492830406)</t>
  </si>
  <si>
    <t>POINT (4.648664992149303 51.85340166875941)</t>
  </si>
  <si>
    <t>POINT (4.63760279793218 51.83606434013022)</t>
  </si>
  <si>
    <t>POINT (4.647217933888688 51.83104674252548)</t>
  </si>
  <si>
    <t>POINT (4.64290000629285 51.832475609017)</t>
  </si>
  <si>
    <t>POINT (4.647904319580306 51.85022388801558)</t>
  </si>
  <si>
    <t>POINT (4.64278276398597 51.832546774992984)</t>
  </si>
  <si>
    <t>POINT (4.638639661362893 51.85050675928564)</t>
  </si>
  <si>
    <t>POINT (4.641820745950059 51.83632490303004)</t>
  </si>
  <si>
    <t>POINT (4.651865410688073 51.82985348851698)</t>
  </si>
  <si>
    <t>POINT (4.625404473518666 51.844399224008015)</t>
  </si>
  <si>
    <t>POINT (4.65440023036737 51.831882802265206)</t>
  </si>
  <si>
    <t>POINT (4.652104073207806 51.84545930360517)</t>
  </si>
  <si>
    <t>POINT (4.637542200148228 51.8266258356519)</t>
  </si>
  <si>
    <t>POINT (4.636239867011541 51.82963282895786)</t>
  </si>
  <si>
    <t>POINT (4.622216371679293 51.83410016324546)</t>
  </si>
  <si>
    <t>POINT (4.6368104500149085 51.82762258960336)</t>
  </si>
  <si>
    <t>POINT (4.631306584110436 51.850711463757335)</t>
  </si>
  <si>
    <t>POINT (4.629229988069707 51.84387567413182)</t>
  </si>
  <si>
    <t>POINT (4.636316241188768 51.847094208734305)</t>
  </si>
  <si>
    <t>POINT (4.625674785336659 51.838711141389346)</t>
  </si>
  <si>
    <t>POINT (4.628686764444983 51.8433867772555)</t>
  </si>
  <si>
    <t>POINT (4.627604922261148 51.84816175877657)</t>
  </si>
  <si>
    <t>POINT (4.63331130751244 51.83586607393212)</t>
  </si>
  <si>
    <t>POINT (4.650246886318291 51.835676985471395)</t>
  </si>
  <si>
    <t>POINT (4.644049867674659 51.833163229093145)</t>
  </si>
  <si>
    <t>POINT (4.646889997491906 51.83687832310532)</t>
  </si>
  <si>
    <t>POINT (4.641676791434561 51.834736373152595)</t>
  </si>
  <si>
    <t>POINT (4.635775299471693 51.838632407343276)</t>
  </si>
  <si>
    <t>POINT (4.632047964169054 51.83679277700474)</t>
  </si>
  <si>
    <t>POINT (4.649531798844027 51.84567687576709)</t>
  </si>
  <si>
    <t>POINT (4.628753571223215 51.83597154611367)</t>
  </si>
  <si>
    <t>POINT (4.649428662161064 51.83248086823652)</t>
  </si>
  <si>
    <t>POINT (4.6407950180011825 51.84043519794519)</t>
  </si>
  <si>
    <t>POINT (4.626618903568162 51.8455306823003)</t>
  </si>
  <si>
    <t>POINT (4.639390520212347 51.838502684109024)</t>
  </si>
  <si>
    <t>POINT (4.646911609530083 51.850704719688224)</t>
  </si>
  <si>
    <t>POINT (4.646744407839811 51.83514259155359)</t>
  </si>
  <si>
    <t>POINT (4.6366236266950684 51.828224751784795)</t>
  </si>
  <si>
    <t>POINT (4.640192921078836 51.83443450238784)</t>
  </si>
  <si>
    <t>POINT (4.64297785102347 51.84532990115857)</t>
  </si>
  <si>
    <t>POINT (4.649324943213001 51.8361565822692)</t>
  </si>
  <si>
    <t>POINT (4.621021259333335 51.84101792199619)</t>
  </si>
  <si>
    <t>POINT (4.634210407486243 51.835026908377614)</t>
  </si>
  <si>
    <t>POINT (4.649891153287667 51.844115106519965)</t>
  </si>
  <si>
    <t>POINT (4.643179010026446 51.836666100233714)</t>
  </si>
  <si>
    <t>POINT (4.64182071267983 51.84685063353858)</t>
  </si>
  <si>
    <t>POINT (4.62489482575418 51.84016799926265)</t>
  </si>
  <si>
    <t>POINT (4.639321372293695 51.83742360267212)</t>
  </si>
  <si>
    <t>POINT (4.646108051191386 51.83766439232983)</t>
  </si>
  <si>
    <t>POINT (4.646762049834518 51.83583483047886)</t>
  </si>
  <si>
    <t>POINT (4.63348103787111 51.837862650984945)</t>
  </si>
  <si>
    <t>POINT (4.6388417028913205 51.831482768489494)</t>
  </si>
  <si>
    <t>POINT (4.649876495596969 51.84412400312913)</t>
  </si>
  <si>
    <t>POINT (4.641551377464177 51.84295683143692)</t>
  </si>
  <si>
    <t>POINT (4.634537156181373 51.838049200421636)</t>
  </si>
  <si>
    <t>POINT (4.638525064444847 51.83587834422405)</t>
  </si>
  <si>
    <t>POINT (4.6292210227799435 51.845864127109984)</t>
  </si>
  <si>
    <t>POINT (4.649459626073761 51.829703562826225)</t>
  </si>
  <si>
    <t>POINT (4.629381255593291 51.8486855913546)</t>
  </si>
  <si>
    <t>POINT (4.651653322173354 51.84172993598664)</t>
  </si>
  <si>
    <t>POINT (4.6428484268888415 51.84262349257689)</t>
  </si>
  <si>
    <t>POINT (4.652854930068975 51.84352888850765)</t>
  </si>
  <si>
    <t>POINT (4.624291376712983 51.84071562509831)</t>
  </si>
  <si>
    <t>POINT (4.654712278899715 51.83053644958467)</t>
  </si>
  <si>
    <t>POINT (4.623695120202184 51.84079264708139)</t>
  </si>
  <si>
    <t>POINT (4.62812846833024 51.8463763984207)</t>
  </si>
  <si>
    <t>POINT (4.645558698649363 51.8278452902632)</t>
  </si>
  <si>
    <t>POINT (4.631471301758255 51.833975607923456)</t>
  </si>
  <si>
    <t>POINT (4.607369837762106 51.83662244812061)</t>
  </si>
  <si>
    <t>POINT (4.63916067614688 51.847975276876376)</t>
  </si>
  <si>
    <t>POINT (4.656511435657548 51.85012495766197)</t>
  </si>
  <si>
    <t>POINT (4.645450354159451 51.83481267255547)</t>
  </si>
  <si>
    <t>POINT (4.649901962457153 51.8416602994632)</t>
  </si>
  <si>
    <t>POINT (4.624986465889246 51.84508863938638)</t>
  </si>
  <si>
    <t>POINT (4.631527985640322 51.84530170921022)</t>
  </si>
  <si>
    <t>POINT (4.624184670350791 51.844445235093204)</t>
  </si>
  <si>
    <t>POINT (4.6408802351412435 51.83003584135506)</t>
  </si>
  <si>
    <t>POINT (4.628416065455097 51.84308840167149)</t>
  </si>
  <si>
    <t>POINT (4.648445357004377 51.84026005736676)</t>
  </si>
  <si>
    <t>POINT (4.647820388702088 51.83588644436749)</t>
  </si>
  <si>
    <t>POINT (4.642857778566224 51.83327533351542)</t>
  </si>
  <si>
    <t>POINT (4.638058428009691 51.82797748859581)</t>
  </si>
  <si>
    <t>POINT (4.646079164659831 51.84383043458257)</t>
  </si>
  <si>
    <t>POINT (4.623591994770732 51.8400279380649)</t>
  </si>
  <si>
    <t>POINT (4.626566443507721 51.843480923691615)</t>
  </si>
  <si>
    <t>POINT (4.650501545014846 51.85126388444502)</t>
  </si>
  <si>
    <t>POINT (4.641752961025111 51.851820932357036)</t>
  </si>
  <si>
    <t>POINT (4.646049130119654 51.83771795237529)</t>
  </si>
  <si>
    <t>POINT (4.650431647909257 51.83325120465569)</t>
  </si>
  <si>
    <t>POINT (4.630303935004425 51.8455994395059)</t>
  </si>
  <si>
    <t>POINT (4.628125824085635 51.83533828060017)</t>
  </si>
  <si>
    <t>POINT (4.649523561909497 51.831115186439945)</t>
  </si>
  <si>
    <t>POINT (4.642165132000332 51.83567990462743)</t>
  </si>
  <si>
    <t>POINT (4.644404780179738 51.83800418579643)</t>
  </si>
  <si>
    <t>POINT (4.643996464046273 51.83812744296393)</t>
  </si>
  <si>
    <t>POINT (4.625292085359631 51.83903225098772)</t>
  </si>
  <si>
    <t>POINT (4.645223027047521 51.835016132734864)</t>
  </si>
  <si>
    <t>POINT (4.640783964136832 51.83319485817769)</t>
  </si>
  <si>
    <t>POINT (4.638682407373416 51.848808174614)</t>
  </si>
  <si>
    <t>POINT (4.625051530427978 51.8429587444482)</t>
  </si>
  <si>
    <t>POINT (4.652441931641341 51.84520973607428)</t>
  </si>
  <si>
    <t>POINT (4.650257122068485 51.8332770751539)</t>
  </si>
  <si>
    <t>POINT (4.647660667274836 51.840706590677875)</t>
  </si>
  <si>
    <t>POINT (4.644501121753863 51.829519486498654)</t>
  </si>
  <si>
    <t>POINT (4.627016442952235 51.84891268422929)</t>
  </si>
  <si>
    <t>POINT (4.632500075895747 51.84791467639716)</t>
  </si>
  <si>
    <t>POINT (4.6473637188000865 51.842490236877566)</t>
  </si>
  <si>
    <t>POINT (4.6401119425888355 51.84662404525401)</t>
  </si>
  <si>
    <t>POINT (4.642788332816454 51.82781876463071)</t>
  </si>
  <si>
    <t>POINT (4.622558214243498 51.84194478828913)</t>
  </si>
  <si>
    <t>POINT (4.627521902682443 51.84878144013892)</t>
  </si>
  <si>
    <t>POINT (4.656687467415168 51.85017021417515)</t>
  </si>
  <si>
    <t>POINT (4.6441392534418675 51.84871231935747)</t>
  </si>
  <si>
    <t>POINT (4.641362523756547 51.847351089006615)</t>
  </si>
  <si>
    <t>POINT (4.645719998444568 51.84713599398401)</t>
  </si>
  <si>
    <t>POINT (4.648171267546853 51.842800937423846)</t>
  </si>
  <si>
    <t>POINT (4.637630168971005 51.83616339036047)</t>
  </si>
  <si>
    <t>POINT (4.644644419525215 51.827866475974055)</t>
  </si>
  <si>
    <t>POINT (4.6444138330912965 51.836575044410466)</t>
  </si>
  <si>
    <t>3344JH</t>
  </si>
  <si>
    <t>Forel</t>
  </si>
  <si>
    <t>POINT (4.651711903587156 51.83481427255279)</t>
  </si>
  <si>
    <t>POINT (4.636692897625334 51.83342576901916)</t>
  </si>
  <si>
    <t>POINT (4.651589855280109 51.8467324720149)</t>
  </si>
  <si>
    <t>POINT (4.639203614422245 51.84801150507951)</t>
  </si>
  <si>
    <t>POINT (4.65675463599883 51.83467953994001)</t>
  </si>
  <si>
    <t>POINT (4.6334303664420124 51.83915669545428)</t>
  </si>
  <si>
    <t>POINT (4.629182923972267 51.849805090556735)</t>
  </si>
  <si>
    <t>POINT (4.636802890888859 51.82934499844468)</t>
  </si>
  <si>
    <t>POINT (4.6558619003478405 51.83210764585356)</t>
  </si>
  <si>
    <t>POINT (4.631407410576099 51.83864931195923)</t>
  </si>
  <si>
    <t>POINT (4.656091373213323 51.849259432787655)</t>
  </si>
  <si>
    <t>POINT (4.628894853795295 51.83706008976253)</t>
  </si>
  <si>
    <t>POINT (4.6451128876914085 51.83553677954364)</t>
  </si>
  <si>
    <t>POINT (4.653892549849855 51.83365938806446)</t>
  </si>
  <si>
    <t>POINT (4.644824452226786 51.84984199753329)</t>
  </si>
  <si>
    <t>POINT (4.629667409390363 51.85238178098603)</t>
  </si>
  <si>
    <t>POINT (4.625374249445639 51.842754099297906)</t>
  </si>
  <si>
    <t>POINT (4.64482786997811 51.84226749035354)</t>
  </si>
  <si>
    <t>POINT (4.635673157578 51.84562494131517)</t>
  </si>
  <si>
    <t>POINT (4.622608743924882 51.84067771267329)</t>
  </si>
  <si>
    <t>POINT (4.626461384491298 51.839390392584335)</t>
  </si>
  <si>
    <t>POINT (4.652896245795737 51.83425540081548)</t>
  </si>
  <si>
    <t>POINT (4.6414186866694065 51.83607066661261)</t>
  </si>
  <si>
    <t>POINT (4.6450066022187775 51.8313013452904)</t>
  </si>
  <si>
    <t>POINT (4.653332243959199 51.832867166990695)</t>
  </si>
  <si>
    <t>POINT (4.653042725542232 51.832133607135496)</t>
  </si>
  <si>
    <t>POINT (4.64671304981338 51.831753664027566)</t>
  </si>
  <si>
    <t>POINT (4.644468084726198 51.851766228559384)</t>
  </si>
  <si>
    <t>POINT (4.63553550884623 51.84604652762091)</t>
  </si>
  <si>
    <t>POINT (4.659378088786106 51.83986873526674)</t>
  </si>
  <si>
    <t>POINT (4.650784306551638 51.84540608998217)</t>
  </si>
  <si>
    <t>POINT (4.632111180149345 51.846006577784)</t>
  </si>
  <si>
    <t>POINT (4.645383281193738 51.84907541724569)</t>
  </si>
  <si>
    <t>POINT (4.636968171164737 51.83757937265396)</t>
  </si>
  <si>
    <t>POINT (4.644545676177825 51.829456847642135)</t>
  </si>
  <si>
    <t>POINT (4.650104639809775 51.8479186486144)</t>
  </si>
  <si>
    <t>POINT (4.645934639772706 51.8517305525767)</t>
  </si>
  <si>
    <t>POINT (4.649876314586454 51.832609522255616)</t>
  </si>
  <si>
    <t>POINT (4.650283479224412 51.83077838995284)</t>
  </si>
  <si>
    <t>POINT (4.631791639644864 51.836503490036705)</t>
  </si>
  <si>
    <t>POINT (4.639067751804059 51.82648276148376)</t>
  </si>
  <si>
    <t>POINT (4.643112121559074 51.84598692456267)</t>
  </si>
  <si>
    <t>POINT (4.637472676935265 51.8381168286696)</t>
  </si>
  <si>
    <t>POINT (4.6419787025829375 51.84695051169727)</t>
  </si>
  <si>
    <t>POINT (4.634460650612596 51.839154317315106)</t>
  </si>
  <si>
    <t>POINT (4.646947923934834 51.830703470416765)</t>
  </si>
  <si>
    <t>POINT (4.633937328444309 51.84615313791116)</t>
  </si>
  <si>
    <t>POINT (4.641401369539091 51.846758084013835)</t>
  </si>
  <si>
    <t>POINT (4.646091844488464 51.848351810464564)</t>
  </si>
  <si>
    <t>POINT (4.642739402522563 51.83517119341267)</t>
  </si>
  <si>
    <t>POINT (4.640167769693071 51.83392214948714)</t>
  </si>
  <si>
    <t>POINT (4.649717267061755 51.83542254307925)</t>
  </si>
  <si>
    <t>POINT (4.646071584897697 51.83547092659591)</t>
  </si>
  <si>
    <t>POINT (4.648758297739628 51.844170907472744)</t>
  </si>
  <si>
    <t>POINT (4.633440742691822 51.83853654323603)</t>
  </si>
  <si>
    <t>POINT (4.621976727006976 51.83773429364341)</t>
  </si>
  <si>
    <t>POINT (4.641707887025759 51.83700732560553)</t>
  </si>
  <si>
    <t>POINT (4.649230129937827 51.83220097146953)</t>
  </si>
  <si>
    <t>POINT (4.635436971015927 51.84499422238109)</t>
  </si>
  <si>
    <t>POINT (4.636675922533171 51.82775449242002)</t>
  </si>
  <si>
    <t>POINT (4.658239535062226 51.83367492985361)</t>
  </si>
  <si>
    <t>POINT (4.640039534931885 51.84661459584094)</t>
  </si>
  <si>
    <t>POINT (4.644390260332084 51.829204181218195)</t>
  </si>
  <si>
    <t>POINT (4.655688680052337 51.84903220850438)</t>
  </si>
  <si>
    <t>POINT (4.635881255538748 51.829130933938444)</t>
  </si>
  <si>
    <t>POINT (4.6311730129265385 51.834459076250766)</t>
  </si>
  <si>
    <t>POINT (4.652147663383906 51.84221195678139)</t>
  </si>
  <si>
    <t>POINT (4.64450302515432 51.831164426674555)</t>
  </si>
  <si>
    <t>POINT (4.64891687242452 51.831839454797354)</t>
  </si>
  <si>
    <t>POINT (4.640808420415993 51.83962630276147)</t>
  </si>
  <si>
    <t>POINT (4.657956541121035 51.83177011919809)</t>
  </si>
  <si>
    <t>POINT (4.639331037733277 51.83205041225266)</t>
  </si>
  <si>
    <t>POINT (4.620427164089482 51.839018554322074)</t>
  </si>
  <si>
    <t>POINT (4.627057567793114 51.84017626978763)</t>
  </si>
  <si>
    <t>POINT (4.643916826589696 51.837677505245885)</t>
  </si>
  <si>
    <t>POINT (4.631654135701656 51.847298006309344)</t>
  </si>
  <si>
    <t>POINT (4.652712482026746 51.83306774706665)</t>
  </si>
  <si>
    <t>POINT (4.658488007071256 51.83337104677084)</t>
  </si>
  <si>
    <t>POINT (4.632383655149881 51.834943267198334)</t>
  </si>
  <si>
    <t>POINT (4.639139835124717 51.833312256354716)</t>
  </si>
  <si>
    <t>POINT (4.6344156219632096 51.83924391536585)</t>
  </si>
  <si>
    <t>POINT (4.6448663897977935 51.85068776264225)</t>
  </si>
  <si>
    <t>POINT (4.658913155335607 51.84582695984794)</t>
  </si>
  <si>
    <t>POINT (4.628252185854397 51.84420193850952)</t>
  </si>
  <si>
    <t>POINT (4.64312475918691 51.838193830601156)</t>
  </si>
  <si>
    <t>POINT (4.639053992972188 51.82643773034989)</t>
  </si>
  <si>
    <t>POINT (4.6211958600950345 51.838430318949705)</t>
  </si>
  <si>
    <t>POINT (4.6471843739202 51.84810701886468)</t>
  </si>
  <si>
    <t>POINT (4.633900432149263 51.83794624099405)</t>
  </si>
  <si>
    <t>POINT (4.633172463604054 51.83635955971306)</t>
  </si>
  <si>
    <t>POINT (4.659514905715271 51.8403819366936)</t>
  </si>
  <si>
    <t>POINT (4.651953766394102 51.829773143931725)</t>
  </si>
  <si>
    <t>POINT (4.625924416758079 51.84282957743773)</t>
  </si>
  <si>
    <t>POINT (4.641565537206765 51.84736136708011)</t>
  </si>
  <si>
    <t>POINT (4.652940480905848 51.84358476672851)</t>
  </si>
  <si>
    <t>POINT (4.651347008404636 51.83301749703111)</t>
  </si>
  <si>
    <t>POINT (4.637372912993493 51.83679994359874)</t>
  </si>
  <si>
    <t>POINT (4.641868349583041 51.8413408839158)</t>
  </si>
  <si>
    <t>POINT (4.628757348489752 51.843504086064044)</t>
  </si>
  <si>
    <t>POINT (4.641927835638779 51.84388505436776)</t>
  </si>
  <si>
    <t>POINT (4.635537458745854 51.84592968740538)</t>
  </si>
  <si>
    <t>POINT (4.6424389979511025 51.835789506499204)</t>
  </si>
  <si>
    <t>POINT (4.648517933517654 51.83758969388625)</t>
  </si>
  <si>
    <t>POINT (4.641490292266958 51.82736109108173)</t>
  </si>
  <si>
    <t>POINT (4.631007780713846 51.842574791254336)</t>
  </si>
  <si>
    <t>POINT (4.625935904895692 51.84644310096434)</t>
  </si>
  <si>
    <t>POINT (4.64823685431106 51.829956542973264)</t>
  </si>
  <si>
    <t>POINT (4.6300857296366456 51.836132952985785)</t>
  </si>
  <si>
    <t>POINT (4.6415498979142145 51.84479949860072)</t>
  </si>
  <si>
    <t>POINT (4.637753414876603 51.8366046224442)</t>
  </si>
  <si>
    <t>POINT (4.648068959178156 51.8428452366907)</t>
  </si>
  <si>
    <t>POINT (4.650559838889862 51.846708036975315)</t>
  </si>
  <si>
    <t>POINT (4.631698975439796 51.83597256140947)</t>
  </si>
  <si>
    <t>POINT (4.647270788974049 51.849914283217984)</t>
  </si>
  <si>
    <t>POINT (4.640054888873946 51.83519009305472)</t>
  </si>
  <si>
    <t>POINT (4.628532450533312 51.8370397708984)</t>
  </si>
  <si>
    <t>POINT (4.646965789007878 51.82961595323731)</t>
  </si>
  <si>
    <t>POINT (4.645593947487725 51.84333299424071)</t>
  </si>
  <si>
    <t>POINT (4.640797014973553 51.84817021869929)</t>
  </si>
  <si>
    <t>POINT (4.645369066286017 51.85009524332481)</t>
  </si>
  <si>
    <t>POINT (4.648709473931822 51.83314457282977)</t>
  </si>
  <si>
    <t>POINT (4.627663125682187 51.84471048384658)</t>
  </si>
  <si>
    <t>POINT (4.639189421486679 51.833274918756054)</t>
  </si>
  <si>
    <t>POINT (4.64590105634818 51.836135011545984)</t>
  </si>
  <si>
    <t>POINT (4.642892726235447 51.85393409657808)</t>
  </si>
  <si>
    <t>POINT (4.625862589000572 51.84648756896639)</t>
  </si>
  <si>
    <t>POINT (4.648444353222183 51.84561610658889)</t>
  </si>
  <si>
    <t>POINT (4.637533697883929 51.835857159278085)</t>
  </si>
  <si>
    <t>POINT (4.631100690926317 51.850871934147264)</t>
  </si>
  <si>
    <t>POINT (4.625039017844916 51.83083292247579)</t>
  </si>
  <si>
    <t>POINT (4.649512560373561 51.82912862030766)</t>
  </si>
  <si>
    <t>POINT (4.653377793242638 51.84340414124516)</t>
  </si>
  <si>
    <t>POINT (4.624720249542022 51.8385251719396)</t>
  </si>
  <si>
    <t>POINT (4.624644029618201 51.8430280078548)</t>
  </si>
  <si>
    <t>POINT (4.649352235229005 51.84777909301585)</t>
  </si>
  <si>
    <t>POINT (4.6337938953243185 51.83477255285083)</t>
  </si>
  <si>
    <t>POINT (4.646875473885618 51.85188929523911)</t>
  </si>
  <si>
    <t>POINT (4.650810853189263 51.834017620947954)</t>
  </si>
  <si>
    <t>POINT (4.644971062002783 51.83709991174409)</t>
  </si>
  <si>
    <t>POINT (4.648404461675813 51.842739484440706)</t>
  </si>
  <si>
    <t>POINT (4.6254517326140085 51.845918491556546)</t>
  </si>
  <si>
    <t>POINT (4.642383980279006 51.837362175290586)</t>
  </si>
  <si>
    <t>POINT (4.641249186932949 51.846307684084266)</t>
  </si>
  <si>
    <t>POINT (4.6436947689629715 51.85113212862017)</t>
  </si>
  <si>
    <t>POINT (4.641012577916061 51.841317470584904)</t>
  </si>
  <si>
    <t>POINT (4.655993346592174 51.83026578789154)</t>
  </si>
  <si>
    <t>POINT (4.638817736355861 51.826687907468965)</t>
  </si>
  <si>
    <t>POINT (4.6535094653940146 51.854510675058016)</t>
  </si>
  <si>
    <t>POINT (4.616334751869132 51.84946357556295)</t>
  </si>
  <si>
    <t>POINT (4.643061074547078 51.82887216980513)</t>
  </si>
  <si>
    <t>POINT (4.636428779241321 51.84556685483366)</t>
  </si>
  <si>
    <t>POINT (4.642316087152909 51.829182048397676)</t>
  </si>
  <si>
    <t>POINT (4.6480466324612015 51.843321495180724)</t>
  </si>
  <si>
    <t>POINT (4.649193215324537 51.8512836683646)</t>
  </si>
  <si>
    <t>POINT (4.625358136397119 51.843706794954315)</t>
  </si>
  <si>
    <t>POINT (4.630744719026801 51.84614160065334)</t>
  </si>
  <si>
    <t>POINT (4.64695338691397 51.83037092385688)</t>
  </si>
  <si>
    <t>POINT (4.648351242168173 51.84598405567281)</t>
  </si>
  <si>
    <t>POINT (4.625645379168162 51.84474235669301)</t>
  </si>
  <si>
    <t>POINT (4.629176835868239 51.852207830408325)</t>
  </si>
  <si>
    <t>POINT (4.646076906666442 51.84925957050955)</t>
  </si>
  <si>
    <t>POINT (4.621502971501657 51.84170420493456)</t>
  </si>
  <si>
    <t>POINT (4.632682919380547 51.83786651277925)</t>
  </si>
  <si>
    <t>POINT (4.650546401517788 51.83370789307673)</t>
  </si>
  <si>
    <t>POINT (4.62674887307194 51.8412708899372)</t>
  </si>
  <si>
    <t>POINT (4.6383103553665315 51.8502349996073)</t>
  </si>
  <si>
    <t>POINT (4.6453813005727635 51.838621589880205)</t>
  </si>
  <si>
    <t>POINT (4.638479344779044 51.82697338741073)</t>
  </si>
  <si>
    <t>POINT (4.652714967201074 51.831135198724766)</t>
  </si>
  <si>
    <t>POINT (4.623549381377946 51.839973728765855)</t>
  </si>
  <si>
    <t>POINT (4.64337333525601 51.83807855311977)</t>
  </si>
  <si>
    <t>POINT (4.657746216901656 51.83131937912478)</t>
  </si>
  <si>
    <t>POINT (4.656505031749323 51.832494253468525)</t>
  </si>
  <si>
    <t>POINT (4.649330541490914 51.84378799287294)</t>
  </si>
  <si>
    <t>POINT (4.647088892242718 51.831836932373)</t>
  </si>
  <si>
    <t>POINT (4.640507040319557 51.828918871310584)</t>
  </si>
  <si>
    <t>POINT (4.621637228262372 51.83892757594663)</t>
  </si>
  <si>
    <t>POINT (4.634232601115769 51.836303443521544)</t>
  </si>
  <si>
    <t>POINT (4.628332481691622 51.848049610605635)</t>
  </si>
  <si>
    <t>POINT (4.631336374770216 51.838558967806186)</t>
  </si>
  <si>
    <t>POINT (4.639507515344893 51.835824804058156)</t>
  </si>
  <si>
    <t>POINT (4.621502360404766 51.841740155694524)</t>
  </si>
  <si>
    <t>POINT (4.635914361565047 51.83551422588843)</t>
  </si>
  <si>
    <t>POINT (4.627913697052865 51.841898648084964)</t>
  </si>
  <si>
    <t>POINT (4.639676092266578 51.836158458659554)</t>
  </si>
  <si>
    <t>POINT (4.646158631541415 51.835471476112524)</t>
  </si>
  <si>
    <t>POINT (4.648187101336187 51.841047699598576)</t>
  </si>
  <si>
    <t>POINT (4.645079127254964 51.8437522083954)</t>
  </si>
  <si>
    <t>POINT (4.641385630265976 51.83326870416027)</t>
  </si>
  <si>
    <t>POINT (4.645929461772736 51.852045122759606)</t>
  </si>
  <si>
    <t>POINT (4.646696603660206 51.85108030316193)</t>
  </si>
  <si>
    <t>POINT (4.637228364574899 51.82854548640782)</t>
  </si>
  <si>
    <t>POINT (4.637576174721185 51.83592035127551)</t>
  </si>
  <si>
    <t>POINT (4.626549982788554 51.83672132696683)</t>
  </si>
  <si>
    <t>POINT (4.624247584400848 51.84415800615157)</t>
  </si>
  <si>
    <t>POINT (4.62380661827531 51.83763834298956)</t>
  </si>
  <si>
    <t>POINT (4.642020770487577 51.82949477783461)</t>
  </si>
  <si>
    <t>POINT (4.64893539027192 51.841029324579736)</t>
  </si>
  <si>
    <t>POINT (4.644500043503614 51.84366764865494)</t>
  </si>
  <si>
    <t>POINT (4.627914298635717 51.84961093614201)</t>
  </si>
  <si>
    <t>POINT (4.630188130141771 51.84385488989426)</t>
  </si>
  <si>
    <t>POINT (4.645179343281239 51.850254447102174)</t>
  </si>
  <si>
    <t>POINT (4.631373586679867 51.83547608923305)</t>
  </si>
  <si>
    <t>POINT (4.62471354487071 51.840235558497156)</t>
  </si>
  <si>
    <t>POINT (4.629148913590346 51.83575837120831)</t>
  </si>
  <si>
    <t>POINT (4.64156693900067 51.834790119862575)</t>
  </si>
  <si>
    <t>POINT (4.626484234891943 51.84748934134452)</t>
  </si>
  <si>
    <t>POINT (4.6386850891705 51.835804965394516)</t>
  </si>
  <si>
    <t>POINT (4.6517981611954085 51.82952947500086)</t>
  </si>
  <si>
    <t>POINT (4.640687393271179 51.84780522028982)</t>
  </si>
  <si>
    <t>POINT (4.641685778743912 51.8357128161158)</t>
  </si>
  <si>
    <t>POINT (4.637220901950621 51.82740394735079)</t>
  </si>
  <si>
    <t>POINT (4.6482835869384385 51.8377230490988)</t>
  </si>
  <si>
    <t>POINT (4.647201742243855 51.852349773102375)</t>
  </si>
  <si>
    <t>POINT (4.641212566892942 51.848518662407926)</t>
  </si>
  <si>
    <t>POINT (4.643833360405514 51.84869858102619)</t>
  </si>
  <si>
    <t>POINT (4.635774699820603 51.83866835821302)</t>
  </si>
  <si>
    <t>POINT (4.650026327428023 51.83585537402013)</t>
  </si>
  <si>
    <t>POINT (4.647264744199311 51.83791438256656)</t>
  </si>
  <si>
    <t>POINT (4.65561224757937 51.83050610737213)</t>
  </si>
  <si>
    <t>POINT (4.644443899446331 51.835631424072616)</t>
  </si>
  <si>
    <t>POINT (4.657408000697476 51.83417643624805)</t>
  </si>
  <si>
    <t>POINT (4.650699630395045 51.84437186329128)</t>
  </si>
  <si>
    <t>POINT (4.633349730449752 51.847443735152865)</t>
  </si>
  <si>
    <t>POINT (4.632846515133174 51.836761956346365)</t>
  </si>
  <si>
    <t>POINT (4.639880043094322 51.83785861678125)</t>
  </si>
  <si>
    <t>POINT (4.638879673938949 51.83693539946428)</t>
  </si>
  <si>
    <t>POINT (4.639413184071263 51.82664675906825)</t>
  </si>
  <si>
    <t>POINT (4.652520929173516 51.84748435984114)</t>
  </si>
  <si>
    <t>POINT (4.627844046219396 51.84861273917659)</t>
  </si>
  <si>
    <t>POINT (4.628946725019026 51.834840219369106)</t>
  </si>
  <si>
    <t>POINT (4.652885197263101 51.83271572574906)</t>
  </si>
  <si>
    <t>POINT (4.6509973029304605 51.84480518574485)</t>
  </si>
  <si>
    <t>POINT (4.633814334284531 51.83355022305453)</t>
  </si>
  <si>
    <t>POINT (4.658157902181711 51.83277240154906)</t>
  </si>
  <si>
    <t>POINT (4.639222913053589 51.83636231163681)</t>
  </si>
  <si>
    <t>POINT (4.650145814861098 51.829438213263764)</t>
  </si>
  <si>
    <t>POINT (4.653726026049186 51.83141118072573)</t>
  </si>
  <si>
    <t>POINT (4.643092425616153 51.842786835271866)</t>
  </si>
  <si>
    <t>POINT (4.642592543392615 51.835278126081754)</t>
  </si>
  <si>
    <t>POINT (4.630233582370697 51.84028667772027)</t>
  </si>
  <si>
    <t>POINT (4.640471582598438 51.839812922866955)</t>
  </si>
  <si>
    <t>POINT (4.633355795858273 51.83841015628591)</t>
  </si>
  <si>
    <t>POINT (4.630317086708005 51.84568042235659)</t>
  </si>
  <si>
    <t>POINT (4.656469671037442 51.835304465016705)</t>
  </si>
  <si>
    <t>POINT (4.64134145218827 51.83021854651214)</t>
  </si>
  <si>
    <t>POINT (4.626477744254307 51.84099947295517)</t>
  </si>
  <si>
    <t>POINT (4.629159371518629 51.84634710405488)</t>
  </si>
  <si>
    <t>POINT (4.63662866971886 51.83618395742074)</t>
  </si>
  <si>
    <t>POINT (4.64070706765527 51.85099631995905)</t>
  </si>
  <si>
    <t>POINT (4.630134494587653 51.84618261088041)</t>
  </si>
  <si>
    <t>POINT (4.637468457024829 51.83810359735487)</t>
  </si>
  <si>
    <t>POINT (4.6456332346848095 51.83477603059902)</t>
  </si>
  <si>
    <t>POINT (4.653014550887696 51.842116510303164)</t>
  </si>
  <si>
    <t>POINT (4.6507094632320065 51.85087072182223)</t>
  </si>
  <si>
    <t>POINT (4.648134630148593 51.84100342372065)</t>
  </si>
  <si>
    <t>POINT (4.630064809296455 51.84601137672533)</t>
  </si>
  <si>
    <t>POINT (4.647029031737472 51.84029341018098)</t>
  </si>
  <si>
    <t>POINT (4.639286173309781 51.847409790513524)</t>
  </si>
  <si>
    <t>POINT (4.648450497856071 51.84258696687814)</t>
  </si>
  <si>
    <t>POINT (4.6367955223426165 51.83913661804135)</t>
  </si>
  <si>
    <t>POINT (4.639978894500374 51.851144495591)</t>
  </si>
  <si>
    <t>POINT (4.628847108411543 51.836448550748045)</t>
  </si>
  <si>
    <t>POINT (4.644712988222735 51.83413124486961)</t>
  </si>
  <si>
    <t>POINT (4.647774240460854 51.84665457263904)</t>
  </si>
  <si>
    <t>POINT (4.626089602377876 51.83734755115147)</t>
  </si>
  <si>
    <t>POINT (4.656249115494207 51.84758852628364)</t>
  </si>
  <si>
    <t>POINT (4.641737493163243 51.82907949977505)</t>
  </si>
  <si>
    <t>POINT (4.6527907344883195 51.83360755673092)</t>
  </si>
  <si>
    <t>POINT (4.626847979233023 51.83711875967307)</t>
  </si>
  <si>
    <t>POINT (4.6480524932675324 51.828813820325415)</t>
  </si>
  <si>
    <t>POINT (4.625354054174769 51.84001072098649)</t>
  </si>
  <si>
    <t>POINT (4.6397986441748955 51.84014122153661)</t>
  </si>
  <si>
    <t>POINT (4.631225787049437 51.84860759506774)</t>
  </si>
  <si>
    <t>POINT (4.644051873171833 51.83309353460937)</t>
  </si>
  <si>
    <t>POINT (4.642021479978413 51.83646999618307)</t>
  </si>
  <si>
    <t>POINT (4.629963825478907 51.844248945168495)</t>
  </si>
  <si>
    <t>POINT (4.628159215804259 51.84455189591463)</t>
  </si>
  <si>
    <t>POINT (4.643147849066935 51.828009806456365)</t>
  </si>
  <si>
    <t>POINT (4.641479267118331 51.84117661713469)</t>
  </si>
  <si>
    <t>POINT (4.644079523040834 51.85086247762644)</t>
  </si>
  <si>
    <t>POINT (4.626661677647071 51.845575902771266)</t>
  </si>
  <si>
    <t>POINT (4.6475221682324115 51.85139899486531)</t>
  </si>
  <si>
    <t>POINT (4.642832061796097 51.83834478249743)</t>
  </si>
  <si>
    <t>POINT (4.630031768717715 51.83502699664805)</t>
  </si>
  <si>
    <t>POINT (4.637434235836067 51.83747448605471)</t>
  </si>
  <si>
    <t>POINT (4.639279680843862 51.83469077934603)</t>
  </si>
  <si>
    <t>POINT (4.642005275961929 51.83744965871646)</t>
  </si>
  <si>
    <t>POINT (4.650464189057354 51.83303568080824)</t>
  </si>
  <si>
    <t>POINT (4.641059411311239 51.83586164410692)</t>
  </si>
  <si>
    <t>POINT (4.629678752187892 51.84739314228866)</t>
  </si>
  <si>
    <t>POINT (4.642097709313317 51.843265914606256)</t>
  </si>
  <si>
    <t>POINT (4.620976202093243 51.84110751481259)</t>
  </si>
  <si>
    <t>POINT (4.649141472716615 51.84558453620556)</t>
  </si>
  <si>
    <t>POINT (4.625639465429916 51.83650868391891)</t>
  </si>
  <si>
    <t>POINT (4.625420737910496 51.84343754073021)</t>
  </si>
  <si>
    <t>POINT (4.6457010372253205 51.84652464541078)</t>
  </si>
  <si>
    <t>POINT (4.6447782306160255 51.84704015623)</t>
  </si>
  <si>
    <t>POINT (4.645030260598752 51.83925705429921)</t>
  </si>
  <si>
    <t>POINT (4.646441372252033 51.83504180435845)</t>
  </si>
  <si>
    <t>POINT (4.646957631165265 51.8327619381318)</t>
  </si>
  <si>
    <t>POINT (4.621676476552526 51.84259521629451)</t>
  </si>
  <si>
    <t>POINT (4.623977281200544 51.842124807046424)</t>
  </si>
  <si>
    <t>POINT (4.63706958686504 51.838349397503684)</t>
  </si>
  <si>
    <t>POINT (4.647666166731183 51.8497010463774)</t>
  </si>
  <si>
    <t>POINT (4.6479033676231785 51.84674527234266)</t>
  </si>
  <si>
    <t>POINT (4.64017683723014 51.82871003058783)</t>
  </si>
  <si>
    <t>POINT (4.632499312630835 51.84536188889353)</t>
  </si>
  <si>
    <t>POINT (4.6390596947364315 51.82696809922747)</t>
  </si>
  <si>
    <t>POINT (4.628771575673911 51.834902008715616)</t>
  </si>
  <si>
    <t>POINT (4.643909751489589 51.84189237298229)</t>
  </si>
  <si>
    <t>POINT (4.631254661890292 51.83996966447905)</t>
  </si>
  <si>
    <t>POINT (4.6504415859402695 51.84595224792847)</t>
  </si>
  <si>
    <t>POINT (4.63162917974192 51.8505157893572)</t>
  </si>
  <si>
    <t>POINT (4.626103191379672 51.84513183853211)</t>
  </si>
  <si>
    <t>POINT (4.635651019119818 51.82929919341416)</t>
  </si>
  <si>
    <t>POINT (4.636525901904178 51.82792901024588)</t>
  </si>
  <si>
    <t>POINT (4.6242981724812715 51.842028017160004)</t>
  </si>
  <si>
    <t>POINT (4.648112194703798 51.84286348619627)</t>
  </si>
  <si>
    <t>POINT (4.62775094972427 51.84810877134615)</t>
  </si>
  <si>
    <t>POINT (4.647072030868095 51.83551319309809)</t>
  </si>
  <si>
    <t>POINT (4.657153534886019 51.83380094359054)</t>
  </si>
  <si>
    <t>POINT (4.636554946327382 51.827890589577045)</t>
  </si>
  <si>
    <t>POINT (4.646473973146241 51.83129373320714)</t>
  </si>
  <si>
    <t>POINT (4.650354409172945 51.833538357291246)</t>
  </si>
  <si>
    <t>POINT (4.629798287517553 51.835106388640405)</t>
  </si>
  <si>
    <t>POINT (4.655802122814372 51.83221513741238)</t>
  </si>
  <si>
    <t>POINT (4.625815080977102 51.83641993617002)</t>
  </si>
  <si>
    <t>POINT (4.644465611852776 51.83394204138185)</t>
  </si>
  <si>
    <t>POINT (4.639978523872373 51.83629521420137)</t>
  </si>
  <si>
    <t>POINT (4.648215830105114 51.8427382972909)</t>
  </si>
  <si>
    <t>POINT (4.644882888095888 51.85213738642157)</t>
  </si>
  <si>
    <t>POINT (4.624686951491116 51.84306424135669)</t>
  </si>
  <si>
    <t>POINT (4.623958074402394 51.83983256751205)</t>
  </si>
  <si>
    <t>POINT (4.6335509405500614 51.84582706621216)</t>
  </si>
  <si>
    <t>POINT (4.643180184662556 51.84713790459468)</t>
  </si>
  <si>
    <t>POINT (4.62654619697426 51.84553919996112)</t>
  </si>
  <si>
    <t>POINT (4.650461396846653 51.83320644801615)</t>
  </si>
  <si>
    <t>POINT (4.626539306028383 51.84680655876833)</t>
  </si>
  <si>
    <t>POINT (4.627663766531037 51.847254283346)</t>
  </si>
  <si>
    <t>POINT (4.6435528054547515 51.83134967182605)</t>
  </si>
  <si>
    <t>POINT (4.650433558451484 51.8331343639361)</t>
  </si>
  <si>
    <t>POINT (4.625408154272028 51.83998817786823)</t>
  </si>
  <si>
    <t>POINT (4.633360470646298 51.84940333381648)</t>
  </si>
  <si>
    <t>POINT (4.63544460339132 51.83497189772355)</t>
  </si>
  <si>
    <t>POINT (4.628892706289627 51.847531887053236)</t>
  </si>
  <si>
    <t>POINT (4.640911092127027 51.84831899607785)</t>
  </si>
  <si>
    <t>POINT (4.6523151397800175 51.84283372598793)</t>
  </si>
  <si>
    <t>POINT (4.636468267518009 51.84580980138549)</t>
  </si>
  <si>
    <t>POINT (4.6299338732709865 51.839988118432096)</t>
  </si>
  <si>
    <t>POINT (4.6484065428569314 51.841183649987954)</t>
  </si>
  <si>
    <t>POINT (4.646749726262716 51.847178446954686)</t>
  </si>
  <si>
    <t>POINT (4.63726503012954 51.84589579124877)</t>
  </si>
  <si>
    <t>POINT (4.630072377684417 51.847287817135076)</t>
  </si>
  <si>
    <t>POINT (4.633014917134777 51.83536979259998)</t>
  </si>
  <si>
    <t>POINT (4.640925437337867 51.83282955889192)</t>
  </si>
  <si>
    <t>POINT (4.657490194699629 51.83100318455918)</t>
  </si>
  <si>
    <t>POINT (4.633727141252308 51.83355865210988)</t>
  </si>
  <si>
    <t>POINT (4.635459683643262 51.84885050645292)</t>
  </si>
  <si>
    <t>POINT (4.643923311026949 51.844320171379266)</t>
  </si>
  <si>
    <t>POINT (4.630542786702333 51.84693130269151)</t>
  </si>
  <si>
    <t>POINT (4.649962892797996 51.85037166094787)</t>
  </si>
  <si>
    <t>POINT (4.634327069024013 51.83499170190248)</t>
  </si>
  <si>
    <t>POINT (4.639082704265447 51.82645589072556)</t>
  </si>
  <si>
    <t>POINT (4.6409327848640025 51.8443820991364)</t>
  </si>
  <si>
    <t>POINT (4.634716394578858 51.827317860254944)</t>
  </si>
  <si>
    <t>POINT (4.641675588116089 51.82756001918565)</t>
  </si>
  <si>
    <t>POINT (4.639318848181605 51.848938071419035)</t>
  </si>
  <si>
    <t>POINT (4.646870702498619 51.85128956919657)</t>
  </si>
  <si>
    <t>POINT (4.635895534120231 51.826201827382505)</t>
  </si>
  <si>
    <t>POINT (4.636631432913931 51.848210818662615)</t>
  </si>
  <si>
    <t>POINT (4.653208966332811 51.83465285785542)</t>
  </si>
  <si>
    <t>POINT (4.658141522929787 51.83421150163404)</t>
  </si>
  <si>
    <t>POINT (4.652679822622043 51.84486066701364)</t>
  </si>
  <si>
    <t>POINT (4.642094701088889 51.832919934038436)</t>
  </si>
  <si>
    <t>POINT (4.645544275723447 51.852519089131675)</t>
  </si>
  <si>
    <t>POINT (4.62865491005554 51.83493720966096)</t>
  </si>
  <si>
    <t>POINT (4.634385491232554 51.84886160150166)</t>
  </si>
  <si>
    <t>POINT (4.648609120298436 51.83556781732657)</t>
  </si>
  <si>
    <t>POINT (4.637558083674749 51.83810636294162)</t>
  </si>
  <si>
    <t>POINT (4.62864598851884 51.84839320599907)</t>
  </si>
  <si>
    <t>POINT (4.625585591322001 51.84398691976676)</t>
  </si>
  <si>
    <t>POINT (4.642004709801571 51.83420305373562)</t>
  </si>
  <si>
    <t>POINT (4.65227832857019 51.84230064790852)</t>
  </si>
  <si>
    <t>POINT (4.643014858993164 51.83606281866572)</t>
  </si>
  <si>
    <t>POINT (4.639069664291527 51.85083309160299)</t>
  </si>
  <si>
    <t>POINT (4.651862695821186 51.842313685695245)</t>
  </si>
  <si>
    <t>POINT (4.629634470423577 51.83967158296356)</t>
  </si>
  <si>
    <t>POINT (4.6261111030785536 51.84638131603367)</t>
  </si>
  <si>
    <t>POINT (4.648520867627543 51.835945244556946)</t>
  </si>
  <si>
    <t>POINT (4.626420651709505 51.838365418531566)</t>
  </si>
  <si>
    <t>POINT (4.641487301433512 51.840691280017516)</t>
  </si>
  <si>
    <t>POINT (4.61541612615137 51.833619465506466)</t>
  </si>
  <si>
    <t>POINT (4.617550282964024 51.83268966405919)</t>
  </si>
  <si>
    <t>POINT (4.630430730436632 51.844099148124315)</t>
  </si>
  <si>
    <t>POINT (4.628088874429811 51.837531281113925)</t>
  </si>
  <si>
    <t>POINT (4.627151694838128 51.83803757237344)</t>
  </si>
  <si>
    <t>POINT (4.642046721161098 51.83318928980658)</t>
  </si>
  <si>
    <t>POINT (4.651813852159205 51.832181617878256)</t>
  </si>
  <si>
    <t>POINT (4.640012457902087 51.8386234968944)</t>
  </si>
  <si>
    <t>POINT (4.62608238437084 51.846363152513874)</t>
  </si>
  <si>
    <t>POINT (4.648552120502719 51.83550453800665)</t>
  </si>
  <si>
    <t>POINT (4.641525204969338 51.84804424925215)</t>
  </si>
  <si>
    <t>POINT (4.648216397133908 51.848895531708806)</t>
  </si>
  <si>
    <t>POINT (4.636878736855642 51.83685071819521)</t>
  </si>
  <si>
    <t>POINT (4.644597467501294 51.84391994748446)</t>
  </si>
  <si>
    <t>POINT (4.626139821809435 51.84639947954645)</t>
  </si>
  <si>
    <t>POINT (4.621434084682159 51.842341952349855)</t>
  </si>
  <si>
    <t>POINT (4.642390524083899 51.83479408974025)</t>
  </si>
  <si>
    <t>POINT (4.640502531774271 51.844073748915385)</t>
  </si>
  <si>
    <t>POINT (4.646712944291427 51.837056979830145)</t>
  </si>
  <si>
    <t>POINT (4.636167131653768 51.84559214746108)</t>
  </si>
  <si>
    <t>POINT (4.6348533441501605 51.83562428363186)</t>
  </si>
  <si>
    <t>POINT (4.6253960019567995 51.839978283368765)</t>
  </si>
  <si>
    <t>POINT (4.626563732201087 51.83676635949154)</t>
  </si>
  <si>
    <t>POINT (4.632251128213298 51.83765699714839)</t>
  </si>
  <si>
    <t>3341LH</t>
  </si>
  <si>
    <t>Nieuwe Bosweg</t>
  </si>
  <si>
    <t>POINT (4.655574430578659 51.84840401709278)</t>
  </si>
  <si>
    <t>POINT (4.651249302483644 51.83382261982509)</t>
  </si>
  <si>
    <t>POINT (4.644622256969158 51.84949354109232)</t>
  </si>
  <si>
    <t>POINT (4.650403139702416 51.84386663818452)</t>
  </si>
  <si>
    <t>POINT (4.629668173184944 51.836804410606106)</t>
  </si>
  <si>
    <t>POINT (4.65024578423253 51.840295696199355)</t>
  </si>
  <si>
    <t>POINT (4.627371671849066 51.84822317028442)</t>
  </si>
  <si>
    <t>POINT (4.6512358013588155 51.83232640709975)</t>
  </si>
  <si>
    <t>POINT (4.653548270540754 51.83074490834238)</t>
  </si>
  <si>
    <t>POINT (4.639841678787699 51.83929656030995)</t>
  </si>
  <si>
    <t>POINT (4.649793348713813 51.84477066433533)</t>
  </si>
  <si>
    <t>POINT (4.635815087233116 51.83450685824698)</t>
  </si>
  <si>
    <t>POINT (4.648897279621953 51.83945891817931)</t>
  </si>
  <si>
    <t>POINT (4.638726851669599 51.83827373786451)</t>
  </si>
  <si>
    <t>POINT (4.65770052365728 51.833622907872765)</t>
  </si>
  <si>
    <t>POINT (4.658220001686308 51.83421686085841)</t>
  </si>
  <si>
    <t>POINT (4.648747989667711 51.84302928279991)</t>
  </si>
  <si>
    <t>POINT (4.63407923815658 51.83506202166367)</t>
  </si>
  <si>
    <t>POINT (4.6371758380648975 51.82684821240591)</t>
  </si>
  <si>
    <t>POINT (4.62836842157853 51.84419370114917)</t>
  </si>
  <si>
    <t>POINT (4.655194138529301 51.84463367612477)</t>
  </si>
  <si>
    <t>POINT (4.634699215752211 51.83442780105501)</t>
  </si>
  <si>
    <t>POINT (4.650064265457922 51.841031905575235)</t>
  </si>
  <si>
    <t>POINT (4.634154093243489 51.83405576939032)</t>
  </si>
  <si>
    <t>POINT (4.656509590377425 51.84584634945017)</t>
  </si>
  <si>
    <t>POINT (4.623523395963329 51.84321847491266)</t>
  </si>
  <si>
    <t>POINT (4.626605157861059 51.84978223665392)</t>
  </si>
  <si>
    <t>POINT (4.658149784121316 51.8350701589054)</t>
  </si>
  <si>
    <t>POINT (4.648555039962692 51.848601036927114)</t>
  </si>
  <si>
    <t>POINT (4.643057005746989 51.846687690900986)</t>
  </si>
  <si>
    <t>POINT (4.640937905935447 51.82742948988949)</t>
  </si>
  <si>
    <t>POINT (4.625250415347939 51.843211718448764)</t>
  </si>
  <si>
    <t>POINT (4.648782487927651 51.82853077721635)</t>
  </si>
  <si>
    <t>POINT (4.65784300274619 51.83071773990791)</t>
  </si>
  <si>
    <t>POINT (4.6447717198696825 51.84921446259648)</t>
  </si>
  <si>
    <t>POINT (4.632026250179821 51.849340828271075)</t>
  </si>
  <si>
    <t>POINT (4.629714263972548 51.83492607276616)</t>
  </si>
  <si>
    <t>POINT (4.630783614689307 51.84814632511994)</t>
  </si>
  <si>
    <t>POINT (4.64526006913385 51.84598254010111)</t>
  </si>
  <si>
    <t>POINT (4.639996649875979 51.84482557849893)</t>
  </si>
  <si>
    <t>POINT (4.635711369106002 51.83637583987743)</t>
  </si>
  <si>
    <t>POINT (4.640140349197609 51.83296127398653)</t>
  </si>
  <si>
    <t>POINT (4.6466430018821 51.835132963213496)</t>
  </si>
  <si>
    <t>POINT (4.640849155175875 51.828408692167535)</t>
  </si>
  <si>
    <t>POINT (4.632121425955431 51.845395413946896)</t>
  </si>
  <si>
    <t>POINT (4.649431693528037 51.84558636021058)</t>
  </si>
  <si>
    <t>POINT (4.654132469296483 51.830505864061415)</t>
  </si>
  <si>
    <t>POINT (4.646506133937946 51.84698814870113)</t>
  </si>
  <si>
    <t>POINT (4.6499776282906895 51.84415160417474)</t>
  </si>
  <si>
    <t>POINT (4.641766123052334 51.82822575675315)</t>
  </si>
  <si>
    <t>POINT (4.642978487460938 51.84441306148511)</t>
  </si>
  <si>
    <t>POINT (4.6501101355023335 51.844035583571674)</t>
  </si>
  <si>
    <t>POINT (4.6350299975363844 51.83807932517422)</t>
  </si>
  <si>
    <t>POINT (4.632487286331447 51.83915063650787)</t>
  </si>
  <si>
    <t>POINT (4.644618231704498 51.853223340129006)</t>
  </si>
  <si>
    <t>POINT (4.640781463513468 51.83512280572625)</t>
  </si>
  <si>
    <t>POINT (4.644293623767533 51.83373354838895)</t>
  </si>
  <si>
    <t>POINT (4.640268285614831 51.83204489222367)</t>
  </si>
  <si>
    <t>POINT (4.6383837053594235 51.837094033087006)</t>
  </si>
  <si>
    <t>POINT (4.629285964419475 51.83796148387918)</t>
  </si>
  <si>
    <t>POINT (4.638192436307129 51.83899841210506)</t>
  </si>
  <si>
    <t>POINT (4.652473923361981 51.83257187740453)</t>
  </si>
  <si>
    <t>POINT (4.651348445554462 51.841867286816004)</t>
  </si>
  <si>
    <t>POINT (4.6410658025343405 51.83722796326873)</t>
  </si>
  <si>
    <t>POINT (4.6449783174081265 51.83665951274663)</t>
  </si>
  <si>
    <t>POINT (4.642899005940878 51.83780588666438)</t>
  </si>
  <si>
    <t>POINT (4.641404262328366 51.840448058451415)</t>
  </si>
  <si>
    <t>POINT (4.650205308170352 51.82934870007186)</t>
  </si>
  <si>
    <t>POINT (4.651499511853514 51.83093882512472)</t>
  </si>
  <si>
    <t>POINT (4.642690313002232 51.82848330543665)</t>
  </si>
  <si>
    <t>POINT (4.645376349603293 51.82834750404857)</t>
  </si>
  <si>
    <t>POINT (4.651998081109292 51.832256973334054)</t>
  </si>
  <si>
    <t>POINT (4.647793775432694 51.849000734962765)</t>
  </si>
  <si>
    <t>POINT (4.639728142029029 51.839143030044085)</t>
  </si>
  <si>
    <t>POINT (4.648684625564301 51.83007621377448)</t>
  </si>
  <si>
    <t>POINT (4.646186822279099 51.83199303754641)</t>
  </si>
  <si>
    <t>POINT (4.631175751937833 51.83948376763131)</t>
  </si>
  <si>
    <t>POINT (4.634441361308875 51.83683511448313)</t>
  </si>
  <si>
    <t>POINT (4.6370829469209704 51.82743946100566)</t>
  </si>
  <si>
    <t>POINT (4.643359483006778 51.84770532624922)</t>
  </si>
  <si>
    <t>POINT (4.630790799236242 51.83907679735058)</t>
  </si>
  <si>
    <t>POINT (4.634740276214097 51.83805050250886)</t>
  </si>
  <si>
    <t>POINT (4.628240881024725 51.84567124442787)</t>
  </si>
  <si>
    <t>POINT (4.628384691793045 51.8354747845112)</t>
  </si>
  <si>
    <t>POINT (4.639486125759746 51.84585602498856)</t>
  </si>
  <si>
    <t>POINT (4.648830416110276 51.85148626589829)</t>
  </si>
  <si>
    <t>POINT (4.642139725751071 51.84598974668612)</t>
  </si>
  <si>
    <t>POINT (4.643967794864131 51.853057429255145)</t>
  </si>
  <si>
    <t>POINT (4.6422832580137126 51.83818849405605)</t>
  </si>
  <si>
    <t>POINT (4.628436295536489 51.838441384234685)</t>
  </si>
  <si>
    <t>POINT (4.64173334659211 51.8468680561993)</t>
  </si>
  <si>
    <t>POINT (4.654696395514233 51.8324059934615)</t>
  </si>
  <si>
    <t>POINT (4.64026586099029 51.84871938302962)</t>
  </si>
  <si>
    <t>POINT (4.636830745039741 51.845830095869715)</t>
  </si>
  <si>
    <t>POINT (4.651133330085745 51.83115225764683)</t>
  </si>
  <si>
    <t>POINT (4.640498178004369 51.84608718235418)</t>
  </si>
  <si>
    <t>POINT (4.634934647401566 51.84726513834575)</t>
  </si>
  <si>
    <t>POINT (4.644929409543777 51.84843435419401)</t>
  </si>
  <si>
    <t>POINT (4.667601097227038 51.82652632905202)</t>
  </si>
  <si>
    <t>POINT (4.6321061031931805 51.847175072430915)</t>
  </si>
  <si>
    <t>POINT (4.630569542949749 51.839291099906625)</t>
  </si>
  <si>
    <t>POINT (4.646730257246589 51.83943687478232)</t>
  </si>
  <si>
    <t>POINT (4.629157435891098 51.84387520571732)</t>
  </si>
  <si>
    <t>POINT (4.648909064974081 51.8305450367015)</t>
  </si>
  <si>
    <t>POINT (4.636671403791996 51.83279468003921)</t>
  </si>
  <si>
    <t>POINT (4.654408929314502 51.842242811322045)</t>
  </si>
  <si>
    <t>POINT (4.64099503368247 51.82748378518987)</t>
  </si>
  <si>
    <t>POINT (4.633377851066594 51.84749784771382)</t>
  </si>
  <si>
    <t>POINT (4.64175825473973 51.844486218385356)</t>
  </si>
  <si>
    <t>POINT (4.632181496262603 51.83834867776521)</t>
  </si>
  <si>
    <t>POINT (4.639133562551831 51.826887671846684)</t>
  </si>
  <si>
    <t>POINT (4.628385073183793 51.838036562380545)</t>
  </si>
  <si>
    <t>POINT (4.643431447851262 51.84774173677808)</t>
  </si>
  <si>
    <t>POINT (4.641454634625241 51.84003489960279)</t>
  </si>
  <si>
    <t>POINT (4.642844223452109 51.84375603781365)</t>
  </si>
  <si>
    <t>POINT (4.642920401321137 51.845293582336915)</t>
  </si>
  <si>
    <t>POINT (4.643891468907008 51.84190985704127)</t>
  </si>
  <si>
    <t>POINT (4.6496222751265295 51.84074462047444)</t>
  </si>
  <si>
    <t>POINT (4.635698325351519 51.848465521441206)</t>
  </si>
  <si>
    <t>POINT (4.6475360611437075 51.84525084167859)</t>
  </si>
  <si>
    <t>POINT (4.6463851402123515 51.83581447523111)</t>
  </si>
  <si>
    <t>POINT (4.652859140812488 51.82941027588779)</t>
  </si>
  <si>
    <t>POINT (4.636908971765049 51.83503519829333)</t>
  </si>
  <si>
    <t>POINT (4.62695479949398 51.84930756202592)</t>
  </si>
  <si>
    <t>POINT (4.647660704137231 51.83677531675006)</t>
  </si>
  <si>
    <t>POINT (4.647060302023952 51.84505908165274)</t>
  </si>
  <si>
    <t>POINT (4.648946689297335 51.829134051363994)</t>
  </si>
  <si>
    <t>POINT (4.640278289651055 51.83921844090114)</t>
  </si>
  <si>
    <t>POINT (4.6497277930800305 51.8292737915546)</t>
  </si>
  <si>
    <t>POINT (4.636424209177723 51.839600100131264)</t>
  </si>
  <si>
    <t>POINT (4.652027762487379 51.82968372067353)</t>
  </si>
  <si>
    <t>POINT (4.615635425572677 51.83352203141733)</t>
  </si>
  <si>
    <t>POINT (4.641953565322456 51.8274179654925)</t>
  </si>
  <si>
    <t>POINT (4.644427792223001 51.85244911143293)</t>
  </si>
  <si>
    <t>POINT (4.640110701434132 51.848448736023464)</t>
  </si>
  <si>
    <t>POINT (4.625150668504822 51.84310320688034)</t>
  </si>
  <si>
    <t>POINT (4.624935294770355 51.83867937611314)</t>
  </si>
  <si>
    <t>POINT (4.6438648235840505 51.84434676708883)</t>
  </si>
  <si>
    <t>POINT (4.643611503845692 51.84832162106238)</t>
  </si>
  <si>
    <t>POINT (4.64530833343138 51.83200745253355)</t>
  </si>
  <si>
    <t>POINT (4.624451184477864 51.84156159980374)</t>
  </si>
  <si>
    <t>POINT (4.646798496165591 51.851188764593125)</t>
  </si>
  <si>
    <t>POINT (4.646273149599288 51.83494056397948)</t>
  </si>
  <si>
    <t>POINT (4.6249264419659895 51.83662989782393)</t>
  </si>
  <si>
    <t>POINT (4.641856660614638 51.82889149420254)</t>
  </si>
  <si>
    <t>POINT (4.644605211725025 51.85225248319488)</t>
  </si>
  <si>
    <t>POINT (4.63825194892514 51.833832693368414)</t>
  </si>
  <si>
    <t>POINT (4.640037517325225 51.833541099420586)</t>
  </si>
  <si>
    <t>POINT (4.640971321321614 51.84555985924926)</t>
  </si>
  <si>
    <t>POINT (4.644069255200815 51.83302926775295)</t>
  </si>
  <si>
    <t>POINT (4.63447815112445 51.834633123461494)</t>
  </si>
  <si>
    <t>POINT (4.64289200411706 51.85052480274389)</t>
  </si>
  <si>
    <t>POINT (4.643759124720772 51.82876872890011)</t>
  </si>
  <si>
    <t>POINT (4.625383557938 51.83705533348538)</t>
  </si>
  <si>
    <t>POINT (4.636526348170846 51.82919110569068)</t>
  </si>
  <si>
    <t>POINT (4.63160747863872 51.82758552648099)</t>
  </si>
  <si>
    <t>POINT (4.638708339325395 51.834147817072605)</t>
  </si>
  <si>
    <t>POINT (4.633174419085245 51.836242719409235)</t>
  </si>
  <si>
    <t>POINT (4.642676538247174 51.84512125158785)</t>
  </si>
  <si>
    <t>POINT (4.653370891312962 51.834510051528646)</t>
  </si>
  <si>
    <t>POINT (4.640560810602868 51.847561721521515)</t>
  </si>
  <si>
    <t>POINT (4.641632964648289 51.82750581635142)</t>
  </si>
  <si>
    <t>POINT (4.640056630531684 51.839459724593986)</t>
  </si>
  <si>
    <t>POINT (4.640865861204293 51.839662622624665)</t>
  </si>
  <si>
    <t>POINT (4.638034236903205 51.832741561430765)</t>
  </si>
  <si>
    <t>POINT (4.619986283377687 51.85066500880104)</t>
  </si>
  <si>
    <t>POINT (4.644826286094213 51.835319239320675)</t>
  </si>
  <si>
    <t>POINT (4.64070203746437 51.82678080471524)</t>
  </si>
  <si>
    <t>POINT (4.645710391281857 51.84860108458342)</t>
  </si>
  <si>
    <t>POINT (4.644546178828946 51.850280196614584)</t>
  </si>
  <si>
    <t>POINT (4.641583303710069 51.843658150203964)</t>
  </si>
  <si>
    <t>POINT (4.638669846416965 51.83209815249046)</t>
  </si>
  <si>
    <t>POINT (4.648492363537706 51.83029972086963)</t>
  </si>
  <si>
    <t>POINT (4.635168059188795 51.83502405853312)</t>
  </si>
  <si>
    <t>POINT (4.6508523824872325 51.84745593033096)</t>
  </si>
  <si>
    <t>POINT (4.651194625763161 51.83317737597642)</t>
  </si>
  <si>
    <t>POINT (4.649891006168237 51.844124094254674)</t>
  </si>
  <si>
    <t>POINT (4.636205219319367 51.847659784692034)</t>
  </si>
  <si>
    <t>POINT (4.625056333181236 51.84181721295395)</t>
  </si>
  <si>
    <t>POINT (4.631610194626012 51.83434503811809)</t>
  </si>
  <si>
    <t>POINT (4.64856955216657 51.840550516477116)</t>
  </si>
  <si>
    <t>POINT (4.630804012757179 51.83569713776155)</t>
  </si>
  <si>
    <t>POINT (4.656943963361197 51.83414784292743)</t>
  </si>
  <si>
    <t>POINT (4.627398920248126 51.84746829796982)</t>
  </si>
  <si>
    <t>POINT (4.637930569248968 51.82811766903191)</t>
  </si>
  <si>
    <t>POINT (4.644831606806453 51.83675746046412)</t>
  </si>
  <si>
    <t>POINT (4.623907404259355 51.84367939491117)</t>
  </si>
  <si>
    <t>POINT (4.646053695203357 51.83655844281963)</t>
  </si>
  <si>
    <t>POINT (4.649406837543246 51.83026951752915)</t>
  </si>
  <si>
    <t>POINT (4.628977844870304 51.8355774926921)</t>
  </si>
  <si>
    <t>POINT (4.647460233434167 51.85075142168262)</t>
  </si>
  <si>
    <t>POINT (4.655997311257662 51.83253820158426)</t>
  </si>
  <si>
    <t>POINT (4.6463782628384145 51.84946821132912)</t>
  </si>
  <si>
    <t>POINT (4.639925573509558 51.82811517806251)</t>
  </si>
  <si>
    <t>POINT (4.648299266843321 51.84384442772474)</t>
  </si>
  <si>
    <t>POINT (4.628280974174138 51.84679985200449)</t>
  </si>
  <si>
    <t>POINT (4.650595349077991 51.82945002376527)</t>
  </si>
  <si>
    <t>POINT (4.635842778159781 51.83806655256744)</t>
  </si>
  <si>
    <t>POINT (4.640180318982904 51.844251472581334)</t>
  </si>
  <si>
    <t>POINT (4.635934225420774 51.827361616007856)</t>
  </si>
  <si>
    <t>POINT (4.6482150928650094 51.842783235958194)</t>
  </si>
  <si>
    <t>POINT (4.63426239457311 51.83799350644748)</t>
  </si>
  <si>
    <t>POINT (4.630091812734829 51.84008801257264)</t>
  </si>
  <si>
    <t>POINT (4.631353047687265 51.83583550435777)</t>
  </si>
  <si>
    <t>POINT (4.6312132174453104 51.83465708625477)</t>
  </si>
  <si>
    <t>POINT (4.646104136214541 51.84143061904862)</t>
  </si>
  <si>
    <t>POINT (4.626855260142889 51.8366873498624)</t>
  </si>
  <si>
    <t>POINT (4.627108775747013 51.83800133975599)</t>
  </si>
  <si>
    <t>POINT (4.630185654576813 51.838821213687275)</t>
  </si>
  <si>
    <t>POINT (4.637398937734644 51.836979883371875)</t>
  </si>
  <si>
    <t>POINT (4.64510252234042 51.829118799610285)</t>
  </si>
  <si>
    <t>POINT (4.643644444012517 51.84955002201814)</t>
  </si>
  <si>
    <t>POINT (4.6395071472055465 51.837595570845295)</t>
  </si>
  <si>
    <t>POINT (4.62538627000106 51.84032723286377)</t>
  </si>
  <si>
    <t>POINT (4.635942627757656 51.83555935018456)</t>
  </si>
  <si>
    <t>POINT (4.646526422427938 51.842224286366935)</t>
  </si>
  <si>
    <t>POINT (4.627434003247439 51.84608460154809)</t>
  </si>
  <si>
    <t>POINT (4.630203043219733 51.83951345427872)</t>
  </si>
  <si>
    <t>POINT (4.6451843722180755 51.827672139596906)</t>
  </si>
  <si>
    <t>POINT (4.644907261291 51.83568828693839)</t>
  </si>
  <si>
    <t>POINT (4.653731507446169 51.83374826862028)</t>
  </si>
  <si>
    <t>POINT (4.652772699803679 51.831153537288706)</t>
  </si>
  <si>
    <t>POINT (4.644080117901068 51.83309197860084)</t>
  </si>
  <si>
    <t>POINT (4.644462369991489 51.83803151617594)</t>
  </si>
  <si>
    <t>POINT (4.6421229251048635 51.847005358964296)</t>
  </si>
  <si>
    <t>POINT (4.639640640962123 51.83916943891478)</t>
  </si>
  <si>
    <t>POINT (4.627182474440302 51.83621306832411)</t>
  </si>
  <si>
    <t>POINT (4.621020953598861 51.84103589737606)</t>
  </si>
  <si>
    <t>POINT (4.648288380707872 51.84273875392284)</t>
  </si>
  <si>
    <t>POINT (4.642620314772033 51.83096373728984)</t>
  </si>
  <si>
    <t>POINT (4.642073774363017 51.835939996348394)</t>
  </si>
  <si>
    <t>POINT (4.642423546224711 51.836724230536745)</t>
  </si>
  <si>
    <t>POINT (4.6225070256445795 51.84068603885822)</t>
  </si>
  <si>
    <t>POINT (4.647254069742965 51.84386481113881)</t>
  </si>
  <si>
    <t>POINT (4.654618409574315 51.84202552347936)</t>
  </si>
  <si>
    <t>POINT (4.62276100616316 51.840256235936764)</t>
  </si>
  <si>
    <t>POINT (4.638512764294812 51.84940933345646)</t>
  </si>
  <si>
    <t>POINT (4.634884961594086 51.837206493975216)</t>
  </si>
  <si>
    <t>POINT (4.65421580606973 51.83259701395215)</t>
  </si>
  <si>
    <t>POINT (4.643804878893511 51.843582351105425)</t>
  </si>
  <si>
    <t>POINT (4.645980710982232 51.836584948035345)</t>
  </si>
  <si>
    <t>POINT (4.649491084979845 51.84727660079146)</t>
  </si>
  <si>
    <t>POINT (4.648118531554177 51.846899434109226)</t>
  </si>
  <si>
    <t>POINT (4.651155682556563 51.83321837181762)</t>
  </si>
  <si>
    <t>POINT (4.625432734698191 51.844444350776)</t>
  </si>
  <si>
    <t>POINT (4.642257301477192 51.845900606099285)</t>
  </si>
  <si>
    <t>POINT (4.636403459966908 51.84708577781977)</t>
  </si>
  <si>
    <t>POINT (4.639690364421514 51.83442373484364)</t>
  </si>
  <si>
    <t>POINT (4.651924083968887 51.8315842472205)</t>
  </si>
  <si>
    <t>POINT (4.642107250282361 51.853216422708215)</t>
  </si>
  <si>
    <t>POINT (4.6480039881162805 51.831770789055064)</t>
  </si>
  <si>
    <t>POINT (4.6345806260296065 51.83892138089892)</t>
  </si>
  <si>
    <t>POINT (4.6401655029267905 51.82676840250672)</t>
  </si>
  <si>
    <t>POINT (4.646387204467677 51.83039431803009)</t>
  </si>
  <si>
    <t>POINT (4.624735597153401 51.841905017226466)</t>
  </si>
  <si>
    <t>POINT (4.628043123160945 51.84885672065647)</t>
  </si>
  <si>
    <t>POINT (4.636767728950952 51.83875978790322)</t>
  </si>
  <si>
    <t>POINT (4.637940760160604 51.833670700052124)</t>
  </si>
  <si>
    <t>POINT (4.642461365904637 51.84058061035886)</t>
  </si>
  <si>
    <t>POINT (4.644919692475916 51.836695096762035)</t>
  </si>
  <si>
    <t>POINT (4.649992527875263 51.84501460889724)</t>
  </si>
  <si>
    <t>POINT (4.643812487619364 51.84663854463558)</t>
  </si>
  <si>
    <t>POINT (4.635803567465687 51.838677531659265)</t>
  </si>
  <si>
    <t>POINT (4.647973421024179 51.82832793380874)</t>
  </si>
  <si>
    <t>POINT (4.622735362798445 51.84091224307551)</t>
  </si>
  <si>
    <t>POINT (4.644550913313259 51.8485038701008)</t>
  </si>
  <si>
    <t>POINT (4.647966003264739 51.84911867191434)</t>
  </si>
  <si>
    <t>POINT (4.658084742164538 51.83289128965259)</t>
  </si>
  <si>
    <t>POINT (4.62589630799234 51.842775463083946)</t>
  </si>
  <si>
    <t>POINT (4.6358732668522 51.83449824194498)</t>
  </si>
  <si>
    <t>POINT (4.637587056219416 51.828355968071314)</t>
  </si>
  <si>
    <t>POINT (4.627396075081811 51.84608670215275)</t>
  </si>
  <si>
    <t>POINT (4.642957011621672 51.82902431762476)</t>
  </si>
  <si>
    <t>POINT (4.625980198166036 51.84639844475612)</t>
  </si>
  <si>
    <t>POINT (4.630966334380774 51.84677223535587)</t>
  </si>
  <si>
    <t>POINT (4.6287168258085885 51.844186963775996)</t>
  </si>
  <si>
    <t>POINT (4.634017414276481 51.84743903143448)</t>
  </si>
  <si>
    <t>POINT (4.641857515471356 51.837610516791706)</t>
  </si>
  <si>
    <t>POINT (4.6210505840416705 51.84100013599514)</t>
  </si>
  <si>
    <t>POINT (4.65089571303756 51.82971257979088)</t>
  </si>
  <si>
    <t>POINT (4.648752038572282 51.843667503156645)</t>
  </si>
  <si>
    <t>POINT (4.656227677288517 51.84712098304515)</t>
  </si>
  <si>
    <t>POINT (4.645158341835373 51.84246733014991)</t>
  </si>
  <si>
    <t>POINT (4.641282160870359 51.83993492851791)</t>
  </si>
  <si>
    <t>POINT (4.645326771753013 51.829596617103576)</t>
  </si>
  <si>
    <t>POINT (4.6396394057878005 51.83836943911408)</t>
  </si>
  <si>
    <t>POINT (4.63291015192547 51.839027512696035)</t>
  </si>
  <si>
    <t>POINT (4.657272347993457 51.8328085519076)</t>
  </si>
  <si>
    <t>POINT (4.648573809954968 51.851767120399145)</t>
  </si>
  <si>
    <t>POINT (4.640921895275186 51.83890793040583)</t>
  </si>
  <si>
    <t>POINT (4.641593965234412 51.84739750225764)</t>
  </si>
  <si>
    <t>POINT (4.653097427803324 51.841794030098505)</t>
  </si>
  <si>
    <t>POINT (4.6370437619328575 51.84698200648308)</t>
  </si>
  <si>
    <t>POINT (4.602369454871498 51.84219801428296)</t>
  </si>
  <si>
    <t>POINT (4.627482040570955 51.84604501165463)</t>
  </si>
  <si>
    <t>POINT (4.648434218939742 51.84269472838294)</t>
  </si>
  <si>
    <t>POINT (4.65088074595988 51.834179855402745)</t>
  </si>
  <si>
    <t>POINT (4.6512567272533705 51.84041899823154)</t>
  </si>
  <si>
    <t>POINT (4.638684126646123 51.83473192682124)</t>
  </si>
  <si>
    <t>POINT (4.651962057485358 51.84437977566476)</t>
  </si>
  <si>
    <t>POINT (4.638870825075229 51.84096226897095)</t>
  </si>
  <si>
    <t>POINT (4.651148717361452 51.83109842210256)</t>
  </si>
  <si>
    <t>POINT (4.644178501198248 51.848788665710266)</t>
  </si>
  <si>
    <t>POINT (4.655717854526268 51.8320438276681)</t>
  </si>
  <si>
    <t>POINT (4.6424107498598755 51.852418357771846)</t>
  </si>
  <si>
    <t>POINT (4.629799681337885 51.847106284900754)</t>
  </si>
  <si>
    <t>POINT (4.639265820051339 51.82853344417539)</t>
  </si>
  <si>
    <t>POINT (4.644632447700655 51.83406533383199)</t>
  </si>
  <si>
    <t>POINT (4.650140590276184 51.841515462406264)</t>
  </si>
  <si>
    <t>POINT (4.630008432753411 51.846775050418515)</t>
  </si>
  <si>
    <t>POINT (4.640779372958005 51.8319480991827)</t>
  </si>
  <si>
    <t>POINT (4.6357751495590245 51.838641395060726)</t>
  </si>
  <si>
    <t>POINT (4.641863354565459 51.846904836212644)</t>
  </si>
  <si>
    <t>POINT (4.643645473310408 51.846206031326595)</t>
  </si>
  <si>
    <t>POINT (4.628593066738556 51.848950161774624)</t>
  </si>
  <si>
    <t>POINT (4.640658167103082 51.83643436836241)</t>
  </si>
  <si>
    <t>POINT (4.649676594075625 51.83943613146138)</t>
  </si>
  <si>
    <t>POINT (4.650096066193454 51.84400852926785)</t>
  </si>
  <si>
    <t>POINT (4.623057772725761 51.83373557885812)</t>
  </si>
  <si>
    <t>POINT (4.638581509418572 51.84003459122723)</t>
  </si>
  <si>
    <t>POINT (4.644886969639215 51.83780049632152)</t>
  </si>
  <si>
    <t>POINT (4.6263690431363225 51.84142123663785)</t>
  </si>
  <si>
    <t>POINT (4.639545193992964 51.83880029549367)</t>
  </si>
  <si>
    <t>POINT (4.625546852393573 51.845918272700345)</t>
  </si>
  <si>
    <t>POINT (4.648244029072332 51.83305768059844)</t>
  </si>
  <si>
    <t>POINT (4.638138610923237 51.840490188516405)</t>
  </si>
  <si>
    <t>POINT (4.638703661899525 51.832682632393954)</t>
  </si>
  <si>
    <t>POINT (4.63284013868376 51.84494161159991)</t>
  </si>
  <si>
    <t>POINT (4.640591481312111 51.82820031374294)</t>
  </si>
  <si>
    <t>POINT (4.627843555756111 51.8495026145924)</t>
  </si>
  <si>
    <t>POINT (4.640103943125355 51.85060597170669)</t>
  </si>
  <si>
    <t>POINT (4.644469318752235 51.82792828889188)</t>
  </si>
  <si>
    <t>POINT (4.651252916899142 51.845148357210796)</t>
  </si>
  <si>
    <t>POINT (4.638284340049237 51.82648675421659)</t>
  </si>
  <si>
    <t>POINT (4.633152841089563 51.836665048849945)</t>
  </si>
  <si>
    <t>POINT (4.646814963555422 51.841444092592155)</t>
  </si>
  <si>
    <t>POINT (4.638352631688553 51.83896347935423)</t>
  </si>
  <si>
    <t>POINT (4.644597025433452 51.850246514111554)</t>
  </si>
  <si>
    <t>POINT (4.641829887789708 51.848927072587166)</t>
  </si>
  <si>
    <t>POINT (4.6449398028656725 51.842519880688684)</t>
  </si>
  <si>
    <t>POINT (4.621049514011291 51.8410630498251)</t>
  </si>
  <si>
    <t>POINT (4.629027948488398 51.85070576145985)</t>
  </si>
  <si>
    <t>POINT (4.6407368162763 51.83478404422661)</t>
  </si>
  <si>
    <t>POINT (4.654572515360913 51.84448598041156)</t>
  </si>
  <si>
    <t>POINT (4.642198662334814 51.845936188687645)</t>
  </si>
  <si>
    <t>POINT (4.647623892829944 51.84138120094454)</t>
  </si>
  <si>
    <t>POINT (4.64063839405924 51.84025442864963)</t>
  </si>
  <si>
    <t>POINT (4.6413944518918235 51.8515579847581)</t>
  </si>
  <si>
    <t>POINT (4.632982997289419 51.83901000335138)</t>
  </si>
  <si>
    <t>POINT (4.631896871119609 51.846670361056766)</t>
  </si>
  <si>
    <t>POINT (4.638955262428644 51.83413141387156)</t>
  </si>
  <si>
    <t>POINT (4.657656995362565 51.831453654637805)</t>
  </si>
  <si>
    <t>POINT (4.632401958075661 51.84770730627923)</t>
  </si>
  <si>
    <t>POINT (4.644921168531888 51.85088664137835)</t>
  </si>
  <si>
    <t>POINT (4.640343229996372 51.84667944868108)</t>
  </si>
  <si>
    <t>POINT (4.626233228205055 51.84258888503932)</t>
  </si>
  <si>
    <t>POINT (4.650655351732033 51.84055932414414)</t>
  </si>
  <si>
    <t>POINT (4.631106016439779 51.847096727137284)</t>
  </si>
  <si>
    <t>POINT (4.63256645536392 51.8387556435336)</t>
  </si>
  <si>
    <t>POINT (4.626676340382594 51.84556700907282)</t>
  </si>
  <si>
    <t>POINT (4.621050736902872 51.84099114830513)</t>
  </si>
  <si>
    <t>POINT (4.641317199139572 51.850964242618005)</t>
  </si>
  <si>
    <t>POINT (4.641022774366995 51.85121405443031)</t>
  </si>
  <si>
    <t>POINT (4.625551505453503 51.8365620453965)</t>
  </si>
  <si>
    <t>POINT (4.656893831453729 51.83109835114436)</t>
  </si>
  <si>
    <t>POINT (4.649263624588658 51.831041643246195)</t>
  </si>
  <si>
    <t>POINT (4.6391622606420455 51.83826752436553)</t>
  </si>
  <si>
    <t>POINT (4.62559793493115 51.84132745567151)</t>
  </si>
  <si>
    <t>POINT (4.64913981494436 51.85365633632568)</t>
  </si>
  <si>
    <t>POINT (4.649372895104083 51.84386016831945)</t>
  </si>
  <si>
    <t>POINT (4.64536120717613 51.84689103382286)</t>
  </si>
  <si>
    <t>POINT (4.649049698087219 51.84764236161775)</t>
  </si>
  <si>
    <t>POINT (4.6403111721219545 51.84598711758818)</t>
  </si>
  <si>
    <t>POINT (4.634054645545941 51.83392928982516)</t>
  </si>
  <si>
    <t>POINT (4.621845551886464 51.84118509492958)</t>
  </si>
  <si>
    <t>POINT (4.643717287636451 51.84625142940486)</t>
  </si>
  <si>
    <t>POINT (4.64486962249368 51.842375618334955)</t>
  </si>
  <si>
    <t>POINT (4.639484998950316 51.84067854467714)</t>
  </si>
  <si>
    <t>POINT (4.651409446131858 51.83467754717186)</t>
  </si>
  <si>
    <t>POINT (4.643733831434 51.84176218183942)</t>
  </si>
  <si>
    <t>POINT (4.642988287403199 51.8497213685868)</t>
  </si>
  <si>
    <t>POINT (4.655715082309843 51.8322145950594)</t>
  </si>
  <si>
    <t>POINT (4.64854930338274 51.8395694471664)</t>
  </si>
  <si>
    <t>POINT (4.632293900520632 51.837702215607045)</t>
  </si>
  <si>
    <t>POINT (4.629681317813118 51.852417825382396)</t>
  </si>
  <si>
    <t>POINT (4.646712311309061 51.831798602743106)</t>
  </si>
  <si>
    <t>POINT (4.626796842946505 51.84272736701798)</t>
  </si>
  <si>
    <t>POINT (4.645208394142773 51.84823836705102)</t>
  </si>
  <si>
    <t>POINT (4.6456825099659085 51.84500544478798)</t>
  </si>
  <si>
    <t>POINT (4.644699040943376 51.843920589892555)</t>
  </si>
  <si>
    <t>POINT (4.63523448198615 51.84669178422912)</t>
  </si>
  <si>
    <t>POINT (4.6428523794229415 51.8496238970017)</t>
  </si>
  <si>
    <t>POINT (4.652027557394529 51.83147206951758)</t>
  </si>
  <si>
    <t>POINT (4.628097565870835 51.83529315443631)</t>
  </si>
  <si>
    <t>POINT (4.650271368957899 51.843937720445645)</t>
  </si>
  <si>
    <t>POINT (4.648128032057083 51.84278268793992)</t>
  </si>
  <si>
    <t>POINT (4.649036810910821 51.849314170340186)</t>
  </si>
  <si>
    <t>POINT (4.63314451685016 51.83456164364662)</t>
  </si>
  <si>
    <t>POINT (4.639317827345994 51.838511209714284)</t>
  </si>
  <si>
    <t>POINT (4.640298986308785 51.83534445387832)</t>
  </si>
  <si>
    <t>POINT (4.6288537364696305 51.849930765867484)</t>
  </si>
  <si>
    <t>POINT (4.652517149571758 51.833480003460814)</t>
  </si>
  <si>
    <t>POINT (4.650281621822705 51.84116614947449)</t>
  </si>
  <si>
    <t>POINT (4.653078516753821 51.84622044737853)</t>
  </si>
  <si>
    <t>POINT (4.62759481618246 51.84445835894151)</t>
  </si>
  <si>
    <t>POINT (4.657566429036241 51.84930431094161)</t>
  </si>
  <si>
    <t>POINT (4.641968276742254 51.85196611759264)</t>
  </si>
  <si>
    <t>POINT (4.635805034310032 51.83945955590281)</t>
  </si>
  <si>
    <t>POINT (4.644553343291807 51.843955623044295)</t>
  </si>
  <si>
    <t>POINT (4.645232882490488 51.83444057838948)</t>
  </si>
  <si>
    <t>POINT (4.6416959504221165 51.85175764981295)</t>
  </si>
  <si>
    <t>POINT (4.6452608114645075 51.84681849018262)</t>
  </si>
  <si>
    <t>POINT (4.62710391128402 51.84897663861649)</t>
  </si>
  <si>
    <t>POINT (4.649999726089712 51.84723485219597)</t>
  </si>
  <si>
    <t>POINT (4.632646793345612 51.846953831655256)</t>
  </si>
  <si>
    <t>POINT (4.648248193955699 51.83545768192053)</t>
  </si>
  <si>
    <t>POINT (4.649304194403399 51.8378185462496)</t>
  </si>
  <si>
    <t>POINT (4.6434501198351725 51.827274650199314)</t>
  </si>
  <si>
    <t>POINT (4.641413861440628 51.84074474553557)</t>
  </si>
  <si>
    <t>POINT (4.628017152326455 51.835760046158484)</t>
  </si>
  <si>
    <t>POINT (4.643702399837092 51.8483885329743)</t>
  </si>
  <si>
    <t>POINT (4.641125926324873 51.8353497123458)</t>
  </si>
  <si>
    <t>POINT (4.6260237092340555 51.84296505144372)</t>
  </si>
  <si>
    <t>POINT (4.645596565133306 51.838766768598056)</t>
  </si>
  <si>
    <t>POINT (4.644479174585408 51.85285392587075)</t>
  </si>
  <si>
    <t>POINT (4.645142943259322 51.84164027564429)</t>
  </si>
  <si>
    <t>POINT (4.63104730002841 51.835033542419964)</t>
  </si>
  <si>
    <t>POINT (4.635158819177806 51.84600816077302)</t>
  </si>
  <si>
    <t>POINT (4.624399843248245 51.84373652746229)</t>
  </si>
  <si>
    <t>POINT (4.643601724953658 51.852371973909314)</t>
  </si>
  <si>
    <t>POINT (4.635106682822472 51.827401259889044)</t>
  </si>
  <si>
    <t>POINT (4.631008057708368 51.84688036814907)</t>
  </si>
  <si>
    <t>POINT (4.636525671103801 51.8392759431555)</t>
  </si>
  <si>
    <t>POINT (4.652462303436606 51.845740194196864)</t>
  </si>
  <si>
    <t>POINT (4.647007477635043 51.851298907771884)</t>
  </si>
  <si>
    <t>POINT (4.652087105769517 51.829603194278036)</t>
  </si>
  <si>
    <t>POINT (4.6452153456172995 51.84253061107187)</t>
  </si>
  <si>
    <t>POINT (4.636402557049297 51.828161073307676)</t>
  </si>
  <si>
    <t>POINT (4.641848570015294 51.83025772241311)</t>
  </si>
  <si>
    <t>POINT (4.628847985270139 51.838120451755124)</t>
  </si>
  <si>
    <t>POINT (4.642275281480127 51.85183323578002)</t>
  </si>
  <si>
    <t>POINT (4.627318610271684 51.83674428213509)</t>
  </si>
  <si>
    <t>POINT (4.642294662285265 51.83574364734553)</t>
  </si>
  <si>
    <t>POINT (4.6453532343023864 51.8526617007923)</t>
  </si>
  <si>
    <t>POINT (4.626588970988067 51.845584420458366)</t>
  </si>
  <si>
    <t>POINT (4.630370327985911 51.8485334556117)</t>
  </si>
  <si>
    <t>POINT (4.650228131524189 51.84391947173409)</t>
  </si>
  <si>
    <t>POINT (4.642277926638892 51.84289852287066)</t>
  </si>
  <si>
    <t>POINT (4.641161090396001 51.83338467847397)</t>
  </si>
  <si>
    <t>POINT (4.625129011655552 51.84352553433329)</t>
  </si>
  <si>
    <t>POINT (4.644578177527883 51.850300731336795)</t>
  </si>
  <si>
    <t>POINT (4.655357869661523 51.83276966590283)</t>
  </si>
  <si>
    <t>POINT (4.641233797947036 51.83935035760759)</t>
  </si>
  <si>
    <t>POINT (4.641053665965789 51.83883685859659)</t>
  </si>
  <si>
    <t>POINT (4.640639951653799 51.84541393404152)</t>
  </si>
  <si>
    <t>POINT (4.623547540447124 51.84350626980869)</t>
  </si>
  <si>
    <t>POINT (4.648704541453014 51.83319323343332)</t>
  </si>
  <si>
    <t>POINT (4.626140884893952 51.84633656569766)</t>
  </si>
  <si>
    <t>POINT (4.643529906851689 51.835625637569585)</t>
  </si>
  <si>
    <t>POINT (4.626449484170208 51.84095434642188)</t>
  </si>
  <si>
    <t>POINT (4.624898944665518 51.84511503720772)</t>
  </si>
  <si>
    <t>POINT (4.640028452399507 51.828034934819826)</t>
  </si>
  <si>
    <t>POINT (4.63149929668276 51.834901622739565)</t>
  </si>
  <si>
    <t>POINT (4.647827997696191 51.84426392790237)</t>
  </si>
  <si>
    <t>POINT (4.635829918468908 51.83796759480869)</t>
  </si>
  <si>
    <t>POINT (4.642445534997371 51.83539404629644)</t>
  </si>
  <si>
    <t>POINT (4.64597909291684 51.82962770411886)</t>
  </si>
  <si>
    <t>POINT (4.627725480910984 51.835848046405474)</t>
  </si>
  <si>
    <t>POINT (4.648370337071762 51.83154837860514)</t>
  </si>
  <si>
    <t>POINT (4.657418158906244 51.83218320921821)</t>
  </si>
  <si>
    <t>POINT (4.647114072119112 51.85238517518124)</t>
  </si>
  <si>
    <t>POINT (4.641030220276408 51.85076466880931)</t>
  </si>
  <si>
    <t>POINT (4.633581841685733 51.84658231289339)</t>
  </si>
  <si>
    <t>POINT (4.643943052755864 51.83369728913226)</t>
  </si>
  <si>
    <t>POINT (4.635861664597796 51.83693409999452)</t>
  </si>
  <si>
    <t>POINT (4.628180116387875 51.84331159347683)</t>
  </si>
  <si>
    <t>POINT (4.627322828900349 51.84853745777912)</t>
  </si>
  <si>
    <t>POINT (4.65009774028334 51.83237720740109)</t>
  </si>
  <si>
    <t>POINT (4.647490868442511 51.841816888338464)</t>
  </si>
  <si>
    <t>POINT (4.642683849431187 51.835898923715696)</t>
  </si>
  <si>
    <t>POINT (4.6576478909411865 51.83649623797948)</t>
  </si>
  <si>
    <t>POINT (4.634458351955857 51.84884409129267)</t>
  </si>
  <si>
    <t>POINT (4.641016780781549 51.8358074410896)</t>
  </si>
  <si>
    <t>POINT (4.626212150771717 51.83954158493018)</t>
  </si>
  <si>
    <t>POINT (4.63310583842311 51.8386063019102)</t>
  </si>
  <si>
    <t>POINT (4.643463478557875 51.84942389759822)</t>
  </si>
  <si>
    <t>POINT (4.630313628984804 51.836386105747266)</t>
  </si>
  <si>
    <t>POINT (4.631830216115821 51.834202635139754)</t>
  </si>
  <si>
    <t>POINT (4.622526737925049 51.8412344771174)</t>
  </si>
  <si>
    <t>POINT (4.631263107730182 51.83946635279207)</t>
  </si>
  <si>
    <t>POINT (4.640759591403864 51.82856093026657)</t>
  </si>
  <si>
    <t>POINT (4.631514379490595 51.84524768959638)</t>
  </si>
  <si>
    <t>POINT (4.641819820227792 51.84690455984858)</t>
  </si>
  <si>
    <t>POINT (4.638986751981944 51.8409719965131)</t>
  </si>
  <si>
    <t>POINT (4.649042690646388 51.841105144490214)</t>
  </si>
  <si>
    <t>POINT (4.645807177380833 51.83478611795112)</t>
  </si>
  <si>
    <t>POINT (4.649996742278299 51.840993971911516)</t>
  </si>
  <si>
    <t>POINT (4.625793815648703 51.837678214514334)</t>
  </si>
  <si>
    <t>POINT (4.639100868297776 51.8323525832534)</t>
  </si>
  <si>
    <t>POINT (4.625907338135559 51.846415949709645)</t>
  </si>
  <si>
    <t>POINT (4.651155938995248 51.82976814386686)</t>
  </si>
  <si>
    <t>POINT (4.628421622781839 51.849650170377316)</t>
  </si>
  <si>
    <t>POINT (4.646392186641561 51.84420993387383)</t>
  </si>
  <si>
    <t>POINT (4.624225318881727 51.84204552109168)</t>
  </si>
  <si>
    <t>POINT (4.6487380120753174 51.829474308404464)</t>
  </si>
  <si>
    <t>POINT (4.642279634639958 51.84630523763288)</t>
  </si>
  <si>
    <t>POINT (4.641362821427228 51.84733311357252)</t>
  </si>
  <si>
    <t>POINT (4.626344952956066 51.84628395622865)</t>
  </si>
  <si>
    <t>POINT (4.645217976197985 51.82915548418609)</t>
  </si>
  <si>
    <t>POINT (4.643658143119193 51.843680297224374)</t>
  </si>
  <si>
    <t>POINT (4.638114803123969 51.83355920959314)</t>
  </si>
  <si>
    <t>POINT (4.637024054588029 51.82742435217041)</t>
  </si>
  <si>
    <t>POINT (4.640296999815837 51.84421626024949)</t>
  </si>
  <si>
    <t>POINT (4.634898819939826 51.83811443934698)</t>
  </si>
  <si>
    <t>POINT (4.648158935883264 51.83559195007424)</t>
  </si>
  <si>
    <t>POINT (4.646761376023172 51.83764154877816)</t>
  </si>
  <si>
    <t>POINT (4.643997289995874 51.85214976185041)</t>
  </si>
  <si>
    <t>POINT (4.62426682687076 51.83873795462502)</t>
  </si>
  <si>
    <t>POINT (4.6364159724666685 51.83675787275622)</t>
  </si>
  <si>
    <t>POINT (4.642470212873246 51.84618959398874)</t>
  </si>
  <si>
    <t>POINT (4.638726476514764 51.84091640543303)</t>
  </si>
  <si>
    <t>POINT (4.632305846701348 51.8352573708051)</t>
  </si>
  <si>
    <t>3343CG</t>
  </si>
  <si>
    <t>Essengriend</t>
  </si>
  <si>
    <t>POINT (4.6274138667743 51.83883926237636)</t>
  </si>
  <si>
    <t>POINT (4.644037308628527 51.83312332076265)</t>
  </si>
  <si>
    <t>POINT (4.637835779582152 51.849971300617845)</t>
  </si>
  <si>
    <t>POINT (4.627030417345543 51.84694456957296)</t>
  </si>
  <si>
    <t>POINT (4.64400454402028 51.84913503933165)</t>
  </si>
  <si>
    <t>POINT (4.648505942786644 51.8359643863947)</t>
  </si>
  <si>
    <t>POINT (4.648674679320127 51.83156827110706)</t>
  </si>
  <si>
    <t>POINT (4.648212163135886 51.83676980075784)</t>
  </si>
  <si>
    <t>POINT (4.621827087137987 51.839063113890084)</t>
  </si>
  <si>
    <t>POINT (4.630160573378013 51.839450259654605)</t>
  </si>
  <si>
    <t>POINT (4.645233856519482 51.84404981219907)</t>
  </si>
  <si>
    <t>POINT (4.646719548578125 51.83135820331969)</t>
  </si>
  <si>
    <t>POINT (4.637261467958073 51.82850461961287)</t>
  </si>
  <si>
    <t>POINT (4.644185706947537 51.84336903386679)</t>
  </si>
  <si>
    <t>POINT (4.639974256080876 51.826928981518215)</t>
  </si>
  <si>
    <t>POINT (4.626256670967824 51.84635529352055)</t>
  </si>
  <si>
    <t>POINT (4.637059469874858 51.83832781396804)</t>
  </si>
  <si>
    <t>POINT (4.630886557040485 51.83683024376863)</t>
  </si>
  <si>
    <t>POINT (4.625019987529017 51.84396527198576)</t>
  </si>
  <si>
    <t>POINT (4.625169645128949 51.84006341131354)</t>
  </si>
  <si>
    <t>POINT (4.6308685279453465 51.846546888544694)</t>
  </si>
  <si>
    <t>POINT (4.655070455949551 51.84510031491242)</t>
  </si>
  <si>
    <t>POINT (4.626482037320313 51.85116039126243)</t>
  </si>
  <si>
    <t>POINT (4.630176366440588 51.84628175627254)</t>
  </si>
  <si>
    <t>POINT (4.641174915222097 51.847286976486615)</t>
  </si>
  <si>
    <t>POINT (4.629242203906836 51.8465993216932)</t>
  </si>
  <si>
    <t>POINT (4.634102995294184 51.83537677795223)</t>
  </si>
  <si>
    <t>POINT (4.650813797237843 51.83738838954006)</t>
  </si>
  <si>
    <t>POINT (4.640578538910471 51.85086966154499)</t>
  </si>
  <si>
    <t>POINT (4.619851878340787 51.83896086333016)</t>
  </si>
  <si>
    <t>POINT (4.650364153573994 51.83205528781571)</t>
  </si>
  <si>
    <t>POINT (4.635014777622202 51.83464555184101)</t>
  </si>
  <si>
    <t>POINT (4.62747588461937 51.837743044192486)</t>
  </si>
  <si>
    <t>POINT (4.631585196852065 51.84708183456003)</t>
  </si>
  <si>
    <t>POINT (4.626151569119633 51.848647650480004)</t>
  </si>
  <si>
    <t>POINT (4.650341665822426 51.83343041326313)</t>
  </si>
  <si>
    <t>POINT (4.640671723754108 51.8505017189934)</t>
  </si>
  <si>
    <t>POINT (4.629383608713831 51.83560707884267)</t>
  </si>
  <si>
    <t>POINT (4.637607896055207 51.840118265544184)</t>
  </si>
  <si>
    <t>POINT (4.6314593358726075 51.84852820050021)</t>
  </si>
  <si>
    <t>POINT (4.633661749822402 51.82800555161933)</t>
  </si>
  <si>
    <t>POINT (4.6365962174364075 51.829495801555716)</t>
  </si>
  <si>
    <t>POINT (4.625139420871236 51.84010619901786)</t>
  </si>
  <si>
    <t>POINT (4.632256287475744 51.84860523670744)</t>
  </si>
  <si>
    <t>POINT (4.636618953213298 51.83589625756574)</t>
  </si>
  <si>
    <t>POINT (4.648183119475633 51.838540385357504)</t>
  </si>
  <si>
    <t>POINT (4.649410763762795 51.84186006082045)</t>
  </si>
  <si>
    <t>POINT (4.64108719529449 51.828050658152236)</t>
  </si>
  <si>
    <t>POINT (4.626300811996939 51.846319624883044)</t>
  </si>
  <si>
    <t>POINT (4.651870869988278 51.845520763900076)</t>
  </si>
  <si>
    <t>POINT (4.637252611801723 51.827377902987514)</t>
  </si>
  <si>
    <t>POINT (4.63590620239873 51.84644440162917)</t>
  </si>
  <si>
    <t>POINT (4.640078129375583 51.8285386173559)</t>
  </si>
  <si>
    <t>POINT (4.651126193034408 51.8298129007067)</t>
  </si>
  <si>
    <t>POINT (4.636003983603072 51.83449008981285)</t>
  </si>
  <si>
    <t>POINT (4.637065788968604 51.8256160587147)</t>
  </si>
  <si>
    <t>POINT (4.657266883655852 51.841239089983496)</t>
  </si>
  <si>
    <t>POINT (4.628254429902632 51.844930035868124)</t>
  </si>
  <si>
    <t>POINT (4.644304852981387 51.84582369281182)</t>
  </si>
  <si>
    <t>POINT (4.633328602160811 51.83483248648015)</t>
  </si>
  <si>
    <t>POINT (4.653647013192178 51.83002643181922)</t>
  </si>
  <si>
    <t>POINT (4.6581802971854325 51.83396808676547)</t>
  </si>
  <si>
    <t>POINT (4.628207089071093 51.836543290062096)</t>
  </si>
  <si>
    <t>POINT (4.627384950444479 51.84607254490519)</t>
  </si>
  <si>
    <t>POINT (4.641362077250015 51.84737805215775)</t>
  </si>
  <si>
    <t>POINT (4.645852174545394 51.84351439832291)</t>
  </si>
  <si>
    <t>POINT (4.633702485818357 51.83329782200211)</t>
  </si>
  <si>
    <t>POINT (4.629754941983971 51.85235537965555)</t>
  </si>
  <si>
    <t>POINT (4.651232842660394 51.842193596603316)</t>
  </si>
  <si>
    <t>POINT (4.631141033108287 51.85019804381412)</t>
  </si>
  <si>
    <t>POINT (4.626256974659577 51.846337318134694)</t>
  </si>
  <si>
    <t>POINT (4.633369711032828 51.836711385061584)</t>
  </si>
  <si>
    <t>POINT (4.623998643555071 51.841720455141946)</t>
  </si>
  <si>
    <t>POINT (4.645864697392519 51.84892565058529)</t>
  </si>
  <si>
    <t>POINT (4.64238751416985 51.83275999608268)</t>
  </si>
  <si>
    <t>POINT (4.648681243694404 51.828512162907415)</t>
  </si>
  <si>
    <t>POINT (4.639899090582688 51.84720695387116)</t>
  </si>
  <si>
    <t>POINT (4.644869647322941 51.83797117151517)</t>
  </si>
  <si>
    <t>POINT (4.630370755202781 51.83644040615728)</t>
  </si>
  <si>
    <t>POINT (4.636233768257972 51.84855883390896)</t>
  </si>
  <si>
    <t>POINT (4.634248523020769 51.835350745414914)</t>
  </si>
  <si>
    <t>POINT (4.654249900846577 51.8322054557624)</t>
  </si>
  <si>
    <t>POINT (4.621731766388249 51.84104952279023)</t>
  </si>
  <si>
    <t>POINT (4.639299844118439 51.833538145707045)</t>
  </si>
  <si>
    <t>POINT (4.656742276228298 51.83472953887431)</t>
  </si>
  <si>
    <t>POINT (4.64908162437555 51.83683819138179)</t>
  </si>
  <si>
    <t>POINT (4.638754233492609 51.83316242904358)</t>
  </si>
  <si>
    <t>POINT (4.650591214581488 51.83680272987166)</t>
  </si>
  <si>
    <t>POINT (4.641492235198138 51.84740584486502)</t>
  </si>
  <si>
    <t>POINT (4.6546601809762205 51.83195633409982)</t>
  </si>
  <si>
    <t>POINT (4.627000258374547 51.8514681937543)</t>
  </si>
  <si>
    <t>POINT (4.622826058330723 51.83984317989731)</t>
  </si>
  <si>
    <t>POINT (4.6453444474967585 51.84085953517795)</t>
  </si>
  <si>
    <t>POINT (4.636307377025352 51.848496384013096)</t>
  </si>
  <si>
    <t>POINT (4.635577084561524 51.83572779522441)</t>
  </si>
  <si>
    <t>POINT (4.631727237689625 51.836017686710484)</t>
  </si>
  <si>
    <t>POINT (4.637586003115211 51.8284646255769)</t>
  </si>
  <si>
    <t>POINT (4.627451010423148 51.84868210603856)</t>
  </si>
  <si>
    <t>POINT (4.628450895166496 51.84618972031168)</t>
  </si>
  <si>
    <t>POINT (4.623780799782893 51.837449412628)</t>
  </si>
  <si>
    <t>POINT (4.648570300196399 51.83705070334587)</t>
  </si>
  <si>
    <t>POINT (4.633043741193978 51.84491595356605)</t>
  </si>
  <si>
    <t>POINT (4.642237225322823 51.83570732817164)</t>
  </si>
  <si>
    <t>POINT (4.646747996091636 51.85078121519452)</t>
  </si>
  <si>
    <t>POINT (4.636794219732445 51.837569272188475)</t>
  </si>
  <si>
    <t>POINT (4.63744365288274 51.84475537116717)</t>
  </si>
  <si>
    <t>POINT (4.650021878103459 51.849428222812236)</t>
  </si>
  <si>
    <t>POINT (4.642123222469031 51.84698738352688)</t>
  </si>
  <si>
    <t>POINT (4.648274664418661 51.83295899805024)</t>
  </si>
  <si>
    <t>POINT (4.647319745808902 51.84251692575818)</t>
  </si>
  <si>
    <t>POINT (4.646434948297511 51.838079934240675)</t>
  </si>
  <si>
    <t>POINT (4.636476608693835 51.83928653269238)</t>
  </si>
  <si>
    <t>POINT (4.643212518552298 51.84881693951917)</t>
  </si>
  <si>
    <t>POINT (4.623020545597704 51.84206465143116)</t>
  </si>
  <si>
    <t>POINT (4.62485602673129 51.84079120249742)</t>
  </si>
  <si>
    <t>POINT (4.64956708105056 51.83111545991834)</t>
  </si>
  <si>
    <t>POINT (4.649680132793649 51.83218582228453)</t>
  </si>
  <si>
    <t>POINT (4.652308348418844 51.831159619785026)</t>
  </si>
  <si>
    <t>POINT (4.629905202089306 51.84946199750499)</t>
  </si>
  <si>
    <t>POINT (4.638490998714525 51.8393688522045)</t>
  </si>
  <si>
    <t>POINT (4.6264273852665845 51.8414036373482)</t>
  </si>
  <si>
    <t>POINT (4.642156138000539 51.844120208654175)</t>
  </si>
  <si>
    <t>POINT (4.629197569679919 51.836315983904385)</t>
  </si>
  <si>
    <t>POINT (4.6437406593652835 51.83252587962478)</t>
  </si>
  <si>
    <t>POINT (4.63626715759103 51.828106598627485)</t>
  </si>
  <si>
    <t>POINT (4.642651168307488 51.83524254322261)</t>
  </si>
  <si>
    <t>POINT (4.64208013412128 51.84696014410307)</t>
  </si>
  <si>
    <t>POINT (4.655878529892322 51.83108304141057)</t>
  </si>
  <si>
    <t>POINT (4.642337740067876 51.8357708867075)</t>
  </si>
  <si>
    <t>POINT (4.640429702138563 51.846715953352344)</t>
  </si>
  <si>
    <t>POINT (4.6480348022696125 51.829892350079575)</t>
  </si>
  <si>
    <t>POINT (4.633721057133954 51.834790062721886)</t>
  </si>
  <si>
    <t>POINT (4.625200022737285 51.845332719935)</t>
  </si>
  <si>
    <t>POINT (4.623596404096196 51.843191983731565)</t>
  </si>
  <si>
    <t>POINT (4.627209122559564 51.83807389890058)</t>
  </si>
  <si>
    <t>POINT (4.645195793411146 51.83755076589669)</t>
  </si>
  <si>
    <t>POINT (4.641578989194431 51.84391879412408)</t>
  </si>
  <si>
    <t>POINT (4.6417299921314426 51.846193885171296)</t>
  </si>
  <si>
    <t>POINT (4.6444597050678205 51.847874087059225)</t>
  </si>
  <si>
    <t>POINT (4.6524713933244595 51.84518295447751)</t>
  </si>
  <si>
    <t>POINT (4.640826170029867 51.84906451518709)</t>
  </si>
  <si>
    <t>POINT (4.651957496009752 51.845548272361825)</t>
  </si>
  <si>
    <t>POINT (4.625820637061105 51.84038398278916)</t>
  </si>
  <si>
    <t>POINT (4.6461757324382855 51.83489928432888)</t>
  </si>
  <si>
    <t>POINT (4.642355461107174 51.849282996959445)</t>
  </si>
  <si>
    <t>POINT (4.656965307797308 51.83332949494302)</t>
  </si>
  <si>
    <t>POINT (4.630003450600732 51.828078556753596)</t>
  </si>
  <si>
    <t>POINT (4.644894777109911 51.845252149631364)</t>
  </si>
  <si>
    <t>POINT (4.649503195079404 51.84387896441226)</t>
  </si>
  <si>
    <t>POINT (4.640877833014653 51.84769856698825)</t>
  </si>
  <si>
    <t>POINT (4.637302008264078 51.83931632004703)</t>
  </si>
  <si>
    <t>POINT (4.627710330365232 51.85051747282271)</t>
  </si>
  <si>
    <t>POINT (4.635909179585981 51.828850890341286)</t>
  </si>
  <si>
    <t>POINT (4.642580109310131 51.82725115686125)</t>
  </si>
  <si>
    <t>POINT (4.6484572288212345 51.831557914148846)</t>
  </si>
  <si>
    <t>POINT (4.640070940160901 51.83859690307561)</t>
  </si>
  <si>
    <t>POINT (4.621420033142055 51.8423148946403)</t>
  </si>
  <si>
    <t>POINT (4.637470281713383 51.843155558012455)</t>
  </si>
  <si>
    <t>POINT (4.630852465626944 51.85096022216715)</t>
  </si>
  <si>
    <t>POINT (4.623729090315965 51.842213080167745)</t>
  </si>
  <si>
    <t>POINT (4.635354326988585 51.83690388583711)</t>
  </si>
  <si>
    <t>POINT (4.627183749329872 51.846094712107465)</t>
  </si>
  <si>
    <t>POINT (4.637120558069351 51.833920560825746)</t>
  </si>
  <si>
    <t>POINT (4.657640123532409 51.83518384521014)</t>
  </si>
  <si>
    <t>POINT (4.628366223711873 51.836571284878566)</t>
  </si>
  <si>
    <t>POINT (4.647231947313667 51.84256131573729)</t>
  </si>
  <si>
    <t>POINT (4.639244204694818 51.83770175997133)</t>
  </si>
  <si>
    <t>POINT (4.645712243966311 51.831738357833075)</t>
  </si>
  <si>
    <t>POINT (4.6488933806942665 51.830616847446876)</t>
  </si>
  <si>
    <t>POINT (4.634393208681275 51.834506737210724)</t>
  </si>
  <si>
    <t>POINT (4.622041809229683 51.8407369398542)</t>
  </si>
  <si>
    <t>POINT (4.644125449456976 51.83646535530691)</t>
  </si>
  <si>
    <t>POINT (4.629939800202262 51.84567798957586)</t>
  </si>
  <si>
    <t>POINT (4.643158012041321 51.832666006860606)</t>
  </si>
  <si>
    <t>POINT (4.629257703408799 51.83791635800349)</t>
  </si>
  <si>
    <t>POINT (4.627427081723354 51.84604582455247)</t>
  </si>
  <si>
    <t>POINT (4.648444145448018 51.828816285921484)</t>
  </si>
  <si>
    <t>POINT (4.640379420811399 51.83486856574385)</t>
  </si>
  <si>
    <t>POINT (4.645058143766367 51.834467455560535)</t>
  </si>
  <si>
    <t>POINT (4.65106148422479 51.84531794159129)</t>
  </si>
  <si>
    <t>POINT (4.648847063922487 51.83255810952577)</t>
  </si>
  <si>
    <t>POINT (4.633756162952403 51.83529365427742)</t>
  </si>
  <si>
    <t>POINT (4.645399657153107 51.838388000485885)</t>
  </si>
  <si>
    <t>POINT (4.631427262608931 51.847844855109386)</t>
  </si>
  <si>
    <t>POINT (4.635005549092644 51.844757753777735)</t>
  </si>
  <si>
    <t>POINT (4.647512306544717 51.84404621157582)</t>
  </si>
  <si>
    <t>POINT (4.6283996649406145 51.85095338573405)</t>
  </si>
  <si>
    <t>POINT (4.634123372505606 51.84891385263444)</t>
  </si>
  <si>
    <t>POINT (4.6345076885458205 51.83807597752839)</t>
  </si>
  <si>
    <t>POINT (4.656462789366667 51.8340191961437)</t>
  </si>
  <si>
    <t>POINT (4.656300235057615 51.84712143473859)</t>
  </si>
  <si>
    <t>POINT (4.651377959669977 51.83394027903675)</t>
  </si>
  <si>
    <t>POINT (4.632775479393441 51.83667161304365)</t>
  </si>
  <si>
    <t>POINT (4.647690458169307 51.83673056084194)</t>
  </si>
  <si>
    <t>POINT (4.645292458685624 51.85087335665221)</t>
  </si>
  <si>
    <t>POINT (4.635809595720914 51.83744612141268)</t>
  </si>
  <si>
    <t>POINT (4.627407391864654 51.838362820193105)</t>
  </si>
  <si>
    <t>POINT (4.650949611165244 51.83440500404414)</t>
  </si>
  <si>
    <t>POINT (4.646895114008704 51.842747954217735)</t>
  </si>
  <si>
    <t>POINT (4.635419219225814 51.8373627240446)</t>
  </si>
  <si>
    <t>POINT (4.640837950436467 51.84047142557278)</t>
  </si>
  <si>
    <t>POINT (4.6517841200208245 51.831727674550926)</t>
  </si>
  <si>
    <t>POINT (4.6251058801266565 51.84060406228777)</t>
  </si>
  <si>
    <t>POINT (4.6450187454835525 51.82803962835771)</t>
  </si>
  <si>
    <t>POINT (4.628501754860694 51.849201254602505)</t>
  </si>
  <si>
    <t>POINT (4.635917449314708 51.83706928719005)</t>
  </si>
  <si>
    <t>POINT (4.636282725273128 51.83604691486959)</t>
  </si>
  <si>
    <t>POINT (4.64861453665132 51.85174240610426)</t>
  </si>
  <si>
    <t>POINT (4.643199996726659 51.850200457410814)</t>
  </si>
  <si>
    <t>POINT (4.626199233490845 51.846318966544885)</t>
  </si>
  <si>
    <t>POINT (4.6442545066946215 51.83831783833773)</t>
  </si>
  <si>
    <t>POINT (4.641675119448304 51.85301592948479)</t>
  </si>
  <si>
    <t>POINT (4.641283874472869 51.835449591499106)</t>
  </si>
  <si>
    <t>POINT (4.648780906948001 51.84544743922053)</t>
  </si>
  <si>
    <t>POINT (4.626009524436933 51.8463806575311)</t>
  </si>
  <si>
    <t>POINT (4.650956610003951 51.83131294547128)</t>
  </si>
  <si>
    <t>POINT (4.640931260106983 51.84009449457313)</t>
  </si>
  <si>
    <t>POINT (4.652784853858904 51.82951767518823)</t>
  </si>
  <si>
    <t>POINT (4.645369731110155 51.834918184494754)</t>
  </si>
  <si>
    <t>POINT (4.627473643460472 51.849518864226276)</t>
  </si>
  <si>
    <t>POINT (4.6338867442456255 51.83702930780939)</t>
  </si>
  <si>
    <t>POINT (4.64677604625068 51.842046087641606)</t>
  </si>
  <si>
    <t>POINT (4.624087055143309 51.84421089495369)</t>
  </si>
  <si>
    <t>POINT (4.629957810683377 51.84978592892182)</t>
  </si>
  <si>
    <t>POINT (4.645774973916982 51.85121960020135)</t>
  </si>
  <si>
    <t>POINT (4.63394509180644 51.838746519979864)</t>
  </si>
  <si>
    <t>POINT (4.631136342189631 51.84529019918232)</t>
  </si>
  <si>
    <t>POINT (4.628989899716386 51.847793186251515)</t>
  </si>
  <si>
    <t>POINT (4.637496920904606 51.82850353495119)</t>
  </si>
  <si>
    <t>POINT (4.636214685798435 51.846221658442886)</t>
  </si>
  <si>
    <t>POINT (4.628981330300844 51.84485383431748)</t>
  </si>
  <si>
    <t>POINT (4.627923829069103 51.83785380642683)</t>
  </si>
  <si>
    <t>POINT (4.656322979798364 51.83140940156358)</t>
  </si>
  <si>
    <t>POINT (4.627758487481933 51.84507963649061)</t>
  </si>
  <si>
    <t>POINT (4.648905093515879 51.852036903822324)</t>
  </si>
  <si>
    <t>POINT (4.637752972024986 51.837503487314066)</t>
  </si>
  <si>
    <t>POINT (4.635039407458841 51.8270862246524)</t>
  </si>
  <si>
    <t>POINT (4.654773915109033 51.835942105711666)</t>
  </si>
  <si>
    <t>POINT (4.6322859162824574 51.8459717467243)</t>
  </si>
  <si>
    <t>POINT (4.648463894817314 51.83557589219979)</t>
  </si>
  <si>
    <t>POINT (4.630540020364898 51.84450434291629)</t>
  </si>
  <si>
    <t>POINT (4.641652857783199 51.85173041024001)</t>
  </si>
  <si>
    <t>POINT (4.644302762473135 51.848867212863894)</t>
  </si>
  <si>
    <t>POINT (4.638685565653907 51.83813864451174)</t>
  </si>
  <si>
    <t>POINT (4.634551965063061 51.83803131800741)</t>
  </si>
  <si>
    <t>POINT (4.654720521216439 51.836169635184085)</t>
  </si>
  <si>
    <t>POINT (4.654817546667058 51.84369650755871)</t>
  </si>
  <si>
    <t>POINT (4.65683429454559 51.849724310941426)</t>
  </si>
  <si>
    <t>POINT (4.643958994965467 51.838639559946024)</t>
  </si>
  <si>
    <t>POINT (4.6548448852518005 51.835884697441124)</t>
  </si>
  <si>
    <t>POINT (4.621596752984833 51.840455389044834)</t>
  </si>
  <si>
    <t>POINT (4.64212284812918 51.83034036181885)</t>
  </si>
  <si>
    <t>POINT (4.625439847900791 51.83630064893781)</t>
  </si>
  <si>
    <t>POINT (4.630917310682929 51.834133836469974)</t>
  </si>
  <si>
    <t>POINT (4.641944243828687 51.83587625338758)</t>
  </si>
  <si>
    <t>POINT (4.6525108541350075 51.82941708515442)</t>
  </si>
  <si>
    <t>POINT (4.623030735910502 51.840608550719764)</t>
  </si>
  <si>
    <t>POINT (4.641423749764135 51.83751787529432)</t>
  </si>
  <si>
    <t>POINT (4.646371491442725 51.84546821581278)</t>
  </si>
  <si>
    <t>POINT (4.629243170745954 51.84050500464356)</t>
  </si>
  <si>
    <t>POINT (4.625856051482064 51.845157202236535)</t>
  </si>
  <si>
    <t>POINT (4.624102876010681 51.83728072156361)</t>
  </si>
  <si>
    <t>POINT (4.644507549095874 51.83617114711151)</t>
  </si>
  <si>
    <t>POINT (4.648593243650056 51.84061187832851)</t>
  </si>
  <si>
    <t>POINT (4.640161167073531 51.83665592362175)</t>
  </si>
  <si>
    <t>POINT (4.632160565068799 51.837000240959334)</t>
  </si>
  <si>
    <t>POINT (4.612374315254824 51.84935660938749)</t>
  </si>
  <si>
    <t>POINT (4.647923861287044 51.83577024332416)</t>
  </si>
  <si>
    <t>POINT (4.6282940412083375 51.849469572412104)</t>
  </si>
  <si>
    <t>POINT (4.643001419267142 51.82897066709396)</t>
  </si>
  <si>
    <t>POINT (4.6313760132215585 51.83965584201997)</t>
  </si>
  <si>
    <t>POINT (4.632319851288186 51.834421513231256)</t>
  </si>
  <si>
    <t>POINT (4.63196215049796 51.84623932473012)</t>
  </si>
  <si>
    <t>POINT (4.650397342768164 51.833574581454755)</t>
  </si>
  <si>
    <t>POINT (4.642791151082108 51.83642993592037)</t>
  </si>
  <si>
    <t>POINT (4.648805293872992 51.84307458651718)</t>
  </si>
  <si>
    <t>POINT (4.652075931327665 51.84540519547698)</t>
  </si>
  <si>
    <t>POINT (4.638773532319511 51.833542233935674)</t>
  </si>
  <si>
    <t>POINT (4.643190623221197 51.82805502100021)</t>
  </si>
  <si>
    <t>POINT (4.641208963264498 51.8303345574471)</t>
  </si>
  <si>
    <t>POINT (4.637650511407018 51.83127152965744)</t>
  </si>
  <si>
    <t>POINT (4.631975757478608 51.846293344287126)</t>
  </si>
  <si>
    <t>POINT (4.632512334849827 51.838521589956265)</t>
  </si>
  <si>
    <t>POINT (4.650321774620194 51.84706608934179)</t>
  </si>
  <si>
    <t>POINT (4.628912710587465 51.84461968556758)</t>
  </si>
  <si>
    <t>POINT (4.635044402876689 51.837216504312494)</t>
  </si>
  <si>
    <t>POINT (4.63635607441393 51.84557537857388)</t>
  </si>
  <si>
    <t>POINT (4.65017788484718 51.846103400060976)</t>
  </si>
  <si>
    <t>POINT (4.633611087640548 51.83702753861337)</t>
  </si>
  <si>
    <t>POINT (4.61562846547187 51.8500252235259)</t>
  </si>
  <si>
    <t>POINT (4.624306947329525 51.84322356900133)</t>
  </si>
  <si>
    <t>POINT (4.650031595953234 51.846174390928766)</t>
  </si>
  <si>
    <t>POINT (4.647140549319939 51.85165726122485)</t>
  </si>
  <si>
    <t>POINT (4.646284619642164 51.83575092015059)</t>
  </si>
  <si>
    <t>POINT (4.632164686097719 51.835022757190096)</t>
  </si>
  <si>
    <t>POINT (4.646556103631257 51.835123426318155)</t>
  </si>
  <si>
    <t>POINT (4.655937592154351 51.84711018808175)</t>
  </si>
  <si>
    <t>POINT (4.647583002057791 51.83178611462935)</t>
  </si>
  <si>
    <t>POINT (4.627954912525902 51.83514841288672)</t>
  </si>
  <si>
    <t>POINT (4.645257103869629 51.84440051694792)</t>
  </si>
  <si>
    <t>POINT (4.642104006142705 51.83323459681221)</t>
  </si>
  <si>
    <t>POINT (4.656941720352817 51.830828989068884)</t>
  </si>
  <si>
    <t>POINT (4.645024508453708 51.835617118876655)</t>
  </si>
  <si>
    <t>POINT (4.659297936294029 51.8340525764174)</t>
  </si>
  <si>
    <t>POINT (4.6430680081032945 51.84250803186152)</t>
  </si>
  <si>
    <t>POINT (4.641828073114059 51.82711155340057)</t>
  </si>
  <si>
    <t>POINT (4.651686170416729 51.846166790173434)</t>
  </si>
  <si>
    <t>POINT (4.63913305944569 51.83286309377666)</t>
  </si>
  <si>
    <t>POINT (4.627762641473672 51.83622581166473)</t>
  </si>
  <si>
    <t>POINT (4.651405978629004 51.84377405202427)</t>
  </si>
  <si>
    <t>POINT (4.625234456026374 51.83643414630553)</t>
  </si>
  <si>
    <t>POINT (4.629266940009741 51.85202863868692)</t>
  </si>
  <si>
    <t>POINT (4.644485197812716 51.8463281987947)</t>
  </si>
  <si>
    <t>POINT (4.646807936699881 51.835691301167685)</t>
  </si>
  <si>
    <t>POINT (4.6400390876427515 51.84664155898794)</t>
  </si>
  <si>
    <t>POINT (4.645027011198074 51.84251144334206)</t>
  </si>
  <si>
    <t>POINT (4.641204384956868 51.84726019774039)</t>
  </si>
  <si>
    <t>POINT (4.63684032219647 51.82826191221851)</t>
  </si>
  <si>
    <t>POINT (4.627649372785295 51.84466545148751)</t>
  </si>
  <si>
    <t>POINT (4.648297841135595 51.85100837784344)</t>
  </si>
  <si>
    <t>POINT (4.636451617358939 51.834618794967696)</t>
  </si>
  <si>
    <t>POINT (4.6390229651166965 51.837044176884056)</t>
  </si>
  <si>
    <t>POINT (4.650255946065079 51.833348977131806)</t>
  </si>
  <si>
    <t>POINT (4.64883393008989 51.85106568202061)</t>
  </si>
  <si>
    <t>POINT (4.653186797156991 51.83156061752942)</t>
  </si>
  <si>
    <t>POINT (4.645982780353576 51.852333096238276)</t>
  </si>
  <si>
    <t>POINT (4.646959107724039 51.832672060706955)</t>
  </si>
  <si>
    <t>POINT (4.647158511062038 51.842614784844464)</t>
  </si>
  <si>
    <t>POINT (4.634516700577115 51.848826488011234)</t>
  </si>
  <si>
    <t>POINT (4.637212360250482 51.82856746036459)</t>
  </si>
  <si>
    <t>POINT (4.65584245916973 51.835100246785906)</t>
  </si>
  <si>
    <t>POINT (4.640610120233823 51.84020930549545)</t>
  </si>
  <si>
    <t>POINT (4.622792180545978 51.84098452252297)</t>
  </si>
  <si>
    <t>POINT (4.657686590424818 51.83141788390275)</t>
  </si>
  <si>
    <t>POINT (4.64132025581161 51.84464523263475)</t>
  </si>
  <si>
    <t>POINT (4.649905916580743 51.83257375350115)</t>
  </si>
  <si>
    <t>POINT (4.65622965496261 51.84926599252789)</t>
  </si>
  <si>
    <t>POINT (4.633219802501197 51.8387328754052)</t>
  </si>
  <si>
    <t>POINT (4.635145208461357 51.84595414157578)</t>
  </si>
  <si>
    <t>POINT (4.626099691624276 51.83589144913542)</t>
  </si>
  <si>
    <t>POINT (4.634549993831765 51.8338066252789)</t>
  </si>
  <si>
    <t>POINT (4.634469626846167 51.836880239125406)</t>
  </si>
  <si>
    <t>POINT (4.635980577761508 51.8367640760966)</t>
  </si>
  <si>
    <t>POINT (4.640641651083743 51.84618697002296)</t>
  </si>
  <si>
    <t>POINT (4.624826027404041 51.84427861650281)</t>
  </si>
  <si>
    <t>POINT (4.6536682927265405 51.83139284262993)</t>
  </si>
  <si>
    <t>POINT (4.624144654313157 51.84166747212236)</t>
  </si>
  <si>
    <t>POINT (4.630538830777734 51.837663950552916)</t>
  </si>
  <si>
    <t>POINT (4.627171739886045 51.847170201347105)</t>
  </si>
  <si>
    <t>POINT (4.650712776103206 51.84059720306841)</t>
  </si>
  <si>
    <t>POINT (4.62836571959827 51.84866105518101)</t>
  </si>
  <si>
    <t>POINT (4.645670268675606 51.84927498047133)</t>
  </si>
  <si>
    <t>POINT (4.638898647161156 51.82705695949082)</t>
  </si>
  <si>
    <t>POINT (4.641607965387951 51.836907815620066)</t>
  </si>
  <si>
    <t>POINT (4.630799895878974 51.84631274092254)</t>
  </si>
  <si>
    <t>POINT (4.641636020285831 51.82819796439185)</t>
  </si>
  <si>
    <t>POINT (4.647451345353341 51.83627063222072)</t>
  </si>
  <si>
    <t>POINT (4.646208941156029 51.85129619035817)</t>
  </si>
  <si>
    <t>POINT (4.642595069833055 51.83775901593414)</t>
  </si>
  <si>
    <t>POINT (4.6441446254397265 51.842125030258266)</t>
  </si>
  <si>
    <t>POINT (4.640830963429893 51.834340116820485)</t>
  </si>
  <si>
    <t>POINT (4.639856278404827 51.82704508332323)</t>
  </si>
  <si>
    <t>POINT (4.648476606994841 51.83598990938879)</t>
  </si>
  <si>
    <t>POINT (4.6267203285544225 51.845540327966475)</t>
  </si>
  <si>
    <t>POINT (4.646919309313401 51.83686053060838)</t>
  </si>
  <si>
    <t>POINT (4.636229022378293 51.84710263958394)</t>
  </si>
  <si>
    <t>POINT (4.64030144337104 51.84832410824552)</t>
  </si>
  <si>
    <t>POINT (4.637291698398658 51.836448866395955)</t>
  </si>
  <si>
    <t>POINT (4.65586663974266 51.847010871011506)</t>
  </si>
  <si>
    <t>POINT (4.649031418810801 51.8434445435232)</t>
  </si>
  <si>
    <t>POINT (4.626778827631118 51.84551374082675)</t>
  </si>
  <si>
    <t>POINT (4.6425601591464805 51.839871132142825)</t>
  </si>
  <si>
    <t>POINT (4.647325883996235 51.84391020702231)</t>
  </si>
  <si>
    <t>POINT (4.655311655819727 51.849011881737155)</t>
  </si>
  <si>
    <t>POINT (4.641219420131806 51.846352438282054)</t>
  </si>
  <si>
    <t>POINT (4.637100332508847 51.8382989427646)</t>
  </si>
  <si>
    <t>POINT (4.644937292749168 51.84091089368544)</t>
  </si>
  <si>
    <t>POINT (4.645948307002734 51.82973537384639)</t>
  </si>
  <si>
    <t>POINT (4.642256875569516 51.82925358208462)</t>
  </si>
  <si>
    <t>POINT (4.648646711617134 51.840579424053686)</t>
  </si>
  <si>
    <t>POINT (4.648001547407675 51.828382043003074)</t>
  </si>
  <si>
    <t>POINT (4.6442398584324565 51.84536485979662)</t>
  </si>
  <si>
    <t>POINT (4.641444457282265 51.84678532368632)</t>
  </si>
  <si>
    <t>POINT (4.6354315954592575 51.83488192760827)</t>
  </si>
  <si>
    <t>POINT (4.642268442469956 51.85224667059192)</t>
  </si>
  <si>
    <t>POINT (4.643968803608237 51.83716548006981)</t>
  </si>
  <si>
    <t>POINT (4.629398394177945 51.83990376506421)</t>
  </si>
  <si>
    <t>POINT (4.6484635896280855 51.84121971192843)</t>
  </si>
  <si>
    <t>POINT (4.650965281319722 51.841086385736425)</t>
  </si>
  <si>
    <t>POINT (4.6416488232450455 51.82917781211749)</t>
  </si>
  <si>
    <t>POINT (4.644978887068715 51.84367067677315)</t>
  </si>
  <si>
    <t>POINT (4.635808488948876 51.84708197177075)</t>
  </si>
  <si>
    <t>POINT (4.638611681492085 51.82686636723976)</t>
  </si>
  <si>
    <t>POINT (4.646772011418351 51.836994431706465)</t>
  </si>
  <si>
    <t>POINT (4.640815338806647 51.84621504027699)</t>
  </si>
  <si>
    <t>POINT (4.643904876489087 51.830486489754485)</t>
  </si>
  <si>
    <t>POINT (4.652309866879602 51.84529879608562)</t>
  </si>
  <si>
    <t>POINT (4.644197536202708 51.82945464449204)</t>
  </si>
  <si>
    <t>POINT (4.644135430303487 51.83325261480428)</t>
  </si>
  <si>
    <t>POINT (4.619969632704771 51.83886275735363)</t>
  </si>
  <si>
    <t>POINT (4.627162811376107 51.8365185563839)</t>
  </si>
  <si>
    <t>POINT (4.646700845999476 51.85082230161926)</t>
  </si>
  <si>
    <t>POINT (4.602070610121044 51.84180057608847)</t>
  </si>
  <si>
    <t>POINT (4.63828040422184 51.8485449399424)</t>
  </si>
  <si>
    <t>POINT (4.6261401255482175 51.84638150416114)</t>
  </si>
  <si>
    <t>POINT (4.629200485079729 51.8464911882775)</t>
  </si>
  <si>
    <t>POINT (4.647265874954773 51.84932998968956)</t>
  </si>
  <si>
    <t>POINT (4.650782719943402 51.83396351245064)</t>
  </si>
  <si>
    <t>POINT (4.642309732644156 51.84097514980188)</t>
  </si>
  <si>
    <t>POINT (4.638166874615313 51.85013520912409)</t>
  </si>
  <si>
    <t>POINT (4.637494662451952 51.83733105313487)</t>
  </si>
  <si>
    <t>POINT (4.62799737524436 51.83521160832793)</t>
  </si>
  <si>
    <t>POINT (4.6398818027632345 51.84562483882923)</t>
  </si>
  <si>
    <t>POINT (4.6390497994143445 51.8345544843185)</t>
  </si>
  <si>
    <t>POINT (4.650534910031143 51.843795555774015)</t>
  </si>
  <si>
    <t>POINT (4.6300834424909105 51.850946277392296)</t>
  </si>
  <si>
    <t>POINT (4.637960451569131 51.826772325213156)</t>
  </si>
  <si>
    <t>POINT (4.649119217265347 51.84340015220284)</t>
  </si>
  <si>
    <t>POINT (4.646893554865925 51.82959752033644)</t>
  </si>
  <si>
    <t>POINT (4.652425500951382 51.84274742449488)</t>
  </si>
  <si>
    <t>POINT (4.625241396355323 51.84117122898753)</t>
  </si>
  <si>
    <t>POINT (4.643394258154893 51.83681128299329)</t>
  </si>
  <si>
    <t>POINT (4.645945171800605 51.83609933542849)</t>
  </si>
  <si>
    <t>POINT (4.629432987809563 51.84302306015955)</t>
  </si>
  <si>
    <t>POINT (4.644111018818577 51.846137069359116)</t>
  </si>
  <si>
    <t>POINT (4.624050135024105 51.84210730326931)</t>
  </si>
  <si>
    <t>POINT (4.636178273529664 51.83796083518787)</t>
  </si>
  <si>
    <t>POINT (4.642870818834229 51.835998984754625)</t>
  </si>
  <si>
    <t>POINT (4.631581894128016 51.836897642213884)</t>
  </si>
  <si>
    <t>POINT (4.626863085220917 51.8396626554261)</t>
  </si>
  <si>
    <t>POINT (4.645590193798699 51.838272351583875)</t>
  </si>
  <si>
    <t>POINT (4.636053038752886 51.83883620524509)</t>
  </si>
  <si>
    <t>POINT (4.631496458233916 51.839395945676934)</t>
  </si>
  <si>
    <t>POINT (4.632035354013784 51.84706675336248)</t>
  </si>
  <si>
    <t>POINT (4.656466278223661 51.846726967646106)</t>
  </si>
  <si>
    <t>POINT (4.641754766590472 51.837681773779906)</t>
  </si>
  <si>
    <t>POINT (4.641643210779902 51.844422567241374)</t>
  </si>
  <si>
    <t>POINT (4.637496925884463 51.838100111782694)</t>
  </si>
  <si>
    <t>POINT (4.626749502229424 51.8455315282476)</t>
  </si>
  <si>
    <t>POINT (4.632787605988876 51.843745780500996)</t>
  </si>
  <si>
    <t>POINT (4.629534550031316 51.84561245440769)</t>
  </si>
  <si>
    <t>POINT (4.626822057043679 51.84553199815555)</t>
  </si>
  <si>
    <t>POINT (4.643621235516074 51.849908729234684)</t>
  </si>
  <si>
    <t>POINT (4.659164113196326 51.83784496086052)</t>
  </si>
  <si>
    <t>POINT (4.637529614815818 51.838109848528646)</t>
  </si>
  <si>
    <t>POINT (4.6436931075910115 51.85211188157263)</t>
  </si>
  <si>
    <t>POINT (4.628869422813843 51.83943293795119)</t>
  </si>
  <si>
    <t>POINT (4.646699746822526 51.84492197828674)</t>
  </si>
  <si>
    <t>POINT (4.636280507392995 51.838829004342685)</t>
  </si>
  <si>
    <t>POINT (4.643549282727759 51.82741909741266)</t>
  </si>
  <si>
    <t>POINT (4.646664814506405 51.84528130437646)</t>
  </si>
  <si>
    <t>POINT (4.640975572256951 51.844427314423235)</t>
  </si>
  <si>
    <t>POINT (4.648216851756919 51.84010546140585)</t>
  </si>
  <si>
    <t>POINT (4.634463545077059 51.84505989492559)</t>
  </si>
  <si>
    <t>POINT (4.636425447954236 51.83444784266602)</t>
  </si>
  <si>
    <t>POINT (4.638189524058844 51.82782665011965)</t>
  </si>
  <si>
    <t>POINT (4.6561500136092375 51.84743510225513)</t>
  </si>
  <si>
    <t>POINT (4.640169661612503 51.836143623170145)</t>
  </si>
  <si>
    <t>POINT (4.648225505155509 51.83064859950927)</t>
  </si>
  <si>
    <t>POINT (4.630385891759875 51.845403987755844)</t>
  </si>
  <si>
    <t>POINT (4.6432061339680635 51.835902234931126)</t>
  </si>
  <si>
    <t>POINT (4.6449787786854255 51.82958542852573)</t>
  </si>
  <si>
    <t>POINT (4.644705640386114 51.83471623521202)</t>
  </si>
  <si>
    <t>POINT (4.632163830658305 51.83593959741961)</t>
  </si>
  <si>
    <t>POINT (4.6427337128458275 51.83639361699003)</t>
  </si>
  <si>
    <t>POINT (4.642309467329574 51.835725763940104)</t>
  </si>
  <si>
    <t>POINT (4.6463121573928285 51.83584098065801)</t>
  </si>
  <si>
    <t>POINT (4.641450329288718 51.8438011243095)</t>
  </si>
  <si>
    <t>POINT (4.639960389726442 51.835638925411104)</t>
  </si>
  <si>
    <t>POINT (4.645983128868133 51.847020802826016)</t>
  </si>
  <si>
    <t>POINT (4.653624698311743 51.854565326844536)</t>
  </si>
  <si>
    <t>POINT (4.653440269845546 51.8302498564158)</t>
  </si>
  <si>
    <t>POINT (4.634657837200352 51.836036509823394)</t>
  </si>
  <si>
    <t>POINT (4.647478551771785 51.832846119950325)</t>
  </si>
  <si>
    <t>POINT (4.656229281827414 51.84702211788611)</t>
  </si>
  <si>
    <t>POINT (4.643450426105732 51.8509867626866)</t>
  </si>
  <si>
    <t>POINT (4.624708840492149 51.8391992493356)</t>
  </si>
  <si>
    <t>POINT (4.64620884750044 51.849179505323576)</t>
  </si>
  <si>
    <t>POINT (4.6460252523521515 51.83564141883219)</t>
  </si>
  <si>
    <t>POINT (4.646167267792155 51.83759285678249)</t>
  </si>
  <si>
    <t>POINT (4.64526791577469 51.84550619066093)</t>
  </si>
  <si>
    <t>POINT (4.647306012823724 51.83716858322182)</t>
  </si>
  <si>
    <t>POINT (4.629135414664112 51.85208172165192)</t>
  </si>
  <si>
    <t>POINT (4.641978243593333 51.840838216072484)</t>
  </si>
  <si>
    <t>POINT (4.651194686523876 51.837166061492596)</t>
  </si>
  <si>
    <t>POINT (4.636943218724025 51.847790344035495)</t>
  </si>
  <si>
    <t>POINT (4.6570933920564475 51.83532511866836)</t>
  </si>
  <si>
    <t>POINT (4.629268310221393 51.85108483733261)</t>
  </si>
  <si>
    <t>POINT (4.632583523508934 51.838602945690425)</t>
  </si>
  <si>
    <t>POINT (4.634772273513506 51.845691080781805)</t>
  </si>
  <si>
    <t>POINT (4.649330394261001 51.843796980607074)</t>
  </si>
  <si>
    <t>POINT (4.647356209212883 51.831461093165125)</t>
  </si>
  <si>
    <t>POINT (4.648649129013934 51.84551851963292)</t>
  </si>
  <si>
    <t>POINT (4.631821284025565 51.833869996299484)</t>
  </si>
  <si>
    <t>POINT (4.653668203313143 51.83298289255783)</t>
  </si>
  <si>
    <t>POINT (4.629141326372243 51.85086828953416)</t>
  </si>
  <si>
    <t>POINT (4.621623484347038 51.83802861733718)</t>
  </si>
  <si>
    <t>POINT (4.646181269551353 51.83497724207787)</t>
  </si>
  <si>
    <t>POINT (4.643507849621753 51.84996604191221)</t>
  </si>
  <si>
    <t>POINT (4.635261662412404 51.83550105823867)</t>
  </si>
  <si>
    <t>3344PL</t>
  </si>
  <si>
    <t>POINT (4.64573269823445 51.83408281423232)</t>
  </si>
  <si>
    <t>POINT (4.644686664839045 51.837628444863505)</t>
  </si>
  <si>
    <t>POINT (4.63826916441371 51.83874721872298)</t>
  </si>
  <si>
    <t>POINT (4.638241773711837 51.827694211632966)</t>
  </si>
  <si>
    <t>POINT (4.6359681285806715 51.82888009435138)</t>
  </si>
  <si>
    <t>POINT (4.629158312650807 51.84641001793923)</t>
  </si>
  <si>
    <t>POINT (4.6341185632843445 51.84920145913341)</t>
  </si>
  <si>
    <t>POINT (4.646949211813146 51.83680678715225)</t>
  </si>
  <si>
    <t>POINT (4.635916070482921 51.83802207824039)</t>
  </si>
  <si>
    <t>POINT (4.640298244696766 51.82838721056014)</t>
  </si>
  <si>
    <t>POINT (4.628345485301159 51.84564727361289)</t>
  </si>
  <si>
    <t>POINT (4.62690095412246 51.83827864325955)</t>
  </si>
  <si>
    <t>POINT (4.652500121956607 51.84520111156212)</t>
  </si>
  <si>
    <t>POINT (4.625934736985574 51.8405015755991)</t>
  </si>
  <si>
    <t>POINT (4.632206751869048 51.835975828201796)</t>
  </si>
  <si>
    <t>POINT (4.633524694762603 51.84826282724372)</t>
  </si>
  <si>
    <t>POINT (4.6237098200270905 51.84163767906494)</t>
  </si>
  <si>
    <t>POINT (4.633946509766667 51.847339701216484)</t>
  </si>
  <si>
    <t>POINT (4.64777037825562 51.84077593713659)</t>
  </si>
  <si>
    <t>POINT (4.630827362106724 51.838627598865834)</t>
  </si>
  <si>
    <t>POINT (4.637449144317101 51.82859538180482)</t>
  </si>
  <si>
    <t>POINT (4.642871099191176 51.83108306149554)</t>
  </si>
  <si>
    <t>POINT (4.649821908541176 51.8474584519843)</t>
  </si>
  <si>
    <t>POINT (4.6491407532637306 51.8491710052861)</t>
  </si>
  <si>
    <t>POINT (4.643743629866033 51.84179978954842)</t>
  </si>
  <si>
    <t>POINT (4.629971031788729 51.83691422874364)</t>
  </si>
  <si>
    <t>POINT (4.657803093632468 51.834150289871)</t>
  </si>
  <si>
    <t>POINT (4.6427264820559415 51.83595312613095)</t>
  </si>
  <si>
    <t>POINT (4.644064826405489 51.83319311226283)</t>
  </si>
  <si>
    <t>POINT (4.6472757727656075 51.84254361462208)</t>
  </si>
  <si>
    <t>POINT (4.633983243353261 51.82691765544293)</t>
  </si>
  <si>
    <t>POINT (4.641427325085289 51.839054960984974)</t>
  </si>
  <si>
    <t>POINT (4.63399033842967 51.837776032955176)</t>
  </si>
  <si>
    <t>POINT (4.646529037029283 51.83588729257752)</t>
  </si>
  <si>
    <t>POINT (4.652118144173126 51.84548635766667)</t>
  </si>
  <si>
    <t>POINT (4.6385556424938255 51.833667018646175)</t>
  </si>
  <si>
    <t>POINT (4.622870414649085 51.84236030072192)</t>
  </si>
  <si>
    <t>POINT (4.640761892894793 51.841558571090395)</t>
  </si>
  <si>
    <t>POINT (4.637470032850978 51.82856409077918)</t>
  </si>
  <si>
    <t>POINT (4.623999535104364 51.84423729210967)</t>
  </si>
  <si>
    <t>POINT (4.648607842000494 51.83960644427108)</t>
  </si>
  <si>
    <t>POINT (4.652458983561872 51.82992911479612)</t>
  </si>
  <si>
    <t>POINT (4.64626907713273 51.83581374275027)</t>
  </si>
  <si>
    <t>POINT (4.647623178525739 51.83287399725065)</t>
  </si>
  <si>
    <t>POINT (4.639200082372013 51.837737433549655)</t>
  </si>
  <si>
    <t>POINT (4.645315139626967 51.84263910568607)</t>
  </si>
  <si>
    <t>POINT (4.651812565075012 51.84375862208545)</t>
  </si>
  <si>
    <t>POINT (4.6433379259641745 51.85030048517056)</t>
  </si>
  <si>
    <t>POINT (4.645159230175193 51.842413403777165)</t>
  </si>
  <si>
    <t>POINT (4.645229263490927 51.842566653687776)</t>
  </si>
  <si>
    <t>POINT (4.649461600177279 51.82869684360805)</t>
  </si>
  <si>
    <t>POINT (4.628085750322983 51.848910928292106)</t>
  </si>
  <si>
    <t>POINT (4.632818432983147 51.83930557241047)</t>
  </si>
  <si>
    <t>POINT (4.636004170943725 51.83795972126827)</t>
  </si>
  <si>
    <t>POINT (4.643769265615469 51.841681436315085)</t>
  </si>
  <si>
    <t>POINT (4.636479097089739 51.83645266137561)</t>
  </si>
  <si>
    <t>POINT (4.641218152196379 51.84730522852429)</t>
  </si>
  <si>
    <t>POINT (4.631572354731461 51.83808408683368)</t>
  </si>
  <si>
    <t>POINT (4.633562752254474 51.83384523473845)</t>
  </si>
  <si>
    <t>POINT (4.649685485774959 51.830972385134515)</t>
  </si>
  <si>
    <t>POINT (4.635803717372844 51.83866854394182)</t>
  </si>
  <si>
    <t>POINT (4.6256766090110375 51.836886449774404)</t>
  </si>
  <si>
    <t>POINT (4.644589934249291 51.829412184252384)</t>
  </si>
  <si>
    <t>POINT (4.63144351460395 51.83822707637814)</t>
  </si>
  <si>
    <t>POINT (4.637116330651993 51.83817994502239)</t>
  </si>
  <si>
    <t>POINT (4.65594299134791 51.846777641649695)</t>
  </si>
  <si>
    <t>POINT (4.645144127049471 51.848615484540844)</t>
  </si>
  <si>
    <t>POINT (4.621874112891212 51.84121224717865)</t>
  </si>
  <si>
    <t>POINT (4.653833863609317 51.841751154474935)</t>
  </si>
  <si>
    <t>POINT (4.650891766780295 51.8326682370743)</t>
  </si>
  <si>
    <t>POINT (4.634234421957036 51.827512520608344)</t>
  </si>
  <si>
    <t>POINT (4.616247951817395 51.83333729313683)</t>
  </si>
  <si>
    <t>POINT (4.6309277694122235 51.83523951218008)</t>
  </si>
  <si>
    <t>POINT (4.642593584396861 51.843116253239955)</t>
  </si>
  <si>
    <t>POINT (4.6440827421918005 51.83305865621551)</t>
  </si>
  <si>
    <t>POINT (4.63578717477199 51.83705047605095)</t>
  </si>
  <si>
    <t>POINT (4.635593169541926 51.837372826546)</t>
  </si>
  <si>
    <t>POINT (4.644492541215792 51.85017244290862)</t>
  </si>
  <si>
    <t>POINT (4.634644758704913 51.8298701886347)</t>
  </si>
  <si>
    <t>POINT (4.646997424677211 51.835638564088136)</t>
  </si>
  <si>
    <t>POINT (4.626928935927607 51.847797836653704)</t>
  </si>
  <si>
    <t>POINT (4.649896068527464 51.85002068393913)</t>
  </si>
  <si>
    <t>POINT (4.626406562877969 51.840918113556256)</t>
  </si>
  <si>
    <t>POINT (4.632828574254569 51.835233765036854)</t>
  </si>
  <si>
    <t>POINT (4.62615932622818 51.83665587424838)</t>
  </si>
  <si>
    <t>POINT (4.633172714557367 51.84934819623127)</t>
  </si>
  <si>
    <t>POINT (4.637730399778775 51.83973253468201)</t>
  </si>
  <si>
    <t>POINT (4.6395589844149505 51.83622063362796)</t>
  </si>
  <si>
    <t>POINT (4.639698186192533 51.8383248700315)</t>
  </si>
  <si>
    <t>POINT (4.626162380724776 51.838192959508596)</t>
  </si>
  <si>
    <t>POINT (4.646067001682478 51.835749546469)</t>
  </si>
  <si>
    <t>POINT (4.6520051493671595 51.84440701147662)</t>
  </si>
  <si>
    <t>POINT (4.642498098391773 51.84538079117113)</t>
  </si>
  <si>
    <t>POINT (4.646390683492088 51.8381245982662)</t>
  </si>
  <si>
    <t>POINT (4.6406120289635 51.84184525559265)</t>
  </si>
  <si>
    <t>POINT (4.621792251135992 51.84261394850661)</t>
  </si>
  <si>
    <t>POINT (4.627745492093684 51.84498966565988)</t>
  </si>
  <si>
    <t>POINT (4.629722587842056 51.844786709579516)</t>
  </si>
  <si>
    <t>POINT (4.640482580633616 51.83652313837556)</t>
  </si>
  <si>
    <t>POINT (4.643075720629695 51.832377847567415)</t>
  </si>
  <si>
    <t>POINT (4.6458113323160735 51.845114122247395)</t>
  </si>
  <si>
    <t>POINT (4.640151446873734 51.84424230020909)</t>
  </si>
  <si>
    <t>POINT (4.627759245184093 51.84503469800621)</t>
  </si>
  <si>
    <t>POINT (4.644414325360381 51.83396215712145)</t>
  </si>
  <si>
    <t>POINT (4.629563454730444 51.8283633557502)</t>
  </si>
  <si>
    <t>POINT (4.635703055504271 51.838613967555645)</t>
  </si>
  <si>
    <t>POINT (4.640313919028473 51.83969506719982)</t>
  </si>
  <si>
    <t>POINT (4.650908879457415 51.83423396387564)</t>
  </si>
  <si>
    <t>POINT (4.634386482399904 51.83664600028762)</t>
  </si>
  <si>
    <t>POINT (4.650468552582987 51.83619207913166)</t>
  </si>
  <si>
    <t>POINT (4.657120601521244 51.8305334757581)</t>
  </si>
  <si>
    <t>POINT (4.6388120589995125 51.833195956957475)</t>
  </si>
  <si>
    <t>POINT (4.644535252307991 51.845933014328686)</t>
  </si>
  <si>
    <t>POINT (4.6382426869497815 51.83859424233774)</t>
  </si>
  <si>
    <t>POINT (4.6384845678776765 51.83193103981734)</t>
  </si>
  <si>
    <t>POINT (4.627762762847937 51.8405224036023)</t>
  </si>
  <si>
    <t>POINT (4.6389505441780905 51.836162825022804)</t>
  </si>
  <si>
    <t>POINT (4.637594389347007 51.826976727804144)</t>
  </si>
  <si>
    <t>POINT (4.625298758277174 51.8403536310175)</t>
  </si>
  <si>
    <t>POINT (4.648649471799586 51.83664671140947)</t>
  </si>
  <si>
    <t>POINT (4.626492769520924 51.83581309876672)</t>
  </si>
  <si>
    <t>POINT (4.62294588986502 51.83378724559415)</t>
  </si>
  <si>
    <t>POINT (4.640329314781914 51.84664340550934)</t>
  </si>
  <si>
    <t>POINT (4.636163313629859 51.838780740526204)</t>
  </si>
  <si>
    <t>POINT (4.647865598396749 51.84904613050419)</t>
  </si>
  <si>
    <t>POINT (4.647569032676494 51.83617249839879)</t>
  </si>
  <si>
    <t>POINT (4.637372165063111 51.836844882209306)</t>
  </si>
  <si>
    <t>POINT (4.630830530989418 51.83843885697083)</t>
  </si>
  <si>
    <t>POINT (4.642536590148586 51.83778561101828)</t>
  </si>
  <si>
    <t>POINT (4.644342232642636 51.84928910255356)</t>
  </si>
  <si>
    <t>POINT (4.635804916627605 51.83859664220179)</t>
  </si>
  <si>
    <t>POINT (4.648690980285774 51.84296600358665)</t>
  </si>
  <si>
    <t>POINT (4.646882740044951 51.844383812643414)</t>
  </si>
  <si>
    <t>POINT (4.635314852284534 51.83666093867226)</t>
  </si>
  <si>
    <t>POINT (4.627208289582111 51.845004166907316)</t>
  </si>
  <si>
    <t>POINT (4.657906975621922 51.83625055176508)</t>
  </si>
  <si>
    <t>POINT (4.650187133176787 51.8322339499489)</t>
  </si>
  <si>
    <t>POINT (4.632592142643829 51.836355830821915)</t>
  </si>
  <si>
    <t>POINT (4.641790946084326 51.84689538787864)</t>
  </si>
  <si>
    <t>POINT (4.622783314122634 51.84065188340243)</t>
  </si>
  <si>
    <t>POINT (4.6253259148432635 51.839986871170076)</t>
  </si>
  <si>
    <t>POINT (4.630201922790067 51.83439888598076)</t>
  </si>
  <si>
    <t>POINT (4.649463311694277 51.83547126596974)</t>
  </si>
  <si>
    <t>POINT (4.649138163301148 51.84667214290263)</t>
  </si>
  <si>
    <t>POINT (4.624206746015385 51.843142019714904)</t>
  </si>
  <si>
    <t>POINT (4.64631128504805 51.85133217954611)</t>
  </si>
  <si>
    <t>POINT (4.650672395339792 51.8417880641953)</t>
  </si>
  <si>
    <t>POINT (4.63398978678024 51.827394098057454)</t>
  </si>
  <si>
    <t>POINT (4.6392272141710045 51.85095993655873)</t>
  </si>
  <si>
    <t>POINT (4.6355133864003335 51.845632907202244)</t>
  </si>
  <si>
    <t>POINT (4.63983965925973 51.835044904178595)</t>
  </si>
  <si>
    <t>POINT (4.647823096832171 51.836605554944875)</t>
  </si>
  <si>
    <t>POINT (4.625010558296723 51.844522508961106)</t>
  </si>
  <si>
    <t>POINT (4.6409764360319 51.83286450748932)</t>
  </si>
  <si>
    <t>POINT (4.6482145030717055 51.84281918689182)</t>
  </si>
  <si>
    <t>POINT (4.626500473571946 51.85082424449533)</t>
  </si>
  <si>
    <t>POINT (4.649653498898581 51.82938118886068)</t>
  </si>
  <si>
    <t>POINT (4.645240794021871 51.839138080721355)</t>
  </si>
  <si>
    <t>POINT (4.644330755676764 51.82929369144159)</t>
  </si>
  <si>
    <t>POINT (4.640397493889159 51.846032610000464)</t>
  </si>
  <si>
    <t>POINT (4.6440793061505925 51.84717955330795)</t>
  </si>
  <si>
    <t>POINT (4.64968400365351 51.84701714172961)</t>
  </si>
  <si>
    <t>POINT (4.630537151675955 51.844675109255746)</t>
  </si>
  <si>
    <t>POINT (4.640719631856108 51.846735774342285)</t>
  </si>
  <si>
    <t>POINT (4.659197531929672 51.83487891061832)</t>
  </si>
  <si>
    <t>POINT (4.639586659189187 51.845919585837876)</t>
  </si>
  <si>
    <t>POINT (4.658579598887387 51.831818931522456)</t>
  </si>
  <si>
    <t>POINT (4.64282429465487 51.839693033802455)</t>
  </si>
  <si>
    <t>POINT (4.653264882927067 51.84332894647761)</t>
  </si>
  <si>
    <t>POINT (4.636402164918122 51.839456598769765)</t>
  </si>
  <si>
    <t>POINT (4.637458374011682 51.82858036673131)</t>
  </si>
  <si>
    <t>POINT (4.630086476363573 51.835225100588474)</t>
  </si>
  <si>
    <t>POINT (4.62390442732055 51.842142310778215)</t>
  </si>
  <si>
    <t>POINT (4.646641674272287 51.844040723229206)</t>
  </si>
  <si>
    <t>POINT (4.638326392810727 51.832033607410075)</t>
  </si>
  <si>
    <t>POINT (4.624714032140189 51.84146443167892)</t>
  </si>
  <si>
    <t>POINT (4.640800329103389 51.83410575800829)</t>
  </si>
  <si>
    <t>POINT (4.640128000407718 51.82728051890507)</t>
  </si>
  <si>
    <t>POINT (4.630940491524661 51.83621037206199)</t>
  </si>
  <si>
    <t>POINT (4.630313905312292 51.834642302589174)</t>
  </si>
  <si>
    <t>POINT (4.634269797392616 51.832166730574016)</t>
  </si>
  <si>
    <t>POINT (4.644576778231306 51.85221634875769)</t>
  </si>
  <si>
    <t>POINT (4.637595303956615 51.828534284372914)</t>
  </si>
  <si>
    <t>POINT (4.629604549392416 51.83627366762861)</t>
  </si>
  <si>
    <t>POINT (4.644941619817168 51.84927155406216)</t>
  </si>
  <si>
    <t>POINT (4.649434150525145 51.84098499974858)</t>
  </si>
  <si>
    <t>POINT (4.639107232333718 51.834590805049466)</t>
  </si>
  <si>
    <t>POINT (4.640186190895229 51.8473975427639)</t>
  </si>
  <si>
    <t>POINT (4.645999246266868 51.83810415019374)</t>
  </si>
  <si>
    <t>POINT (4.640803143949126 51.839068971565055)</t>
  </si>
  <si>
    <t>POINT (4.647343328216835 51.84638219836115)</t>
  </si>
  <si>
    <t>POINT (4.648371376964423 51.843871847506)</t>
  </si>
  <si>
    <t>POINT (4.629521839319744 51.848956158761645)</t>
  </si>
  <si>
    <t>POINT (4.628485035059081 51.83554734258026)</t>
  </si>
  <si>
    <t>POINT (4.656624140980913 51.83532116558942)</t>
  </si>
  <si>
    <t>POINT (4.629175198256316 51.836783251078266)</t>
  </si>
  <si>
    <t>POINT (4.62629608351514 51.844881405789906)</t>
  </si>
  <si>
    <t>POINT (4.653547041943866 51.84231017383104)</t>
  </si>
  <si>
    <t>POINT (4.624687073667901 51.840273480617064)</t>
  </si>
  <si>
    <t>POINT (4.641515299887581 51.84601274857489)</t>
  </si>
  <si>
    <t>POINT (4.642726199827861 51.82718916276092)</t>
  </si>
  <si>
    <t>POINT (4.6298389840099965 51.84735822126558)</t>
  </si>
  <si>
    <t>POINT (4.653994573222165 51.83006455797455)</t>
  </si>
  <si>
    <t>POINT (4.6289980565904045 51.84817076318083)</t>
  </si>
  <si>
    <t>POINT (4.629461064207447 51.849980475027884)</t>
  </si>
  <si>
    <t>POINT (4.65003464097616 51.844214882760234)</t>
  </si>
  <si>
    <t>POINT (4.626326816337389 51.84220297830637)</t>
  </si>
  <si>
    <t>POINT (4.632078346996026 51.83411434468529)</t>
  </si>
  <si>
    <t>POINT (4.628649136469132 51.84303597569494)</t>
  </si>
  <si>
    <t>POINT (4.646284085254525 51.843723863996104)</t>
  </si>
  <si>
    <t>POINT (4.650396096597049 51.846958691897775)</t>
  </si>
  <si>
    <t>POINT (4.642487018923918 51.839906622888215)</t>
  </si>
  <si>
    <t>POINT (4.624498740738018 51.84032212646873)</t>
  </si>
  <si>
    <t>POINT (4.646209693521803 51.83501337618451)</t>
  </si>
  <si>
    <t>POINT (4.644956172118116 51.85090718600023)</t>
  </si>
  <si>
    <t>POINT (4.624888826085368 51.832330614228695)</t>
  </si>
  <si>
    <t>POINT (4.64380044222889 51.82802293005659)</t>
  </si>
  <si>
    <t>POINT (4.630552665986148 51.83424833959227)</t>
  </si>
  <si>
    <t>POINT (4.654099569548666 51.84181866481592)</t>
  </si>
  <si>
    <t>POINT (4.646271622071371 51.831247512768016)</t>
  </si>
  <si>
    <t>POINT (4.633279676240709 51.83342094886456)</t>
  </si>
  <si>
    <t>POINT (4.648974048727893 51.83905994467991)</t>
  </si>
  <si>
    <t>POINT (4.640353385570857 51.8416908031709)</t>
  </si>
  <si>
    <t>POINT (4.642691781549322 51.8398090462309)</t>
  </si>
  <si>
    <t>POINT (4.6416175772310915 51.83895729401979)</t>
  </si>
  <si>
    <t>POINT (4.648126053288845 51.82875136277492)</t>
  </si>
  <si>
    <t>POINT (4.6406697184049985 51.84536917998543)</t>
  </si>
  <si>
    <t>POINT (4.636546501822082 51.82953231028105)</t>
  </si>
  <si>
    <t>POINT (4.637834035368014 51.83699165021925)</t>
  </si>
  <si>
    <t>POINT (4.6303711803037055 51.83468761529343)</t>
  </si>
  <si>
    <t>POINT (4.647378558637742 51.85218909153209)</t>
  </si>
  <si>
    <t>POINT (4.635179416454873 51.83521289359824)</t>
  </si>
  <si>
    <t>POINT (4.643390904934544 51.84316625058664)</t>
  </si>
  <si>
    <t>POINT (4.641643834347207 51.82860250475649)</t>
  </si>
  <si>
    <t>POINT (4.64472354714127 51.83539049894685)</t>
  </si>
  <si>
    <t>POINT (4.645485728278966 51.827871795225846)</t>
  </si>
  <si>
    <t>POINT (4.640232324852446 51.83849006595377)</t>
  </si>
  <si>
    <t>POINT (4.643367286705698 51.852505318885584)</t>
  </si>
  <si>
    <t>POINT (4.6214334735189775 51.84237790310653)</t>
  </si>
  <si>
    <t>POINT (4.6464373716224605 51.82999014417257)</t>
  </si>
  <si>
    <t>POINT (4.644442630356883 51.83383200043847)</t>
  </si>
  <si>
    <t>POINT (4.637783552407528 51.826941980960804)</t>
  </si>
  <si>
    <t>POINT (4.620301608637619 51.850046849933996)</t>
  </si>
  <si>
    <t>POINT (4.643732206295833 51.84829119475707)</t>
  </si>
  <si>
    <t>POINT (4.6474140875974115 51.83147044661639)</t>
  </si>
  <si>
    <t>POINT (4.643587162242775 51.84534275045665)</t>
  </si>
  <si>
    <t>POINT (4.644846364232675 51.83419047881959)</t>
  </si>
  <si>
    <t>POINT (4.641147913617328 51.844536273655436)</t>
  </si>
  <si>
    <t>POINT (4.642176735127955 51.839365334015945)</t>
  </si>
  <si>
    <t>POINT (4.642942764626977 51.83603539559836)</t>
  </si>
  <si>
    <t>POINT (4.6301092905570025 51.83473086999521)</t>
  </si>
  <si>
    <t>POINT (4.640155828747515 51.829977301218236)</t>
  </si>
  <si>
    <t>POINT (4.634835185364813 51.834105080005955)</t>
  </si>
  <si>
    <t>POINT (4.626772853708582 51.84672717350467)</t>
  </si>
  <si>
    <t>POINT (4.628354703868841 51.8456625959665)</t>
  </si>
  <si>
    <t>POINT (4.644747972602698 51.85239720440838)</t>
  </si>
  <si>
    <t>POINT (4.629672402378382 51.84863353807393)</t>
  </si>
  <si>
    <t>POINT (4.650490844167254 51.853587778543265)</t>
  </si>
  <si>
    <t>POINT (4.6246660744003405 51.83915402813358)</t>
  </si>
  <si>
    <t>POINT (4.639369290814732 51.84590022421309)</t>
  </si>
  <si>
    <t>POINT (4.647919676053651 51.846180527777285)</t>
  </si>
  <si>
    <t>POINT (4.621604079297598 51.8425857555264)</t>
  </si>
  <si>
    <t>POINT (4.627924368448083 51.839543682492454)</t>
  </si>
  <si>
    <t>POINT (4.638328601382858 51.82644209317861)</t>
  </si>
  <si>
    <t>POINT (4.637695326545258 51.82701332713224)</t>
  </si>
  <si>
    <t>POINT (4.641865605356795 51.848522809596325)</t>
  </si>
  <si>
    <t>POINT (4.637252165164613 51.84579683373048)</t>
  </si>
  <si>
    <t>POINT (4.6394475691810015 51.83211675401477)</t>
  </si>
  <si>
    <t>POINT (4.6428167495744175 51.82785489957634)</t>
  </si>
  <si>
    <t>POINT (4.635115894143194 51.83727988309308)</t>
  </si>
  <si>
    <t>POINT (4.645842344025288 51.84940190824765)</t>
  </si>
  <si>
    <t>POINT (4.646220300962315 51.85128678800303)</t>
  </si>
  <si>
    <t>POINT (4.649962823499813 51.844169488529396)</t>
  </si>
  <si>
    <t>POINT (4.647426424194029 51.843973761185524)</t>
  </si>
  <si>
    <t>POINT (4.6280918732822975 51.838214440540455)</t>
  </si>
  <si>
    <t>POINT (4.649078827849459 51.83958958641282)</t>
  </si>
  <si>
    <t>POINT (4.65255933838994 51.84512957285582)</t>
  </si>
  <si>
    <t>POINT (4.64948334524116 51.84686307400086)</t>
  </si>
  <si>
    <t>POINT (4.637837794370938 51.8393826619393)</t>
  </si>
  <si>
    <t>POINT (4.643938836183054 51.84513823800687)</t>
  </si>
  <si>
    <t>POINT (4.652395379676837 51.832939921195646)</t>
  </si>
  <si>
    <t>POINT (4.634207214585643 51.83782236762526)</t>
  </si>
  <si>
    <t>POINT (4.645367812357137 51.84732708844919)</t>
  </si>
  <si>
    <t>POINT (4.642542980017173 51.82686440791935)</t>
  </si>
  <si>
    <t>POINT (4.650388629212747 51.84386654712245)</t>
  </si>
  <si>
    <t>POINT (4.6263184664802 51.84269730166094)</t>
  </si>
  <si>
    <t>POINT (4.657203049508527 51.83479965826558)</t>
  </si>
  <si>
    <t>POINT (4.642941446744227 51.84489821454742)</t>
  </si>
  <si>
    <t>POINT (4.650912356355667 51.83135761126017)</t>
  </si>
  <si>
    <t>POINT (4.6386788767279565 51.83417459524911)</t>
  </si>
  <si>
    <t>POINT (4.6244693465086435 51.84134598938274)</t>
  </si>
  <si>
    <t>POINT (4.624359558704319 51.84440142813405)</t>
  </si>
  <si>
    <t>POINT (4.625056003877541 51.843552026467265)</t>
  </si>
  <si>
    <t>POINT (4.634844828693574 51.84569154573171)</t>
  </si>
  <si>
    <t>POINT (4.644142047216029 51.84249685705892)</t>
  </si>
  <si>
    <t>POINT (4.6364802319417935 51.845962685249276)</t>
  </si>
  <si>
    <t>POINT (4.6513575167647225 51.840502685228564)</t>
  </si>
  <si>
    <t>POINT (4.63022308544741 51.8348664341358)</t>
  </si>
  <si>
    <t>POINT (4.644605556977031 51.850320616619356)</t>
  </si>
  <si>
    <t>POINT (4.629357017503309 51.834600174286834)</t>
  </si>
  <si>
    <t>POINT (4.64602689761472 51.82936733431899)</t>
  </si>
  <si>
    <t>POINT (4.6216638003087676 51.84163334425748)</t>
  </si>
  <si>
    <t>POINT (4.622799237662751 51.84227893915782)</t>
  </si>
  <si>
    <t>POINT (4.645304566714821 51.829182997543526)</t>
  </si>
  <si>
    <t>POINT (4.658067274974504 51.84106508144733)</t>
  </si>
  <si>
    <t>POINT (4.648221235632458 51.850369701409164)</t>
  </si>
  <si>
    <t>POINT (4.64616861328865 51.84456806944577)</t>
  </si>
  <si>
    <t>POINT (4.64198303954742 51.84844265704268)</t>
  </si>
  <si>
    <t>POINT (4.644958885697406 51.846645797365674)</t>
  </si>
  <si>
    <t>POINT (4.6475910151026 51.83748498250789)</t>
  </si>
  <si>
    <t>POINT (4.640682831580277 51.82794022291778)</t>
  </si>
  <si>
    <t>POINT (4.627129115463034 51.84711599337342)</t>
  </si>
  <si>
    <t>POINT (4.640577439796898 51.83424348532448)</t>
  </si>
  <si>
    <t>POINT (4.626835782446578 51.850736529595665)</t>
  </si>
  <si>
    <t>POINT (4.642667882459467 51.82720677022987)</t>
  </si>
  <si>
    <t>POINT (4.656760177125797 51.834622343601225)</t>
  </si>
  <si>
    <t>POINT (4.622488031245809 51.83753088552187)</t>
  </si>
  <si>
    <t>POINT (4.619910219808569 51.83894326727326)</t>
  </si>
  <si>
    <t>POINT (4.631532498789121 51.848492716709075)</t>
  </si>
  <si>
    <t>POINT (4.647023517312263 51.829634294624434)</t>
  </si>
  <si>
    <t>POINT (4.643489741381441 51.832784961811754)</t>
  </si>
  <si>
    <t>POINT (4.642146299844639 51.851733542223215)</t>
  </si>
  <si>
    <t>POINT (4.641232961491826 51.847287345288265)</t>
  </si>
  <si>
    <t>POINT (4.642829935920722 51.83056956486457)</t>
  </si>
  <si>
    <t>POINT (4.630420157009081 51.8455421128628)</t>
  </si>
  <si>
    <t>POINT (4.635783810496089 51.82681234312701)</t>
  </si>
  <si>
    <t>POINT (4.656586442484583 51.85007942050647)</t>
  </si>
  <si>
    <t>POINT (4.63344018074507 51.84810947735996)</t>
  </si>
  <si>
    <t>POINT (4.646153732581852 51.83488718153174)</t>
  </si>
  <si>
    <t>POINT (4.643294517003901 51.8358218969775)</t>
  </si>
  <si>
    <t>POINT (4.650456106275227 51.833530006926495)</t>
  </si>
  <si>
    <t>POINT (4.644286520488223 51.83637648801738)</t>
  </si>
  <si>
    <t>POINT (4.650440276432365 51.833610805602554)</t>
  </si>
  <si>
    <t>POINT (4.648041398817914 51.83568109675899)</t>
  </si>
  <si>
    <t>POINT (4.64104050799114 51.848391727863586)</t>
  </si>
  <si>
    <t>POINT (4.641795474625195 51.83467941952486)</t>
  </si>
  <si>
    <t>POINT (4.656035734846065 51.83602922454532)</t>
  </si>
  <si>
    <t>POINT (4.644758318469166 51.83768283006162)</t>
  </si>
  <si>
    <t>POINT (4.642832269371564 51.84008858581951)</t>
  </si>
  <si>
    <t>POINT (4.648795549539407 51.850750837848054)</t>
  </si>
  <si>
    <t>POINT (4.637470219250012 51.82849795321473)</t>
  </si>
  <si>
    <t>POINT (4.645458579876011 51.83833444077404)</t>
  </si>
  <si>
    <t>POINT (4.645453156958235 51.851327391108136)</t>
  </si>
  <si>
    <t>POINT (4.626048989366963 51.8406101805987)</t>
  </si>
  <si>
    <t>POINT (4.637809055374018 51.836748796479256)</t>
  </si>
  <si>
    <t>POINT (4.646909624128729 51.842748045711)</t>
  </si>
  <si>
    <t>POINT (4.649222977494776 51.85123891216345)</t>
  </si>
  <si>
    <t>POINT (4.634435896524773 51.8380305738145)</t>
  </si>
  <si>
    <t>POINT (4.644288290762171 51.828349611269886)</t>
  </si>
  <si>
    <t>POINT (4.651028708182405 51.8403068283361)</t>
  </si>
  <si>
    <t>POINT (4.634271899457646 51.84523843950927)</t>
  </si>
  <si>
    <t>POINT (4.637220737348466 51.84768425301551)</t>
  </si>
  <si>
    <t>POINT (4.628315155419385 51.83615747519922)</t>
  </si>
  <si>
    <t>POINT (4.634625654025357 51.83883178278008)</t>
  </si>
  <si>
    <t>POINT (4.6301063786854435 51.846128497543106)</t>
  </si>
  <si>
    <t>POINT (4.6496490934368975 51.84737646865691)</t>
  </si>
  <si>
    <t>POINT (4.6517202743497705 51.84852203101047)</t>
  </si>
  <si>
    <t>POINT (4.643292864206766 51.850859923375864)</t>
  </si>
  <si>
    <t>POINT (4.653490786211031 51.843474284793544)</t>
  </si>
  <si>
    <t>POINT (4.642700443874956 51.838406868586475)</t>
  </si>
  <si>
    <t>POINT (4.62952823519972 51.83477206455632)</t>
  </si>
  <si>
    <t>POINT (4.643385868819138 51.82765176772189)</t>
  </si>
  <si>
    <t>POINT (4.649552290916029 51.83546012186802)</t>
  </si>
  <si>
    <t>POINT (4.649221592197623 51.8327222607657)</t>
  </si>
  <si>
    <t>POINT (4.6462316647772095 51.85127802386656)</t>
  </si>
  <si>
    <t>POINT (4.625962246494596 51.84230847920365)</t>
  </si>
  <si>
    <t>POINT (4.644314206865795 51.852295585757936)</t>
  </si>
  <si>
    <t>POINT (4.637290760225717 51.84609370627786)</t>
  </si>
  <si>
    <t>POINT (4.656056981545969 51.830814493023)</t>
  </si>
  <si>
    <t>POINT (4.641495149541372 51.85161255624573)</t>
  </si>
  <si>
    <t>POINT (4.6341256795587755 51.83401963238037)</t>
  </si>
  <si>
    <t>POINT (4.650022925150609 51.844044024689346)</t>
  </si>
  <si>
    <t>POINT (4.628213349060325 51.84392303844175)</t>
  </si>
  <si>
    <t>POINT (4.644444724632298 51.85017817183423)</t>
  </si>
  <si>
    <t>POINT (4.622597912777403 51.84131583885287)</t>
  </si>
  <si>
    <t>POINT (4.626497656585611 51.83724233175848)</t>
  </si>
  <si>
    <t>POINT (4.63411999238803 51.83609598152183)</t>
  </si>
  <si>
    <t>POINT (4.628707269023382 51.85251041287398)</t>
  </si>
  <si>
    <t>POINT (4.643543375260124 51.85238958169649)</t>
  </si>
  <si>
    <t>POINT (4.627563643197591 51.842004247811126)</t>
  </si>
  <si>
    <t>POINT (4.63592305085271 51.8480444922364)</t>
  </si>
  <si>
    <t>POINT (4.639503810452496 51.832154774833135)</t>
  </si>
  <si>
    <t>POINT (4.646370403569232 51.84906367222356)</t>
  </si>
  <si>
    <t>POINT (4.657175222689681 51.831639421447875)</t>
  </si>
  <si>
    <t>POINT (4.6366777578246055 51.83336871993506)</t>
  </si>
  <si>
    <t>POINT (4.640472735339566 51.83193018506583)</t>
  </si>
  <si>
    <t>POINT (4.657391947815769 51.83169470106091)</t>
  </si>
  <si>
    <t>POINT (4.648699244343843 51.841990156597774)</t>
  </si>
  <si>
    <t>POINT (4.648392682185799 51.83549454602249)</t>
  </si>
  <si>
    <t>POINT (4.649683393131165 51.829327444643376)</t>
  </si>
  <si>
    <t>POINT (4.630541128864345 51.83925496205117)</t>
  </si>
  <si>
    <t>POINT (4.623823411082216 51.83750362185559)</t>
  </si>
  <si>
    <t>POINT (4.649535585483699 51.841029142255614)</t>
  </si>
  <si>
    <t>POINT (4.651737631946809 51.84123669910097)</t>
  </si>
  <si>
    <t>POINT (4.628895945445868 51.84389149445396)</t>
  </si>
  <si>
    <t>POINT (4.6364824106474885 51.835383029724866)</t>
  </si>
  <si>
    <t>POINT (4.640967065105525 51.827420686589655)</t>
  </si>
  <si>
    <t>POINT (4.628829665692284 51.847828106109404)</t>
  </si>
  <si>
    <t>POINT (4.65108072636048 51.84414054818239)</t>
  </si>
  <si>
    <t>POINT (4.62946385319927 51.83601208768607)</t>
  </si>
  <si>
    <t>POINT (4.638556523789314 51.83979173772546)</t>
  </si>
  <si>
    <t>POINT (4.627414774280287 51.84944924356402)</t>
  </si>
  <si>
    <t>POINT (4.6261981704883866 51.84638188039449)</t>
  </si>
  <si>
    <t>POINT (4.631656054641521 51.835936330442415)</t>
  </si>
  <si>
    <t>POINT (4.637498087372218 51.82666150865694)</t>
  </si>
  <si>
    <t>POINT (4.644566437945544 51.850265385600956)</t>
  </si>
  <si>
    <t>POINT (4.641532766711394 51.82742428170745)</t>
  </si>
  <si>
    <t>POINT (4.640801396221527 51.8356712417056)</t>
  </si>
  <si>
    <t>POINT (4.642717856669793 51.853157375017155)</t>
  </si>
  <si>
    <t>POINT (4.65029387393032 51.84522323975478)</t>
  </si>
  <si>
    <t>POINT (4.6448198325618195 51.84803816045409)</t>
  </si>
  <si>
    <t>POINT (4.628767742666089 51.83771544259835)</t>
  </si>
  <si>
    <t>POINT (4.657010085518131 51.832079423227654)</t>
  </si>
  <si>
    <t>POINT (4.648421035492911 51.842613747472925)</t>
  </si>
  <si>
    <t>POINT (4.645412757822869 51.82789830014292)</t>
  </si>
  <si>
    <t>POINT (4.643883981207903 51.847582806626114)</t>
  </si>
  <si>
    <t>POINT (4.631244041981186 51.8345494205345)</t>
  </si>
  <si>
    <t>POINT (4.653947238509229 51.84456297493538)</t>
  </si>
  <si>
    <t>POINT (4.62943129941437 51.847436488887304)</t>
  </si>
  <si>
    <t>POINT (4.646217127893759 51.8363257690828)</t>
  </si>
  <si>
    <t>POINT (4.6441491460079645 51.82887007398653)</t>
  </si>
  <si>
    <t>POINT (4.644304438295354 51.85200788700909)</t>
  </si>
  <si>
    <t>POINT (4.642653522495026 51.84948535243058)</t>
  </si>
  <si>
    <t>POINT (4.628451125853189 51.848760482511835)</t>
  </si>
  <si>
    <t>POINT (4.64749531215039 51.836243943258495)</t>
  </si>
  <si>
    <t>POINT (4.625025131573432 51.845376528135716)</t>
  </si>
  <si>
    <t>POINT (4.632057709956862 51.83534566171676)</t>
  </si>
  <si>
    <t>POINT (4.641253215583186 51.84080664562155)</t>
  </si>
  <si>
    <t>POINT (4.634157634775012 51.83471196597265)</t>
  </si>
  <si>
    <t>POINT (4.645627919514161 51.83598047905336)</t>
  </si>
  <si>
    <t>POINT (4.623421846579081 51.83979312538408)</t>
  </si>
  <si>
    <t>POINT (4.655257343167487 51.832706118472544)</t>
  </si>
  <si>
    <t>POINT (4.651897155715805 51.83324241618272)</t>
  </si>
  <si>
    <t>POINT (4.626169451745084 51.84636371689596)</t>
  </si>
  <si>
    <t>POINT (4.639589856419616 51.834360174043304)</t>
  </si>
  <si>
    <t>POINT (4.646773598768409 51.843960657325425)</t>
  </si>
  <si>
    <t>POINT (4.6489879658691144 51.84609592461843)</t>
  </si>
  <si>
    <t>POINT (4.623229904003798 51.8408435527861)</t>
  </si>
  <si>
    <t>POINT (4.656331580824726 51.83087912375261)</t>
  </si>
  <si>
    <t>POINT (4.621674250270894 51.83913131230031)</t>
  </si>
  <si>
    <t>POINT (4.657230978862313 51.83464386965714)</t>
  </si>
  <si>
    <t>POINT (4.622427154597698 51.84111697553781)</t>
  </si>
  <si>
    <t>POINT (4.649103239819753 51.830204688195366)</t>
  </si>
  <si>
    <t>POINT (4.639881226743449 51.840411407396736)</t>
  </si>
  <si>
    <t>POINT (4.657000114779117 51.8364887858882)</t>
  </si>
  <si>
    <t>POINT (4.646373019206394 51.83125714141644)</t>
  </si>
  <si>
    <t>POINT (4.658098325140832 51.83445299240277)</t>
  </si>
  <si>
    <t>POINT (4.626450299070569 51.84434308440783)</t>
  </si>
  <si>
    <t>POINT (4.635039187863796 51.8340524552157)</t>
  </si>
  <si>
    <t>POINT (4.621509849874339 51.8404458336023)</t>
  </si>
  <si>
    <t>POINT (4.6565309388348215 51.833927837097804)</t>
  </si>
  <si>
    <t>POINT (4.653462690933957 51.84580038209638)</t>
  </si>
  <si>
    <t>POINT (4.63917752507563 51.826860985961815)</t>
  </si>
  <si>
    <t>POINT (4.63484122060936 51.84851396452778)</t>
  </si>
  <si>
    <t>POINT (4.641464253692531 51.847342746511394)</t>
  </si>
  <si>
    <t>POINT (4.63629072153008 51.82906310077782)</t>
  </si>
  <si>
    <t>POINT (4.642849072070966 51.85147840689045)</t>
  </si>
  <si>
    <t>POINT (4.62652701068572 51.847534561857074)</t>
  </si>
  <si>
    <t>POINT (4.633050340571493 51.84625530805245)</t>
  </si>
  <si>
    <t>POINT (4.642668895952589 51.83592579490005)</t>
  </si>
  <si>
    <t>POINT (4.621603622985619 51.84175879345685)</t>
  </si>
  <si>
    <t>POINT (4.642524051143546 51.844688828650405)</t>
  </si>
  <si>
    <t>POINT (4.635187173805166 51.828676084072384)</t>
  </si>
  <si>
    <t>POINT (4.648955273652686 51.851402773366075)</t>
  </si>
  <si>
    <t>POINT (4.6405594971789395 51.850267300270204)</t>
  </si>
  <si>
    <t>POINT (4.633084597394345 51.83554102521675)</t>
  </si>
  <si>
    <t>POINT (4.6369873192417925 51.83730084602665)</t>
  </si>
  <si>
    <t>POINT (4.631195904012145 51.83655358715782)</t>
  </si>
  <si>
    <t>POINT (4.645874805948107 51.84213927570618)</t>
  </si>
  <si>
    <t>POINT (4.6368390911150605 51.84794248595207)</t>
  </si>
  <si>
    <t>POINT (4.639844042859189 51.84141943889969)</t>
  </si>
  <si>
    <t>POINT (4.650444034872569 51.83160635562914)</t>
  </si>
  <si>
    <t>POINT (4.645341756585476 51.83573597688006)</t>
  </si>
  <si>
    <t>POINT (4.6482445554617575 51.84275645541612)</t>
  </si>
  <si>
    <t>POINT (4.628493834369694 51.85139443906134)</t>
  </si>
  <si>
    <t>POINT (4.656331130593792 51.836100905892536)</t>
  </si>
  <si>
    <t>POINT (4.6375275435534515 51.82750951883394)</t>
  </si>
  <si>
    <t>POINT (4.633148360459261 51.83346504884379)</t>
  </si>
  <si>
    <t>POINT (4.6394948056231575 51.83921345355374)</t>
  </si>
  <si>
    <t>POINT (4.629887203583564 51.847079883433985)</t>
  </si>
  <si>
    <t>POINT (4.636548997004788 51.82616106486456)</t>
  </si>
  <si>
    <t>POINT (4.623895191534436 51.83754903204028)</t>
  </si>
  <si>
    <t>POINT (4.628187328389735 51.844606009722256)</t>
  </si>
  <si>
    <t>POINT (4.630520263001412 51.8387694387762)</t>
  </si>
  <si>
    <t>POINT (4.6319368514100425 51.83909316458207)</t>
  </si>
  <si>
    <t>POINT (4.648376325928222 51.84268537541934)</t>
  </si>
  <si>
    <t>POINT (4.632780950350927 51.84587605320705)</t>
  </si>
  <si>
    <t>POINT (4.633915815854492 51.83442277662952)</t>
  </si>
  <si>
    <t>POINT (4.621407056839703 51.84137099793403)</t>
  </si>
  <si>
    <t>POINT (4.646901375559575 51.83265371928742)</t>
  </si>
  <si>
    <t>POINT (4.649680907506008 51.84151257561383)</t>
  </si>
  <si>
    <t>POINT (4.622148547600642 51.83872416936375)</t>
  </si>
  <si>
    <t>POINT (4.634047950602738 51.83346183530815)</t>
  </si>
  <si>
    <t>POINT (4.657965839360892 51.83478137921933)</t>
  </si>
  <si>
    <t>POINT (4.630655238291697 51.839372550307225)</t>
  </si>
  <si>
    <t>POINT (4.633789118974972 51.827248991139406)</t>
  </si>
  <si>
    <t>POINT (4.636141803535481 51.847111070368726)</t>
  </si>
  <si>
    <t>POINT (4.6453993611706155 51.838405975953236)</t>
  </si>
  <si>
    <t>POINT (4.643545338050216 51.84839364162443)</t>
  </si>
  <si>
    <t>POINT (4.657551469153774 51.83360900187012)</t>
  </si>
  <si>
    <t>POINT (4.649741313857366 51.847062444979194)</t>
  </si>
  <si>
    <t>POINT (4.6389868712083855 51.82698561241157)</t>
  </si>
  <si>
    <t>POINT (4.632543665864569 51.839249874410555)</t>
  </si>
  <si>
    <t>POINT (4.643484728653823 51.852425164884274)</t>
  </si>
  <si>
    <t>POINT (4.650224131164543 51.83085891541571)</t>
  </si>
  <si>
    <t>POINT (4.644775209685613 51.83577733860176)</t>
  </si>
  <si>
    <t>POINT (4.626358856859099 51.84632000103681)</t>
  </si>
  <si>
    <t>POINT (4.632258508579454 51.83461886980894)</t>
  </si>
  <si>
    <t>POINT (4.6378873011777 51.83902343095268)</t>
  </si>
  <si>
    <t>POINT (4.649144281037115 51.840345333310545)</t>
  </si>
  <si>
    <t>POINT (4.637670063258216 51.827554536490034)</t>
  </si>
  <si>
    <t>POINT (4.622606573684702 51.83909568955651)</t>
  </si>
  <si>
    <t>POINT (4.645399065187854 51.838423951420545)</t>
  </si>
  <si>
    <t>POINT (4.640619453158612 51.8475261397651)</t>
  </si>
  <si>
    <t>POINT (4.638567420019594 51.82691102838193)</t>
  </si>
  <si>
    <t>POINT (4.648540731893947 51.83177416779162)</t>
  </si>
  <si>
    <t>POINT (4.650491604093989 51.82958420279743)</t>
  </si>
  <si>
    <t>POINT (4.625570223497083 51.845882748245415)</t>
  </si>
  <si>
    <t>POINT (4.635366459716599 51.849218444865336)</t>
  </si>
  <si>
    <t>POINT (4.648700239005495 51.82912351240741)</t>
  </si>
  <si>
    <t>POINT (4.626227648514418 51.84635510542194)</t>
  </si>
  <si>
    <t>POINT (4.6426838729883135 51.84906732054453)</t>
  </si>
  <si>
    <t>POINT (4.635223989493856 51.83515025836074)</t>
  </si>
  <si>
    <t>POINT (4.622191759054728 51.83788850283196)</t>
  </si>
  <si>
    <t>POINT (4.6492737632477725 51.82865071951458)</t>
  </si>
  <si>
    <t>POINT (4.642624070154877 51.82722446968316)</t>
  </si>
  <si>
    <t>POINT (4.62672066961612 51.847239190045016)</t>
  </si>
  <si>
    <t>POINT (4.637453974526301 51.826697181645095)</t>
  </si>
  <si>
    <t>POINT (4.629225678424885 51.83637009751022)</t>
  </si>
  <si>
    <t>POINT (4.628292564167656 51.84352804867266)</t>
  </si>
  <si>
    <t>POINT (4.651857257628788 51.83165729302029)</t>
  </si>
  <si>
    <t>POINT (4.65838248560315 51.83243644257692)</t>
  </si>
  <si>
    <t>POINT (4.643250289782772 51.85255850962483)</t>
  </si>
  <si>
    <t>POINT (4.637382313581853 51.84669653168937)</t>
  </si>
  <si>
    <t>POINT (4.648264036016943 51.85041491403077)</t>
  </si>
  <si>
    <t>POINT (4.622667983355705 51.83975226370556)</t>
  </si>
  <si>
    <t>POINT (4.648730884819446 51.833124438069675)</t>
  </si>
  <si>
    <t>POINT (4.624309896570178 51.83876520057714)</t>
  </si>
  <si>
    <t>POINT (4.627682937811371 51.84783867119946)</t>
  </si>
  <si>
    <t>POINT (4.645441825176693 51.83494560607449)</t>
  </si>
  <si>
    <t>POINT (4.646716351354997 51.85083087570191)</t>
  </si>
  <si>
    <t>POINT (4.641386781339814 51.844133301296)</t>
  </si>
  <si>
    <t>POINT (4.645557651004939 51.84113054217768)</t>
  </si>
  <si>
    <t>POINT (4.647577632230842 51.84183541229266)</t>
  </si>
  <si>
    <t>POINT (4.625362736130047 51.838286648528346)</t>
  </si>
  <si>
    <t>POINT (4.641339453626023 51.8399802358746)</t>
  </si>
  <si>
    <t>POINT (4.645468849722709 51.84564229012984)</t>
  </si>
  <si>
    <t>POINT (4.626531534222197 51.845548093643266)</t>
  </si>
  <si>
    <t>POINT (4.628319469076444 51.83848557251796)</t>
  </si>
  <si>
    <t>POINT (4.635470054168955 51.8377945061371)</t>
  </si>
  <si>
    <t>POINT (4.627044118952843 51.83753350945369)</t>
  </si>
  <si>
    <t>POINT (4.633198922568015 51.8365125372471)</t>
  </si>
  <si>
    <t>POINT (4.637481649766711 51.83724108326337)</t>
  </si>
  <si>
    <t>POINT (4.65962406450326 51.833623142440686)</t>
  </si>
  <si>
    <t>POINT (4.6281310234881134 51.84566935672087)</t>
  </si>
  <si>
    <t>POINT (4.6562250994570284 51.83528863243003)</t>
  </si>
  <si>
    <t>POINT (4.645149307447117 51.852705355532045)</t>
  </si>
  <si>
    <t>POINT (4.643852375537269 51.849789681822564)</t>
  </si>
  <si>
    <t>POINT (4.647419396716741 51.85147025664782)</t>
  </si>
  <si>
    <t>POINT (4.628913406853688 51.848026397763064)</t>
  </si>
  <si>
    <t>POINT (4.626633262763082 51.84553976399607)</t>
  </si>
  <si>
    <t>POINT (4.6582027152826395 51.834314100722125)</t>
  </si>
  <si>
    <t>POINT (4.6233789288299905 51.83975689141325)</t>
  </si>
  <si>
    <t>POINT (4.631198328640003 51.850243356068795)</t>
  </si>
  <si>
    <t>POINT (4.644278088466334 51.84392691564107)</t>
  </si>
  <si>
    <t>POINT (4.650541947374167 51.83094180839394)</t>
  </si>
  <si>
    <t>POINT (4.638501474680159 51.839611613202806)</t>
  </si>
  <si>
    <t>POINT (4.6254693842341466 51.845946560866636)</t>
  </si>
  <si>
    <t>POINT (4.631502152147331 51.83819149912582)</t>
  </si>
  <si>
    <t>POINT (4.629026172421874 51.84822487676987)</t>
  </si>
  <si>
    <t>POINT (4.645447864340436 51.85220387728189)</t>
  </si>
  <si>
    <t>POINT (4.649907469627062 51.83602541227144)</t>
  </si>
  <si>
    <t>POINT (4.609091704091709 51.84866074986611)</t>
  </si>
  <si>
    <t>POINT (4.6334572153069375 51.83495016523321)</t>
  </si>
  <si>
    <t>POINT (4.65508832683343 51.844893687326106)</t>
  </si>
  <si>
    <t>POINT (4.642310466284432 51.83404354868194)</t>
  </si>
  <si>
    <t>POINT (4.629450347392861 51.8471669516256)</t>
  </si>
  <si>
    <t>POINT (4.6435488542974666 51.84414701559087)</t>
  </si>
  <si>
    <t>POINT (4.6359308788090745 51.838004195651024)</t>
  </si>
  <si>
    <t>POINT (4.6396444053351145 51.84593793085309)</t>
  </si>
  <si>
    <t>POINT (4.655285081986365 51.83099844463928)</t>
  </si>
  <si>
    <t>POINT (4.607404298595306 51.83630807236206)</t>
  </si>
  <si>
    <t>POINT (4.630550756483405 51.84472912898406)</t>
  </si>
  <si>
    <t>POINT (4.643870311490471 51.84401422127396)</t>
  </si>
  <si>
    <t>POINT (4.643634534220343 51.82752750168325)</t>
  </si>
  <si>
    <t>POINT (4.64164208912529 51.84361358018648)</t>
  </si>
  <si>
    <t>POINT (4.652433055730305 51.84221132528097)</t>
  </si>
  <si>
    <t>POINT (4.629135716936777 51.839991956030254)</t>
  </si>
  <si>
    <t>POINT (4.64803782659048 51.84916406735041)</t>
  </si>
  <si>
    <t>POINT (4.659028305501778 51.83098576999946)</t>
  </si>
  <si>
    <t>POINT (4.623613243496763 51.84048649926286)</t>
  </si>
  <si>
    <t>POINT (4.644112107836185 51.83727425129863)</t>
  </si>
  <si>
    <t>POINT (4.64402609556438 51.83721078612887)</t>
  </si>
  <si>
    <t>POINT (4.621778352019501 51.842577903150705)</t>
  </si>
  <si>
    <t>POINT (4.634124756332409 51.83841509151375)</t>
  </si>
  <si>
    <t>POINT (4.6283230923336625 51.84860684764518)</t>
  </si>
  <si>
    <t>POINT (4.648567258376798 51.84069041059436)</t>
  </si>
  <si>
    <t>POINT (4.624533928141944 51.84095989551169)</t>
  </si>
  <si>
    <t>POINT (4.657641615736556 51.83150749104745)</t>
  </si>
  <si>
    <t>POINT (4.6581542232588715 51.84017574453585)</t>
  </si>
  <si>
    <t>POINT (4.6452172702061265 51.84241377059687)</t>
  </si>
  <si>
    <t>POINT (4.642491982596491 51.83346177569341)</t>
  </si>
  <si>
    <t>POINT (4.644707386696233 51.83813194144169)</t>
  </si>
  <si>
    <t>POINT (4.638262157091599 51.84004154307097)</t>
  </si>
  <si>
    <t>POINT (4.65638918107197 51.83344971052433)</t>
  </si>
  <si>
    <t>POINT (4.6484505659663276 51.835503898968405)</t>
  </si>
  <si>
    <t>POINT (4.632591785145283 51.83551089234358)</t>
  </si>
  <si>
    <t>POINT (4.636302905025453 51.847894114790385)</t>
  </si>
  <si>
    <t>POINT (4.649986432377863 51.839620017046194)</t>
  </si>
  <si>
    <t>POINT (4.641089116509504 51.846333632992625)</t>
  </si>
  <si>
    <t>POINT (4.632774996928344 51.83843339138809)</t>
  </si>
  <si>
    <t>POINT (4.65659586052515 51.84679069459315)</t>
  </si>
  <si>
    <t>POINT (4.65189175129079 51.83161946005316)</t>
  </si>
  <si>
    <t>POINT (4.640357145232965 51.8467154918511)</t>
  </si>
  <si>
    <t>POINT (4.641919526913554 51.82947615769569)</t>
  </si>
  <si>
    <t>POINT (4.623033810469176 51.84128272217157)</t>
  </si>
  <si>
    <t>POINT (4.6228251003055 51.83818925503891)</t>
  </si>
  <si>
    <t>POINT (4.635028844182127 51.83727932538021)</t>
  </si>
  <si>
    <t>POINT (4.628539521230779 51.838343175841175)</t>
  </si>
  <si>
    <t>POINT (4.637177051236977 51.82734449462611)</t>
  </si>
  <si>
    <t>POINT (4.63726881962681 51.835208282579174)</t>
  </si>
  <si>
    <t>POINT (4.633476724987711 51.84766027851164)</t>
  </si>
  <si>
    <t>POINT (4.648145165221911 51.83554692003331)</t>
  </si>
  <si>
    <t>POINT (4.642891048877093 51.84004401514563)</t>
  </si>
  <si>
    <t>POINT (4.641513320974676 51.83561284534897)</t>
  </si>
  <si>
    <t>POINT (4.648662143902698 51.83964342368238)</t>
  </si>
  <si>
    <t>POINT (4.634745927958001 51.83858087075114)</t>
  </si>
  <si>
    <t>POINT (4.628489409257992 51.84734950821392)</t>
  </si>
  <si>
    <t>POINT (4.640222062146521 51.84435960217116)</t>
  </si>
  <si>
    <t>POINT (4.635842928056457 51.83805756484925)</t>
  </si>
  <si>
    <t>POINT (4.647045494324529 51.84154442147693)</t>
  </si>
  <si>
    <t>POINT (4.62494408028712 51.84015313718502)</t>
  </si>
  <si>
    <t>POINT (4.6467237205345295 51.840796800702606)</t>
  </si>
  <si>
    <t>POINT (4.6515820691068175 51.83476851569596)</t>
  </si>
  <si>
    <t>POINT (4.636636524333175 51.82779529183575)</t>
  </si>
  <si>
    <t>POINT (4.63446444629004 51.84500596867664)</t>
  </si>
  <si>
    <t>POINT (4.655905858102366 51.83208095371013)</t>
  </si>
  <si>
    <t>POINT (4.646225088020496 51.83495954132504)</t>
  </si>
  <si>
    <t>POINT (4.6490642778731655 51.85341903759237)</t>
  </si>
  <si>
    <t>POINT (4.6462560473402625 51.83572377380231)</t>
  </si>
  <si>
    <t>POINT (4.636288439112644 51.83369659120432)</t>
  </si>
  <si>
    <t>POINT (4.625935601074848 51.84646107634881)</t>
  </si>
  <si>
    <t>POINT (4.639034807527726 51.8293409535665)</t>
  </si>
  <si>
    <t>POINT (4.625246024277828 51.84175552343795)</t>
  </si>
  <si>
    <t>POINT (4.643594075541498 51.82910026460681)</t>
  </si>
  <si>
    <t>POINT (4.646753008115162 51.847861605626655)</t>
  </si>
  <si>
    <t>POINT (4.625337228108493 51.83636290381597)</t>
  </si>
  <si>
    <t>POINT (4.638793571903561 51.838624721532085)</t>
  </si>
  <si>
    <t>POINT (4.6466731989997365 51.835061244335996)</t>
  </si>
  <si>
    <t>POINT (4.628267220031675 51.846754819726954)</t>
  </si>
  <si>
    <t>POINT (4.6402754624197655 51.83286438189019)</t>
  </si>
  <si>
    <t>POINT (4.651192007537381 51.833777317267604)</t>
  </si>
  <si>
    <t>POINT (4.644338814176964 51.84288461483128)</t>
  </si>
  <si>
    <t>POINT (4.655478043107252 51.830729987584256)</t>
  </si>
  <si>
    <t>POINT (4.638169378926904 51.82769456764758)</t>
  </si>
  <si>
    <t>POINT (4.6582537515586315 51.833573715903675)</t>
  </si>
  <si>
    <t>POINT (4.653169150243473 51.85045466869312)</t>
  </si>
  <si>
    <t>POINT (4.650378997562228 51.83114752513595)</t>
  </si>
  <si>
    <t>POINT (4.635833334530135 51.83863277879332)</t>
  </si>
  <si>
    <t>POINT (4.648376523144375 51.839044931996966)</t>
  </si>
  <si>
    <t>POINT (4.645061931262872 51.8527227806379)</t>
  </si>
  <si>
    <t>POINT (4.641931395848808 51.83753008777799)</t>
  </si>
  <si>
    <t>POINT (4.630311846877472 51.84944664216574)</t>
  </si>
  <si>
    <t>POINT (4.653234256416019 51.83042834186202)</t>
  </si>
  <si>
    <t>POINT (4.632186617591144 51.838043095559506)</t>
  </si>
  <si>
    <t>POINT (4.63682438217612 51.833137839182704)</t>
  </si>
  <si>
    <t>POINT (4.6429547065377825 51.83706916869551)</t>
  </si>
  <si>
    <t>POINT (4.6286074330235785 51.83603352265873)</t>
  </si>
  <si>
    <t>POINT (4.646728442577386 51.83169982907744)</t>
  </si>
  <si>
    <t>POINT (4.633126081331206 51.836530046739206)</t>
  </si>
  <si>
    <t>POINT (4.624279916624702 51.83796501255995)</t>
  </si>
  <si>
    <t>POINT (4.634045685989956 51.847484156132424)</t>
  </si>
  <si>
    <t>POINT (4.644626287427047 51.85030802877444)</t>
  </si>
  <si>
    <t>POINT (4.6450901550446275 51.83444604017218)</t>
  </si>
  <si>
    <t>POINT (4.639701106011198 51.839897906398534)</t>
  </si>
  <si>
    <t>POINT (4.634978764344423 51.83680260448832)</t>
  </si>
  <si>
    <t>POINT (4.634860489524454 51.84649163768036)</t>
  </si>
  <si>
    <t>POINT (4.6323789873448575 51.83522188638488)</t>
  </si>
  <si>
    <t>POINT (4.626379072665497 51.83653145699344)</t>
  </si>
  <si>
    <t>POINT (4.647515485483085 51.83148007427893)</t>
  </si>
  <si>
    <t>POINT (4.649545300311088 51.83112725101727)</t>
  </si>
  <si>
    <t>POINT (4.649775612596652 51.830784189223074)</t>
  </si>
  <si>
    <t>POINT (4.65314210472322 51.842163797225936)</t>
  </si>
  <si>
    <t>POINT (4.625892371133425 51.846442818694605)</t>
  </si>
  <si>
    <t>POINT (4.627008783258941 51.837047891583815)</t>
  </si>
  <si>
    <t>POINT (4.629977278377781 51.844311952665905)</t>
  </si>
  <si>
    <t>POINT (4.644634636548083 51.82934055761851)</t>
  </si>
  <si>
    <t>POINT (4.636738908716749 51.835663318812074)</t>
  </si>
  <si>
    <t>POINT (4.642035246188714 51.82774207667317)</t>
  </si>
  <si>
    <t>POINT (4.643308936747989 51.852522926555416)</t>
  </si>
  <si>
    <t>POINT (4.644968432357488 51.834367203981394)</t>
  </si>
  <si>
    <t>POINT (4.643504877430074 51.84417370302936)</t>
  </si>
  <si>
    <t>POINT (4.6421254632158115 51.834123452467544)</t>
  </si>
  <si>
    <t>POINT (4.650374118723145 51.84386645605855)</t>
  </si>
  <si>
    <t>POINT (4.625963148150471 51.840537714558344)</t>
  </si>
  <si>
    <t>POINT (4.637124790373072 51.835144441631144)</t>
  </si>
  <si>
    <t>POINT (4.621348865606531 51.84137960703447)</t>
  </si>
  <si>
    <t>POINT (4.649883154238869 51.845490320936435)</t>
  </si>
  <si>
    <t>POINT (4.640045890777072 51.82960806550124)</t>
  </si>
  <si>
    <t>POINT (4.641880593536046 51.827444468212086)</t>
  </si>
  <si>
    <t>POINT (4.621365056018034 51.841280837092434)</t>
  </si>
  <si>
    <t>POINT (4.642261017720035 51.84567591309228)</t>
  </si>
  <si>
    <t>POINT (4.643871634813195 51.82810427905485)</t>
  </si>
  <si>
    <t>POINT (4.635112129195449 51.83489785867755)</t>
  </si>
  <si>
    <t>POINT (4.620850557185131 51.838257280239354)</t>
  </si>
  <si>
    <t>POINT (4.621632946544653 51.84259493245255)</t>
  </si>
  <si>
    <t>POINT (4.6442656704445175 51.84292010666505)</t>
  </si>
  <si>
    <t>POINT (4.641743215267343 51.83574913555869)</t>
  </si>
  <si>
    <t>POINT (4.6382129616250865 51.832849181837915)</t>
  </si>
  <si>
    <t>POINT (4.641392882766061 51.8437648047396)</t>
  </si>
  <si>
    <t>POINT (4.630305038258662 51.84898817609461)</t>
  </si>
  <si>
    <t>POINT (4.647435870186012 51.84116655356288)</t>
  </si>
  <si>
    <t>POINT (4.6429199420186675 51.836538616605914)</t>
  </si>
  <si>
    <t>POINT (4.644758096986704 51.846500709311485)</t>
  </si>
  <si>
    <t>POINT (4.641916916601637 51.845422046766295)</t>
  </si>
  <si>
    <t>POINT (4.6455543113511855 51.84838437104452)</t>
  </si>
  <si>
    <t>POINT (4.650933488151143 51.83450377827337)</t>
  </si>
  <si>
    <t>POINT (4.641911008963116 51.84314787692424)</t>
  </si>
  <si>
    <t>POINT (4.635180934500367 51.83772973369024)</t>
  </si>
  <si>
    <t>POINT (4.641565528861734 51.84560857769074)</t>
  </si>
  <si>
    <t>POINT (4.656716188019397 51.83491394974272)</t>
  </si>
  <si>
    <t>POINT (4.652243126393063 51.833379412805265)</t>
  </si>
  <si>
    <t>POINT (4.64789018482074 51.82986447329437)</t>
  </si>
  <si>
    <t>POINT (4.6381474556686175 51.83390170689642)</t>
  </si>
  <si>
    <t>POINT (4.658237121012795 51.835052723946504)</t>
  </si>
  <si>
    <t>POINT (4.633143497594234 51.83895710229322)</t>
  </si>
  <si>
    <t>POINT (4.628925822868256 51.837806350608034)</t>
  </si>
  <si>
    <t>POINT (4.649205304764723 51.831059253950905)</t>
  </si>
  <si>
    <t>POINT (4.655908271982798 51.83103828336571)</t>
  </si>
  <si>
    <t>POINT (4.6498618379004775 51.84413289973643)</t>
  </si>
  <si>
    <t>POINT (4.632634405242523 51.8355650984022)</t>
  </si>
  <si>
    <t>POINT (4.62820002165258 51.84471395590593)</t>
  </si>
  <si>
    <t>POINT (4.648552510503488 51.842560642744004)</t>
  </si>
  <si>
    <t>POINT (4.6468186713981465 51.83768685347807)</t>
  </si>
  <si>
    <t>POINT (4.639939084457167 51.82905008723737)</t>
  </si>
  <si>
    <t>POINT (4.649474026895308 51.84388776979805)</t>
  </si>
  <si>
    <t>POINT (4.638049243121341 51.832212484520355)</t>
  </si>
  <si>
    <t>POINT (4.638832065005093 51.83543398692277)</t>
  </si>
  <si>
    <t>POINT (4.649709734663359 51.832150053577465)</t>
  </si>
  <si>
    <t>POINT (4.629992941859001 51.83647392453987)</t>
  </si>
  <si>
    <t>POINT (4.6446268146827325 51.84125948830218)</t>
  </si>
  <si>
    <t>POINT (4.64419879215439 51.833728426896755)</t>
  </si>
  <si>
    <t>POINT (4.637214793915561 51.8285615703472)</t>
  </si>
  <si>
    <t>POINT (4.655269699685579 51.831052280735925)</t>
  </si>
  <si>
    <t>POINT (4.62738653864173 51.8352975431524)</t>
  </si>
  <si>
    <t>POINT (4.6471149808289836 51.842614510451924)</t>
  </si>
  <si>
    <t>POINT (4.643827601239425 51.836049990688174)</t>
  </si>
  <si>
    <t>POINT (4.637031123494031 51.83919358388155)</t>
  </si>
  <si>
    <t>POINT (4.635954379805478 51.837465025372396)</t>
  </si>
  <si>
    <t>POINT (4.631299841665721 51.83554752387687)</t>
  </si>
  <si>
    <t>POINT (4.638491257804197 51.83760707360526)</t>
  </si>
  <si>
    <t>POINT (4.641333798262032 51.84733292920733)</t>
  </si>
  <si>
    <t>POINT (4.6297118558454935 51.844561923445745)</t>
  </si>
  <si>
    <t>POINT (4.640192593735756 51.84438638068292)</t>
  </si>
  <si>
    <t>POINT (4.652315552616899 51.84939765740523)</t>
  </si>
  <si>
    <t>POINT (4.656440975847557 51.84739197024714)</t>
  </si>
  <si>
    <t>POINT (4.647918939333708 51.85198575597048)</t>
  </si>
  <si>
    <t>POINT (4.631568502719571 51.84548174344624)</t>
  </si>
  <si>
    <t>POINT (4.64852968536355 51.85169193141105)</t>
  </si>
  <si>
    <t>POINT (4.653955896821399 51.84492257518363)</t>
  </si>
  <si>
    <t>POINT (4.6481052635826385 51.84328590964424)</t>
  </si>
  <si>
    <t>POINT (4.63100319988764 51.83593212681545)</t>
  </si>
  <si>
    <t>POINT (4.629768697689284 51.85067458744185)</t>
  </si>
  <si>
    <t>POINT (4.642310387568772 51.83040447282244)</t>
  </si>
  <si>
    <t>POINT (4.626296191317753 51.84143874185967)</t>
  </si>
  <si>
    <t>POINT (4.625877556035467 51.84646069998542)</t>
  </si>
  <si>
    <t>POINT (4.642205972310761 51.83411119951303)</t>
  </si>
  <si>
    <t>POINT (4.651223013941268 51.84520210170754)</t>
  </si>
  <si>
    <t>POINT (4.636361532595277 51.83874546946932)</t>
  </si>
  <si>
    <t>POINT (4.644199494350345 51.842533175290214)</t>
  </si>
  <si>
    <t>POINT (4.638464481494336 51.83747207269513)</t>
  </si>
  <si>
    <t>POINT (4.626052146818627 51.846434865912215)</t>
  </si>
  <si>
    <t>POINT (4.648016052903966 51.82838213435079)</t>
  </si>
  <si>
    <t>POINT (4.646484008598922 51.835096005421626)</t>
  </si>
  <si>
    <t>POINT (4.6278492348299505 51.83625333788287)</t>
  </si>
  <si>
    <t>POINT (4.656156870100521 51.84701267840743)</t>
  </si>
  <si>
    <t>POINT (4.653079575970629 51.84213791442222)</t>
  </si>
  <si>
    <t>POINT (4.648277069031235 51.840140995096604)</t>
  </si>
  <si>
    <t>POINT (4.627347861365112 51.846123836961155)</t>
  </si>
  <si>
    <t>POINT (4.6285555642680904 51.84945328509194)</t>
  </si>
  <si>
    <t>POINT (4.643121351740274 51.83488597741324)</t>
  </si>
  <si>
    <t>POINT (4.64441367133943 51.83746492183044)</t>
  </si>
  <si>
    <t>POINT (4.6299958684024425 51.84406937830792)</t>
  </si>
  <si>
    <t>POINT (4.648030247471631 51.848741552859195)</t>
  </si>
  <si>
    <t>POINT (4.655671853889245 51.83219634834416)</t>
  </si>
  <si>
    <t>POINT (4.64320630449803 51.852585196907434)</t>
  </si>
  <si>
    <t>POINT (4.621000661441659 51.83966948431645)</t>
  </si>
  <si>
    <t>POINT (4.644165485742803 51.84723403067621)</t>
  </si>
  <si>
    <t>POINT (4.6277301817176415 51.83901209410615)</t>
  </si>
  <si>
    <t>POINT (4.650526143967707 51.833683253851)</t>
  </si>
  <si>
    <t>POINT (4.609460339374118 51.84874031519762)</t>
  </si>
  <si>
    <t>POINT (4.6406145817226 51.83556218964887)</t>
  </si>
  <si>
    <t>POINT (4.6482597152561285 51.83298586996474)</t>
  </si>
  <si>
    <t>POINT (4.645592466194868 51.832039773482784)</t>
  </si>
  <si>
    <t>POINT (4.629571153178054 51.834808296301055)</t>
  </si>
  <si>
    <t>POINT (4.640031741101426 51.83274064773735)</t>
  </si>
  <si>
    <t>POINT (4.643626814906605 51.84827946233774)</t>
  </si>
  <si>
    <t>POINT (4.633398269215648 51.83847334976879)</t>
  </si>
  <si>
    <t>POINT (4.647146619486375 51.84157202495581)</t>
  </si>
  <si>
    <t>POINT (4.621749483945332 51.84171480111303)</t>
  </si>
  <si>
    <t>POINT (4.648601920872432 51.83246668061959)</t>
  </si>
  <si>
    <t>POINT (4.639428453141688 51.84058829781431)</t>
  </si>
  <si>
    <t>POINT (4.6299473194848515 51.8391882125424)</t>
  </si>
  <si>
    <t>POINT (4.629032993800291 51.846957517901295)</t>
  </si>
  <si>
    <t>POINT (4.639632185597879 51.82831106094861)</t>
  </si>
  <si>
    <t>POINT (4.646921633283689 51.85071830181919)</t>
  </si>
  <si>
    <t>POINT (4.642224777587034 51.838215088981975)</t>
  </si>
  <si>
    <t>POINT (4.633505529553171 51.84507172630466)</t>
  </si>
  <si>
    <t>POINT (4.62695823027683 51.83832395761154)</t>
  </si>
  <si>
    <t>POINT (4.633040492497899 51.833841880658554)</t>
  </si>
  <si>
    <t>POINT (4.641846894046674 51.83912953491147)</t>
  </si>
  <si>
    <t>POINT (4.632412096477205 51.84537031691423)</t>
  </si>
  <si>
    <t>POINT (4.648993560354796 51.84398362507962)</t>
  </si>
  <si>
    <t>POINT (4.6587574562088 51.831586330078814)</t>
  </si>
  <si>
    <t>POINT (4.644764015429027 51.84702208902461)</t>
  </si>
  <si>
    <t>POINT (4.6246704232662035 51.844897824944)</t>
  </si>
  <si>
    <t>POINT (4.631840153186964 51.83966781794815)</t>
  </si>
  <si>
    <t>POINT (4.6484819370164 51.85128818438752)</t>
  </si>
  <si>
    <t>POINT (4.657165939557413 51.834952522390175)</t>
  </si>
  <si>
    <t>POINT (4.640743960558814 51.835634921803155)</t>
  </si>
  <si>
    <t>POINT (4.6570286814410355 51.841162229896995)</t>
  </si>
  <si>
    <t>POINT (4.631036024265414 51.84694346896876)</t>
  </si>
  <si>
    <t>POINT (4.6498705010784 51.84626326594979)</t>
  </si>
  <si>
    <t>POINT (4.646294820874877 51.85134217890822)</t>
  </si>
  <si>
    <t>POINT (4.642276803096678 51.83485545294038)</t>
  </si>
  <si>
    <t>POINT (4.639218918281054 51.837476881985914)</t>
  </si>
  <si>
    <t>POINT (4.632233558051275 51.836973744356314)</t>
  </si>
  <si>
    <t>POINT (4.652001469229979 51.845521581754255)</t>
  </si>
  <si>
    <t>POINT (4.649003141560622 51.846940953764125)</t>
  </si>
  <si>
    <t>POINT (4.626120169612453 51.84069154021526)</t>
  </si>
  <si>
    <t>POINT (4.644289201293493 51.85117184567253)</t>
  </si>
  <si>
    <t>POINT (4.62907742377091 51.847766785394285)</t>
  </si>
  <si>
    <t>POINT (4.6405802133006375 51.8321288443947)</t>
  </si>
  <si>
    <t>POINT (4.647900349279611 51.84339248342784)</t>
  </si>
  <si>
    <t>POINT (4.629720459251447 51.83455757659064)</t>
  </si>
  <si>
    <t>POINT (4.64782746914131 51.84080924913915)</t>
  </si>
  <si>
    <t>POINT (4.647963984824468 51.84159736291873)</t>
  </si>
  <si>
    <t>POINT (4.639137837333162 51.83711681833432)</t>
  </si>
  <si>
    <t>POINT (4.655817067224589 51.83218826452572)</t>
  </si>
  <si>
    <t>POINT (4.6491558546102825 51.84913514559417)</t>
  </si>
  <si>
    <t>POINT (4.612196457415051 51.8495711640437)</t>
  </si>
  <si>
    <t>POINT (4.629625855187801 51.84018388219005)</t>
  </si>
  <si>
    <t>POINT (4.632608738141948 51.83363236631304)</t>
  </si>
  <si>
    <t>POINT (4.647342418571432 51.83966367114114)</t>
  </si>
  <si>
    <t>POINT (4.646771486095597 51.830846176433596)</t>
  </si>
  <si>
    <t>POINT (4.6435489551098135 51.84948424951778)</t>
  </si>
  <si>
    <t>POINT (4.639284518825806 51.851005244880184)</t>
  </si>
  <si>
    <t>POINT (4.642692400840434 51.83099116055604)</t>
  </si>
  <si>
    <t>POINT (4.646069071529705 51.83562371814043)</t>
  </si>
  <si>
    <t>POINT (4.651495757532143 51.834723031465614)</t>
  </si>
  <si>
    <t>POINT (4.630774198807818 51.840065445237094)</t>
  </si>
  <si>
    <t>POINT (4.646464565911825 51.84333849033208)</t>
  </si>
  <si>
    <t>POINT (4.650757085217874 51.844408178319526)</t>
  </si>
  <si>
    <t>POINT (4.646019373801635 51.83776270785753)</t>
  </si>
  <si>
    <t>POINT (4.643297496920129 51.84267128216485)</t>
  </si>
  <si>
    <t>POINT (4.636127864736517 51.84794692722806)</t>
  </si>
  <si>
    <t>POINT (4.639800713398931 51.85138605538339)</t>
  </si>
  <si>
    <t>POINT (4.629831845829219 51.83742568584878)</t>
  </si>
  <si>
    <t>POINT (4.64893478306956 51.847569729880156)</t>
  </si>
  <si>
    <t>POINT (4.633407605669039 51.83444648041904)</t>
  </si>
  <si>
    <t>POINT (4.634531920502787 51.83575705345704)</t>
  </si>
  <si>
    <t>POINT (4.649022139525439 51.84401077074725)</t>
  </si>
  <si>
    <t>POINT (4.638853825857787 51.83132325172467)</t>
  </si>
  <si>
    <t>POINT (4.6492517001438225 51.84120928872875)</t>
  </si>
  <si>
    <t>POINT (4.646136654682379 51.851229451834314)</t>
  </si>
  <si>
    <t>POINT (4.632464087186648 51.83793701556137)</t>
  </si>
  <si>
    <t>POINT (4.657720645403171 51.84096405297989)</t>
  </si>
  <si>
    <t>POINT (4.648112842744192 51.843708424414714)</t>
  </si>
  <si>
    <t>POINT (4.626111764600996 51.84376561486241)</t>
  </si>
  <si>
    <t>POINT (4.630377396097583 51.84554598101291)</t>
  </si>
  <si>
    <t>POINT (4.645232241543591 51.85019751464986)</t>
  </si>
  <si>
    <t>POINT (4.645788338141001 51.84210277503388)</t>
  </si>
  <si>
    <t>POINT (4.643573822646772 51.85406166417003)</t>
  </si>
  <si>
    <t>POINT (4.650856246872671 51.83270307008531)</t>
  </si>
  <si>
    <t>POINT (4.644762347310427 51.85087469807943)</t>
  </si>
  <si>
    <t>POINT (4.633448949861252 51.833709673804435)</t>
  </si>
  <si>
    <t>POINT (4.65521036016243 51.83113280873382)</t>
  </si>
  <si>
    <t>POINT (4.635859566158757 51.83705992806613)</t>
  </si>
  <si>
    <t>POINT (4.630405600052765 51.84547306691316)</t>
  </si>
  <si>
    <t>POINT (4.6559590014260275 51.833939565515436)</t>
  </si>
  <si>
    <t>POINT (4.642923161477637 51.84337002564318)</t>
  </si>
  <si>
    <t>POINT (4.649655884664524 51.83100815384205)</t>
  </si>
  <si>
    <t>POINT (4.635410220411782 51.837901987122045)</t>
  </si>
  <si>
    <t>POINT (4.6387295126267745 51.82675925442423)</t>
  </si>
  <si>
    <t>POINT (4.630085960432351 51.84475309866703)</t>
  </si>
  <si>
    <t>POINT (4.6273217043198525 51.838281367426745)</t>
  </si>
  <si>
    <t>POINT (4.632780174020071 51.838990722790804)</t>
  </si>
  <si>
    <t>POINT (4.640325385195064 51.84600518533096)</t>
  </si>
  <si>
    <t>POINT (4.649472918386562 51.832436203018155)</t>
  </si>
  <si>
    <t>POINT (4.642411573521095 51.84622517668181)</t>
  </si>
  <si>
    <t>POINT (4.633492071494244 51.84500871920743)</t>
  </si>
  <si>
    <t>POINT (4.6419802732326 51.83720680583386)</t>
  </si>
  <si>
    <t>POINT (4.645107262268223 51.83587831351756)</t>
  </si>
  <si>
    <t>POINT (4.644271303398522 51.84257857303984)</t>
  </si>
  <si>
    <t>POINT (4.6502328476715755 51.85161378938761)</t>
  </si>
  <si>
    <t>POINT (4.629741475800643 51.84021159426696)</t>
  </si>
  <si>
    <t>POINT (4.622254066008227 51.83763722551792)</t>
  </si>
  <si>
    <t>POINT (4.642539020039128 51.82885987036043)</t>
  </si>
  <si>
    <t>POINT (4.633062422181928 51.84813401768448)</t>
  </si>
  <si>
    <t>POINT (4.6558893693782135 51.84918626564328)</t>
  </si>
  <si>
    <t>POINT (4.643154293424586 51.83991984243369)</t>
  </si>
  <si>
    <t>POINT (4.638483216468606 51.84594850915209)</t>
  </si>
  <si>
    <t>POINT (4.635776049034002 51.83858746875589)</t>
  </si>
  <si>
    <t>POINT (4.641005661778126 51.83259257899855)</t>
  </si>
  <si>
    <t>POINT (4.64827342827807 51.842765625800745)</t>
  </si>
  <si>
    <t>POINT (4.639473090639043 51.83527627549394)</t>
  </si>
  <si>
    <t>POINT (4.643303175294337 51.84930694639059)</t>
  </si>
  <si>
    <t>POINT (4.6463112469107894 51.83501401715953)</t>
  </si>
  <si>
    <t>POINT (4.643561830890416 51.83281238454456)</t>
  </si>
  <si>
    <t>POINT (4.641169045287214 51.84501280720251)</t>
  </si>
  <si>
    <t>POINT (4.653692477558917 51.83168961983461)</t>
  </si>
  <si>
    <t>POINT (4.629838954131699 51.83872909072602)</t>
  </si>
  <si>
    <t>POINT (4.6432302495568845 51.832684442060426)</t>
  </si>
  <si>
    <t>POINT (4.640223486683247 51.83389569980329)</t>
  </si>
  <si>
    <t>POINT (4.650301125166556 51.84389296391917)</t>
  </si>
  <si>
    <t>POINT (4.653446137677886 51.84226154381512)</t>
  </si>
  <si>
    <t>POINT (4.6376149133224125 51.83620823634036)</t>
  </si>
  <si>
    <t>POINT (4.622489602362431 51.84000278515721)</t>
  </si>
  <si>
    <t>POINT (4.649592284939819 51.84641432562435)</t>
  </si>
  <si>
    <t>POINT (4.650005325580338 51.844232676012275)</t>
  </si>
  <si>
    <t>POINT (4.6460489428700695 51.843021264164044)</t>
  </si>
  <si>
    <t>POINT (4.643031172728318 51.82892591232365)</t>
  </si>
  <si>
    <t>POINT (4.621692819885126 51.83821783197005)</t>
  </si>
  <si>
    <t>POINT (4.635212910554072 51.82625138813704)</t>
  </si>
  <si>
    <t>POINT (4.625863804399775 51.84641566742936)</t>
  </si>
  <si>
    <t>POINT (4.627581063429612 51.844413326573346)</t>
  </si>
  <si>
    <t>POINT (4.626676188623843 51.84557599676732)</t>
  </si>
  <si>
    <t>POINT (4.644930050955105 51.83782773473209)</t>
  </si>
  <si>
    <t>POINT (4.6439196510095035 51.842783086591794)</t>
  </si>
  <si>
    <t>POINT (4.65038930248729 51.83317902951347)</t>
  </si>
  <si>
    <t>POINT (4.62919673224232 51.84412714238482)</t>
  </si>
  <si>
    <t>POINT (4.6433736978436775 51.84772339362245)</t>
  </si>
  <si>
    <t>POINT (4.648972333088877 51.83642402545422)</t>
  </si>
  <si>
    <t>POINT (4.630230624786505 51.84564391025181)</t>
  </si>
  <si>
    <t>POINT (4.622585860802983 51.84202586651326)</t>
  </si>
  <si>
    <t>POINT (4.644477495945992 51.83623387767943)</t>
  </si>
  <si>
    <t>POINT (4.657652114724318 51.83256425477598)</t>
  </si>
  <si>
    <t>POINT (4.636426196777041 51.83440290405014)</t>
  </si>
  <si>
    <t>POINT (4.658883677678001 51.83095790674544)</t>
  </si>
  <si>
    <t>POINT (4.647554765064349 51.836917838819)</t>
  </si>
  <si>
    <t>POINT (4.6276779360355915 51.8481352650842)</t>
  </si>
  <si>
    <t>POINT (4.647934477934239 51.84219720631566)</t>
  </si>
  <si>
    <t>POINT (4.633615970792912 51.83413321427754)</t>
  </si>
  <si>
    <t>POINT (4.643588819549714 51.848426213260595)</t>
  </si>
  <si>
    <t>POINT (4.642066366123027 51.8469151134169)</t>
  </si>
  <si>
    <t>POINT (4.629509432083519 51.851418974240005)</t>
  </si>
  <si>
    <t>POINT (4.6445701277385645 51.850228222865695)</t>
  </si>
  <si>
    <t>POINT (4.6270967424663265 51.836994529015705)</t>
  </si>
  <si>
    <t>POINT (4.649576378746816 51.83232000044579)</t>
  </si>
  <si>
    <t>POINT (4.627515786529968 51.84398144766182)</t>
  </si>
  <si>
    <t>POINT (4.6314092284791215 51.850649203818186)</t>
  </si>
  <si>
    <t>POINT (4.644257453532765 51.84879315626563)</t>
  </si>
  <si>
    <t>POINT (4.634526406018512 51.84911418756222)</t>
  </si>
  <si>
    <t>POINT (4.640750966205044 51.85185052159252)</t>
  </si>
  <si>
    <t>POINT (4.640346495068817 51.836854853663)</t>
  </si>
  <si>
    <t>POINT (4.626333016792583 51.84011764411456)</t>
  </si>
  <si>
    <t>POINT (4.625490017181096 51.844489665822806)</t>
  </si>
  <si>
    <t>POINT (4.6444103083208566 51.83385467209933)</t>
  </si>
  <si>
    <t>POINT (4.632186796678432 51.84669020311315)</t>
  </si>
  <si>
    <t>POINT (4.653475757030944 51.83163433339877)</t>
  </si>
  <si>
    <t>POINT (4.6227037098045285 51.83388555998774)</t>
  </si>
  <si>
    <t>POINT (4.644024907214367 51.84343992544144)</t>
  </si>
  <si>
    <t>POINT (4.634950348275683 51.83676646768542)</t>
  </si>
  <si>
    <t>POINT (4.645184104745842 51.84266524359491)</t>
  </si>
  <si>
    <t>POINT (4.625967187586897 51.8428747981703)</t>
  </si>
  <si>
    <t>POINT (4.6292981546326635 51.84413678582024)</t>
  </si>
  <si>
    <t>POINT (4.647888208773709 51.83617450891487)</t>
  </si>
  <si>
    <t>POINT (4.6309901734348395 51.85053864172565)</t>
  </si>
  <si>
    <t>POINT (4.649390063845986 51.85167141740557)</t>
  </si>
  <si>
    <t>POINT (4.643663862939041 51.848357988174534)</t>
  </si>
  <si>
    <t>POINT (4.6299861377679985 51.83601545772962)</t>
  </si>
  <si>
    <t>POINT (4.621079297305061 51.841018300747024)</t>
  </si>
  <si>
    <t>POINT (4.635819125573185 51.83861471049843)</t>
  </si>
  <si>
    <t>POINT (4.633567938856299 51.834402566436324)</t>
  </si>
  <si>
    <t>POINT (4.63586471931627 51.83936106245608)</t>
  </si>
  <si>
    <t>POINT (4.633266893021434 51.83418490494525)</t>
  </si>
  <si>
    <t>POINT (4.635969124351975 51.83484042530283)</t>
  </si>
  <si>
    <t>POINT (4.653414400525394 51.84189188466033)</t>
  </si>
  <si>
    <t>POINT (4.647355736804855 51.83679137251898)</t>
  </si>
  <si>
    <t>POINT (4.629712612468641 51.847105723208344)</t>
  </si>
  <si>
    <t>POINT (4.646670014745174 51.851031677645935)</t>
  </si>
  <si>
    <t>POINT (4.6340433776907 51.83460336877898)</t>
  </si>
  <si>
    <t>POINT (4.630270243958753 51.83551392358877)</t>
  </si>
  <si>
    <t>POINT (4.639997503692785 51.83602567472953)</t>
  </si>
  <si>
    <t>POINT (4.6418056062721185 51.846886492287034)</t>
  </si>
  <si>
    <t>POINT (4.651310226316289 51.845193659703355)</t>
  </si>
  <si>
    <t>POINT (4.636695037665986 51.847006743948135)</t>
  </si>
  <si>
    <t>POINT (4.622464126886059 51.833985517758144)</t>
  </si>
  <si>
    <t>POINT (4.640310232757329 51.838166969395076)</t>
  </si>
  <si>
    <t>POINT (4.624893502168779 51.83943415438931)</t>
  </si>
  <si>
    <t>POINT (4.625866126581424 51.836833746878696)</t>
  </si>
  <si>
    <t>POINT (4.641328440881105 51.84590369770594)</t>
  </si>
  <si>
    <t>POINT (4.651958082861686 51.84551232141584)</t>
  </si>
  <si>
    <t>POINT (4.639498644773907 51.838107871142945)</t>
  </si>
  <si>
    <t>POINT (4.6571374766115206 51.83514121515285)</t>
  </si>
  <si>
    <t>POINT (4.641922102433457 51.84949394351355)</t>
  </si>
  <si>
    <t>POINT (4.643374291585561 51.84768744274254)</t>
  </si>
  <si>
    <t>POINT (4.63150388111373 51.83981846140561)</t>
  </si>
  <si>
    <t>POINT (4.632999709158441 51.8484122636058)</t>
  </si>
  <si>
    <t>POINT (4.645713722965764 51.83164848041748)</t>
  </si>
  <si>
    <t>POINT (4.647029175743578 51.84430383795264)</t>
  </si>
  <si>
    <t>POINT (4.646909639306619 51.8356829538888)</t>
  </si>
  <si>
    <t>POINT (4.642068563575481 51.84941397511097)</t>
  </si>
  <si>
    <t>POINT (4.658198692009943 51.83386689877319)</t>
  </si>
  <si>
    <t>POINT (4.653812772404452 51.831429700061115)</t>
  </si>
  <si>
    <t>POINT (4.640055982579808 51.8359990809032)</t>
  </si>
  <si>
    <t>POINT (4.637098821725309 51.8283368761608)</t>
  </si>
  <si>
    <t>POINT (4.646499577928295 51.83591407271824)</t>
  </si>
  <si>
    <t>POINT (4.629952227862634 51.851844298065735)</t>
  </si>
  <si>
    <t>POINT (4.63381193933894 51.835428842484276)</t>
  </si>
  <si>
    <t>POINT (4.651895445441251 51.84846020756402)</t>
  </si>
  <si>
    <t>POINT (4.626793338588178 51.84551383480827)</t>
  </si>
  <si>
    <t>POINT (4.635018142664454 51.83878935477135)</t>
  </si>
  <si>
    <t>POINT (4.63743647947724 51.83733967023108)</t>
  </si>
  <si>
    <t>POINT (4.637586865795257 51.83275227835342)</t>
  </si>
  <si>
    <t>POINT (4.651400075827147 51.83436288506756)</t>
  </si>
  <si>
    <t>POINT (4.6454791970180445 51.84325137138537)</t>
  </si>
  <si>
    <t>POINT (4.6274046410410055 51.83594484583628)</t>
  </si>
  <si>
    <t>POINT (4.639088863688571 51.84792987602384)</t>
  </si>
  <si>
    <t>POINT (4.630797392572505 51.84905426959734)</t>
  </si>
  <si>
    <t>POINT (4.646285503373575 51.85135095596282)</t>
  </si>
  <si>
    <t>POINT (4.6483235955915925 51.829975066359395)</t>
  </si>
  <si>
    <t>POINT (4.640287488529939 51.84041399276477)</t>
  </si>
  <si>
    <t>POINT (4.627675704757235 51.84396450495158)</t>
  </si>
  <si>
    <t>POINT (4.638462579440589 51.82623620807824)</t>
  </si>
  <si>
    <t>POINT (4.651463535816932 51.83403070209719)</t>
  </si>
  <si>
    <t>POINT (4.639223842520432 51.8371802870731)</t>
  </si>
  <si>
    <t>POINT (4.6313646382658975 51.8386040931827)</t>
  </si>
  <si>
    <t>POINT (4.635674337853112 51.83859580636741)</t>
  </si>
  <si>
    <t>POINT (4.649639557736122 51.8453000291375)</t>
  </si>
  <si>
    <t>POINT (4.640264552301443 51.83479592549611)</t>
  </si>
  <si>
    <t>POINT (4.621633864437227 51.84168708117111)</t>
  </si>
  <si>
    <t>POINT (4.64463107167929 51.844522400451545)</t>
  </si>
  <si>
    <t>POINT (4.644204929877235 51.84191418725266)</t>
  </si>
  <si>
    <t>POINT (4.625595252079325 51.83912410499593)</t>
  </si>
  <si>
    <t>POINT (4.647428122776119 51.84828832797569)</t>
  </si>
  <si>
    <t>POINT (4.64340563072164 51.85282016469286)</t>
  </si>
  <si>
    <t>POINT (4.654322142196992 51.83222388414335)</t>
  </si>
  <si>
    <t>POINT (4.64228899451116 51.852759154362644)</t>
  </si>
  <si>
    <t>POINT (4.636750735391953 51.834953288715795)</t>
  </si>
  <si>
    <t>POINT (4.651296451999706 51.842167487773004)</t>
  </si>
  <si>
    <t>POINT (4.629978216629949 51.84943550238764)</t>
  </si>
  <si>
    <t>POINT (4.636862184051889 51.838688787850614)</t>
  </si>
  <si>
    <t>POINT (4.644276749732451 51.83385236176622)</t>
  </si>
  <si>
    <t>POINT (4.650374412766913 51.84384848058698)</t>
  </si>
  <si>
    <t>POINT (4.633666052608952 51.84675363810924)</t>
  </si>
  <si>
    <t>POINT (4.631870387130962 51.84833004760927)</t>
  </si>
  <si>
    <t>POINT (4.65625884757365 51.83216289069047)</t>
  </si>
  <si>
    <t>POINT (4.634351398209286 51.833535691283075)</t>
  </si>
  <si>
    <t>POINT (4.636977167108796 51.83349536976769)</t>
  </si>
  <si>
    <t>POINT (4.6395627264857175 51.83949253497671)</t>
  </si>
  <si>
    <t>POINT (4.649137656466649 51.84076561054209)</t>
  </si>
  <si>
    <t>POINT (4.624248761830741 51.84066141605472)</t>
  </si>
  <si>
    <t>POINT (4.641248144956601 51.84637059811023)</t>
  </si>
  <si>
    <t>POINT (4.628351110091368 51.836607141926095)</t>
  </si>
  <si>
    <t>POINT (4.644541235971517 51.85020675499423)</t>
  </si>
  <si>
    <t>POINT (4.646866093768856 51.84274777122589)</t>
  </si>
  <si>
    <t>POINT (4.644031708332575 51.837750141919244)</t>
  </si>
  <si>
    <t>POINT (4.643407494497586 51.82722044800409)</t>
  </si>
  <si>
    <t>POINT (4.641625701921008 51.84109664915163)</t>
  </si>
  <si>
    <t>POINT (4.6316813413822855 51.83702412382777)</t>
  </si>
  <si>
    <t>POINT (4.653691409121265 51.82997277722778)</t>
  </si>
  <si>
    <t>POINT (4.630566720526278 51.83427539624092)</t>
  </si>
  <si>
    <t>POINT (4.624601259975766 51.84298278664328)</t>
  </si>
  <si>
    <t>POINT (4.626272093251678 51.846301461409446)</t>
  </si>
  <si>
    <t>POINT (4.619808340808148 51.83555386417461)</t>
  </si>
  <si>
    <t>POINT (4.639819181554885 51.84144327139749)</t>
  </si>
  <si>
    <t>POINT (4.645396686141573 51.83680597585352)</t>
  </si>
  <si>
    <t>POINT (4.626329963408992 51.8445939876355)</t>
  </si>
  <si>
    <t>POINT (4.6422968741272745 51.85228280558442)</t>
  </si>
  <si>
    <t>POINT (4.632690499012685 51.849542849243214)</t>
  </si>
  <si>
    <t>POINT (4.639363478975316 51.83925756043456)</t>
  </si>
  <si>
    <t>POINT (4.64395050709175 51.84910089094663)</t>
  </si>
  <si>
    <t>POINT (4.63994677171919 51.838209599827366)</t>
  </si>
  <si>
    <t>POINT (4.64198627310535 51.85087860425815)</t>
  </si>
  <si>
    <t>POINT (4.626379567926808 51.84423476192898)</t>
  </si>
  <si>
    <t>POINT (4.6502911448899775 51.83563231996631)</t>
  </si>
  <si>
    <t>POINT (4.629320492720493 51.84798408274298)</t>
  </si>
  <si>
    <t>POINT (4.650842644369125 51.84538847855818)</t>
  </si>
  <si>
    <t>POINT (4.642936799598663 51.846057722637795)</t>
  </si>
  <si>
    <t>POINT (4.6377275537999205 51.83903139990626)</t>
  </si>
  <si>
    <t>POINT (4.62668550337074 51.84416483461605)</t>
  </si>
  <si>
    <t>POINT (4.626213744705792 51.846319060598574)</t>
  </si>
  <si>
    <t>POINT (4.648002309084916 51.830988763831776)</t>
  </si>
  <si>
    <t>POINT (4.642496286621712 51.83583481330623)</t>
  </si>
  <si>
    <t>POINT (4.635307994006885 51.83620247207562)</t>
  </si>
  <si>
    <t>POINT (4.652633376797695 51.842621248140546)</t>
  </si>
  <si>
    <t>POINT (4.6457200627773565 51.85242132410397)</t>
  </si>
  <si>
    <t>POINT (4.6318044968182885 51.849582095893325)</t>
  </si>
  <si>
    <t>POINT (4.643115701107459 51.85191946230122)</t>
  </si>
  <si>
    <t>POINT (4.644610314879009 51.850756488666995)</t>
  </si>
  <si>
    <t>POINT (4.626985170520439 51.84934920543901)</t>
  </si>
  <si>
    <t>POINT (4.657713028288931 51.83068097758371)</t>
  </si>
  <si>
    <t>POINT (4.627472069100757 51.8353879835972)</t>
  </si>
  <si>
    <t>POINT (4.6455201071290055 51.84869875800493)</t>
  </si>
  <si>
    <t>POINT (4.6278581379685235 51.83658597687145)</t>
  </si>
  <si>
    <t>POINT (4.64119431928399 51.85224884007265)</t>
  </si>
  <si>
    <t>POINT (4.649095220906177 51.841635626059734)</t>
  </si>
  <si>
    <t>POINT (4.642840526374106 51.83783248190003)</t>
  </si>
  <si>
    <t>POINT (4.657222436164233 51.83474397720294)</t>
  </si>
  <si>
    <t>POINT (4.640386466049921 51.84669770102466)</t>
  </si>
  <si>
    <t>POINT (4.643562452682356 51.83629100554568)</t>
  </si>
  <si>
    <t>POINT (4.630335222421535 51.84546481108554)</t>
  </si>
  <si>
    <t>POINT (4.637947887164131 51.8397429115769)</t>
  </si>
  <si>
    <t>POINT (4.636956543473268 51.8469904378741)</t>
  </si>
  <si>
    <t>POINT (4.635596440208803 51.83355948962462)</t>
  </si>
  <si>
    <t>POINT (4.653597071475473 51.83295863706872)</t>
  </si>
  <si>
    <t>POINT (4.601303154032459 51.840042643558405)</t>
  </si>
  <si>
    <t>POINT (4.621835475740019 51.84263220766867)</t>
  </si>
  <si>
    <t>POINT (4.625560898556637 51.844589001137116)</t>
  </si>
  <si>
    <t>POINT (4.6370673583534945 51.83510811993435)</t>
  </si>
  <si>
    <t>POINT (4.657012545027051 51.832485411597496)</t>
  </si>
  <si>
    <t>POINT (4.64474345345245 51.844747827736484)</t>
  </si>
  <si>
    <t>POINT (4.656944137205239 51.83157506343081)</t>
  </si>
  <si>
    <t>POINT (4.62906770872126 51.83972185642391)</t>
  </si>
  <si>
    <t>POINT (4.647402434335074 51.84985219214471)</t>
  </si>
  <si>
    <t>POINT (4.628673538166815 51.84675744540227)</t>
  </si>
  <si>
    <t>POINT (4.651714589875775 51.84239734125671)</t>
  </si>
  <si>
    <t>POINT (4.64294931191706 51.85057010928495)</t>
  </si>
  <si>
    <t>POINT (4.626198626061288 51.846354917316155)</t>
  </si>
  <si>
    <t>POINT (4.6367776841010615 51.82823472549032)</t>
  </si>
  <si>
    <t>POINT (4.636390275186279 51.847876696181444)</t>
  </si>
  <si>
    <t>POINT (4.639897093441192 51.83508122452326)</t>
  </si>
  <si>
    <t>POINT (4.659213056088093 51.83481608626533)</t>
  </si>
  <si>
    <t>POINT (4.6515861459811685 51.84849772140044)</t>
  </si>
  <si>
    <t>POINT (4.6305044116291425 51.83971314811305)</t>
  </si>
  <si>
    <t>POINT (4.635794937434921 51.83745501626944)</t>
  </si>
  <si>
    <t>POINT (4.631180851138741 51.83831527196616)</t>
  </si>
  <si>
    <t>POINT (4.645092535156832 51.834359674067215)</t>
  </si>
  <si>
    <t>POINT (4.637238436227754 51.83964849492287)</t>
  </si>
  <si>
    <t>POINT (4.643402572841577 51.84773256520385)</t>
  </si>
  <si>
    <t>POINT (4.641107944455372 51.82942605854603)</t>
  </si>
  <si>
    <t>POINT (4.627170465985732 51.829183834119796)</t>
  </si>
  <si>
    <t>POINT (4.633662144175869 51.84872213150794)</t>
  </si>
  <si>
    <t>POINT (4.642050962496307 51.8469689476343)</t>
  </si>
  <si>
    <t>POINT (4.649220105521304 51.83104136965542)</t>
  </si>
  <si>
    <t>POINT (4.630747817782113 51.84941349701546)</t>
  </si>
  <si>
    <t>POINT (4.6469903115334334 51.851272148203144)</t>
  </si>
  <si>
    <t>POINT (4.628368167089794 51.837317358331966)</t>
  </si>
  <si>
    <t>POINT (4.625978891846399 51.84925358123916)</t>
  </si>
  <si>
    <t>POINT (4.648375736265293 51.84272132635451)</t>
  </si>
  <si>
    <t>POINT (4.649088370532363 51.83111245076848)</t>
  </si>
  <si>
    <t>POINT (4.642587453220872 51.84975675051088)</t>
  </si>
  <si>
    <t>POINT (4.650812887702353 51.84543323521285)</t>
  </si>
  <si>
    <t>POINT (4.638864142211375 51.84747901077274)</t>
  </si>
  <si>
    <t>POINT (4.63182468271283 51.83539809459674)</t>
  </si>
  <si>
    <t>POINT (4.646143109307012 51.83641518856157)</t>
  </si>
  <si>
    <t>POINT (4.62628545498057 51.839497116648744)</t>
  </si>
  <si>
    <t>POINT (4.649289481551909 51.83212044652925)</t>
  </si>
  <si>
    <t>POINT (4.656644634828376 51.83434718274121)</t>
  </si>
  <si>
    <t>POINT (4.654191434342754 51.84471730687532)</t>
  </si>
  <si>
    <t>POINT (4.632730927575275 51.83933197612097)</t>
  </si>
  <si>
    <t>POINT (4.640995768494896 51.832379610256666)</t>
  </si>
  <si>
    <t>POINT (4.630094959844936 51.83731053013685)</t>
  </si>
  <si>
    <t>POINT (4.632222864417822 51.83761187197952)</t>
  </si>
  <si>
    <t>POINT (4.636523916608311 51.83322105893159)</t>
  </si>
  <si>
    <t>POINT (4.634913628699745 51.83809655688701)</t>
  </si>
  <si>
    <t>POINT (4.632458559151201 51.83653474571252)</t>
  </si>
  <si>
    <t>POINT (4.645128314923307 51.850877011490084)</t>
  </si>
  <si>
    <t>POINT (4.62723840594001 51.84922627072334)</t>
  </si>
  <si>
    <t>POINT (4.643761639321371 51.84913350160548)</t>
  </si>
  <si>
    <t>POINT (4.621319082339447 51.84142435617901)</t>
  </si>
  <si>
    <t>POINT (4.647463526054867 51.85143458005362)</t>
  </si>
  <si>
    <t>POINT (4.653916777717767 51.83038766414527)</t>
  </si>
  <si>
    <t>POINT (4.640997418960858 51.84836448804574)</t>
  </si>
  <si>
    <t>POINT (4.647449095231894 51.83287290034417)</t>
  </si>
  <si>
    <t>POINT (4.645244221749062 51.84430156025457)</t>
  </si>
  <si>
    <t>POINT (4.65376471785348 51.83170804855778)</t>
  </si>
  <si>
    <t>POINT (4.6572218538152335 51.830552082797084)</t>
  </si>
  <si>
    <t>POINT (4.633694173179599 51.84680775059894)</t>
  </si>
  <si>
    <t>POINT (4.658102334140067 51.83531255806688)</t>
  </si>
  <si>
    <t>POINT (4.645097622998373 51.85231851680407)</t>
  </si>
  <si>
    <t>POINT (4.640166696315045 51.84157276271332)</t>
  </si>
  <si>
    <t>POINT (4.637658747770376 51.838806243751854)</t>
  </si>
  <si>
    <t>POINT (4.635235304095136 51.83621099516061)</t>
  </si>
  <si>
    <t>POINT (4.648963655483825 51.844037369004816)</t>
  </si>
  <si>
    <t>POINT (4.626962510653177 51.84752839380203)</t>
  </si>
  <si>
    <t>POINT (4.645682431825768 51.85126887589665)</t>
  </si>
  <si>
    <t>POINT (4.647247241442502 51.83721315613793)</t>
  </si>
  <si>
    <t>POINT (4.632832429702009 51.83846971517203)</t>
  </si>
  <si>
    <t>POINT (4.647240304922151 51.831451373921404)</t>
  </si>
  <si>
    <t>POINT (4.63453698483365 51.83231502254039)</t>
  </si>
  <si>
    <t>POINT (4.640528874382129 51.83985823061807)</t>
  </si>
  <si>
    <t>POINT (4.635860355625571 51.84832273972372)</t>
  </si>
  <si>
    <t>POINT (4.633096346958996 51.846974697198256)</t>
  </si>
  <si>
    <t>POINT (4.653094682136898 51.83559390371188)</t>
  </si>
  <si>
    <t>POINT (4.629826718064174 51.84032000838033)</t>
  </si>
  <si>
    <t>POINT (4.64067848909541 51.85096917229167)</t>
  </si>
  <si>
    <t>POINT (4.630153918322787 51.83898280530885)</t>
  </si>
  <si>
    <t>POINT (4.643489144763856 51.84835304348091)</t>
  </si>
  <si>
    <t>POINT (4.635900887249333 51.8378910340179)</t>
  </si>
  <si>
    <t>POINT (4.640440431317419 51.84606883775827)</t>
  </si>
  <si>
    <t>POINT (4.6329507547479745 51.84873554121244)</t>
  </si>
  <si>
    <t>POINT (4.627539350592248 51.844305192550124)</t>
  </si>
  <si>
    <t>POINT (4.631978994584106 51.83571369137237)</t>
  </si>
  <si>
    <t>POINT (4.627229351357255 51.84608679163691)</t>
  </si>
  <si>
    <t>POINT (4.625755003855364 51.840832991306506)</t>
  </si>
  <si>
    <t>POINT (4.644249660458437 51.84389078109815)</t>
  </si>
  <si>
    <t>POINT (4.645972217965734 51.841510684236916)</t>
  </si>
  <si>
    <t>POINT (4.638691575525784 51.833126353456635)</t>
  </si>
  <si>
    <t>POINT (4.626541277491123 51.842393130303954)</t>
  </si>
  <si>
    <t>POINT (4.64843568072562 51.85056880118502)</t>
  </si>
  <si>
    <t>POINT (4.635594854991834 51.83640205999811)</t>
  </si>
  <si>
    <t>POINT (4.626378921812284 51.84685046298129)</t>
  </si>
  <si>
    <t>POINT (4.645302856357702 51.84426597612893)</t>
  </si>
  <si>
    <t>POINT (4.649556634749268 51.83175359003786)</t>
  </si>
  <si>
    <t>POINT (4.631837984951556 51.83547008966347)</t>
  </si>
  <si>
    <t>POINT (4.633989292926662 51.84738491902497)</t>
  </si>
  <si>
    <t>POINT (4.643614986786037 51.82783299303929)</t>
  </si>
  <si>
    <t>POINT (4.626843981469218 51.838215353473736)</t>
  </si>
  <si>
    <t>POINT (4.651230377033265 51.8296517578562)</t>
  </si>
  <si>
    <t>POINT (4.621916725428524 51.84126645707598)</t>
  </si>
  <si>
    <t>POINT (4.643730788177127 51.84543354664475)</t>
  </si>
  <si>
    <t>POINT (4.644878854741047 51.84923063640617)</t>
  </si>
  <si>
    <t>POINT (4.636938355406397 51.83896197311439)</t>
  </si>
  <si>
    <t>POINT (4.631478155957136 51.835296988769755)</t>
  </si>
  <si>
    <t>POINT (4.647627997014142 51.831696511382)</t>
  </si>
  <si>
    <t>POINT (4.644063574674212 51.82966053609168)</t>
  </si>
  <si>
    <t>POINT (4.632707792676052 51.845911537798045)</t>
  </si>
  <si>
    <t>POINT (4.643659597714914 51.844471308875235)</t>
  </si>
  <si>
    <t>POINT (4.6536174158472425 51.830062201537196)</t>
  </si>
  <si>
    <t>POINT (4.645267426178496 51.85016299582027)</t>
  </si>
  <si>
    <t>POINT (4.637654859770237 51.839039924478826)</t>
  </si>
  <si>
    <t>POINT (4.6343650351893295 51.83532452662359)</t>
  </si>
  <si>
    <t>POINT (4.643145894921862 51.8491906792751)</t>
  </si>
  <si>
    <t>POINT (4.639206731804483 51.831482317576864)</t>
  </si>
  <si>
    <t>POINT (4.6565405285949835 51.850070856266136)</t>
  </si>
  <si>
    <t>POINT (4.646355785489447 51.85141515593448)</t>
  </si>
  <si>
    <t>POINT (4.651161184968226 51.83240014972544)</t>
  </si>
  <si>
    <t>POINT (4.6304307649253165 51.837186853772295)</t>
  </si>
  <si>
    <t>POINT (4.6410700472820166 51.849236849723866)</t>
  </si>
  <si>
    <t>POINT (4.647718133886637 51.83150831708652)</t>
  </si>
  <si>
    <t>POINT (4.637589934922958 51.8359653825337)</t>
  </si>
  <si>
    <t>POINT (4.64698080743766 51.84026014469845)</t>
  </si>
  <si>
    <t>POINT (4.651969104440197 51.83327882151103)</t>
  </si>
  <si>
    <t>POINT (4.627428723739343 51.84398088428726)</t>
  </si>
  <si>
    <t>POINT (4.6263651454637476 51.84508859295207)</t>
  </si>
  <si>
    <t>POINT (4.626021382162173 51.83623251156024)</t>
  </si>
  <si>
    <t>POINT (4.626829364303999 51.83994108622152)</t>
  </si>
  <si>
    <t>POINT (4.64926753338209 51.83168885227858)</t>
  </si>
  <si>
    <t>POINT (4.651709072217977 51.829654758240004)</t>
  </si>
  <si>
    <t>POINT (4.630043119619729 51.836941659762786)</t>
  </si>
  <si>
    <t>POINT (4.642602002494097 51.84611852054151)</t>
  </si>
  <si>
    <t>POINT (4.65339094531264 51.83327872954564)</t>
  </si>
  <si>
    <t>POINT (4.63961612896743 51.845892807485974)</t>
  </si>
  <si>
    <t>POINT (4.646938644368985 51.84274822869206)</t>
  </si>
  <si>
    <t>POINT (4.627807119662623 51.83875191997707)</t>
  </si>
  <si>
    <t>POINT (4.644108504114965 51.83362903389951)</t>
  </si>
  <si>
    <t>POINT (4.64297823160423 51.849698392760914)</t>
  </si>
  <si>
    <t>POINT (4.649315802109366 51.84291600022623)</t>
  </si>
  <si>
    <t>POINT (4.645760915692098 51.85120688237396)</t>
  </si>
  <si>
    <t>POINT (4.633368579135966 51.83764620058828)</t>
  </si>
  <si>
    <t>POINT (4.649334076489003 51.82939715873599)</t>
  </si>
  <si>
    <t>POINT (4.6466191247512105 51.829523879810054)</t>
  </si>
  <si>
    <t>POINT (4.644956386269306 51.84239414422537)</t>
  </si>
  <si>
    <t>POINT (4.629766123912456 51.84737572861195)</t>
  </si>
  <si>
    <t>POINT (4.634561536742101 51.835721288614984)</t>
  </si>
  <si>
    <t>POINT (4.632218499478927 51.83527478644621)</t>
  </si>
  <si>
    <t>POINT (4.645104594375901 51.84396809728125)</t>
  </si>
  <si>
    <t>POINT (4.650351329507729 51.84525955497929)</t>
  </si>
  <si>
    <t>POINT (4.6380719962088435 51.826170795070794)</t>
  </si>
  <si>
    <t>POINT (4.647475553965683 51.83214498453508)</t>
  </si>
  <si>
    <t>POINT (4.630644988574162 51.8477589191044)</t>
  </si>
  <si>
    <t>POINT (4.646968550790164 51.842694485277285)</t>
  </si>
  <si>
    <t>POINT (4.620922488702637 51.83829370454154)</t>
  </si>
  <si>
    <t>POINT (4.6480311480935566 51.82834627470067)</t>
  </si>
  <si>
    <t>POINT (4.647392575291625 51.83631520521698)</t>
  </si>
  <si>
    <t>POINT (4.652687443964695 51.844393304601645)</t>
  </si>
  <si>
    <t>POINT (4.631740864407999 51.8464536292472)</t>
  </si>
  <si>
    <t>POINT (4.648127589660092 51.842809651139795)</t>
  </si>
  <si>
    <t>POINT (4.642721448547854 51.82747677048559)</t>
  </si>
  <si>
    <t>POINT (4.633284547741342 51.83573107184437)</t>
  </si>
  <si>
    <t>POINT (4.635935554546245 51.83685367476719)</t>
  </si>
  <si>
    <t>POINT (4.643831504506293 51.828778175985406)</t>
  </si>
  <si>
    <t>POINT (4.642031359956818 51.849908115274594)</t>
  </si>
  <si>
    <t>POINT (4.6404540484229635 51.84612285635313)</t>
  </si>
  <si>
    <t>POINT (4.63414821369252 51.84482416738135)</t>
  </si>
  <si>
    <t>POINT (4.64633719360587 51.847553368297305)</t>
  </si>
  <si>
    <t>POINT (4.644915077842103 51.84225905308893)</t>
  </si>
  <si>
    <t>POINT (4.62450557774871 51.84434844469942)</t>
  </si>
  <si>
    <t>POINT (4.645937301750706 51.83481390570774)</t>
  </si>
  <si>
    <t>POINT (4.631675458279787 51.83391400127019)</t>
  </si>
  <si>
    <t>POINT (4.650520693548805 51.84377748925607)</t>
  </si>
  <si>
    <t>POINT (4.651530994741793 51.844116404413946)</t>
  </si>
  <si>
    <t>POINT (4.630495003538877 51.83768164542597)</t>
  </si>
  <si>
    <t>POINT (4.642798427658516 51.835989537062986)</t>
  </si>
  <si>
    <t>POINT (4.629471562294785 51.83555371447443)</t>
  </si>
  <si>
    <t>POINT (4.649927903847518 51.847189457951515)</t>
  </si>
  <si>
    <t>POINT (4.620762588128668 51.83831063809843)</t>
  </si>
  <si>
    <t>POINT (4.631854090739855 51.8466251424872)</t>
  </si>
  <si>
    <t>POINT (4.6461143690388225 51.8355161400525)</t>
  </si>
  <si>
    <t>POINT (4.63579604346298 51.84782795150931)</t>
  </si>
  <si>
    <t>POINT (4.646137511674637 51.837637612295744)</t>
  </si>
  <si>
    <t>POINT (4.636811747157318 51.835645807070456)</t>
  </si>
  <si>
    <t>POINT (4.657218642783372 51.83469243958941)</t>
  </si>
  <si>
    <t>POINT (4.649177847644659 51.84336456612955)</t>
  </si>
  <si>
    <t>POINT (4.642107410368694 51.83362885280757)</t>
  </si>
  <si>
    <t>POINT (4.655670686564601 51.832268250402166)</t>
  </si>
  <si>
    <t>POINT (4.628152039877598 51.851005717267086)</t>
  </si>
  <si>
    <t>POINT (4.622461346899382 51.83995765766753)</t>
  </si>
  <si>
    <t>POINT (4.64762592473174 51.85038393062022)</t>
  </si>
  <si>
    <t>POINT (4.643661246936101 51.834700636119706)</t>
  </si>
  <si>
    <t>POINT (4.635439087491807 51.83791116065772)</t>
  </si>
  <si>
    <t>POINT (4.635188973624582 51.83550958129791)</t>
  </si>
  <si>
    <t>POINT (4.647377919654916 51.836324101526614)</t>
  </si>
  <si>
    <t>POINT (4.643249235678509 51.84926956238143)</t>
  </si>
  <si>
    <t>POINT (4.628811905358367 51.835953945611315)</t>
  </si>
  <si>
    <t>POINT (4.641339676375333 51.83909035885115)</t>
  </si>
  <si>
    <t>POINT (4.651484754771517 51.82917695281623)</t>
  </si>
  <si>
    <t>POINT (4.645502549870739 51.83830775257123)</t>
  </si>
  <si>
    <t>POINT (4.630881982780565 51.84660989592445)</t>
  </si>
  <si>
    <t>POINT (4.625768834507539 51.84516562531996)</t>
  </si>
  <si>
    <t>POINT (4.637901793173054 51.83727972037485)</t>
  </si>
  <si>
    <t>POINT (4.6498353344652354 51.837404512808426)</t>
  </si>
  <si>
    <t>POINT (4.640555477765125 51.846132490072975)</t>
  </si>
  <si>
    <t>POINT (4.64536324926292 51.84059898266209)</t>
  </si>
  <si>
    <t>POINT (4.633971556200856 51.84844546811297)</t>
  </si>
  <si>
    <t>POINT (4.626839169064064 51.84865246481685)</t>
  </si>
  <si>
    <t>POINT (4.636417249653661 51.833139208962315)</t>
  </si>
  <si>
    <t>POINT (4.6442642672698975 51.84652455158303)</t>
  </si>
  <si>
    <t>POINT (4.638897344908235 51.83761865145935)</t>
  </si>
  <si>
    <t>POINT (4.647831166695965 51.85025938202138)</t>
  </si>
  <si>
    <t>POINT (4.6259213936415335 51.846443006876235)</t>
  </si>
  <si>
    <t>POINT (4.643299343569311 51.83728708120157)</t>
  </si>
  <si>
    <t>POINT (4.64081925103195 51.82846243412093)</t>
  </si>
  <si>
    <t>POINT (4.642712595302893 51.84645180235682)</t>
  </si>
  <si>
    <t>POINT (4.646291270721512 51.83534647192842)</t>
  </si>
  <si>
    <t>POINT (4.646392677082925 51.83535610057293)</t>
  </si>
  <si>
    <t>POINT (4.6283345809433305 51.843618207041864)</t>
  </si>
  <si>
    <t>POINT (4.632513684017978 51.84796869588291)</t>
  </si>
  <si>
    <t>POINT (4.628042333595549 51.84976457143827)</t>
  </si>
  <si>
    <t>POINT (4.640761527541504 51.84683491599762)</t>
  </si>
  <si>
    <t>POINT (4.650560342966014 51.8381086881042)</t>
  </si>
  <si>
    <t>POINT (4.648171346646063 51.83306621171267)</t>
  </si>
  <si>
    <t>POINT (4.6390577456825435 51.83931853321219)</t>
  </si>
  <si>
    <t>POINT (4.626991737543444 51.846656681511824)</t>
  </si>
  <si>
    <t>POINT (4.639437473417323 51.83479964870714)</t>
  </si>
  <si>
    <t>POINT (4.629594557331319 51.84635890160705)</t>
  </si>
  <si>
    <t>POINT (4.6213606182486355 51.84239540525614)</t>
  </si>
  <si>
    <t>POINT (4.648243670807358 51.842810381817)</t>
  </si>
  <si>
    <t>POINT (4.651790680592331 51.82998785043687)</t>
  </si>
  <si>
    <t>POINT (4.639790865041121 51.84143046205054)</t>
  </si>
  <si>
    <t>POINT (4.632731562469193 51.83756121025995)</t>
  </si>
  <si>
    <t>POINT (4.652216130865716 51.852821710320065)</t>
  </si>
  <si>
    <t>POINT (4.656092394538241 51.849196518613944)</t>
  </si>
  <si>
    <t>POINT (4.631398313196993 51.834002104070755)</t>
  </si>
  <si>
    <t>POINT (4.641220015569893 51.84631648741026)</t>
  </si>
  <si>
    <t>POINT (4.634721528586357 51.833960532580356)</t>
  </si>
  <si>
    <t>POINT (4.640222658346363 51.84432365129714)</t>
  </si>
  <si>
    <t>POINT (4.622300548099135 51.84173637006633)</t>
  </si>
  <si>
    <t>POINT (4.645530350298163 51.83485627867889)</t>
  </si>
  <si>
    <t>POINT (4.648138379489796 51.8492276208871)</t>
  </si>
  <si>
    <t>POINT (4.648983969300089 51.85149658855651)</t>
  </si>
  <si>
    <t>POINT (4.63154628099851 51.83815582845625)</t>
  </si>
  <si>
    <t>POINT (4.644866040275454 51.84699576813225)</t>
  </si>
  <si>
    <t>POINT (4.653823028614836 51.84197814028578)</t>
  </si>
  <si>
    <t>POINT (4.635657050268046 51.837022677048374)</t>
  </si>
  <si>
    <t>POINT (4.6444538444519425 51.85018490809488)</t>
  </si>
  <si>
    <t>POINT (4.646002619058712 51.85200962995519)</t>
  </si>
  <si>
    <t>POINT (4.640199159759466 51.84661561151571)</t>
  </si>
  <si>
    <t>POINT (4.645056625077492 51.841594786704064)</t>
  </si>
  <si>
    <t>POINT (4.64658556217928 51.83509664615963)</t>
  </si>
  <si>
    <t>POINT (4.638869263419945 51.834067944924556)</t>
  </si>
  <si>
    <t>POINT (4.636071073186344 51.836557915539004)</t>
  </si>
  <si>
    <t>POINT (4.641985318922611 51.84128769442663)</t>
  </si>
  <si>
    <t>POINT (4.644835690310719 51.84619558547928)</t>
  </si>
  <si>
    <t>POINT (4.639598376340212 51.84696234559142)</t>
  </si>
  <si>
    <t>POINT (4.635495725403033 51.84582155618991)</t>
  </si>
  <si>
    <t>POINT (4.626184570415789 51.84632786018223)</t>
  </si>
  <si>
    <t>POINT (4.642370728158143 51.83400452469924)</t>
  </si>
  <si>
    <t>POINT (4.643749321132017 51.83090792759105)</t>
  </si>
  <si>
    <t>POINT (4.6403390021436755 51.846059203939255)</t>
  </si>
  <si>
    <t>POINT (4.656193391223147 51.83453869058825)</t>
  </si>
  <si>
    <t>POINT (4.636769456950468 51.827661608095866)</t>
  </si>
  <si>
    <t>POINT (4.621122825784595 51.84101858479133)</t>
  </si>
  <si>
    <t>POINT (4.652112809924017 51.85025929875621)</t>
  </si>
  <si>
    <t>POINT (4.642547533271504 51.83800140855572)</t>
  </si>
  <si>
    <t>POINT (4.642448906921378 51.83343453638447)</t>
  </si>
  <si>
    <t>POINT (4.622527969230348 51.83396137653504)</t>
  </si>
  <si>
    <t>POINT (4.646860537953961 51.83690510333255)</t>
  </si>
  <si>
    <t>POINT (4.638418453670423 51.8393683895277)</t>
  </si>
  <si>
    <t>POINT (4.650476574160667 51.84381316705224)</t>
  </si>
  <si>
    <t>POINT (4.647434938963292 51.831084065010394)</t>
  </si>
  <si>
    <t>POINT (4.646253123408228 51.84913484144865)</t>
  </si>
  <si>
    <t>POINT (4.630394199343688 51.83763605220713)</t>
  </si>
  <si>
    <t>POINT (4.643087108352692 51.845744072149536)</t>
  </si>
  <si>
    <t>POINT (4.648706299448347 51.84060384357019)</t>
  </si>
  <si>
    <t>POINT (4.649346950710002 51.84987341615808)</t>
  </si>
  <si>
    <t>POINT (4.648948997635857 51.84404626549794)</t>
  </si>
  <si>
    <t>POINT (4.648591097592821 51.85348210182695)</t>
  </si>
  <si>
    <t>POINT (4.644728864570063 51.8368287200761)</t>
  </si>
  <si>
    <t>POINT (4.648759734764432 51.829033999949665)</t>
  </si>
  <si>
    <t>POINT (4.635103290680305 51.838034851356404)</t>
  </si>
  <si>
    <t>POINT (4.6414460279047445 51.851072924800405)</t>
  </si>
  <si>
    <t>POINT (4.641204236090254 51.84726918545727)</t>
  </si>
  <si>
    <t>POINT (4.643961160802619 51.846423757987345)</t>
  </si>
  <si>
    <t>POINT (4.646111707975205 51.835677919335225)</t>
  </si>
  <si>
    <t>POINT (4.659212822898778 51.84021826813605)</t>
  </si>
  <si>
    <t>POINT (4.633605672606083 51.833881465016546)</t>
  </si>
  <si>
    <t>POINT (4.649020806553698 51.85043138625811)</t>
  </si>
  <si>
    <t>POINT (4.631031842338917 51.838548017991705)</t>
  </si>
  <si>
    <t>POINT (4.628247228494999 51.847941195488424)</t>
  </si>
  <si>
    <t>POINT (4.654380824969246 51.833968051849624)</t>
  </si>
  <si>
    <t>POINT (4.634766718156504 51.84602362596868)</t>
  </si>
  <si>
    <t>POINT (4.626032796849243 51.83899211242144)</t>
  </si>
  <si>
    <t>POINT (4.639495056115793 51.834826981520635)</t>
  </si>
  <si>
    <t>POINT (4.64697867123389 51.83678000690218)</t>
  </si>
  <si>
    <t>POINT (4.605266174381753 51.8382803540706)</t>
  </si>
  <si>
    <t>POINT (4.652247031542829 51.84309463589194)</t>
  </si>
  <si>
    <t>POINT (4.640250934345246 51.84436877452612)</t>
  </si>
  <si>
    <t>POINT (4.6414635136395965 51.84914047409366)</t>
  </si>
  <si>
    <t>POINT (4.640195776124599 51.84506953957763)</t>
  </si>
  <si>
    <t>POINT (4.63382105536265 51.8392221240151)</t>
  </si>
  <si>
    <t>POINT (4.644157804237415 51.85297773387561)</t>
  </si>
  <si>
    <t>POINT (4.648995036580141 51.84566451351798)</t>
  </si>
  <si>
    <t>POINT (4.64436406778641 51.846633046965096)</t>
  </si>
  <si>
    <t>POINT (4.647522615063374 51.831929552915035)</t>
  </si>
  <si>
    <t>POINT (4.649979582548828 51.84580552943755)</t>
  </si>
  <si>
    <t>POINT (4.653073693108618 51.833159893256536)</t>
  </si>
  <si>
    <t>POINT (4.644046385875713 51.83686035638895)</t>
  </si>
  <si>
    <t>POINT (4.625502560315054 51.84288976204756)</t>
  </si>
  <si>
    <t>POINT (4.621532296468644 51.84168641881521)</t>
  </si>
  <si>
    <t>POINT (4.643553805766973 51.84648409928248)</t>
  </si>
  <si>
    <t>POINT (4.626933917241597 51.849270411460125)</t>
  </si>
  <si>
    <t>POINT (4.636476337019263 51.84619636571855)</t>
  </si>
  <si>
    <t>POINT (4.630952079535493 51.834185367884885)</t>
  </si>
  <si>
    <t>POINT (4.646801291904112 51.851137897454315)</t>
  </si>
  <si>
    <t>POINT (4.615619995039743 51.83357586219807)</t>
  </si>
  <si>
    <t>POINT (4.637149023519098 51.83456033227361)</t>
  </si>
  <si>
    <t>POINT (4.658002135433248 51.83074569455739)</t>
  </si>
  <si>
    <t>POINT (4.646698140552407 51.837074863790626)</t>
  </si>
  <si>
    <t>3342DZ</t>
  </si>
  <si>
    <t>De Noorden</t>
  </si>
  <si>
    <t>POINT (4.62661860345113 51.85304069005524)</t>
  </si>
  <si>
    <t>POINT (4.647027541535736 51.8302725160339)</t>
  </si>
  <si>
    <t>POINT (4.6397023856094535 51.84769108958462)</t>
  </si>
  <si>
    <t>POINT (4.622797081717095 51.84155084163501)</t>
  </si>
  <si>
    <t>POINT (4.629607556796 51.846448872225984)</t>
  </si>
  <si>
    <t>POINT (4.650814393196804 51.84445348105551)</t>
  </si>
  <si>
    <t>POINT (4.625569732446544 51.845911787479054)</t>
  </si>
  <si>
    <t>POINT (4.648726597402247 51.839355014343475)</t>
  </si>
  <si>
    <t>POINT (4.651178306237589 51.84527373070196)</t>
  </si>
  <si>
    <t>POINT (4.647930876048131 51.84860609741696)</t>
  </si>
  <si>
    <t>POINT (4.630432447846559 51.84745193456349)</t>
  </si>
  <si>
    <t>POINT (4.653105531854773 51.83411230683231)</t>
  </si>
  <si>
    <t>POINT (4.637074764154659 51.82740727415248)</t>
  </si>
  <si>
    <t>POINT (4.641710794995247 51.837708460577616)</t>
  </si>
  <si>
    <t>POINT (4.641860508597458 51.83304428877843)</t>
  </si>
  <si>
    <t>POINT (4.645688100323949 51.84202124400534)</t>
  </si>
  <si>
    <t>POINT (4.641111746326592 51.84496749977853)</t>
  </si>
  <si>
    <t>POINT (4.633008102916192 51.839243870290225)</t>
  </si>
  <si>
    <t>POINT (4.632946203421167 51.836007547599344)</t>
  </si>
  <si>
    <t>POINT (4.6239372119473625 51.84106388180354)</t>
  </si>
  <si>
    <t>POINT (4.625507373434696 51.83659771381276)</t>
  </si>
  <si>
    <t>POINT (4.648591808950529 51.84724398124453)</t>
  </si>
  <si>
    <t>POINT (4.641355453134758 51.84339603163613)</t>
  </si>
  <si>
    <t>POINT (4.64510634649798 51.849389834326686)</t>
  </si>
  <si>
    <t>POINT (4.652687181357987 51.842588587402275)</t>
  </si>
  <si>
    <t>POINT (4.650946992876911 51.840227215682276)</t>
  </si>
  <si>
    <t>POINT (4.644852270119201 51.83428993988806)</t>
  </si>
  <si>
    <t>POINT (4.624160064558323 51.84418440342777)</t>
  </si>
  <si>
    <t>POINT (4.635391072250732 51.83470189446049)</t>
  </si>
  <si>
    <t>POINT (4.647567610284412 51.831839949692906)</t>
  </si>
  <si>
    <t>POINT (4.6331837450654 51.83568548101348)</t>
  </si>
  <si>
    <t>POINT (4.653465821377579 51.83291360150599)</t>
  </si>
  <si>
    <t>POINT (4.636666937972231 51.83737070761545)</t>
  </si>
  <si>
    <t>POINT (4.626807849545308 51.845513928788044)</t>
  </si>
  <si>
    <t>POINT (4.633496573496094 51.84820871472174)</t>
  </si>
  <si>
    <t>POINT (4.628409445207146 51.83658954162713)</t>
  </si>
  <si>
    <t>POINT (4.6429120015306236 51.84999015828981)</t>
  </si>
  <si>
    <t>POINT (4.658920078888458 51.83139857717289)</t>
  </si>
  <si>
    <t>POINT (4.650724851754246 51.84175268131834)</t>
  </si>
  <si>
    <t>POINT (4.634020641051969 51.83856723112956)</t>
  </si>
  <si>
    <t>POINT (4.638462987780703 51.83756194992672)</t>
  </si>
  <si>
    <t>POINT (4.629595027838639 51.83683989332091)</t>
  </si>
  <si>
    <t>POINT (4.644858837082384 51.849786440311185)</t>
  </si>
  <si>
    <t>POINT (4.645892912347986 51.82781144675958)</t>
  </si>
  <si>
    <t>POINT (4.644422351583272 51.84890963187655)</t>
  </si>
  <si>
    <t>POINT (4.625650015338277 51.8436098130903)</t>
  </si>
  <si>
    <t>POINT (4.640771849162527 51.83657891004433)</t>
  </si>
  <si>
    <t>POINT (4.644753910737589 51.84937474358998)</t>
  </si>
  <si>
    <t>POINT (4.622879324286513 51.83381628612738)</t>
  </si>
  <si>
    <t>POINT (4.631895966788461 51.84672428726881)</t>
  </si>
  <si>
    <t>POINT (4.645136872204415 51.846413217237675)</t>
  </si>
  <si>
    <t>POINT (4.624081759905768 51.839383937239525)</t>
  </si>
  <si>
    <t>POINT (4.6557327989293595 51.83201695479158)</t>
  </si>
  <si>
    <t>POINT (4.631556927857806 51.84703670927272)</t>
  </si>
  <si>
    <t>POINT (4.6445738875337845 51.831729220104265)</t>
  </si>
  <si>
    <t>POINT (4.635592869654789 51.83739080198306)</t>
  </si>
  <si>
    <t>POINT (4.6433294147281465 51.84425348944557)</t>
  </si>
  <si>
    <t>POINT (4.625670228309641 51.83726393326718)</t>
  </si>
  <si>
    <t>POINT (4.646954040687238 51.842694393791334)</t>
  </si>
  <si>
    <t>POINT (4.642083556068689 51.837980487264296)</t>
  </si>
  <si>
    <t>POINT (4.6354340275308 51.83734484151645)</t>
  </si>
  <si>
    <t>POINT (4.6504618575963885 51.82962895946888)</t>
  </si>
  <si>
    <t>POINT (4.623024154746907 51.840141096184695)</t>
  </si>
  <si>
    <t>POINT (4.642518512091787 51.840634904866754)</t>
  </si>
  <si>
    <t>POINT (4.631919500149554 51.83666610901754)</t>
  </si>
  <si>
    <t>POINT (4.64546841793174 51.8474310306986)</t>
  </si>
  <si>
    <t>POINT (4.643241903832503 51.8372507625208)</t>
  </si>
  <si>
    <t>POINT (4.647844505920113 51.841253027886495)</t>
  </si>
  <si>
    <t>POINT (4.622783293524777 51.839797958015424)</t>
  </si>
  <si>
    <t>POINT (4.6390660421544565 51.83707141744108)</t>
  </si>
  <si>
    <t>POINT (4.650142390998496 51.84649867811453)</t>
  </si>
  <si>
    <t>POINT (4.648306012908422 51.85139494130839)</t>
  </si>
  <si>
    <t>POINT (4.626009806621366 51.8429290065835)</t>
  </si>
  <si>
    <t>POINT (4.645930958189619 51.82814426817964)</t>
  </si>
  <si>
    <t>POINT (4.629721671070452 51.836211502620515)</t>
  </si>
  <si>
    <t>POINT (4.632310617052996 51.83670457943903)</t>
  </si>
  <si>
    <t>POINT (4.6281695197553745 51.84824630805618)</t>
  </si>
  <si>
    <t>POINT (4.635982133346373 51.83493039536108)</t>
  </si>
  <si>
    <t>POINT (4.648230635115307 51.842720413153835)</t>
  </si>
  <si>
    <t>POINT (4.642532206108309 51.85209553646408)</t>
  </si>
  <si>
    <t>POINT (4.648268938846037 51.831538751680604)</t>
  </si>
  <si>
    <t>POINT (4.644361114453341 51.8283320947992)</t>
  </si>
  <si>
    <t>POINT (4.650329852100706 51.84391112153448)</t>
  </si>
  <si>
    <t>POINT (4.648782145203475 51.84979795636129)</t>
  </si>
  <si>
    <t>POINT (4.629036662717376 51.84415307486693)</t>
  </si>
  <si>
    <t>POINT (4.621393463998725 51.84131697714793)</t>
  </si>
  <si>
    <t>POINT (4.64466092379575 51.850261021413694)</t>
  </si>
  <si>
    <t>POINT (4.6319371284644895 51.83561454650631)</t>
  </si>
  <si>
    <t>POINT (4.640112887469481 51.84744201968455)</t>
  </si>
  <si>
    <t>POINT (4.636047396878423 51.83797797520966)</t>
  </si>
  <si>
    <t>POINT (4.625757313789639 51.8409418592452)</t>
  </si>
  <si>
    <t>POINT (4.639523176323372 51.83488109269216)</t>
  </si>
  <si>
    <t>POINT (4.625096405539102 51.84459497567468)</t>
  </si>
  <si>
    <t>POINT (4.63045597650702 51.84432402774009)</t>
  </si>
  <si>
    <t>POINT (4.6255770077281895 51.84363630554836)</t>
  </si>
  <si>
    <t>POINT (4.64918093562176 51.83166134183963)</t>
  </si>
  <si>
    <t>POINT (4.642606261518529 51.8467387652576)</t>
  </si>
  <si>
    <t>POINT (4.641262282337366 51.84726955424437)</t>
  </si>
  <si>
    <t>POINT (4.653547997147649 51.83165276225509)</t>
  </si>
  <si>
    <t>POINT (4.641774893335607 51.83023885473056)</t>
  </si>
  <si>
    <t>POINT (4.636686851352131 51.8361753407211)</t>
  </si>
  <si>
    <t>POINT (4.646970476339646 51.8355125527792)</t>
  </si>
  <si>
    <t>POINT (4.622094038585656 51.84022492507594)</t>
  </si>
  <si>
    <t>POINT (4.629515226129154 51.83899666229508)</t>
  </si>
  <si>
    <t>POINT (4.63253708151244 51.83791051877526)</t>
  </si>
  <si>
    <t>POINT (4.629784560271926 51.844553403818914)</t>
  </si>
  <si>
    <t>POINT (4.652338220128446 51.847991560713446)</t>
  </si>
  <si>
    <t>POINT (4.6525739958805845 51.845120675912355)</t>
  </si>
  <si>
    <t>POINT (4.647199544294603 51.846300394311776)</t>
  </si>
  <si>
    <t>POINT (4.658244525942374 51.83362561308685)</t>
  </si>
  <si>
    <t>POINT (4.641863057098272 51.84692281164938)</t>
  </si>
  <si>
    <t>POINT (4.649387552807821 51.84385127177289)</t>
  </si>
  <si>
    <t>POINT (4.648386392341739 51.85091904851999)</t>
  </si>
  <si>
    <t>POINT (4.645545369142594 51.84187652380726)</t>
  </si>
  <si>
    <t>POINT (4.638750816212986 51.83421100865815)</t>
  </si>
  <si>
    <t>POINT (4.631566117495761 51.84994909746297)</t>
  </si>
  <si>
    <t>POINT (4.643359059603006 51.850014824683235)</t>
  </si>
  <si>
    <t>POINT (4.637814756698036 51.839022967903816)</t>
  </si>
  <si>
    <t>POINT (4.630362130005146 51.84559082597789)</t>
  </si>
  <si>
    <t>POINT (4.655628879437854 51.84913969970832)</t>
  </si>
  <si>
    <t>POINT (4.643853251058174 51.82921875904136)</t>
  </si>
  <si>
    <t>POINT (4.633880119944626 51.83568995180866)</t>
  </si>
  <si>
    <t>POINT (4.639402700241058 51.83313926315746)</t>
  </si>
  <si>
    <t>POINT (4.642256233887369 51.83407767611345)</t>
  </si>
  <si>
    <t>POINT (4.648266098588513 51.82905785947929)</t>
  </si>
  <si>
    <t>POINT (4.624101186379607 51.83995035075145)</t>
  </si>
  <si>
    <t>POINT (4.638330154137425 51.836824031195114)</t>
  </si>
  <si>
    <t>POINT (4.635920446850455 51.83688953279967)</t>
  </si>
  <si>
    <t>POINT (4.644331066383886 51.828394825399066)</t>
  </si>
  <si>
    <t>POINT (4.647143166091931 51.84036278512573)</t>
  </si>
  <si>
    <t>POINT (4.62083739225235 51.83988414716963)</t>
  </si>
  <si>
    <t>POINT (4.6259102585490695 51.836798078328485)</t>
  </si>
  <si>
    <t>POINT (4.650333861649753 51.8312461172051)</t>
  </si>
  <si>
    <t>POINT (4.651606701518021 51.8341484519807)</t>
  </si>
  <si>
    <t>POINT (4.638643682533553 51.838039502034356)</t>
  </si>
  <si>
    <t>POINT (4.632842964471654 51.83784057525703)</t>
  </si>
  <si>
    <t>POINT (4.652541017987797 51.84447328636863)</t>
  </si>
  <si>
    <t>POINT (4.624310851250553 51.84470672679862)</t>
  </si>
  <si>
    <t>POINT (4.634725317281009 51.83807737266328)</t>
  </si>
  <si>
    <t>POINT (4.640852554736023 51.8340728499347)</t>
  </si>
  <si>
    <t>POINT (4.628268348813306 51.84927165556913)</t>
  </si>
  <si>
    <t>POINT (4.6418521798986205 51.84582612569813)</t>
  </si>
  <si>
    <t>POINT (4.6408912545727805 51.845136883078936)</t>
  </si>
  <si>
    <t>POINT (4.645949224562682 51.847317214522846)</t>
  </si>
  <si>
    <t>POINT (4.636718219860077 51.8277077250613)</t>
  </si>
  <si>
    <t>POINT (4.640484113841294 51.846060126915305)</t>
  </si>
  <si>
    <t>POINT (4.650139450728191 51.84401779029271)</t>
  </si>
  <si>
    <t>POINT (4.651523801845736 51.84455680353326)</t>
  </si>
  <si>
    <t>POINT (4.652458399132827 51.84136129158355)</t>
  </si>
  <si>
    <t>POINT (4.638825801019475 51.833506783236295)</t>
  </si>
  <si>
    <t>POINT (4.645561028490844 51.838281156008975)</t>
  </si>
  <si>
    <t>POINT (4.645969224860124 51.84786564893493)</t>
  </si>
  <si>
    <t>POINT (4.64557366604657 51.84368342398788)</t>
  </si>
  <si>
    <t>POINT (4.6297121589284504 51.85058433602381)</t>
  </si>
  <si>
    <t>POINT (4.647944115185863 51.828345726598855)</t>
  </si>
  <si>
    <t>POINT (4.649542127056661 51.846818500037905)</t>
  </si>
  <si>
    <t>POINT (4.645974961024356 51.83781635946311)</t>
  </si>
  <si>
    <t>POINT (4.63490892487477 51.83664036072271)</t>
  </si>
  <si>
    <t>POINT (4.638773624526273 51.82672358095503)</t>
  </si>
  <si>
    <t>POINT (4.64460750903566 51.834078416392636)</t>
  </si>
  <si>
    <t>POINT (4.636402302433509 51.82625900220091)</t>
  </si>
  <si>
    <t>POINT (4.634020407210702 51.837713305115464)</t>
  </si>
  <si>
    <t>POINT (4.629126541968792 51.836225638404244)</t>
  </si>
  <si>
    <t>POINT (4.6411212905719585 51.84088670535091)</t>
  </si>
  <si>
    <t>POINT (4.643347147976473 51.82999756807842)</t>
  </si>
  <si>
    <t>POINT (4.644083642160722 51.84867421504585)</t>
  </si>
  <si>
    <t>POINT (4.642063016040459 51.83416387367624)</t>
  </si>
  <si>
    <t>POINT (4.629375709046623 51.84211483393501)</t>
  </si>
  <si>
    <t>POINT (4.626147534787239 51.842507431446236)</t>
  </si>
  <si>
    <t>POINT (4.646802781070469 51.84836528428169)</t>
  </si>
  <si>
    <t>POINT (4.633396922764814 51.836819423969)</t>
  </si>
  <si>
    <t>POINT (4.638935417302974 51.82658978217829)</t>
  </si>
  <si>
    <t>POINT (4.6445498532088445 51.85021316447693)</t>
  </si>
  <si>
    <t>POINT (4.6470327540415735 51.85203410519399)</t>
  </si>
  <si>
    <t>POINT (4.645835176410152 51.845428875939476)</t>
  </si>
  <si>
    <t>POINT (4.644689280845518 51.849321931036464)</t>
  </si>
  <si>
    <t>POINT (4.638411228110977 51.837184095403856)</t>
  </si>
  <si>
    <t>POINT (4.639920098062281 51.83456901634996)</t>
  </si>
  <si>
    <t>POINT (4.631149879979298 51.83410836851678)</t>
  </si>
  <si>
    <t>POINT (4.651899892041516 51.84552094565798)</t>
  </si>
  <si>
    <t>POINT (4.645709100866343 51.82928442913578)</t>
  </si>
  <si>
    <t>POINT (4.656134626629787 51.84748893834816)</t>
  </si>
  <si>
    <t>POINT (4.644228043597198 51.83640308395416)</t>
  </si>
  <si>
    <t>POINT (4.649990962073755 51.84422359716604)</t>
  </si>
  <si>
    <t>POINT (4.64765180443237 51.84438865944741)</t>
  </si>
  <si>
    <t>POINT (4.638368071578688 51.84065344844221)</t>
  </si>
  <si>
    <t>POINT (4.638979528873246 51.8265541086303)</t>
  </si>
  <si>
    <t>POINT (4.645328737412121 51.83740778738014)</t>
  </si>
  <si>
    <t>POINT (4.649052338881095 51.843939051339746)</t>
  </si>
  <si>
    <t>POINT (4.650020130375261 51.84421479165238)</t>
  </si>
  <si>
    <t>POINT (4.651736050537734 51.844000836554024)</t>
  </si>
  <si>
    <t>POINT (4.654202275313183 51.84244324473049)</t>
  </si>
  <si>
    <t>POINT (4.622313062298407 51.84099937934236)</t>
  </si>
  <si>
    <t>POINT (4.6570123164388 51.849737157307196)</t>
  </si>
  <si>
    <t>POINT (4.630143912248839 51.85053770083535)</t>
  </si>
  <si>
    <t>POINT (4.644635444052467 51.850312536066646)</t>
  </si>
  <si>
    <t>POINT (4.638186146228789 51.83850399486344)</t>
  </si>
  <si>
    <t>POINT (4.644991072788329 51.850933977076394)</t>
  </si>
  <si>
    <t>POINT (4.652844504769659 51.83208880816659)</t>
  </si>
  <si>
    <t>POINT (4.644676057445107 51.84707546476845)</t>
  </si>
  <si>
    <t>POINT (4.648325300387203 51.82898632274004)</t>
  </si>
  <si>
    <t>POINT (4.648653085723612 51.83554112792572)</t>
  </si>
  <si>
    <t>POINT (4.63128062786835 51.834963135651236)</t>
  </si>
  <si>
    <t>POINT (4.648516120999147 51.84126123750342)</t>
  </si>
  <si>
    <t>POINT (4.640613075600913 51.846159822329554)</t>
  </si>
  <si>
    <t>POINT (4.644921649098253 51.82776935396241)</t>
  </si>
  <si>
    <t>POINT (4.644620492672239 51.83724151348326)</t>
  </si>
  <si>
    <t>POINT (4.635088932157137 51.83802577068974)</t>
  </si>
  <si>
    <t>POINT (4.64074614782708 51.826745130501685)</t>
  </si>
  <si>
    <t>POINT (4.655938014013991 51.830993525312955)</t>
  </si>
  <si>
    <t>POINT (4.627931468603634 51.83567859381899)</t>
  </si>
  <si>
    <t>POINT (4.625827711544883 51.84425815054006)</t>
  </si>
  <si>
    <t>POINT (4.641901166184317 51.83584901388178)</t>
  </si>
  <si>
    <t>POINT (4.623860440815331 51.84216899084383)</t>
  </si>
  <si>
    <t>POINT (4.637997244031123 51.839392668279025)</t>
  </si>
  <si>
    <t>POINT (4.642675702786585 51.85219532161848)</t>
  </si>
  <si>
    <t>POINT (4.644961093228796 51.85076183459417)</t>
  </si>
  <si>
    <t>POINT (4.635804317000775 51.838632593071864)</t>
  </si>
  <si>
    <t>POINT (4.631108554438047 51.84608102349835)</t>
  </si>
  <si>
    <t>POINT (4.624977272779756 51.840486374476285)</t>
  </si>
  <si>
    <t>POINT (4.642931844946108 51.85338344789374)</t>
  </si>
  <si>
    <t>POINT (4.6313863236727 51.848554696546316)</t>
  </si>
  <si>
    <t>POINT (4.6410113617515725 51.844894952508525)</t>
  </si>
  <si>
    <t>POINT (4.626940033820508 51.836822729205345)</t>
  </si>
  <si>
    <t>POINT (4.647027034257212 51.842667888008215)</t>
  </si>
  <si>
    <t>POINT (4.6404790933227735 51.851615087866044)</t>
  </si>
  <si>
    <t>POINT (4.6384019114933634 51.83512562885927)</t>
  </si>
  <si>
    <t>POINT (4.636492009195015 51.83936025741411)</t>
  </si>
  <si>
    <t>POINT (4.65034608166127 51.84469323663788)</t>
  </si>
  <si>
    <t>POINT (4.636896838724693 51.84796083231712)</t>
  </si>
  <si>
    <t>POINT (4.6437039276950625 51.842664868021764)</t>
  </si>
  <si>
    <t>POINT (4.649851980351832 51.84473507793375)</t>
  </si>
  <si>
    <t>POINT (4.644254708623388 51.83108079766008)</t>
  </si>
  <si>
    <t>POINT (4.605400647535594 51.837220582436316)</t>
  </si>
  <si>
    <t>POINT (4.645712046019489 51.82822378362077)</t>
  </si>
  <si>
    <t>POINT (4.635636362691703 51.82695521814202)</t>
  </si>
  <si>
    <t>POINT (4.640440878358823 51.846041874607366)</t>
  </si>
  <si>
    <t>POINT (4.646236106312672 51.831642790314795)</t>
  </si>
  <si>
    <t>POINT (4.633135131755942 51.848125495996236)</t>
  </si>
  <si>
    <t>POINT (4.647960011446109 51.83621990443084)</t>
  </si>
  <si>
    <t>POINT (4.63058318381279 51.848846150039485)</t>
  </si>
  <si>
    <t>POINT (4.654552477368795 51.84426094126657)</t>
  </si>
  <si>
    <t>POINT (4.636908583397347 51.838524402865865)</t>
  </si>
  <si>
    <t>POINT (4.625792378019212 51.840338856096366)</t>
  </si>
  <si>
    <t>POINT (4.627742727856138 51.84945701911566)</t>
  </si>
  <si>
    <t>POINT (4.6365659957313206 51.83646220573104)</t>
  </si>
  <si>
    <t>POINT (4.648333428509989 51.836137617979226)</t>
  </si>
  <si>
    <t>POINT (4.629548156713486 51.84480356143353)</t>
  </si>
  <si>
    <t>POINT (4.6412821573934435 51.84344050932377)</t>
  </si>
  <si>
    <t>POINT (4.628590254536808 51.84653219046329)</t>
  </si>
  <si>
    <t>POINT (4.648606989974867 51.84631824509452)</t>
  </si>
  <si>
    <t>POINT (4.638330177484152 51.832919762736935)</t>
  </si>
  <si>
    <t>POINT (4.64414660927624 51.83694188884287)</t>
  </si>
  <si>
    <t>POINT (4.640829254279777 51.84625108339357)</t>
  </si>
  <si>
    <t>POINT (4.62818491115341 51.84905538810066)</t>
  </si>
  <si>
    <t>POINT (4.657793427565713 51.83419798657565)</t>
  </si>
  <si>
    <t>POINT (4.644524781076793 51.83391020931635)</t>
  </si>
  <si>
    <t>POINT (4.636514857189493 51.83964624339105)</t>
  </si>
  <si>
    <t>POINT (4.6259064777560415 51.84045644893407)</t>
  </si>
  <si>
    <t>POINT (4.63909357670408 51.82929638471597)</t>
  </si>
  <si>
    <t>POINT (4.628841177031006 51.83852489853327)</t>
  </si>
  <si>
    <t>POINT (4.633633561037029 51.8348164671381)</t>
  </si>
  <si>
    <t>POINT (4.656380300599038 51.84397590513078)</t>
  </si>
  <si>
    <t>POINT (4.648777807016773 51.8474069469532)</t>
  </si>
  <si>
    <t>POINT (4.628665180782956 51.83518895926934)</t>
  </si>
  <si>
    <t>POINT (4.627777133822777 51.84373614752096)</t>
  </si>
  <si>
    <t>POINT (4.628949599570134 51.84415251261971)</t>
  </si>
  <si>
    <t>POINT (4.626169299881657 51.84637270458868)</t>
  </si>
  <si>
    <t>POINT (4.633039870033014 51.84774736005749)</t>
  </si>
  <si>
    <t>POINT (4.630508405880239 51.83515591158227)</t>
  </si>
  <si>
    <t>POINT (4.630207815488263 51.847001052892864)</t>
  </si>
  <si>
    <t>POINT (4.635245542114942 51.846898594438755)</t>
  </si>
  <si>
    <t>POINT (4.643015723315861 51.833375210356614)</t>
  </si>
  <si>
    <t>POINT (4.622183984734117 51.839200800800796)</t>
  </si>
  <si>
    <t>POINT (4.6266395312759405 51.84001176603004)</t>
  </si>
  <si>
    <t>POINT (4.639747797692793 51.834460055262355)</t>
  </si>
  <si>
    <t>POINT (4.637460619529779 51.83254265602538)</t>
  </si>
  <si>
    <t>POINT (4.652320864819684 51.84462471575673)</t>
  </si>
  <si>
    <t>POINT (4.626699349573134 51.84506379215847)</t>
  </si>
  <si>
    <t>POINT (4.628136434921274 51.845685823006136)</t>
  </si>
  <si>
    <t>POINT (4.629169595328431 51.85091341538178)</t>
  </si>
  <si>
    <t>POINT (4.646570300339552 51.84008690589101)</t>
  </si>
  <si>
    <t>POINT (4.655518937642147 51.851440108268385)</t>
  </si>
  <si>
    <t>POINT (4.6414594343961895 51.83010244326729)</t>
  </si>
  <si>
    <t>POINT (4.643514415437847 51.838322141027085)</t>
  </si>
  <si>
    <t>POINT (4.621532754772781 51.84165945574487)</t>
  </si>
  <si>
    <t>POINT (4.644756497847651 51.84307601885106)</t>
  </si>
  <si>
    <t>POINT (4.638986125100471 51.82703055108935)</t>
  </si>
  <si>
    <t>POINT (4.641692683408821 51.83270525776491)</t>
  </si>
  <si>
    <t>POINT (4.634972011412075 51.83720705179455)</t>
  </si>
  <si>
    <t>POINT (4.649212985267018 51.84387714060478)</t>
  </si>
  <si>
    <t>POINT (4.648057171892903 51.850638328354066)</t>
  </si>
  <si>
    <t>POINT (4.627191069415703 51.836563682765814)</t>
  </si>
  <si>
    <t>POINT (4.656580665693352 51.830727867017735)</t>
  </si>
  <si>
    <t>POINT (4.647552366007781 51.83188479700966)</t>
  </si>
  <si>
    <t>POINT (4.62244374328587 51.837575540471505)</t>
  </si>
  <si>
    <t>POINT (4.623589933494767 51.841861616470446)</t>
  </si>
  <si>
    <t>POINT (4.638623394234878 51.84013373370596)</t>
  </si>
  <si>
    <t>POINT (4.640621481077641 51.850905889224165)</t>
  </si>
  <si>
    <t>POINT (4.655627020337196 51.832276966942054)</t>
  </si>
  <si>
    <t>POINT (4.652185537775062 51.83335208623037)</t>
  </si>
  <si>
    <t>POINT (4.63482672726325 51.83808701130461)</t>
  </si>
  <si>
    <t>POINT (4.6273227207177925 51.83908136692427)</t>
  </si>
  <si>
    <t>POINT (4.640701032789262 51.83559869412887)</t>
  </si>
  <si>
    <t>POINT (4.633297538544268 51.8488276550325)</t>
  </si>
  <si>
    <t>POINT (4.6445032346012605 51.84941224993541)</t>
  </si>
  <si>
    <t>POINT (4.62741732880685 51.84606219274049)</t>
  </si>
  <si>
    <t>POINT (4.64418471228329 51.833641713918055)</t>
  </si>
  <si>
    <t>POINT (4.659294451481418 51.83426828268157)</t>
  </si>
  <si>
    <t>POINT (4.649270091105045 51.846592074225455)</t>
  </si>
  <si>
    <t>POINT (4.644667907664088 51.85026702505748)</t>
  </si>
  <si>
    <t>POINT (4.648407392652594 51.85052367993908)</t>
  </si>
  <si>
    <t>POINT (4.650315488630736 51.84390204272769)</t>
  </si>
  <si>
    <t>POINT (4.653465658648343 51.83225448842389)</t>
  </si>
  <si>
    <t>POINT (4.626877110013589 51.84742896538422)</t>
  </si>
  <si>
    <t>POINT (4.641658570641884 51.8294655118498)</t>
  </si>
  <si>
    <t>POINT (4.634667637314849 51.83718712371008)</t>
  </si>
  <si>
    <t>POINT (4.626784497599661 51.84431828335848)</t>
  </si>
  <si>
    <t>POINT (4.6303674744422 51.83922687663726)</t>
  </si>
  <si>
    <t>POINT (4.6571876185293535 51.83489685558924)</t>
  </si>
  <si>
    <t>POINT (4.644064159494671 51.83323354809238)</t>
  </si>
  <si>
    <t>POINT (4.6308689498654365 51.839607633012676)</t>
  </si>
  <si>
    <t>POINT (4.655344713148285 51.83089994108537)</t>
  </si>
  <si>
    <t>POINT (4.643058502404475 51.83342042492882)</t>
  </si>
  <si>
    <t>POINT (4.627189600342262 51.83579064614458)</t>
  </si>
  <si>
    <t>3341HK</t>
  </si>
  <si>
    <t>Klompenmaker</t>
  </si>
  <si>
    <t>POINT (4.653994040494657 51.844229536444956)</t>
  </si>
  <si>
    <t>POINT (4.650067237595769 51.8457701251611)</t>
  </si>
  <si>
    <t>POINT (4.638094798092654 51.83277802848514)</t>
  </si>
  <si>
    <t>POINT (4.640573922014363 51.84677080251885)</t>
  </si>
  <si>
    <t>POINT (4.6303754328319 51.845662821121735)</t>
  </si>
  <si>
    <t>POINT (4.633975161305219 51.838683792160566)</t>
  </si>
  <si>
    <t>POINT (4.648767534860956 51.83209918697399)</t>
  </si>
  <si>
    <t>POINT (4.644724152286446 51.84985661709611)</t>
  </si>
  <si>
    <t>POINT (4.65183281993934 51.83362852592458)</t>
  </si>
  <si>
    <t>POINT (4.643850674983656 51.85223872033715)</t>
  </si>
  <si>
    <t>POINT (4.651237231152662 51.84522016813868)</t>
  </si>
  <si>
    <t>POINT (4.64016968985198 51.846642390011375)</t>
  </si>
  <si>
    <t>POINT (4.643941154532577 51.83097234180837)</t>
  </si>
  <si>
    <t>POINT (4.641851036585022 51.837125087314476)</t>
  </si>
  <si>
    <t>POINT (4.628268247725799 51.83808075061703)</t>
  </si>
  <si>
    <t>POINT (4.648660010348264 51.83310587102629)</t>
  </si>
  <si>
    <t>POINT (4.63247798050449 51.847501055555185)</t>
  </si>
  <si>
    <t>POINT (4.6422620976691 51.83332548693065)</t>
  </si>
  <si>
    <t>POINT (4.627047858198766 51.835591977266105)</t>
  </si>
  <si>
    <t>POINT (4.631281350373559 51.83405528306955)</t>
  </si>
  <si>
    <t>POINT (4.629134506883667 51.852135647799784)</t>
  </si>
  <si>
    <t>POINT (4.635633337581949 51.846271870600866)</t>
  </si>
  <si>
    <t>POINT (4.6253531705940105 51.84596348757239)</t>
  </si>
  <si>
    <t>POINT (4.651440247763486 51.83210985727832)</t>
  </si>
  <si>
    <t>POINT (4.637490773766887 51.8375647338971)</t>
  </si>
  <si>
    <t>POINT (4.640558808427963 51.829296725304246)</t>
  </si>
  <si>
    <t>POINT (4.631532145561316 51.839863586736755)</t>
  </si>
  <si>
    <t>POINT (4.655201683006716 51.84327643638277)</t>
  </si>
  <si>
    <t>POINT (4.646201585087853 51.83638859166855)</t>
  </si>
  <si>
    <t>POINT (4.641920800410748 51.84080189675424)</t>
  </si>
  <si>
    <t>POINT (4.639286691173711 51.83321173688187)</t>
  </si>
  <si>
    <t>POINT (4.640340045380733 51.8459962899214)</t>
  </si>
  <si>
    <t>POINT (4.638530241006048 51.8291489740773)</t>
  </si>
  <si>
    <t>POINT (4.640979831583545 51.851177826898144)</t>
  </si>
  <si>
    <t>POINT (4.625469830235744 51.84053451479699)</t>
  </si>
  <si>
    <t>POINT (4.6511350671546685 51.84525548232431)</t>
  </si>
  <si>
    <t>POINT (4.645446954856574 51.84873425053287)</t>
  </si>
  <si>
    <t>POINT (4.6411272289735495 51.844032776916436)</t>
  </si>
  <si>
    <t>POINT (4.656864090301206 51.831143109440475)</t>
  </si>
  <si>
    <t>POINT (4.637000342703832 51.838962045650845)</t>
  </si>
  <si>
    <t>POINT (4.624272190686681 51.844418837800454)</t>
  </si>
  <si>
    <t>POINT (4.651339688660457 51.845166878391844)</t>
  </si>
  <si>
    <t>POINT (4.647998086743694 51.84362680401489)</t>
  </si>
  <si>
    <t>POINT (4.648768706231026 51.83556882127489)</t>
  </si>
  <si>
    <t>POINT (4.649339708014827 51.845106515928975)</t>
  </si>
  <si>
    <t>POINT (4.649768464304559 51.853381637826175)</t>
  </si>
  <si>
    <t>POINT (4.640141859745819 51.84657030362518)</t>
  </si>
  <si>
    <t>POINT (4.6390096809063825 51.83784408433444)</t>
  </si>
  <si>
    <t>POINT (4.645214372086362 51.83137260866549)</t>
  </si>
  <si>
    <t>POINT (4.636090772695116 51.837987241416464)</t>
  </si>
  <si>
    <t>POINT (4.628689487069317 51.83633067950273)</t>
  </si>
  <si>
    <t>POINT (4.64892680716649 51.82857662839987)</t>
  </si>
  <si>
    <t>POINT (4.644053758615995 51.849088501940635)</t>
  </si>
  <si>
    <t>POINT (4.638998146026326 51.85076971528358)</t>
  </si>
  <si>
    <t>POINT (4.62586355737408 51.840420215869486)</t>
  </si>
  <si>
    <t>POINT (4.626784995043079 51.83655206443387)</t>
  </si>
  <si>
    <t>POINT (4.655011992092497 51.831733812334996)</t>
  </si>
  <si>
    <t>POINT (4.633787353296892 51.83429611065308)</t>
  </si>
  <si>
    <t>POINT (4.644526965464815 51.84555543812917)</t>
  </si>
  <si>
    <t>POINT (4.621431665228668 51.838216128762184)</t>
  </si>
  <si>
    <t>POINT (4.654651645641405 51.852508915853946)</t>
  </si>
  <si>
    <t>POINT (4.652213592070771 51.842168181285665)</t>
  </si>
  <si>
    <t>POINT (4.640533012885768 51.828226907881565)</t>
  </si>
  <si>
    <t>POINT (4.625704278755913 51.84890327371092)</t>
  </si>
  <si>
    <t>POINT (4.64102202976663 51.851258992991006)</t>
  </si>
  <si>
    <t>POINT (4.631570498775606 51.846227816135766)</t>
  </si>
  <si>
    <t>POINT (4.641707887004317 51.82911526647612)</t>
  </si>
  <si>
    <t>POINT (4.624918595650142 51.83795118403375)</t>
  </si>
  <si>
    <t>POINT (4.651742510497917 51.85071540111378)</t>
  </si>
  <si>
    <t>POINT (4.648641143208065 51.84070398987698)</t>
  </si>
  <si>
    <t>POINT (4.622951079502538 51.837605810429594)</t>
  </si>
  <si>
    <t>POINT (4.634685862453103 51.844782671239116)</t>
  </si>
  <si>
    <t>POINT (4.644111347061888 51.83820007955779)</t>
  </si>
  <si>
    <t>POINT (4.648737932277984 51.832134955442264)</t>
  </si>
  <si>
    <t>POINT (4.626867734128103 51.84024694996192)</t>
  </si>
  <si>
    <t>POINT (4.622172708081021 51.84157374074937)</t>
  </si>
  <si>
    <t>POINT (4.6567215349204165 51.83486963295222)</t>
  </si>
  <si>
    <t>POINT (4.6443632319670645 51.85196331569081)</t>
  </si>
  <si>
    <t>POINT (4.6481673932544725 51.83153811241427)</t>
  </si>
  <si>
    <t>POINT (4.624191180983217 51.840634075784635)</t>
  </si>
  <si>
    <t>POINT (4.625706537731428 51.84026638986777)</t>
  </si>
  <si>
    <t>POINT (4.6210789915937465 51.8410362761271)</t>
  </si>
  <si>
    <t>POINT (4.65585593546142 51.83410376657269)</t>
  </si>
  <si>
    <t>POINT (4.646159158033584 51.849764865589556)</t>
  </si>
  <si>
    <t>POINT (4.621605456031423 51.841650941174606)</t>
  </si>
  <si>
    <t>POINT (4.649772634161408 51.8291931751957)</t>
  </si>
  <si>
    <t>POINT (4.657869054521602 51.836031433310055)</t>
  </si>
  <si>
    <t>POINT (4.651081168711884 51.8332972835194)</t>
  </si>
  <si>
    <t>POINT (4.642481133196881 51.83675156188711)</t>
  </si>
  <si>
    <t>POINT (4.64396414372092 51.841925570905026)</t>
  </si>
  <si>
    <t>POINT (4.649293961945153 51.830960935897316)</t>
  </si>
  <si>
    <t>POINT (4.641101748699184 51.83341280442156)</t>
  </si>
  <si>
    <t>POINT (4.633703315264591 51.834115797588666)</t>
  </si>
  <si>
    <t>POINT (4.655050254523615 51.83205764301756)</t>
  </si>
  <si>
    <t>POINT (4.641993362751759 51.84694161608226)</t>
  </si>
  <si>
    <t>POINT (4.649575421563585 51.83937617065281)</t>
  </si>
  <si>
    <t>POINT (4.639779676294064 51.83778606842944)</t>
  </si>
  <si>
    <t>POINT (4.636685599941618 51.8282448153042)</t>
  </si>
  <si>
    <t>POINT (4.647492711037496 51.84877412230711)</t>
  </si>
  <si>
    <t>POINT (4.621506499554388 51.83808178652441)</t>
  </si>
  <si>
    <t>POINT (4.652970637868677 51.846606284909726)</t>
  </si>
  <si>
    <t>POINT (4.635327751679748 51.83588799481252)</t>
  </si>
  <si>
    <t>POINT (4.641628057579414 51.83744726363224)</t>
  </si>
  <si>
    <t>POINT (4.649933508105342 51.84418728176361)</t>
  </si>
  <si>
    <t>POINT (4.6438508809150125 51.845191613150014)</t>
  </si>
  <si>
    <t>POINT (4.64689255685737 51.830541325077355)</t>
  </si>
  <si>
    <t>POINT (4.65033525637934 51.83559664218896)</t>
  </si>
  <si>
    <t>POINT (4.635936513200155 51.848107499039735)</t>
  </si>
  <si>
    <t>POINT (4.6514497958486904 51.832471378516786)</t>
  </si>
  <si>
    <t>POINT (4.641498556074485 51.83374351138939)</t>
  </si>
  <si>
    <t>POINT (4.625333220153412 51.843463938887616)</t>
  </si>
  <si>
    <t>POINT (4.646934112893883 51.83684264661925)</t>
  </si>
  <si>
    <t>POINT (4.624227610757985 51.83933994178336)</t>
  </si>
  <si>
    <t>POINT (4.626329834427879 51.8463198129635)</t>
  </si>
  <si>
    <t>POINT (4.633463573282548 51.84584448271795)</t>
  </si>
  <si>
    <t>POINT (4.641213691637021 51.845822070708984)</t>
  </si>
  <si>
    <t>POINT (4.641919131172715 51.833008706270725)</t>
  </si>
  <si>
    <t>POINT (4.650535107682998 51.83313500124852)</t>
  </si>
  <si>
    <t>POINT (4.647828755028016 51.83714491068052)</t>
  </si>
  <si>
    <t>POINT (4.624772527089434 51.84143784551756)</t>
  </si>
  <si>
    <t>POINT (4.631816971284529 51.83845419698436)</t>
  </si>
  <si>
    <t>POINT (4.634064683851794 51.83766864577654)</t>
  </si>
  <si>
    <t>POINT (4.635847243701719 51.838668822521576)</t>
  </si>
  <si>
    <t>POINT (4.655731048095792 51.832124807881925)</t>
  </si>
  <si>
    <t>POINT (4.628377958029034 51.83845898453832)</t>
  </si>
  <si>
    <t>POINT (4.657685154389463 51.8362236547183)</t>
  </si>
  <si>
    <t>POINT (4.644333360619372 51.84216729383123)</t>
  </si>
  <si>
    <t>POINT (4.636904620669504 51.83616774407591)</t>
  </si>
  <si>
    <t>POINT (4.642049502426829 51.848811613931716)</t>
  </si>
  <si>
    <t>POINT (4.640655372544956 51.8287220637738)</t>
  </si>
  <si>
    <t>POINT (4.634182506973677 51.834091906393326)</t>
  </si>
  <si>
    <t>POINT (4.621708550602443 51.838999950540654)</t>
  </si>
  <si>
    <t>POINT (4.646407628151719 51.835329228907675)</t>
  </si>
  <si>
    <t>POINT (4.656264971072157 51.83434149356568)</t>
  </si>
  <si>
    <t>POINT (4.655969283860818 51.83258273662339)</t>
  </si>
  <si>
    <t>POINT (4.643298966591404 51.831250832913895)</t>
  </si>
  <si>
    <t>POINT (4.642272216252002 51.85114108973701)</t>
  </si>
  <si>
    <t>POINT (4.64802403515373 51.85354145416019)</t>
  </si>
  <si>
    <t>POINT (4.641698264190867 51.84284990022455)</t>
  </si>
  <si>
    <t>POINT (4.626106502987313 51.841500433080704)</t>
  </si>
  <si>
    <t>POINT (4.644602166214527 51.8471558953946)</t>
  </si>
  <si>
    <t>POINT (4.640172470537932 51.84559972257587)</t>
  </si>
  <si>
    <t>POINT (4.638367807623343 51.85027132066796)</t>
  </si>
  <si>
    <t>POINT (4.647800717309966 51.85122996481641)</t>
  </si>
  <si>
    <t>POINT (4.642841533662014 51.83250220428386)</t>
  </si>
  <si>
    <t>POINT (4.65171943938857 51.83179811801258)</t>
  </si>
  <si>
    <t>POINT (4.644406311231451 51.85287144228533)</t>
  </si>
  <si>
    <t>POINT (4.648436385982511 51.8319442959307)</t>
  </si>
  <si>
    <t>POINT (4.627648699064322 51.83609923287557)</t>
  </si>
  <si>
    <t>POINT (4.643238862814655 51.84270686529677)</t>
  </si>
  <si>
    <t>POINT (4.622087329257481 51.8414743088179)</t>
  </si>
  <si>
    <t>POINT (4.628879755049843 51.84485317830516)</t>
  </si>
  <si>
    <t>POINT (4.6526905006438035 51.832636153442344)</t>
  </si>
  <si>
    <t>POINT (4.628402353973624 51.84535130248654)</t>
  </si>
  <si>
    <t>POINT (4.632929434424882 51.84654216886412)</t>
  </si>
  <si>
    <t>POINT (4.637810494718861 51.82759080363537)</t>
  </si>
  <si>
    <t>POINT (4.655833616328187 51.83206252630292)</t>
  </si>
  <si>
    <t>POINT (4.642547039217554 51.836275580272314)</t>
  </si>
  <si>
    <t>POINT (4.649378052878511 51.840901591971445)</t>
  </si>
  <si>
    <t>POINT (4.648057207304099 51.832948640339865)</t>
  </si>
  <si>
    <t>POINT (4.640422124114598 51.827039696048416)</t>
  </si>
  <si>
    <t>POINT (4.630737187121512 51.83449222332718)</t>
  </si>
  <si>
    <t>POINT (4.636654948059007 51.84679974834351)</t>
  </si>
  <si>
    <t>POINT (4.643754358466606 51.848308494371935)</t>
  </si>
  <si>
    <t>POINT (4.631057441705321 51.83431685895196)</t>
  </si>
  <si>
    <t>POINT (4.624856814334661 51.8433170275349)</t>
  </si>
  <si>
    <t>POINT (4.652121360050634 51.83283933025601)</t>
  </si>
  <si>
    <t>POINT (4.624568479192283 51.84149045232448)</t>
  </si>
  <si>
    <t>POINT (4.650116068117541 51.829482969847874)</t>
  </si>
  <si>
    <t>POINT (4.630459399769828 51.8501666867772)</t>
  </si>
  <si>
    <t>POINT (4.6294339133754185 51.83951748102868)</t>
  </si>
  <si>
    <t>POINT (4.6377343369894914 51.828286715901285)</t>
  </si>
  <si>
    <t>POINT (4.639898735475394 51.848977718213376)</t>
  </si>
  <si>
    <t>POINT (4.629915040284862 51.852329446277025)</t>
  </si>
  <si>
    <t>POINT (4.631050285369108 51.84868736300825)</t>
  </si>
  <si>
    <t>POINT (4.627244764390417 51.83854154124871)</t>
  </si>
  <si>
    <t>POINT (4.642073268747005 51.841234320645135)</t>
  </si>
  <si>
    <t>POINT (4.633844781631618 51.83433243395124)</t>
  </si>
  <si>
    <t>POINT (4.624793940545423 51.84188741875228)</t>
  </si>
  <si>
    <t>POINT (4.635787525595056 51.82745955255124)</t>
  </si>
  <si>
    <t>POINT (4.6265605561571785 51.84554828166572)</t>
  </si>
  <si>
    <t>POINT (4.630144809013188 51.83520749941909)</t>
  </si>
  <si>
    <t>POINT (4.649623898814571 51.829416957568995)</t>
  </si>
  <si>
    <t>POINT (4.641463211985376 51.84740566053175)</t>
  </si>
  <si>
    <t>POINT (4.656806588605582 51.836173572098325)</t>
  </si>
  <si>
    <t>POINT (4.652481393629118 51.83389325839162)</t>
  </si>
  <si>
    <t>POINT (4.625290061099605 51.84429960610918)</t>
  </si>
  <si>
    <t>POINT (4.6531673126014 51.83186611044638)</t>
  </si>
  <si>
    <t>POINT (4.65657056002209 51.84745569722048)</t>
  </si>
  <si>
    <t>POINT (4.648129477943255 51.83561873062724)</t>
  </si>
  <si>
    <t>POINT (4.630009321293817 51.844132385803036)</t>
  </si>
  <si>
    <t>POINT (4.651274628682827 51.829607091934356)</t>
  </si>
  <si>
    <t>POINT (4.628065551609879 51.838915387683684)</t>
  </si>
  <si>
    <t>POINT (4.6440459382461485 51.833192992688076)</t>
  </si>
  <si>
    <t>POINT (4.642308669691247 51.836651592290416)</t>
  </si>
  <si>
    <t>POINT (4.64514737305367 51.82991907555414)</t>
  </si>
  <si>
    <t>POINT (4.628249845220796 51.84175700270733)</t>
  </si>
  <si>
    <t>POINT (4.645310072798903 51.835016682879136)</t>
  </si>
  <si>
    <t>POINT (4.647913262057547 51.831994934544845)</t>
  </si>
  <si>
    <t>POINT (4.644230127362068 51.843315382989495)</t>
  </si>
  <si>
    <t>POINT (4.657816245909375 51.841333181807336)</t>
  </si>
  <si>
    <t>POINT (4.628354407380167 51.845680193877634)</t>
  </si>
  <si>
    <t>POINT (4.640084112586376 51.84655195885415)</t>
  </si>
  <si>
    <t>POINT (4.630405511965703 51.845600094289175)</t>
  </si>
  <si>
    <t>POINT (4.627120955127076 51.836419409829276)</t>
  </si>
  <si>
    <t>POINT (4.632674500932326 51.83403727985302)</t>
  </si>
  <si>
    <t>POINT (4.625023270555455 51.842913617582816)</t>
  </si>
  <si>
    <t>POINT (4.646078590673056 51.83769117235629)</t>
  </si>
  <si>
    <t>POINT (4.6379599951374875 51.83901490623604)</t>
  </si>
  <si>
    <t>POINT (4.6271753009326835 51.837498404065805)</t>
  </si>
  <si>
    <t>POINT (4.65441364107852 51.83016605021151)</t>
  </si>
  <si>
    <t>POINT (4.643901215315851 51.84976414861533)</t>
  </si>
  <si>
    <t>POINT (4.6480124702720484 51.84628753772646)</t>
  </si>
  <si>
    <t>POINT (4.624122758682861 51.83782017212021)</t>
  </si>
  <si>
    <t>POINT (4.629163867813278 51.84952912320568)</t>
  </si>
  <si>
    <t>POINT (4.637353910587325 51.83968518722825)</t>
  </si>
  <si>
    <t>POINT (4.6215779730951665 51.83814517350817)</t>
  </si>
  <si>
    <t>POINT (4.63466823782374 51.83715117284118)</t>
  </si>
  <si>
    <t>POINT (4.64057180605523 51.83989445834409)</t>
  </si>
  <si>
    <t>POINT (4.6354690043779785 51.83785742016193)</t>
  </si>
  <si>
    <t>POINT (4.636055638826488 51.83748365066956)</t>
  </si>
  <si>
    <t>POINT (4.6508567145539494 51.845415532769636)</t>
  </si>
  <si>
    <t>POINT (4.623800195745409 51.844011279100705)</t>
  </si>
  <si>
    <t>POINT (4.631316509880999 51.84925536336173)</t>
  </si>
  <si>
    <t>POINT (4.646341447732665 51.84019122258048)</t>
  </si>
  <si>
    <t>POINT (4.6466744605461106 51.85108966452312)</t>
  </si>
  <si>
    <t>POINT (4.629783055283522 51.8480949316217)</t>
  </si>
  <si>
    <t>POINT (4.644685301271745 51.83414645835699)</t>
  </si>
  <si>
    <t>POINT (4.646464377295267 51.85217433952323)</t>
  </si>
  <si>
    <t>POINT (4.626095832452907 51.84642616043013)</t>
  </si>
  <si>
    <t>POINT (4.642503812267091 51.83625732871891)</t>
  </si>
  <si>
    <t>POINT (4.656543396626033 51.83531493728198)</t>
  </si>
  <si>
    <t>POINT (4.630004146663126 51.83926048853243)</t>
  </si>
  <si>
    <t>POINT (4.658653585229681 51.831729504090454)</t>
  </si>
  <si>
    <t>POINT (4.626837174912532 51.84549614135251)</t>
  </si>
  <si>
    <t>POINT (4.625860896137833 51.83971908123817)</t>
  </si>
  <si>
    <t>POINT (4.636086014789017 51.82894009320358)</t>
  </si>
  <si>
    <t>POINT (4.639277548722897 51.83744130083217)</t>
  </si>
  <si>
    <t>POINT (4.636462821219655 51.83930235448143)</t>
  </si>
  <si>
    <t>POINT (4.645941655426152 51.838076820566556)</t>
  </si>
  <si>
    <t>POINT (4.642030003701245 51.84384974819749)</t>
  </si>
  <si>
    <t>POINT (4.625812341626467 51.84100013021945)</t>
  </si>
  <si>
    <t>POINT (4.6262328968316995 51.84690344871817)</t>
  </si>
  <si>
    <t>POINT (4.648062103566424 51.83088127626286)</t>
  </si>
  <si>
    <t>POINT (4.646597284403261 51.84497526397571)</t>
  </si>
  <si>
    <t>POINT (4.658035054179174 51.83234419159584)</t>
  </si>
  <si>
    <t>POINT (4.637807872736964 51.83856450153524)</t>
  </si>
  <si>
    <t>POINT (4.646250672724242 51.85193029758846)</t>
  </si>
  <si>
    <t>POINT (4.645251302266056 51.83506125480912)</t>
  </si>
  <si>
    <t>POINT (4.646051144558308 51.834949454591026)</t>
  </si>
  <si>
    <t>POINT (4.6114603592077446 51.84933259727533)</t>
  </si>
  <si>
    <t>POINT (4.6462388565847155 51.83500457159038)</t>
  </si>
  <si>
    <t>POINT (4.648640743009408 51.829213024833564)</t>
  </si>
  <si>
    <t>POINT (4.636792560811227 51.84812196189691)</t>
  </si>
  <si>
    <t>POINT (4.655789097525477 51.84910474324741)</t>
  </si>
  <si>
    <t>POINT (4.638048676538753 51.826700978838545)</t>
  </si>
  <si>
    <t>POINT (4.651576593016384 51.832515255873595)</t>
  </si>
  <si>
    <t>POINT (4.652107483904012 51.83195928857704)</t>
  </si>
  <si>
    <t>POINT (4.646761918295866 51.850796035391)</t>
  </si>
  <si>
    <t>POINT (4.654494550285796 51.85195506209318)</t>
  </si>
  <si>
    <t>POINT (4.653392077487903 51.843921410827484)</t>
  </si>
  <si>
    <t>POINT (4.641961007395163 51.837494321067524)</t>
  </si>
  <si>
    <t>POINT (4.624822773924042 51.843613432986004)</t>
  </si>
  <si>
    <t>POINT (4.644787341720476 51.83680212389165)</t>
  </si>
  <si>
    <t>POINT (4.650781829040008 51.848776118778844)</t>
  </si>
  <si>
    <t>POINT (4.6268435360917195 51.83566256353518)</t>
  </si>
  <si>
    <t>POINT (4.631388403118591 51.84756595617266)</t>
  </si>
  <si>
    <t>POINT (4.652597305083902 51.833013094347585)</t>
  </si>
  <si>
    <t>POINT (4.646983089569507 51.85126382412682)</t>
  </si>
  <si>
    <t>POINT (4.648451629400115 51.8318994484978)</t>
  </si>
  <si>
    <t>POINT (4.64003691858005 51.84134113478494)</t>
  </si>
  <si>
    <t>POINT (4.659359159824795 51.83385520547697)</t>
  </si>
  <si>
    <t>POINT (4.646093394861457 51.8376732884762)</t>
  </si>
  <si>
    <t>POINT (4.628621355224757 51.83520665345137)</t>
  </si>
  <si>
    <t>POINT (4.636365901063099 51.83373838968098)</t>
  </si>
  <si>
    <t>POINT (4.652372957551991 51.83342516893214)</t>
  </si>
  <si>
    <t>POINT (4.655789366766179 51.8321071939345)</t>
  </si>
  <si>
    <t>POINT (4.641806962480626 51.8485583919703)</t>
  </si>
  <si>
    <t>POINT (4.633414324253842 51.846185736042884)</t>
  </si>
  <si>
    <t>POINT (4.630217795183373 51.847270777412575)</t>
  </si>
  <si>
    <t>POINT (4.634931784467038 51.83440232560748)</t>
  </si>
  <si>
    <t>POINT (4.629192861844902 51.852118047184184)</t>
  </si>
  <si>
    <t>POINT (4.644226866780696 51.84920705222998)</t>
  </si>
  <si>
    <t>POINT (4.621678463185634 51.84077052593493)</t>
  </si>
  <si>
    <t>POINT (4.63967930981696 51.837713519991816)</t>
  </si>
  <si>
    <t>POINT (4.636456734037723 51.83935503413777)</t>
  </si>
  <si>
    <t>POINT (4.635578061397559 51.83740868453124)</t>
  </si>
  <si>
    <t>POINT (4.633159977909399 51.844907711463726)</t>
  </si>
  <si>
    <t>POINT (4.629368933526369 51.83820471395167)</t>
  </si>
  <si>
    <t>POINT (4.637648124769164 51.83247117996507)</t>
  </si>
  <si>
    <t>POINT (4.648399853313286 51.836068580590776)</t>
  </si>
  <si>
    <t>POINT (4.6234930207870075 51.83987448658987)</t>
  </si>
  <si>
    <t>POINT (4.636752631603317 51.83878544395333)</t>
  </si>
  <si>
    <t>POINT (4.63508746504737 51.834637028886085)</t>
  </si>
  <si>
    <t>POINT (4.635239482200147 51.839437957453015)</t>
  </si>
  <si>
    <t>POINT (4.637069718379411 51.83831099871936)</t>
  </si>
  <si>
    <t>POINT (4.631440266150164 51.847934825516866)</t>
  </si>
  <si>
    <t>POINT (4.640923245593755 51.8480953005857)</t>
  </si>
  <si>
    <t>POINT (4.645725185507702 51.83624176490097)</t>
  </si>
  <si>
    <t>POINT (4.629599107523662 51.83746013885303)</t>
  </si>
  <si>
    <t>POINT (4.62632410674421 51.84408159496791)</t>
  </si>
  <si>
    <t>POINT (4.650791968338277 51.82984675908484)</t>
  </si>
  <si>
    <t>POINT (4.634343708985512 51.836600782583545)</t>
  </si>
  <si>
    <t>POINT (4.629092631949235 51.852036502101676)</t>
  </si>
  <si>
    <t>POINT (4.647632128777356 51.844703138613134)</t>
  </si>
  <si>
    <t>POINT (4.645222301907317 51.841227298591775)</t>
  </si>
  <si>
    <t>POINT (4.646684939200542 51.85080989583614)</t>
  </si>
  <si>
    <t>POINT (4.640858118242419 51.84012998429933)</t>
  </si>
  <si>
    <t>POINT (4.647764179186795 51.83665911586485)</t>
  </si>
  <si>
    <t>POINT (4.65335611365582 51.84187197001716)</t>
  </si>
  <si>
    <t>POINT (4.6303051440750265 51.849761696777975)</t>
  </si>
  <si>
    <t>POINT (4.640596456753595 51.8287756211503)</t>
  </si>
  <si>
    <t>POINT (4.655918826253696 51.83306978775614)</t>
  </si>
  <si>
    <t>POINT (4.635916670009942 51.83798612736688)</t>
  </si>
  <si>
    <t>POINT (4.629795292629614 51.84477818994697)</t>
  </si>
  <si>
    <t>POINT (4.631283291628154 51.8460461939335)</t>
  </si>
  <si>
    <t>POINT (4.642385091146718 51.84343852273752)</t>
  </si>
  <si>
    <t>POINT (4.632192146273941 51.8342499069355)</t>
  </si>
  <si>
    <t>POINT (4.627076418816976 51.83561912826702)</t>
  </si>
  <si>
    <t>POINT (4.642542832198425 51.82950707959775)</t>
  </si>
  <si>
    <t>POINT (4.621626843338623 51.83868481360917)</t>
  </si>
  <si>
    <t>POINT (4.636505796676787 51.839344435621726)</t>
  </si>
  <si>
    <t>POINT (4.655036759052717 51.84538774167771)</t>
  </si>
  <si>
    <t>POINT (4.628441961183729 51.84565611277479)</t>
  </si>
  <si>
    <t>POINT (4.635418587578243 51.83479195749069)</t>
  </si>
  <si>
    <t>POINT (4.628663778413406 51.84388999470883)</t>
  </si>
  <si>
    <t>POINT (4.6265933310772445 51.83931034936099)</t>
  </si>
  <si>
    <t>POINT (4.641481540239473 51.83232582584661)</t>
  </si>
  <si>
    <t>POINT (4.642375876919179 51.84399576155025)</t>
  </si>
  <si>
    <t>POINT (4.6303188066616965 51.849896120514934)</t>
  </si>
  <si>
    <t>POINT (4.633392411354661 51.837089055428926)</t>
  </si>
  <si>
    <t>POINT (4.643695341601619 51.836184864082846)</t>
  </si>
  <si>
    <t>POINT (4.629605755658635 51.83879050684647)</t>
  </si>
  <si>
    <t>POINT (4.648420445866895 51.84264969840868)</t>
  </si>
  <si>
    <t>POINT (4.636649434955269 51.83755036926362)</t>
  </si>
  <si>
    <t>POINT (4.630940249818642 51.849190019852045)</t>
  </si>
  <si>
    <t>POINT (4.63681472318367 51.84679178091155)</t>
  </si>
  <si>
    <t>POINT (4.63689174822749 51.83694068813527)</t>
  </si>
  <si>
    <t>POINT (4.648401874090945 51.84997533737684)</t>
  </si>
  <si>
    <t>POINT (4.627963054130352 51.84757981131273)</t>
  </si>
  <si>
    <t>POINT (4.642574120949349 51.844293644970705)</t>
  </si>
  <si>
    <t>POINT (4.632570202073279 51.83593322170475)</t>
  </si>
  <si>
    <t>POINT (4.635931446449168 51.83448962561408)</t>
  </si>
  <si>
    <t>POINT (4.6450308703533745 51.83787331549462)</t>
  </si>
  <si>
    <t>POINT (4.641287145670248 51.8405102350945)</t>
  </si>
  <si>
    <t>POINT (4.648916941566433 51.8291788076439)</t>
  </si>
  <si>
    <t>3341LZ</t>
  </si>
  <si>
    <t>CrezÃ©epolderweg</t>
  </si>
  <si>
    <t>POINT (4.649613499052195 51.85601458982508)</t>
  </si>
  <si>
    <t>POINT (4.641205360922765 51.84457259334334)</t>
  </si>
  <si>
    <t>POINT (4.637423466905846 51.83724970035346)</t>
  </si>
  <si>
    <t>POINT (4.644610832396151 51.852791837974735)</t>
  </si>
  <si>
    <t>POINT (4.629486459798631 51.8501963669917)</t>
  </si>
  <si>
    <t>POINT (4.647135471788122 51.83076757372319)</t>
  </si>
  <si>
    <t>POINT (4.645211060310385 51.8489574765179)</t>
  </si>
  <si>
    <t>POINT (4.629843778235501 51.835852743050594)</t>
  </si>
  <si>
    <t>POINT (4.640403004625873 51.83379411038245)</t>
  </si>
  <si>
    <t>POINT (4.640965087344195 51.85206761034848)</t>
  </si>
  <si>
    <t>POINT (4.629264197851283 51.83839280014914)</t>
  </si>
  <si>
    <t>POINT (4.64286739115588 51.82742376395354)</t>
  </si>
  <si>
    <t>POINT (4.657942894320686 51.835302579053085)</t>
  </si>
  <si>
    <t>POINT (4.62353143729879 51.841888202038625)</t>
  </si>
  <si>
    <t>POINT (4.657867319308696 51.83190439486314)</t>
  </si>
  <si>
    <t>POINT (4.646926616709856 51.838181910942886)</t>
  </si>
  <si>
    <t>POINT (4.633189446130169 51.83707876330276)</t>
  </si>
  <si>
    <t>POINT (4.627278172987239 51.8468832526438)</t>
  </si>
  <si>
    <t>POINT (4.645523452570308 51.84144492943076)</t>
  </si>
  <si>
    <t>POINT (4.646417103270804 51.83034057466022)</t>
  </si>
  <si>
    <t>POINT (4.65044725920119 51.84383096041638)</t>
  </si>
  <si>
    <t>POINT (4.65440563637332 51.832710117023005)</t>
  </si>
  <si>
    <t>POINT (4.632477475500036 51.834539379634066)</t>
  </si>
  <si>
    <t>POINT (4.65542193605177 51.83363457719336)</t>
  </si>
  <si>
    <t>POINT (4.634554273647431 51.83702460072794)</t>
  </si>
  <si>
    <t>POINT (4.63120836157184 51.83408177909803)</t>
  </si>
  <si>
    <t>POINT (4.6459899131661 51.83778948786119)</t>
  </si>
  <si>
    <t>POINT (4.627957271138342 51.83673043703591)</t>
  </si>
  <si>
    <t>POINT (4.640341347315561 51.84766818969931)</t>
  </si>
  <si>
    <t>POINT (4.650154843663919 51.84396395497405)</t>
  </si>
  <si>
    <t>POINT (4.656167636956142 51.83114776290008)</t>
  </si>
  <si>
    <t>POINT (4.644986689251185 51.84971515053325)</t>
  </si>
  <si>
    <t>POINT (4.644586438937289 51.83754691287269)</t>
  </si>
  <si>
    <t>POINT (4.630650614707679 51.8353276131819)</t>
  </si>
  <si>
    <t>POINT (4.633044428504003 51.837940745125)</t>
  </si>
  <si>
    <t>POINT (4.653894594337013 51.841999800537145)</t>
  </si>
  <si>
    <t>POINT (4.628618107458748 51.84487845410837)</t>
  </si>
  <si>
    <t>POINT (4.640063934483912 51.83901932612238)</t>
  </si>
  <si>
    <t>POINT (4.634077820721416 51.83601481284923)</t>
  </si>
  <si>
    <t>POINT (4.626315019544067 51.84633769431021)</t>
  </si>
  <si>
    <t>POINT (4.638984874086373 51.83409564789739)</t>
  </si>
  <si>
    <t>POINT (4.655875732838907 51.84913224882319)</t>
  </si>
  <si>
    <t>POINT (4.652762595543645 51.832663570534315)</t>
  </si>
  <si>
    <t>POINT (4.648092383947778 51.82991967868921)</t>
  </si>
  <si>
    <t>POINT (4.656627944931097 51.84660213258575)</t>
  </si>
  <si>
    <t>POINT (4.6392180120037985 51.829665713758175)</t>
  </si>
  <si>
    <t>POINT (4.635688546745967 51.83861387467973)</t>
  </si>
  <si>
    <t>POINT (4.637100201020664 51.838337341549064)</t>
  </si>
  <si>
    <t>POINT (4.633201471076324 51.845896731844164)</t>
  </si>
  <si>
    <t>POINT (4.62885449078915 51.83773398037005)</t>
  </si>
  <si>
    <t>POINT (4.657195341281193 51.83484825697292)</t>
  </si>
  <si>
    <t>POINT (4.6544135643921996 51.83483826913831)</t>
  </si>
  <si>
    <t>POINT (4.628679292451271 51.839521596483166)</t>
  </si>
  <si>
    <t>POINT (4.628631971934925 51.84664032409244)</t>
  </si>
  <si>
    <t>POINT (4.645578625837227 51.8363307258265)</t>
  </si>
  <si>
    <t>POINT (4.640915608170018 51.85067405383433)</t>
  </si>
  <si>
    <t>POINT (4.63681683289777 51.84579405228382)</t>
  </si>
  <si>
    <t>POINT (4.644096181481354 51.82768323281343)</t>
  </si>
  <si>
    <t>POINT (4.657700337227596 51.83504938948077)</t>
  </si>
  <si>
    <t>POINT (4.655199326237963 51.83562449304423)</t>
  </si>
  <si>
    <t>POINT (4.645023776596208 51.829495826258736)</t>
  </si>
  <si>
    <t>POINT (4.645247585850846 51.850838682524504)</t>
  </si>
  <si>
    <t>POINT (4.654457818460381 51.831910127757254)</t>
  </si>
  <si>
    <t>POINT (4.637090084018478 51.83831575801601)</t>
  </si>
  <si>
    <t>POINT (4.626243070832878 51.846301273314744)</t>
  </si>
  <si>
    <t>POINT (4.637326401525057 51.835235616453716)</t>
  </si>
  <si>
    <t>POINT (4.644956687906028 51.85102912037014)</t>
  </si>
  <si>
    <t>POINT (4.646256490766588 51.83569681058821)</t>
  </si>
  <si>
    <t>POINT (4.650505505816461 51.833170770159526)</t>
  </si>
  <si>
    <t>POINT (4.625143026959501 51.832172715447)</t>
  </si>
  <si>
    <t>POINT (4.6476381280301 51.83284712541753)</t>
  </si>
  <si>
    <t>POINT (4.631234448966853 51.845497570398095)</t>
  </si>
  <si>
    <t>POINT (4.648185264000525 51.83310225401866)</t>
  </si>
  <si>
    <t>POINT (4.621560702065924 51.842576483968415)</t>
  </si>
  <si>
    <t>POINT (4.649536951121847 51.8302973012893)</t>
  </si>
  <si>
    <t>POINT (4.642124114559885 51.84693345721442)</t>
  </si>
  <si>
    <t>POINT (4.655701159197425 51.832178553631636)</t>
  </si>
  <si>
    <t>POINT (4.642107992495949 51.83562560992768)</t>
  </si>
  <si>
    <t>POINT (4.636869324981342 51.846998869200206)</t>
  </si>
  <si>
    <t>POINT (4.64956894651763 51.839864672836114)</t>
  </si>
  <si>
    <t>POINT (4.6470084259458835 51.83673525116833)</t>
  </si>
  <si>
    <t>POINT (4.645050733710372 51.84935172148549)</t>
  </si>
  <si>
    <t>POINT (4.64454215385176 51.83401724849589)</t>
  </si>
  <si>
    <t>POINT (4.636945684501521 51.82829513375129)</t>
  </si>
  <si>
    <t>POINT (4.64373921870272 51.83613032904194)</t>
  </si>
  <si>
    <t>POINT (4.623460326248643 51.84351469118415)</t>
  </si>
  <si>
    <t>POINT (4.632310665551541 51.83496976390786)</t>
  </si>
  <si>
    <t>POINT (4.629670132963349 51.850494178207065)</t>
  </si>
  <si>
    <t>POINT (4.64941508351146 51.840605756115124)</t>
  </si>
  <si>
    <t>POINT (4.654939605183278 51.83172437213521)</t>
  </si>
  <si>
    <t>POINT (4.648732122109396 51.83323484471725)</t>
  </si>
  <si>
    <t>POINT (4.634780328439278 51.84607764520845)</t>
  </si>
  <si>
    <t>POINT (4.631837537865232 51.84501606359922)</t>
  </si>
  <si>
    <t>POINT (4.654468269011161 51.842610215489934)</t>
  </si>
  <si>
    <t>POINT (4.6406336817209874 51.83420813100547)</t>
  </si>
  <si>
    <t>POINT (4.655107989262786 51.83207598043473)</t>
  </si>
  <si>
    <t>POINT (4.636844657203845 51.84586613945379)</t>
  </si>
  <si>
    <t>POINT (4.636141091996709 51.835839269178436)</t>
  </si>
  <si>
    <t>POINT (4.644841194983382 51.84233948392937)</t>
  </si>
  <si>
    <t>POINT (4.634208367251546 51.83428083462463)</t>
  </si>
  <si>
    <t>POINT (4.6438828090610516 51.83094477261801)</t>
  </si>
  <si>
    <t>POINT (4.6533214693833385 51.832199655057636)</t>
  </si>
  <si>
    <t>POINT (4.648842203931907 51.831083936596336)</t>
  </si>
  <si>
    <t>POINT (4.6417489493171 51.83627950377072)</t>
  </si>
  <si>
    <t>POINT (4.640190145574682 51.841195666423424)</t>
  </si>
  <si>
    <t>POINT (4.630848231222485 51.839113122101)</t>
  </si>
  <si>
    <t>POINT (4.6443276653455 51.845320472087096)</t>
  </si>
  <si>
    <t>POINT (4.650288680774504 51.84642768711316)</t>
  </si>
  <si>
    <t>POINT (4.64951335142926 51.84325881071933)</t>
  </si>
  <si>
    <t>POINT (4.645262450933288 51.852004955506125)</t>
  </si>
  <si>
    <t>POINT (4.634869252613864 51.83467158533602)</t>
  </si>
  <si>
    <t>POINT (4.6316128152167995 51.83814341187748)</t>
  </si>
  <si>
    <t>POINT (4.6274445342427875 51.84820566443059)</t>
  </si>
  <si>
    <t>POINT (4.637277821566867 51.826821897963136)</t>
  </si>
  <si>
    <t>POINT (4.629573089100281 51.847635154693)</t>
  </si>
  <si>
    <t>POINT (4.637233409248053 51.82687554633276)</t>
  </si>
  <si>
    <t>POINT (4.642258996474953 51.837900702605836)</t>
  </si>
  <si>
    <t>POINT (4.645015621480581 51.8379181624401)</t>
  </si>
  <si>
    <t>POINT (4.6234573313022 51.841123681765716)</t>
  </si>
  <si>
    <t>POINT (4.629475736972409 51.84824575619669)</t>
  </si>
  <si>
    <t>POINT (4.637342520351368 51.846471560883174)</t>
  </si>
  <si>
    <t>POINT (4.64139199342214 51.847324310213395)</t>
  </si>
  <si>
    <t>POINT (4.645084459066768 51.84254776114162)</t>
  </si>
  <si>
    <t>POINT (4.651077170286238 51.84524613068836)</t>
  </si>
  <si>
    <t>POINT (4.64492073088045 51.85105056471949)</t>
  </si>
  <si>
    <t>POINT (4.629472912485632 51.83806156619255)</t>
  </si>
  <si>
    <t>POINT (4.6385255840125765 51.84078029442543)</t>
  </si>
  <si>
    <t>POINT (4.638825592227905 51.83407665520146)</t>
  </si>
  <si>
    <t>POINT (4.641544437756379 51.838992784183255)</t>
  </si>
  <si>
    <t>POINT (4.644811246737127 51.847678559812266)</t>
  </si>
  <si>
    <t>POINT (4.653403960143888 51.84342450230247)</t>
  </si>
  <si>
    <t>POINT (4.631408951880295 51.839422348399715)</t>
  </si>
  <si>
    <t>POINT (4.634148279186193 51.83787592166683)</t>
  </si>
  <si>
    <t>POINT (4.643911215201794 51.83713814944797)</t>
  </si>
  <si>
    <t>POINT (4.630479831035224 51.851542084694564)</t>
  </si>
  <si>
    <t>POINT (4.637410011145317 51.82672386688312)</t>
  </si>
  <si>
    <t>POINT (4.6444217112969195 51.844017710993604)</t>
  </si>
  <si>
    <t>POINT (4.647119083867949 51.84501450889328)</t>
  </si>
  <si>
    <t>POINT (4.645085643640032 51.84247585931289)</t>
  </si>
  <si>
    <t>POINT (4.647644002687093 51.84018722852761)</t>
  </si>
  <si>
    <t>POINT (4.632026356557382 51.84846892805877)</t>
  </si>
  <si>
    <t>POINT (4.646452333482961 51.83525760163864)</t>
  </si>
  <si>
    <t>POINT (4.654638806643553 51.832378668086655)</t>
  </si>
  <si>
    <t>POINT (4.6253636915940515 51.842520325059056)</t>
  </si>
  <si>
    <t>POINT (4.649505651108912 51.839348047176514)</t>
  </si>
  <si>
    <t>POINT (4.644729946401617 51.85084947777821)</t>
  </si>
  <si>
    <t>POINT (4.65145433223576 51.84138411783224)</t>
  </si>
  <si>
    <t>POINT (4.656330851933241 51.83092406255147)</t>
  </si>
  <si>
    <t>POINT (4.641348905196717 51.847297070522565)</t>
  </si>
  <si>
    <t>POINT (4.642559946094372 51.85129572194268)</t>
  </si>
  <si>
    <t>POINT (4.628528340245128 51.84417675727866)</t>
  </si>
  <si>
    <t>POINT (4.6239523114661525 51.83760333555388)</t>
  </si>
  <si>
    <t>POINT (4.62594121365032 51.84441169408488)</t>
  </si>
  <si>
    <t>POINT (4.647037885284499 51.83670847090304)</t>
  </si>
  <si>
    <t>POINT (4.644659810727177 51.83404952505564)</t>
  </si>
  <si>
    <t>POINT (4.637317089096487 51.84625567045073)</t>
  </si>
  <si>
    <t>POINT (4.642083883392913 51.83971530288235)</t>
  </si>
  <si>
    <t>POINT (4.64898999084391 51.84156355850932)</t>
  </si>
  <si>
    <t>POINT (4.6507359647295115 51.83061044493314)</t>
  </si>
  <si>
    <t>POINT (4.647002185407791 51.832699298366904)</t>
  </si>
  <si>
    <t>POINT (4.648140881511888 51.85349724638558)</t>
  </si>
  <si>
    <t>POINT (4.641416101662842 51.83445271553177)</t>
  </si>
  <si>
    <t>POINT (4.645279288452308 51.83688613200702)</t>
  </si>
  <si>
    <t>POINT (4.629174356512385 51.84459440910364)</t>
  </si>
  <si>
    <t>POINT (4.62457046785432 51.84394437557333)</t>
  </si>
  <si>
    <t>POINT (4.642270567496735 51.83281318607193)</t>
  </si>
  <si>
    <t>POINT (4.6412320683246415 51.847341271589514)</t>
  </si>
  <si>
    <t>3342LH</t>
  </si>
  <si>
    <t>Korte Langesteijn</t>
  </si>
  <si>
    <t>POINT (4.617339816642028 51.83311974151957)</t>
  </si>
  <si>
    <t>POINT (4.647514161992527 51.82890930464676)</t>
  </si>
  <si>
    <t>POINT (4.643311527988883 51.82864005159725)</t>
  </si>
  <si>
    <t>POINT (4.656781337262423 51.83413867844001)</t>
  </si>
  <si>
    <t>POINT (4.641435151071081 51.84471787181382)</t>
  </si>
  <si>
    <t>POINT (4.632416968205685 51.84594562325836)</t>
  </si>
  <si>
    <t>POINT (4.648530294925785 51.84057649840465)</t>
  </si>
  <si>
    <t>POINT (4.634470377672971 51.83683530053926)</t>
  </si>
  <si>
    <t>POINT (4.635471519157121 51.83509791162224)</t>
  </si>
  <si>
    <t>POINT (4.655976391715832 51.846508190148455)</t>
  </si>
  <si>
    <t>POINT (4.640244833531572 51.84736196119406)</t>
  </si>
  <si>
    <t>POINT (4.638178480763265 51.827739587140414)</t>
  </si>
  <si>
    <t>POINT (4.641930823900977 51.828793089599415)</t>
  </si>
  <si>
    <t>POINT (4.628129528635785 51.84631348454825)</t>
  </si>
  <si>
    <t>POINT (4.647864944858775 51.835823804302485)</t>
  </si>
  <si>
    <t>POINT (4.653631281346911 51.847032880980166)</t>
  </si>
  <si>
    <t>POINT (4.643432010493714 51.832766618688346)</t>
  </si>
  <si>
    <t>POINT (4.6513981727748135 51.8451402789543)</t>
  </si>
  <si>
    <t>POINT (4.6281237414420495 51.84321235353672)</t>
  </si>
  <si>
    <t>POINT (4.635516754552476 51.83310923962766)</t>
  </si>
  <si>
    <t>POINT (4.626589781903075 51.84037997974617)</t>
  </si>
  <si>
    <t>POINT (4.622896423395074 51.83826162891913)</t>
  </si>
  <si>
    <t>POINT (4.649847658313752 51.84588559892672)</t>
  </si>
  <si>
    <t>POINT (4.651497501619301 51.84705548491759)</t>
  </si>
  <si>
    <t>POINT (4.646004507921887 51.84219402659542)</t>
  </si>
  <si>
    <t>POINT (4.657703538710082 51.83485165881453)</t>
  </si>
  <si>
    <t>POINT (4.656685103718166 51.850133399952746)</t>
  </si>
  <si>
    <t>POINT (4.650041921540351 51.82958137964718)</t>
  </si>
  <si>
    <t>POINT (4.630997066521581 51.848399382818485)</t>
  </si>
  <si>
    <t>POINT (4.656523963026944 51.84764416888475)</t>
  </si>
  <si>
    <t>POINT (4.648606598625915 51.83927515920603)</t>
  </si>
  <si>
    <t>POINT (4.646915645244301 51.8414986594675)</t>
  </si>
  <si>
    <t>POINT (4.644002299211099 51.84744872570475)</t>
  </si>
  <si>
    <t>POINT (4.633008612907568 51.84614717596828)</t>
  </si>
  <si>
    <t>POINT (4.651740746526432 51.84371322893783)</t>
  </si>
  <si>
    <t>POINT (4.64372003010391 51.82937971154834)</t>
  </si>
  <si>
    <t>POINT (4.6440985778882595 51.833228022212566)</t>
  </si>
  <si>
    <t>POINT (4.634899019653034 51.83723355010226)</t>
  </si>
  <si>
    <t>POINT (4.625526803871331 51.840597805233806)</t>
  </si>
  <si>
    <t>POINT (4.63084090726041 51.8481916375547)</t>
  </si>
  <si>
    <t>POINT (4.641832964205112 51.851372007357895)</t>
  </si>
  <si>
    <t>POINT (4.627586615355516 51.83547861173552)</t>
  </si>
  <si>
    <t>POINT (4.637878000084231 51.82816018252051)</t>
  </si>
  <si>
    <t>POINT (4.644548493003401 51.85217122659665)</t>
  </si>
  <si>
    <t>POINT (4.649065860667068 51.83602911217159)</t>
  </si>
  <si>
    <t>POINT (4.651119968699413 51.845291342293535)</t>
  </si>
  <si>
    <t>POINT (4.631754746477514 51.83610775057221)</t>
  </si>
  <si>
    <t>POINT (4.627500326747167 51.83543310991005)</t>
  </si>
  <si>
    <t>POINT (4.634709219943865 51.83469752565559)</t>
  </si>
  <si>
    <t>POINT (4.667567494729368 51.82681376023818)</t>
  </si>
  <si>
    <t>POINT (4.640723581833985 51.835113449001774)</t>
  </si>
  <si>
    <t>POINT (4.651239412958196 51.83620455467951)</t>
  </si>
  <si>
    <t>POINT (4.647679283697504 51.83033954459948)</t>
  </si>
  <si>
    <t>POINT (4.64674556134054 51.851167640043165)</t>
  </si>
  <si>
    <t>POINT (4.652017945743068 51.84306818617758)</t>
  </si>
  <si>
    <t>POINT (4.653712082717442 51.841720092939475)</t>
  </si>
  <si>
    <t>POINT (4.637108473738111 51.83699600516843)</t>
  </si>
  <si>
    <t>POINT (4.641910904105296 51.85280169850481)</t>
  </si>
  <si>
    <t>POINT (4.634632328886097 51.834957704528655)</t>
  </si>
  <si>
    <t>POINT (4.647378228838323 51.84249032831272)</t>
  </si>
  <si>
    <t>POINT (4.6363099710320705 51.84659979192225)</t>
  </si>
  <si>
    <t>POINT (4.647573659819884 51.828819792792)</t>
  </si>
  <si>
    <t>POINT (4.647367293940214 51.851991270214945)</t>
  </si>
  <si>
    <t>POINT (4.624356668408648 51.84200143120962)</t>
  </si>
  <si>
    <t>POINT (4.643083069548769 51.853015871463015)</t>
  </si>
  <si>
    <t>POINT (4.6326814442291235 51.84748438588319)</t>
  </si>
  <si>
    <t>POINT (4.645791545021113 51.8489611433268)</t>
  </si>
  <si>
    <t>POINT (4.636892915652589 51.83863833307616)</t>
  </si>
  <si>
    <t>POINT (4.647415459387037 51.84003513858943)</t>
  </si>
  <si>
    <t>POINT (4.63477569600756 51.83853611815482)</t>
  </si>
  <si>
    <t>POINT (4.630526566622268 51.844441335483204)</t>
  </si>
  <si>
    <t>POINT (4.631989213789763 51.84635635154481)</t>
  </si>
  <si>
    <t>POINT (4.6446048844017715 51.82938531279565)</t>
  </si>
  <si>
    <t>POINT (4.6487226890643445 51.83217980291146)</t>
  </si>
  <si>
    <t>POINT (4.6250639611669 51.849943027930614)</t>
  </si>
  <si>
    <t>POINT (4.641233420723726 51.84200201284348)</t>
  </si>
  <si>
    <t>POINT (4.602025290620044 51.8412303262215)</t>
  </si>
  <si>
    <t>POINT (4.647722771133352 51.837413903171104)</t>
  </si>
  <si>
    <t>POINT (4.636964777595999 51.846496113801045)</t>
  </si>
  <si>
    <t>POINT (4.635744765594517 51.83524347996583)</t>
  </si>
  <si>
    <t>POINT (4.64320765513903 51.83493146778518)</t>
  </si>
  <si>
    <t>POINT (4.641488586732807 51.84674964931773)</t>
  </si>
  <si>
    <t>POINT (4.636025450942616 51.83668346512745)</t>
  </si>
  <si>
    <t>POINT (4.633549356916403 51.84852365692429)</t>
  </si>
  <si>
    <t>POINT (4.644168016952616 51.85323846945535)</t>
  </si>
  <si>
    <t>POINT (4.646086390251033 51.84956524467449)</t>
  </si>
  <si>
    <t>POINT (4.63490056755764 51.84935060537123)</t>
  </si>
  <si>
    <t>POINT (4.633775187441629 51.83675893148277)</t>
  </si>
  <si>
    <t>POINT (4.64099281430719 51.83725446537282)</t>
  </si>
  <si>
    <t>POINT (4.6244148598786134 51.84199282061916)</t>
  </si>
  <si>
    <t>POINT (4.655531047822389 51.83014605452026)</t>
  </si>
  <si>
    <t>POINT (4.627286531732644 51.84036651440169)</t>
  </si>
  <si>
    <t>POINT (4.6155750885103615 51.83365646532693)</t>
  </si>
  <si>
    <t>POINT (4.64221209405672 51.83283978102252)</t>
  </si>
  <si>
    <t>POINT (4.6576627355950215 51.83557948683842)</t>
  </si>
  <si>
    <t>POINT (4.656904024760873 51.84971143247022)</t>
  </si>
  <si>
    <t>POINT (4.646658869567395 51.835933055014024)</t>
  </si>
  <si>
    <t>POINT (4.626800910756193 51.83818810844765)</t>
  </si>
  <si>
    <t>POINT (4.65687621760642 51.832451853763835)</t>
  </si>
  <si>
    <t>POINT (4.637631642710592 51.82848029667718)</t>
  </si>
  <si>
    <t>POINT (4.634845440091844 51.835228730997684)</t>
  </si>
  <si>
    <t>POINT (4.649200785555817 51.84080951252231)</t>
  </si>
  <si>
    <t>POINT (4.626081473084991 51.84641707866925)</t>
  </si>
  <si>
    <t>POINT (4.636003121893735 51.83802263529805)</t>
  </si>
  <si>
    <t>POINT (4.641492532817511 51.8473878694306)</t>
  </si>
  <si>
    <t>POINT (4.644253592271212 51.83361575912585)</t>
  </si>
  <si>
    <t>POINT (4.627282780163292 51.84606484553895)</t>
  </si>
  <si>
    <t>POINT (4.646290827269926 51.846842971716555)</t>
  </si>
  <si>
    <t>POINT (4.635524638640584 51.83452297615898)</t>
  </si>
  <si>
    <t>POINT (4.641391843545973 51.833813682214235)</t>
  </si>
  <si>
    <t>POINT (4.638101603302642 51.82613502927619)</t>
  </si>
  <si>
    <t>POINT (4.653552260179221 51.83228199570648)</t>
  </si>
  <si>
    <t>POINT (4.628479009115152 51.84624383404123)</t>
  </si>
  <si>
    <t>POINT (4.628341212560008 51.84925414916372)</t>
  </si>
  <si>
    <t>POINT (4.6280203431382025 51.84762512512015)</t>
  </si>
  <si>
    <t>POINT (4.634277503962539 51.837957648636575)</t>
  </si>
  <si>
    <t>POINT (4.656074696084737 51.83061685266611)</t>
  </si>
  <si>
    <t>POINT (4.643455841975234 51.828685909497835)</t>
  </si>
  <si>
    <t>POINT (4.626337099039282 51.84417156595993)</t>
  </si>
  <si>
    <t>POINT (4.642927109577017 51.82907806011536)</t>
  </si>
  <si>
    <t>POINT (4.639439328869529 51.82944240674374)</t>
  </si>
  <si>
    <t>POINT (4.634978662237697 51.835939690537586)</t>
  </si>
  <si>
    <t>POINT (4.636911210576846 51.83895562441533)</t>
  </si>
  <si>
    <t>POINT (4.647167838279323 51.82968014796827)</t>
  </si>
  <si>
    <t>POINT (4.6268367197332925 51.84552310443694)</t>
  </si>
  <si>
    <t>POINT (4.6557035928612365 51.83526106064743)</t>
  </si>
  <si>
    <t>POINT (4.645553630479772 51.83873054269922)</t>
  </si>
  <si>
    <t>POINT (4.629362426586744 51.83945409881344)</t>
  </si>
  <si>
    <t>POINT (4.652844792385684 51.83118095433066)</t>
  </si>
  <si>
    <t>POINT (4.650565800827487 51.844568774174064)</t>
  </si>
  <si>
    <t>POINT (4.646880603888745 51.842747862722725)</t>
  </si>
  <si>
    <t>POINT (4.652113442128404 51.833324668784776)</t>
  </si>
  <si>
    <t>POINT (4.627733552020759 51.83795145115851)</t>
  </si>
  <si>
    <t>POINT (4.651771040619065 51.83030233091639)</t>
  </si>
  <si>
    <t>POINT (4.645816181686674 51.84989879776092)</t>
  </si>
  <si>
    <t>POINT (4.64213416604531 51.851589646719695)</t>
  </si>
  <si>
    <t>POINT (4.642225349017068 51.85221943122922)</t>
  </si>
  <si>
    <t>POINT (4.629984833012447 51.843862567580864)</t>
  </si>
  <si>
    <t>POINT (4.6454186608845385 51.846927351450596)</t>
  </si>
  <si>
    <t>POINT (4.639279593648527 51.839940165186526)</t>
  </si>
  <si>
    <t>POINT (4.644961967497642 51.852623273618704)</t>
  </si>
  <si>
    <t>POINT (4.657182940086662 51.83116307013564)</t>
  </si>
  <si>
    <t>POINT (4.648920418486972 51.84401911981265)</t>
  </si>
  <si>
    <t>POINT (4.631670644888229 51.84804417221331)</t>
  </si>
  <si>
    <t>POINT (4.649089326672429 51.846995427529784)</t>
  </si>
  <si>
    <t>POINT (4.638220099875521 51.827835654138596)</t>
  </si>
  <si>
    <t>POINT (4.649365483764603 51.832795074651735)</t>
  </si>
  <si>
    <t>POINT (4.65322932974451 51.84498095598283)</t>
  </si>
  <si>
    <t>POINT (4.644892984192984 51.84800266831263)</t>
  </si>
  <si>
    <t>POINT (4.627492294513597 51.83590945837228)</t>
  </si>
  <si>
    <t>POINT (4.644852405499445 51.848703527112356)</t>
  </si>
  <si>
    <t>POINT (4.642446374482594 51.83622100964803)</t>
  </si>
  <si>
    <t>POINT (4.641524815502238 51.82878152238141)</t>
  </si>
  <si>
    <t>POINT (4.622063632145069 51.83859777430767)</t>
  </si>
  <si>
    <t>POINT (4.632087363851782 51.83877054030663)</t>
  </si>
  <si>
    <t>POINT (4.6258822535148125 51.84120377278312)</t>
  </si>
  <si>
    <t>POINT (4.624982996013792 51.843578518555574)</t>
  </si>
  <si>
    <t>POINT (4.644089149342951 51.837786460213756)</t>
  </si>
  <si>
    <t>POINT (4.642449485252652 51.84965926539283)</t>
  </si>
  <si>
    <t>POINT (4.632633185364068 51.84689981217847)</t>
  </si>
  <si>
    <t>POINT (4.643429793072163 51.852236055170806)</t>
  </si>
  <si>
    <t>POINT (4.632937712645578 51.846047845133455)</t>
  </si>
  <si>
    <t>POINT (4.648186072595429 51.8427830532926)</t>
  </si>
  <si>
    <t>POINT (4.640589712793366 51.84144062355321)</t>
  </si>
  <si>
    <t>POINT (4.633017044421245 51.833509148675425)</t>
  </si>
  <si>
    <t>POINT (4.653129210283752 51.8315332914149)</t>
  </si>
  <si>
    <t>POINT (4.610924804146296 51.849248159574955)</t>
  </si>
  <si>
    <t>POINT (4.642611755529351 51.83587150044536)</t>
  </si>
  <si>
    <t>POINT (4.638287643111974 51.83501703578095)</t>
  </si>
  <si>
    <t>POINT (4.646483836530488 51.85143868709117)</t>
  </si>
  <si>
    <t>POINT (4.635682649126083 51.847665429769)</t>
  </si>
  <si>
    <t>POINT (4.653401030455763 51.83288842374326)</t>
  </si>
  <si>
    <t>POINT (4.638831626575106 51.840701347625114)</t>
  </si>
  <si>
    <t>POINT (4.647987596423336 51.84868735242)</t>
  </si>
  <si>
    <t>POINT (4.6352353823185934 51.846637857983346)</t>
  </si>
  <si>
    <t>POINT (4.635372544255976 51.847115135776015)</t>
  </si>
  <si>
    <t>POINT (4.649341448797074 51.83973350086501)</t>
  </si>
  <si>
    <t>POINT (4.6452305958762 51.84248576412845)</t>
  </si>
  <si>
    <t>POINT (4.636449592493642 51.83822324222203)</t>
  </si>
  <si>
    <t>POINT (4.639394767370429 51.82950504364786)</t>
  </si>
  <si>
    <t>POINT (4.6251127870416715 51.84105354132877)</t>
  </si>
  <si>
    <t>POINT (4.644188422656764 51.84188122921063)</t>
  </si>
  <si>
    <t>POINT (4.644053521110911 51.84184013312517)</t>
  </si>
  <si>
    <t>POINT (4.629038224670348 51.84061154547065)</t>
  </si>
  <si>
    <t>POINT (4.630947832151523 51.83923061659913)</t>
  </si>
  <si>
    <t>POINT (4.629695226258002 51.852453869776966)</t>
  </si>
  <si>
    <t>POINT (4.6349285383877845 51.83894158814869)</t>
  </si>
  <si>
    <t>POINT (4.647560874285402 51.830482617361106)</t>
  </si>
  <si>
    <t>POINT (4.647603408644628 51.82877503685273)</t>
  </si>
  <si>
    <t>POINT (4.628480926126424 51.836652924433274)</t>
  </si>
  <si>
    <t>POINT (4.65038724485353 51.83330485797894)</t>
  </si>
  <si>
    <t>POINT (4.640574786468731 51.84409218575744)</t>
  </si>
  <si>
    <t>POINT (4.627614873173203 51.835523738020626)</t>
  </si>
  <si>
    <t>POINT (4.639166033025877 51.831950970779815)</t>
  </si>
  <si>
    <t>POINT (4.644435911529556 51.84491666712704)</t>
  </si>
  <si>
    <t>POINT (4.629857441097405 51.85230210878972)</t>
  </si>
  <si>
    <t>POINT (4.649259879368634 51.83215621512985)</t>
  </si>
  <si>
    <t>POINT (4.65302283205772 51.83182925222089)</t>
  </si>
  <si>
    <t>POINT (4.646277092295521 51.84238450909226)</t>
  </si>
  <si>
    <t>POINT (4.63652638305316 51.83535634487993)</t>
  </si>
  <si>
    <t>POINT (4.649861985025768 51.84412391200177)</t>
  </si>
  <si>
    <t>POINT (4.629904689786172 51.837408178408396)</t>
  </si>
  <si>
    <t>POINT (4.644474616720786 51.83024740177826)</t>
  </si>
  <si>
    <t>POINT (4.651701461032208 51.82923224291773)</t>
  </si>
  <si>
    <t>POINT (4.6349365904736946 51.83672143612692)</t>
  </si>
  <si>
    <t>POINT (4.640396897799344 51.846068560868105)</t>
  </si>
  <si>
    <t>POINT (4.6459640181670485 51.83848145184414)</t>
  </si>
  <si>
    <t>POINT (4.632974899733793 51.848160421514734)</t>
  </si>
  <si>
    <t>POINT (4.655448300794951 51.830774745521325)</t>
  </si>
  <si>
    <t>POINT (4.63099862482026 51.85003533072292)</t>
  </si>
  <si>
    <t>POINT (4.654407253654205 51.84195421104507)</t>
  </si>
  <si>
    <t>POINT (4.6497521337990815 51.83133235077388)</t>
  </si>
  <si>
    <t>POINT (4.64112750050224 51.849273169440316)</t>
  </si>
  <si>
    <t>POINT (4.641624635370771 51.84905161069393)</t>
  </si>
  <si>
    <t>POINT (4.634881009034283 51.83570535905779)</t>
  </si>
  <si>
    <t>POINT (4.627032542470115 51.844238991507396)</t>
  </si>
  <si>
    <t>POINT (4.635077678441691 51.838699849434526)</t>
  </si>
  <si>
    <t>POINT (4.656633313910503 51.85012111384745)</t>
  </si>
  <si>
    <t>POINT (4.644578192978064 51.84596924057965)</t>
  </si>
  <si>
    <t>POINT (4.657074973356145 51.83546340254182)</t>
  </si>
  <si>
    <t>POINT (4.653755672107778 51.84474155148638)</t>
  </si>
  <si>
    <t>POINT (4.63819339989884 51.82767637502229)</t>
  </si>
  <si>
    <t>POINT (4.630952577559556 51.846727203387566)</t>
  </si>
  <si>
    <t>POINT (4.64036211852625 51.84729079796543)</t>
  </si>
  <si>
    <t>POINT (4.6562666902930525 51.847399874055796)</t>
  </si>
  <si>
    <t>POINT (4.640928690003264 51.834276505041906)</t>
  </si>
  <si>
    <t>POINT (4.6288053339273505 51.847549300078306)</t>
  </si>
  <si>
    <t>POINT (4.628782385649619 51.838569462155526)</t>
  </si>
  <si>
    <t>POINT (4.631211888486667 51.83992444565205)</t>
  </si>
  <si>
    <t>POINT (4.637244111237987 51.82851981645242)</t>
  </si>
  <si>
    <t>POINT (4.638803503600923 51.84064723632093)</t>
  </si>
  <si>
    <t>POINT (4.642333890127818 51.83337088588428)</t>
  </si>
  <si>
    <t>POINT (4.6380775490174875 51.838053868178164)</t>
  </si>
  <si>
    <t>POINT (4.654576752641562 51.83465237739106)</t>
  </si>
  <si>
    <t>POINT (4.63417729621917 51.83787610779671)</t>
  </si>
  <si>
    <t>POINT (4.636556129828964 51.83618349360278)</t>
  </si>
  <si>
    <t>POINT (4.6223549106594755 51.83403557435346)</t>
  </si>
  <si>
    <t>POINT (4.636381919059028 51.839509053042185)</t>
  </si>
  <si>
    <t>POINT (4.631148731181638 51.835906098130465)</t>
  </si>
  <si>
    <t>POINT (4.636870984340744 51.8460281037279)</t>
  </si>
  <si>
    <t>POINT (4.635054699117126 51.83486153599864)</t>
  </si>
  <si>
    <t>POINT (4.653167713516154 51.84181494572275)</t>
  </si>
  <si>
    <t>POINT (4.627121073151868 51.845012590996696)</t>
  </si>
  <si>
    <t>POINT (4.646481644418933 51.83523980924575)</t>
  </si>
  <si>
    <t>POINT (4.646014068201756 51.83896715590967)</t>
  </si>
  <si>
    <t>POINT (4.6320447414006 51.838716334065886)</t>
  </si>
  <si>
    <t>POINT (4.629662122370433 51.84924470138541)</t>
  </si>
  <si>
    <t>POINT (4.645400705030133 51.849812498292955)</t>
  </si>
  <si>
    <t>POINT (4.635133208049587 51.837981110947986)</t>
  </si>
  <si>
    <t>POINT (4.640415488800644 51.84669788562328)</t>
  </si>
  <si>
    <t>POINT (4.6450334967737765 51.850810750092926)</t>
  </si>
  <si>
    <t>POINT (4.641902235617512 51.84981740915295)</t>
  </si>
  <si>
    <t>POINT (4.64830713141252 51.85044215118666)</t>
  </si>
  <si>
    <t>POINT (4.637421076532976 51.82605877459537)</t>
  </si>
  <si>
    <t>POINT (4.64507380447782 51.83702865192291)</t>
  </si>
  <si>
    <t>POINT (4.645081345916215 51.845379170294365)</t>
  </si>
  <si>
    <t>POINT (4.645166486891685 51.8516627802552)</t>
  </si>
  <si>
    <t>POINT (4.648290662678976 51.83729163760783)</t>
  </si>
  <si>
    <t>POINT (4.637359751111383 51.8367189614309)</t>
  </si>
  <si>
    <t>POINT (4.649309288991 51.84774286850865)</t>
  </si>
  <si>
    <t>POINT (4.626575218903587 51.84553938797992)</t>
  </si>
  <si>
    <t>POINT (4.655988690787967 51.8354868342866)</t>
  </si>
  <si>
    <t>POINT (4.653336431610643 51.84163442956239)</t>
  </si>
  <si>
    <t>POINT (4.629386934541372 51.83540934921838)</t>
  </si>
  <si>
    <t>POINT (4.622539842487531 51.839607610146)</t>
  </si>
  <si>
    <t>POINT (4.63513545861064 51.83784629519028)</t>
  </si>
  <si>
    <t>POINT (4.644801065423036 51.84301338002634)</t>
  </si>
  <si>
    <t>POINT (4.6494372243602005 51.84613470304519)</t>
  </si>
  <si>
    <t>POINT (4.6467585498881325 51.85121012142667)</t>
  </si>
  <si>
    <t>POINT (4.656704847680764 51.83532882280415)</t>
  </si>
  <si>
    <t>POINT (4.639999339729078 51.83941441661204)</t>
  </si>
  <si>
    <t>POINT (4.6466008378713735 51.83593268892299)</t>
  </si>
  <si>
    <t>POINT (4.647427072581752 51.83067952505244)</t>
  </si>
  <si>
    <t>POINT (4.634189677960977 51.83626721347787)</t>
  </si>
  <si>
    <t>POINT (4.64300639773808 51.82691229042824)</t>
  </si>
  <si>
    <t>POINT (4.645769179100109 51.848556512530934)</t>
  </si>
  <si>
    <t>POINT (4.6488947809216885 51.85089528026196)</t>
  </si>
  <si>
    <t>POINT (4.645636593999785 51.83104575188396)</t>
  </si>
  <si>
    <t>POINT (4.6495943283329675 51.83122349521038)</t>
  </si>
  <si>
    <t>POINT (4.641260884857358 51.83596179991401)</t>
  </si>
  <si>
    <t>POINT (4.657741805412823 51.84144957182493)</t>
  </si>
  <si>
    <t>POINT (4.637563020516132 51.83932697567684)</t>
  </si>
  <si>
    <t>POINT (4.641704133651697 51.85126332560067)</t>
  </si>
  <si>
    <t>POINT (4.644993494204578 51.850787054832)</t>
  </si>
  <si>
    <t>POINT (4.644608950734129 51.85022306621718)</t>
  </si>
  <si>
    <t>POINT (4.640824657525564 51.84477691311473)</t>
  </si>
  <si>
    <t>POINT (4.6248541358112405 51.8443327311022)</t>
  </si>
  <si>
    <t>POINT (4.629104560839546 51.85305229855721)</t>
  </si>
  <si>
    <t>POINT (4.6319526769283526 51.85026618787194)</t>
  </si>
  <si>
    <t>POINT (4.629155610571289 51.844845971006094)</t>
  </si>
  <si>
    <t>POINT (4.643219782359393 51.82804621714128)</t>
  </si>
  <si>
    <t>POINT (4.642827348870293 51.846533427890584)</t>
  </si>
  <si>
    <t>POINT (4.657394513940365 51.83359828247842)</t>
  </si>
  <si>
    <t>POINT (4.646314226560755 51.835715152325236)</t>
  </si>
  <si>
    <t>POINT (4.642757129325908 51.84990373030284)</t>
  </si>
  <si>
    <t>POINT (4.650999685695726 51.842043642135295)</t>
  </si>
  <si>
    <t>POINT (4.652048971980873 51.8328298882723)</t>
  </si>
  <si>
    <t>POINT (4.624677101574253 51.84193160336666)</t>
  </si>
  <si>
    <t>POINT (4.650226009320683 51.836393574774235)</t>
  </si>
  <si>
    <t>POINT (4.638303790998787 51.82706215432983)</t>
  </si>
  <si>
    <t>POINT (4.641748601807164 51.84682320974184)</t>
  </si>
  <si>
    <t>POINT (4.6318101071413045 51.837132816645884)</t>
  </si>
  <si>
    <t>POINT (4.62869932248882 51.83574647845352)</t>
  </si>
  <si>
    <t>POINT (4.634820873328856 51.838437532239354)</t>
  </si>
  <si>
    <t>POINT (4.622582759418376 51.839643844422696)</t>
  </si>
  <si>
    <t>POINT (4.644532625820059 51.8492212111387)</t>
  </si>
  <si>
    <t>POINT (4.6303482231175135 51.845554781634775)</t>
  </si>
  <si>
    <t>POINT (4.644457950151521 51.83653936885702)</t>
  </si>
  <si>
    <t>POINT (4.649754026663981 51.84539962339581)</t>
  </si>
  <si>
    <t>POINT (4.640994067488409 51.833471391312735)</t>
  </si>
  <si>
    <t>POINT (4.637090225214201 51.83384269581153)</t>
  </si>
  <si>
    <t>POINT (4.634880659046149 51.83659523618428)</t>
  </si>
  <si>
    <t>POINT (4.631515435031262 51.84518477567522)</t>
  </si>
  <si>
    <t>POINT (4.642911775625086 51.83703294183007)</t>
  </si>
  <si>
    <t>POINT (4.644321571383388 51.84656985746944)</t>
  </si>
  <si>
    <t>POINT (4.63783567980588 51.83689278526901)</t>
  </si>
  <si>
    <t>POINT (4.624898642467574 51.84084541132134)</t>
  </si>
  <si>
    <t>POINT (4.648107420610316 51.83784778147948)</t>
  </si>
  <si>
    <t>POINT (4.644419450461598 51.837114400233)</t>
  </si>
  <si>
    <t>POINT (4.644736438425001 51.83424634934035)</t>
  </si>
  <si>
    <t>POINT (4.657668265778128 51.83523795207262)</t>
  </si>
  <si>
    <t>POINT (4.628402736679714 51.838710827839655)</t>
  </si>
  <si>
    <t>POINT (4.626736318738255 51.850610044056786)</t>
  </si>
  <si>
    <t>POINT (4.6272162464986595 51.84607732263337)</t>
  </si>
  <si>
    <t>POINT (4.626618751798105 51.84553966999472)</t>
  </si>
  <si>
    <t>POINT (4.6303935682586 51.84544720984065)</t>
  </si>
  <si>
    <t>POINT (4.652538558902967 51.83168910921881)</t>
  </si>
  <si>
    <t>POINT (4.646596225477022 51.85087978939624)</t>
  </si>
  <si>
    <t>POINT (4.63517283491588 51.846907117440075)</t>
  </si>
  <si>
    <t>POINT (4.640041643880247 51.83399132364965)</t>
  </si>
  <si>
    <t>POINT (4.658727571277597 51.83164007661025)</t>
  </si>
  <si>
    <t>POINT (4.657016378656362 51.83159349015494)</t>
  </si>
  <si>
    <t>POINT (4.636350478568388 51.82822106326607)</t>
  </si>
  <si>
    <t>POINT (4.641324794398308 51.83648354912556)</t>
  </si>
  <si>
    <t>POINT (4.650242053836277 51.84395551375796)</t>
  </si>
  <si>
    <t>POINT (4.6349988794548835 51.838204967288725)</t>
  </si>
  <si>
    <t>POINT (4.63649680108582 51.84758075132632)</t>
  </si>
  <si>
    <t>POINT (4.647465077726776 51.83278311433094)</t>
  </si>
  <si>
    <t>POINT (4.640579193944515 51.85170561098009)</t>
  </si>
  <si>
    <t>POINT (4.631445813006904 51.8467393679391)</t>
  </si>
  <si>
    <t>POINT (4.648679606946757 51.833284059899555)</t>
  </si>
  <si>
    <t>POINT (4.646240549179926 51.83754837598505)</t>
  </si>
  <si>
    <t>POINT (4.644235883503059 51.82888860038901)</t>
  </si>
  <si>
    <t>POINT (4.646383637267434 51.83502346268402)</t>
  </si>
  <si>
    <t>POINT (4.624177432783613 51.840589043005686)</t>
  </si>
  <si>
    <t>POINT (4.624852283891965 51.84186982024899)</t>
  </si>
  <si>
    <t>POINT (4.636962802229728 51.83615912723934)</t>
  </si>
  <si>
    <t>POINT (4.652148339603347 51.84541463746823)</t>
  </si>
  <si>
    <t>POINT (4.65411623898905 51.831503504986394)</t>
  </si>
  <si>
    <t>POINT (4.656511167402853 51.8323565583372)</t>
  </si>
  <si>
    <t>POINT (4.6372668883795445 51.83183751477605)</t>
  </si>
  <si>
    <t>POINT (4.634281264923757 51.84815082847683)</t>
  </si>
  <si>
    <t>POINT (4.643692643508183 51.841732581998976)</t>
  </si>
  <si>
    <t>POINT (4.624776177960236 51.84122214081403)</t>
  </si>
  <si>
    <t>POINT (4.641532212230513 51.832790799498305)</t>
  </si>
  <si>
    <t>POINT (4.642796897517085 51.83696030406131)</t>
  </si>
  <si>
    <t>POINT (4.646546209831385 51.83131216636741)</t>
  </si>
  <si>
    <t>POINT (4.624448896745665 51.84034864285571)</t>
  </si>
  <si>
    <t>POINT (4.630631107568253 51.834761200277356)</t>
  </si>
  <si>
    <t>POINT (4.648114632548777 51.85067464465882)</t>
  </si>
  <si>
    <t>POINT (4.6441084775181976 51.8471707492724)</t>
  </si>
  <si>
    <t>POINT (4.631800688017303 51.84894387590188)</t>
  </si>
  <si>
    <t>POINT (4.653268907387214 51.83284178251833)</t>
  </si>
  <si>
    <t>POINT (4.652811598889666 51.846569335654124)</t>
  </si>
  <si>
    <t>POINT (4.623535786379153 51.83991970821431)</t>
  </si>
  <si>
    <t>POINT (4.652267473789471 51.83010768934533)</t>
  </si>
  <si>
    <t>POINT (4.656730595771151 51.8324135009078)</t>
  </si>
  <si>
    <t>POINT (4.650231181415515 51.85260253037017)</t>
  </si>
  <si>
    <t>POINT (4.629722430534895 51.838755304990755)</t>
  </si>
  <si>
    <t>POINT (4.641046922775901 51.846252466883136)</t>
  </si>
  <si>
    <t>POINT (4.633504996296462 51.84770540333769)</t>
  </si>
  <si>
    <t>POINT (4.644898713484238 51.8507176655079)</t>
  </si>
  <si>
    <t>POINT (4.630232024635992 51.84901467141849)</t>
  </si>
  <si>
    <t>POINT (4.6493489801292975 51.83203093381058)</t>
  </si>
  <si>
    <t>POINT (4.639513357586451 51.84596406239583)</t>
  </si>
  <si>
    <t>POINT (4.643262153872623 51.8307520785054)</t>
  </si>
  <si>
    <t>POINT (4.641878673783437 51.8398398416574)</t>
  </si>
  <si>
    <t>POINT (4.6322489708704575 51.83432218187706)</t>
  </si>
  <si>
    <t>POINT (4.650949115573724 51.847753162515794)</t>
  </si>
  <si>
    <t>POINT (4.654097023113356 51.83090114415391)</t>
  </si>
  <si>
    <t>POINT (4.641174283815859 51.835934283575114)</t>
  </si>
  <si>
    <t>POINT (4.644289386415231 51.849249613608904)</t>
  </si>
  <si>
    <t>POINT (4.642403750306775 51.84582063721916)</t>
  </si>
  <si>
    <t>POINT (4.65588713457595 51.83505186947294)</t>
  </si>
  <si>
    <t>POINT (4.642500282243761 51.84349318543603)</t>
  </si>
  <si>
    <t>POINT (4.616451972374292 51.83328470068714)</t>
  </si>
  <si>
    <t>POINT (4.646821320783264 51.829579087391124)</t>
  </si>
  <si>
    <t>POINT (4.640267221177352 51.84163632299655)</t>
  </si>
  <si>
    <t>POINT (4.655083111538034 51.83003539756483)</t>
  </si>
  <si>
    <t>POINT (4.64258089597424 51.85266213055314)</t>
  </si>
  <si>
    <t>POINT (4.63304840525467 51.83856997825989)</t>
  </si>
  <si>
    <t>POINT (4.6593434910177285 51.83392701761899)</t>
  </si>
  <si>
    <t>POINT (4.63540917053396 51.83796490114536)</t>
  </si>
  <si>
    <t>POINT (4.6470860762783115 51.84032947279054)</t>
  </si>
  <si>
    <t>POINT (4.6448280980863315 51.82904515490291)</t>
  </si>
  <si>
    <t>POINT (4.628208228231934 51.84336570728622)</t>
  </si>
  <si>
    <t>POINT (4.653307888108137 51.844612912202855)</t>
  </si>
  <si>
    <t>POINT (4.6410900098217684 51.84627970668606)</t>
  </si>
  <si>
    <t>POINT (4.6342519510975615 51.83340921187823)</t>
  </si>
  <si>
    <t>POINT (4.636464645269641 51.826870631849204)</t>
  </si>
  <si>
    <t>POINT (4.652381510771353 51.84223892145358)</t>
  </si>
  <si>
    <t>POINT (4.641149301987558 51.83043305376538)</t>
  </si>
  <si>
    <t>POINT (4.637473919717921 51.82843510098822)</t>
  </si>
  <si>
    <t>POINT (4.637888480719219 51.83720772599145)</t>
  </si>
  <si>
    <t>POINT (4.657870501057271 51.83529314065301)</t>
  </si>
  <si>
    <t>POINT (4.643796895170499 51.843186799306345)</t>
  </si>
  <si>
    <t>POINT (4.6364699802748 51.829161927462195)</t>
  </si>
  <si>
    <t>POINT (4.630152057946951 51.83477608924081)</t>
  </si>
  <si>
    <t>POINT (4.64309887867093 51.85381596187148)</t>
  </si>
  <si>
    <t>POINT (4.658811436475344 51.830939481169814)</t>
  </si>
  <si>
    <t>POINT (4.623429106887502 51.841932479789)</t>
  </si>
  <si>
    <t>POINT (4.625410609255737 51.848853540020166)</t>
  </si>
  <si>
    <t>POINT (4.631564293364852 51.8388121181023)</t>
  </si>
  <si>
    <t>POINT (4.626830402059648 51.845037674927674)</t>
  </si>
  <si>
    <t>POINT (4.6514677963239155 51.83207891116859)</t>
  </si>
  <si>
    <t>POINT (4.646868942432247 51.85127744139484)</t>
  </si>
  <si>
    <t>POINT (4.641613983219864 51.8356674167727)</t>
  </si>
  <si>
    <t>POINT (4.6299006010669705 51.835925019111556)</t>
  </si>
  <si>
    <t>POINT (4.6286550710753644 51.84785394430156)</t>
  </si>
  <si>
    <t>POINT (4.630074878785337 51.8393688088951)</t>
  </si>
  <si>
    <t>POINT (4.636442946685263 51.83937084693659)</t>
  </si>
  <si>
    <t>POINT (4.635641213803358 51.84753932320988)</t>
  </si>
  <si>
    <t>POINT (4.626285997101682 51.84633750622605)</t>
  </si>
  <si>
    <t>POINT (4.628759269372165 51.8382187541589)</t>
  </si>
  <si>
    <t>POINT (4.642188914976441 51.85003495628007)</t>
  </si>
  <si>
    <t>POINT (4.641691460257493 51.83887686517547)</t>
  </si>
  <si>
    <t>POINT (4.643974608236011 51.835934068748934)</t>
  </si>
  <si>
    <t>POINT (4.64478620425821 51.82982690501559)</t>
  </si>
  <si>
    <t>POINT (4.632802959620132 51.83416394704384)</t>
  </si>
  <si>
    <t>POINT (4.650502906982677 51.84486500524981)</t>
  </si>
  <si>
    <t>POINT (4.626866484563877 51.83602225969166)</t>
  </si>
  <si>
    <t>POINT (4.629353668956376 51.838249558828814)</t>
  </si>
  <si>
    <t>POINT (4.635131447704498 51.84590911008499)</t>
  </si>
  <si>
    <t>POINT (4.6279210173674405 51.836298745616524)</t>
  </si>
  <si>
    <t>POINT (4.650071637963561 51.850821776234945)</t>
  </si>
  <si>
    <t>3341EJ</t>
  </si>
  <si>
    <t>Marijkestraat</t>
  </si>
  <si>
    <t>POINT (4.646114527501408 51.84961935420173)</t>
  </si>
  <si>
    <t>POINT (4.630368045507061 51.846966131142395)</t>
  </si>
  <si>
    <t>POINT (4.656588881682156 51.83237395872163)</t>
  </si>
  <si>
    <t>POINT (4.644428370352828 51.85329404853544)</t>
  </si>
  <si>
    <t>POINT (4.626093637384393 51.83023752280757)</t>
  </si>
  <si>
    <t>POINT (4.642120552093417 51.82696959140777)</t>
  </si>
  <si>
    <t>POINT (4.652401682215979 51.832553447887165)</t>
  </si>
  <si>
    <t>POINT (4.651514605139489 51.83090296503395)</t>
  </si>
  <si>
    <t>POINT (4.633714778968924 51.84904606132191)</t>
  </si>
  <si>
    <t>POINT (4.653183984109274 51.842902099751726)</t>
  </si>
  <si>
    <t>POINT (4.652784577629429 51.83309516414501)</t>
  </si>
  <si>
    <t>POINT (4.63791020238511 51.82630459266185)</t>
  </si>
  <si>
    <t>POINT (4.6410067708477865 51.84800852455921)</t>
  </si>
  <si>
    <t>POINT (4.636192332599386 51.83798789115951)</t>
  </si>
  <si>
    <t>POINT (4.645354292623096 51.82792489669079)</t>
  </si>
  <si>
    <t>POINT (4.646062270553034 51.836037154069786)</t>
  </si>
  <si>
    <t>POINT (4.658522472257455 51.830865778423345)</t>
  </si>
  <si>
    <t>POINT (4.635549420038817 51.84608257135562)</t>
  </si>
  <si>
    <t>POINT (4.629608905369509 51.85154545743553)</t>
  </si>
  <si>
    <t>POINT (4.634812570179514 51.83719704135904)</t>
  </si>
  <si>
    <t>POINT (4.631681349582676 51.84740604547853)</t>
  </si>
  <si>
    <t>POINT (4.651096300196095 51.829866645291084)</t>
  </si>
  <si>
    <t>POINT (4.650179110119822 51.84514162148742)</t>
  </si>
  <si>
    <t>POINT (4.635248578031221 51.83327272508052)</t>
  </si>
  <si>
    <t>POINT (4.626023731886124 51.846398726993215)</t>
  </si>
  <si>
    <t>POINT (4.634068446459452 51.845255111963525)</t>
  </si>
  <si>
    <t>POINT (4.649168717484609 51.84392180564059)</t>
  </si>
  <si>
    <t>POINT (4.626942893699384 51.84697096890745)</t>
  </si>
  <si>
    <t>POINT (4.62558111088216 51.843393637785645)</t>
  </si>
  <si>
    <t>POINT (4.644884824026876 51.84980890546015)</t>
  </si>
  <si>
    <t>POINT (4.657837433103783 51.83195814116346)</t>
  </si>
  <si>
    <t>POINT (4.635679320134767 51.83742731015268)</t>
  </si>
  <si>
    <t>POINT (4.6364240802306504 51.83540063404799)</t>
  </si>
  <si>
    <t>POINT (4.62632943743641 51.83947043565766)</t>
  </si>
  <si>
    <t>POINT (4.628202490964316 51.83853874838915)</t>
  </si>
  <si>
    <t>POINT (4.634811321689544 51.83553412749705)</t>
  </si>
  <si>
    <t>POINT (4.644627701324515 51.85023812394673)</t>
  </si>
  <si>
    <t>POINT (4.641826906011175 51.82893624867306)</t>
  </si>
  <si>
    <t>POINT (4.650564709502422 51.8330992323298)</t>
  </si>
  <si>
    <t>POINT (4.6282119008212925 51.84659266599059)</t>
  </si>
  <si>
    <t>POINT (4.643049266690166 51.85066961802573)</t>
  </si>
  <si>
    <t>POINT (4.6270521595182466 51.8447964165747)</t>
  </si>
  <si>
    <t>POINT (4.651082645809876 51.83070250621969)</t>
  </si>
  <si>
    <t>POINT (4.640480203686352 51.82791196799015)</t>
  </si>
  <si>
    <t>POINT (4.6412473242013 51.8472964252011)</t>
  </si>
  <si>
    <t>POINT (4.654340490398759 51.84447554370152)</t>
  </si>
  <si>
    <t>POINT (4.641446693037614 51.848403297072664)</t>
  </si>
  <si>
    <t>POINT (4.643997302052001 51.845992531013444)</t>
  </si>
  <si>
    <t>POINT (4.651001010407537 51.83125929191459)</t>
  </si>
  <si>
    <t>POINT (4.65203078468117 51.84550378800664)</t>
  </si>
  <si>
    <t>POINT (4.634810069769438 51.83647793094874)</t>
  </si>
  <si>
    <t>POINT (4.640797613867872 51.84115430806466)</t>
  </si>
  <si>
    <t>POINT (4.646502491123775 51.84897461897989)</t>
  </si>
  <si>
    <t>POINT (4.631281595306401 51.8366350371203)</t>
  </si>
  <si>
    <t>POINT (4.648661431209638 51.83329889371058)</t>
  </si>
  <si>
    <t>POINT (4.652381708208267 51.84131410653094)</t>
  </si>
  <si>
    <t>POINT (4.646770599158135 51.838846088428014)</t>
  </si>
  <si>
    <t>POINT (4.6500673392919145 51.84399037159558)</t>
  </si>
  <si>
    <t>POINT (4.634106085383543 51.83605993758188)</t>
  </si>
  <si>
    <t>POINT (4.641333500579769 51.847350904641345)</t>
  </si>
  <si>
    <t>POINT (4.640951252744236 51.85115067929724)</t>
  </si>
  <si>
    <t>POINT (4.627529097567432 51.84061077866462)</t>
  </si>
  <si>
    <t>POINT (4.640584210952273 51.8268879195201)</t>
  </si>
  <si>
    <t>POINT (4.645982616045162 51.83558721760599)</t>
  </si>
  <si>
    <t>POINT (4.6557281300183595 51.83230456302918)</t>
  </si>
  <si>
    <t>POINT (4.626756034292793 51.83568896281005)</t>
  </si>
  <si>
    <t>POINT (4.632916761206782 51.83429950859518)</t>
  </si>
  <si>
    <t>POINT (4.643121721661052 51.84979817738693)</t>
  </si>
  <si>
    <t>POINT (4.64942390313452 51.85403564480093)</t>
  </si>
  <si>
    <t>POINT (4.64131697653761 51.829067839709374)</t>
  </si>
  <si>
    <t>POINT (4.631122364020592 51.83834186134663)</t>
  </si>
  <si>
    <t>POINT (4.645771828671981 51.83693418711968)</t>
  </si>
  <si>
    <t>POINT (4.629559784140224 51.84842607199415)</t>
  </si>
  <si>
    <t>POINT (4.6555545452459945 51.833166393190936)</t>
  </si>
  <si>
    <t>POINT (4.639928055280254 51.82971517959321)</t>
  </si>
  <si>
    <t>POINT (4.646742551734122 51.837021211903455)</t>
  </si>
  <si>
    <t>POINT (4.639305942337827 51.829612341936794)</t>
  </si>
  <si>
    <t>POINT (4.624904728531393 51.84017876908724)</t>
  </si>
  <si>
    <t>POINT (4.649200344352738 51.84031207713314)</t>
  </si>
  <si>
    <t>POINT (4.652397812362862 51.845245414586465)</t>
  </si>
  <si>
    <t>POINT (4.637883846657276 51.83748634538553)</t>
  </si>
  <si>
    <t>POINT (4.6437929265713205 51.84166778853722)</t>
  </si>
  <si>
    <t>POINT (4.655247415000972 51.83331728586118)</t>
  </si>
  <si>
    <t>POINT (4.648943166264648 51.851525985585745)</t>
  </si>
  <si>
    <t>POINT (4.643684250684885 51.83088612239423)</t>
  </si>
  <si>
    <t>POINT (4.647203662226153 51.852232932727475)</t>
  </si>
  <si>
    <t>POINT (4.628428739836571 51.849227748801304)</t>
  </si>
  <si>
    <t>POINT (4.62919131551809 51.8418619605368)</t>
  </si>
  <si>
    <t>POINT (4.624655248202707 51.844079756459635)</t>
  </si>
  <si>
    <t>POINT (4.639811051807364 51.8328745853928)</t>
  </si>
  <si>
    <t>POINT (4.656539787016799 51.8475633695159)</t>
  </si>
  <si>
    <t>POINT (4.643775155135843 51.84178355789505)</t>
  </si>
  <si>
    <t>POINT (4.648503526377931 51.85085686490684)</t>
  </si>
  <si>
    <t>POINT (4.627379479282635 51.83743680495512)</t>
  </si>
  <si>
    <t>POINT (4.634782057603446 51.834680015170086)</t>
  </si>
  <si>
    <t>POINT (4.643237526002199 51.846302322416214)</t>
  </si>
  <si>
    <t>POINT (4.639175558149944 51.833971021616875)</t>
  </si>
  <si>
    <t>POINT (4.645349973705694 51.85197854252818)</t>
  </si>
  <si>
    <t>POINT (4.637882768326275 51.83370737224397)</t>
  </si>
  <si>
    <t>POINT (4.641609678305375 51.83367337746525)</t>
  </si>
  <si>
    <t>POINT (4.6401258576232705 51.846660088451266)</t>
  </si>
  <si>
    <t>POINT (4.655600573760339 51.83122512806355)</t>
  </si>
  <si>
    <t>POINT (4.640383429803517 51.8460055545495)</t>
  </si>
  <si>
    <t>POINT (4.6468309191756845 51.828994883899554)</t>
  </si>
  <si>
    <t>POINT (4.62829457690251 51.846853871976016)</t>
  </si>
  <si>
    <t>POINT (4.641718610026452 51.83022094240192)</t>
  </si>
  <si>
    <t>POINT (4.646867991324405 51.83821749592394)</t>
  </si>
  <si>
    <t>POINT (4.643698167788922 51.841684500651134)</t>
  </si>
  <si>
    <t>POINT (4.644007478531531 51.85329138542131)</t>
  </si>
  <si>
    <t>POINT (4.64346681003261 51.832416280779114)</t>
  </si>
  <si>
    <t>POINT (4.626946640194476 51.84502943898085)</t>
  </si>
  <si>
    <t>POINT (4.63828714589426 51.83242829273335)</t>
  </si>
  <si>
    <t>POINT (4.645045082778692 51.837891382682635)</t>
  </si>
  <si>
    <t>POINT (4.646872321903704 51.85074342881419)</t>
  </si>
  <si>
    <t>POINT (4.647213852709099 51.851612779939074)</t>
  </si>
  <si>
    <t>POINT (4.635073223188981 51.83809757947358)</t>
  </si>
  <si>
    <t>POINT (4.653395873343158 51.83030351090932)</t>
  </si>
  <si>
    <t>POINT (4.655193088511443 51.83398210834966)</t>
  </si>
  <si>
    <t>POINT (4.639578943663011 51.837640971468346)</t>
  </si>
  <si>
    <t>POINT (4.645878975743627 51.83483151473949)</t>
  </si>
  <si>
    <t>POINT (4.64448034618269 51.8439821272781)</t>
  </si>
  <si>
    <t>POINT (4.64430249990421 51.82836767856232)</t>
  </si>
  <si>
    <t>POINT (4.652546164567271 51.83259030687758)</t>
  </si>
  <si>
    <t>POINT (4.648214797968492 51.842801211425055)</t>
  </si>
  <si>
    <t>POINT (4.644702736981316 51.82784886752447)</t>
  </si>
  <si>
    <t>POINT (4.621765672393806 51.8407621058706)</t>
  </si>
  <si>
    <t>POINT (4.628603857557182 51.84658621040132)</t>
  </si>
  <si>
    <t>POINT (4.628436608842714 51.84563613231362)</t>
  </si>
  <si>
    <t>POINT (4.6498225842836725 51.839488463661745)</t>
  </si>
  <si>
    <t>POINT (4.640136896471922 51.82849404797453)</t>
  </si>
  <si>
    <t>POINT (4.6424754664761725 51.844994135073094)</t>
  </si>
  <si>
    <t>POINT (4.652704865792113 51.834424988202635)</t>
  </si>
  <si>
    <t>POINT (4.64031012884484 51.846050031605756)</t>
  </si>
  <si>
    <t>POINT (4.636297407658471 51.84648285889242)</t>
  </si>
  <si>
    <t>POINT (4.6247216555081705 51.83672744347805)</t>
  </si>
  <si>
    <t>POINT (4.643428661655661 51.847031614938864)</t>
  </si>
  <si>
    <t>POINT (4.6415967554638 51.835315274875114)</t>
  </si>
  <si>
    <t>POINT (4.634643021960967 51.826499418996676)</t>
  </si>
  <si>
    <t>POINT (4.6380463612781835 51.82766315810528)</t>
  </si>
  <si>
    <t>POINT (4.605974261034909 51.83677496581228)</t>
  </si>
  <si>
    <t>POINT (4.648694539641483 51.84067590362083)</t>
  </si>
  <si>
    <t>POINT (4.641612451127426 51.840143766015395)</t>
  </si>
  <si>
    <t>POINT (4.645603157525323 51.84629931073106)</t>
  </si>
  <si>
    <t>POINT (4.657592670686832 51.835426244156714)</t>
  </si>
  <si>
    <t>POINT (4.644734249744986 51.850741641120436)</t>
  </si>
  <si>
    <t>POINT (4.642882553283117 51.82914069835664)</t>
  </si>
  <si>
    <t>POINT (4.655185578234231 51.85141106462049)</t>
  </si>
  <si>
    <t>POINT (4.628466221123949 51.83838764554469)</t>
  </si>
  <si>
    <t>POINT (4.645747668493952 51.83203397643863)</t>
  </si>
  <si>
    <t>POINT (4.626242463438628 51.84633722408637)</t>
  </si>
  <si>
    <t>POINT (4.633101593493396 51.848394940664484)</t>
  </si>
  <si>
    <t>POINT (4.63817165109567 51.83937580381181)</t>
  </si>
  <si>
    <t>POINT (4.6367373473840905 51.83893294030854)</t>
  </si>
  <si>
    <t>POINT (4.644411001102542 51.827945897224964)</t>
  </si>
  <si>
    <t>POINT (4.630485277777956 51.834805203756545)</t>
  </si>
  <si>
    <t>POINT (4.640973703765355 51.83578020124442)</t>
  </si>
  <si>
    <t>POINT (4.648922849629345 51.84652697072644)</t>
  </si>
  <si>
    <t>POINT (4.647015030808485 51.84958009101358)</t>
  </si>
  <si>
    <t>POINT (4.636426945598125 51.83435796543395)</t>
  </si>
  <si>
    <t>POINT (4.636758201955393 51.82826691526699)</t>
  </si>
  <si>
    <t>POINT (4.648953467050851 51.830491383917675)</t>
  </si>
  <si>
    <t>POINT (4.638434480043364 51.83196717842684)</t>
  </si>
  <si>
    <t>POINT (4.631969514583421 51.848396653100444)</t>
  </si>
  <si>
    <t>POINT (4.628975932443145 51.84990300699256)</t>
  </si>
  <si>
    <t>POINT (4.634806648268856 51.84623960992692)</t>
  </si>
  <si>
    <t>POINT (4.65675925744066 51.830450329779374)</t>
  </si>
  <si>
    <t>POINT (4.642171532739429 51.8396799044644)</t>
  </si>
  <si>
    <t>POINT (4.642838293790386 51.82918536110119)</t>
  </si>
  <si>
    <t>POINT (4.635664811758748 51.83742721727454)</t>
  </si>
  <si>
    <t>POINT (4.649523882741647 51.83286797952567)</t>
  </si>
  <si>
    <t>POINT (4.648979244228092 51.84008264466154)</t>
  </si>
  <si>
    <t>POINT (4.627067527319032 51.840445994761055)</t>
  </si>
  <si>
    <t>POINT (4.631463860354377 51.84825856951877)</t>
  </si>
  <si>
    <t>POINT (4.656819114255575 51.831232716270364)</t>
  </si>
  <si>
    <t>POINT (4.643764556585318 51.84964520842864)</t>
  </si>
  <si>
    <t>POINT (4.645414461841066 51.838370116693916)</t>
  </si>
  <si>
    <t>POINT (4.645297493013255 51.83578064050848)</t>
  </si>
  <si>
    <t>POINT (4.631167491139004 51.836517449444294)</t>
  </si>
  <si>
    <t>POINT (4.657935201400309 51.83325089603778)</t>
  </si>
  <si>
    <t>POINT (4.643637311301076 51.85109581015998)</t>
  </si>
  <si>
    <t>POINT (4.624438925042513 51.840335948966086)</t>
  </si>
  <si>
    <t>POINT (4.640690386904802 51.84149519575338)</t>
  </si>
  <si>
    <t>POINT (4.648875855631068 51.84408176020268)</t>
  </si>
  <si>
    <t>POINT (4.6463117635350715 51.849099256850906)</t>
  </si>
  <si>
    <t>POINT (4.649258350349905 51.84287968449174)</t>
  </si>
  <si>
    <t>POINT (4.631557779102191 51.83487503315091)</t>
  </si>
  <si>
    <t>POINT (4.638794039676359 51.83422926159151)</t>
  </si>
  <si>
    <t>POINT (4.6392175073896365 51.83197984683834)</t>
  </si>
  <si>
    <t>POINT (4.625072914635413 51.832194660085776)</t>
  </si>
  <si>
    <t>POINT (4.652945711748324 51.84546456999834)</t>
  </si>
  <si>
    <t>POINT (4.645025546248264 51.849622471413326)</t>
  </si>
  <si>
    <t>POINT (4.645376149488205 51.844221495930185)</t>
  </si>
  <si>
    <t>POINT (4.6422382253934975 51.840911775400855)</t>
  </si>
  <si>
    <t>POINT (4.658724688990041 51.8309209655259)</t>
  </si>
  <si>
    <t>POINT (4.641196433462066 51.834558024346684)</t>
  </si>
  <si>
    <t>POINT (4.622725906135135 51.84146948002115)</t>
  </si>
  <si>
    <t>POINT (4.657315995502487 51.833594549397986)</t>
  </si>
  <si>
    <t>POINT (4.62142324712044 51.84127222798362)</t>
  </si>
  <si>
    <t>POINT (4.6274232412325125 51.83570227165783)</t>
  </si>
  <si>
    <t>POINT (4.632257554514114 51.83640761169469)</t>
  </si>
  <si>
    <t>POINT (4.638534614415715 51.83189738179951)</t>
  </si>
  <si>
    <t>POINT (4.643662803184278 51.827572624168866)</t>
  </si>
  <si>
    <t>POINT (4.635648562648574 51.847098925538354)</t>
  </si>
  <si>
    <t>POINT (4.621041308942933 51.8381326836227)</t>
  </si>
  <si>
    <t>POINT (4.63420840525529 51.848168338579455)</t>
  </si>
  <si>
    <t>POINT (4.6488559433388605 51.841897767948225)</t>
  </si>
  <si>
    <t>POINT (4.65194985184894 51.8418024712284)</t>
  </si>
  <si>
    <t>POINT (4.643002585317414 51.84207616118501)</t>
  </si>
  <si>
    <t>POINT (4.6245423600283075 51.84389026090464)</t>
  </si>
  <si>
    <t>POINT (4.645113922903385 51.84340187045977)</t>
  </si>
  <si>
    <t>POINT (4.653877026365595 51.8330611762077)</t>
  </si>
  <si>
    <t>POINT (4.631478597436684 51.8387306683587)</t>
  </si>
  <si>
    <t>POINT (4.644018360488937 51.84471627425506)</t>
  </si>
  <si>
    <t>POINT (4.628715255970967 51.846865578999655)</t>
  </si>
  <si>
    <t>POINT (4.646480015279805 51.845046433484704)</t>
  </si>
  <si>
    <t>POINT (4.639841426419886 51.840186437250324)</t>
  </si>
  <si>
    <t>POINT (4.636383121009373 51.82818090387258)</t>
  </si>
  <si>
    <t>POINT (4.630829580598789 51.83676695589884)</t>
  </si>
  <si>
    <t>POINT (4.631543471953341 51.84697370197156)</t>
  </si>
  <si>
    <t>POINT (4.637265778363164 51.84585085268929)</t>
  </si>
  <si>
    <t>POINT (4.64602893264728 51.84952892737788)</t>
  </si>
  <si>
    <t>POINT (4.630036567758721 51.849417901339244)</t>
  </si>
  <si>
    <t>POINT (4.652466256469477 51.842970310627784)</t>
  </si>
  <si>
    <t>POINT (4.655211563906534 51.83481945474249)</t>
  </si>
  <si>
    <t>POINT (4.63145817935548 51.84600237640582)</t>
  </si>
  <si>
    <t>POINT (4.637707661859424 51.83935486520242)</t>
  </si>
  <si>
    <t>POINT (4.657425111022848 51.83252523518424)</t>
  </si>
  <si>
    <t>POINT (4.634400239628954 51.83669103190994)</t>
  </si>
  <si>
    <t>POINT (4.646743687610164 51.83165498186818)</t>
  </si>
  <si>
    <t>POINT (4.63948700950606 51.83880891360186)</t>
  </si>
  <si>
    <t>POINT (4.650273676504534 51.830490690877504)</t>
  </si>
  <si>
    <t>POINT (4.646346957815329 51.84166585686339)</t>
  </si>
  <si>
    <t>POINT (4.648302153675382 51.84278378391188)</t>
  </si>
  <si>
    <t>POINT (4.648708753449007 51.83745606440884)</t>
  </si>
  <si>
    <t>POINT (4.639548963250794 51.83944750396329)</t>
  </si>
  <si>
    <t>POINT (4.641216392167212 51.83689633934765)</t>
  </si>
  <si>
    <t>POINT (4.633469170377869 51.83336823362417)</t>
  </si>
  <si>
    <t>POINT (4.647856598041694 51.84959438176342)</t>
  </si>
  <si>
    <t>POINT (4.63749928623447 51.82844158205383)</t>
  </si>
  <si>
    <t>POINT (4.638431927262635 51.82633488811177)</t>
  </si>
  <si>
    <t>POINT (4.6264588677631435 51.83008708259673)</t>
  </si>
  <si>
    <t>POINT (4.647914809324403 51.82836351938154)</t>
  </si>
  <si>
    <t>POINT (4.636658599401215 51.83525831479988)</t>
  </si>
  <si>
    <t>POINT (4.624720592988244 51.84364872415415)</t>
  </si>
  <si>
    <t>POINT (4.625914246750129 51.84514859091364)</t>
  </si>
  <si>
    <t>POINT (4.64673163012373 51.842099739499005)</t>
  </si>
  <si>
    <t>POINT (4.631233602632757 51.84727732210839)</t>
  </si>
  <si>
    <t>POINT (4.642757701956894 51.83055112942056)</t>
  </si>
  <si>
    <t>POINT (4.631545396908754 51.845993949097235)</t>
  </si>
  <si>
    <t>POINT (4.637911495608904 51.83267090001796)</t>
  </si>
  <si>
    <t>POINT (4.630783469110598 51.83605655276771)</t>
  </si>
  <si>
    <t>POINT (4.627752605853751 51.83768191387039)</t>
  </si>
  <si>
    <t>POINT (4.654548141399929 51.829924195692335)</t>
  </si>
  <si>
    <t>POINT (4.641795176702835 51.84576284316973)</t>
  </si>
  <si>
    <t>POINT (4.640670375569615 51.846205129992235)</t>
  </si>
  <si>
    <t>POINT (4.642412695943385 51.849667840928056)</t>
  </si>
  <si>
    <t>POINT (4.643819502775368 51.8496858524622)</t>
  </si>
  <si>
    <t>POINT (4.621335578444438 51.8413076108615)</t>
  </si>
  <si>
    <t>POINT (4.648408947942669 51.84335074162326)</t>
  </si>
  <si>
    <t>POINT (4.641737727406714 51.845726523771965)</t>
  </si>
  <si>
    <t>POINT (4.649261403005849 51.84712235033196)</t>
  </si>
  <si>
    <t>POINT (4.62958080200687 51.84631386947867)</t>
  </si>
  <si>
    <t>POINT (4.64055378127129 51.84098197287747)</t>
  </si>
  <si>
    <t>POINT (4.64378535202108 51.85267875086929)</t>
  </si>
  <si>
    <t>POINT (4.656613087494131 51.85017710411749)</t>
  </si>
  <si>
    <t>POINT (4.640050568774148 51.84070012270184)</t>
  </si>
  <si>
    <t>POINT (4.636910625114925 51.84626206241173)</t>
  </si>
  <si>
    <t>POINT (4.62316495085129 51.83953977054261)</t>
  </si>
  <si>
    <t>POINT (4.628779399214362 51.851674932616994)</t>
  </si>
  <si>
    <t>POINT (4.65037668264742 51.83355948564272)</t>
  </si>
  <si>
    <t>POINT (4.642548426098863 51.83531380093907)</t>
  </si>
  <si>
    <t>POINT (4.6521503351487805 51.843159845493396)</t>
  </si>
  <si>
    <t>POINT (4.622728060933052 51.842197577550266)</t>
  </si>
  <si>
    <t>POINT (4.649600614378241 51.84679190150754)</t>
  </si>
  <si>
    <t>POINT (4.636128030966152 51.837493102520156)</t>
  </si>
  <si>
    <t>POINT (4.6552386567985815 51.84903839264083)</t>
  </si>
  <si>
    <t>POINT (4.645942311150104 51.84156442740492)</t>
  </si>
  <si>
    <t>POINT (4.625565937354016 51.84589848658297)</t>
  </si>
  <si>
    <t>POINT (4.6493654388497045 51.849630838708975)</t>
  </si>
  <si>
    <t>POINT (4.626700867791602 51.83809757355026)</t>
  </si>
  <si>
    <t>POINT (4.62735118487599 51.8468567591467)</t>
  </si>
  <si>
    <t>POINT (4.623223190814553 51.83537395489466)</t>
  </si>
  <si>
    <t>POINT (4.657920287350527 51.84118102100064)</t>
  </si>
  <si>
    <t>POINT (4.6326649838044185 51.83633832166065)</t>
  </si>
  <si>
    <t>POINT (4.643854067808992 51.841880281234175)</t>
  </si>
  <si>
    <t>POINT (4.628627994019219 51.83567410806686)</t>
  </si>
  <si>
    <t>POINT (4.622279301235269 51.84042388342402)</t>
  </si>
  <si>
    <t>POINT (4.648092451696094 51.84002935328983)</t>
  </si>
  <si>
    <t>POINT (4.649328725533971 51.846556488098564)</t>
  </si>
  <si>
    <t>POINT (4.634873199295686 51.84659958314939)</t>
  </si>
  <si>
    <t>POINT (4.62814079681923 51.84392256939873)</t>
  </si>
  <si>
    <t>POINT (4.635272827942864 51.836570782710396)</t>
  </si>
  <si>
    <t>POINT (4.634825079009667 51.83557915907581)</t>
  </si>
  <si>
    <t>POINT (4.654205824370231 51.844078276410364)</t>
  </si>
  <si>
    <t>POINT (4.655978418300094 51.849127701895355)</t>
  </si>
  <si>
    <t>POINT (4.638022796445314 51.85007136929946)</t>
  </si>
  <si>
    <t>POINT (4.642138179979398 51.84696051245632)</t>
  </si>
  <si>
    <t>POINT (4.63288752771382 51.848177837577424)</t>
  </si>
  <si>
    <t>POINT (4.64069647029597 51.83253851476251)</t>
  </si>
  <si>
    <t>POINT (4.6436240159162 51.83695655725405)</t>
  </si>
  <si>
    <t>POINT (4.638819695878735 51.83572442213061)</t>
  </si>
  <si>
    <t>POINT (4.651753933274523 51.831760285086986)</t>
  </si>
  <si>
    <t>POINT (4.650344534043633 51.833334872717124)</t>
  </si>
  <si>
    <t>POINT (4.650251963412524 51.848717855703676)</t>
  </si>
  <si>
    <t>POINT (4.639387162933958 51.84045320473839)</t>
  </si>
  <si>
    <t>POINT (4.640661735275451 51.84672641757159)</t>
  </si>
  <si>
    <t>POINT (4.634656035062283 51.84569932447644)</t>
  </si>
  <si>
    <t>POINT (4.639451971751231 51.83342511141802)</t>
  </si>
  <si>
    <t>POINT (4.632912336658805 51.84842967968549)</t>
  </si>
  <si>
    <t>POINT (4.630443277940529 51.84421608178476)</t>
  </si>
  <si>
    <t>POINT (4.639914579349822 51.851521609988)</t>
  </si>
  <si>
    <t>POINT (4.646563588696075 51.84702446577009)</t>
  </si>
  <si>
    <t>POINT (4.6484053461358705 51.8426855580378)</t>
  </si>
  <si>
    <t>POINT (4.629758850707914 51.837452180952454)</t>
  </si>
  <si>
    <t>POINT (4.641002793465531 51.846288141088145)</t>
  </si>
  <si>
    <t>POINT (4.634112845865873 51.83565549028384)</t>
  </si>
  <si>
    <t>POINT (4.634757152110863 51.8483336524721)</t>
  </si>
  <si>
    <t>POINT (4.636967741135611 51.83586253240243)</t>
  </si>
  <si>
    <t>POINT (4.647649786500526 51.83744040942115)</t>
  </si>
  <si>
    <t>POINT (4.628557273894685 51.847628595613145)</t>
  </si>
  <si>
    <t>POINT (4.628195333538224 51.849298149622065)</t>
  </si>
  <si>
    <t>POINT (4.622095252178175 51.83929909812115)</t>
  </si>
  <si>
    <t>POINT (4.641996266425693 51.833700353340525)</t>
  </si>
  <si>
    <t>POINT (4.642915351750757 51.84559916487637)</t>
  </si>
  <si>
    <t>POINT (4.642339819022293 51.852319032633986)</t>
  </si>
  <si>
    <t>POINT (4.6566959572680915 51.85010494650274)</t>
  </si>
  <si>
    <t>POINT (4.63892662796223 51.85070633892051)</t>
  </si>
  <si>
    <t>POINT (4.641890122562625 51.83259332607135)</t>
  </si>
  <si>
    <t>POINT (4.627493375970461 51.84789137686993)</t>
  </si>
  <si>
    <t>POINT (4.647536284418841 51.8328644610864)</t>
  </si>
  <si>
    <t>POINT (4.633542156698764 51.83334173618253)</t>
  </si>
  <si>
    <t>POINT (4.63442850503533 51.83673615656268)</t>
  </si>
  <si>
    <t>POINT (4.637238784210094 51.828422363030114)</t>
  </si>
  <si>
    <t>POINT (4.640897890045652 51.84386053467914)</t>
  </si>
  <si>
    <t>POINT (4.652547484889226 51.82983978200816)</t>
  </si>
  <si>
    <t>POINT (4.652208863148342 51.83014327705712)</t>
  </si>
  <si>
    <t>POINT (4.646085744569051 51.846958529971666)</t>
  </si>
  <si>
    <t>POINT (4.639630736595725 51.835394132319664)</t>
  </si>
  <si>
    <t>POINT (4.636596687058903 51.82678158942132)</t>
  </si>
  <si>
    <t>POINT (4.646940574732163 51.835566296250924)</t>
  </si>
  <si>
    <t>POINT (4.642805020925646 51.828564931082404)</t>
  </si>
  <si>
    <t>POINT (4.634545133278139 51.834966134185215)</t>
  </si>
  <si>
    <t>POINT (4.6337608145648 51.83328021902381)</t>
  </si>
  <si>
    <t>POINT (4.641365269704834 51.83754446979492)</t>
  </si>
  <si>
    <t>POINT (4.6536641138355055 51.834323122160306)</t>
  </si>
  <si>
    <t>POINT (4.641761923198957 51.84689520361985)</t>
  </si>
  <si>
    <t>POINT (4.623800758705868 51.839696714359654)</t>
  </si>
  <si>
    <t>POINT (4.633984212813782 51.83380299634737)</t>
  </si>
  <si>
    <t>POINT (4.645400341111997 51.83143745980733)</t>
  </si>
  <si>
    <t>POINT (4.646849334307121 51.842001606501135)</t>
  </si>
  <si>
    <t>POINT (4.637012184378961 51.84800651267126)</t>
  </si>
  <si>
    <t>POINT (4.633539975416158 51.83607428188889)</t>
  </si>
  <si>
    <t>POINT (4.657237517794676 51.83358919855877)</t>
  </si>
  <si>
    <t>POINT (4.6456814069110175 51.85212445444416)</t>
  </si>
  <si>
    <t>POINT (4.640231239502451 51.84030577083714)</t>
  </si>
  <si>
    <t>POINT (4.6545512041845925 51.84311957188475)</t>
  </si>
  <si>
    <t>POINT (4.6516044497722255 51.82984286477846)</t>
  </si>
  <si>
    <t>POINT (4.635264331377464 51.826647219953344)</t>
  </si>
  <si>
    <t>POINT (4.6314503337479165 51.838685543009895)</t>
  </si>
  <si>
    <t>POINT (4.6330544680352705 51.846875552842306)</t>
  </si>
  <si>
    <t>POINT (4.657715572494293 51.83500454084628)</t>
  </si>
  <si>
    <t>POINT (4.632972574607188 51.83703242675704)</t>
  </si>
  <si>
    <t>POINT (4.626958862915311 51.850323847655005)</t>
  </si>
  <si>
    <t>POINT (4.630826238430399 51.83610177176414)</t>
  </si>
  <si>
    <t>POINT (4.640699931513991 51.82865942638018)</t>
  </si>
  <si>
    <t>POINT (4.646213687514442 51.840945922619234)</t>
  </si>
  <si>
    <t>POINT (4.626479566795617 51.836595029061975)</t>
  </si>
  <si>
    <t>POINT (4.629070729880622 51.85075098103849)</t>
  </si>
  <si>
    <t>POINT (4.628285909486685 51.838755016086644)</t>
  </si>
  <si>
    <t>POINT (4.651270639936934 51.830739639674704)</t>
  </si>
  <si>
    <t>POINT (4.625654424322174 51.84163233172333)</t>
  </si>
  <si>
    <t>POINT (4.646512285131821 51.83514112719414)</t>
  </si>
  <si>
    <t>POINT (4.654218733292188 51.84186077464437)</t>
  </si>
  <si>
    <t>POINT (4.632600234063364 51.83760530957894)</t>
  </si>
  <si>
    <t>POINT (4.651951732616601 51.84856842386562)</t>
  </si>
  <si>
    <t>POINT (4.6413994305100585 51.84336934500134)</t>
  </si>
  <si>
    <t>POINT (4.644588247443318 51.847119852723)</t>
  </si>
  <si>
    <t>POINT (4.637108031579675 51.8361510666052)</t>
  </si>
  <si>
    <t>POINT (4.644567694323791 51.84484559144859)</t>
  </si>
  <si>
    <t>POINT (4.6262924606696085 51.84080052120642)</t>
  </si>
  <si>
    <t>POINT (4.641827444205605 51.83353715273783)</t>
  </si>
  <si>
    <t>POINT (4.650869797626395 51.84816614318587)</t>
  </si>
  <si>
    <t>POINT (4.642648314777973 51.8498003539226)</t>
  </si>
  <si>
    <t>POINT (4.624484359171582 51.83960228201227)</t>
  </si>
  <si>
    <t>POINT (4.649045421500104 51.846132240478354)</t>
  </si>
  <si>
    <t>POINT (4.644283143254478 51.832703460759284)</t>
  </si>
  <si>
    <t>POINT (4.630102075760376 51.83861393503146)</t>
  </si>
  <si>
    <t>POINT (4.625656168211494 51.844104230417145)</t>
  </si>
  <si>
    <t>POINT (4.650327548046088 51.83352095740185)</t>
  </si>
  <si>
    <t>POINT (4.642453843615065 51.852445597066406)</t>
  </si>
  <si>
    <t>POINT (4.6229343781967085 51.84115623332699)</t>
  </si>
  <si>
    <t>POINT (4.635006280108817 51.83689266759301)</t>
  </si>
  <si>
    <t>POINT (4.652397145601399 51.83105231162275)</t>
  </si>
  <si>
    <t>POINT (4.6343231348719875 51.83349056659826)</t>
  </si>
  <si>
    <t>POINT (4.644481294482431 51.82896206291434)</t>
  </si>
  <si>
    <t>POINT (4.644670239220518 51.83686430396533)</t>
  </si>
  <si>
    <t>POINT (4.635232367630594 51.83812556499452)</t>
  </si>
  <si>
    <t>POINT (4.650540062924709 51.84133574249487)</t>
  </si>
  <si>
    <t>POINT (4.629573563892595 51.83897906142786)</t>
  </si>
  <si>
    <t>POINT (4.657845992895928 51.84128842333657)</t>
  </si>
  <si>
    <t>POINT (4.645626704787586 51.84663203986757)</t>
  </si>
  <si>
    <t>POINT (4.63397447753143 51.83785682930622)</t>
  </si>
  <si>
    <t>POINT (4.627965201546158 51.83884282927234)</t>
  </si>
  <si>
    <t>POINT (4.625728872282432 51.84237887524408)</t>
  </si>
  <si>
    <t>POINT (4.625849293154653 51.84641557333239)</t>
  </si>
  <si>
    <t>POINT (4.639146991264479 51.833943873542786)</t>
  </si>
  <si>
    <t>POINT (4.6551843618633955 51.830054006359006)</t>
  </si>
  <si>
    <t>POINT (4.618862179024484 51.83232972163021)</t>
  </si>
  <si>
    <t>POINT (4.6482034912764645 51.83552930987695)</t>
  </si>
  <si>
    <t>POINT (4.649825845884798 51.84544501775082)</t>
  </si>
  <si>
    <t>POINT (4.6297476823484915 51.84760931513204)</t>
  </si>
  <si>
    <t>POINT (4.6536006093277456 51.8319856718116)</t>
  </si>
  <si>
    <t>POINT (4.6516163858554735 51.83355526055582)</t>
  </si>
  <si>
    <t>POINT (4.642116559164204 51.840371683164975)</t>
  </si>
  <si>
    <t>POINT (4.640821169021745 51.83009838656835)</t>
  </si>
  <si>
    <t>POINT (4.64279032230101 51.852285934872405)</t>
  </si>
  <si>
    <t>POINT (4.647921822701823 51.84827346016061)</t>
  </si>
  <si>
    <t>POINT (4.630429824417351 51.84415307433878)</t>
  </si>
  <si>
    <t>POINT (4.650461916683824 51.843822063735225)</t>
  </si>
  <si>
    <t>POINT (4.644361609343089 51.84326228297279)</t>
  </si>
  <si>
    <t>POINT (4.654927312870704 51.85211955730888)</t>
  </si>
  <si>
    <t>POINT (4.644391087583376 51.8511545129429)</t>
  </si>
  <si>
    <t>POINT (4.644754350906829 51.84987980103223)</t>
  </si>
  <si>
    <t>POINT (4.646613691079393 51.83515075564713)</t>
  </si>
  <si>
    <t>POINT (4.64751465239861 51.82976323203077)</t>
  </si>
  <si>
    <t>POINT (4.643195631845193 51.82863032837158)</t>
  </si>
  <si>
    <t>POINT (4.652075344571635 51.84544114642424)</t>
  </si>
  <si>
    <t>POINT (4.6411764107132125 51.84544430992251)</t>
  </si>
  <si>
    <t>POINT (4.627588490427115 51.84397292939352)</t>
  </si>
  <si>
    <t>POINT (4.6561097611017885 51.834711291445046)</t>
  </si>
  <si>
    <t>POINT (4.64942805065147 51.830746050572806)</t>
  </si>
  <si>
    <t>POINT (4.636310870074221 51.84654586566511)</t>
  </si>
  <si>
    <t>POINT (4.648361520987379 51.842703259574975)</t>
  </si>
  <si>
    <t>POINT (4.629589107954777 51.849271196307015)</t>
  </si>
  <si>
    <t>POINT (4.639000067252701 51.83230699740252)</t>
  </si>
  <si>
    <t>POINT (4.652263679084025 51.842096531632194)</t>
  </si>
  <si>
    <t>POINT (4.641094296190864 51.85127742951975)</t>
  </si>
  <si>
    <t>POINT (4.635775097558835 51.836034677988664)</t>
  </si>
  <si>
    <t>POINT (4.658110512864129 51.84108332727858)</t>
  </si>
  <si>
    <t>POINT (4.638306155431551 51.84961475511925)</t>
  </si>
  <si>
    <t>POINT (4.646084762093391 51.83555190782826)</t>
  </si>
  <si>
    <t>POINT (4.642028239332136 51.8345717388202)</t>
  </si>
  <si>
    <t>POINT (4.657865327579092 51.83363366662975)</t>
  </si>
  <si>
    <t>POINT (4.6373043735585195 51.846147725230495)</t>
  </si>
  <si>
    <t>POINT (4.651599293521851 51.84246858212834)</t>
  </si>
  <si>
    <t>POINT (4.618640293263553 51.8504404780808)</t>
  </si>
  <si>
    <t>POINT (4.621447372298339 51.842413948503456)</t>
  </si>
  <si>
    <t>POINT (4.650227984472842 51.843928459469616)</t>
  </si>
  <si>
    <t>POINT (4.637047599649372 51.83372846492844)</t>
  </si>
  <si>
    <t>POINT (4.63688132384715 51.833181663434296)</t>
  </si>
  <si>
    <t>POINT (4.643520206843297 51.850449098719324)</t>
  </si>
  <si>
    <t>POINT (4.635938116389669 51.838311528891836)</t>
  </si>
  <si>
    <t>POINT (4.649562794376116 51.83115221463129)</t>
  </si>
  <si>
    <t>POINT (4.657636921740732 51.8353815758661)</t>
  </si>
  <si>
    <t>POINT (4.647698733805191 51.85213717644831)</t>
  </si>
  <si>
    <t>POINT (4.647786402988528 51.85210177392996)</t>
  </si>
  <si>
    <t>POINT (4.6453402902801 51.838468523368114)</t>
  </si>
  <si>
    <t>POINT (4.631317836750106 51.848311561574434)</t>
  </si>
  <si>
    <t>POINT (4.6258483815882965 51.84646949948504)</t>
  </si>
  <si>
    <t>POINT (4.654788593249756 51.83298184342288)</t>
  </si>
  <si>
    <t>POINT (4.650201439598335 51.830472260009294)</t>
  </si>
  <si>
    <t>POINT (4.643122620789095 51.82953772234195)</t>
  </si>
  <si>
    <t>POINT (4.642854336524775 51.836996622959724)</t>
  </si>
  <si>
    <t>POINT (4.638671953035582 51.83808462566766)</t>
  </si>
  <si>
    <t>POINT (4.652652648178808 51.84338300462247)</t>
  </si>
  <si>
    <t>POINT (4.644383955995594 51.85246681144231)</t>
  </si>
  <si>
    <t>POINT (4.6576987210848575 51.83291698095653)</t>
  </si>
  <si>
    <t>POINT (4.635902880609285 51.83881299741695)</t>
  </si>
  <si>
    <t>POINT (4.625897602569653 51.84355748671206)</t>
  </si>
  <si>
    <t>POINT (4.648897301538749 51.85155691480039)</t>
  </si>
  <si>
    <t>POINT (4.640387211186026 51.84665276244371)</t>
  </si>
  <si>
    <t>POINT (4.624853712505444 51.842642856244815)</t>
  </si>
  <si>
    <t>POINT (4.6452102376008755 51.83498131067812)</t>
  </si>
  <si>
    <t>POINT (4.644020493822378 51.84816760106152)</t>
  </si>
  <si>
    <t>POINT (4.648393827617565 51.85135055060547)</t>
  </si>
  <si>
    <t>POINT (4.647085948088493 51.8355492355234)</t>
  </si>
  <si>
    <t>POINT (4.637658153242524 51.83971409609521)</t>
  </si>
  <si>
    <t>POINT (4.635669862962376 51.83451491729291)</t>
  </si>
  <si>
    <t>POINT (4.646774177584023 51.83156528744278)</t>
  </si>
  <si>
    <t>POINT (4.641176779542161 51.84629823537289)</t>
  </si>
  <si>
    <t>POINT (4.640532967509125 51.83270623733005)</t>
  </si>
  <si>
    <t>POINT (4.642305736545734 51.83858413823266)</t>
  </si>
  <si>
    <t>POINT (4.643731273630303 51.82957753372168)</t>
  </si>
  <si>
    <t>POINT (4.636360141068674 51.83946886022224)</t>
  </si>
  <si>
    <t>POINT (4.635507506806644 51.83641947808258)</t>
  </si>
  <si>
    <t>POINT (4.634086939701877 51.83807327912352)</t>
  </si>
  <si>
    <t>POINT (4.6484202095478135 51.82939141055276)</t>
  </si>
  <si>
    <t>POINT (4.636923608518254 51.83677010688057)</t>
  </si>
  <si>
    <t>POINT (4.6307647145252355 51.835445201368834)</t>
  </si>
  <si>
    <t>POINT (4.639440162815067 51.83813446467876)</t>
  </si>
  <si>
    <t>POINT (4.64192750330288 51.83373669846636)</t>
  </si>
  <si>
    <t>POINT (4.645153134821413 51.849945026763216)</t>
  </si>
  <si>
    <t>POINT (4.643308669911417 51.84463088189662)</t>
  </si>
  <si>
    <t>POINT (4.636957495287438 51.83843566463947)</t>
  </si>
  <si>
    <t>POINT (4.637167145202742 51.82735831885045)</t>
  </si>
  <si>
    <t>POINT (4.643550795547676 51.830843794253475)</t>
  </si>
  <si>
    <t>POINT (4.639862813592478 51.83452370828672)</t>
  </si>
  <si>
    <t>POINT (4.648586435735471 51.84668665073511)</t>
  </si>
  <si>
    <t>POINT (4.6437012505721 51.82875937365158)</t>
  </si>
  <si>
    <t>POINT (4.642398009779148 51.83300275696632)</t>
  </si>
  <si>
    <t>POINT (4.653894958442462 51.83083696133281)</t>
  </si>
  <si>
    <t>POINT (4.648086544235891 51.83558250564283)</t>
  </si>
  <si>
    <t>POINT (4.625463903066785 51.84088503501276)</t>
  </si>
  <si>
    <t>POINT (4.6268343339673335 51.847383744998176)</t>
  </si>
  <si>
    <t>POINT (4.645235171700031 51.83692180786828)</t>
  </si>
  <si>
    <t>POINT (4.645024624472799 51.84882146836636)</t>
  </si>
  <si>
    <t>POINT (4.6442018277585655 51.851189270146676)</t>
  </si>
  <si>
    <t>POINT (4.650101702202644 51.84155081335868)</t>
  </si>
  <si>
    <t>POINT (4.645150872618875 51.83439508968337)</t>
  </si>
  <si>
    <t>POINT (4.636701250497489 51.8334756646627)</t>
  </si>
  <si>
    <t>POINT (4.632015346570454 51.83441056601754)</t>
  </si>
  <si>
    <t>POINT (4.635894486775241 51.83931630957911)</t>
  </si>
  <si>
    <t>POINT (4.631501747253748 51.84686556936721)</t>
  </si>
  <si>
    <t>POINT (4.623548919785277 51.83912053308352)</t>
  </si>
  <si>
    <t>POINT (4.631095977881915 51.8451011770942)</t>
  </si>
  <si>
    <t>POINT (4.636577992039346 51.83487128616159)</t>
  </si>
  <si>
    <t>POINT (4.640839666670125 51.84814238228042)</t>
  </si>
  <si>
    <t>POINT (4.649741850048803 51.836138519064704)</t>
  </si>
  <si>
    <t>POINT (4.6267349912667814 51.84553143426063)</t>
  </si>
  <si>
    <t>POINT (4.645095347356284 51.83922314700983)</t>
  </si>
  <si>
    <t>POINT (4.643826025391391 51.84185781178672)</t>
  </si>
  <si>
    <t>POINT (4.649078249033595 51.85143320002568)</t>
  </si>
  <si>
    <t>POINT (4.6451108127949405 51.844471501693995)</t>
  </si>
  <si>
    <t>POINT (4.646857116574596 51.83269838352959)</t>
  </si>
  <si>
    <t>POINT (4.633501769691121 51.84529641896434)</t>
  </si>
  <si>
    <t>POINT (4.642719832244946 51.84952597016556)</t>
  </si>
  <si>
    <t>POINT (4.629317201910587 51.84386724846923)</t>
  </si>
  <si>
    <t>POINT (4.643830847180863 51.85168129819152)</t>
  </si>
  <si>
    <t>POINT (4.648734714231246 51.84737970996495)</t>
  </si>
  <si>
    <t>POINT (4.634522647608126 51.838049107401986)</t>
  </si>
  <si>
    <t>POINT (4.647603589190499 51.85086018856625)</t>
  </si>
  <si>
    <t>POINT (4.639158298460304 51.83238890396365)</t>
  </si>
  <si>
    <t>POINT (4.655224728932923 51.84900235122169)</t>
  </si>
  <si>
    <t>POINT (4.620580969421982 51.83960382363038)</t>
  </si>
  <si>
    <t>POINT (4.624925319743287 51.844414091413526)</t>
  </si>
  <si>
    <t>POINT (4.638458283309013 51.848321357788706)</t>
  </si>
  <si>
    <t>POINT (4.645622593799148 51.83630403756827)</t>
  </si>
  <si>
    <t>POINT (4.647359524671573 51.844512659279154)</t>
  </si>
  <si>
    <t>POINT (4.6521772149209495 51.84542380689442)</t>
  </si>
  <si>
    <t>POINT (4.645186166761892 51.83549229938887)</t>
  </si>
  <si>
    <t>POINT (4.6236740197411965 51.843749786833754)</t>
  </si>
  <si>
    <t>POINT (4.632124968006835 51.83825842739315)</t>
  </si>
  <si>
    <t>POINT (4.651178746839655 51.84524676749536)</t>
  </si>
  <si>
    <t>POINT (4.629545287025913 51.84411141485095)</t>
  </si>
  <si>
    <t>POINT (4.656719971853142 51.83435123803751)</t>
  </si>
  <si>
    <t>POINT (4.629208736475073 51.85203725164828)</t>
  </si>
  <si>
    <t>POINT (4.615959151510104 51.85000919397952)</t>
  </si>
  <si>
    <t>POINT (4.643513567652216 51.82870425260849)</t>
  </si>
  <si>
    <t>POINT (4.644494887326547 51.851901227913224)</t>
  </si>
  <si>
    <t>POINT (4.6402123117802345 51.84121095337027)</t>
  </si>
  <si>
    <t>POINT (4.641386858141659 51.846757991837286)</t>
  </si>
  <si>
    <t>POINT (4.646040942991971 51.83556960852623)</t>
  </si>
  <si>
    <t>POINT (4.638345759225114 51.83937691452695)</t>
  </si>
  <si>
    <t>POINT (4.652370796453539 51.84158271825166)</t>
  </si>
  <si>
    <t>POINT (4.651976940981659 51.83191386025169)</t>
  </si>
  <si>
    <t>POINT (4.655308572820858 51.83467020957669)</t>
  </si>
  <si>
    <t>POINT (4.63908377856059 51.83949847257228)</t>
  </si>
  <si>
    <t>POINT (4.639444457967151 51.847491696641875)</t>
  </si>
  <si>
    <t>POINT (4.639985627381314 51.83218108753363)</t>
  </si>
  <si>
    <t>POINT (4.6554100073600955 51.83555177592281)</t>
  </si>
  <si>
    <t>POINT (4.644801799462415 51.84384933040005)</t>
  </si>
  <si>
    <t>POINT (4.645614270939632 51.85001559770015)</t>
  </si>
  <si>
    <t>POINT (4.638518781079195 51.83769713589227)</t>
  </si>
  <si>
    <t>POINT (4.642181565703447 51.846969776421275)</t>
  </si>
  <si>
    <t>POINT (4.6263002046484605 51.846355575655004)</t>
  </si>
  <si>
    <t>POINT (4.641462746143482 51.84042146394811)</t>
  </si>
  <si>
    <t>POINT (4.6414452071053995 51.83377859686016)</t>
  </si>
  <si>
    <t>POINT (4.62587683774155 51.837058533535064)</t>
  </si>
  <si>
    <t>POINT (4.630549677370316 51.85170433081191)</t>
  </si>
  <si>
    <t>POINT (4.651688628282282 51.83357369055684)</t>
  </si>
  <si>
    <t>POINT (4.645155971995723 51.852300908242896)</t>
  </si>
  <si>
    <t>POINT (4.650205609077426 51.83199137182014)</t>
  </si>
  <si>
    <t>POINT (4.647065248928377 51.85123507497232)</t>
  </si>
  <si>
    <t>POINT (4.649197092475915 51.84661858138088)</t>
  </si>
  <si>
    <t>POINT (4.624739139965133 51.84025625488564)</t>
  </si>
  <si>
    <t>POINT (4.635465370826047 51.83546640816836)</t>
  </si>
  <si>
    <t>POINT (4.643691651551381 51.832858150257415)</t>
  </si>
  <si>
    <t>POINT (4.622571961229886 51.84198982124787)</t>
  </si>
  <si>
    <t>POINT (4.623750454944533 51.84180872831738)</t>
  </si>
  <si>
    <t>POINT (4.6461287998542655 51.85228008596006)</t>
  </si>
  <si>
    <t>POINT (4.651195489267407 51.8442221655766)</t>
  </si>
  <si>
    <t>POINT (4.630929478066455 51.83686647501359)</t>
  </si>
  <si>
    <t>POINT (4.656787686107352 51.849713845871364)</t>
  </si>
  <si>
    <t>POINT (4.640573445659013 51.84417307523147)</t>
  </si>
  <si>
    <t>POINT (4.650093742735668 51.84049948545568)</t>
  </si>
  <si>
    <t>POINT (4.6411900222675975 51.8472511178223)</t>
  </si>
  <si>
    <t>POINT (4.644365841723216 51.828925377615086)</t>
  </si>
  <si>
    <t>POINT (4.6428558654335275 51.836025855962596)</t>
  </si>
  <si>
    <t>POINT (4.624029706428453 51.83988696530543)</t>
  </si>
  <si>
    <t>POINT (4.645709996061278 51.84069105983465)</t>
  </si>
  <si>
    <t>POINT (4.636622397040621 51.835689539959816)</t>
  </si>
  <si>
    <t>POINT (4.653794012954202 51.833033287102246)</t>
  </si>
  <si>
    <t>POINT (4.638850851159215 51.848278917167924)</t>
  </si>
  <si>
    <t>POINT (4.637033007587801 51.82829044247223)</t>
  </si>
  <si>
    <t>POINT (4.636241192588652 51.83518116516267)</t>
  </si>
  <si>
    <t>POINT (4.647349208761914 51.84249014544061)</t>
  </si>
  <si>
    <t>POINT (4.624825934171167 51.845141529188034)</t>
  </si>
  <si>
    <t>POINT (4.644087384076042 51.83302791736353)</t>
  </si>
  <si>
    <t>POINT (4.646610247907645 51.85213031636324)</t>
  </si>
  <si>
    <t>POINT (4.626440197238019 51.839785757397884)</t>
  </si>
  <si>
    <t>POINT (4.6466291150424395 51.835977810664005)</t>
  </si>
  <si>
    <t>POINT (4.63977052038407 51.840087110458825)</t>
  </si>
  <si>
    <t>POINT (4.632712783472012 51.84821266950723)</t>
  </si>
  <si>
    <t>POINT (4.644523361947702 51.85026352216063)</t>
  </si>
  <si>
    <t>POINT (4.632330549628832 51.83897884388501)</t>
  </si>
  <si>
    <t>POINT (4.633376205947755 51.84586189915854)</t>
  </si>
  <si>
    <t>POINT (4.644958031476353 51.83789083233127)</t>
  </si>
  <si>
    <t>POINT (4.626140733024947 51.846345553390336)</t>
  </si>
  <si>
    <t>POINT (4.623093399692584 51.84204714824825)</t>
  </si>
  <si>
    <t>POINT (4.62438091858317 51.83885554895269)</t>
  </si>
  <si>
    <t>POINT (4.6274644104343015 51.85317115295513)</t>
  </si>
  <si>
    <t>POINT (4.63429472140564 51.83345442962723)</t>
  </si>
  <si>
    <t>POINT (4.63505291086475 51.828469203072515)</t>
  </si>
  <si>
    <t>POINT (4.628161870656486 51.83750478705125)</t>
  </si>
  <si>
    <t>POINT (4.639141451482518 51.837773014662545)</t>
  </si>
  <si>
    <t>POINT (4.635181816712584 51.835069090073254)</t>
  </si>
  <si>
    <t>POINT (4.658090445554298 51.831564211686384)</t>
  </si>
  <si>
    <t>POINT (4.623514759956606 51.84116001008856)</t>
  </si>
  <si>
    <t>POINT (4.64040512381067 51.836819271940044)</t>
  </si>
  <si>
    <t>POINT (4.6464714568192935 51.851447444843295)</t>
  </si>
  <si>
    <t>POINT (4.649254878752548 51.84726898621167)</t>
  </si>
  <si>
    <t>POINT (4.639399658139084 51.83882633457162)</t>
  </si>
  <si>
    <t>POINT (4.625744559091605 51.8412826363768)</t>
  </si>
  <si>
    <t>POINT (4.643488291042644 51.85220945972434)</t>
  </si>
  <si>
    <t>POINT (4.646249167086763 51.8387888666012)</t>
  </si>
  <si>
    <t>POINT (4.656752231945644 51.850116334649606)</t>
  </si>
  <si>
    <t>POINT (4.62329339835448 51.839666448033874)</t>
  </si>
  <si>
    <t>POINT (4.629983103610338 51.83446938419266)</t>
  </si>
  <si>
    <t>POINT (4.64817491795573 51.835502163993176)</t>
  </si>
  <si>
    <t>POINT (4.625620849665278 51.840184935877666)</t>
  </si>
  <si>
    <t>POINT (4.632520957499687 51.83627447507765)</t>
  </si>
  <si>
    <t>POINT (4.656656788720417 51.83239492045285)</t>
  </si>
  <si>
    <t>POINT (4.628728043482685 51.84265896098042)</t>
  </si>
  <si>
    <t>POINT (4.648509614470322 51.83721211752032)</t>
  </si>
  <si>
    <t>POINT (4.643557378466879 51.837477478112476)</t>
  </si>
  <si>
    <t>POINT (4.645181738140817 51.84545171409421)</t>
  </si>
  <si>
    <t>POINT (4.656869480156804 51.83081056229952)</t>
  </si>
  <si>
    <t>POINT (4.639597561877021 51.84876007310096)</t>
  </si>
  <si>
    <t>POINT (4.647076630224905 51.829050365513275)</t>
  </si>
  <si>
    <t>POINT (4.65054797489319 51.84048986920193)</t>
  </si>
  <si>
    <t>POINT (4.623540239767619 51.84051299047202)</t>
  </si>
  <si>
    <t>POINT (4.649962970605106 51.844160500794665)</t>
  </si>
  <si>
    <t>POINT (4.622750249528464 51.83746967249416)</t>
  </si>
  <si>
    <t>POINT (4.643309340068781 51.84634772074302)</t>
  </si>
  <si>
    <t>POINT (4.631034859500147 51.8383682637975)</t>
  </si>
  <si>
    <t>3344DL</t>
  </si>
  <si>
    <t>Morellengaarde</t>
  </si>
  <si>
    <t>POINT (4.637704192998629 51.83309607156814)</t>
  </si>
  <si>
    <t>POINT (4.625848580712357 51.8370134068415)</t>
  </si>
  <si>
    <t>POINT (4.626757696301522 51.845046192721654)</t>
  </si>
  <si>
    <t>POINT (4.641335585161198 51.84371949742054)</t>
  </si>
  <si>
    <t>POINT (4.633770872771349 51.84916327394855)</t>
  </si>
  <si>
    <t>POINT (4.645915894572813 51.82994190874669)</t>
  </si>
  <si>
    <t>POINT (4.646128788953035 51.83816788868549)</t>
  </si>
  <si>
    <t>POINT (4.644457634216641 51.84936813279807)</t>
  </si>
  <si>
    <t>POINT (4.646021461669888 51.838517769194574)</t>
  </si>
  <si>
    <t>POINT (4.630767049912853 51.8508607965918)</t>
  </si>
  <si>
    <t>POINT (4.643336818946116 51.83677496435785)</t>
  </si>
  <si>
    <t>POINT (4.648153727866365 51.83975355333153)</t>
  </si>
  <si>
    <t>POINT (4.645407385679194 51.84320597437399)</t>
  </si>
  <si>
    <t>POINT (4.635194092750032 51.8378107160853)</t>
  </si>
  <si>
    <t>POINT (4.649812019184169 51.835404405909166)</t>
  </si>
  <si>
    <t>POINT (4.628387625856031 51.843915176262804)</t>
  </si>
  <si>
    <t>POINT (4.656176531361532 51.8305995095674)</t>
  </si>
  <si>
    <t>POINT (4.62397952227773 51.841136066347275)</t>
  </si>
  <si>
    <t>POINT (4.634357766531843 51.83662783877641)</t>
  </si>
  <si>
    <t>POINT (4.649739483584421 51.832105297114964)</t>
  </si>
  <si>
    <t>POINT (4.625426910131814 51.840498281573616)</t>
  </si>
  <si>
    <t>POINT (4.62929737559696 51.846770462648756)</t>
  </si>
  <si>
    <t>POINT (4.645243188562129 51.83453544706474)</t>
  </si>
  <si>
    <t>POINT (4.634178347814871 51.83781319378711)</t>
  </si>
  <si>
    <t>POINT (4.629907914887705 51.847574394017215)</t>
  </si>
  <si>
    <t>POINT (4.62618350739257 51.84639077403159)</t>
  </si>
  <si>
    <t>POINT (4.626577481640888 51.836811392014454)</t>
  </si>
  <si>
    <t>POINT (4.635366931082498 51.83369230185047)</t>
  </si>
  <si>
    <t>POINT (4.634019205138137 51.837785206839435)</t>
  </si>
  <si>
    <t>POINT (4.648517316022161 51.84072288701627)</t>
  </si>
  <si>
    <t>POINT (4.658189522802332 51.83391619857758)</t>
  </si>
  <si>
    <t>POINT (4.64402285503311 51.83652762656896)</t>
  </si>
  <si>
    <t>POINT (4.642474748161546 51.852059217438644)</t>
  </si>
  <si>
    <t>POINT (4.625747485462218 51.84385313965576)</t>
  </si>
  <si>
    <t>POINT (4.621321228852382 51.840444603253694)</t>
  </si>
  <si>
    <t>POINT (4.6258846632767545 51.83745408652719)</t>
  </si>
  <si>
    <t>POINT (4.638647929033321 51.82905084911786)</t>
  </si>
  <si>
    <t>POINT (4.64434084448202 51.85332046081597)</t>
  </si>
  <si>
    <t>POINT (4.642021038153262 51.82772400910703)</t>
  </si>
  <si>
    <t>POINT (4.639618036430385 51.838782782025)</t>
  </si>
  <si>
    <t>POINT (4.643840742882182 51.847564555568354)</t>
  </si>
  <si>
    <t>POINT (4.643914339491265 51.84750210087165)</t>
  </si>
  <si>
    <t>POINT (4.634771063377166 51.848369696289026)</t>
  </si>
  <si>
    <t>POINT (4.635633766521095 51.83580905624864)</t>
  </si>
  <si>
    <t>POINT (4.651161566888152 51.842439331185204)</t>
  </si>
  <si>
    <t>POINT (4.627731890575872 51.84493564561473)</t>
  </si>
  <si>
    <t>POINT (4.62439375654128 51.83748549569747)</t>
  </si>
  <si>
    <t>POINT (4.656903882309644 51.83047819564747)</t>
  </si>
  <si>
    <t>POINT (4.648171857374357 51.84276498649039)</t>
  </si>
  <si>
    <t>POINT (4.636240353578687 51.8264017852098)</t>
  </si>
  <si>
    <t>POINT (4.644620853403025 51.85023267845694)</t>
  </si>
  <si>
    <t>POINT (4.656626632859243 51.846683022271485)</t>
  </si>
  <si>
    <t>POINT (4.636354344880089 51.83697320688786)</t>
  </si>
  <si>
    <t>POINT (4.641863652032369 51.84688686077588)</t>
  </si>
  <si>
    <t>POINT (4.640742155240044 51.83413863722398)</t>
  </si>
  <si>
    <t>POINT (4.6446498828535505 51.82929571067089)</t>
  </si>
  <si>
    <t>POINT (4.656467461717336 51.831446255730846)</t>
  </si>
  <si>
    <t>POINT (4.654717081038252 51.832918476553445)</t>
  </si>
  <si>
    <t>POINT (4.630408211182902 51.83507436752253)</t>
  </si>
  <si>
    <t>POINT (4.652929006361131 51.842756578986574)</t>
  </si>
  <si>
    <t>POINT (4.637785142156691 51.82824386762131)</t>
  </si>
  <si>
    <t>POINT (4.643722799580722 51.84174215713913)</t>
  </si>
  <si>
    <t>POINT (4.6513244695547815 51.844321849280675)</t>
  </si>
  <si>
    <t>POINT (4.646802208999446 51.84486869250751)</t>
  </si>
  <si>
    <t>POINT (4.6262424439304635 51.84462038646361)</t>
  </si>
  <si>
    <t>POINT (4.645296024007463 51.83851318697589)</t>
  </si>
  <si>
    <t>POINT (4.630447568053918 51.83877795888343)</t>
  </si>
  <si>
    <t>POINT (4.645090966211793 51.84831852284525)</t>
  </si>
  <si>
    <t>POINT (4.644692293736724 51.837286910989235)</t>
  </si>
  <si>
    <t>POINT (4.629088170738148 51.83505686140481)</t>
  </si>
  <si>
    <t>POINT (4.626846904482933 51.84918547134792)</t>
  </si>
  <si>
    <t>POINT (4.634307966339415 51.83439832633685)</t>
  </si>
  <si>
    <t>POINT (4.637679694600673 51.84016366731907)</t>
  </si>
  <si>
    <t>POINT (4.64908091805909 51.84396619699324)</t>
  </si>
  <si>
    <t>POINT (4.650520546556452 51.84378647699217)</t>
  </si>
  <si>
    <t>POINT (4.630236535974459 51.83492944167107)</t>
  </si>
  <si>
    <t>POINT (4.6336177024225496 51.83663207911664)</t>
  </si>
  <si>
    <t>POINT (4.630018997079625 51.84442008583426)</t>
  </si>
  <si>
    <t>POINT (4.628897411034166 51.837770212352574)</t>
  </si>
  <si>
    <t>POINT (4.6297712413269405 51.836715188806416)</t>
  </si>
  <si>
    <t>POINT (4.6560931098901825 51.83240227841423)</t>
  </si>
  <si>
    <t>POINT (4.644793233423879 51.8498199487242)</t>
  </si>
  <si>
    <t>POINT (4.639778293351398 51.833683519751574)</t>
  </si>
  <si>
    <t>POINT (4.644183130040599 51.84616449170761)</t>
  </si>
  <si>
    <t>POINT (4.637704145695668 51.826483050843805)</t>
  </si>
  <si>
    <t>POINT (4.643297514264622 51.85026209926602)</t>
  </si>
  <si>
    <t>POINT (4.634776705873504 51.8341316712359)</t>
  </si>
  <si>
    <t>POINT (4.645281219225238 51.8385310707524)</t>
  </si>
  <si>
    <t>POINT (4.6301204446605375 51.84701846690094)</t>
  </si>
  <si>
    <t>POINT (4.644530577839771 51.829492706832994)</t>
  </si>
  <si>
    <t>POINT (4.65699293175167 51.849763652140176)</t>
  </si>
  <si>
    <t>POINT (4.6374439414623705 51.82747637389049)</t>
  </si>
  <si>
    <t>POINT (4.646240039056344 51.83493266967981)</t>
  </si>
  <si>
    <t>POINT (4.629927376588326 51.84037458978803)</t>
  </si>
  <si>
    <t>POINT (4.62655140780938 51.83577752397878)</t>
  </si>
  <si>
    <t>POINT (4.629924771855248 51.834486985285)</t>
  </si>
  <si>
    <t>POINT (4.647388775387411 51.82859391072808)</t>
  </si>
  <si>
    <t>POINT (4.6424787709030735 51.84918287242874)</t>
  </si>
  <si>
    <t>POINT (4.62681361472462 51.85235973099534)</t>
  </si>
  <si>
    <t>POINT (4.651440058453874 51.84053088762572)</t>
  </si>
  <si>
    <t>POINT (4.626396132478167 51.84896322777352)</t>
  </si>
  <si>
    <t>POINT (4.625419929492494 51.839194876965955)</t>
  </si>
  <si>
    <t>POINT (4.637837352893667 51.84028152650744)</t>
  </si>
  <si>
    <t>POINT (4.628335688149302 51.846997956487954)</t>
  </si>
  <si>
    <t>POINT (4.623116306210378 51.833713029712406)</t>
  </si>
  <si>
    <t>POINT (4.6255338935014665 51.845892472025675)</t>
  </si>
  <si>
    <t>POINT (4.6347623357951475 51.83933602482883)</t>
  </si>
  <si>
    <t>POINT (4.6344498869771 51.83458799881163)</t>
  </si>
  <si>
    <t>POINT (4.644678204116292 51.83990252460942)</t>
  </si>
  <si>
    <t>POINT (4.621788429980134 51.841130790410496)</t>
  </si>
  <si>
    <t>POINT (4.645733900073891 51.83483059850083)</t>
  </si>
  <si>
    <t>POINT (4.632640073678567 51.848221190933344)</t>
  </si>
  <si>
    <t>POINT (4.653764694305508 51.83081817015371)</t>
  </si>
  <si>
    <t>POINT (4.626300828322375 51.83600960596321)</t>
  </si>
  <si>
    <t>POINT (4.644225922387572 51.84620970580934)</t>
  </si>
  <si>
    <t>POINT (4.639055423525929 51.8318810260602)</t>
  </si>
  <si>
    <t>POINT (4.636320363004468 51.83814151763713)</t>
  </si>
  <si>
    <t>POINT (4.655810576999564 51.831982104974)</t>
  </si>
  <si>
    <t>POINT (4.6293901451541695 51.82831729350071)</t>
  </si>
  <si>
    <t>POINT (4.6308313979617015 51.84875786254389)</t>
  </si>
  <si>
    <t>POINT (4.636430915871091 51.83966871762484)</t>
  </si>
  <si>
    <t>POINT (4.64327937982996 51.836738645694375)</t>
  </si>
  <si>
    <t>POINT (4.63938931340816 51.83208298097016)</t>
  </si>
  <si>
    <t>POINT (4.63811989186366 51.838997949244906)</t>
  </si>
  <si>
    <t>POINT (4.643105481917951 51.82881851923345)</t>
  </si>
  <si>
    <t>POINT (4.639244056215028 51.833237613303304)</t>
  </si>
  <si>
    <t>POINT (4.6470608939583595 51.85208821448302)</t>
  </si>
  <si>
    <t>POINT (4.6379611444361375 51.82763286163022)</t>
  </si>
  <si>
    <t>POINT (4.64446623773496 51.84215170324521)</t>
  </si>
  <si>
    <t>POINT (4.638267237417607 51.839735960583845)</t>
  </si>
  <si>
    <t>POINT (4.6165296045721025 51.83317971900034)</t>
  </si>
  <si>
    <t>POINT (4.64495105964562 51.84977227293867)</t>
  </si>
  <si>
    <t>POINT (4.658088882281814 51.83076421073454)</t>
  </si>
  <si>
    <t>POINT (4.647245998741839 51.85120488869017)</t>
  </si>
  <si>
    <t>POINT (4.624968091063623 51.844459312502316)</t>
  </si>
  <si>
    <t>POINT (4.6457127263229605 51.84581461509298)</t>
  </si>
  <si>
    <t>POINT (4.650838942791043 51.83141108278639)</t>
  </si>
  <si>
    <t>POINT (4.625950871871976 51.84641623197376)</t>
  </si>
  <si>
    <t>POINT (4.635332610673508 51.84689915202675)</t>
  </si>
  <si>
    <t>POINT (4.646759358627504 51.835115719842264)</t>
  </si>
  <si>
    <t>POINT (4.648378007660799 51.83727421000579)</t>
  </si>
  <si>
    <t>POINT (4.634871247634705 51.84671642334082)</t>
  </si>
  <si>
    <t>POINT (4.616345124082836 51.83327916316447)</t>
  </si>
  <si>
    <t>POINT (4.6452424411833855 51.8426476349455)</t>
  </si>
  <si>
    <t>POINT (4.640228369305151 51.84122621043526)</t>
  </si>
  <si>
    <t>POINT (4.6422456401874435 51.83607591721677)</t>
  </si>
  <si>
    <t>POINT (4.6302753437667725 51.84384646351937)</t>
  </si>
  <si>
    <t>POINT (4.635776498770562 51.83856050560331)</t>
  </si>
  <si>
    <t>POINT (4.651292237069884 51.83385884366194)</t>
  </si>
  <si>
    <t>POINT (4.654379730677427 51.83225120967325)</t>
  </si>
  <si>
    <t>POINT (4.637219284081173 51.82855414741547)</t>
  </si>
  <si>
    <t>POINT (4.6482736326568475 51.83302191226068)</t>
  </si>
  <si>
    <t>POINT (4.632694475550479 51.83890927393171)</t>
  </si>
  <si>
    <t>POINT (4.62058603762052 51.83845330438482)</t>
  </si>
  <si>
    <t>POINT (4.641390987368012 51.827225629879976)</t>
  </si>
  <si>
    <t>POINT (4.657013814966212 51.83085640355477)</t>
  </si>
  <si>
    <t>POINT (4.641368924119662 51.85047019494525)</t>
  </si>
  <si>
    <t>POINT (4.630840410934968 51.84649277538344)</t>
  </si>
  <si>
    <t>POINT (4.636884597150315 51.8460821227286)</t>
  </si>
  <si>
    <t>POINT (4.658775740393511 51.83135273825805)</t>
  </si>
  <si>
    <t>POINT (4.6361283306406165 51.83747512708152)</t>
  </si>
  <si>
    <t>POINT (4.641878625950383 51.833766365383546)</t>
  </si>
  <si>
    <t>POINT (4.636668135803967 51.83729880585246)</t>
  </si>
  <si>
    <t>POINT (4.651918314478213 51.829278544865396)</t>
  </si>
  <si>
    <t>POINT (4.633603946809827 51.84699593359357)</t>
  </si>
  <si>
    <t>POINT (4.655656909389796 51.832223221212146)</t>
  </si>
  <si>
    <t>POINT (4.634431032022027 51.83919008211212)</t>
  </si>
  <si>
    <t>POINT (4.630273564660527 51.84654305445771)</t>
  </si>
  <si>
    <t>POINT (4.629539233817148 51.84619674847981)</t>
  </si>
  <si>
    <t>POINT (4.647972094109942 51.82840882354893)</t>
  </si>
  <si>
    <t>POINT (4.648236202847569 51.82911160333442)</t>
  </si>
  <si>
    <t>POINT (4.64379558971759 51.852058598503795)</t>
  </si>
  <si>
    <t>POINT (4.6387759779834665 51.84055717412855)</t>
  </si>
  <si>
    <t>POINT (4.627118687757214 51.8495114434652)</t>
  </si>
  <si>
    <t>POINT (4.628344398809708 51.838728428125336)</t>
  </si>
  <si>
    <t>POINT (4.64851282252342 51.84078187830792)</t>
  </si>
  <si>
    <t>POINT (4.634017316321114 51.84484130508439)</t>
  </si>
  <si>
    <t>POINT (4.6383519690172985 51.843367924380324)</t>
  </si>
  <si>
    <t>POINT (4.633959367935194 51.83789268707812)</t>
  </si>
  <si>
    <t>POINT (4.654650788436064 51.83164167210894)</t>
  </si>
  <si>
    <t>POINT (4.649212838013261 51.84388612833864)</t>
  </si>
  <si>
    <t>POINT (4.657021146041791 51.83414900617493)</t>
  </si>
  <si>
    <t>POINT (4.657923640150384 51.8311137422208)</t>
  </si>
  <si>
    <t>POINT (4.6408881686794725 51.84807066442908)</t>
  </si>
  <si>
    <t>POINT (4.632477228713946 51.83542026907054)</t>
  </si>
  <si>
    <t>POINT (4.638034941933537 51.83974346713406)</t>
  </si>
  <si>
    <t>POINT (4.6256441664798755 51.843097420342346)</t>
  </si>
  <si>
    <t>POINT (4.63982284331277 51.828186433477875)</t>
  </si>
  <si>
    <t>POINT (4.640632804778645 51.850222823094285)</t>
  </si>
  <si>
    <t>POINT (4.6342795523164115 51.834362189364995)</t>
  </si>
  <si>
    <t>POINT (4.634452381686549 51.83530710938372)</t>
  </si>
  <si>
    <t>POINT (4.6423321853200425 51.827330481963465)</t>
  </si>
  <si>
    <t>POINT (4.650513400166337 51.833575309842615)</t>
  </si>
  <si>
    <t>POINT (4.623343693501993 51.8409791234845)</t>
  </si>
  <si>
    <t>POINT (4.635306860680182 51.83800918931174)</t>
  </si>
  <si>
    <t>POINT (4.647587658771267 51.84652755625118)</t>
  </si>
  <si>
    <t>POINT (4.649936383336122 51.84755804604952)</t>
  </si>
  <si>
    <t>POINT (4.646292955386638 51.84318460022472)</t>
  </si>
  <si>
    <t>POINT (4.631656471226121 51.838507096232355)</t>
  </si>
  <si>
    <t>POINT (4.646252920789452 51.835031626376455)</t>
  </si>
  <si>
    <t>POINT (4.644181369815784 51.8453914556582)</t>
  </si>
  <si>
    <t>POINT (4.637343418153711 51.84641763461484)</t>
  </si>
  <si>
    <t>POINT (4.6569259599906285 51.84968338949002)</t>
  </si>
  <si>
    <t>POINT (4.635057953687038 51.83553570795464)</t>
  </si>
  <si>
    <t>POINT (4.630731322823611 51.83570565805759)</t>
  </si>
  <si>
    <t>POINT (4.642153675409756 51.852165044543256)</t>
  </si>
  <si>
    <t>POINT (4.644039255938794 51.84196594707457)</t>
  </si>
  <si>
    <t>POINT (4.636670041125594 51.833969599918404)</t>
  </si>
  <si>
    <t>POINT (4.642875884857754 51.83832708301121)</t>
  </si>
  <si>
    <t>POINT (4.656256862318285 51.83101348852165)</t>
  </si>
  <si>
    <t>POINT (4.644247112599079 51.83788633537885)</t>
  </si>
  <si>
    <t>POINT (4.650132696863879 51.83965653053049)</t>
  </si>
  <si>
    <t>POINT (4.625304519293366 51.841728937012526)</t>
  </si>
  <si>
    <t>POINT (4.657562435459897 51.83102161094711)</t>
  </si>
  <si>
    <t>POINT (4.623886594839159 51.83976918197873)</t>
  </si>
  <si>
    <t>POINT (4.6448692030372065 51.83799813471492)</t>
  </si>
  <si>
    <t>POINT (4.636254458435947 51.83600179065681)</t>
  </si>
  <si>
    <t>POINT (4.641421314229191 51.84730651912984)</t>
  </si>
  <si>
    <t>POINT (4.62549228720186 51.84593614775667)</t>
  </si>
  <si>
    <t>POINT (4.629653500989738 51.85234573658788)</t>
  </si>
  <si>
    <t>POINT (4.6414065394447475 51.82891560119262)</t>
  </si>
  <si>
    <t>POINT (4.644339098414474 51.851666537401904)</t>
  </si>
  <si>
    <t>POINT (4.650935444902755 51.8290566558277)</t>
  </si>
  <si>
    <t>POINT (4.6297716922657575 51.83582531190905)</t>
  </si>
  <si>
    <t>POINT (4.626531382434629 51.8455570813375)</t>
  </si>
  <si>
    <t>POINT (4.656091605062017 51.83136301738903)</t>
  </si>
  <si>
    <t>POINT (4.630422987693259 51.851469809012194)</t>
  </si>
  <si>
    <t>POINT (4.641882773988477 51.84046907458367)</t>
  </si>
  <si>
    <t>POINT (4.629571266620402 51.85033174427509)</t>
  </si>
  <si>
    <t>POINT (4.645109335388259 51.84963828171359)</t>
  </si>
  <si>
    <t>POINT (4.635929829655362 51.83806710967965)</t>
  </si>
  <si>
    <t>POINT (4.642511091616249 51.83581692987547)</t>
  </si>
  <si>
    <t>POINT (4.6293524652405456 51.83745854690454)</t>
  </si>
  <si>
    <t>POINT (4.643116655371994 51.84395551532883)</t>
  </si>
  <si>
    <t>POINT (4.64076286811689 51.8467540265475)</t>
  </si>
  <si>
    <t>POINT (4.644088868790986 51.83318948921913)</t>
  </si>
  <si>
    <t>POINT (4.6362185512024485 51.83641504020297)</t>
  </si>
  <si>
    <t>POINT (4.627103834670175 51.847754025644605)</t>
  </si>
  <si>
    <t>POINT (4.641434635236598 51.847378513039914)</t>
  </si>
  <si>
    <t>POINT (4.645175070898118 51.840570827449675)</t>
  </si>
  <si>
    <t>POINT (4.64363947688479 51.852722770507455)</t>
  </si>
  <si>
    <t>POINT (4.625810766750691 51.84268502155106)</t>
  </si>
  <si>
    <t>POINT (4.637321785121834 51.8267952127753)</t>
  </si>
  <si>
    <t>POINT (4.643434665649842 51.84491032869556)</t>
  </si>
  <si>
    <t>POINT (4.640318076067236 51.829816537399154)</t>
  </si>
  <si>
    <t>POINT (4.645065665788574 51.83047585703278)</t>
  </si>
  <si>
    <t>POINT (4.622764076687619 51.84093040741669)</t>
  </si>
  <si>
    <t>POINT (4.634122825334017 51.834190399054435)</t>
  </si>
  <si>
    <t>POINT (4.643327699465688 51.82766038777498)</t>
  </si>
  <si>
    <t>POINT (4.658086301041843 51.833329325897644)</t>
  </si>
  <si>
    <t>POINT (4.644585750460226 51.8455108666471)</t>
  </si>
  <si>
    <t>POINT (4.644083589941588 51.83299317907909)</t>
  </si>
  <si>
    <t>POINT (4.626086026533563 51.836700342475424)</t>
  </si>
  <si>
    <t>POINT (4.6431252328172015 51.8539779246355)</t>
  </si>
  <si>
    <t>POINT (4.647102581529882 51.830120181689054)</t>
  </si>
  <si>
    <t>POINT (4.6512782701628925 51.83274283079869)</t>
  </si>
  <si>
    <t>POINT (4.647348313176924 51.83635986961846)</t>
  </si>
  <si>
    <t>POINT (4.643475645938737 51.85041322140019)</t>
  </si>
  <si>
    <t>POINT (4.644901432719023 51.846609479513106)</t>
  </si>
  <si>
    <t>POINT (4.648847276503943 51.84405461449976)</t>
  </si>
  <si>
    <t>POINT (4.656508452493082 51.8355210725049)</t>
  </si>
  <si>
    <t>POINT (4.642750412301579 51.83977346335317)</t>
  </si>
  <si>
    <t>POINT (4.642711184742885 51.836878862468275)</t>
  </si>
  <si>
    <t>POINT (4.639082969749467 51.837799608021896)</t>
  </si>
  <si>
    <t>POINT (4.646301710186113 51.838240889472026)</t>
  </si>
  <si>
    <t>POINT (4.649453065982523 51.82921813314871)</t>
  </si>
  <si>
    <t>POINT (4.643801476999749 51.84846979756888)</t>
  </si>
  <si>
    <t>POINT (4.6477837281606496 51.844308592410314)</t>
  </si>
  <si>
    <t>POINT (4.65607446971087 51.846724528529414)</t>
  </si>
  <si>
    <t>POINT (4.6440813884617995 51.83323046618088)</t>
  </si>
  <si>
    <t>POINT (4.6261942045492725 51.8448987228428)</t>
  </si>
  <si>
    <t>POINT (4.643930484042786 51.850752960323405)</t>
  </si>
  <si>
    <t>POINT (4.634884161256391 51.83812333408849)</t>
  </si>
  <si>
    <t>POINT (4.653017684428392 51.84155920611307)</t>
  </si>
  <si>
    <t>POINT (4.655194737469961 51.8320944987507)</t>
  </si>
  <si>
    <t>POINT (4.6381330428795104 51.83820702976145)</t>
  </si>
  <si>
    <t>POINT (4.62674908563568 51.847275328793735)</t>
  </si>
  <si>
    <t>POINT (4.64234339919027 51.832795670878305)</t>
  </si>
  <si>
    <t>POINT (4.646909196271418 51.8357099171062)</t>
  </si>
  <si>
    <t>POINT (4.625968898582337 51.836762503839346)</t>
  </si>
  <si>
    <t>POINT (4.646975440266601 51.851988800643035)</t>
  </si>
  <si>
    <t>POINT (4.639056695610673 51.83501295086196)</t>
  </si>
  <si>
    <t>POINT (4.642351532189978 51.84020238946479)</t>
  </si>
  <si>
    <t>POINT (4.645686350673801 51.849929887660416)</t>
  </si>
  <si>
    <t>POINT (4.648755165722788 51.831083389085954)</t>
  </si>
  <si>
    <t>POINT (4.647324640632447 51.851937069552356)</t>
  </si>
  <si>
    <t>POINT (4.642714621889679 51.844573184571914)</t>
  </si>
  <si>
    <t>POINT (4.65680831037974 51.83243089215939)</t>
  </si>
  <si>
    <t>POINT (4.650383225626371 51.84037940737076)</t>
  </si>
  <si>
    <t>POINT (4.650045938675554 51.83110947936636)</t>
  </si>
  <si>
    <t>POINT (4.642066575236528 51.84602523712288)</t>
  </si>
  <si>
    <t>POINT (4.638603159166126 51.83261907074551)</t>
  </si>
  <si>
    <t>POINT (4.628789497034424 51.8381470399715)</t>
  </si>
  <si>
    <t>POINT (4.651695083713161 51.833178229578145)</t>
  </si>
  <si>
    <t>POINT (4.641271140630695 51.84585839036218)</t>
  </si>
  <si>
    <t>POINT (4.632873991486435 51.83425429034989)</t>
  </si>
  <si>
    <t>POINT (4.651090359257849 51.84532711128439)</t>
  </si>
  <si>
    <t>POINT (4.63687256439762 51.83863357383796)</t>
  </si>
  <si>
    <t>POINT (4.630434528311347 51.84559716224767)</t>
  </si>
  <si>
    <t>POINT (4.645593259286207 51.84866326543099)</t>
  </si>
  <si>
    <t>POINT (4.626668832125401 51.842573730277984)</t>
  </si>
  <si>
    <t>POINT (4.636506518951376 51.84786845078213)</t>
  </si>
  <si>
    <t>POINT (4.62872773289565 51.83578261676302)</t>
  </si>
  <si>
    <t>POINT (4.637163892696181 51.82839833414733)</t>
  </si>
  <si>
    <t>POINT (4.630380006729186 51.83848089685945)</t>
  </si>
  <si>
    <t>POINT (4.643832190859278 51.84632406623877)</t>
  </si>
  <si>
    <t>POINT (4.657626904412494 51.83224494656577)</t>
  </si>
  <si>
    <t>POINT (4.630393760501286 51.838525928934395)</t>
  </si>
  <si>
    <t>POINT (4.643886077906443 51.83602339494931)</t>
  </si>
  <si>
    <t>POINT (4.636007123490185 51.84822480347164)</t>
  </si>
  <si>
    <t>POINT (4.645610242612164 51.84410612216635)</t>
  </si>
  <si>
    <t>POINT (4.6585012800437156 51.831279125475966)</t>
  </si>
  <si>
    <t>POINT (4.63988828989141 51.838236193586404)</t>
  </si>
  <si>
    <t>POINT (4.640102538352855 51.83669150522362)</t>
  </si>
  <si>
    <t>POINT (4.637853430312336 51.83263180612761)</t>
  </si>
  <si>
    <t>POINT (4.6502630561437694 51.84144504098768)</t>
  </si>
  <si>
    <t>POINT (4.625000198847451 51.83655846721784)</t>
  </si>
  <si>
    <t>POINT (4.6385975338969425 51.840816707919416)</t>
  </si>
  <si>
    <t>POINT (4.644905099516891 51.85255100491158)</t>
  </si>
  <si>
    <t>POINT (4.643514736478185 51.83133473415897)</t>
  </si>
  <si>
    <t>POINT (4.651138181197373 51.844176863025176)</t>
  </si>
  <si>
    <t>POINT (4.636661007470333 51.828170096895185)</t>
  </si>
  <si>
    <t>POINT (4.658970425300284 51.83097642227198)</t>
  </si>
  <si>
    <t>POINT (4.642532915437777 51.84503045411245)</t>
  </si>
  <si>
    <t>POINT (4.649832741550904 51.84768323638746)</t>
  </si>
  <si>
    <t>POINT (4.657864304294698 51.83262756813274)</t>
  </si>
  <si>
    <t>POINT (4.648141890372576 51.83309299228023)</t>
  </si>
  <si>
    <t>POINT (4.644394351312218 51.83166137917751)</t>
  </si>
  <si>
    <t>POINT (4.632036756461994 51.839192682741064)</t>
  </si>
  <si>
    <t>POINT (4.63513530857372 51.837855282907576)</t>
  </si>
  <si>
    <t>POINT (4.6450369849830855 51.834325049069236)</t>
  </si>
  <si>
    <t>POINT (4.631385648628628 51.834757072114826)</t>
  </si>
  <si>
    <t>POINT (4.628920982009334 51.838093957223265)</t>
  </si>
  <si>
    <t>POINT (4.63895119900338 51.837870677627606)</t>
  </si>
  <si>
    <t>POINT (4.636464672165192 51.8460255064379)</t>
  </si>
  <si>
    <t>POINT (4.656016749548271 51.834892426970946)</t>
  </si>
  <si>
    <t>POINT (4.647333509920257 51.83637775366154)</t>
  </si>
  <si>
    <t>POINT (4.644967168674099 51.848785150550206)</t>
  </si>
  <si>
    <t>POINT (4.634868893271891 51.84859503984372)</t>
  </si>
  <si>
    <t>POINT (4.640238063236608 51.844269817304536)</t>
  </si>
  <si>
    <t>POINT (4.647110441670735 51.84377401923998)</t>
  </si>
  <si>
    <t>POINT (4.650182528466324 51.83340244822675)</t>
  </si>
  <si>
    <t>POINT (4.644064729004528 51.833095215979526)</t>
  </si>
  <si>
    <t>POINT (4.654941112479054 51.8325243729286)</t>
  </si>
  <si>
    <t>POINT (4.653095072299914 51.83184768135581)</t>
  </si>
  <si>
    <t>POINT (4.64026925358599 51.8406385935253)</t>
  </si>
  <si>
    <t>POINT (4.622913029466576 51.84241451025449)</t>
  </si>
  <si>
    <t>POINT (4.628054800058913 51.83524793444806)</t>
  </si>
  <si>
    <t>POINT (4.634859097391848 51.83441084846691)</t>
  </si>
  <si>
    <t>POINT (4.632274166077377 51.84667278756367)</t>
  </si>
  <si>
    <t>POINT (4.646605807823695 51.850891966540026)</t>
  </si>
  <si>
    <t>POINT (4.653760480023631 51.843684272984156)</t>
  </si>
  <si>
    <t>POINT (4.641647338712464 51.83891253967016)</t>
  </si>
  <si>
    <t>POINT (4.628453007018482 51.84567496150137)</t>
  </si>
  <si>
    <t>POINT (4.636407671525448 51.83936562364554)</t>
  </si>
  <si>
    <t>POINT (4.645538833946979 51.839629316003425)</t>
  </si>
  <si>
    <t>POINT (4.64149371773351 51.84556317829869)</t>
  </si>
  <si>
    <t>POINT (4.652178947975618 51.83286665686275)</t>
  </si>
  <si>
    <t>POINT (4.636490396008535 51.83927071988938)</t>
  </si>
  <si>
    <t>POINT (4.636818009537299 51.837012126245746)</t>
  </si>
  <si>
    <t>POINT (4.656193688328875 51.84921512657662)</t>
  </si>
  <si>
    <t>POINT (4.655459752636094 51.8490940801224)</t>
  </si>
  <si>
    <t>POINT (4.643296394312786 51.829556801120866)</t>
  </si>
  <si>
    <t>POINT (4.636847475103176 51.83698534855148)</t>
  </si>
  <si>
    <t>POINT (4.649864392809552 51.84122500331104)</t>
  </si>
  <si>
    <t>POINT (4.6388782084953615 51.837897178410174)</t>
  </si>
  <si>
    <t>POINT (4.639070731098075 51.838536601345815)</t>
  </si>
  <si>
    <t>POINT (4.649634931875868 51.82874287625533)</t>
  </si>
  <si>
    <t>POINT (4.639788428561456 51.83638389082998)</t>
  </si>
  <si>
    <t>POINT (4.650116642517474 51.85339281252439)</t>
  </si>
  <si>
    <t>POINT (4.635833034727884 51.838650754228425)</t>
  </si>
  <si>
    <t>POINT (4.64569548380052 51.84996138765501)</t>
  </si>
  <si>
    <t>POINT (4.656163991635915 51.83137245687809)</t>
  </si>
  <si>
    <t>POINT (4.643333606073167 51.84312094423711)</t>
  </si>
  <si>
    <t>POINT (4.639837113911025 51.837822388798074)</t>
  </si>
  <si>
    <t>POINT (4.642551889720231 51.83949355555701)</t>
  </si>
  <si>
    <t>POINT (4.651404849819481 51.8321479361284)</t>
  </si>
  <si>
    <t>POINT (4.6351989012188035 51.846215156893905)</t>
  </si>
  <si>
    <t>POINT (4.642502967560941 51.83806404656679)</t>
  </si>
  <si>
    <t>POINT (4.645791782443284 51.834839952756056)</t>
  </si>
  <si>
    <t>POINT (4.640045638284438 51.84130710524012)</t>
  </si>
  <si>
    <t>POINT (4.634491974019229 51.84943755882973)</t>
  </si>
  <si>
    <t>POINT (4.62446660188564 51.83893700385178)</t>
  </si>
  <si>
    <t>POINT (4.635708636728391 51.83740952046614)</t>
  </si>
  <si>
    <t>POINT (4.644333289861511 51.83705992302037)</t>
  </si>
  <si>
    <t>POINT (4.64276272770773 51.850443085284915)</t>
  </si>
  <si>
    <t>POINT (4.650646810991653 51.8408562559434)</t>
  </si>
  <si>
    <t>POINT (4.630743249364261 51.847957302975075)</t>
  </si>
  <si>
    <t>POINT (4.640209613701088 51.826732728495564)</t>
  </si>
  <si>
    <t>POINT (4.631068305381284 51.83983363417067)</t>
  </si>
  <si>
    <t>POINT (4.634050157096693 51.835933737239486)</t>
  </si>
  <si>
    <t>POINT (4.64881252777941 51.83200958327198)</t>
  </si>
  <si>
    <t>POINT (4.64557416890395 51.83483857816909)</t>
  </si>
  <si>
    <t>POINT (4.637332829115473 51.83659294797795)</t>
  </si>
  <si>
    <t>POINT (4.640989892618365 51.84005891257942)</t>
  </si>
  <si>
    <t>POINT (4.640193935237825 51.84430549121674)</t>
  </si>
  <si>
    <t>POINT (4.634998397568251 51.84692397737639)</t>
  </si>
  <si>
    <t>POINT (4.646023755717336 51.834850406276054)</t>
  </si>
  <si>
    <t>POINT (4.655801535968938 51.836115144434196)</t>
  </si>
  <si>
    <t>POINT (4.632846336420662 51.83850575925179)</t>
  </si>
  <si>
    <t>POINT (4.650938170711503 51.83066564543307)</t>
  </si>
  <si>
    <t>POINT (4.645353743661384 51.83500797018973)</t>
  </si>
  <si>
    <t>POINT (4.645189141304968 51.84500232780752)</t>
  </si>
  <si>
    <t>POINT (4.639881312103852 51.82815983969365)</t>
  </si>
  <si>
    <t>POINT (4.657824026246291 51.84930742145715)</t>
  </si>
  <si>
    <t>POINT (4.645425475155831 51.8473948047757)</t>
  </si>
  <si>
    <t>POINT (4.638047197961017 51.839006474060724)</t>
  </si>
  <si>
    <t>POINT (4.6423617859242094 51.839582236302384)</t>
  </si>
  <si>
    <t>POINT (4.647943525423194 51.828381677594294)</t>
  </si>
  <si>
    <t>POINT (4.646022868607231 51.83490433270747)</t>
  </si>
  <si>
    <t>POINT (4.636707584081595 51.828213090970905)</t>
  </si>
  <si>
    <t>POINT (4.647494829296232 51.832738358445994)</t>
  </si>
  <si>
    <t>POINT (4.639978901056643 51.84851980663236)</t>
  </si>
  <si>
    <t>POINT (4.645400453412577 51.848032841452024)</t>
  </si>
  <si>
    <t>POINT (4.6444911815604595 51.85212592083821)</t>
  </si>
  <si>
    <t>POINT (4.626441494643364 51.84486437072761)</t>
  </si>
  <si>
    <t>POINT (4.6259367285121735 51.843818412138994)</t>
  </si>
  <si>
    <t>POINT (4.652340454986709 51.84226845289893)</t>
  </si>
  <si>
    <t>POINT (4.626422188736996 51.84428897018691)</t>
  </si>
  <si>
    <t>POINT (4.649359727249501 51.84554995334777)</t>
  </si>
  <si>
    <t>POINT (4.646700455195266 51.84399615067199)</t>
  </si>
  <si>
    <t>POINT (4.628971288388688 51.83941561853837)</t>
  </si>
  <si>
    <t>POINT (4.643806838735716 51.85225642013148)</t>
  </si>
  <si>
    <t>POINT (4.64136259343216 51.83945903997217)</t>
  </si>
  <si>
    <t>POINT (4.639426887631238 51.84592755705043)</t>
  </si>
  <si>
    <t>POINT (4.644606526116997 51.850292650049866)</t>
  </si>
  <si>
    <t>POINT (4.644085384165026 51.84181133737173)</t>
  </si>
  <si>
    <t>POINT (4.631486817578654 51.84775535173131)</t>
  </si>
  <si>
    <t>POINT (4.643595889494345 51.83690244706675)</t>
  </si>
  <si>
    <t>POINT (4.649278926412072 51.839698708278796)</t>
  </si>
  <si>
    <t>POINT (4.649184258806156 51.843858982716945)</t>
  </si>
  <si>
    <t>POINT (4.6413381864153305 51.8514497634775)</t>
  </si>
  <si>
    <t>POINT (4.649579645719309 51.82946162286667)</t>
  </si>
  <si>
    <t>POINT (4.635822455642216 51.83852640907147)</t>
  </si>
  <si>
    <t>POINT (4.644956537807178 51.84150426732089)</t>
  </si>
  <si>
    <t>POINT (4.633985316559195 51.848490499724875)</t>
  </si>
  <si>
    <t>POINT (4.638453259305889 51.83727425024858)</t>
  </si>
  <si>
    <t>POINT (4.648387820753314 51.84065649088138)</t>
  </si>
  <si>
    <t>POINT (4.644166227119301 51.847189092067026)</t>
  </si>
  <si>
    <t>POINT (4.642353886237599 51.85234608783553)</t>
  </si>
  <si>
    <t>POINT (4.643293791799617 51.84992510888051)</t>
  </si>
  <si>
    <t>POINT (4.651987104909942 51.8455125031522)</t>
  </si>
  <si>
    <t>POINT (4.657206893893182 51.840430528966834)</t>
  </si>
  <si>
    <t>POINT (4.647539426450265 51.836208266540034)</t>
  </si>
  <si>
    <t>POINT (4.648561473348149 51.84555392285037)</t>
  </si>
  <si>
    <t>POINT (4.651935093696416 51.85314354220109)</t>
  </si>
  <si>
    <t>POINT (4.620601443293078 51.839253398425335)</t>
  </si>
  <si>
    <t>POINT (4.641507342031511 51.84736998615999)</t>
  </si>
  <si>
    <t>POINT (4.626500236977729 51.841386132044654)</t>
  </si>
  <si>
    <t>POINT (4.625824595189404 51.84358397932477)</t>
  </si>
  <si>
    <t>POINT (4.644442108660577 51.84630096023406)</t>
  </si>
  <si>
    <t>POINT (4.640268527267709 51.82667917129577)</t>
  </si>
  <si>
    <t>POINT (4.630364244323533 51.84546499816754)</t>
  </si>
  <si>
    <t>POINT (4.6280478930973485 51.838241122200536)</t>
  </si>
  <si>
    <t>POINT (4.636084409082945 51.835758008397605)</t>
  </si>
  <si>
    <t>POINT (4.64612353475592 51.834958900275744)</t>
  </si>
  <si>
    <t>POINT (4.64880560823403 51.828890469713464)</t>
  </si>
  <si>
    <t>POINT (4.638601948942155 51.8379313718182)</t>
  </si>
  <si>
    <t>POINT (4.641054298594736 51.844931180045734)</t>
  </si>
  <si>
    <t>POINT (4.649920705824031 51.840390094519144)</t>
  </si>
  <si>
    <t>POINT (4.62815673347349 51.84642152452968)</t>
  </si>
  <si>
    <t>POINT (4.654846778735348 51.83029459473311)</t>
  </si>
  <si>
    <t>POINT (4.625918605285096 51.84112040476794)</t>
  </si>
  <si>
    <t>POINT (4.654302562491061 51.82985974194345)</t>
  </si>
  <si>
    <t>POINT (4.6233009271026555 51.840933901794344)</t>
  </si>
  <si>
    <t>POINT (4.6266757008643795 51.837009779473476)</t>
  </si>
  <si>
    <t>POINT (4.6301976848433535 51.846740316062686)</t>
  </si>
  <si>
    <t>POINT (4.629985703681518 51.838631161850934)</t>
  </si>
  <si>
    <t>POINT (4.631678288076398 51.83634096428718)</t>
  </si>
  <si>
    <t>POINT (4.646038590999062 51.84365040521169)</t>
  </si>
  <si>
    <t>POINT (4.643723453827807 51.843240266250426)</t>
  </si>
  <si>
    <t>POINT (4.627871585687193 51.83664898465898)</t>
  </si>
  <si>
    <t>POINT (4.641898848308804 51.83512430521968)</t>
  </si>
  <si>
    <t>POINT (4.639948555415098 51.84072643945171)</t>
  </si>
  <si>
    <t>POINT (4.636563404240001 51.84619692239105)</t>
  </si>
  <si>
    <t>POINT (4.643824511721033 51.830081490285394)</t>
  </si>
  <si>
    <t>POINT (4.648573365149477 51.83895063008965)</t>
  </si>
  <si>
    <t>POINT (4.629593051327268 51.84386004012928)</t>
  </si>
  <si>
    <t>POINT (4.622827494909042 51.84232406655688)</t>
  </si>
  <si>
    <t>POINT (4.63427720354528 51.83797562406794)</t>
  </si>
  <si>
    <t>POINT (4.634175921069824 51.83622218182924)</t>
  </si>
  <si>
    <t>POINT (4.638842433712305 51.83218913970983)</t>
  </si>
  <si>
    <t>POINT (4.643643524747729 51.82874103063309)</t>
  </si>
  <si>
    <t>POINT (4.626577574461769 51.83766531785445)</t>
  </si>
  <si>
    <t>POINT (4.650419370523672 51.84464875328446)</t>
  </si>
  <si>
    <t>POINT (4.641589518921449 51.85117271128412)</t>
  </si>
  <si>
    <t>POINT (4.627608417394565 51.8445123790051)</t>
  </si>
  <si>
    <t>POINT (4.657781638968424 51.833626656831726)</t>
  </si>
  <si>
    <t>POINT (4.6492528448362425 51.836129163070495)</t>
  </si>
  <si>
    <t>POINT (4.647961593403813 51.852039956418295)</t>
  </si>
  <si>
    <t>POINT (4.6327545620688975 51.83358836017768)</t>
  </si>
  <si>
    <t>POINT (4.6241499232900996 51.84306974096138)</t>
  </si>
  <si>
    <t>POINT (4.626524764475949 51.845089627209916)</t>
  </si>
  <si>
    <t>POINT (4.642716499365889 51.842703554076465)</t>
  </si>
  <si>
    <t>POINT (4.6282446814492655 51.837757005624034)</t>
  </si>
  <si>
    <t>POINT (4.64120319402205 51.847332099475196)</t>
  </si>
  <si>
    <t>POINT (4.655429966406103 51.832797081359324)</t>
  </si>
  <si>
    <t>POINT (4.62285431408843 51.839888307300406)</t>
  </si>
  <si>
    <t>POINT (4.644285921851977 51.852250463534496)</t>
  </si>
  <si>
    <t>POINT (4.630256502904361 51.83633180530941)</t>
  </si>
  <si>
    <t>POINT (4.657638400863942 51.83317467961633)</t>
  </si>
  <si>
    <t>POINT (4.645071734645612 51.830988250013796)</t>
  </si>
  <si>
    <t>POINT (4.635509336500901 51.84587557534811)</t>
  </si>
  <si>
    <t>POINT (4.636061306021905 51.83801401891535)</t>
  </si>
  <si>
    <t>POINT (4.6424898010100675 51.83534938374628)</t>
  </si>
  <si>
    <t>POINT (4.635928299301007 51.83467836777978)</t>
  </si>
  <si>
    <t>POINT (4.633844271553319 51.83696611449348)</t>
  </si>
  <si>
    <t>POINT (4.634364254839818 51.83797618234086)</t>
  </si>
  <si>
    <t>POINT (4.658244337438928 51.834169956331124)</t>
  </si>
  <si>
    <t>POINT (4.645749146186855 51.845365412061106)</t>
  </si>
  <si>
    <t>POINT (4.643825253466981 51.83531290462539)</t>
  </si>
  <si>
    <t>POINT (4.639466909077147 51.84089415757661)</t>
  </si>
  <si>
    <t>POINT (4.644816599785687 51.84471233561799)</t>
  </si>
  <si>
    <t>POINT (4.6274387080620265 51.84683035950656)</t>
  </si>
  <si>
    <t>POINT (4.637880432298439 51.84030876749346)</t>
  </si>
  <si>
    <t>POINT (4.646865798334227 51.84276574668841)</t>
  </si>
  <si>
    <t>POINT (4.64545686081041 51.84637029588091)</t>
  </si>
  <si>
    <t>POINT (4.649393571354336 51.82930764595816)</t>
  </si>
  <si>
    <t>POINT (4.627242780818541 51.847260547935264)</t>
  </si>
  <si>
    <t>POINT (4.640880882940751 51.84050765318463)</t>
  </si>
  <si>
    <t>POINT (4.646441508543628 51.829738487319396)</t>
  </si>
  <si>
    <t>POINT (4.645132725801009 51.836975092363055)</t>
  </si>
  <si>
    <t>POINT (4.649779603339068 51.840845661583856)</t>
  </si>
  <si>
    <t>POINT (4.64659148526 51.84885832781539)</t>
  </si>
  <si>
    <t>POINT (4.647304050974307 51.83640453400289)</t>
  </si>
  <si>
    <t>POINT (4.649716852013161 51.83082876343105)</t>
  </si>
  <si>
    <t>POINT (4.643409079625981 51.83239793764454)</t>
  </si>
  <si>
    <t>POINT (4.6315297144941106 51.84692867007077)</t>
  </si>
  <si>
    <t>POINT (4.62807672333023 51.847724365066426)</t>
  </si>
  <si>
    <t>POINT (4.649372812307804 51.84297927913799)</t>
  </si>
  <si>
    <t>POINT (4.640772400937275 51.84617881265613)</t>
  </si>
  <si>
    <t>POINT (4.651635110661883 51.84840464504587)</t>
  </si>
  <si>
    <t>POINT (4.644650182924543 51.849068284541666)</t>
  </si>
  <si>
    <t>POINT (4.628155857046975 51.84991811277963)</t>
  </si>
  <si>
    <t>POINT (4.639531012727703 51.826539645440306)</t>
  </si>
  <si>
    <t>POINT (4.640650607669507 51.839517435268256)</t>
  </si>
  <si>
    <t>POINT (4.64165637327049 51.83390800884899)</t>
  </si>
  <si>
    <t>POINT (4.643900052620221 51.82814041373894)</t>
  </si>
  <si>
    <t>POINT (4.644940987668915 51.842447978861635)</t>
  </si>
  <si>
    <t>POINT (4.632439114790411 51.84722215694223)</t>
  </si>
  <si>
    <t>POINT (4.6213772736360985 51.84141574709349)</t>
  </si>
  <si>
    <t>POINT (4.643833499469533 51.84168189697607)</t>
  </si>
  <si>
    <t>POINT (4.6512076236859325 51.8310448594258)</t>
  </si>
  <si>
    <t>POINT (4.644055698971835 51.831017776716784)</t>
  </si>
  <si>
    <t>POINT (4.636353392436086 51.83948634497769)</t>
  </si>
  <si>
    <t>POINT (4.621305795212155 51.841352360003135)</t>
  </si>
  <si>
    <t>POINT (4.639770765612903 51.84141392976836)</t>
  </si>
  <si>
    <t>POINT (4.626038243126293 51.84639882106863)</t>
  </si>
  <si>
    <t>POINT (4.640689864244208 51.846780528401816)</t>
  </si>
  <si>
    <t>POINT (4.646670725308838 51.849335226360196)</t>
  </si>
  <si>
    <t>POINT (4.640133266583275 51.85058818095718)</t>
  </si>
  <si>
    <t>POINT (4.65733529998313 51.83575708993402)</t>
  </si>
  <si>
    <t>POINT (4.643128523283058 51.846751064778175)</t>
  </si>
  <si>
    <t>POINT (4.6359585470738605 51.8380852708061)</t>
  </si>
  <si>
    <t>POINT (4.645150033872021 51.827995515015424)</t>
  </si>
  <si>
    <t>POINT (4.652720916651359 51.84343877487967)</t>
  </si>
  <si>
    <t>POINT (4.631183025520136 51.835591715046256)</t>
  </si>
  <si>
    <t>POINT (4.622195574526394 51.83766381044348)</t>
  </si>
  <si>
    <t>POINT (4.6381219967054195 51.839744022626675)</t>
  </si>
  <si>
    <t>POINT (4.645933927535997 51.84471939522493)</t>
  </si>
  <si>
    <t>POINT (4.637822816057602 51.83679382770653)</t>
  </si>
  <si>
    <t>POINT (4.645883828481367 51.84159102413862)</t>
  </si>
  <si>
    <t>POINT (4.636393884002739 51.83938144542624)</t>
  </si>
  <si>
    <t>POINT (4.64368691761687 51.84837688450983)</t>
  </si>
  <si>
    <t>POINT (4.63532891043337 51.83668799474975)</t>
  </si>
  <si>
    <t>POINT (4.636882549839456 51.83869354718331)</t>
  </si>
  <si>
    <t>POINT (4.637733564106141 51.828405586344445)</t>
  </si>
  <si>
    <t>POINT (4.62929237668382 51.84792996922244)</t>
  </si>
  <si>
    <t>POINT (4.641519847911449 51.848367807041086)</t>
  </si>
  <si>
    <t>POINT (4.624665249918382 51.8452034064606)</t>
  </si>
  <si>
    <t>POINT (4.6443379937942515 51.84733399750105)</t>
  </si>
  <si>
    <t>POINT (4.630996713143269 51.83631859844132)</t>
  </si>
  <si>
    <t>POINT (4.645396644303434 51.830639745313164)</t>
  </si>
  <si>
    <t>POINT (4.6453844084704325 51.83843284747686)</t>
  </si>
  <si>
    <t>POINT (4.642092970076499 51.82776042048117)</t>
  </si>
  <si>
    <t>POINT (4.642963624848068 51.826867075813546)</t>
  </si>
  <si>
    <t>POINT (4.632434393338778 51.84663786298586)</t>
  </si>
  <si>
    <t>POINT (4.6437880903698145 51.845478852793974)</t>
  </si>
  <si>
    <t>POINT (4.639897208513737 51.8455710048917)</t>
  </si>
  <si>
    <t>POINT (4.629442837142629 51.83812429285151)</t>
  </si>
  <si>
    <t>POINT (4.652744901971395 51.84285153415601)</t>
  </si>
  <si>
    <t>POINT (4.642994863986485 51.84254352290435)</t>
  </si>
  <si>
    <t>POINT (4.639932634125237 51.84780940782044)</t>
  </si>
  <si>
    <t>POINT (4.641878015492903 51.84075668179663)</t>
  </si>
  <si>
    <t>POINT (4.657114562792835 51.83210425258067)</t>
  </si>
  <si>
    <t>POINT (4.63061115098068 51.848909250946285)</t>
  </si>
  <si>
    <t>POINT (4.624338153145764 51.83881032763061)</t>
  </si>
  <si>
    <t>POINT (4.639489348701326 51.83429661315697)</t>
  </si>
  <si>
    <t>POINT (4.64854101466466 51.843261685983194)</t>
  </si>
  <si>
    <t>POINT (4.644019474799288 51.84984856360401)</t>
  </si>
  <si>
    <t>POINT (4.620380754098693 51.83906576540655)</t>
  </si>
  <si>
    <t>POINT (4.642641814867709 51.838442451448564)</t>
  </si>
  <si>
    <t>POINT (4.653239406562905 51.83189352724622)</t>
  </si>
  <si>
    <t>POINT (4.625303538927044 51.840928937828224)</t>
  </si>
  <si>
    <t>POINT (4.626647594790786 51.83695566526648)</t>
  </si>
  <si>
    <t>POINT (4.643991193422704 51.82965108914773)</t>
  </si>
  <si>
    <t>POINT (4.639257265684188 51.83516703646365)</t>
  </si>
  <si>
    <t>POINT (4.632287776078897 51.83893362544431)</t>
  </si>
  <si>
    <t>POINT (4.645990179203873 51.843946725447516)</t>
  </si>
  <si>
    <t>POINT (4.636094576616027 51.84559168332879)</t>
  </si>
  <si>
    <t>POINT (4.630378755274637 51.84546509170586)</t>
  </si>
  <si>
    <t>POINT (4.651060063949702 51.83119674156288)</t>
  </si>
  <si>
    <t>POINT (4.624603308540459 51.83686150508171)</t>
  </si>
  <si>
    <t>POINT (4.651267308073777 51.844267559055496)</t>
  </si>
  <si>
    <t>POINT (4.6283908568725645 51.847169097855335)</t>
  </si>
  <si>
    <t>POINT (4.627223535495527 51.84613473554681)</t>
  </si>
  <si>
    <t>POINT (4.625944226567099 51.849204161482405)</t>
  </si>
  <si>
    <t>POINT (4.652573556115498 51.84514763912622)</t>
  </si>
  <si>
    <t>POINT (4.643818525124038 51.84275548033553)</t>
  </si>
  <si>
    <t>POINT (4.656681220556017 51.83507684941014)</t>
  </si>
  <si>
    <t>POINT (4.65015469659776 51.84397294270937)</t>
  </si>
  <si>
    <t>POINT (4.6361057307843145 51.83796037108606)</t>
  </si>
  <si>
    <t>POINT (4.629911844051083 51.847340713873834)</t>
  </si>
  <si>
    <t>POINT (4.657541244657074 51.835880795729224)</t>
  </si>
  <si>
    <t>POINT (4.649496892336166 51.85223837357107)</t>
  </si>
  <si>
    <t>POINT (4.646647459459801 51.831330782522414)</t>
  </si>
  <si>
    <t>POINT (4.654701612320443 51.84232838507065)</t>
  </si>
  <si>
    <t>POINT (4.638249688973814 51.83350080788743)</t>
  </si>
  <si>
    <t>POINT (4.642765664065815 51.839728616717785)</t>
  </si>
  <si>
    <t>POINT (4.635776348858444 51.83856949332086)</t>
  </si>
  <si>
    <t>POINT (4.624642188872561 51.840565096626484)</t>
  </si>
  <si>
    <t>POINT (4.629240371029801 51.8484329991647)</t>
  </si>
  <si>
    <t>POINT (4.647184679062522 51.85162158473705)</t>
  </si>
  <si>
    <t>POINT (4.641732900313862 51.846895019353866)</t>
  </si>
  <si>
    <t>POINT (4.652856819800845 51.833113593427484)</t>
  </si>
  <si>
    <t>POINT (4.648640307700748 51.842516251774555)</t>
  </si>
  <si>
    <t>POINT (4.645315439148095 51.84350201929708)</t>
  </si>
  <si>
    <t>POINT (4.636954271215654 51.83667142738617)</t>
  </si>
  <si>
    <t>POINT (4.657170209195181 51.83568655408566)</t>
  </si>
  <si>
    <t>POINT (4.645579742129059 51.83009259293755)</t>
  </si>
  <si>
    <t>POINT (4.654321502168709 51.84272597218126)</t>
  </si>
  <si>
    <t>POINT (4.640897837113242 51.849118902691686)</t>
  </si>
  <si>
    <t>POINT (4.6484050513161215 51.84270353350544)</t>
  </si>
  <si>
    <t>POINT (4.641920803134449 51.83027615841571)</t>
  </si>
  <si>
    <t>POINT (4.6434658629077905 51.85005204012186)</t>
  </si>
  <si>
    <t>POINT (4.648766453861362 51.84986976690699)</t>
  </si>
  <si>
    <t>POINT (4.650653962269283 51.84627717200623)</t>
  </si>
  <si>
    <t>POINT (4.6486823959781205 51.8355233349826)</t>
  </si>
  <si>
    <t>POINT (4.633967467336804 51.8356725349322)</t>
  </si>
  <si>
    <t>POINT (4.641161821680713 51.84632510632249)</t>
  </si>
  <si>
    <t>POINT (4.646956242878868 51.849624663684075)</t>
  </si>
  <si>
    <t>POINT (4.624581337263464 51.83245833280733)</t>
  </si>
  <si>
    <t>POINT (4.64686662839529 51.84019351984258)</t>
  </si>
  <si>
    <t>POINT (4.631863586591573 51.84605891723976)</t>
  </si>
  <si>
    <t>POINT (4.630658501307822 51.83658607983369)</t>
  </si>
  <si>
    <t>POINT (4.65021301279792 51.833312752916164)</t>
  </si>
  <si>
    <t>POINT (4.634081556065539 51.847942808311885)</t>
  </si>
  <si>
    <t>POINT (4.650330980329398 51.83319664076849)</t>
  </si>
  <si>
    <t>POINT (4.621797741516576 51.838874690428625)</t>
  </si>
  <si>
    <t>POINT (4.642206496326114 51.83932057952621)</t>
  </si>
  <si>
    <t>POINT (4.6401279777054745 51.83166157593935)</t>
  </si>
  <si>
    <t>POINT (4.640386018967435 51.84672466417309)</t>
  </si>
  <si>
    <t>POINT (4.641012782626205 51.8439331742734)</t>
  </si>
  <si>
    <t>POINT (4.6269682918258885 51.83686785563916)</t>
  </si>
  <si>
    <t>POINT (4.650521350532303 51.829539446118076)</t>
  </si>
  <si>
    <t>POINT (4.641353370109665 51.84878022807127)</t>
  </si>
  <si>
    <t>POINT (4.647029358576345 51.83811064941814)</t>
  </si>
  <si>
    <t>POINT (4.63841048120813 51.837229034020915)</t>
  </si>
  <si>
    <t>POINT (4.637492691310281 51.83808688936387)</t>
  </si>
  <si>
    <t>POINT (4.639976576191635 51.832774129989794)</t>
  </si>
  <si>
    <t>POINT (4.647912764284307 51.8311410073786)</t>
  </si>
  <si>
    <t>POINT (4.628000344592581 51.84881150069832)</t>
  </si>
  <si>
    <t>POINT (4.646612085156534 51.84937081113615)</t>
  </si>
  <si>
    <t>POINT (4.646105910003062 51.82809144082649)</t>
  </si>
  <si>
    <t>POINT (4.626597799690674 51.842483383307275)</t>
  </si>
  <si>
    <t>POINT (4.62238774382367 51.851130109152415)</t>
  </si>
  <si>
    <t>POINT (4.640786483895938 51.850583346494155)</t>
  </si>
  <si>
    <t>POINT (4.644995316852669 51.8453157058654)</t>
  </si>
  <si>
    <t>POINT (4.625906685284409 51.83615086960875)</t>
  </si>
  <si>
    <t>POINT (4.657176730623325 51.83781464200156)</t>
  </si>
  <si>
    <t>POINT (4.633960802213331 51.848220682426096)</t>
  </si>
  <si>
    <t>3342GP</t>
  </si>
  <si>
    <t>Rossenburgpad</t>
  </si>
  <si>
    <t>POINT (4.622583708853888 51.84533969237812)</t>
  </si>
  <si>
    <t>POINT (4.634956602689995 51.837260885134974)</t>
  </si>
  <si>
    <t>POINT (4.648043169249478 51.84155158784326)</t>
  </si>
  <si>
    <t>POINT (4.623104986314948 51.84136408360106)</t>
  </si>
  <si>
    <t>POINT (4.636618850864625 51.84896578611761)</t>
  </si>
  <si>
    <t>POINT (4.637319068982368 51.83654791669321)</t>
  </si>
  <si>
    <t>POINT (4.6257440115185675 51.848951674731)</t>
  </si>
  <si>
    <t>POINT (4.652868040928067 51.848448316995295)</t>
  </si>
  <si>
    <t>POINT (4.651867439968422 51.83221307235054)</t>
  </si>
  <si>
    <t>POINT (4.643017099788504 51.832413430658924)</t>
  </si>
  <si>
    <t>POINT (4.622319598291638 51.83292353262999)</t>
  </si>
  <si>
    <t>POINT (4.636742166204401 51.846791317175786)</t>
  </si>
  <si>
    <t>POINT (4.634838485544625 51.83651406778632)</t>
  </si>
  <si>
    <t>POINT (4.6484195866203715 51.847126045194415)</t>
  </si>
  <si>
    <t>POINT (4.640358188464533 51.84665257783816)</t>
  </si>
  <si>
    <t>POINT (4.6231621101064615 51.841418387481646)</t>
  </si>
  <si>
    <t>POINT (4.625920785987984 51.846478957645054)</t>
  </si>
  <si>
    <t>POINT (4.650297115488925 51.83349305429771)</t>
  </si>
  <si>
    <t>POINT (4.642108330594311 51.83499715987019)</t>
  </si>
  <si>
    <t>POINT (4.651333973207553 51.8295265659213)</t>
  </si>
  <si>
    <t>POINT (4.629297311344192 51.83642449211354)</t>
  </si>
  <si>
    <t>POINT (4.636426939624775 51.84741850863531)</t>
  </si>
  <si>
    <t>POINT (4.655701732414039 51.84912217630079)</t>
  </si>
  <si>
    <t>POINT (4.629529895609301 51.835536113612726)</t>
  </si>
  <si>
    <t>POINT (4.647252770727268 51.84043762348217)</t>
  </si>
  <si>
    <t>POINT (4.643483002760359 51.849466771324145)</t>
  </si>
  <si>
    <t>POINT (4.638543358931536 51.8397107557141)</t>
  </si>
  <si>
    <t>POINT (4.649314441297364 51.84127691827209)</t>
  </si>
  <si>
    <t>POINT (4.64383790729969 51.83806351838979)</t>
  </si>
  <si>
    <t>POINT (4.651428036657764 51.84209760768942)</t>
  </si>
  <si>
    <t>POINT (4.62661607891374 51.84483853579765)</t>
  </si>
  <si>
    <t>POINT (4.643520717335739 51.827391950384545)</t>
  </si>
  <si>
    <t>POINT (4.62858522731412 51.83562888827221)</t>
  </si>
  <si>
    <t>POINT (4.650754607536974 51.83281275043125)</t>
  </si>
  <si>
    <t>POINT (4.633289488677519 51.83890410784185)</t>
  </si>
  <si>
    <t>POINT (4.649489001663781 51.84563166358738)</t>
  </si>
  <si>
    <t>POINT (4.63328598191556 51.83477828066849)</t>
  </si>
  <si>
    <t>POINT (4.640170137062925 51.84661542686372)</t>
  </si>
  <si>
    <t>POINT (4.6481299404637575 51.85151068568618)</t>
  </si>
  <si>
    <t>POINT (4.627891556676143 51.847516428243324)</t>
  </si>
  <si>
    <t>POINT (4.641044471938056 51.8455243694932)</t>
  </si>
  <si>
    <t>POINT (4.639442216598868 51.84063332883601)</t>
  </si>
  <si>
    <t>POINT (4.641463658431712 51.84737869738023)</t>
  </si>
  <si>
    <t>POINT (4.6287154630385245 51.85116216549157)</t>
  </si>
  <si>
    <t>POINT (4.626077151294037 51.83808454273145)</t>
  </si>
  <si>
    <t>POINT (4.6426477041965235 51.836330150810404)</t>
  </si>
  <si>
    <t>POINT (4.639899118374856 51.83933288064541)</t>
  </si>
  <si>
    <t>POINT (4.637439920304962 51.83538914908069)</t>
  </si>
  <si>
    <t>POINT (4.645760082353996 51.84381943131584)</t>
  </si>
  <si>
    <t>POINT (4.628524688090378 51.83922397094545)</t>
  </si>
  <si>
    <t>POINT (4.644751758650062 51.834110825123744)</t>
  </si>
  <si>
    <t>POINT (4.6401993694899115 51.835226967229424)</t>
  </si>
  <si>
    <t>POINT (4.642891900211253 51.84965290224834)</t>
  </si>
  <si>
    <t>POINT (4.6399900474803735 51.832442973899674)</t>
  </si>
  <si>
    <t>POINT (4.641686388629791 51.83742965672844)</t>
  </si>
  <si>
    <t>POINT (4.6391809145098515 51.837144058849226)</t>
  </si>
  <si>
    <t>POINT (4.644513349732413 51.85018592268153)</t>
  </si>
  <si>
    <t>POINT (4.626863897327845 51.838754803570005)</t>
  </si>
  <si>
    <t>POINT (4.656611943873429 51.831483109720494)</t>
  </si>
  <si>
    <t>POINT (4.647698362259319 51.830061015848116)</t>
  </si>
  <si>
    <t>POINT (4.656224955058235 51.83220858476218)</t>
  </si>
  <si>
    <t>POINT (4.636764331478223 51.83587920963309)</t>
  </si>
  <si>
    <t>POINT (4.6250870894466045 51.84257246195211)</t>
  </si>
  <si>
    <t>POINT (4.641556292539305 51.83370982004265)</t>
  </si>
  <si>
    <t>POINT (4.642217972758754 51.85178792891525)</t>
  </si>
  <si>
    <t>POINT (4.6462846317017625 51.84192613481365)</t>
  </si>
  <si>
    <t>POINT (4.63649171677723 51.82819067703502)</t>
  </si>
  <si>
    <t>POINT (4.641684483938166 51.841052079092314)</t>
  </si>
  <si>
    <t>POINT (4.656563567793908 51.834339487279166)</t>
  </si>
  <si>
    <t>POINT (4.655575488518046 51.834304272985015)</t>
  </si>
  <si>
    <t>POINT (4.636306226259504 51.82812478998564)</t>
  </si>
  <si>
    <t>POINT (4.65613421510756 51.847524126348425)</t>
  </si>
  <si>
    <t>POINT (4.641638939979067 51.851694367240974)</t>
  </si>
  <si>
    <t>POINT (4.636464177981068 51.83473572814537)</t>
  </si>
  <si>
    <t>POINT (4.64491330058329 51.842366905831234)</t>
  </si>
  <si>
    <t>POINT (4.628240676348173 51.84488500357827)</t>
  </si>
  <si>
    <t>POINT (4.6301622442784875 51.84021430828712)</t>
  </si>
  <si>
    <t>POINT (4.648233001158497 51.84699902983238)</t>
  </si>
  <si>
    <t>POINT (4.631250528919523 51.838486505605474)</t>
  </si>
  <si>
    <t>POINT (4.629373069335685 51.84336891727795)</t>
  </si>
  <si>
    <t>POINT (4.644522704286471 51.84317341547926)</t>
  </si>
  <si>
    <t>POINT (4.64374403348331 51.84166015316894)</t>
  </si>
  <si>
    <t>POINT (4.638150724104187 51.827711095650585)</t>
  </si>
  <si>
    <t>POINT (4.644036462174192 51.83364964729372)</t>
  </si>
  <si>
    <t>POINT (4.644909712968075 51.84874883270599)</t>
  </si>
  <si>
    <t>POINT (4.644980114350031 51.82774275762968)</t>
  </si>
  <si>
    <t>POINT (4.62598496829243 51.84354007582946)</t>
  </si>
  <si>
    <t>POINT (4.625934111317938 51.83710384838847)</t>
  </si>
  <si>
    <t>POINT (4.631979775429888 51.83912939543884)</t>
  </si>
  <si>
    <t>POINT (4.644675501852642 51.84358786047478)</t>
  </si>
  <si>
    <t>POINT (4.620699354384384 51.83861584073416)</t>
  </si>
  <si>
    <t>POINT (4.6260510328601665 51.839630427286345)</t>
  </si>
  <si>
    <t>POINT (4.6268698813862095 51.84699746214936)</t>
  </si>
  <si>
    <t>POINT (4.652369083743917 51.84522725747699)</t>
  </si>
  <si>
    <t>POINT (4.643793893590474 51.8292992812492)</t>
  </si>
  <si>
    <t>POINT (4.622449860482286 51.83806995826004)</t>
  </si>
  <si>
    <t>POINT (4.633837868719679 51.83474586901314)</t>
  </si>
  <si>
    <t>POINT (4.624573261083429 51.84463652213864)</t>
  </si>
  <si>
    <t>POINT (4.630092773997194 51.84607447777284)</t>
  </si>
  <si>
    <t>POINT (4.63347736280803 51.8337458109781)</t>
  </si>
  <si>
    <t>POINT (4.6498071481648555 51.85367850614737)</t>
  </si>
  <si>
    <t>POINT (4.649645268538631 51.84317874156629)</t>
  </si>
  <si>
    <t>POINT (4.636893843776019 51.83681486003772)</t>
  </si>
  <si>
    <t>POINT (4.632207851144951 51.839373556770056)</t>
  </si>
  <si>
    <t>POINT (4.647537852494725 51.85397883654738)</t>
  </si>
  <si>
    <t>POINT (4.640356421242442 51.83538077399839)</t>
  </si>
  <si>
    <t>POINT (4.6305198193967305 51.84743452032556)</t>
  </si>
  <si>
    <t>POINT (4.647515082233115 51.851830405541804)</t>
  </si>
  <si>
    <t>POINT (4.641127464215503 51.841390110077356)</t>
  </si>
  <si>
    <t>POINT (4.64391598346048 51.83596965226645)</t>
  </si>
  <si>
    <t>POINT (4.626335381758263 51.840836754113894)</t>
  </si>
  <si>
    <t>POINT (4.642582836980659 51.84464425816823)</t>
  </si>
  <si>
    <t>POINT (4.637901344725368 51.83730668354225)</t>
  </si>
  <si>
    <t>POINT (4.633607103055341 51.83639830536387)</t>
  </si>
  <si>
    <t>POINT (4.643106723334149 51.8507059367737)</t>
  </si>
  <si>
    <t>POINT (4.652170754070764 51.84821281083974)</t>
  </si>
  <si>
    <t>POINT (4.6450807627695045 51.8366062283836)</t>
  </si>
  <si>
    <t>POINT (4.6431926652235065 51.83232465676904)</t>
  </si>
  <si>
    <t>POINT (4.62937372545567 51.8448204130281)</t>
  </si>
  <si>
    <t>POINT (4.647290578084116 51.84252573060378)</t>
  </si>
  <si>
    <t>POINT (4.636693154204477 51.83492595455924)</t>
  </si>
  <si>
    <t>POINT (4.64182751304022 51.83379873266611)</t>
  </si>
  <si>
    <t>POINT (4.627699568426797 51.85115559883586)</t>
  </si>
  <si>
    <t>POINT (4.6406857805799735 51.84615129595365)</t>
  </si>
  <si>
    <t>POINT (4.645150777589752 51.850233430875555)</t>
  </si>
  <si>
    <t>POINT (4.622348173014488 51.83978613533303)</t>
  </si>
  <si>
    <t>POINT (4.646048834402097 51.83773592784623)</t>
  </si>
  <si>
    <t>POINT (4.646752766625515 51.8452279271194)</t>
  </si>
  <si>
    <t>POINT (4.648244913476159 51.833003754132925)</t>
  </si>
  <si>
    <t>POINT (4.643514743407259 51.83742327600436)</t>
  </si>
  <si>
    <t>POINT (4.642208382738529 51.84447109811549)</t>
  </si>
  <si>
    <t>POINT (4.636294538952279 51.83521361397656)</t>
  </si>
  <si>
    <t>POINT (4.646763592632321 51.82956074590469)</t>
  </si>
  <si>
    <t>POINT (4.624423836285133 51.83889178256102)</t>
  </si>
  <si>
    <t>POINT (4.643493370700132 51.85102298931941)</t>
  </si>
  <si>
    <t>POINT (4.632076974915858 51.848046786131256)</t>
  </si>
  <si>
    <t>POINT (4.6409231531951605 51.8397079301846)</t>
  </si>
  <si>
    <t>POINT (4.636177095201289 51.84760567280257)</t>
  </si>
  <si>
    <t>POINT (4.650476280157974 51.84383114252422)</t>
  </si>
  <si>
    <t>POINT (4.649125480514998 51.84390355652372)</t>
  </si>
  <si>
    <t>POINT (4.627928860756712 51.83669429854413)</t>
  </si>
  <si>
    <t>POINT (4.630021353761094 51.83651006253599)</t>
  </si>
  <si>
    <t>POINT (4.6402396268772845 51.82842279228734)</t>
  </si>
  <si>
    <t>POINT (4.65008170273979 51.84399945043257)</t>
  </si>
  <si>
    <t>POINT (4.635774849733479 51.83865937049557)</t>
  </si>
  <si>
    <t>POINT (4.639405065197645 51.83587808355231)</t>
  </si>
  <si>
    <t>POINT (4.644584009627051 51.829771693932564)</t>
  </si>
  <si>
    <t>POINT (4.6437925876667325 51.84833921696712)</t>
  </si>
  <si>
    <t>POINT (4.640597253711131 51.84886530927877)</t>
  </si>
  <si>
    <t>POINT (4.63175549999588 51.83606281200452)</t>
  </si>
  <si>
    <t>POINT (4.649161491262258 51.83107695583428)</t>
  </si>
  <si>
    <t>POINT (4.646443703481606 51.84901919139765)</t>
  </si>
  <si>
    <t>POINT (4.648905551016326 51.84012737625416)</t>
  </si>
  <si>
    <t>POINT (4.640424987353896 51.83196180011887)</t>
  </si>
  <si>
    <t>POINT (4.648259802783756 51.84271160807474)</t>
  </si>
  <si>
    <t>POINT (4.655848414789145 51.83204464116938)</t>
  </si>
  <si>
    <t>POINT (4.62467803944759 51.83241436810259)</t>
  </si>
  <si>
    <t>POINT (4.658450231351167 51.830847352625725)</t>
  </si>
  <si>
    <t>POINT (4.642332775958174 51.853622342990406)</t>
  </si>
  <si>
    <t>POINT (4.65209145048352 51.84145672824076)</t>
  </si>
  <si>
    <t>POINT (4.646719995498666 51.85117595512278)</t>
  </si>
  <si>
    <t>POINT (4.643513087285958 51.83400756963764)</t>
  </si>
  <si>
    <t>POINT (4.637521160307067 51.83808339479805)</t>
  </si>
  <si>
    <t>POINT (4.636369602045836 51.83692836107894)</t>
  </si>
  <si>
    <t>POINT (4.639380002585302 51.83738802146671)</t>
  </si>
  <si>
    <t>POINT (4.641183550658313 51.83506268362231)</t>
  </si>
  <si>
    <t>POINT (4.636995455315611 51.82741167510788)</t>
  </si>
  <si>
    <t>POINT (4.652550691198474 51.84476997253505)</t>
  </si>
  <si>
    <t>POINT (4.634789421018063 51.826419459329834)</t>
  </si>
  <si>
    <t>POINT (4.622328736920909 51.83286551621609)</t>
  </si>
  <si>
    <t>POINT (4.63769391939056 51.828324291208546)</t>
  </si>
  <si>
    <t>POINT (4.625431144249742 51.84368030263306)</t>
  </si>
  <si>
    <t>POINT (4.631419774652105 51.83791231969451)</t>
  </si>
  <si>
    <t>POINT (4.652177069851831 51.83197677582282)</t>
  </si>
  <si>
    <t>POINT (4.648669725114277 51.839319061474875)</t>
  </si>
  <si>
    <t>POINT (4.6448937921777445 51.8508630169118)</t>
  </si>
  <si>
    <t>POINT (4.6528135039949445 51.8464524950757)</t>
  </si>
  <si>
    <t>POINT (4.644542289809025 51.82790178456274)</t>
  </si>
  <si>
    <t>POINT (4.635005679874219 51.836928618465315)</t>
  </si>
  <si>
    <t>POINT (4.628833515377714 51.84415176285627)</t>
  </si>
  <si>
    <t>POINT (4.636408487373386 51.82912950746439)</t>
  </si>
  <si>
    <t>POINT (4.649125333243665 51.8439125442574)</t>
  </si>
  <si>
    <t>POINT (4.652616195301858 51.84287929489037)</t>
  </si>
  <si>
    <t>POINT (4.649321681795066 51.83927570081562)</t>
  </si>
  <si>
    <t>POINT (4.647035526143151 51.847449908685675)</t>
  </si>
  <si>
    <t>POINT (4.639947526528541 51.83425281645379)</t>
  </si>
  <si>
    <t>POINT (4.640632180483249 51.83327512364396)</t>
  </si>
  <si>
    <t>POINT (4.626937555090312 51.83782944601868)</t>
  </si>
  <si>
    <t>POINT (4.648849125691574 51.830661512458896)</t>
  </si>
  <si>
    <t>POINT (4.6450302897626345 51.82910036556447)</t>
  </si>
  <si>
    <t>POINT (4.642125243941426 51.852128909515926)</t>
  </si>
  <si>
    <t>POINT (4.644537672743282 51.8528273299038)</t>
  </si>
  <si>
    <t>POINT (4.621771017462812 51.840447536661536)</t>
  </si>
  <si>
    <t>POINT (4.64989163026758 51.83538851960955)</t>
  </si>
  <si>
    <t>POINT (4.6315120233795435 51.85057795609126)</t>
  </si>
  <si>
    <t>POINT (4.623067734223959 51.84184923014023)</t>
  </si>
  <si>
    <t>POINT (4.633672295270253 51.848982868015305)</t>
  </si>
  <si>
    <t>POINT (4.650301272203157 51.84388397618355)</t>
  </si>
  <si>
    <t>POINT (4.637394131704348 51.84685840316082)</t>
  </si>
  <si>
    <t>POINT (4.641024610531346 51.83421504797397)</t>
  </si>
  <si>
    <t>POINT (4.645266993932398 51.83498944460352)</t>
  </si>
  <si>
    <t>POINT (4.6234912422133805 51.83741157451784)</t>
  </si>
  <si>
    <t>POINT (4.629157675990628 51.849034706316644)</t>
  </si>
  <si>
    <t>POINT (4.6481023488206485 51.83727247483965)</t>
  </si>
  <si>
    <t>POINT (4.6418241416446415 51.84050465702193)</t>
  </si>
  <si>
    <t>POINT (4.6566944156314065 51.83497534165583)</t>
  </si>
  <si>
    <t>POINT (4.639323049487611 51.838196639386105)</t>
  </si>
  <si>
    <t>POINT (4.651999561939013 51.83496888179452)</t>
  </si>
  <si>
    <t>POINT (4.639602146449717 51.847609553412546)</t>
  </si>
  <si>
    <t>POINT (4.6498174046272025 51.832663084247)</t>
  </si>
  <si>
    <t>POINT (4.634350287101622 51.83447050722096)</t>
  </si>
  <si>
    <t>POINT (4.62973680041352 51.85170807856171)</t>
  </si>
  <si>
    <t>POINT (4.629588051995662 51.84847119775241)</t>
  </si>
  <si>
    <t>POINT (4.639648778880454 51.84042790485616)</t>
  </si>
  <si>
    <t>POINT (4.646499888146967 51.84119042258401)</t>
  </si>
  <si>
    <t>POINT (4.649165202594086 51.847679042324884)</t>
  </si>
  <si>
    <t>POINT (4.643650539188702 51.83622864279419)</t>
  </si>
  <si>
    <t>POINT (4.647100323081497 51.842623406715944)</t>
  </si>
  <si>
    <t>POINT (4.6426152230022595 51.8374175742173)</t>
  </si>
  <si>
    <t>POINT (4.622328804507522 51.84178149758675)</t>
  </si>
  <si>
    <t>POINT (4.64802762824732 51.83563606670489)</t>
  </si>
  <si>
    <t>POINT (4.628183786978325 51.8465385521996)</t>
  </si>
  <si>
    <t>POINT (4.631157451791792 51.848355472306395)</t>
  </si>
  <si>
    <t>POINT (4.650871813260799 51.84537967283528)</t>
  </si>
  <si>
    <t>POINT (4.643982907424296 51.85078737713737)</t>
  </si>
  <si>
    <t>POINT (4.650554204896867 51.85351754324909)</t>
  </si>
  <si>
    <t>POINT (4.655688257489611 51.83207959790019)</t>
  </si>
  <si>
    <t>POINT (4.63438314817932 51.84813350442056)</t>
  </si>
  <si>
    <t>POINT (4.630892121243645 51.83414173703504)</t>
  </si>
  <si>
    <t>POINT (4.648019107866026 51.84588308990206)</t>
  </si>
  <si>
    <t>POINT (4.638648977792186 51.84034063630304)</t>
  </si>
  <si>
    <t>POINT (4.624845531599665 51.841411353546526)</t>
  </si>
  <si>
    <t>POINT (4.645914859607448 51.83000482295313)</t>
  </si>
  <si>
    <t>POINT (4.657081798626451 51.83541647923321)</t>
  </si>
  <si>
    <t>POINT (4.625698181535521 51.84076071328284)</t>
  </si>
  <si>
    <t>POINT (4.643214729751554 51.8529537851385)</t>
  </si>
  <si>
    <t>POINT (4.626181886968918 51.84390988828818)</t>
  </si>
  <si>
    <t>POINT (4.6487827780023006 51.83205433949838)</t>
  </si>
  <si>
    <t>POINT (4.649092355758726 51.84946732662698)</t>
  </si>
  <si>
    <t>POINT (4.646884546689426 51.84515684883739)</t>
  </si>
  <si>
    <t>POINT (4.631799886653853 51.83514625188212)</t>
  </si>
  <si>
    <t>POINT (4.6312386742161165 51.83659880600294)</t>
  </si>
  <si>
    <t>POINT (4.62815036201575 51.8381878526729)</t>
  </si>
  <si>
    <t>POINT (4.6546825359563435 51.83058120732754)</t>
  </si>
  <si>
    <t>POINT (4.6542558149623305 51.83362570208263)</t>
  </si>
  <si>
    <t>POINT (4.650915640037109 51.84536197036977)</t>
  </si>
  <si>
    <t>POINT (4.653093613965899 51.846184587159115)</t>
  </si>
  <si>
    <t>POINT (4.643808312382719 51.84819109353359)</t>
  </si>
  <si>
    <t>POINT (4.647736414442804 51.84807454220532)</t>
  </si>
  <si>
    <t>POINT (4.629036306180416 51.83727673181546)</t>
  </si>
  <si>
    <t>POINT (4.64590710363018 51.83488562439611)</t>
  </si>
  <si>
    <t>POINT (4.639714869533673 51.83994293739219)</t>
  </si>
  <si>
    <t>POINT (4.643095058112502 51.84350594520409)</t>
  </si>
  <si>
    <t>POINT (4.645179208131351 51.8350338331126)</t>
  </si>
  <si>
    <t>POINT (4.644688188970322 51.84810024864855)</t>
  </si>
  <si>
    <t>POINT (4.644045537491617 51.84746697670321)</t>
  </si>
  <si>
    <t>POINT (4.645923986824209 51.843559795062255)</t>
  </si>
  <si>
    <t>POINT (4.646437086923029 51.83530244878747)</t>
  </si>
  <si>
    <t>POINT (4.640207849630941 51.84434153441336)</t>
  </si>
  <si>
    <t>POINT (4.634693987816484 51.826922214227096)</t>
  </si>
  <si>
    <t>POINT (4.625513655372933 51.84590063728467)</t>
  </si>
  <si>
    <t>POINT (4.65531238611077 51.84896694304666)</t>
  </si>
  <si>
    <t>POINT (4.63981917041436 51.83234227352205)</t>
  </si>
  <si>
    <t>POINT (4.632657931054964 51.83935847301869)</t>
  </si>
  <si>
    <t>POINT (4.648898908130113 51.84887285926843)</t>
  </si>
  <si>
    <t>POINT (4.647973273589535 51.8283369215577)</t>
  </si>
  <si>
    <t>POINT (4.636296040674147 51.82806308040374)</t>
  </si>
  <si>
    <t>POINT (4.626990737065491 51.835537675243295)</t>
  </si>
  <si>
    <t>POINT (4.652018615896045 51.83469035245023)</t>
  </si>
  <si>
    <t>POINT (4.635747481288068 51.838560319867916)</t>
  </si>
  <si>
    <t>POINT (4.650240190081456 51.839720485539814)</t>
  </si>
  <si>
    <t>POINT (4.6251796596997545 51.84007357959863)</t>
  </si>
  <si>
    <t>POINT (4.6429863575239 51.85008495656921)</t>
  </si>
  <si>
    <t>POINT (4.637520386427463 51.83578516484249)</t>
  </si>
  <si>
    <t>POINT (4.64249108796253 51.85370424500081)</t>
  </si>
  <si>
    <t>POINT (4.645651373547892 51.82926608710323)</t>
  </si>
  <si>
    <t>POINT (4.656301985289524 51.84701358183633)</t>
  </si>
  <si>
    <t>POINT (4.625521816325755 51.84592695514529)</t>
  </si>
  <si>
    <t>POINT (4.6523232845601905 51.83291250387858)</t>
  </si>
  <si>
    <t>POINT (4.6465905613237215 51.85244479503248)</t>
  </si>
  <si>
    <t>POINT (4.621683961597458 51.84044696903968)</t>
  </si>
  <si>
    <t>POINT (4.65257048937132 51.831098339944326)</t>
  </si>
  <si>
    <t>POINT (4.652452967896996 51.83296724766816)</t>
  </si>
  <si>
    <t>POINT (4.64339776580608 51.84187192614582)</t>
  </si>
  <si>
    <t>POINT (4.649007481697672 51.84401966724772)</t>
  </si>
  <si>
    <t>POINT (4.635423360265894 51.8449402032093)</t>
  </si>
  <si>
    <t>POINT (4.6326894242685155 51.84700803763924)</t>
  </si>
  <si>
    <t>POINT (4.633452923086445 51.837808538396196)</t>
  </si>
  <si>
    <t>POINT (4.643743310413966 51.82796863611757)</t>
  </si>
  <si>
    <t>POINT (4.652001029116989 51.84554854496398)</t>
  </si>
  <si>
    <t>POINT (4.629487880862626 51.836308869390294)</t>
  </si>
  <si>
    <t>POINT (4.63794414775361 51.83322356177409)</t>
  </si>
  <si>
    <t>POINT (4.642392829707772 51.84961060097427)</t>
  </si>
  <si>
    <t>POINT (4.639057795736648 51.832325342702305)</t>
  </si>
  <si>
    <t>POINT (4.635523134487912 51.82765561086518)</t>
  </si>
  <si>
    <t>POINT (4.635746281942887 51.83863222160749)</t>
  </si>
  <si>
    <t>POINT (4.649473879693602 51.843896757532356)</t>
  </si>
  <si>
    <t>POINT (4.621954600120823 51.840745360123954)</t>
  </si>
  <si>
    <t>POINT (4.65308958577194 51.83278107534609)</t>
  </si>
  <si>
    <t>POINT (4.644099305660233 51.85300432965199)</t>
  </si>
  <si>
    <t>POINT (4.631482979169025 51.84625421886553)</t>
  </si>
  <si>
    <t>POINT (4.6408934158697575 51.828364030171336)</t>
  </si>
  <si>
    <t>POINT (4.638637156750072 51.84017876482271)</t>
  </si>
  <si>
    <t>POINT (4.635774399994644 51.83868633364782)</t>
  </si>
  <si>
    <t>POINT (4.644222326771198 51.83363243298714)</t>
  </si>
  <si>
    <t>POINT (4.627996674454772 51.837836300174374)</t>
  </si>
  <si>
    <t>POINT (4.621516259045147 51.84177620108584)</t>
  </si>
  <si>
    <t>POINT (4.65333726333504 51.830339099185004)</t>
  </si>
  <si>
    <t>POINT (4.6442691093746795 51.83267644186784)</t>
  </si>
  <si>
    <t>POINT (4.641498032948433 51.84530253443577)</t>
  </si>
  <si>
    <t>POINT (4.643658892582768 51.82956808657305)</t>
  </si>
  <si>
    <t>POINT (4.648945537615221 51.84691362561528)</t>
  </si>
  <si>
    <t>POINT (4.631293451810378 51.83852273671368)</t>
  </si>
  <si>
    <t>POINT (4.645863338520679 51.84724476301101)</t>
  </si>
  <si>
    <t>POINT (4.657522361824236 51.83676182776407)</t>
  </si>
  <si>
    <t>POINT (4.6523274634015195 51.84422026753175)</t>
  </si>
  <si>
    <t>POINT (4.64861355292816 51.84066446393842)</t>
  </si>
  <si>
    <t>POINT (4.640713909221908 51.846205406781316)</t>
  </si>
  <si>
    <t>POINT (4.642514411481162 51.84970543844721)</t>
  </si>
  <si>
    <t>POINT (4.6225325196276605 51.840039019451126)</t>
  </si>
  <si>
    <t>POINT (4.635880415056372 51.84799028742413)</t>
  </si>
  <si>
    <t>POINT (4.628289703594723 51.84800439074936)</t>
  </si>
  <si>
    <t>POINT (4.633927536339564 51.83372173451746)</t>
  </si>
  <si>
    <t>POINT (4.6487426645290695 51.848665137672675)</t>
  </si>
  <si>
    <t>POINT (4.647885798344415 51.82836333665936)</t>
  </si>
  <si>
    <t>POINT (4.63758246482093 51.83903047356626)</t>
  </si>
  <si>
    <t>POINT (4.644643043639815 51.84643706110518)</t>
  </si>
  <si>
    <t>POINT (4.640602764730376 51.84415528434202)</t>
  </si>
  <si>
    <t>POINT (4.646997643505598 51.83032625956123)</t>
  </si>
  <si>
    <t>POINT (4.645595115056173 51.828276976982266)</t>
  </si>
  <si>
    <t>POINT (4.644514193074494 51.83752847850234)</t>
  </si>
  <si>
    <t>POINT (4.622936383887386 51.84189331857915)</t>
  </si>
  <si>
    <t>POINT (4.629825236675982 51.85076483883212)</t>
  </si>
  <si>
    <t>POINT (4.653725317254711 51.83234599783432)</t>
  </si>
  <si>
    <t>POINT (4.624431458528412 51.84032270506511)</t>
  </si>
  <si>
    <t>POINT (4.63820402628996 51.827797250779554)</t>
  </si>
  <si>
    <t>POINT (4.642509117606554 51.8289136127448)</t>
  </si>
  <si>
    <t>POINT (4.6558344916218255 51.83200859975656)</t>
  </si>
  <si>
    <t>POINT (4.6387018257551995 51.847639772100166)</t>
  </si>
  <si>
    <t>POINT (4.634812068574577 51.838095906037125)</t>
  </si>
  <si>
    <t>POINT (4.63959528312051 51.83840511283742)</t>
  </si>
  <si>
    <t>POINT (4.645590272096134 51.84998607119997)</t>
  </si>
  <si>
    <t>POINT (4.634534172718228 51.83562223767764)</t>
  </si>
  <si>
    <t>POINT (4.630758324517375 51.84619562034913)</t>
  </si>
  <si>
    <t>POINT (4.6287382798093075 51.84463653621922)</t>
  </si>
  <si>
    <t>POINT (4.6265458934049795 51.845557175349654)</t>
  </si>
  <si>
    <t>POINT (4.624582902229861 51.8449242225307)</t>
  </si>
  <si>
    <t>POINT (4.650140234337536 51.845743617458155)</t>
  </si>
  <si>
    <t>POINT (4.656548174877285 51.8479409449627)</t>
  </si>
  <si>
    <t>POINT (4.6468755218828575 51.84923764258317)</t>
  </si>
  <si>
    <t>POINT (4.640919713038148 51.841667438421204)</t>
  </si>
  <si>
    <t>POINT (4.636868085964711 51.828304758997554)</t>
  </si>
  <si>
    <t>POINT (4.640268032288162 51.84508797660911)</t>
  </si>
  <si>
    <t>POINT (4.6451982162811465 51.83446550958378)</t>
  </si>
  <si>
    <t>POINT (4.641361398786569 51.836025359282466)</t>
  </si>
  <si>
    <t>POINT (4.630331346680938 51.838786198336365)</t>
  </si>
  <si>
    <t>POINT (4.639744307964817 51.83641956462197)</t>
  </si>
  <si>
    <t>POINT (4.627474107600537 51.83698798308702)</t>
  </si>
  <si>
    <t>POINT (4.640121829428468 51.844278066421985)</t>
  </si>
  <si>
    <t>POINT (4.646925328551972 51.835611143462245)</t>
  </si>
  <si>
    <t>POINT (4.632429324614512 51.84780635757198)</t>
  </si>
  <si>
    <t>POINT (4.646771715995464 51.8370124071814)</t>
  </si>
  <si>
    <t>POINT (4.655757873070546 51.832259805030894)</t>
  </si>
  <si>
    <t>POINT (4.648045948418836 51.8283283905466)</t>
  </si>
  <si>
    <t>POINT (4.6535149523891715 51.835289577164026)</t>
  </si>
  <si>
    <t>POINT (4.6445229764516025 51.850193605951866)</t>
  </si>
  <si>
    <t>POINT (4.6460690904257325 51.83650460799213)</t>
  </si>
  <si>
    <t>POINT (4.65777915809636 51.83107688984452)</t>
  </si>
  <si>
    <t>POINT (4.657844555469677 51.833224688217335)</t>
  </si>
  <si>
    <t>POINT (4.643657464655742 51.827896182899046)</t>
  </si>
  <si>
    <t>POINT (4.651752560412434 51.84192130602509)</t>
  </si>
  <si>
    <t>POINT (4.634927432624376 51.834662969503796)</t>
  </si>
  <si>
    <t>POINT (4.6429197023173545 51.844457632167995)</t>
  </si>
  <si>
    <t>POINT (4.6247249141561415 51.84024455810193)</t>
  </si>
  <si>
    <t>POINT (4.641762518213315 51.84685925274686)</t>
  </si>
  <si>
    <t>POINT (4.643738771618092 51.845829098338555)</t>
  </si>
  <si>
    <t>POINT (4.640650059563086 51.85093303690548)</t>
  </si>
  <si>
    <t>POINT (4.656797240020064 51.83079213548577)</t>
  </si>
  <si>
    <t>POINT (4.655846955991322 51.8321345187463)</t>
  </si>
  <si>
    <t>POINT (4.656528032908394 51.83039495870747)</t>
  </si>
  <si>
    <t>POINT (4.657560139290432 51.834404974903755)</t>
  </si>
  <si>
    <t>POINT (4.6415550091235795 51.84010744651737)</t>
  </si>
  <si>
    <t>POINT (4.648030853247076 51.828364250198746)</t>
  </si>
  <si>
    <t>POINT (4.622768672461792 51.841514701917724)</t>
  </si>
  <si>
    <t>POINT (4.648643993787467 51.83331117039256)</t>
  </si>
  <si>
    <t>POINT (4.640776757665789 51.830152036259605)</t>
  </si>
  <si>
    <t>POINT (4.641846602694347 51.85317881390931)</t>
  </si>
  <si>
    <t>POINT (4.621864953888162 51.84260543377957)</t>
  </si>
  <si>
    <t>POINT (4.641622977868561 51.845644897172726)</t>
  </si>
  <si>
    <t>POINT (4.637921956923037 51.85002578254636)</t>
  </si>
  <si>
    <t>POINT (4.639535200043169 51.83940247294804)</t>
  </si>
  <si>
    <t>POINT (4.647530239087701 51.830581299752815)</t>
  </si>
  <si>
    <t>POINT (4.6541173782271885 51.83054172449477)</t>
  </si>
  <si>
    <t>POINT (4.627564562275784 51.8385076562499)</t>
  </si>
  <si>
    <t>POINT (4.6408614881961805 51.845181637193164)</t>
  </si>
  <si>
    <t>POINT (4.627525320620121 51.837392805371955)</t>
  </si>
  <si>
    <t>POINT (4.6471365940029665 51.84924827702631)</t>
  </si>
  <si>
    <t>POINT (4.638998154949208 51.831847250120994)</t>
  </si>
  <si>
    <t>POINT (4.627550168714304 51.848826566382336)</t>
  </si>
  <si>
    <t>POINT (4.63741793248131 51.83758224605042)</t>
  </si>
  <si>
    <t>POINT (4.649969928988315 51.830434851532566)</t>
  </si>
  <si>
    <t>POINT (4.6484650383766795 51.831081563585144)</t>
  </si>
  <si>
    <t>POINT (4.644071666065319 51.83359123702885)</t>
  </si>
  <si>
    <t>POINT (4.632322570692027 51.847248373720646)</t>
  </si>
  <si>
    <t>POINT (4.639544845778553 51.84756424523489)</t>
  </si>
  <si>
    <t>POINT (4.655863359114712 51.83201776827609)</t>
  </si>
  <si>
    <t>POINT (4.635047910582744 51.8387446021069)</t>
  </si>
  <si>
    <t>POINT (4.6519128178568385 51.843840147895065)</t>
  </si>
  <si>
    <t>POINT (4.650793695850285 51.83062878446892)</t>
  </si>
  <si>
    <t>POINT (4.656976121987568 51.83049662239543)</t>
  </si>
  <si>
    <t>POINT (4.642521791804653 51.82726876425721)</t>
  </si>
  <si>
    <t>POINT (4.6483287220020575 51.85001083169529)</t>
  </si>
  <si>
    <t>POINT (4.648591619962144 51.84261811959928)</t>
  </si>
  <si>
    <t>POINT (4.647422034126369 51.836288424852924)</t>
  </si>
  <si>
    <t>POINT (4.62902076316895 51.8356137246352)</t>
  </si>
  <si>
    <t>POINT (4.648677147284258 51.85354556359617)</t>
  </si>
  <si>
    <t>POINT (4.635772384573646 51.84837610876175)</t>
  </si>
  <si>
    <t>POINT (4.628687405011519 51.84851931497641)</t>
  </si>
  <si>
    <t>POINT (4.648202050810353 51.8567236211318)</t>
  </si>
  <si>
    <t>POINT (4.624989706988793 51.83717861860684)</t>
  </si>
  <si>
    <t>POINT (4.623552177731202 51.84147882146594)</t>
  </si>
  <si>
    <t>POINT (4.640429985512845 51.82831613930214)</t>
  </si>
  <si>
    <t>POINT (4.6294355485354615 51.8445960951565)</t>
  </si>
  <si>
    <t>POINT (4.646041129025881 51.85231548723659)</t>
  </si>
  <si>
    <t>POINT (4.63705067888073 51.838288468291445)</t>
  </si>
  <si>
    <t>POINT (4.634450705440436 51.83801269141304)</t>
  </si>
  <si>
    <t>POINT (4.641363119097632 51.847315138138335)</t>
  </si>
  <si>
    <t>POINT (4.6417177794651625 51.84517808859667)</t>
  </si>
  <si>
    <t>POINT (4.645932026901363 51.82984313517036)</t>
  </si>
  <si>
    <t>POINT (4.635506644769971 51.83560150267403)</t>
  </si>
  <si>
    <t>POINT (4.643382899724089 51.83574155895592)</t>
  </si>
  <si>
    <t>POINT (4.647633168294713 51.848856624074635)</t>
  </si>
  <si>
    <t>POINT (4.641950476204721 51.839885240828885)</t>
  </si>
  <si>
    <t>POINT (4.651040504087158 51.833342394327275)</t>
  </si>
  <si>
    <t>POINT (4.653309525276055 51.846293800762595)</t>
  </si>
  <si>
    <t>POINT (4.650194383553566 51.830903672010315)</t>
  </si>
  <si>
    <t>POINT (4.633106560318603 51.83422881851882)</t>
  </si>
  <si>
    <t>POINT (4.643356783398743 51.8373233998543)</t>
  </si>
  <si>
    <t>POINT (4.626591999204671 51.8411080774247)</t>
  </si>
  <si>
    <t>POINT (4.648175507655497 51.8354662130274)</t>
  </si>
  <si>
    <t>POINT (4.649624096489114 51.84147266860602)</t>
  </si>
  <si>
    <t>POINT (4.653528514998134 51.83195825523324)</t>
  </si>
  <si>
    <t>POINT (4.6569375213857285 51.84975000434307)</t>
  </si>
  <si>
    <t>POINT (4.64037121050386 51.83974037502798)</t>
  </si>
  <si>
    <t>POINT (4.636963729628318 51.84655902777571)</t>
  </si>
  <si>
    <t>POINT (4.654905301865565 51.85168796505146)</t>
  </si>
  <si>
    <t>POINT (4.647406312245736 51.83282768736185)</t>
  </si>
  <si>
    <t>POINT (4.644183908438735 51.83731964911453)</t>
  </si>
  <si>
    <t>POINT (4.624985063165981 51.84259876566508)</t>
  </si>
  <si>
    <t>POINT (4.65262177294285 51.829732382864286)</t>
  </si>
  <si>
    <t>POINT (4.654434505432306 51.831559424172646)</t>
  </si>
  <si>
    <t>POINT (4.636926576525041 51.838930392529825)</t>
  </si>
  <si>
    <t>POINT (4.6491087955876536 51.8360653367981)</t>
  </si>
  <si>
    <t>POINT (4.618842548521246 51.85049573384129)</t>
  </si>
  <si>
    <t>POINT (4.651879859709244 51.85119265972854)</t>
  </si>
  <si>
    <t>POINT (4.633095012941875 51.845320773142475)</t>
  </si>
  <si>
    <t>POINT (4.641421609118642 51.84553575430117)</t>
  </si>
  <si>
    <t>POINT (4.637457269821165 51.836962278570866)</t>
  </si>
  <si>
    <t>POINT (4.6160714435383365 51.836868692291006)</t>
  </si>
  <si>
    <t>POINT (4.651760870768384 51.83359212051344)</t>
  </si>
  <si>
    <t>POINT (4.625964927404219 51.846443289135166)</t>
  </si>
  <si>
    <t>POINT (4.640983414410225 51.829937621828016)</t>
  </si>
  <si>
    <t>POINT (4.648232886171735 51.84177026281873)</t>
  </si>
  <si>
    <t>POINT (4.648101465348626 51.8329039756447)</t>
  </si>
  <si>
    <t>POINT (4.637796198234779 51.837521740612935)</t>
  </si>
  <si>
    <t>POINT (4.657119631361512 51.83524412322809)</t>
  </si>
  <si>
    <t>POINT (4.639381531596213 51.838170045909166)</t>
  </si>
  <si>
    <t>POINT (4.652279677281316 51.83159303576857)</t>
  </si>
  <si>
    <t>POINT (4.626969949450267 51.844508246581334)</t>
  </si>
  <si>
    <t>POINT (4.642464709432371 51.82896726308866)</t>
  </si>
  <si>
    <t>POINT (4.642491359224473 51.846666127229255)</t>
  </si>
  <si>
    <t>POINT (4.633994478659019 51.83839627838184)</t>
  </si>
  <si>
    <t>POINT (4.633518605562879 51.84775942271057)</t>
  </si>
  <si>
    <t>POINT (4.626691154868048 51.845549127678034)</t>
  </si>
  <si>
    <t>POINT (4.640602915459811 51.84852377613593)</t>
  </si>
  <si>
    <t>POINT (4.625843961917297 51.84157962893374)</t>
  </si>
  <si>
    <t>POINT (4.630433476891824 51.84566319525915)</t>
  </si>
  <si>
    <t>POINT (4.657941307203866 51.831814967884064)</t>
  </si>
  <si>
    <t>POINT (4.648715355406838 51.84413468273965)</t>
  </si>
  <si>
    <t>POINT (4.646220860779123 51.83168763745721)</t>
  </si>
  <si>
    <t>POINT (4.637813160239785 51.82690621524371)</t>
  </si>
  <si>
    <t>POINT (4.627701238957902 51.83728607939965)</t>
  </si>
  <si>
    <t>POINT (4.62951836891857 51.847437050789594)</t>
  </si>
  <si>
    <t>POINT (4.632963761582222 51.848825511447764)</t>
  </si>
  <si>
    <t>POINT (4.641444903731798 51.846758360532846)</t>
  </si>
  <si>
    <t>POINT (4.645646854675317 51.83483004867156)</t>
  </si>
  <si>
    <t>POINT (4.62676694256162 51.83762160121689)</t>
  </si>
  <si>
    <t>POINT (4.6474214094276665 51.83279182781324)</t>
  </si>
  <si>
    <t>POINT (4.6535730197415255 51.830115856099695)</t>
  </si>
  <si>
    <t>POINT (4.6304539487834715 51.84962733148599)</t>
  </si>
  <si>
    <t>POINT (4.6445941985528245 51.849095004317725)</t>
  </si>
  <si>
    <t>POINT (4.629983656786009 51.84911194533489)</t>
  </si>
  <si>
    <t>POINT (4.644730945511874 51.83582200201516)</t>
  </si>
  <si>
    <t>POINT (4.647777229067714 51.84205239745344)</t>
  </si>
  <si>
    <t>POINT (4.6383680693079645 51.83342897052549)</t>
  </si>
  <si>
    <t>POINT (4.630776937074355 51.834717196616204)</t>
  </si>
  <si>
    <t>POINT (4.6289025268837936 51.847810599347405)</t>
  </si>
  <si>
    <t>POINT (4.64067607119223 51.84848828663236)</t>
  </si>
  <si>
    <t>POINT (4.627280149314166 51.83816424553883)</t>
  </si>
  <si>
    <t>POINT (4.657568693324935 51.83063513718705)</t>
  </si>
  <si>
    <t>POINT (4.656123610074928 51.830284576596924)</t>
  </si>
  <si>
    <t>POINT (4.646306221847507 51.83531960027615)</t>
  </si>
  <si>
    <t>POINT (4.635300951870368 51.84298569563527)</t>
  </si>
  <si>
    <t>POINT (4.645019474573701 51.835922701898696)</t>
  </si>
  <si>
    <t>POINT (4.6392179415386705 51.839283599282666)</t>
  </si>
  <si>
    <t>POINT (4.6480373979364 51.82884967997599)</t>
  </si>
  <si>
    <t>POINT (4.632131011399793 51.84655501430286)</t>
  </si>
  <si>
    <t>POINT (4.630835268797221 51.83469959510078)</t>
  </si>
  <si>
    <t>POINT (4.623275350583251 51.843297759357455)</t>
  </si>
  <si>
    <t>POINT (4.641305370483984 51.847296793966976)</t>
  </si>
  <si>
    <t>POINT (4.644519811707856 51.83806783425981)</t>
  </si>
  <si>
    <t>POINT (4.639369190687379 51.832580367262665)</t>
  </si>
  <si>
    <t>POINT (4.640393003476349 51.85067971981057)</t>
  </si>
  <si>
    <t>POINT (4.628418971354388 51.84722321159376)</t>
  </si>
  <si>
    <t>POINT (4.644531577973008 51.850200968134125)</t>
  </si>
  <si>
    <t>POINT (4.622229373124282 51.841655008154454)</t>
  </si>
  <si>
    <t>POINT (4.646643907998521 51.85104464542018)</t>
  </si>
  <si>
    <t>POINT (4.651902805113783 51.841830095361736)</t>
  </si>
  <si>
    <t>POINT (4.640435951465455 51.83933629661958)</t>
  </si>
  <si>
    <t>POINT (4.641716368085099 51.833870241918554)</t>
  </si>
  <si>
    <t>POINT (4.639265830562335 51.83989513414268)</t>
  </si>
  <si>
    <t>POINT (4.658510540316888 51.83303274550584)</t>
  </si>
  <si>
    <t>POINT (4.642964189006215 51.84000852414888)</t>
  </si>
  <si>
    <t>POINT (4.638279639056072 51.838989979756924)</t>
  </si>
  <si>
    <t>POINT (4.63630175306385 51.846222215309574)</t>
  </si>
  <si>
    <t>POINT (4.645876948404186 51.846417892304366)</t>
  </si>
  <si>
    <t>POINT (4.621390096522724 51.842368631485776)</t>
  </si>
  <si>
    <t>POINT (4.644192526596871 51.84295559845286)</t>
  </si>
  <si>
    <t>POINT (4.641169626516004 51.848482434937765)</t>
  </si>
  <si>
    <t>POINT (4.6307028601938445 51.83999307612952)</t>
  </si>
  <si>
    <t>POINT (4.645510474997019 51.83077529476604)</t>
  </si>
  <si>
    <t>POINT (4.645983688032245 51.84522307439821)</t>
  </si>
  <si>
    <t>POINT (4.638125759424757 51.827724095772425)</t>
  </si>
  <si>
    <t>POINT (4.620853387028912 51.833825872974586)</t>
  </si>
  <si>
    <t>POINT (4.638387797120914 51.83248286692358)</t>
  </si>
  <si>
    <t>POINT (4.643377610401299 51.830788764889675)</t>
  </si>
  <si>
    <t>POINT (4.648906791025591 51.84750663328181)</t>
  </si>
  <si>
    <t>POINT (4.6359993101671515 51.83564061103484)</t>
  </si>
  <si>
    <t>POINT (4.650104740457817 51.846138895517804)</t>
  </si>
  <si>
    <t>POINT (4.6411244311969355 51.83719238118793)</t>
  </si>
  <si>
    <t>POINT (4.636195401628619 51.8336247966741)</t>
  </si>
  <si>
    <t>POINT (4.633972943945892 51.83447707530283)</t>
  </si>
  <si>
    <t>POINT (4.648181102057301 51.83070225201466)</t>
  </si>
  <si>
    <t>POINT (4.650613628020193 51.83365683681518)</t>
  </si>
  <si>
    <t>POINT (4.627423070273146 51.839153925881845)</t>
  </si>
  <si>
    <t>POINT (4.629943369374629 51.83597023842842)</t>
  </si>
  <si>
    <t>POINT (4.650141308738863 51.83148760247463)</t>
  </si>
  <si>
    <t>POINT (4.630337524399195 51.84791873365039)</t>
  </si>
  <si>
    <t>POINT (4.638174952302493 51.8400499754011)</t>
  </si>
  <si>
    <t>POINT (4.651206106502786 51.84039099582165)</t>
  </si>
  <si>
    <t>POINT (4.65182570540757 51.842332393113175)</t>
  </si>
  <si>
    <t>POINT (4.640268043600635 51.84771266671476)</t>
  </si>
  <si>
    <t>POINT (4.63858915973877 51.82909541774631)</t>
  </si>
  <si>
    <t>POINT (4.632719586805125 51.83481059648651)</t>
  </si>
  <si>
    <t>POINT (4.640815785625474 51.84618807712473)</t>
  </si>
  <si>
    <t>POINT (4.641177141225733 51.84890494975889)</t>
  </si>
  <si>
    <t>POINT (4.634049273885195 51.83772247899236)</t>
  </si>
  <si>
    <t>POINT (4.635195449805788 51.84642187417679)</t>
  </si>
  <si>
    <t>POINT (4.642324959462029 51.826889990606205)</t>
  </si>
  <si>
    <t>POINT (4.630991935582157 51.84870496456478)</t>
  </si>
  <si>
    <t>POINT (4.655743074502595 51.83227769015236)</t>
  </si>
  <si>
    <t>POINT (4.627985496401594 51.849692294571945)</t>
  </si>
  <si>
    <t>POINT (4.636040830721972 51.837501533276246)</t>
  </si>
  <si>
    <t>POINT (4.640566592544836 51.84458651030776)</t>
  </si>
  <si>
    <t>POINT (4.63463088214766 51.83417567988126)</t>
  </si>
  <si>
    <t>POINT (4.627858069149709 51.838311804012434)</t>
  </si>
  <si>
    <t>POINT (4.628802525224039 51.83651118353368)</t>
  </si>
  <si>
    <t>POINT (4.643601724361824 51.84955035372545)</t>
  </si>
  <si>
    <t>POINT (4.623348358989999 51.8432712683314)</t>
  </si>
  <si>
    <t>POINT (4.644490505355151 51.83392729566079)</t>
  </si>
  <si>
    <t>POINT (4.639397228794123 51.84858801279278)</t>
  </si>
  <si>
    <t>POINT (4.642910958279484 51.83110026688258)</t>
  </si>
  <si>
    <t>POINT (4.649058838205331 51.83025834103858)</t>
  </si>
  <si>
    <t>POINT (4.629259684149091 51.83607369045174)</t>
  </si>
  <si>
    <t>POINT (4.636837294220575 51.84805033845782)</t>
  </si>
  <si>
    <t>POINT (4.622500785365694 51.84190845950132)</t>
  </si>
  <si>
    <t>POINT (4.633948776673223 51.848939698694046)</t>
  </si>
  <si>
    <t>POINT (4.629610729764675 51.847123043214346)</t>
  </si>
  <si>
    <t>POINT (4.625878315644967 51.84641576152462)</t>
  </si>
  <si>
    <t>POINT (4.632831221851801 51.8342090720889)</t>
  </si>
  <si>
    <t>POINT (4.648804477279086 51.84578016779871)</t>
  </si>
  <si>
    <t>POINT (4.63062562790189 51.847183519352846)</t>
  </si>
  <si>
    <t>POINT (4.623601010747755 51.84377627805964)</t>
  </si>
  <si>
    <t>POINT (4.6306975060440285 51.8506805751968)</t>
  </si>
  <si>
    <t>POINT (4.635698312509765 51.83324853117475)</t>
  </si>
  <si>
    <t>POINT (4.620928895007884 51.83877014694814)</t>
  </si>
  <si>
    <t>POINT (4.655892241316781 51.83023819203447)</t>
  </si>
  <si>
    <t>POINT (4.646452764102569 51.829936309246605)</t>
  </si>
  <si>
    <t>POINT (4.626053361913319 51.8463629643722)</t>
  </si>
  <si>
    <t>POINT (4.630636861638753 51.83528258112092)</t>
  </si>
  <si>
    <t>POINT (4.6488774709460925 51.84929519120981)</t>
  </si>
  <si>
    <t>POINT (4.629384046879892 51.83816885677954)</t>
  </si>
  <si>
    <t>POINT (4.643737092124314 51.85208519410463)</t>
  </si>
  <si>
    <t>POINT (4.644062563894832 51.833121808753134)</t>
  </si>
  <si>
    <t>POINT (4.64955824865805 51.83624653291748)</t>
  </si>
  <si>
    <t>POINT (4.657645768597633 51.84110740619487)</t>
  </si>
  <si>
    <t>POINT (4.630449515526297 51.8456742917834)</t>
  </si>
  <si>
    <t>POINT (4.634112617660233 51.8486890669728)</t>
  </si>
  <si>
    <t>POINT (4.633539510873693 51.8465101318194)</t>
  </si>
  <si>
    <t>POINT (4.641122487131784 51.83502905542555)</t>
  </si>
  <si>
    <t>POINT (4.63339594180207 51.837745251770286)</t>
  </si>
  <si>
    <t>POINT (4.634867251620315 51.83566032748612)</t>
  </si>
  <si>
    <t>POINT (4.628437704541359 51.836634667711046)</t>
  </si>
  <si>
    <t>POINT (4.624381527871872 51.84139036223508)</t>
  </si>
  <si>
    <t>POINT (4.636046048176153 51.83805886467692)</t>
  </si>
  <si>
    <t>POINT (4.652339328699624 51.84527201452258)</t>
  </si>
  <si>
    <t>POINT (4.64073324949436 51.84678979290132)</t>
  </si>
  <si>
    <t>POINT (4.634449354624025 51.82680379262967)</t>
  </si>
  <si>
    <t>POINT (4.647250862729534 51.844943430195904)</t>
  </si>
  <si>
    <t>POINT (4.64980536054363 51.83073943273459)</t>
  </si>
  <si>
    <t>POINT (4.6448098778907285 51.852163890808164)</t>
  </si>
  <si>
    <t>POINT (4.627431340815354 51.83694276287903)</t>
  </si>
  <si>
    <t>POINT (4.6513472441742385 51.840863281880004)</t>
  </si>
  <si>
    <t>POINT (4.646225849109549 51.835795492564564)</t>
  </si>
  <si>
    <t>POINT (4.629999890405987 51.836060489862)</t>
  </si>
  <si>
    <t>POINT (4.64133394710306 51.84732394149031)</t>
  </si>
  <si>
    <t>POINT (4.656224668600805 51.835510146349456)</t>
  </si>
  <si>
    <t>POINT (4.623526631078628 51.851586955460895)</t>
  </si>
  <si>
    <t>POINT (4.631866247028136 51.835515214933395)</t>
  </si>
  <si>
    <t>POINT (4.630232145512092 51.84641694600401)</t>
  </si>
  <si>
    <t>POINT (4.6402148956293745 51.829914756340365)</t>
  </si>
  <si>
    <t>POINT (4.635085616258232 51.84691554744065)</t>
  </si>
  <si>
    <t>POINT (4.6280247260096745 51.851670055763734)</t>
  </si>
  <si>
    <t>POINT (4.646108199038075 51.837655404594166)</t>
  </si>
  <si>
    <t>POINT (4.649803763399904 51.8400115306044)</t>
  </si>
  <si>
    <t>POINT (4.64909419074227 51.83164281908401)</t>
  </si>
  <si>
    <t>POINT (4.65251788679607 51.82987555144819)</t>
  </si>
  <si>
    <t>POINT (4.626688529297334 51.84848851555213)</t>
  </si>
  <si>
    <t>POINT (4.649117972161602 51.83107668220555)</t>
  </si>
  <si>
    <t>POINT (4.635881687975296 51.837473548852664)</t>
  </si>
  <si>
    <t>POINT (4.630146206133222 51.83857826489314)</t>
  </si>
  <si>
    <t>POINT (4.638830581391212 51.840764261666635)</t>
  </si>
  <si>
    <t>POINT (4.645373802468907 51.84876974301487)</t>
  </si>
  <si>
    <t>POINT (4.648739395980815 51.835586614239475)</t>
  </si>
  <si>
    <t>POINT (4.641457250861472 51.84425959024312)</t>
  </si>
  <si>
    <t>POINT (4.645810540144557 51.841635504677974)</t>
  </si>
  <si>
    <t>POINT (4.649308280189392 51.84087346837874)</t>
  </si>
  <si>
    <t>POINT (4.6270980044366965 51.83605971373554)</t>
  </si>
  <si>
    <t>POINT (4.643427165152416 51.83569689605296)</t>
  </si>
  <si>
    <t>POINT (4.639908612893296 51.83788576466966)</t>
  </si>
  <si>
    <t>POINT (4.629237808643173 51.84772287750075)</t>
  </si>
  <si>
    <t>POINT (4.650909797412445 51.844831602989444)</t>
  </si>
  <si>
    <t>POINT (4.635335727807618 51.83801836287279)</t>
  </si>
  <si>
    <t>POINT (4.62544204675445 51.837028746963824)</t>
  </si>
  <si>
    <t>POINT (4.642117897301675 51.853450195301214)</t>
  </si>
  <si>
    <t>POINT (4.656880555970448 51.83345078207904)</t>
  </si>
  <si>
    <t>POINT (4.6292022657871 51.83517445110514)</t>
  </si>
  <si>
    <t>POINT (4.65782245538463 51.83405306295545)</t>
  </si>
  <si>
    <t>POINT (4.650030956779969 51.84016146808002)</t>
  </si>
  <si>
    <t>POINT (4.6402426504591086 51.84836867755112)</t>
  </si>
  <si>
    <t>POINT (4.632594073409832 51.84750180173132)</t>
  </si>
  <si>
    <t>POINT (4.625859849475793 51.84493250989445)</t>
  </si>
  <si>
    <t>POINT (4.648203653972843 51.82932712665145)</t>
  </si>
  <si>
    <t>POINT (4.640054431736792 51.82734297143623)</t>
  </si>
  <si>
    <t>POINT (4.625147625633874 51.83727851939291)</t>
  </si>
  <si>
    <t>POINT (4.640087194053991 51.84811600593339)</t>
  </si>
  <si>
    <t>POINT (4.636951164567582 51.84644209481194)</t>
  </si>
  <si>
    <t>POINT (4.658001224551398 51.8316984874581)</t>
  </si>
  <si>
    <t>POINT (4.64639038576928 51.84873121801179)</t>
  </si>
  <si>
    <t>POINT (4.630391605040498 51.84556404995117)</t>
  </si>
  <si>
    <t>POINT (4.64846039376634 51.84075094201788)</t>
  </si>
  <si>
    <t>POINT (4.642074278478782 51.84380508586723)</t>
  </si>
  <si>
    <t>POINT (4.631362364704692 51.84652310264061)</t>
  </si>
  <si>
    <t>POINT (4.638376292756014 51.84801522033368)</t>
  </si>
  <si>
    <t>POINT (4.650064493813973 51.84505101537388)</t>
  </si>
  <si>
    <t>POINT (4.64407963155247 51.83312146736695)</t>
  </si>
  <si>
    <t>POINT (4.634893514718382 51.834087476467644)</t>
  </si>
  <si>
    <t>POINT (4.640752512101626 51.83599452320609)</t>
  </si>
  <si>
    <t>POINT (4.638926546310743 51.83411325347212)</t>
  </si>
  <si>
    <t>POINT (4.65282361194884 51.84494246437512)</t>
  </si>
  <si>
    <t>POINT (4.642376965672501 51.83339812523538)</t>
  </si>
  <si>
    <t>POINT (4.626417402191774 51.83941707362544)</t>
  </si>
  <si>
    <t>POINT (4.641550728018691 51.847379250358095)</t>
  </si>
  <si>
    <t>POINT (4.635525254985816 51.84917753840677)</t>
  </si>
  <si>
    <t>POINT (4.632580908176129 51.837892823139114)</t>
  </si>
  <si>
    <t>POINT (4.640564931667224 51.83331198996072)</t>
  </si>
  <si>
    <t>POINT (4.651236515940435 51.83016415070264)</t>
  </si>
  <si>
    <t>POINT (4.626549348934033 51.8393370304521)</t>
  </si>
  <si>
    <t>POINT (4.651914696511306 51.84550306106134)</t>
  </si>
  <si>
    <t>POINT (4.657735565827866 51.8355619620963)</t>
  </si>
  <si>
    <t>POINT (4.646993622430371 51.836753135167214)</t>
  </si>
  <si>
    <t>POINT (4.640252794319692 51.83813064925793)</t>
  </si>
  <si>
    <t>POINT (4.630060671911351 51.83935073990887)</t>
  </si>
  <si>
    <t>POINT (4.647575295524421 51.83992818281041)</t>
  </si>
  <si>
    <t>POINT (4.630469581113151 51.844378047479694)</t>
  </si>
  <si>
    <t>POINT (4.643632796557325 51.83554539126118)</t>
  </si>
  <si>
    <t>POINT (4.647963542753086 51.82893011296622)</t>
  </si>
  <si>
    <t>POINT (4.639734720627096 51.83612287726768)</t>
  </si>
  <si>
    <t>POINT (4.640276831208226 51.82792865139668)</t>
  </si>
  <si>
    <t>POINT (4.647319598183143 51.84252591349041)</t>
  </si>
  <si>
    <t>POINT (4.643817929524572 51.83092545856875)</t>
  </si>
  <si>
    <t>POINT (4.621501145774911 51.840104206690306)</t>
  </si>
  <si>
    <t>POINT (4.634826778287778 51.83721510977725)</t>
  </si>
  <si>
    <t>POINT (4.646442111096084 51.8349968656629)</t>
  </si>
  <si>
    <t>POINT (4.6487894825549665 51.828989243708925)</t>
  </si>
  <si>
    <t>POINT (4.638741782587356 51.83213456590773)</t>
  </si>
  <si>
    <t>POINT (4.63746423696728 51.83809037502769)</t>
  </si>
  <si>
    <t>POINT (4.652042092024828 51.84392185533974)</t>
  </si>
  <si>
    <t>POINT (4.637830148481795 51.837225331005904)</t>
  </si>
  <si>
    <t>POINT (4.626904214435182 51.846683080819446)</t>
  </si>
  <si>
    <t>POINT (4.64173379286974 51.84684109304464)</t>
  </si>
  <si>
    <t>POINT (4.646900637223841 51.832698657999586)</t>
  </si>
  <si>
    <t>POINT (4.648152390834448 51.8483737868592)</t>
  </si>
  <si>
    <t>POINT (4.634628141175392 51.849105851003266)</t>
  </si>
  <si>
    <t>POINT (4.642225131280376 51.83731622400122)</t>
  </si>
  <si>
    <t>POINT (4.655747743314553 51.83199008191306)</t>
  </si>
  <si>
    <t>POINT (4.6309082588201 51.83467309930874)</t>
  </si>
  <si>
    <t>POINT (4.64380618773726 51.844382350493426)</t>
  </si>
  <si>
    <t>POINT (4.640281553648753 51.846022883831694)</t>
  </si>
  <si>
    <t>POINT (4.641669149507426 51.840225024112925)</t>
  </si>
  <si>
    <t>POINT (4.658787195777408 51.83154157130228)</t>
  </si>
  <si>
    <t>POINT (4.644855226266108 51.847651871901)</t>
  </si>
  <si>
    <t>POINT (4.644377275388263 51.84495225081381)</t>
  </si>
  <si>
    <t>POINT (4.648468066322871 51.8300119303593)</t>
  </si>
  <si>
    <t>POINT (4.6454652040542745 51.85133883785669)</t>
  </si>
  <si>
    <t>POINT (4.625801928506213 51.841251332335645)</t>
  </si>
  <si>
    <t>POINT (4.63479725977462 51.83811378848423)</t>
  </si>
  <si>
    <t>POINT (4.649106210828032 51.840003093299096)</t>
  </si>
  <si>
    <t>POINT (4.636339895155092 51.83952131448726)</t>
  </si>
  <si>
    <t>POINT (4.64022114795846 51.83916414530197)</t>
  </si>
  <si>
    <t>POINT (4.6406490723586815 51.84749037344435)</t>
  </si>
  <si>
    <t>POINT (4.64423793384483 51.85251981954394)</t>
  </si>
  <si>
    <t>POINT (4.628656347106011 51.83829898733693)</t>
  </si>
  <si>
    <t>POINT (4.637930843942125 51.8268080909684)</t>
  </si>
  <si>
    <t>POINT (4.636062082386055 51.837097178734965)</t>
  </si>
  <si>
    <t>POINT (4.639174961293431 51.83400697252981)</t>
  </si>
  <si>
    <t>POINT (4.630397560985077 51.84952809268983)</t>
  </si>
  <si>
    <t>POINT (4.642166459542404 51.84700563521614)</t>
  </si>
  <si>
    <t>POINT (4.6316539060294 51.83519924452557)</t>
  </si>
  <si>
    <t>POINT (4.646397406009455 51.83506849293077)</t>
  </si>
  <si>
    <t>POINT (4.64418762826915 51.83158205813588)</t>
  </si>
  <si>
    <t>POINT (4.6339796220826495 51.83320971373566)</t>
  </si>
  <si>
    <t>POINT (4.6504527051439215 51.83107607839592)</t>
  </si>
  <si>
    <t>POINT (4.6465862017860085 51.850866207237864)</t>
  </si>
  <si>
    <t>POINT (4.640067867252975 51.841318608383254)</t>
  </si>
  <si>
    <t>POINT (4.642989221358566 51.84288505645096)</t>
  </si>
  <si>
    <t>POINT (4.656155449995187 51.83368740760033)</t>
  </si>
  <si>
    <t>POINT (4.644665092464819 51.84774055622993)</t>
  </si>
  <si>
    <t>POINT (4.643941903369975 51.84671127323757)</t>
  </si>
  <si>
    <t>POINT (4.629336904569974 51.83665845353526)</t>
  </si>
  <si>
    <t>POINT (4.639273449797411 51.835940165821995)</t>
  </si>
  <si>
    <t>POINT (4.634421037548121 51.82763057055784)</t>
  </si>
  <si>
    <t>POINT (4.629897018841381 51.84476985746598)</t>
  </si>
  <si>
    <t>POINT (4.641784598575333 51.83061686341601)</t>
  </si>
  <si>
    <t>POINT (4.630169897883503 51.83544136704011)</t>
  </si>
  <si>
    <t>POINT (4.628335088115552 51.8366969252144)</t>
  </si>
  <si>
    <t>POINT (4.632115628232452 51.83881566550289)</t>
  </si>
  <si>
    <t>POINT (4.626533442168013 51.83770098665119)</t>
  </si>
  <si>
    <t>POINT (4.628732254541948 51.83637589925702)</t>
  </si>
  <si>
    <t>POINT (4.655368267527617 51.844634761628775)</t>
  </si>
  <si>
    <t>POINT (4.629054439616624 51.848270002656456)</t>
  </si>
  <si>
    <t>POINT (4.643319882113404 51.83077042171169)</t>
  </si>
  <si>
    <t>POINT (4.635959446314773 51.83803134449573)</t>
  </si>
  <si>
    <t>POINT (4.62969175233698 51.84662020026512)</t>
  </si>
  <si>
    <t>POINT (4.642358171734653 51.82839131144862)</t>
  </si>
  <si>
    <t>POINT (4.648827668585738 51.84145817937584)</t>
  </si>
  <si>
    <t>POINT (4.647222110079605 51.84757692594105)</t>
  </si>
  <si>
    <t>POINT (4.625169760827418 51.84111683193519)</t>
  </si>
  <si>
    <t>POINT (4.640135677476563 51.83348805275613)</t>
  </si>
  <si>
    <t>POINT (4.6250790542210165 51.84133197155031)</t>
  </si>
  <si>
    <t>POINT (4.644453965742239 51.84558194233629)</t>
  </si>
  <si>
    <t>POINT (4.644761596754293 51.852451222474855)</t>
  </si>
  <si>
    <t>POINT (4.626571808152457 51.83800685056435)</t>
  </si>
  <si>
    <t>POINT (4.645615097547054 51.8411668597211)</t>
  </si>
  <si>
    <t>POINT (4.637195523185244 51.83699656133796)</t>
  </si>
  <si>
    <t>POINT (4.637880595027524 51.82634035840693)</t>
  </si>
  <si>
    <t>POINT (4.64749344934316 51.83997536999579)</t>
  </si>
  <si>
    <t>POINT (4.630267875037848 51.839109381649614)</t>
  </si>
  <si>
    <t>POINT (4.636966553223328 51.83506253234413)</t>
  </si>
  <si>
    <t>POINT (4.637167806863758 51.83238084985752)</t>
  </si>
  <si>
    <t>POINT (4.635195574263654 51.83511412161157)</t>
  </si>
  <si>
    <t>POINT (4.635885854242869 51.83809379428637)</t>
  </si>
  <si>
    <t>POINT (4.637574468941013 51.82853184122247)</t>
  </si>
  <si>
    <t>POINT (4.649789025169809 51.845921185318204)</t>
  </si>
  <si>
    <t>POINT (4.638095680646424 51.84045395990582)</t>
  </si>
  <si>
    <t>POINT (4.644639803288699 51.83078776754245)</t>
  </si>
  <si>
    <t>POINT (4.644323333958997 51.84734289340908)</t>
  </si>
  <si>
    <t>POINT (4.643884302801853 51.84668394261094)</t>
  </si>
  <si>
    <t>POINT (4.625129186090696 51.84179970850462)</t>
  </si>
  <si>
    <t>POINT (4.640320643257246 51.85154217085337)</t>
  </si>
  <si>
    <t>POINT (4.640140518062093 51.84665119306787)</t>
  </si>
  <si>
    <t>POINT (4.639617463813445 51.83619404002175)</t>
  </si>
  <si>
    <t>POINT (4.641257357732374 51.85033941135079)</t>
  </si>
  <si>
    <t>POINT (4.627310244000324 51.84068127177176)</t>
  </si>
  <si>
    <t>POINT (4.64509970946181 51.842502914215565)</t>
  </si>
  <si>
    <t>POINT (4.65678937293955 51.83127747454648)</t>
  </si>
  <si>
    <t>POINT (4.64887200187055 51.84100124087415)</t>
  </si>
  <si>
    <t>POINT (4.639088812979869 51.83395249147075)</t>
  </si>
  <si>
    <t>POINT (4.6296267620653655 51.840129955957245)</t>
  </si>
  <si>
    <t>POINT (4.641118497308049 51.848940531785225)</t>
  </si>
  <si>
    <t>POINT (4.649643145865502 51.8410891432011)</t>
  </si>
  <si>
    <t>POINT (4.6322933990008215 51.83946399369053)</t>
  </si>
  <si>
    <t>POINT (4.650153259688605 51.84054069461102)</t>
  </si>
  <si>
    <t>POINT (4.631447934507656 51.835368703686676)</t>
  </si>
  <si>
    <t>POINT (4.644807408574453 51.84615046335379)</t>
  </si>
  <si>
    <t>POINT (4.64141933144101 51.82814265573127)</t>
  </si>
  <si>
    <t>POINT (4.640953606629075 51.836993544599714)</t>
  </si>
  <si>
    <t>POINT (4.6439934436489825 51.831517521588566)</t>
  </si>
  <si>
    <t>POINT (4.641997326924727 51.843193368168535)</t>
  </si>
  <si>
    <t>POINT (4.625446292519285 51.838493930522354)</t>
  </si>
  <si>
    <t>POINT (4.631387322645819 51.838981763819184)</t>
  </si>
  <si>
    <t>POINT (4.636429159173318 51.83938666872143)</t>
  </si>
  <si>
    <t>POINT (4.634373626298806 51.83654704235925)</t>
  </si>
  <si>
    <t>POINT (4.643568837939732 51.84993875210041)</t>
  </si>
  <si>
    <t>POINT (4.654515698913026 51.83191947770965)</t>
  </si>
  <si>
    <t>POINT (4.632023811981874 51.84602399321609)</t>
  </si>
  <si>
    <t>POINT (4.645959905879768 51.848431875531546)</t>
  </si>
  <si>
    <t>POINT (4.642819971857838 51.82853805985183)</t>
  </si>
  <si>
    <t>POINT (4.639334347848457 51.8401382647873)</t>
  </si>
  <si>
    <t>POINT (4.642884800074048 51.84656974675515)</t>
  </si>
  <si>
    <t>POINT (4.647667584440924 51.832820344975886)</t>
  </si>
  <si>
    <t>POINT (4.6405999306905725 51.839948569232824)</t>
  </si>
  <si>
    <t>POINT (4.638467602165033 51.850379821000914)</t>
  </si>
  <si>
    <t>POINT (4.625498794424346 51.84136435822145)</t>
  </si>
  <si>
    <t>POINT (4.622405446485918 51.839831451892934)</t>
  </si>
  <si>
    <t>POINT (4.641977605004713 51.8329821114674)</t>
  </si>
  <si>
    <t>POINT (4.63743475139368 51.82861642227203)</t>
  </si>
  <si>
    <t>POINT (4.630364546367905 51.84544702276591)</t>
  </si>
  <si>
    <t>POINT (4.6420888179934625 51.84555796777569)</t>
  </si>
  <si>
    <t>POINT (4.652826842976282 51.8465244877344)</t>
  </si>
  <si>
    <t>POINT (4.639210812088518 51.848451995439426)</t>
  </si>
  <si>
    <t>POINT (4.639118275188211 51.8339257131899)</t>
  </si>
  <si>
    <t>POINT (4.631825972495553 51.84657102956009)</t>
  </si>
  <si>
    <t>POINT (4.651055933665173 51.844769598740314)</t>
  </si>
  <si>
    <t>POINT (4.645047629722704 51.849675715980176)</t>
  </si>
  <si>
    <t>POINT (4.625245854329035 51.843481349285064)</t>
  </si>
  <si>
    <t>POINT (4.64010490534922 51.82867361804345)</t>
  </si>
  <si>
    <t>POINT (4.64955077498862 51.84894886554033)</t>
  </si>
  <si>
    <t>POINT (4.639566143402536 51.835789222748495)</t>
  </si>
  <si>
    <t>POINT (4.636544673830536 51.83285643992564)</t>
  </si>
  <si>
    <t>POINT (4.643520063700304 51.829189682522724)</t>
  </si>
  <si>
    <t>POINT (4.651217404470944 51.840946476025486)</t>
  </si>
  <si>
    <t>POINT (4.647246457374457 51.84256140718882)</t>
  </si>
  <si>
    <t>POINT (4.642303528031353 51.85012557002095)</t>
  </si>
  <si>
    <t>POINT (4.636526776861133 51.833877547625356)</t>
  </si>
  <si>
    <t>POINT (4.6565858506273425 51.83612646420912)</t>
  </si>
  <si>
    <t>POINT (4.649610335900915 51.83290447745911)</t>
  </si>
  <si>
    <t>POINT (4.649738722464246 51.846334347576914)</t>
  </si>
  <si>
    <t>POINT (4.6399103774664745 51.84565198670094)</t>
  </si>
  <si>
    <t>POINT (4.645742282017049 51.85283494243615)</t>
  </si>
  <si>
    <t>POINT (4.656952512266855 51.840905345752006)</t>
  </si>
  <si>
    <t>POINT (4.630268763351917 51.849419398424494)</t>
  </si>
  <si>
    <t>POINT (4.636858269933849 51.845920158458476)</t>
  </si>
  <si>
    <t>POINT (4.634450986908088 51.84494296168622)</t>
  </si>
  <si>
    <t>POINT (4.628670912127458 51.83571034013707)</t>
  </si>
  <si>
    <t>POINT (4.650685124747378 51.85337326972831)</t>
  </si>
  <si>
    <t>POINT (4.652644746654505 51.84143189504183)</t>
  </si>
  <si>
    <t>POINT (4.639615690355068 51.83377381830087)</t>
  </si>
  <si>
    <t>POINT (4.655868739221787 51.83547989388652)</t>
  </si>
  <si>
    <t>POINT (4.630022925307195 51.84418640559456)</t>
  </si>
  <si>
    <t>POINT (4.632099020550993 51.836343671294756)</t>
  </si>
  <si>
    <t>POINT (4.647997552591343 51.84454364399978)</t>
  </si>
  <si>
    <t>POINT (4.629348484525264 51.84459553320343)</t>
  </si>
  <si>
    <t>POINT (4.624659492843248 51.84125733772185)</t>
  </si>
  <si>
    <t>POINT (4.638122545715234 51.82662055209432)</t>
  </si>
  <si>
    <t>POINT (4.64123922858616 51.83989870105071)</t>
  </si>
  <si>
    <t>POINT (4.6400778917628465 51.8346778848539)</t>
  </si>
  <si>
    <t>POINT (4.634306854217583 51.83533314217445)</t>
  </si>
  <si>
    <t>POINT (4.654753984454833 51.83243331880807)</t>
  </si>
  <si>
    <t>POINT (4.657316433246219 51.833811142956606)</t>
  </si>
  <si>
    <t>POINT (4.649422837954621 51.83195049998371)</t>
  </si>
  <si>
    <t>POINT (4.647388808863465 51.83212646051963)</t>
  </si>
  <si>
    <t>POINT (4.628976361964213 51.849780943617795)</t>
  </si>
  <si>
    <t>POINT (4.6401206368682875 51.84434996816903)</t>
  </si>
  <si>
    <t>POINT (4.644195224167506 51.84899256239446)</t>
  </si>
  <si>
    <t>POINT (4.631367974844854 51.83494572070697)</t>
  </si>
  <si>
    <t>POINT (4.656071858419949 51.83476972439494)</t>
  </si>
  <si>
    <t>POINT (4.647655302609016 51.84103336673404)</t>
  </si>
  <si>
    <t>POINT (4.653164711615975 51.83469752447345)</t>
  </si>
  <si>
    <t>POINT (4.635448781729309 51.84515609406773)</t>
  </si>
  <si>
    <t>POINT (4.64863772361589 51.84355892017952)</t>
  </si>
  <si>
    <t>POINT (4.649739154220837 51.83035250385161)</t>
  </si>
  <si>
    <t>POINT (4.652470513669229 51.84523688090371)</t>
  </si>
  <si>
    <t>POINT (4.628870930856885 51.84796320272624)</t>
  </si>
  <si>
    <t>POINT (4.643288185193328 51.8458711876147)</t>
  </si>
  <si>
    <t>POINT (4.633943506939273 51.83797348342367)</t>
  </si>
  <si>
    <t>POINT (4.652414732766376 51.829973781164426)</t>
  </si>
  <si>
    <t>POINT (4.6488611977513195 51.84409065668468)</t>
  </si>
  <si>
    <t>POINT (4.630348676194738 51.845527818532695)</t>
  </si>
  <si>
    <t>POINT (4.640149956233476 51.84433217739368)</t>
  </si>
  <si>
    <t>POINT (4.6338138650258625 51.8448579771016)</t>
  </si>
  <si>
    <t>POINT (4.633086393777848 51.849302698526934)</t>
  </si>
  <si>
    <t>POINT (4.6524411945458155 51.846144551545805)</t>
  </si>
  <si>
    <t>POINT (4.634954962035523 51.845179897200296)</t>
  </si>
  <si>
    <t>POINT (4.63792769748681 51.84008435232356)</t>
  </si>
  <si>
    <t>POINT (4.624980652724774 51.84285940881371)</t>
  </si>
  <si>
    <t>POINT (4.629162927913668 51.85217178595218)</t>
  </si>
  <si>
    <t>POINT (4.640923103090444 51.82744737314411)</t>
  </si>
  <si>
    <t>POINT (4.6492327153692 51.84516099789266)</t>
  </si>
  <si>
    <t>POINT (4.643728702219355 51.83141635842942)</t>
  </si>
  <si>
    <t>POINT (4.636078443542598 51.83291917385431)</t>
  </si>
  <si>
    <t>POINT (4.644525395689817 51.8518115343302)</t>
  </si>
  <si>
    <t>POINT (4.634753538569128 51.83638768181636)</t>
  </si>
  <si>
    <t>POINT (4.6478592113993455 51.85120336718123)</t>
  </si>
  <si>
    <t>POINT (4.640713221023248 51.836614491952716)</t>
  </si>
  <si>
    <t>POINT (4.628125917203655 51.83705512031795)</t>
  </si>
  <si>
    <t>POINT (4.630232458905863 51.83517210989852)</t>
  </si>
  <si>
    <t>POINT (4.641289377897078 51.82810587524788)</t>
  </si>
  <si>
    <t>POINT (4.625245044952398 51.84095552425783)</t>
  </si>
  <si>
    <t>POINT (4.648914588516062 51.83109338055315)</t>
  </si>
  <si>
    <t>POINT (4.648936212554817 51.84213995087498)</t>
  </si>
  <si>
    <t>POINT (4.637051995038011 51.82743390594061)</t>
  </si>
  <si>
    <t>POINT (4.6525430683533635 51.8452373349136)</t>
  </si>
  <si>
    <t>POINT (4.6424701507981005 51.84970415998859)</t>
  </si>
  <si>
    <t>POINT (4.64556929597993 51.83601606339886)</t>
  </si>
  <si>
    <t>POINT (4.658233356304964 51.84245935414445)</t>
  </si>
  <si>
    <t>POINT (4.626111254953632 51.84637232834106)</t>
  </si>
  <si>
    <t>POINT (4.6547743371005765 51.83527174279651)</t>
  </si>
  <si>
    <t>POINT (4.622919517333172 51.839466263492945)</t>
  </si>
  <si>
    <t>POINT (4.654360657183887 51.83163986117543)</t>
  </si>
  <si>
    <t>POINT (4.643279451104941 51.83497686615829)</t>
  </si>
  <si>
    <t>POINT (4.649747053119134 51.84671192345582)</t>
  </si>
  <si>
    <t>POINT (4.62899992592808 51.84461126014449)</t>
  </si>
  <si>
    <t>POINT (4.643717334426819 51.83042238129447)</t>
  </si>
  <si>
    <t>POINT (4.656862138208502 51.8341377070262)</t>
  </si>
  <si>
    <t>POINT (4.646885835000137 51.83271654199615)</t>
  </si>
  <si>
    <t>POINT (4.6529316843903565 51.83119048656245)</t>
  </si>
  <si>
    <t>POINT (4.629531858304877 51.836282187178966)</t>
  </si>
  <si>
    <t>POINT (4.62630713952521 51.836495036024374)</t>
  </si>
  <si>
    <t>POINT (4.641270845768492 51.844123576111166)</t>
  </si>
  <si>
    <t>POINT (4.626939019335731 51.848826314141895)</t>
  </si>
  <si>
    <t>POINT (4.644695097520863 51.850819558898465)</t>
  </si>
  <si>
    <t>POINT (4.6423264519402725 51.832366596670816)</t>
  </si>
  <si>
    <t>POINT (4.651409549247812 51.8418319668221)</t>
  </si>
  <si>
    <t>POINT (4.652251189531439 51.83288508651734)</t>
  </si>
  <si>
    <t>POINT (4.656436083431293 51.8340672091385)</t>
  </si>
  <si>
    <t>POINT (4.646838962175242 51.84969583348847)</t>
  </si>
  <si>
    <t>POINT (4.647146608721471 51.83803947926327)</t>
  </si>
  <si>
    <t>POINT (4.624571826726291 51.84129272302196)</t>
  </si>
  <si>
    <t>POINT (4.655687950135448 51.84907714719759)</t>
  </si>
  <si>
    <t>POINT (4.644941385083183 51.8521107902488)</t>
  </si>
  <si>
    <t>POINT (4.630326533391673 51.851163572615725)</t>
  </si>
  <si>
    <t>POINT (4.6499802660637 51.84042775351419)</t>
  </si>
  <si>
    <t>POINT (4.639058007598779 51.83406015929614)</t>
  </si>
  <si>
    <t>POINT (4.6367735694227505 51.833095384408445)</t>
  </si>
  <si>
    <t>POINT (4.658623990728089 51.83176527506906)</t>
  </si>
  <si>
    <t>POINT (4.621049819734608 51.84104507444517)</t>
  </si>
  <si>
    <t>POINT (4.649817475081677 51.82911255881855)</t>
  </si>
  <si>
    <t>POINT (4.640191615263685 51.85057057485904)</t>
  </si>
  <si>
    <t>POINT (4.637118259134092 51.839024506360126)</t>
  </si>
  <si>
    <t>POINT (4.649093290675795 51.840376284302906)</t>
  </si>
  <si>
    <t>POINT (4.642603926062167 51.830199595556344)</t>
  </si>
  <si>
    <t>POINT (4.628738172869701 51.8351624648325)</t>
  </si>
  <si>
    <t>POINT (4.641925332482054 51.85192989040682)</t>
  </si>
  <si>
    <t>POINT (4.650907998210992 51.83428789035924)</t>
  </si>
  <si>
    <t>POINT (4.653510007379816 51.84354510069064)</t>
  </si>
  <si>
    <t>POINT (4.648599385819747 51.84001246297557)</t>
  </si>
  <si>
    <t>POINT (4.645042113557769 51.8424755841519)</t>
  </si>
  <si>
    <t>POINT (4.648719282113718 51.83313480991476)</t>
  </si>
  <si>
    <t>POINT (4.645214320947544 51.85228329965262)</t>
  </si>
  <si>
    <t>POINT (4.640194084293268 51.844296503498235)</t>
  </si>
  <si>
    <t>POINT (4.628093963493132 51.83895152613559)</t>
  </si>
  <si>
    <t>POINT (4.639767293516993 51.847278024259786)</t>
  </si>
  <si>
    <t>POINT (4.639635720903581 51.82722345253371)</t>
  </si>
  <si>
    <t>POINT (4.626703295099245 51.84483011208281)</t>
  </si>
  <si>
    <t>POINT (4.628844567232583 51.834875514210694)</t>
  </si>
  <si>
    <t>POINT (4.644084351888869 51.83360235542882)</t>
  </si>
  <si>
    <t>POINT (4.646065947851051 51.83493157070668)</t>
  </si>
  <si>
    <t>POINT (4.635301094149617 51.836615907155256)</t>
  </si>
  <si>
    <t>POINT (4.631410121493873 51.8462717272394)</t>
  </si>
  <si>
    <t>POINT (4.637329804694104 51.846363615668324)</t>
  </si>
  <si>
    <t>POINT (4.641077236207655 51.841794280985354)</t>
  </si>
  <si>
    <t>POINT (4.650240850948733 51.83338483704657)</t>
  </si>
  <si>
    <t>POINT (4.645856940825817 51.83617068764659)</t>
  </si>
  <si>
    <t>POINT (4.648759181812714 51.84411698107586)</t>
  </si>
  <si>
    <t>POINT (4.626634769079131 51.84115329792166)</t>
  </si>
  <si>
    <t>POINT (4.633174453955845 51.84837743125085)</t>
  </si>
  <si>
    <t>POINT (4.624904269848725 51.84051286653536)</t>
  </si>
  <si>
    <t>POINT (4.640752234562077 51.84038998257809)</t>
  </si>
  <si>
    <t>POINT (4.639968431919669 51.840402973800074)</t>
  </si>
  <si>
    <t>POINT (4.6396084357335425 51.82886820812687)</t>
  </si>
  <si>
    <t>POINT (4.629820391691443 51.84760079549594)</t>
  </si>
  <si>
    <t>POINT (4.6156758687543995 51.83370207124624)</t>
  </si>
  <si>
    <t>POINT (4.639822501913522 51.83870318580961)</t>
  </si>
  <si>
    <t>POINT (4.6554996125226165 51.83118854410959)</t>
  </si>
  <si>
    <t>POINT (4.626410151511657 51.837268730763924)</t>
  </si>
  <si>
    <t>POINT (4.644535536357872 51.850272497933126)</t>
  </si>
  <si>
    <t>POINT (4.642739458602016 51.83692398513477)</t>
  </si>
  <si>
    <t>POINT (4.62947258326897 51.84411993433142)</t>
  </si>
  <si>
    <t>POINT (4.6467812822410055 51.850808274201725)</t>
  </si>
  <si>
    <t>POINT (4.641759376735449 51.83740315419338)</t>
  </si>
  <si>
    <t>POINT (4.625603460399823 51.83692192999479)</t>
  </si>
  <si>
    <t>POINT (4.623766718278388 51.843417808396836)</t>
  </si>
  <si>
    <t>POINT (4.632529443488339 51.836634076921136)</t>
  </si>
  <si>
    <t>POINT (4.642678075640545 51.846784163968245)</t>
  </si>
  <si>
    <t>POINT (4.644830025915632 51.839111142638416)</t>
  </si>
  <si>
    <t>POINT (4.637278478746118 51.827349043781)</t>
  </si>
  <si>
    <t>POINT (4.638358208452663 51.82640632732037)</t>
  </si>
  <si>
    <t>POINT (4.645484252491424 51.85135788828808)</t>
  </si>
  <si>
    <t>POINT (4.6358601966286805 51.83615207550867)</t>
  </si>
  <si>
    <t>POINT (4.647633157410082 51.82873028090561)</t>
  </si>
  <si>
    <t>POINT (4.634310576498478 51.83771516640578)</t>
  </si>
  <si>
    <t>POINT (4.648085659576349 51.8356364320898)</t>
  </si>
  <si>
    <t>POINT (4.619823626172037 51.8389157352064)</t>
  </si>
  <si>
    <t>POINT (4.6365204506902495 51.8470325938559)</t>
  </si>
  <si>
    <t>POINT (4.639932459872154 51.83907242136708)</t>
  </si>
  <si>
    <t>POINT (4.63630864294525 51.82801022663982)</t>
  </si>
  <si>
    <t>POINT (4.635482849739681 51.849143397638144)</t>
  </si>
  <si>
    <t>POINT (4.629106146281768 51.83571315160277)</t>
  </si>
  <si>
    <t>POINT (4.632785803740678 51.83518854676296)</t>
  </si>
  <si>
    <t>POINT (4.64030125279413 51.84045902368826)</t>
  </si>
  <si>
    <t>POINT (4.65483453127901 51.83516580042224)</t>
  </si>
  <si>
    <t>POINT (4.627325847820891 51.84609445432903)</t>
  </si>
  <si>
    <t>POINT (4.651019805777844 51.83010885974131)</t>
  </si>
  <si>
    <t>POINT (4.635171529533794 51.84611610621734)</t>
  </si>
  <si>
    <t>POINT (4.640143772701649 51.83438064407036)</t>
  </si>
  <si>
    <t>POINT (4.630479994435318 51.83511977369901)</t>
  </si>
  <si>
    <t>POINT (4.653898086234417 51.84335775669161)</t>
  </si>
  <si>
    <t>POINT (4.6298859374839845 51.83507099937829)</t>
  </si>
  <si>
    <t>POINT (4.639014933436197 51.83403291873182)</t>
  </si>
  <si>
    <t>POINT (4.634049556115721 51.83596968810962)</t>
  </si>
  <si>
    <t>POINT (4.649529238993321 51.84141670247678)</t>
  </si>
  <si>
    <t>POINT (4.632555108236459 51.83856680831712)</t>
  </si>
  <si>
    <t>POINT (4.623933819297472 51.840407685721665)</t>
  </si>
  <si>
    <t>POINT (4.642245379480488 51.830826528235214)</t>
  </si>
  <si>
    <t>POINT (4.637332230742903 51.83662889886709)</t>
  </si>
  <si>
    <t>POINT (4.658106949566889 51.834405990321784)</t>
  </si>
  <si>
    <t>POINT (4.633955799423954 51.833766859295785)</t>
  </si>
  <si>
    <t>POINT (4.653027804361973 51.84666057429939)</t>
  </si>
  <si>
    <t>POINT (4.636235553564145 51.8280931471089)</t>
  </si>
  <si>
    <t>POINT (4.645296305160042 51.834971652506674)</t>
  </si>
  <si>
    <t>POINT (4.641584771174983 51.82866505037061)</t>
  </si>
  <si>
    <t>POINT (4.626249691472659 51.840755300584135)</t>
  </si>
  <si>
    <t>POINT (4.6282209914988846 51.83657933468978)</t>
  </si>
  <si>
    <t>POINT (4.643370641007407 51.84263579093401)</t>
  </si>
  <si>
    <t>POINT (4.633819592686892 51.847986071078)</t>
  </si>
  <si>
    <t>POINT (4.6403715645679515 51.84059430104984)</t>
  </si>
  <si>
    <t>POINT (4.643219337214169 51.828073180365514)</t>
  </si>
  <si>
    <t>POINT (4.637538758864403 51.8259606507006)</t>
  </si>
  <si>
    <t>POINT (4.643221866580255 51.841978675619856)</t>
  </si>
  <si>
    <t>POINT (4.641377554574125 51.844690539958386)</t>
  </si>
  <si>
    <t>POINT (4.649487399982532 51.830665525513865)</t>
  </si>
  <si>
    <t>POINT (4.631894078148115 51.839047945999084)</t>
  </si>
  <si>
    <t>POINT (4.643796222663468 51.84586541675992)</t>
  </si>
  <si>
    <t>POINT (4.632138723457767 51.838303459268154)</t>
  </si>
  <si>
    <t>POINT (4.649567522436058 51.83108849667273)</t>
  </si>
  <si>
    <t>POINT (4.636166986334316 51.83515629515844)</t>
  </si>
  <si>
    <t>POINT (4.636942606830871 51.83650056795464)</t>
  </si>
  <si>
    <t>POINT (4.628748863557827 51.83711307876135)</t>
  </si>
  <si>
    <t>POINT (4.633576950892578 51.849476632797995)</t>
  </si>
  <si>
    <t>POINT (4.627806687230102 51.849106874567184)</t>
  </si>
  <si>
    <t>POINT (4.651736940958376 51.83215959018849)</t>
  </si>
  <si>
    <t>POINT (4.6383844522860604 51.8370490944694)</t>
  </si>
  <si>
    <t>POINT (4.6468162747301145 51.83694976752806)</t>
  </si>
  <si>
    <t>POINT (4.640151647301114 51.85139192001692)</t>
  </si>
  <si>
    <t>POINT (4.64442356807927 51.828943720278886)</t>
  </si>
  <si>
    <t>POINT (4.628225503405458 51.84664668597121)</t>
  </si>
  <si>
    <t>POINT (4.638182245765766 51.827787125363656)</t>
  </si>
  <si>
    <t>POINT (4.649813135708953 51.84710783933781)</t>
  </si>
  <si>
    <t>POINT (4.645729842971679 51.84124848245475)</t>
  </si>
  <si>
    <t>POINT (4.656736827738715 51.83478101899853)</t>
  </si>
  <si>
    <t>POINT (4.646464852191406 51.83802619091862)</t>
  </si>
  <si>
    <t>POINT (4.657544637998654 51.84107981174957)</t>
  </si>
  <si>
    <t>POINT (4.627672260250904 51.836422978043494)</t>
  </si>
  <si>
    <t>POINT (4.633468301882377 51.84816358989585)</t>
  </si>
  <si>
    <t>POINT (4.629418492464918 51.84043422697247)</t>
  </si>
  <si>
    <t>POINT (4.645820557722392 51.838381670610744)</t>
  </si>
  <si>
    <t>POINT (4.642146118687824 51.84560327472282)</t>
  </si>
  <si>
    <t>POINT (4.635861902373658 51.838659927660345)</t>
  </si>
  <si>
    <t>POINT (4.64964746757915 51.829749686625135)</t>
  </si>
  <si>
    <t>POINT (4.65771967965172 51.83441929660137)</t>
  </si>
  <si>
    <t>POINT (4.637115416413197 51.82831429476088)</t>
  </si>
  <si>
    <t>POINT (4.632526334527544 51.84721372891039)</t>
  </si>
  <si>
    <t>POINT (4.639230625714875 51.838519642836445)</t>
  </si>
  <si>
    <t>POINT (4.64569788929366 51.85128917101634)</t>
  </si>
  <si>
    <t>POINT (4.635548818630708 51.83568267084168)</t>
  </si>
  <si>
    <t>POINT (4.645208499283703 51.827968918570036)</t>
  </si>
  <si>
    <t>POINT (4.6326515511632635 51.838873043334615)</t>
  </si>
  <si>
    <t>POINT (4.634638716196043 51.838049851509176)</t>
  </si>
  <si>
    <t>POINT (4.642657589578466 51.82870781492062)</t>
  </si>
  <si>
    <t>POINT (4.628322539637586 51.8469169734348)</t>
  </si>
  <si>
    <t>POINT (4.625048248052716 51.84401039884739)</t>
  </si>
  <si>
    <t>POINT (4.6422035681575995 51.84563959392163)</t>
  </si>
  <si>
    <t>POINT (4.637630425490516 51.82655448959123)</t>
  </si>
  <si>
    <t>POINT (4.6456853421386946 51.84659645556643)</t>
  </si>
  <si>
    <t>POINT (4.635457761334899 51.835052880115605)</t>
  </si>
  <si>
    <t>POINT (4.652513753277931 51.845255128790505)</t>
  </si>
  <si>
    <t>POINT (4.625878011801377 51.84643373690897)</t>
  </si>
  <si>
    <t>POINT (4.637837816649507 51.833344688657725)</t>
  </si>
  <si>
    <t>POINT (4.642432921115725 51.83089063904346)</t>
  </si>
  <si>
    <t>POINT (4.646004569554325 51.83778059172798)</t>
  </si>
  <si>
    <t>POINT (4.640881900591317 51.85008058806311)</t>
  </si>
  <si>
    <t>POINT (4.649262512398675 51.83022366693398)</t>
  </si>
  <si>
    <t>POINT (4.624850087947887 51.84542932376655)</t>
  </si>
  <si>
    <t>POINT (4.647502881272238 51.840595746175026)</t>
  </si>
  <si>
    <t>POINT (4.644150027802263 51.842141495730935)</t>
  </si>
  <si>
    <t>POINT (4.629083579092047 51.839641060773204)</t>
  </si>
  <si>
    <t>POINT (4.621841758114082 51.85080295927488)</t>
  </si>
  <si>
    <t>POINT (4.6469237629211975 51.840224091025476)</t>
  </si>
  <si>
    <t>POINT (4.641084729507823 51.84572237594972)</t>
  </si>
  <si>
    <t>POINT (4.643687388654187 51.83663336644555)</t>
  </si>
  <si>
    <t>POINT (4.633873430453883 51.84823809922298)</t>
  </si>
  <si>
    <t>POINT (4.626537169293297 51.848918092569775)</t>
  </si>
  <si>
    <t>POINT (4.646231613851031 51.835444970778894)</t>
  </si>
  <si>
    <t>POINT (4.621590027579953 51.84255869783764)</t>
  </si>
  <si>
    <t>POINT (4.6275361510960975 51.83847151766928)</t>
  </si>
  <si>
    <t>POINT (4.644326763645497 51.83381614830576)</t>
  </si>
  <si>
    <t>POINT (4.641767585922153 51.833832419223384)</t>
  </si>
  <si>
    <t>POINT (4.629897442508187 51.83870250198884)</t>
  </si>
  <si>
    <t>POINT (4.6397598238714375 51.83417416602791)</t>
  </si>
  <si>
    <t>POINT (4.636814934667317 51.82828719689613)</t>
  </si>
  <si>
    <t>POINT (4.6305124509872995 51.849600742505224)</t>
  </si>
  <si>
    <t>POINT (4.6267643166741275 51.84551364684342)</t>
  </si>
  <si>
    <t>POINT (4.641116254108507 51.850828136110714)</t>
  </si>
  <si>
    <t>POINT (4.630163301553768 51.84015139434274)</t>
  </si>
  <si>
    <t>POINT (4.628561902592212 51.84390731382498)</t>
  </si>
  <si>
    <t>POINT (4.648065847666234 51.83153747306009)</t>
  </si>
  <si>
    <t>POINT (4.644921289748408 51.84364334665143)</t>
  </si>
  <si>
    <t>POINT (4.650835539084118 51.841681960701614)</t>
  </si>
  <si>
    <t>POINT (4.64132992838168 51.83704986821497)</t>
  </si>
  <si>
    <t>POINT (4.636514009207685 51.84741906534899)</t>
  </si>
  <si>
    <t>POINT (4.645290283511155 51.848553487537735)</t>
  </si>
  <si>
    <t>POINT (4.650594311274733 51.833063463403384)</t>
  </si>
  <si>
    <t>POINT (4.657655941032697 51.835103045555165)</t>
  </si>
  <si>
    <t>POINT (4.6358242540011165 51.83743722655404)</t>
  </si>
  <si>
    <t>POINT (4.64800095769021 51.82841799399878)</t>
  </si>
  <si>
    <t>POINT (4.631667737498026 51.83697010418141)</t>
  </si>
  <si>
    <t>POINT (4.646318894530282 51.844254414708956)</t>
  </si>
  <si>
    <t>POINT (4.646104717360527 51.8512500859681)</t>
  </si>
  <si>
    <t>POINT (4.648884760970999 51.84149149985234)</t>
  </si>
  <si>
    <t>POINT (4.641251862315095 51.84789869440744)</t>
  </si>
  <si>
    <t>POINT (4.642401417473477 51.83542972109754)</t>
  </si>
  <si>
    <t>POINT (4.626559949029643 51.84558423244288)</t>
  </si>
  <si>
    <t>POINT (4.642434166926062 51.827304163037574)</t>
  </si>
  <si>
    <t>POINT (4.635701992138711 51.83519826274902)</t>
  </si>
  <si>
    <t>POINT (4.635954171394679 51.83921781608443)</t>
  </si>
  <si>
    <t>POINT (4.652120515949426 51.829333743328405)</t>
  </si>
  <si>
    <t>POINT (4.645024775324302 51.847931592164215)</t>
  </si>
  <si>
    <t>POINT (4.645555502978998 51.84919335772086)</t>
  </si>
  <si>
    <t>POINT (4.639023640373608 51.826518435065445)</t>
  </si>
  <si>
    <t>POINT (4.647364180511535 51.84121278893896)</t>
  </si>
  <si>
    <t>POINT (4.649975120018862 51.83189104910533)</t>
  </si>
  <si>
    <t>POINT (4.626490038063276 51.84027146928419)</t>
  </si>
  <si>
    <t>POINT (4.629728924267614 51.83578009252945)</t>
  </si>
  <si>
    <t>POINT (4.650331554256277 51.830500042889874)</t>
  </si>
  <si>
    <t>POINT (4.630594093282977 51.835237362052865)</t>
  </si>
  <si>
    <t>POINT (4.6469852420026765 51.83814632593222)</t>
  </si>
  <si>
    <t>POINT (4.6314113806368855 51.83581790256084)</t>
  </si>
  <si>
    <t>POINT (4.621389485323959 51.84240458224207)</t>
  </si>
  <si>
    <t>POINT (4.628558614389116 51.84841061883519)</t>
  </si>
  <si>
    <t>POINT (4.646113206108836 51.83646893181356)</t>
  </si>
  <si>
    <t>POINT (4.651289721696207 51.829571231866225)</t>
  </si>
  <si>
    <t>POINT (4.626373216252278 51.84632908276389)</t>
  </si>
  <si>
    <t>POINT (4.632007166302711 51.834032988616)</t>
  </si>
  <si>
    <t>POINT (4.6432218648358505 51.84549324355949)</t>
  </si>
  <si>
    <t>POINT (4.64284948995871 51.83026407375298)</t>
  </si>
  <si>
    <t>POINT (4.629404992459619 51.84813743556661)</t>
  </si>
  <si>
    <t>POINT (4.6366745692836515 51.839662311569555)</t>
  </si>
  <si>
    <t>POINT (4.636226191655204 51.83595666643705)</t>
  </si>
  <si>
    <t>POINT (4.650425854693164 51.84691393535993)</t>
  </si>
  <si>
    <t>POINT (4.639312306704831 51.83884375547621)</t>
  </si>
  <si>
    <t>POINT (4.643747403451012 51.84442692159264)</t>
  </si>
  <si>
    <t>POINT (4.634414189270771 51.82717210342747)</t>
  </si>
  <si>
    <t>POINT (4.627888854067914 51.83562438606444)</t>
  </si>
  <si>
    <t>POINT (4.630285947316415 51.834579201519354)</t>
  </si>
  <si>
    <t>POINT (4.64619558515357 51.84557496968225)</t>
  </si>
  <si>
    <t>POINT (4.631082806133443 51.84934374532773)</t>
  </si>
  <si>
    <t>POINT (4.63537168492096 51.83673321209644)</t>
  </si>
  <si>
    <t>POINT (4.630051237470794 51.85027191956304)</t>
  </si>
  <si>
    <t>POINT (4.629793638793964 51.84919161779406)</t>
  </si>
  <si>
    <t>POINT (4.636935073729063 51.83333701679884)</t>
  </si>
  <si>
    <t>POINT (4.64470909767943 51.82834328519114)</t>
  </si>
  <si>
    <t>POINT (4.628253617365447 51.846700799751744)</t>
  </si>
  <si>
    <t>POINT (4.624437033608519 51.844968218362894)</t>
  </si>
  <si>
    <t>POINT (4.64490637143289 51.83432619175143)</t>
  </si>
  <si>
    <t>POINT (4.646261095473729 51.836299080584624)</t>
  </si>
  <si>
    <t>POINT (4.649423318698072 51.829262889557384)</t>
  </si>
  <si>
    <t>POINT (4.626413346944424 51.84739000661024)</t>
  </si>
  <si>
    <t>POINT (4.641946221346704 51.82873925526645)</t>
  </si>
  <si>
    <t>POINT (4.627222721420455 51.83812791904643)</t>
  </si>
  <si>
    <t>POINT (4.637606787123512 51.8284710054444)</t>
  </si>
  <si>
    <t>POINT (4.652598791335123 51.84167027438039)</t>
  </si>
  <si>
    <t>POINT (4.626792731647078 51.84554978558715)</t>
  </si>
  <si>
    <t>POINT (4.6449319828544535 51.835949114742455)</t>
  </si>
  <si>
    <t>POINT (4.653531388621012 51.84167730147321)</t>
  </si>
  <si>
    <t>POINT (4.631388109075946 51.82781463814144)</t>
  </si>
  <si>
    <t>POINT (4.650047212067629 51.83191846786231)</t>
  </si>
  <si>
    <t>POINT (4.658124262537179 51.83430712368932)</t>
  </si>
  <si>
    <t>POINT (4.626685330335617 51.846753572648375)</t>
  </si>
  <si>
    <t>POINT (4.644853027639963 51.844263132818725)</t>
  </si>
  <si>
    <t>POINT (4.643510534041459 51.84945455034294)</t>
  </si>
  <si>
    <t>POINT (4.649982260598961 51.850075157041786)</t>
  </si>
  <si>
    <t>POINT (4.640002791927907 51.83430524863706)</t>
  </si>
  <si>
    <t>POINT (4.637531846457662 51.828515317467094)</t>
  </si>
  <si>
    <t>POINT (4.63999655887769 51.84131688716332)</t>
  </si>
  <si>
    <t>POINT (4.63606370004287 51.84744315142432)</t>
  </si>
  <si>
    <t>POINT (4.651530725551757 51.8308041906768)</t>
  </si>
  <si>
    <t>POINT (4.640704732550223 51.83712679242609)</t>
  </si>
  <si>
    <t>POINT (4.645906605553267 51.84020691345486)</t>
  </si>
  <si>
    <t>POINT (4.627004886561679 51.8441579143342)</t>
  </si>
  <si>
    <t>POINT (4.641416608208993 51.83794928623008)</t>
  </si>
  <si>
    <t>POINT (4.648627689631429 51.84202815997554)</t>
  </si>
  <si>
    <t>POINT (4.648405640955345 51.84266758257004)</t>
  </si>
  <si>
    <t>POINT (4.630438859882321 51.851389013298636)</t>
  </si>
  <si>
    <t>POINT (4.6296846472620885 51.847905534655375)</t>
  </si>
  <si>
    <t>POINT (4.627758096416059 51.83649544286033)</t>
  </si>
  <si>
    <t>POINT (4.634819357842949 51.84634755540478)</t>
  </si>
  <si>
    <t>POINT (4.627285405514528 51.84731475586727)</t>
  </si>
  <si>
    <t>POINT (4.633942304734886 51.83804538514429)</t>
  </si>
  <si>
    <t>POINT (4.65394857188781 51.83488767066095)</t>
  </si>
  <si>
    <t>POINT (4.648038956560699 51.8322923523092)</t>
  </si>
  <si>
    <t>POINT (4.6441212345228635 51.85255503572113)</t>
  </si>
  <si>
    <t>POINT (4.6566674119181855 51.83074638424443)</t>
  </si>
  <si>
    <t>POINT (4.648260034123864 51.84142454095886)</t>
  </si>
  <si>
    <t>POINT (4.653891998690954 51.842762732544564)</t>
  </si>
  <si>
    <t>POINT (4.644396260872922 51.851720830952935)</t>
  </si>
  <si>
    <t>POINT (4.625975308507874 51.84153553723208)</t>
  </si>
  <si>
    <t>POINT (4.633827198503177 51.8353839970014)</t>
  </si>
  <si>
    <t>POINT (4.657259112021137 51.83093882716271)</t>
  </si>
  <si>
    <t>POINT (4.642364095879331 51.84295300156993)</t>
  </si>
  <si>
    <t>POINT (4.635167041284028 51.848992451145094)</t>
  </si>
  <si>
    <t>POINT (4.642434205453239 51.84661183273359)</t>
  </si>
  <si>
    <t>POINT (4.641765334951325 51.83356945915876)</t>
  </si>
  <si>
    <t>POINT (4.637597510378728 51.827529525065465)</t>
  </si>
  <si>
    <t>POINT (4.626264222578389 51.836458803095574)</t>
  </si>
  <si>
    <t>POINT (4.6426327576506745 51.84425806218285)</t>
  </si>
  <si>
    <t>POINT (4.648214572847567 51.83308446118434)</t>
  </si>
  <si>
    <t>POINT (4.636046347888251 51.83804088923982)</t>
  </si>
  <si>
    <t>POINT (4.641397192887448 51.83999858002756)</t>
  </si>
  <si>
    <t>POINT (4.634710358330003 51.83810424281565)</t>
  </si>
  <si>
    <t>POINT (4.627065705077296 51.837974094826436)</t>
  </si>
  <si>
    <t>POINT (4.6290211312126575 51.84162715595449)</t>
  </si>
  <si>
    <t>POINT (4.64312997438005 51.84919237611973)</t>
  </si>
  <si>
    <t>POINT (4.648887122864137 51.83188421105155)</t>
  </si>
  <si>
    <t>POINT (4.65595969158283 51.84664291590149)</t>
  </si>
  <si>
    <t>POINT (4.652891552449974 51.83365313076183)</t>
  </si>
  <si>
    <t>POINT (4.650753668097318 51.84550477302936)</t>
  </si>
  <si>
    <t>POINT (4.631850815788709 51.847685784611244)</t>
  </si>
  <si>
    <t>POINT (4.652681436309053 51.846541555485864)</t>
  </si>
  <si>
    <t>POINT (4.645272642905319 51.84169502734103)</t>
  </si>
  <si>
    <t>POINT (4.637122760164448 51.82567934363209)</t>
  </si>
  <si>
    <t>POINT (4.620135564002442 51.83922210389336)</t>
  </si>
  <si>
    <t>POINT (4.642303077625178 51.83611223638583)</t>
  </si>
  <si>
    <t>POINT (4.64820353761445 51.851448228332025)</t>
  </si>
  <si>
    <t>POINT (4.629662883589101 51.83625606670409)</t>
  </si>
  <si>
    <t>POINT (4.632461257855294 51.833775237157006)</t>
  </si>
  <si>
    <t>POINT (4.648362826438107 51.83985529979367)</t>
  </si>
  <si>
    <t>POINT (4.642204515199552 51.8332981554702)</t>
  </si>
  <si>
    <t>POINT (4.646356294077707 51.84198051902448)</t>
  </si>
  <si>
    <t>POINT (4.628825495214541 51.84462811092585)</t>
  </si>
  <si>
    <t>POINT (4.657464189643022 51.83171312750984)</t>
  </si>
  <si>
    <t>POINT (4.629712914918721 51.84795066038609)</t>
  </si>
  <si>
    <t>POINT (4.633779671360435 51.8495048997523)</t>
  </si>
  <si>
    <t>POINT (4.657731680826492 51.83490576566374)</t>
  </si>
  <si>
    <t>POINT (4.651200631223701 51.82969651471584)</t>
  </si>
  <si>
    <t>POINT (4.6357181639583915 51.8385781095602)</t>
  </si>
  <si>
    <t>POINT (4.639500443542772 51.82838213130863)</t>
  </si>
  <si>
    <t>POINT (4.639921427846522 51.832805733687934)</t>
  </si>
  <si>
    <t>POINT (4.641521556018965 51.84738805375662)</t>
  </si>
  <si>
    <t>POINT (4.642553079872385 51.83678797296809)</t>
  </si>
  <si>
    <t>POINT (4.627471144155973 51.83888457647741)</t>
  </si>
  <si>
    <t>POINT (4.6409535094022 51.829991363803984)</t>
  </si>
  <si>
    <t>POINT (4.636445587874567 51.836722107441474)</t>
  </si>
  <si>
    <t>POINT (4.649800771742532 51.836088957144256)</t>
  </si>
  <si>
    <t>POINT (4.645965133969981 51.83488599082758)</t>
  </si>
  <si>
    <t>POINT (4.635255062279454 51.835896517911124)</t>
  </si>
  <si>
    <t>POINT (4.651531322576698 51.83283720698977)</t>
  </si>
  <si>
    <t>POINT (4.638450719965125 51.83742704154515)</t>
  </si>
  <si>
    <t>POINT (4.650349102939977 51.83120126951788)</t>
  </si>
  <si>
    <t>POINT (4.6386299206546004 51.837994470907816)</t>
  </si>
  <si>
    <t>POINT (4.640463603490736 51.83679267791473)</t>
  </si>
  <si>
    <t>POINT (4.6549077864199075 51.85153517356493)</t>
  </si>
  <si>
    <t>POINT (4.605740114608795 51.83772621017971)</t>
  </si>
  <si>
    <t>POINT (4.638027884298602 51.82620646827864)</t>
  </si>
  <si>
    <t>POINT (4.646899751218719 51.83275258445387)</t>
  </si>
  <si>
    <t>POINT (4.641802034615736 51.83307088352293)</t>
  </si>
  <si>
    <t>POINT (4.6381945423505435 51.83974448548787)</t>
  </si>
  <si>
    <t>POINT (4.644955445282863 51.83897077761012)</t>
  </si>
  <si>
    <t>POINT (4.633026348192203 51.846821440201246)</t>
  </si>
  <si>
    <t>POINT (4.633028522161949 51.83542381210296)</t>
  </si>
  <si>
    <t>POINT (4.6242862554355835 51.83930436815514)</t>
  </si>
  <si>
    <t>POINT (4.648515469372268 51.8324301819446)</t>
  </si>
  <si>
    <t>POINT (4.658703498603 51.831334312615745)</t>
  </si>
  <si>
    <t>POINT (4.641450800087693 51.82887093898881)</t>
  </si>
  <si>
    <t>POINT (4.644047592574724 51.83590756477884)</t>
  </si>
  <si>
    <t>POINT (4.630911928199518 51.83618322199802)</t>
  </si>
  <si>
    <t>POINT (4.627550099837706 51.84710972918902)</t>
  </si>
  <si>
    <t>POINT (4.6426455072363755 51.827683028502875)</t>
  </si>
  <si>
    <t>POINT (4.650278199525974 51.840612489347144)</t>
  </si>
  <si>
    <t>POINT (4.64498525521201 51.843284204497245)</t>
  </si>
  <si>
    <t>POINT (4.642828329341092 51.827153855749316)</t>
  </si>
  <si>
    <t>POINT (4.642695285449994 51.83520686832608)</t>
  </si>
  <si>
    <t>POINT (4.653248406485074 51.845773137475334)</t>
  </si>
  <si>
    <t>POINT (4.653922335464805 51.830046129394084)</t>
  </si>
  <si>
    <t>POINT (4.64478217052486 51.83535491502078)</t>
  </si>
  <si>
    <t>POINT (4.62886070875716 51.836502570717755)</t>
  </si>
  <si>
    <t>POINT (4.643038971812428 51.846022415606875)</t>
  </si>
  <si>
    <t>POINT (4.644347812938864 51.85289803818641)</t>
  </si>
  <si>
    <t>POINT (4.628048608950329 51.84767025124955)</t>
  </si>
  <si>
    <t>POINT (4.645742089928294 51.849320377307066)</t>
  </si>
  <si>
    <t>POINT (4.656644379525893 51.83378397844873)</t>
  </si>
  <si>
    <t>POINT (4.6268752653805585 51.84066047815259)</t>
  </si>
  <si>
    <t>POINT (4.637954165060455 51.826277907233695)</t>
  </si>
  <si>
    <t>POINT (4.640449861855458 51.850751990701376)</t>
  </si>
  <si>
    <t>POINT (4.653432659437363 51.83071721970346)</t>
  </si>
  <si>
    <t>POINT (4.646238471029844 51.831498986433886)</t>
  </si>
  <si>
    <t>POINT (4.649628211444358 51.83543836093314)</t>
  </si>
  <si>
    <t>POINT (4.65003695358822 51.84046716520726)</t>
  </si>
  <si>
    <t>POINT (4.630643823204501 51.83573206023513)</t>
  </si>
  <si>
    <t>POINT (4.628998180468948 51.849887600256736)</t>
  </si>
  <si>
    <t>POINT (4.6479011408201725 51.84422843385351)</t>
  </si>
  <si>
    <t>POINT (4.625785619332218 51.841597227932105)</t>
  </si>
  <si>
    <t>POINT (4.639991741074954 51.834623404457474)</t>
  </si>
  <si>
    <t>POINT (4.627777429512901 51.84395617430372)</t>
  </si>
  <si>
    <t>POINT (4.641347101944667 51.828124219422314)</t>
  </si>
  <si>
    <t>POINT (4.635924404060527 51.83926256897728)</t>
  </si>
  <si>
    <t>POINT (4.650294547689592 51.82921443022475)</t>
  </si>
  <si>
    <t>POINT (4.651802657258014 51.84188997076318)</t>
  </si>
  <si>
    <t>POINT (4.628348988139102 51.847069951843345)</t>
  </si>
  <si>
    <t>POINT (4.648300060282473 51.8417294905687)</t>
  </si>
  <si>
    <t>POINT (4.625830183641788 51.84905270893944)</t>
  </si>
  <si>
    <t>POINT (4.621679991248417 51.83811887272612)</t>
  </si>
  <si>
    <t>POINT (4.655105611474129 51.8349368781148)</t>
  </si>
  <si>
    <t>POINT (4.640798720516013 51.8419632953425)</t>
  </si>
  <si>
    <t>POINT (4.6333860539823295 51.84614061118857)</t>
  </si>
  <si>
    <t>POINT (4.646196811888694 51.8349144194831)</t>
  </si>
  <si>
    <t>POINT (4.646197868097635 51.83573239525057)</t>
  </si>
  <si>
    <t>POINT (4.646975151597531 51.848474234961664)</t>
  </si>
  <si>
    <t>POINT (4.642820013100389 51.84522103660947)</t>
  </si>
  <si>
    <t>POINT (4.642930586731124 51.842920639426914)</t>
  </si>
  <si>
    <t>POINT (4.645879715144199 51.834786576047414)</t>
  </si>
  <si>
    <t>POINT (4.6302116397155135 51.85109092262517)</t>
  </si>
  <si>
    <t>POINT (4.649043743184778 51.83029420081292)</t>
  </si>
  <si>
    <t>POINT (4.641065487777511 51.85214015762454)</t>
  </si>
  <si>
    <t>POINT (4.638931177663017 51.829466134580244)</t>
  </si>
  <si>
    <t>POINT (4.64180702022099 51.83978545471578)</t>
  </si>
  <si>
    <t>POINT (4.627635501364006 51.84720915712291)</t>
  </si>
  <si>
    <t>POINT (4.650157237598462 51.83228769427306)</t>
  </si>
  <si>
    <t>POINT (4.644654668851895 51.85277413788178)</t>
  </si>
  <si>
    <t>POINT (4.6498951506698045 51.828798443119624)</t>
  </si>
  <si>
    <t>POINT (4.6396753641267 51.831707386187425)</t>
  </si>
  <si>
    <t>POINT (4.6372888623297515 51.83487582947215)</t>
  </si>
  <si>
    <t>POINT (4.655363909782828 51.833291046185174)</t>
  </si>
  <si>
    <t>POINT (4.638260289727385 51.82785275537878)</t>
  </si>
  <si>
    <t>POINT (4.629301853759619 51.83529194703073)</t>
  </si>
  <si>
    <t>POINT (4.634754008796077 51.84591568048122)</t>
  </si>
  <si>
    <t>POINT (4.652558007678842 51.84291196412536)</t>
  </si>
  <si>
    <t>POINT (4.630363942278884 51.84548297356915)</t>
  </si>
  <si>
    <t>POINT (4.636152165107479 51.82962265893538)</t>
  </si>
  <si>
    <t>POINT (4.635246876230382 51.83812565792655)</t>
  </si>
  <si>
    <t>POINT (4.623959924738585 51.83715395060552)</t>
  </si>
  <si>
    <t>POINT (4.629063379058901 51.83566793198154)</t>
  </si>
  <si>
    <t>POINT (4.645280613546747 51.83504346271644)</t>
  </si>
  <si>
    <t>POINT (4.642974642858802 51.853428662422026)</t>
  </si>
  <si>
    <t>POINT (4.634363954457018 51.83799415777249)</t>
  </si>
  <si>
    <t>POINT (4.6450886019852335 51.844938771737816)</t>
  </si>
  <si>
    <t>POINT (4.636771058063849 51.825892824115975)</t>
  </si>
  <si>
    <t>POINT (4.658036644237983 51.83301337155602)</t>
  </si>
  <si>
    <t>POINT (4.651335024937361 51.833904055231336)</t>
  </si>
  <si>
    <t>POINT (4.636462211985668 51.83572447038333)</t>
  </si>
  <si>
    <t>POINT (4.630689439404797 51.83474359883476)</t>
  </si>
  <si>
    <t>POINT (4.6472559526547474 51.84078368016323)</t>
  </si>
  <si>
    <t>POINT (4.665282442933726 51.82828034113736)</t>
  </si>
  <si>
    <t>POINT (4.646349597236237 51.83532886269388)</t>
  </si>
  <si>
    <t>POINT (4.641797002678928 51.82898999087371)</t>
  </si>
  <si>
    <t>POINT (4.627189920855754 51.8491554317715)</t>
  </si>
  <si>
    <t>POINT (4.642355389828422 51.84962253412324)</t>
  </si>
  <si>
    <t>POINT (4.648068938380477 51.85169007475147)</t>
  </si>
  <si>
    <t>POINT (4.640129571394252 51.83856132150273)</t>
  </si>
  <si>
    <t>POINT (4.623958464622639 51.84152244288873)</t>
  </si>
  <si>
    <t>POINT (4.644596507577321 51.8490280264549)</t>
  </si>
  <si>
    <t>POINT (4.645712612315389 51.83700572247365)</t>
  </si>
  <si>
    <t>POINT (4.643568278326987 51.84840979571736)</t>
  </si>
  <si>
    <t>POINT (4.642063810904787 51.82776922406039)</t>
  </si>
  <si>
    <t>POINT (4.64021352204628 51.84662469155498)</t>
  </si>
  <si>
    <t>POINT (4.6339894368380214 51.8378299592475)</t>
  </si>
  <si>
    <t>POINT (4.648887193776243 51.82922356391592)</t>
  </si>
  <si>
    <t>POINT (4.642811431810772 51.842227756689134)</t>
  </si>
  <si>
    <t>POINT (4.639152345764089 51.829251815835526)</t>
  </si>
  <si>
    <t>POINT (4.626743786645118 51.838133806315916)</t>
  </si>
  <si>
    <t>POINT (4.644640348872205 51.85024833414646)</t>
  </si>
  <si>
    <t>POINT (4.650347424866947 51.8398002588736)</t>
  </si>
  <si>
    <t>POINT (4.645711356563372 51.83179228428195)</t>
  </si>
  <si>
    <t>POINT (4.646629440399335 51.84125416051762)</t>
  </si>
  <si>
    <t>POINT (4.630442371933201 51.8442700079986)</t>
  </si>
  <si>
    <t>POINT (4.647701239014167 51.84133425498111)</t>
  </si>
  <si>
    <t>POINT (4.641410074474855 51.84535590774279)</t>
  </si>
  <si>
    <t>POINT (4.64906670210741 51.843948130300625)</t>
  </si>
  <si>
    <t>POINT (4.622566691589946 51.83802577582611)</t>
  </si>
  <si>
    <t>POINT (4.6285666802978565 51.84017704262735)</t>
  </si>
  <si>
    <t>POINT (4.639811587477556 51.83183029291878)</t>
  </si>
  <si>
    <t>POINT (4.637671419247934 51.82838620542622)</t>
  </si>
  <si>
    <t>POINT (4.627420362484221 51.847917870448924)</t>
  </si>
  <si>
    <t>POINT (4.647991984869902 51.85018848532784)</t>
  </si>
  <si>
    <t>POINT (4.644366739967283 51.8488715187113)</t>
  </si>
  <si>
    <t>POINT (4.627691465271614 51.83614445300787)</t>
  </si>
  <si>
    <t>POINT (4.6267345320495705 51.838682056170704)</t>
  </si>
  <si>
    <t>POINT (4.652222298906079 51.84288413748401)</t>
  </si>
  <si>
    <t>POINT (4.642403444784569 51.83618478259531)</t>
  </si>
  <si>
    <t>POINT (4.650133516815327 51.83196395316025)</t>
  </si>
  <si>
    <t>POINT (4.643774739201531 51.846287747835845)</t>
  </si>
  <si>
    <t>POINT (4.624963541232127 51.83229731990113)</t>
  </si>
  <si>
    <t>POINT (4.62753360214428 51.85066913698378)</t>
  </si>
  <si>
    <t>POINT (4.638713089637072 51.83822870674871)</t>
  </si>
  <si>
    <t>POINT (4.647575154160452 51.8508240548461)</t>
  </si>
  <si>
    <t>POINT (4.6285076598120725 51.84885073454805)</t>
  </si>
  <si>
    <t>POINT (4.637321305925261 51.83808987561165)</t>
  </si>
  <si>
    <t>POINT (4.649948312913728 51.84416939741273)</t>
  </si>
  <si>
    <t>POINT (4.638272531986114 51.832885049223904)</t>
  </si>
  <si>
    <t>POINT (4.644898368295888 51.83798933046131)</t>
  </si>
  <si>
    <t>POINT (4.648152586346478 51.84006991118897)</t>
  </si>
  <si>
    <t>POINT (4.63524541900183 51.837343633567606)</t>
  </si>
  <si>
    <t>POINT (4.644049655430178 51.83312331802947)</t>
  </si>
  <si>
    <t>POINT (4.655960421177014 51.84659797719245)</t>
  </si>
  <si>
    <t>POINT (4.62964292617768 51.847797401409935)</t>
  </si>
  <si>
    <t>POINT (4.635546832212177 51.84710726299296)</t>
  </si>
  <si>
    <t>POINT (4.651289721464988 51.844672189107996)</t>
  </si>
  <si>
    <t>POINT (4.648408000899708 51.8407178216846)</t>
  </si>
  <si>
    <t>POINT (4.630862496620465 51.835670548524746)</t>
  </si>
  <si>
    <t>POINT (4.647194052145844 51.849284593783125)</t>
  </si>
  <si>
    <t>POINT (4.65287262966035 51.84205862563633)</t>
  </si>
  <si>
    <t>POINT (4.641563939324102 51.82817054047748)</t>
  </si>
  <si>
    <t>POINT (4.6487490610413245 51.8388220289279)</t>
  </si>
  <si>
    <t>POINT (4.626147130097952 51.83995464292375)</t>
  </si>
  <si>
    <t>POINT (4.654833676630436 51.8319933713287)</t>
  </si>
  <si>
    <t>POINT (4.645264816946513 51.83199022485369)</t>
  </si>
  <si>
    <t>POINT (4.658356796983933 51.83124227380959)</t>
  </si>
  <si>
    <t>POINT (4.626020578087666 51.84057404166034)</t>
  </si>
  <si>
    <t>POINT (4.639320584647962 51.840093233750736)</t>
  </si>
  <si>
    <t>POINT (4.627521834874713 51.84706460293815)</t>
  </si>
  <si>
    <t>POINT (4.637196730141846 51.83518085598902)</t>
  </si>
  <si>
    <t>POINT (4.6262418560432605 51.84637317485788)</t>
  </si>
  <si>
    <t>POINT (4.635313722404772 51.82890369733993)</t>
  </si>
  <si>
    <t>POINT (4.65074720329185 51.83169814475478)</t>
  </si>
  <si>
    <t>POINT (4.643614641112394 51.83840367392517)</t>
  </si>
  <si>
    <t>POINT (4.643371146576974 51.852271638302746)</t>
  </si>
  <si>
    <t>POINT (4.633956832669126 51.8322235986412)</t>
  </si>
  <si>
    <t>POINT (4.629053920370503 51.84226556393451)</t>
  </si>
  <si>
    <t>POINT (4.6255448198706866 51.836957504299704)</t>
  </si>
  <si>
    <t>POINT (4.641418956419448 51.82728872838153)</t>
  </si>
  <si>
    <t>POINT (4.629599686870297 51.8503678823283)</t>
  </si>
  <si>
    <t>POINT (4.641671001899883 51.83923628211105)</t>
  </si>
  <si>
    <t>POINT (4.64471397067701 51.82980847077473)</t>
  </si>
  <si>
    <t>POINT (4.641786292720694 51.835776375122386)</t>
  </si>
  <si>
    <t>POINT (4.6371856585149 51.835845947509895)</t>
  </si>
  <si>
    <t>POINT (4.630677897648757 51.838887307554025)</t>
  </si>
  <si>
    <t>POINT (4.629694621511772 51.852489820544335)</t>
  </si>
  <si>
    <t>POINT (4.646018545319331 51.84839629107585)</t>
  </si>
  <si>
    <t>POINT (4.647104136963991 51.831792085117044)</t>
  </si>
  <si>
    <t>POINT (4.640149210910774 51.84437711598559)</t>
  </si>
  <si>
    <t>POINT (4.636472145964013 51.82820640791098)</t>
  </si>
  <si>
    <t>POINT (4.643402869701206 51.847714589763825)</t>
  </si>
  <si>
    <t>POINT (4.6385152369165015 51.83965664433617)</t>
  </si>
  <si>
    <t>POINT (4.628994415736296 51.828557432693984)</t>
  </si>
  <si>
    <t>POINT (4.632773613489998 51.83591655174643)</t>
  </si>
  <si>
    <t>POINT (4.638426908871981 51.8292561791822)</t>
  </si>
  <si>
    <t>POINT (4.631243496416217 51.84928185931414)</t>
  </si>
  <si>
    <t>POINT (4.645582883007014 51.84753062899066)</t>
  </si>
  <si>
    <t>POINT (4.637252913408928 51.845751895170565)</t>
  </si>
  <si>
    <t>POINT (4.623378871863834 51.84232765507855)</t>
  </si>
  <si>
    <t>POINT (4.647616926964466 51.84067061216528)</t>
  </si>
  <si>
    <t>POINT (4.630869158716622 51.836138003032936)</t>
  </si>
  <si>
    <t>POINT (4.627398550062986 51.84605268704068)</t>
  </si>
  <si>
    <t>POINT (4.624559686467444 51.837724135795604)</t>
  </si>
  <si>
    <t>POINT (4.634049424138235 51.83771349127675)</t>
  </si>
  <si>
    <t>POINT (4.640169391711007 51.84666036544306)</t>
  </si>
  <si>
    <t>POINT (4.655661164854994 51.83017383149755)</t>
  </si>
  <si>
    <t>POINT (4.6336595120632715 51.848012009829844)</t>
  </si>
  <si>
    <t>POINT (4.634550707371457 51.83897512115781)</t>
  </si>
  <si>
    <t>POINT (4.6287018040941685 51.846802571379406)</t>
  </si>
  <si>
    <t>POINT (4.652240166614589 51.832003408818665)</t>
  </si>
  <si>
    <t>POINT (4.64615245631502 51.84378595389389)</t>
  </si>
  <si>
    <t>POINT (4.624697714641047 51.84414295303303)</t>
  </si>
  <si>
    <t>POINT (4.643717368867079 51.84861501612931)</t>
  </si>
  <si>
    <t>POINT (4.6461328794582 51.842329666916626)</t>
  </si>
  <si>
    <t>POINT (4.644708710246871 51.84917342644941)</t>
  </si>
  <si>
    <t>POINT (4.63701600447594 51.83365061879151)</t>
  </si>
  <si>
    <t>POINT (4.625565530746339 51.845173295338356)</t>
  </si>
  <si>
    <t>POINT (4.644572972753025 51.85438345299146)</t>
  </si>
  <si>
    <t>POINT (4.644693698475709 51.84512503690505)</t>
  </si>
  <si>
    <t>POINT (4.63482411022989 51.84693184934659)</t>
  </si>
  <si>
    <t>POINT (4.645086532067117 51.842421932940944)</t>
  </si>
  <si>
    <t>POINT (4.63046428134424 51.84382970410164)</t>
  </si>
  <si>
    <t>POINT (4.643918518501362 51.85164589856373)</t>
  </si>
  <si>
    <t>POINT (4.6388471939527065 51.826661129223616)</t>
  </si>
  <si>
    <t>POINT (4.652381981779305 51.84532621340733)</t>
  </si>
  <si>
    <t>POINT (4.636160248179578 51.83800371271635)</t>
  </si>
  <si>
    <t>POINT (4.639348155381311 51.83317029515745)</t>
  </si>
  <si>
    <t>POINT (4.626869009850609 51.836732382352075)</t>
  </si>
  <si>
    <t>POINT (4.62608177684722 51.84639910328418)</t>
  </si>
  <si>
    <t>POINT (4.635149573413611 51.8483002119409)</t>
  </si>
  <si>
    <t>POINT (4.640487896671498 51.84670733480474)</t>
  </si>
  <si>
    <t>POINT (4.64819678248218 51.850090899258134)</t>
  </si>
  <si>
    <t>POINT (4.642615801977966 51.82684689252519)</t>
  </si>
  <si>
    <t>POINT (4.647639304709761 51.85133681212284)</t>
  </si>
  <si>
    <t>POINT (4.640608624317255 51.83592169879627)</t>
  </si>
  <si>
    <t>POINT (4.635969637538261 51.8374201796193)</t>
  </si>
  <si>
    <t>POINT (4.638092788918702 51.82666530562598)</t>
  </si>
  <si>
    <t>POINT (4.63631534790272 51.83304742092598)</t>
  </si>
  <si>
    <t>POINT (4.650123574689577 51.8352998557746)</t>
  </si>
  <si>
    <t>POINT (4.64460822022471 51.84854917584165)</t>
  </si>
  <si>
    <t>POINT (4.64688180508876 51.8356108689961)</t>
  </si>
  <si>
    <t>POINT (4.63934768769764 51.84807534346166)</t>
  </si>
  <si>
    <t>POINT (4.648842277497224 51.83196482703768)</t>
  </si>
  <si>
    <t>POINT (4.625205469327108 51.84072156161371)</t>
  </si>
  <si>
    <t>POINT (4.642460791391935 51.832715517610936)</t>
  </si>
  <si>
    <t>POINT (4.639957733196194 51.847171372443846)</t>
  </si>
  <si>
    <t>POINT (4.642878775172218 51.83376085517064)</t>
  </si>
  <si>
    <t>POINT (4.643752634384986 51.84762691833335)</t>
  </si>
  <si>
    <t>POINT (4.657251395612712 51.834163687412875)</t>
  </si>
  <si>
    <t>POINT (4.636953721341588 51.83893674122532)</t>
  </si>
  <si>
    <t>POINT (4.6277440063387365 51.83733129950858)</t>
  </si>
  <si>
    <t>POINT (4.6374359978195425 51.828606902226014)</t>
  </si>
  <si>
    <t>POINT (4.649451936655342 51.832831572701636)</t>
  </si>
  <si>
    <t>POINT (4.625181948951477 51.84468541771129)</t>
  </si>
  <si>
    <t>POINT (4.635485277006628 51.83514294312701)</t>
  </si>
  <si>
    <t>POINT (4.646924134248823 51.84274813720241)</t>
  </si>
  <si>
    <t>POINT (4.630729643370358 51.84790328328827)</t>
  </si>
  <si>
    <t>POINT (4.651544057973848 51.830876183606236)</t>
  </si>
  <si>
    <t>POINT (4.627989555698904 51.83825872231181)</t>
  </si>
  <si>
    <t>POINT (4.64473922080681 51.831217704629736)</t>
  </si>
  <si>
    <t>POINT (4.642442336639647 51.84436471841294)</t>
  </si>
  <si>
    <t>POINT (4.635209210780757 51.84646690565771)</t>
  </si>
  <si>
    <t>POINT (4.640397810535816 51.84863932438658)</t>
  </si>
  <si>
    <t>POINT (4.644360656193299 51.82923994859184)</t>
  </si>
  <si>
    <t>POINT (4.639111154906489 51.83959752242603)</t>
  </si>
  <si>
    <t>POINT (4.634670831974631 51.838733196927116)</t>
  </si>
  <si>
    <t>POINT (4.654853149946976 51.83168787811836)</t>
  </si>
  <si>
    <t>POINT (4.643980339543352 51.848723178603386)</t>
  </si>
  <si>
    <t>POINT (4.651047267053336 51.84529987513916)</t>
  </si>
  <si>
    <t>POINT (4.63740372077858 51.83930798102841)</t>
  </si>
  <si>
    <t>POINT (4.639645002023397 51.84590197998985)</t>
  </si>
  <si>
    <t>POINT (4.6208430494609205 51.83955160259927)</t>
  </si>
  <si>
    <t>POINT (4.648757156372998 51.85165123234304)</t>
  </si>
  <si>
    <t>POINT (4.648055390950046 51.84367210809494)</t>
  </si>
  <si>
    <t>POINT (4.634771902884513 51.834419278294696)</t>
  </si>
  <si>
    <t>POINT (4.648341131432119 51.83944841718547)</t>
  </si>
  <si>
    <t>POINT (4.6420313687203185 51.84552164852074)</t>
  </si>
  <si>
    <t>POINT (4.640478589166643 51.85077015071285)</t>
  </si>
  <si>
    <t>POINT (4.626690699600682 51.84557609076157)</t>
  </si>
  <si>
    <t>POINT (4.636127468660154 51.84623008922125)</t>
  </si>
  <si>
    <t>POINT (4.64772471948064 51.830222978056945)</t>
  </si>
  <si>
    <t>POINT (4.642007428095158 51.84696867133967)</t>
  </si>
  <si>
    <t>POINT (4.629298802815711 51.8389233558417)</t>
  </si>
  <si>
    <t>POINT (4.638377732817392 51.832002447575206)</t>
  </si>
  <si>
    <t>POINT (4.655043011508251 51.83432574390503)</t>
  </si>
  <si>
    <t>POINT (4.644766309904058 51.83807838207662)</t>
  </si>
  <si>
    <t>POINT (4.656078320034461 51.849169465034514)</t>
  </si>
  <si>
    <t>POINT (4.640439550172811 51.841745283282)</t>
  </si>
  <si>
    <t>POINT (4.630337235611412 51.83843567770997)</t>
  </si>
  <si>
    <t>POINT (4.632524926909897 51.83690370834362)</t>
  </si>
  <si>
    <t>POINT (4.65554005783561 51.83647181212265)</t>
  </si>
  <si>
    <t>POINT (4.63378442684311 51.83533877908998)</t>
  </si>
  <si>
    <t>POINT (4.636903032631875 51.83865991662531)</t>
  </si>
  <si>
    <t>POINT (4.6448893603154495 51.85097867288989)</t>
  </si>
  <si>
    <t>POINT (4.647569180225291 51.836163510659084)</t>
  </si>
  <si>
    <t>POINT (4.636904073322221 51.82825623439817)</t>
  </si>
  <si>
    <t>POINT (4.632756155055801 51.836959126668425)</t>
  </si>
  <si>
    <t>POINT (4.628114017001236 51.84895605440026)</t>
  </si>
  <si>
    <t>POINT (4.640725140297409 51.83198232478314)</t>
  </si>
  <si>
    <t>POINT (4.649069585547197 51.829602235362046)</t>
  </si>
  <si>
    <t>POINT (4.657319706047795 51.83167627456764)</t>
  </si>
  <si>
    <t>POINT (4.652572676583502 51.84520156555363)</t>
  </si>
  <si>
    <t>POINT (4.63799783390502 51.83224777856479)</t>
  </si>
  <si>
    <t>POINT (4.639060550795905 51.8382758649143)</t>
  </si>
  <si>
    <t>POINT (4.650706445006808 51.8408903645041)</t>
  </si>
  <si>
    <t>POINT (4.645588603218218 51.85133456566572)</t>
  </si>
  <si>
    <t>POINT (4.642044372527694 51.83069941088627)</t>
  </si>
  <si>
    <t>POINT (4.644469966464688 51.84898997707811)</t>
  </si>
  <si>
    <t>POINT (4.639471800223606 51.82661117774296)</t>
  </si>
  <si>
    <t>POINT (4.627615220486548 51.85099325715236)</t>
  </si>
  <si>
    <t>POINT (4.645641058648188 51.84576023050458)</t>
  </si>
  <si>
    <t>POINT (4.646416485965856 51.829495635116615)</t>
  </si>
  <si>
    <t>POINT (4.656580763288745 51.8325140504775)</t>
  </si>
  <si>
    <t>POINT (4.621269473037575 51.83836787841473)</t>
  </si>
  <si>
    <t>POINT (4.62888993507412 51.850282402736525)</t>
  </si>
  <si>
    <t>POINT (4.636294214726935 51.83709866378067)</t>
  </si>
  <si>
    <t>POINT (4.655358398653972 51.831843836525124)</t>
  </si>
  <si>
    <t>POINT (4.6393176468899995 51.832547760531405)</t>
  </si>
  <si>
    <t>POINT (4.639574229165089 51.82655789808953)</t>
  </si>
  <si>
    <t>POINT (4.64754456754666 51.84650031882605)</t>
  </si>
  <si>
    <t>POINT (4.632072171084208 51.83448284104312)</t>
  </si>
  <si>
    <t>POINT (4.634973715786073 51.83884300217941)</t>
  </si>
  <si>
    <t>POINT (4.628724973892826 51.837670222861796)</t>
  </si>
  <si>
    <t>POINT (4.6463623416264515 51.85220066176698)</t>
  </si>
  <si>
    <t>POINT (4.656940111814136 51.836354868116246)</t>
  </si>
  <si>
    <t>POINT (4.64297265333094 51.84564447142152)</t>
  </si>
  <si>
    <t>POINT (4.6294830034946015 51.846088521516045)</t>
  </si>
  <si>
    <t>POINT (4.628260980054872 51.83851216046826)</t>
  </si>
  <si>
    <t>POINT (4.643859903684128 51.845524250787136)</t>
  </si>
  <si>
    <t>POINT (4.6389193737047005 51.83891316101791)</t>
  </si>
  <si>
    <t>POINT (4.655913131167975 51.83267782847779)</t>
  </si>
  <si>
    <t>POINT (4.64710249231044 51.83807515582207)</t>
  </si>
  <si>
    <t>POINT (4.6545621319681985 51.84245216045912)</t>
  </si>
  <si>
    <t>POINT (4.628618440589816 51.83710324737861)</t>
  </si>
  <si>
    <t>POINT (4.6405215311587105 51.85080637842867)</t>
  </si>
  <si>
    <t>POINT (4.632351030791828 51.83775651505245)</t>
  </si>
  <si>
    <t>POINT (4.6268972677285385 51.836777508803216)</t>
  </si>
  <si>
    <t>POINT (4.64880472332205 51.83071516520155)</t>
  </si>
  <si>
    <t>POINT (4.637552986094914 51.82852299398616)</t>
  </si>
  <si>
    <t>POINT (4.652858419442743 51.84248166884392)</t>
  </si>
  <si>
    <t>POINT (4.644853778370008 51.85084088555833)</t>
  </si>
  <si>
    <t>POINT (4.643186098124222 51.833601007228125)</t>
  </si>
  <si>
    <t>POINT (4.644746891368708 51.841017553735725)</t>
  </si>
  <si>
    <t>POINT (4.63270056399148 51.83508013473575)</t>
  </si>
  <si>
    <t>POINT (4.628623066332993 51.85233908423947)</t>
  </si>
  <si>
    <t>POINT (4.635520402805851 51.83564653417234)</t>
  </si>
  <si>
    <t>POINT (4.64328333723727 51.83034772219428)</t>
  </si>
  <si>
    <t>POINT (4.630168537485064 51.849337854241284)</t>
  </si>
  <si>
    <t>POINT (4.626389195081264 51.84280562419198)</t>
  </si>
  <si>
    <t>POINT (4.639724017934343 51.83152060560249)</t>
  </si>
  <si>
    <t>POINT (4.643078952313957 51.852386639518556)</t>
  </si>
  <si>
    <t>POINT (4.639372645990565 51.84744629596119)</t>
  </si>
  <si>
    <t>POINT (4.653669456997224 51.83585572296292)</t>
  </si>
  <si>
    <t>POINT (4.6381666579577745 51.82658487885331)</t>
  </si>
  <si>
    <t>POINT (4.630725888789249 51.848990888253276)</t>
  </si>
  <si>
    <t>POINT (4.630363640233956 51.84550094897071)</t>
  </si>
  <si>
    <t>POINT (4.644025522056931 51.83327671879115)</t>
  </si>
  <si>
    <t>POINT (4.6573233709385695 51.83216297067019)</t>
  </si>
  <si>
    <t>POINT (4.6522812849096296 51.8452716512174)</t>
  </si>
  <si>
    <t>POINT (4.6388383081518825 51.834184600417025)</t>
  </si>
  <si>
    <t>POINT (4.63089100349404 51.83915834106281)</t>
  </si>
  <si>
    <t>POINT (4.647436211463983 51.83277394374897)</t>
  </si>
  <si>
    <t>POINT (4.6319509980095015 51.84690441469649)</t>
  </si>
  <si>
    <t>POINT (4.636055815850938 51.83660276131078)</t>
  </si>
  <si>
    <t>POINT (4.628377601423642 51.835034293002785)</t>
  </si>
  <si>
    <t>POINT (4.6417270198503395 51.830589531719596)</t>
  </si>
  <si>
    <t>POINT (4.625979894363266 51.84641642014087)</t>
  </si>
  <si>
    <t>POINT (4.654068402718747 51.85227599346203)</t>
  </si>
  <si>
    <t>POINT (4.6408981705899635 51.845595348959364)</t>
  </si>
  <si>
    <t>POINT (4.6491765864545584 51.831041096048494)</t>
  </si>
  <si>
    <t>POINT (4.634703869099572 51.83414918172101)</t>
  </si>
  <si>
    <t>POINT (4.638099106044656 51.83937534093761)</t>
  </si>
  <si>
    <t>POINT (4.6495598278002195 51.84070514542755)</t>
  </si>
  <si>
    <t>POINT (4.646776313268631 51.85120054367054)</t>
  </si>
  <si>
    <t>POINT (4.6480891823389605 51.840476258089836)</t>
  </si>
  <si>
    <t>POINT (4.639702607264336 51.83166296682559)</t>
  </si>
  <si>
    <t>POINT (4.653526861394888 51.83294014903302)</t>
  </si>
  <si>
    <t>POINT (4.634200406218464 51.83475718375108)</t>
  </si>
  <si>
    <t>POINT (4.638343915364872 51.83686906236192)</t>
  </si>
  <si>
    <t>POINT (4.648325004077183 51.84018398395767)</t>
  </si>
  <si>
    <t>POINT (4.634399338556385 51.836744958213544)</t>
  </si>
  <si>
    <t>POINT (4.623823420446818 51.840928311677956)</t>
  </si>
  <si>
    <t>POINT (4.641450014286366 51.83484598781361)</t>
  </si>
  <si>
    <t>POINT (4.649402357721545 51.84383338749033)</t>
  </si>
  <si>
    <t>POINT (4.6497136183326155 51.851412779120025)</t>
  </si>
  <si>
    <t>POINT (4.640143299425057 51.84560852563553)</t>
  </si>
  <si>
    <t>POINT (4.638256299203942 51.83864826122756)</t>
  </si>
  <si>
    <t>POINT (4.643402275981671 51.84775054064382)</t>
  </si>
  <si>
    <t>POINT (4.648385139290738 51.84022453274999)</t>
  </si>
  <si>
    <t>POINT (4.648788202944885 51.844117163601375)</t>
  </si>
  <si>
    <t>POINT (4.6466447428475535 51.85179795376785)</t>
  </si>
  <si>
    <t>POINT (4.645142499270053 51.84254812799856)</t>
  </si>
  <si>
    <t>POINT (4.629960063155145 51.84706237601082)</t>
  </si>
  <si>
    <t>POINT (4.6397020008185645 51.839843980062845)</t>
  </si>
  <si>
    <t>POINT (4.647624549416355 51.836825488448895)</t>
  </si>
  <si>
    <t>POINT (4.643109870731792 51.84981620544473)</t>
  </si>
  <si>
    <t>POINT (4.65577281752208 51.83223293215013)</t>
  </si>
  <si>
    <t>POINT (4.626443630818634 51.836145361798295)</t>
  </si>
  <si>
    <t>POINT (4.62988222931475 51.8508281271126)</t>
  </si>
  <si>
    <t>POINT (4.644838973181991 51.84247429985393)</t>
  </si>
  <si>
    <t>POINT (4.63998109005011 51.847513090310514)</t>
  </si>
  <si>
    <t>POINT (4.626611981164719 51.84508120356417)</t>
  </si>
  <si>
    <t>POINT (4.636680578035993 51.83568092326152)</t>
  </si>
  <si>
    <t>POINT (4.6364224105799785 51.8394041534811)</t>
  </si>
  <si>
    <t>POINT (4.628792539218453 51.84486160363776)</t>
  </si>
  <si>
    <t>POINT (4.6481492207936395 51.84052183105487)</t>
  </si>
  <si>
    <t>POINT (4.622958036600377 51.840617066177764)</t>
  </si>
  <si>
    <t>POINT (4.645136508632598 51.85094525121098)</t>
  </si>
  <si>
    <t>POINT (4.629874778858219 51.84005065800411)</t>
  </si>
  <si>
    <t>POINT (4.629200123008929 51.83788902018233)</t>
  </si>
  <si>
    <t>POINT (4.641392425006375 51.836780605054344)</t>
  </si>
  <si>
    <t>POINT (4.641934785047408 51.84609630996872)</t>
  </si>
  <si>
    <t>POINT (4.624250484603599 51.841416476761864)</t>
  </si>
  <si>
    <t>POINT (4.629370858449272 51.84412826644799)</t>
  </si>
  <si>
    <t>POINT (4.636837922769965 51.83975683798124)</t>
  </si>
  <si>
    <t>POINT (4.640944732533362 51.848040561370496)</t>
  </si>
  <si>
    <t>POINT (4.64818092607899 51.84146568749878)</t>
  </si>
  <si>
    <t>POINT (4.6465982969783655 51.83520459055708)</t>
  </si>
  <si>
    <t>POINT (4.652772264244568 51.83207037887738)</t>
  </si>
  <si>
    <t>POINT (4.624808881879367 51.83928978591555)</t>
  </si>
  <si>
    <t>POINT (4.648892051533934 51.853717699326715)</t>
  </si>
  <si>
    <t>POINT (4.641507329529954 51.843864407014884)</t>
  </si>
  <si>
    <t>POINT (4.650169207121089 51.84397303380042)</t>
  </si>
  <si>
    <t>POINT (4.651408558392767 51.84082387336702)</t>
  </si>
  <si>
    <t>POINT (4.638699476959049 51.83817468790827)</t>
  </si>
  <si>
    <t>POINT (4.624955767771639 51.84089971433542)</t>
  </si>
  <si>
    <t>POINT (4.630274761703748 51.834381378294346)</t>
  </si>
  <si>
    <t>POINT (4.658179430311862 51.83445835897596)</t>
  </si>
  <si>
    <t>POINT (4.636924083482985 51.833299985096566)</t>
  </si>
  <si>
    <t>POINT (4.635346677453923 51.83736225947559)</t>
  </si>
  <si>
    <t>POINT (4.654087488465476 51.830595469842166)</t>
  </si>
  <si>
    <t>POINT (4.648447085906224 51.8360205367734)</t>
  </si>
  <si>
    <t>POINT (4.639499890857851 51.845901055977535)</t>
  </si>
  <si>
    <t>POINT (4.6457958398055474 51.82930295438715)</t>
  </si>
  <si>
    <t>POINT (4.636109405243654 51.83512896071636)</t>
  </si>
  <si>
    <t>POINT (4.628548362997942 51.83523314781515)</t>
  </si>
  <si>
    <t>POINT (4.646879737512494 51.83573669734359)</t>
  </si>
  <si>
    <t>POINT (4.648258593478803 51.846448455877734)</t>
  </si>
  <si>
    <t>POINT (4.648359008547982 51.83046966639452)</t>
  </si>
  <si>
    <t>POINT (4.642076888411006 51.82697830291655)</t>
  </si>
  <si>
    <t>POINT (4.644872951446596 51.8280836498181)</t>
  </si>
  <si>
    <t>POINT (4.644860285706807 51.84382273421969)</t>
  </si>
  <si>
    <t>POINT (4.644858149992655 51.831261260881405)</t>
  </si>
  <si>
    <t>POINT (4.630306200519814 51.84546462399636)</t>
  </si>
  <si>
    <t>POINT (4.629734834371651 51.84923618180923)</t>
  </si>
  <si>
    <t>POINT (4.645257342440859 51.82764563482068)</t>
  </si>
  <si>
    <t>POINT (4.642717291862451 51.84984909633905)</t>
  </si>
  <si>
    <t>POINT (4.6419863337851135 51.83947198960845)</t>
  </si>
  <si>
    <t>POINT (4.6537656656793045 51.83536926430587)</t>
  </si>
  <si>
    <t>POINT (4.64581417555526 51.828188474015114)</t>
  </si>
  <si>
    <t>POINT (4.635222071439007 51.84656586338323)</t>
  </si>
  <si>
    <t>POINT (4.642183842638075 51.83244338080363)</t>
  </si>
  <si>
    <t>POINT (4.629212254811989 51.84837888562762)</t>
  </si>
  <si>
    <t>POINT (4.641066815540302 51.83255747142689)</t>
  </si>
  <si>
    <t>POINT (4.647563989763867 51.84973635741051)</t>
  </si>
  <si>
    <t>POINT (4.642863722806534 51.826767566813025)</t>
  </si>
  <si>
    <t>POINT (4.641452205998516 51.85157632888664)</t>
  </si>
  <si>
    <t>POINT (4.622418582352209 51.83991243565391)</t>
  </si>
  <si>
    <t>POINT (4.644544019287477 51.84364096083983)</t>
  </si>
  <si>
    <t>POINT (4.648594612486789 51.83556772604776)</t>
  </si>
  <si>
    <t>POINT (4.634484135042793 51.83688033215095)</t>
  </si>
  <si>
    <t>POINT (4.6488169294097315 51.844135321585576)</t>
  </si>
  <si>
    <t>POINT (4.651568987610073 51.841775834019515)</t>
  </si>
  <si>
    <t>POINT (4.643752931103969 51.84760894289193)</t>
  </si>
  <si>
    <t>POINT (4.643897489145886 51.84900588678091)</t>
  </si>
  <si>
    <t>POINT (4.628326584785201 51.8380631503662)</t>
  </si>
  <si>
    <t>POINT (4.645689516252713 51.84898746500958)</t>
  </si>
  <si>
    <t>POINT (4.639652551440664 51.834953826048284)</t>
  </si>
  <si>
    <t>POINT (4.640249553151133 51.83259728021466)</t>
  </si>
  <si>
    <t>POINT (4.641125431479991 51.83412487618368)</t>
  </si>
  <si>
    <t>POINT (4.635180034335296 51.83778365999479)</t>
  </si>
  <si>
    <t>POINT (4.634103100963672 51.83797450732842)</t>
  </si>
  <si>
    <t>POINT (4.65001046501516 51.84657874777645)</t>
  </si>
  <si>
    <t>POINT (4.640068408536675 51.84662376824096)</t>
  </si>
  <si>
    <t>POINT (4.6353472774239135 51.83732630860293)</t>
  </si>
  <si>
    <t>POINT (4.6473124546856655 51.829708025642226)</t>
  </si>
  <si>
    <t>POINT (4.621508634762784 51.83880988433826)</t>
  </si>
  <si>
    <t>POINT (4.631765556290997 51.834597721200005)</t>
  </si>
  <si>
    <t>POINT (4.625152905176644 51.84039762779475)</t>
  </si>
  <si>
    <t>POINT (4.647524623319477 51.836226150607786)</t>
  </si>
  <si>
    <t>POINT (4.640942359447336 51.838548513597715)</t>
  </si>
  <si>
    <t>POINT (4.642032927484122 51.827004989890284)</t>
  </si>
  <si>
    <t>POINT (4.630786290303843 51.84625872123212)</t>
  </si>
  <si>
    <t>POINT (4.630291689569059 51.84546453044907)</t>
  </si>
  <si>
    <t>POINT (4.6423968312387 51.85238231486413)</t>
  </si>
  <si>
    <t>POINT (4.644783006920984 51.842348104652245)</t>
  </si>
  <si>
    <t>POINT (4.652992370615818 51.833698704706286)</t>
  </si>
  <si>
    <t>POINT (4.648115707303314 51.83557370058303)</t>
  </si>
  <si>
    <t>POINT (4.6338960701301755 51.84948766924665)</t>
  </si>
  <si>
    <t>POINT (4.655487264382609 51.83284238185907)</t>
  </si>
  <si>
    <t>POINT (4.633612890073064 51.83518487044071)</t>
  </si>
  <si>
    <t>POINT (4.64448529435482 51.85020703036389)</t>
  </si>
  <si>
    <t>POINT (4.644559110992638 51.84448599065169)</t>
  </si>
  <si>
    <t>POINT (4.643338825843592 51.8312680471436)</t>
  </si>
  <si>
    <t>POINT (4.657990345148804 51.835060179957416)</t>
  </si>
  <si>
    <t>POINT (4.648493205169004 51.83555809930413)</t>
  </si>
  <si>
    <t>POINT (4.650034935158399 51.844196907290545)</t>
  </si>
  <si>
    <t>POINT (4.6452055631280285 51.836957575413)</t>
  </si>
  <si>
    <t>POINT (4.647114144169568 51.85061441102394)</t>
  </si>
  <si>
    <t>POINT (4.63442687861655 51.834228303958966)</t>
  </si>
  <si>
    <t>POINT (4.645126064391188 51.842664876758214)</t>
  </si>
  <si>
    <t>POINT (4.637103535596546 51.83729259997186)</t>
  </si>
  <si>
    <t>POINT (4.645981436751495 51.84359611242216)</t>
  </si>
  <si>
    <t>POINT (4.632326437006134 51.84874950642968)</t>
  </si>
  <si>
    <t>POINT (4.655715957749226 51.832160668515186)</t>
  </si>
  <si>
    <t>POINT (4.640645333161347 51.83896010406115)</t>
  </si>
  <si>
    <t>POINT (4.635520477793417 51.83738134980285)</t>
  </si>
  <si>
    <t>POINT (4.635106477586532 51.84566625605447)</t>
  </si>
  <si>
    <t>POINT (4.6399552454962 51.8481960642344)</t>
  </si>
  <si>
    <t>POINT (4.644389410571134 51.83629624105373)</t>
  </si>
  <si>
    <t>POINT (4.6331370031781125 51.848880556168226)</t>
  </si>
  <si>
    <t>POINT (4.644083230768232 51.83315482914966)</t>
  </si>
  <si>
    <t>POINT (4.640297446919096 51.8441892970931)</t>
  </si>
  <si>
    <t>POINT (4.636113222887202 51.83751098513599)</t>
  </si>
  <si>
    <t>POINT (4.647473914678954 51.83754716537761)</t>
  </si>
  <si>
    <t>POINT (4.651192714070546 51.83462225651805)</t>
  </si>
  <si>
    <t>POINT (4.639648896760989 51.849164889744735)</t>
  </si>
  <si>
    <t>POINT (4.623242097832385 51.84012453724109)</t>
  </si>
  <si>
    <t>POINT (4.628852326134116 51.840448548550526)</t>
  </si>
  <si>
    <t>POINT (4.634652828758268 51.83720500614141)</t>
  </si>
  <si>
    <t>POINT (4.653019006691955 51.846309961810704)</t>
  </si>
  <si>
    <t>POINT (4.640751958654442 51.83865516719956)</t>
  </si>
  <si>
    <t>POINT (4.644221394336169 51.82800761797802)</t>
  </si>
  <si>
    <t>POINT (4.637194904733722 51.82732993017869)</t>
  </si>
  <si>
    <t>POINT (4.643089793691842 51.85173053635099)</t>
  </si>
  <si>
    <t>POINT (4.640989675658743 51.83919599875518)</t>
  </si>
  <si>
    <t>POINT (4.640088184756183 51.83299666300914)</t>
  </si>
  <si>
    <t>POINT (4.644792621874673 51.84352568048088)</t>
  </si>
  <si>
    <t>POINT (4.632983478862172 51.84764812247376)</t>
  </si>
  <si>
    <t>POINT (4.657807692315711 51.832002899694714)</t>
  </si>
  <si>
    <t>POINT (4.649537185482235 51.83116920409185)</t>
  </si>
  <si>
    <t>POINT (4.641112323157453 51.848437127524896)</t>
  </si>
  <si>
    <t>POINT (4.620438173722606 51.83946806073335)</t>
  </si>
  <si>
    <t>POINT (4.644885824784948 51.82906349733972)</t>
  </si>
  <si>
    <t>POINT (4.640443595626312 51.844127306075436)</t>
  </si>
  <si>
    <t>POINT (4.638410764231113 51.83566328019315)</t>
  </si>
  <si>
    <t>POINT (4.627408232615517 51.848636885865155)</t>
  </si>
  <si>
    <t>POINT (4.627703929885115 51.84487254400392)</t>
  </si>
  <si>
    <t>POINT (4.64111828790911 51.84632482969932)</t>
  </si>
  <si>
    <t>POINT (4.657079065093158 51.83130624275345)</t>
  </si>
  <si>
    <t>POINT (4.623397333374159 51.83917560938769)</t>
  </si>
  <si>
    <t>POINT (4.642871993049924 51.82714514396114)</t>
  </si>
  <si>
    <t>POINT (4.6538855046655065 51.84383999139605)</t>
  </si>
  <si>
    <t>POINT (4.638806587595747 51.83871469124877)</t>
  </si>
  <si>
    <t>POINT (4.641715123744647 51.839200607609484)</t>
  </si>
  <si>
    <t>POINT (4.641145594330771 51.8473047675085)</t>
  </si>
  <si>
    <t>POINT (4.6348841112517665 51.83899523552129)</t>
  </si>
  <si>
    <t>POINT (4.63193678318666 51.834769607973925)</t>
  </si>
  <si>
    <t>POINT (4.6419823436248855 51.8519931728392)</t>
  </si>
  <si>
    <t>POINT (4.644984961997726 51.84242129087455)</t>
  </si>
  <si>
    <t>POINT (4.644065387919909 51.83315906671427)</t>
  </si>
  <si>
    <t>POINT (4.635118849537446 51.837972030284924)</t>
  </si>
  <si>
    <t>POINT (4.630245599418622 51.846479953455834)</t>
  </si>
  <si>
    <t>POINT (4.623980110174601 51.83767542579378)</t>
  </si>
  <si>
    <t>POINT (4.648291127674888 51.83549390684633)</t>
  </si>
  <si>
    <t>POINT (4.648730129740046 51.85119985903421)</t>
  </si>
  <si>
    <t>POINT (4.643340711722669 51.854114119631106)</t>
  </si>
  <si>
    <t>POINT (4.6578552154760615 51.833860405749135)</t>
  </si>
  <si>
    <t>POINT (4.62965637632126 51.850449146107884)</t>
  </si>
  <si>
    <t>POINT (4.650135035168515 51.83098419742628)</t>
  </si>
  <si>
    <t>POINT (4.643555481704534 51.85050062039474)</t>
  </si>
  <si>
    <t>POINT (4.634121033692338 51.848185755561154)</t>
  </si>
  <si>
    <t>POINT (4.62827911385534 51.843465040981236)</t>
  </si>
  <si>
    <t>POINT (4.650730712832531 51.83004412558963)</t>
  </si>
  <si>
    <t>POINT (4.6528372590415135 51.841500010949595)</t>
  </si>
  <si>
    <t>POINT (4.63515572336533 51.8286282155604)</t>
  </si>
  <si>
    <t>POINT (4.625681769456192 51.8451650606453)</t>
  </si>
  <si>
    <t>POINT (4.655945306786439 51.83054413734829)</t>
  </si>
  <si>
    <t>POINT (4.643522472464975 51.84486594158569)</t>
  </si>
  <si>
    <t>POINT (4.6450530848069125 51.82771625298118)</t>
  </si>
  <si>
    <t>POINT (4.638240377364408 51.826513439767744)</t>
  </si>
  <si>
    <t>POINT (4.645530157224711 51.846325815603905)</t>
  </si>
  <si>
    <t>POINT (4.644824005765337 51.850809425795255)</t>
  </si>
  <si>
    <t>POINT (4.626027386673676 51.83673591702371)</t>
  </si>
  <si>
    <t>POINT (4.654978159192404 51.832030227328055)</t>
  </si>
  <si>
    <t>POINT (4.630734485036905 51.84156629875671)</t>
  </si>
  <si>
    <t>POINT (4.629413795546819 51.842438672204324)</t>
  </si>
  <si>
    <t>POINT (4.6412810454041 51.839125941026744)</t>
  </si>
  <si>
    <t>POINT (4.638970393161809 51.83933595385914)</t>
  </si>
  <si>
    <t>POINT (4.644005448108432 51.84194813325964)</t>
  </si>
  <si>
    <t>POINT (4.637770607102251 51.83288271778116)</t>
  </si>
  <si>
    <t>POINT (4.658252396810005 51.83262254510725)</t>
  </si>
  <si>
    <t>POINT (4.628807266773485 51.84915828494394)</t>
  </si>
  <si>
    <t>POINT (4.648801896428942 51.84682283579497)</t>
  </si>
  <si>
    <t>POINT (4.642360983379946 51.85016188913382)</t>
  </si>
  <si>
    <t>POINT (4.628295197270845 51.83648093888067)</t>
  </si>
  <si>
    <t>POINT (4.655280157168579 51.85184310918324)</t>
  </si>
  <si>
    <t>POINT (4.658209406061613 51.83138517721357)</t>
  </si>
  <si>
    <t>POINT (4.634033511760195 51.84821216018152)</t>
  </si>
  <si>
    <t>POINT (4.626905374556497 51.847474091787426)</t>
  </si>
  <si>
    <t>POINT (4.646955884106168 51.8443483191859)</t>
  </si>
  <si>
    <t>POINT (4.628407628721093 51.83669739411472)</t>
  </si>
  <si>
    <t>POINT (4.6577164456097195 51.83495061430098)</t>
  </si>
  <si>
    <t>POINT (4.651338044329005 51.83221693686392)</t>
  </si>
  <si>
    <t>POINT (4.63637269860384 51.82809247840303)</t>
  </si>
  <si>
    <t>POINT (4.6377722647232735 51.837215972824275)</t>
  </si>
  <si>
    <t>POINT (4.624983632295424 51.84182572966216)</t>
  </si>
  <si>
    <t>POINT (4.656490372880574 51.83194170083924)</t>
  </si>
  <si>
    <t>POINT (4.649666917756245 51.830334072654935)</t>
  </si>
  <si>
    <t>POINT (4.644287074836745 51.83018329422718)</t>
  </si>
  <si>
    <t>POINT (4.628392495681103 51.842764656899554)</t>
  </si>
  <si>
    <t>POINT (4.6434407436382665 51.85245185225568)</t>
  </si>
  <si>
    <t>POINT (4.631652963161087 51.834390256821095)</t>
  </si>
  <si>
    <t>POINT (4.629281600720756 51.83563338634861)</t>
  </si>
  <si>
    <t>POINT (4.641817356911164 51.84617646250908)</t>
  </si>
  <si>
    <t>POINT (4.6261716236348205 51.83592787023211)</t>
  </si>
  <si>
    <t>POINT (4.63796629229838 51.840381224856465)</t>
  </si>
  <si>
    <t>POINT (4.643846875801456 51.82960523190379)</t>
  </si>
  <si>
    <t>POINT (4.63260491543166 51.84685468714065)</t>
  </si>
  <si>
    <t>POINT (4.650190808651727 51.8402625155078)</t>
  </si>
  <si>
    <t>POINT (4.643882855585123 51.829182991796394)</t>
  </si>
  <si>
    <t>POINT (4.646984098152777 51.835566570695256)</t>
  </si>
  <si>
    <t>POINT (4.6253763903025815 51.84091143322049)</t>
  </si>
  <si>
    <t>POINT (4.64059609738333 51.827921693893586)</t>
  </si>
  <si>
    <t>POINT (4.630973354830254 51.838574607296366)</t>
  </si>
  <si>
    <t>POINT (4.63987412600986 51.839090027390206)</t>
  </si>
  <si>
    <t>POINT (4.62661855993639 51.84890187392079)</t>
  </si>
  <si>
    <t>POINT (4.635385933176007 51.83587937875722)</t>
  </si>
  <si>
    <t>POINT (4.65530042591592 51.83273335309606)</t>
  </si>
  <si>
    <t>POINT (4.640903464376915 51.83651682609885)</t>
  </si>
  <si>
    <t>POINT (4.621853952851253 51.844319647953746)</t>
  </si>
  <si>
    <t>POINT (4.64449646977635 51.85021409422649)</t>
  </si>
  <si>
    <t>POINT (4.648003196527772 51.84950541821298)</t>
  </si>
  <si>
    <t>POINT (4.6439719411217375 51.84752943148286)</t>
  </si>
  <si>
    <t>POINT (4.652519932726856 51.834199114282875)</t>
  </si>
  <si>
    <t>POINT (4.65152971891683 51.8299772265309)</t>
  </si>
  <si>
    <t>POINT (4.621674492053777 51.8410042059066)</t>
  </si>
  <si>
    <t>POINT (4.645730658390739 51.835909218640516)</t>
  </si>
  <si>
    <t>POINT (4.637897906605876 51.837513401156144)</t>
  </si>
  <si>
    <t>POINT (4.652746219380796 51.844348729008466)</t>
  </si>
  <si>
    <t>POINT (4.626175897397857 51.84512332114414)</t>
  </si>
  <si>
    <t>POINT (4.650618065990456 51.836047850375145)</t>
  </si>
  <si>
    <t>POINT (4.626320420759913 51.84687704991342)</t>
  </si>
  <si>
    <t>POINT (4.624800598836308 51.84320879831945)</t>
  </si>
  <si>
    <t>POINT (4.643764140637535 51.82934403621188)</t>
  </si>
  <si>
    <t>POINT (4.649949730857667 51.84496939688212)</t>
  </si>
  <si>
    <t>POINT (4.656525249506603 51.85009743949075)</t>
  </si>
  <si>
    <t>POINT (4.649566051148693 51.83117837415773)</t>
  </si>
  <si>
    <t>POINT (4.653180212151817 51.84327160884208)</t>
  </si>
  <si>
    <t>POINT (4.642288943250573 51.839599751471646)</t>
  </si>
  <si>
    <t>POINT (4.65529571377714 51.844634309366825)</t>
  </si>
  <si>
    <t>POINT (4.65125203578573 51.84520228362527)</t>
  </si>
  <si>
    <t>POINT (4.643673337733891 51.845397228190606)</t>
  </si>
  <si>
    <t>POINT (4.6453112300749515 51.82965943962484)</t>
  </si>
  <si>
    <t>POINT (4.626619488784423 51.836901551052456)</t>
  </si>
  <si>
    <t>POINT (4.652810798880769 51.84553161752061)</t>
  </si>
  <si>
    <t>POINT (4.641350834754239 51.83666348805954)</t>
  </si>
  <si>
    <t>POINT (4.628581918285773 51.83496370404732)</t>
  </si>
  <si>
    <t>POINT (4.652810052415225 51.842035735607354)</t>
  </si>
  <si>
    <t>POINT (4.644027105898306 51.85082679349561)</t>
  </si>
  <si>
    <t>POINT (4.654876521325128 51.83024983694643)</t>
  </si>
  <si>
    <t>POINT (4.639290386692794 51.848030035161706)</t>
  </si>
  <si>
    <t>POINT (4.639524151399834 51.83657097015101)</t>
  </si>
  <si>
    <t>POINT (4.601867729424379 51.838455150809615)</t>
  </si>
  <si>
    <t>POINT (4.621390707720367 51.84233268072938)</t>
  </si>
  <si>
    <t>POINT (4.630911829229755 51.849153882117456)</t>
  </si>
  <si>
    <t>POINT (4.646326923602066 51.84553085521433)</t>
  </si>
  <si>
    <t>POINT (4.643845025688537 51.83763210726799)</t>
  </si>
  <si>
    <t>POINT (4.649502214286227 51.8536855795178)</t>
  </si>
  <si>
    <t>POINT (4.642215684399954 51.85280363255387)</t>
  </si>
  <si>
    <t>POINT (4.6508721071188175 51.845361697365455)</t>
  </si>
  <si>
    <t>POINT (4.640356862423671 51.8283516288033)</t>
  </si>
  <si>
    <t>POINT (4.6501755615453675 51.829393456671745)</t>
  </si>
  <si>
    <t>POINT (4.629169461002185 51.83626187029154)</t>
  </si>
  <si>
    <t>POINT (4.636346643798225 51.83950382973267)</t>
  </si>
  <si>
    <t>POINT (4.653437213549616 51.83132847771791)</t>
  </si>
  <si>
    <t>POINT (4.6268512306935285 51.84552319841133)</t>
  </si>
  <si>
    <t>POINT (4.646688015625674 51.84828366262975)</t>
  </si>
  <si>
    <t>POINT (4.615503938394569 51.83357509930711)</t>
  </si>
  <si>
    <t>POINT (4.644734135977151 51.84355227662914)</t>
  </si>
  <si>
    <t>POINT (4.652105246673531 51.84538740171028)</t>
  </si>
  <si>
    <t>POINT (4.6524242439215335 51.83383896868325)</t>
  </si>
  <si>
    <t>POINT (4.646211384467866 51.837557180573626)</t>
  </si>
  <si>
    <t>POINT (4.631203637701963 51.85079169899817)</t>
  </si>
  <si>
    <t>POINT (4.636486391083017 51.83289053880792)</t>
  </si>
  <si>
    <t>POINT (4.654780617054366 51.831687425577144)</t>
  </si>
  <si>
    <t>POINT (4.634580887829612 51.837168590230945)</t>
  </si>
  <si>
    <t>POINT (4.6289416738117195 51.84807152367743)</t>
  </si>
  <si>
    <t>POINT (4.630131706394986 51.83944108482264)</t>
  </si>
  <si>
    <t>POINT (4.647202927192293 51.84256113282894)</t>
  </si>
  <si>
    <t>POINT (4.631123599750557 51.84864289177532)</t>
  </si>
  <si>
    <t>POINT (4.657086055295115 51.83087483023547)</t>
  </si>
  <si>
    <t>POINT (4.638549010899952 51.826272714146256)</t>
  </si>
  <si>
    <t>POINT (4.640353311646343 51.838194209479525)</t>
  </si>
  <si>
    <t>POINT (4.644965987590066 51.847976163847484)</t>
  </si>
  <si>
    <t>POINT (4.645983207496007 51.83555126665502)</t>
  </si>
  <si>
    <t>POINT (4.64548353409633 51.84915694849286)</t>
  </si>
  <si>
    <t>POINT (4.634251288536852 51.83431706466656)</t>
  </si>
  <si>
    <t>POINT (4.643676027479805 51.848250596794294)</t>
  </si>
  <si>
    <t>POINT (4.623808950908323 51.84178214263931)</t>
  </si>
  <si>
    <t>POINT (4.623351008791876 51.84054771416329)</t>
  </si>
  <si>
    <t>POINT (4.642193862329812 51.84008453631628)</t>
  </si>
  <si>
    <t>POINT (4.6502688361866715 51.83344793342272)</t>
  </si>
  <si>
    <t>POINT (4.650556333924765 51.83361153394811)</t>
  </si>
  <si>
    <t>POINT (4.646849835646731 51.83579044079022)</t>
  </si>
  <si>
    <t>POINT (4.627293845476211 51.846082516984865)</t>
  </si>
  <si>
    <t>POINT (4.647010267169492 51.840625593836315)</t>
  </si>
  <si>
    <t>POINT (4.649472557759988 51.84136888618699)</t>
  </si>
  <si>
    <t>POINT (4.651875727153881 51.8443342917313)</t>
  </si>
  <si>
    <t>POINT (4.65422673549806 51.83184576439655)</t>
  </si>
  <si>
    <t>POINT (4.640473014288608 51.838851144060435)</t>
  </si>
  <si>
    <t>POINT (4.640219646684449 51.836629329717354)</t>
  </si>
  <si>
    <t>POINT (4.641840053623622 51.839542970342315)</t>
  </si>
  <si>
    <t>POINT (4.648164766503091 51.8299291231059)</t>
  </si>
  <si>
    <t>POINT (4.636504183463305 51.83925489809698)</t>
  </si>
  <si>
    <t>POINT (4.64628268472471 51.84970493573706)</t>
  </si>
  <si>
    <t>POINT (4.627296449130835 51.84610023254002)</t>
  </si>
  <si>
    <t>POINT (4.616293471926898 51.833220738982426)</t>
  </si>
  <si>
    <t>POINT (4.6458293802315245 51.844017619490465)</t>
  </si>
  <si>
    <t>POINT (4.641333696387923 51.833294585176084)</t>
  </si>
  <si>
    <t>POINT (4.641394973169333 51.852402921858015)</t>
  </si>
  <si>
    <t>POINT (4.640804678726764 51.847734056623864)</t>
  </si>
  <si>
    <t>POINT (4.645273533833996 51.842521990135225)</t>
  </si>
  <si>
    <t>POINT (4.64788858515971 51.852066462723634)</t>
  </si>
  <si>
    <t>POINT (4.654593306770536 51.83071548050874)</t>
  </si>
  <si>
    <t>POINT (4.651820426010275 51.829943093428476)</t>
  </si>
  <si>
    <t>POINT (4.632842065530545 51.846559584902614)</t>
  </si>
  <si>
    <t>POINT (4.638172286970754 51.832355650435105)</t>
  </si>
  <si>
    <t>POINT (4.644115870516126 51.83318325122176)</t>
  </si>
  <si>
    <t>POINT (4.643150927971862 51.8287019544604)</t>
  </si>
  <si>
    <t>POINT (4.632588812031836 51.833955830886495)</t>
  </si>
  <si>
    <t>POINT (4.626425544091043 51.850104665256026)</t>
  </si>
  <si>
    <t>POINT (4.626789574450262 51.84057902501392)</t>
  </si>
  <si>
    <t>POINT (4.651136398072318 51.84035891870715)</t>
  </si>
  <si>
    <t>POINT (4.628263910137719 51.83661556690584)</t>
  </si>
  <si>
    <t>POINT (4.644048675911628 51.833027007156296)</t>
  </si>
  <si>
    <t>POINT (4.642857441834682 51.84295613038081)</t>
  </si>
  <si>
    <t>POINT (4.639185807461977 51.8328974610529)</t>
  </si>
  <si>
    <t>POINT (4.653612047277473 51.845540644416225)</t>
  </si>
  <si>
    <t>POINT (4.63021131873227 51.84938307341162)</t>
  </si>
  <si>
    <t>POINT (4.644313298091726 51.83739237733958)</t>
  </si>
  <si>
    <t>POINT (4.641448700379097 51.8474055683624)</t>
  </si>
  <si>
    <t>POINT (4.623190672053801 51.84144553941144)</t>
  </si>
  <si>
    <t>POINT (4.639501907652676 51.847528017154815)</t>
  </si>
  <si>
    <t>POINT (4.6493686378218335 51.83171645383637)</t>
  </si>
  <si>
    <t>POINT (4.631735962194081 51.84501541005759)</t>
  </si>
  <si>
    <t>POINT (4.637020010183885 51.83360958409402)</t>
  </si>
  <si>
    <t>POINT (4.644224540174207 51.83267376879741)</t>
  </si>
  <si>
    <t>POINT (4.644034291200266 51.83323589381103)</t>
  </si>
  <si>
    <t>POINT (4.6436675082570495 51.84170542985064)</t>
  </si>
  <si>
    <t>POINT (4.622826099067926 51.83383722478974)</t>
  </si>
  <si>
    <t>POINT (4.633201042550011 51.83465189356322)</t>
  </si>
  <si>
    <t>POINT (4.656207844068114 51.846554574612206)</t>
  </si>
  <si>
    <t>POINT (4.651429113539015 51.83347318889941)</t>
  </si>
  <si>
    <t>POINT (4.645001557127214 51.83789110751501)</t>
  </si>
  <si>
    <t>POINT (4.636964635698033 51.82740166247572)</t>
  </si>
  <si>
    <t>POINT (4.634086299148988 51.83463959888014)</t>
  </si>
  <si>
    <t>POINT (4.625108658584196 51.843013047379436)</t>
  </si>
  <si>
    <t>POINT (4.646892182577945 51.84734114108606)</t>
  </si>
  <si>
    <t>POINT (4.652311724862872 51.83006302303378)</t>
  </si>
  <si>
    <t>POINT (4.6449224203234865 51.834247687281156)</t>
  </si>
  <si>
    <t>POINT (4.647214819119896 51.85117944307415)</t>
  </si>
  <si>
    <t>POINT (4.641469303098043 51.83282502425806)</t>
  </si>
  <si>
    <t>POINT (4.64066682675376 51.844668045677025)</t>
  </si>
  <si>
    <t>POINT (4.635834951797953 51.839405815325094)</t>
  </si>
  <si>
    <t>POINT (4.625756214748024 51.837327411835396)</t>
  </si>
  <si>
    <t>POINT (4.656606435625257 51.84703345393799)</t>
  </si>
  <si>
    <t>POINT (4.640923319859405 51.82831028819813)</t>
  </si>
  <si>
    <t>POINT (4.657549767476147 51.83315233122248)</t>
  </si>
  <si>
    <t>POINT (4.642331647785147 51.836139383690956)</t>
  </si>
  <si>
    <t>POINT (4.644596512968067 51.836935746987166)</t>
  </si>
  <si>
    <t>POINT (4.643888305744128 51.85171761655612)</t>
  </si>
  <si>
    <t>POINT (4.6586978315843135 51.83168483537086)</t>
  </si>
  <si>
    <t>POINT (4.636974921194443 51.83899075482497)</t>
  </si>
  <si>
    <t>POINT (4.640467791157836 51.843543196600784)</t>
  </si>
  <si>
    <t>POINT (4.641189426789427 51.84728706868971)</t>
  </si>
  <si>
    <t>POINT (4.655612075784045 51.832303839803956)</t>
  </si>
  <si>
    <t>POINT (4.635977753512861 51.83344398095613)</t>
  </si>
  <si>
    <t>POINT (4.644631409466228 51.83415914205623)</t>
  </si>
  <si>
    <t>POINT (4.648440685521982 51.839495488122886)</t>
  </si>
  <si>
    <t>POINT (4.642418438821221 51.85019820821861)</t>
  </si>
  <si>
    <t>POINT (4.65083913338984 51.83406274169097)</t>
  </si>
  <si>
    <t>POINT (4.633213115763522 51.83826542112998)</t>
  </si>
  <si>
    <t>POINT (4.638937109746716 51.836971720273546)</t>
  </si>
  <si>
    <t>POINT (4.63550637003463 51.84866204335862)</t>
  </si>
  <si>
    <t>POINT (4.616132049581466 51.83332754317786)</t>
  </si>
  <si>
    <t>POINT (4.630727378962456 51.8480380987676)</t>
  </si>
  <si>
    <t>POINT (4.6452814699739005 51.827942413780654)</t>
  </si>
  <si>
    <t>POINT (4.639721474780548 51.840419379053806)</t>
  </si>
  <si>
    <t>POINT (4.635244561792549 51.836525658258616)</t>
  </si>
  <si>
    <t>POINT (4.636056537935477 51.837429724354216)</t>
  </si>
  <si>
    <t>POINT (4.648433307619111 51.8303622699315)</t>
  </si>
  <si>
    <t>POINT (4.654086787268584 51.83153028705971)</t>
  </si>
  <si>
    <t>POINT (4.644553760779833 51.85025609204885)</t>
  </si>
  <si>
    <t>POINT (4.648817076743563 51.84412633385264)</t>
  </si>
  <si>
    <t>POINT (4.645492985148722 51.828312286396184)</t>
  </si>
  <si>
    <t>POINT (4.634165596249924 51.834235616847366)</t>
  </si>
  <si>
    <t>POINT (4.625868180088749 51.84910424469255)</t>
  </si>
  <si>
    <t>POINT (4.647915104217173 51.82834554388389)</t>
  </si>
  <si>
    <t>POINT (4.64348715285022 51.84700501946272)</t>
  </si>
  <si>
    <t>POINT (4.642691691372618 51.844204503919855)</t>
  </si>
  <si>
    <t>POINT (4.634622079502056 51.83383405349183)</t>
  </si>
  <si>
    <t>POINT (4.632112680829995 51.83466287531498)</t>
  </si>
  <si>
    <t>POINT (4.639624754890897 51.84799620989404)</t>
  </si>
  <si>
    <t>POINT (4.636585191417538 51.82922670865434)</t>
  </si>
  <si>
    <t>POINT (4.656691343429769 51.83502253998312)</t>
  </si>
  <si>
    <t>POINT (4.642206483721488 51.84634072815465)</t>
  </si>
  <si>
    <t>POINT (4.640267680584253 51.84423405106211)</t>
  </si>
  <si>
    <t>POINT (4.62100674984058 51.84101782730398)</t>
  </si>
  <si>
    <t>POINT (4.629998745015948 51.844761524896754)</t>
  </si>
  <si>
    <t>POINT (4.6595519563228756 51.83449459563497)</t>
  </si>
  <si>
    <t>POINT (4.6211086219908015 51.84100051473147)</t>
  </si>
  <si>
    <t>POINT (4.627945219085199 51.83572362618972)</t>
  </si>
  <si>
    <t>POINT (4.6361196399691496 51.837996414785025)</t>
  </si>
  <si>
    <t>POINT (4.636784352210274 51.83729056011379)</t>
  </si>
  <si>
    <t>POINT (4.63074878172914 51.83898663980905)</t>
  </si>
  <si>
    <t>POINT (4.6291402267190325 51.828513430996814)</t>
  </si>
  <si>
    <t>POINT (4.625916966030989 51.841553136296014)</t>
  </si>
  <si>
    <t>POINT (4.655133711488005 51.851923094073136)</t>
  </si>
  <si>
    <t>POINT (4.62899613392768 51.835352893655966)</t>
  </si>
  <si>
    <t>POINT (4.6362063498614345 51.829008116523546)</t>
  </si>
  <si>
    <t>POINT (4.635173133239796 51.833230138785716)</t>
  </si>
  <si>
    <t>POINT (4.641663091003403 51.83620704914181)</t>
  </si>
  <si>
    <t>POINT (4.644063668093615 51.83326334244101)</t>
  </si>
  <si>
    <t>POINT (4.647844979746062 51.83615625932441)</t>
  </si>
  <si>
    <t>POINT (4.633860572060944 51.835123539386196)</t>
  </si>
  <si>
    <t>POINT (4.651091748831681 51.83458566877955)</t>
  </si>
  <si>
    <t>POINT (4.649131899679853 51.84616873875318)</t>
  </si>
  <si>
    <t>POINT (4.636794757865706 51.828213873025724)</t>
  </si>
  <si>
    <t>POINT (4.649257426228202 51.82964835978422)</t>
  </si>
  <si>
    <t>POINT (4.623819209737266 51.84138828923789)</t>
  </si>
  <si>
    <t>POINT (4.642107178152248 51.8277784880386)</t>
  </si>
  <si>
    <t>POINT (4.64023910656054 51.84420690327395)</t>
  </si>
  <si>
    <t>POINT (4.6327176943811965 51.84705316265621)</t>
  </si>
  <si>
    <t>POINT (4.642036748427556 51.846950880100664)</t>
  </si>
  <si>
    <t>POINT (4.645398542770196 51.85012528986311)</t>
  </si>
  <si>
    <t>POINT (4.641157763963539 51.8369319214766)</t>
  </si>
  <si>
    <t>POINT (4.639782726049337 51.85072078006648)</t>
  </si>
  <si>
    <t>POINT (4.652815272100777 51.832691369465955)</t>
  </si>
  <si>
    <t>POINT (4.650164782891948 51.83093944084736)</t>
  </si>
  <si>
    <t>POINT (4.633298316152596 51.845313090082655)</t>
  </si>
  <si>
    <t>POINT (4.643235225626947 51.844684348520055)</t>
  </si>
  <si>
    <t>POINT (4.644127072630385 51.84340461743891)</t>
  </si>
  <si>
    <t>POINT (4.637688167767075 51.83804352673676)</t>
  </si>
  <si>
    <t>POINT (4.644761340805947 51.84806475658981)</t>
  </si>
  <si>
    <t>POINT (4.651760788428734 51.83004159519067)</t>
  </si>
  <si>
    <t>POINT (4.624485740499132 51.844662919654674)</t>
  </si>
  <si>
    <t>POINT (4.642341886971729 51.83815291137179)</t>
  </si>
  <si>
    <t>POINT (4.640524097302803 51.84890079873023)</t>
  </si>
  <si>
    <t>POINT (4.6491111172909685 51.84389447757005)</t>
  </si>
  <si>
    <t>POINT (4.629675881565779 51.83893477827977)</t>
  </si>
  <si>
    <t>POINT (4.653292734505472 51.831291619825144)</t>
  </si>
  <si>
    <t>POINT (4.643928702811344 51.847511180457396)</t>
  </si>
  <si>
    <t>POINT (4.634793938754382 51.84613166444636)</t>
  </si>
  <si>
    <t>POINT (4.630981745045718 51.83422630470725)</t>
  </si>
  <si>
    <t>POINT (4.639295354853907 51.826753872575445)</t>
  </si>
  <si>
    <t>POINT (4.6476946748159005 51.83028570951025)</t>
  </si>
  <si>
    <t>POINT (4.6381310019561965 51.82789307159462)</t>
  </si>
  <si>
    <t>POINT (4.646465330804763 51.84417444072138)</t>
  </si>
  <si>
    <t>POINT (4.644084335244587 51.833260282294745)</t>
  </si>
  <si>
    <t>POINT (4.633116254084874 51.83451651867792)</t>
  </si>
  <si>
    <t>POINT (4.647928506012964 51.831950087181205)</t>
  </si>
  <si>
    <t>POINT (4.626618600027978 51.845548657689136)</t>
  </si>
  <si>
    <t>POINT (4.64047159995928 51.832747203884544)</t>
  </si>
  <si>
    <t>POINT (4.650388776231769 51.843857559386656)</t>
  </si>
  <si>
    <t>POINT (4.640116378584123 51.82798156237265)</t>
  </si>
  <si>
    <t>POINT (4.641309756051248 51.85141362825159)</t>
  </si>
  <si>
    <t>POINT (4.643485829522163 51.830384960037655)</t>
  </si>
  <si>
    <t>POINT (4.644730011633337 51.841161265649546)</t>
  </si>
  <si>
    <t>POINT (4.65701375553331 51.84070797623755)</t>
  </si>
  <si>
    <t>POINT (4.630507346651485 51.851632148690435)</t>
  </si>
  <si>
    <t>POINT (4.638807334135584 51.83866975263663)</t>
  </si>
  <si>
    <t>POINT (4.645971623060884 51.84948362233087)</t>
  </si>
  <si>
    <t>POINT (4.647053721662608 51.85122288560791)</t>
  </si>
  <si>
    <t>POINT (4.635931387621841 51.83623342924029)</t>
  </si>
  <si>
    <t>POINT (4.634385702892186 51.83929765557974)</t>
  </si>
  <si>
    <t>POINT (4.622591895140738 51.838250657214736)</t>
  </si>
  <si>
    <t>POINT (4.625465894845967 51.850806373496034)</t>
  </si>
  <si>
    <t>POINT (4.645151526125165 51.835833649961955)</t>
  </si>
  <si>
    <t>POINT (4.644369715961131 51.83661071994707)</t>
  </si>
  <si>
    <t>POINT (4.655537673489513 51.830631483927654)</t>
  </si>
  <si>
    <t>POINT (4.645094078748765 51.84636800346705)</t>
  </si>
  <si>
    <t>POINT (4.6348492396262335 51.83934557046217)</t>
  </si>
  <si>
    <t>POINT (4.657492859897711 51.8406929777499)</t>
  </si>
  <si>
    <t>POINT (4.651200776167363 51.84389860704831)</t>
  </si>
  <si>
    <t>POINT (4.652191881457224 51.844525033145324)</t>
  </si>
  <si>
    <t>POINT (4.640223403594619 51.84427871270429)</t>
  </si>
  <si>
    <t>POINT (4.649684092148903 51.84789803048396)</t>
  </si>
  <si>
    <t>POINT (4.644610062130841 51.843155990718685)</t>
  </si>
  <si>
    <t>POINT (4.642913451778399 51.83605318710196)</t>
  </si>
  <si>
    <t>POINT (4.635361416491657 51.845173511991426)</t>
  </si>
  <si>
    <t>POINT (4.650361678454464 51.84640117927647)</t>
  </si>
  <si>
    <t>POINT (4.640517141289388 51.83428373062063)</t>
  </si>
  <si>
    <t>POINT (4.642799068938403 51.846488305286634)</t>
  </si>
  <si>
    <t>POINT (4.638284975215363 51.82782251314632)</t>
  </si>
  <si>
    <t>POINT (4.656408213730064 51.848602528325635)</t>
  </si>
  <si>
    <t>POINT (4.644479094563364 51.84845847253654)</t>
  </si>
  <si>
    <t>POINT (4.6297700561456105 51.848867873516674)</t>
  </si>
  <si>
    <t>POINT (4.627704839187367 51.84481861782177)</t>
  </si>
  <si>
    <t>POINT (4.629110026034054 51.83979403914382)</t>
  </si>
  <si>
    <t>POINT (4.634570639507754 51.83604493949374)</t>
  </si>
  <si>
    <t>POINT (4.649546776659046 51.83235576911808)</t>
  </si>
  <si>
    <t>POINT (4.648404756496102 51.84272150897313)</t>
  </si>
  <si>
    <t>POINT (4.6319505816080735 51.83567755384455)</t>
  </si>
  <si>
    <t>POINT (4.6299170780033085 51.836671186238235)</t>
  </si>
  <si>
    <t>POINT (4.6327400347001335 51.84658589533416)</t>
  </si>
  <si>
    <t>POINT (4.623529926960082 51.83855338963291)</t>
  </si>
  <si>
    <t>POINT (4.639957772878863 51.85066796221)</t>
  </si>
  <si>
    <t>POINT (4.627022786115735 51.83793786217758)</t>
  </si>
  <si>
    <t>POINT (4.6437891488354035 51.8295868889566)</t>
  </si>
  <si>
    <t>POINT (4.630637898994413 51.834356753177026)</t>
  </si>
  <si>
    <t>POINT (4.621132760684679 51.84043438491122)</t>
  </si>
  <si>
    <t>POINT (4.639025945181263 51.83279484321512)</t>
  </si>
  <si>
    <t>POINT (4.65134116537249 51.83441644781141)</t>
  </si>
  <si>
    <t>POINT (4.644665823614287 51.84857650611223)</t>
  </si>
  <si>
    <t>POINT (4.651149073109297 51.833741093394025)</t>
  </si>
  <si>
    <t>POINT (4.643144621809342 51.82732664613674)</t>
  </si>
  <si>
    <t>POINT (4.628929386666095 51.85052535160953)</t>
  </si>
  <si>
    <t>POINT (4.636990291522856 51.82737504016587)</t>
  </si>
  <si>
    <t>POINT (4.644119382634031 51.842991090194786)</t>
  </si>
  <si>
    <t>POINT (4.648542315126705 51.83698760659263)</t>
  </si>
  <si>
    <t>POINT (4.6318409486131475 51.850004797803884)</t>
  </si>
  <si>
    <t>POINT (4.645172407698231 51.84249438504396)</t>
  </si>
  <si>
    <t>POINT (4.626711299983879 51.84263692613737)</t>
  </si>
  <si>
    <t>POINT (4.641539629204089 51.83051643204942)</t>
  </si>
  <si>
    <t>POINT (4.648570046171045 51.851225818102485)</t>
  </si>
  <si>
    <t>POINT (4.631979116610314 51.84695852759212)</t>
  </si>
  <si>
    <t>POINT (4.6245988800803755 51.843980514849655)</t>
  </si>
  <si>
    <t>POINT (4.652386092324597 51.844184679856816)</t>
  </si>
  <si>
    <t>POINT (4.639166803401773 51.83974169578038)</t>
  </si>
  <si>
    <t>POINT (4.632235014630218 51.83602095338149)</t>
  </si>
  <si>
    <t>POINT (4.616539629220303 51.8332493213985)</t>
  </si>
  <si>
    <t>POINT (4.644338029897357 51.82797240147206)</t>
  </si>
  <si>
    <t>POINT (4.636324579437763 51.83701795989815)</t>
  </si>
  <si>
    <t>POINT (4.644653386506145 51.85025689289888)</t>
  </si>
  <si>
    <t>POINT (4.645011200089487 51.85100379334289)</t>
  </si>
  <si>
    <t>POINT (4.649455530110305 51.831725988641786)</t>
  </si>
  <si>
    <t>POINT (4.651267248039399 51.83229309448988)</t>
  </si>
  <si>
    <t>POINT (4.62627723505443 51.83826561349918)</t>
  </si>
  <si>
    <t>POINT (4.650055931449315 51.83581960524581)</t>
  </si>
  <si>
    <t>POINT (4.641595996242553 51.85165813993446)</t>
  </si>
  <si>
    <t>POINT (4.6328538068565 51.84585854397922)</t>
  </si>
  <si>
    <t>POINT (4.648463091755398 51.84270389872098)</t>
  </si>
  <si>
    <t>POINT (4.621242128211525 51.839122749955315)</t>
  </si>
  <si>
    <t>POINT (4.624373917897584 51.83926898305244)</t>
  </si>
  <si>
    <t>POINT (4.6408404185350784 51.833160601731436)</t>
  </si>
  <si>
    <t>POINT (4.650909399965168 51.84210020787417)</t>
  </si>
  <si>
    <t>POINT (4.64635686338768 51.835769353431076)</t>
  </si>
  <si>
    <t>POINT (4.646934408250507 51.836824671143425)</t>
  </si>
  <si>
    <t>POINT (4.648003093119012 51.836247141719305)</t>
  </si>
  <si>
    <t>POINT (4.640401066013967 51.83881473171048)</t>
  </si>
  <si>
    <t>POINT (4.628141752781645 51.84570698077508)</t>
  </si>
  <si>
    <t>POINT (4.6358029678363755 51.838713482528995)</t>
  </si>
  <si>
    <t>POINT (4.650315635664506 51.84389305499204)</t>
  </si>
  <si>
    <t>POINT (4.648861639725531 51.84406369348553)</t>
  </si>
  <si>
    <t>POINT (4.639536653181603 51.82882280750071)</t>
  </si>
  <si>
    <t>POINT (4.658284555542958 51.83122384790985)</t>
  </si>
  <si>
    <t>POINT (4.6488644292405645 51.8509759872831)</t>
  </si>
  <si>
    <t>POINT (4.644143447258854 51.841851605560734)</t>
  </si>
  <si>
    <t>POINT (4.650366191404685 51.847012436159986)</t>
  </si>
  <si>
    <t>POINT (4.64535256956088 51.836841651759634)</t>
  </si>
  <si>
    <t>POINT (4.644637903205012 51.82826193669964)</t>
  </si>
  <si>
    <t>POINT (4.640410750246075 51.83823052956752)</t>
  </si>
  <si>
    <t>POINT (4.644998287298471 51.84249328443178)</t>
  </si>
  <si>
    <t>POINT (4.635902611106516 51.837959071362526)</t>
  </si>
  <si>
    <t>POINT (4.6426061617771515 51.8379658257378)</t>
  </si>
  <si>
    <t>POINT (4.648954152268153 51.83949487093776)</t>
  </si>
  <si>
    <t>POINT (4.628244292812064 51.84569355839862)</t>
  </si>
  <si>
    <t>POINT (4.644927237375796 51.83799850166714)</t>
  </si>
  <si>
    <t>POINT (4.6260617455360995 51.839855213852154)</t>
  </si>
  <si>
    <t>POINT (4.625021409043558 51.840450706284706)</t>
  </si>
  <si>
    <t>POINT (4.658212068306473 51.83381762509392)</t>
  </si>
  <si>
    <t>POINT (4.62721062069456 51.846586189108905)</t>
  </si>
  <si>
    <t>POINT (4.645112146570253 51.842628834130636)</t>
  </si>
  <si>
    <t>POINT (4.633722444175657 51.846852875376776)</t>
  </si>
  <si>
    <t>POINT (4.644940099066892 51.842501905231984)</t>
  </si>
  <si>
    <t>POINT (4.638974113370753 51.84784824685594)</t>
  </si>
  <si>
    <t>POINT (4.649138231388384 51.839171717325826)</t>
  </si>
  <si>
    <t>POINT (4.657221840216336 51.84040365593181)</t>
  </si>
  <si>
    <t>POINT (4.651392030838914 51.84462788704587)</t>
  </si>
  <si>
    <t>POINT (4.656374397048731 51.847023021225546)</t>
  </si>
  <si>
    <t>POINT (4.63847603898 51.82629921475227)</t>
  </si>
  <si>
    <t>POINT (4.646646194663203 51.8375868902409)</t>
  </si>
  <si>
    <t>POINT (4.655958378309071 51.84672380557705)</t>
  </si>
  <si>
    <t>POINT (4.6366010787930785 51.84741962199808)</t>
  </si>
  <si>
    <t>POINT (4.632021764782503 51.83575890993679)</t>
  </si>
  <si>
    <t>POINT (4.63951591139126 51.8265755039927)</t>
  </si>
  <si>
    <t>POINT (4.640313760132405 51.84670622721275)</t>
  </si>
  <si>
    <t>POINT (4.642855131581266 51.829922539686386)</t>
  </si>
  <si>
    <t>POINT (4.641522002430137 51.84736109060475)</t>
  </si>
  <si>
    <t>POINT (4.633605750422344 51.848622894230026)</t>
  </si>
  <si>
    <t>POINT (4.632142790626788 51.838060791047546)</t>
  </si>
  <si>
    <t>POINT (4.633887402131237 51.83438663956339)</t>
  </si>
  <si>
    <t>POINT (4.646791785467748 51.831376636329075)</t>
  </si>
  <si>
    <t>POINT (4.628306828845533 51.83665179910622)</t>
  </si>
  <si>
    <t>POINT (4.655832011616906 51.832161391637015)</t>
  </si>
  <si>
    <t>POINT (4.641838352884012 51.82824419280462)</t>
  </si>
  <si>
    <t>POINT (4.646196551078699 51.85130557722186)</t>
  </si>
  <si>
    <t>POINT (4.6562103552576 51.83030309416048)</t>
  </si>
  <si>
    <t>POINT (4.629778791177398 51.83453997560036)</t>
  </si>
  <si>
    <t>POINT (4.650828280325743 51.8453793998147)</t>
  </si>
  <si>
    <t>POINT (4.653887034084064 51.83043242168597)</t>
  </si>
  <si>
    <t>POINT (4.6324202604342 51.83795471115368)</t>
  </si>
  <si>
    <t>POINT (4.629610130070192 51.84457025576736)</t>
  </si>
  <si>
    <t>POINT (4.634147506009931 51.83618604483139)</t>
  </si>
  <si>
    <t>POINT (4.649479220939854 51.83027896113635)</t>
  </si>
  <si>
    <t>POINT (4.633761322507796 51.84886658664358)</t>
  </si>
  <si>
    <t>POINT (4.636437439998704 51.83946183105027)</t>
  </si>
  <si>
    <t>POINT (4.624660781565376 51.84461012455709)</t>
  </si>
  <si>
    <t>POINT (4.632987969234304 51.8491133043257)</t>
  </si>
  <si>
    <t>POINT (4.639355078158732 51.84588215635514)</t>
  </si>
  <si>
    <t>POINT (4.641791838570703 51.846841461568836)</t>
  </si>
  <si>
    <t>POINT (4.64506169785925 51.83437940700746)</t>
  </si>
  <si>
    <t>POINT (4.65706286793161 51.830515139329805)</t>
  </si>
  <si>
    <t>POINT (4.6312998170345665 51.83900816646339)</t>
  </si>
  <si>
    <t>POINT (4.635445353203968 51.83492695911874)</t>
  </si>
  <si>
    <t>POINT (4.635965320265185 51.83680892185524)</t>
  </si>
  <si>
    <t>POINT (4.653523959626019 51.83134699726645)</t>
  </si>
  <si>
    <t>POINT (4.644656243095784 51.829790128253315)</t>
  </si>
  <si>
    <t>POINT (4.64960361828092 51.84572227025696)</t>
  </si>
  <si>
    <t>POINT (4.6377193250050075 51.83865382302123)</t>
  </si>
  <si>
    <t>POINT (4.652042205083219 51.83193657888097)</t>
  </si>
  <si>
    <t>POINT (4.652304855952929 51.84306735773091)</t>
  </si>
  <si>
    <t>POINT (4.6289439482121315 51.838453652901975)</t>
  </si>
  <si>
    <t>POINT (4.634995748230154 51.848820569253675)</t>
  </si>
  <si>
    <t>POINT (4.64755550134372 51.8406317716864)</t>
  </si>
  <si>
    <t>POINT (4.650384305353737 51.83348461292613)</t>
  </si>
  <si>
    <t>POINT (4.635872544778444 51.83802179968734)</t>
  </si>
  <si>
    <t>POINT (4.657893301446662 51.834780928592515)</t>
  </si>
  <si>
    <t>POINT (4.64958663877015 51.84321432787505)</t>
  </si>
  <si>
    <t>POINT (4.653133749263754 51.83125467103974)</t>
  </si>
  <si>
    <t>POINT (4.63541165925272 51.84564124454766)</t>
  </si>
  <si>
    <t>POINT (4.6534454846904545 51.85201445205426)</t>
  </si>
  <si>
    <t>POINT (4.650476133156529 51.84384013026021)</t>
  </si>
  <si>
    <t>POINT (4.654991170151092 51.83504808222116)</t>
  </si>
  <si>
    <t>POINT (4.646599711021004 51.84217980538431)</t>
  </si>
  <si>
    <t>POINT (4.641175361839515 51.84726001333614)</t>
  </si>
  <si>
    <t>POINT (4.623207715797358 51.83958499228711)</t>
  </si>
  <si>
    <t>POINT (4.6558051864770365 51.83202639450305)</t>
  </si>
  <si>
    <t>POINT (4.643235670265406 51.83762824722953)</t>
  </si>
  <si>
    <t>POINT (4.642612848849945 51.84546241691932)</t>
  </si>
  <si>
    <t>POINT (4.622291052266339 51.83973183105158)</t>
  </si>
  <si>
    <t>POINT (4.648041969637522 51.84448999168123)</t>
  </si>
  <si>
    <t>POINT (4.652239666494553 51.844264661250236)</t>
  </si>
  <si>
    <t>POINT (4.645668665486866 51.83879419003775)</t>
  </si>
  <si>
    <t>POINT (4.642001532110328 51.83592156043485)</t>
  </si>
  <si>
    <t>POINT (4.642284559276411 51.84337496426851)</t>
  </si>
  <si>
    <t>POINT (4.624897059091686 51.844368964524286)</t>
  </si>
  <si>
    <t>POINT (4.643709919145364 51.841776106662586)</t>
  </si>
  <si>
    <t>POINT (4.633483898340973 51.835957068996635)</t>
  </si>
  <si>
    <t>POINT (4.657958981167113 51.83604057613263)</t>
  </si>
  <si>
    <t>POINT (4.636942916074737 51.83561069073231)</t>
  </si>
  <si>
    <t>POINT (4.634210745481882 51.848896435655384)</t>
  </si>
  <si>
    <t>POINT (4.641457020431832 51.84164388661019)</t>
  </si>
  <si>
    <t>POINT (4.6451439268577746 51.84966352474932)</t>
  </si>
  <si>
    <t>POINT (4.645314988056587 51.84176720425378)</t>
  </si>
  <si>
    <t>POINT (4.635440137326207 51.83784824663362)</t>
  </si>
  <si>
    <t>POINT (4.642383276552933 51.826872383306416)</t>
  </si>
  <si>
    <t>POINT (4.64935331180055 51.830880410909266)</t>
  </si>
  <si>
    <t>POINT (4.627400910108533 51.8499312073572)</t>
  </si>
  <si>
    <t>POINT (4.646758932612378 51.83161013465663)</t>
  </si>
  <si>
    <t>POINT (4.647851412881727 51.84460564443645)</t>
  </si>
  <si>
    <t>POINT (4.650740479680919 51.84542379239834)</t>
  </si>
  <si>
    <t>POINT (4.634079342548098 51.83765975113693)</t>
  </si>
  <si>
    <t>POINT (4.641729895165605 51.84356919440891)</t>
  </si>
  <si>
    <t>POINT (4.632252032851541 51.83500534158757)</t>
  </si>
  <si>
    <t>POINT (4.650329804446617 51.83326854274808)</t>
  </si>
  <si>
    <t>POINT (4.632090584815836 51.836846983253466)</t>
  </si>
  <si>
    <t>POINT (4.642066068736789 51.84693308885427)</t>
  </si>
  <si>
    <t>POINT (4.649066554824157 51.843957118034155)</t>
  </si>
  <si>
    <t>POINT (4.628145613919433 51.84449787591381)</t>
  </si>
  <si>
    <t>POINT (4.644599415693914 51.83398670768364)</t>
  </si>
  <si>
    <t>POINT (4.644137055751013 51.84719789611689)</t>
  </si>
  <si>
    <t>POINT (4.646213262860507 51.835678560397845)</t>
  </si>
  <si>
    <t>POINT (4.640104957324586 51.82954552067528)</t>
  </si>
  <si>
    <t>POINT (4.636081823420944 51.827209752895826)</t>
  </si>
  <si>
    <t>POINT (4.632871194376698 51.835287971011354)</t>
  </si>
  <si>
    <t>POINT (4.6490948382088755 51.82894622084654)</t>
  </si>
  <si>
    <t>POINT (4.64080067864313 51.8462239357457)</t>
  </si>
  <si>
    <t>POINT (4.6315694554946365 51.83936944950311)</t>
  </si>
  <si>
    <t>POINT (4.651927860126926 51.84267682214726)</t>
  </si>
  <si>
    <t>POINT (4.651149284347472 51.84527354876594)</t>
  </si>
  <si>
    <t>POINT (4.646701475700727 51.83510636606348)</t>
  </si>
  <si>
    <t>POINT (4.6237004553129735 51.8390654967031)</t>
  </si>
  <si>
    <t>POINT (4.643037759119015 51.84346063871176)</t>
  </si>
  <si>
    <t>POINT (4.642430402075497 51.82840974713631)</t>
  </si>
  <si>
    <t>POINT (4.65441977003439 51.83320508529442)</t>
  </si>
  <si>
    <t>POINT (4.623737886864669 51.840837868629215)</t>
  </si>
  <si>
    <t>POINT (4.639337114122374 51.83472709996454)</t>
  </si>
  <si>
    <t>POINT (4.639615757628439 51.83804569625877)</t>
  </si>
  <si>
    <t>POINT (4.62651556351277 51.836181782684406)</t>
  </si>
  <si>
    <t>POINT (4.645525180312406 51.83605173937501)</t>
  </si>
  <si>
    <t>POINT (4.642347489501083 51.84571241635462)</t>
  </si>
  <si>
    <t>POINT (4.62846081756541 51.83698537583228)</t>
  </si>
  <si>
    <t>POINT (4.627174570505391 51.84607705286271)</t>
  </si>
  <si>
    <t>POINT (4.649378061411711 51.835485948010316)</t>
  </si>
  <si>
    <t>POINT (4.626742179804787 51.844246099839246)</t>
  </si>
  <si>
    <t>POINT (4.636510114295916 51.84765274577743)</t>
  </si>
  <si>
    <t>POINT (4.6507991851230175 51.85070948883835)</t>
  </si>
  <si>
    <t>POINT (4.647402155171062 51.83838265926829)</t>
  </si>
  <si>
    <t>POINT (4.644164802340283 51.84463630315276)</t>
  </si>
  <si>
    <t>POINT (4.6405254464002 51.826932489138976)</t>
  </si>
  <si>
    <t>POINT (4.652295502568042 51.84528971752107)</t>
  </si>
  <si>
    <t>POINT (4.643359921137263 51.83273919587594)</t>
  </si>
  <si>
    <t>POINT (4.635424410336279 51.84487728923998)</t>
  </si>
  <si>
    <t>POINT (4.646831394241825 51.849273318969274)</t>
  </si>
  <si>
    <t>POINT (4.635366475880562 51.83617588059229)</t>
  </si>
  <si>
    <t>POINT (4.656992883413813 51.833288633225756)</t>
  </si>
  <si>
    <t>POINT (4.643607638412951 51.84410244458924)</t>
  </si>
  <si>
    <t>POINT (4.632306951826845 51.836057370727524)</t>
  </si>
  <si>
    <t>POINT (4.657903153630571 51.835068626974746)</t>
  </si>
  <si>
    <t>POINT (4.62854888386517 51.838648851587436)</t>
  </si>
  <si>
    <t>POINT (4.627929451229353 51.84871216688507)</t>
  </si>
  <si>
    <t>POINT (4.656279604428978 51.8335718134576)</t>
  </si>
  <si>
    <t>POINT (4.655622572341892 51.85131491295519)</t>
  </si>
  <si>
    <t>POINT (4.653836811927916 51.83173546499138)</t>
  </si>
  <si>
    <t>POINT (4.643126790545941 51.84246346108847)</t>
  </si>
  <si>
    <t>POINT (4.637616558203838 51.836109371384595)</t>
  </si>
  <si>
    <t>POINT (4.6320500272231415 51.83580403516159)</t>
  </si>
  <si>
    <t>POINT (4.625573287250978 51.842998085064366)</t>
  </si>
  <si>
    <t>POINT (4.64542251972392 51.84845544778252)</t>
  </si>
  <si>
    <t>POINT (4.64500853059395 51.82954067325443)</t>
  </si>
  <si>
    <t>POINT (4.639604612965635 51.83959167711513)</t>
  </si>
  <si>
    <t>POINT (4.642507916821589 51.839520242644944)</t>
  </si>
  <si>
    <t>POINT (4.637061028798418 51.83376629421676)</t>
  </si>
  <si>
    <t>POINT (4.642477979382544 51.82728646365562)</t>
  </si>
  <si>
    <t>POINT (4.639880396629313 51.83608785002118)</t>
  </si>
  <si>
    <t>POINT (4.640111416720633 51.83003095065716)</t>
  </si>
  <si>
    <t>POINT (4.6369241016390275 51.82831931918472)</t>
  </si>
  <si>
    <t>POINT (4.627954737303849 51.851516795851694)</t>
  </si>
  <si>
    <t>POINT (4.636007360676433 51.845600114020925)</t>
  </si>
  <si>
    <t>POINT (4.643637322466648 51.849058333264395)</t>
  </si>
  <si>
    <t>POINT (4.654025657390889 51.8420472792008)</t>
  </si>
  <si>
    <t>POINT (4.637749090152657 51.83860906966558)</t>
  </si>
  <si>
    <t>POINT (4.636793958751831 51.83497154238389)</t>
  </si>
  <si>
    <t>POINT (4.6432985437365915 51.85315206654316)</t>
  </si>
  <si>
    <t>POINT (4.6374208308590585 51.82863609947457)</t>
  </si>
  <si>
    <t>POINT (4.640965874476924 51.827492588496504)</t>
  </si>
  <si>
    <t>POINT (4.649700874717335 51.830918549782126)</t>
  </si>
  <si>
    <t>POINT (4.631568815943658 51.838542486791404)</t>
  </si>
  <si>
    <t>POINT (4.657473398352378 51.833821296225096)</t>
  </si>
  <si>
    <t>POINT (4.646689067202559 51.83586133614045)</t>
  </si>
  <si>
    <t>POINT (4.641887214837607 51.84458591241588)</t>
  </si>
  <si>
    <t>POINT (4.654085377096924 51.842558756149046)</t>
  </si>
  <si>
    <t>POINT (4.654573911081227 51.83280073043845)</t>
  </si>
  <si>
    <t>POINT (4.642516451748985 51.85304823405495)</t>
  </si>
  <si>
    <t>POINT (4.631437753276739 51.84548989056298)</t>
  </si>
  <si>
    <t>POINT (4.636071288619909 51.84872857925856)</t>
  </si>
  <si>
    <t>POINT (4.657098705358496 51.8353714972546)</t>
  </si>
  <si>
    <t>POINT (4.64116025477933 51.847295871998504)</t>
  </si>
  <si>
    <t>POINT (4.62238438899019 51.84107175351605)</t>
  </si>
  <si>
    <t>POINT (4.642265516834559 51.84013892302157)</t>
  </si>
  <si>
    <t>POINT (4.654635031348708 51.82993372666054)</t>
  </si>
  <si>
    <t>POINT (4.642903159680959 51.852484400581154)</t>
  </si>
  <si>
    <t>POINT (4.632894818493188 51.833876899428866)</t>
  </si>
  <si>
    <t>POINT (4.624851344052091 51.839352982461946)</t>
  </si>
  <si>
    <t>POINT (4.644945303068626 51.84933867767178)</t>
  </si>
  <si>
    <t>POINT (4.64736311642181 51.83634198557351)</t>
  </si>
  <si>
    <t>POINT (4.642699822564503 51.84985842366625)</t>
  </si>
  <si>
    <t>POINT (4.627727228483196 51.840908687054565)</t>
  </si>
  <si>
    <t>POINT (4.629567197894551 51.84625984964986)</t>
  </si>
  <si>
    <t>POINT (4.650368294971889 51.8459967312846)</t>
  </si>
  <si>
    <t>POINT (4.637553611081924 51.82834502198504)</t>
  </si>
  <si>
    <t>POINT (4.627552951692475 51.84435921262092)</t>
  </si>
  <si>
    <t>POINT (4.640218978968804 51.8411781781558)</t>
  </si>
  <si>
    <t>POINT (4.651465171757465 51.844592390773634)</t>
  </si>
  <si>
    <t>POINT (4.640107102747095 51.833957493399666)</t>
  </si>
  <si>
    <t>POINT (4.6281481313458235 51.85037648506414)</t>
  </si>
  <si>
    <t>POINT (4.650602176502697 51.83080735626718)</t>
  </si>
  <si>
    <t>POINT (4.627278784860367 51.83824513487187)</t>
  </si>
  <si>
    <t>POINT (4.629548322887192 51.839617094941104)</t>
  </si>
  <si>
    <t>POINT (4.647217437252947 51.842561224284026)</t>
  </si>
  <si>
    <t>POINT (4.63257027489524 51.839393864320236)</t>
  </si>
  <si>
    <t>POINT (4.629367630849242 51.85122030842762)</t>
  </si>
  <si>
    <t>POINT (4.629238314767278 51.84251843753775)</t>
  </si>
  <si>
    <t>POINT (4.629804043488723 51.83907942410173)</t>
  </si>
  <si>
    <t>POINT (4.643317701303718 51.83353892052957)</t>
  </si>
  <si>
    <t>POINT (4.638705490238236 51.844799376980426)</t>
  </si>
  <si>
    <t>POINT (4.6476808238833724 51.84889594398353)</t>
  </si>
  <si>
    <t>POINT (4.6339066362319725 51.833236211450675)</t>
  </si>
  <si>
    <t>POINT (4.648272838531631 51.84280157673487)</t>
  </si>
  <si>
    <t>POINT (4.625115770521114 51.840079474944524)</t>
  </si>
  <si>
    <t>POINT (4.643758864798185 51.83757762963658)</t>
  </si>
  <si>
    <t>POINT (4.648840471882517 51.839419010788525)</t>
  </si>
  <si>
    <t>POINT (4.627537392770509 51.8409793683015)</t>
  </si>
  <si>
    <t>POINT (4.643820978761502 51.84917613298739)</t>
  </si>
  <si>
    <t>POINT (4.637481798339103 51.83548829200972)</t>
  </si>
  <si>
    <t>POINT (4.621028469263094 51.838887649814396)</t>
  </si>
  <si>
    <t>POINT (4.651501612310321 51.84680382836021)</t>
  </si>
  <si>
    <t>POINT (4.626106988137553 51.84490714617888)</t>
  </si>
  <si>
    <t>POINT (4.652020240289101 51.83370160918829)</t>
  </si>
  <si>
    <t>POINT (4.635125886625394 51.834942890224745)</t>
  </si>
  <si>
    <t>POINT (4.637998277099149 51.82624223405414)</t>
  </si>
  <si>
    <t>POINT (4.652270961618056 51.83434137452304)</t>
  </si>
  <si>
    <t>POINT (4.638824099381778 51.83416653247651)</t>
  </si>
  <si>
    <t>POINT (4.628365767163904 51.85210371635462)</t>
  </si>
  <si>
    <t>POINT (4.656701524105357 51.83043199317358)</t>
  </si>
  <si>
    <t>POINT (4.627103429478867 51.84691807623068)</t>
  </si>
  <si>
    <t>POINT (4.632516383622127 51.84520919118934)</t>
  </si>
  <si>
    <t>POINT (4.643584997556982 51.84371578862702)</t>
  </si>
  <si>
    <t>POINT (4.654520813939546 51.83160490625344)</t>
  </si>
  <si>
    <t>POINT (4.62481643851105 51.832355815824315)</t>
  </si>
  <si>
    <t>POINT (4.653990534478234 51.83209597200121)</t>
  </si>
  <si>
    <t>POINT (4.635226122967501 51.84632319527114)</t>
  </si>
  <si>
    <t>POINT (4.635742400153484 51.83451538165339)</t>
  </si>
  <si>
    <t>POINT (4.642263528727343 51.84113665267419)</t>
  </si>
  <si>
    <t>POINT (4.647712137755807 51.83275770494011)</t>
  </si>
  <si>
    <t>POINT (4.626184923956982 51.84373013437625)</t>
  </si>
  <si>
    <t>POINT (4.650374207534637 51.833214889446424)</t>
  </si>
  <si>
    <t>POINT (4.649933573353289 51.85038945416073)</t>
  </si>
  <si>
    <t>POINT (4.643109081886057 51.82772192287714)</t>
  </si>
  <si>
    <t>POINT (4.636962903291968 51.83345626772938)</t>
  </si>
  <si>
    <t>POINT (4.63900657615516 51.83890472812899)</t>
  </si>
  <si>
    <t>POINT (4.646499550556067 51.835033182786944)</t>
  </si>
  <si>
    <t>POINT (4.642151799386762 51.847014530852746)</t>
  </si>
  <si>
    <t>POINT (4.6471704614712674 51.8516035178287)</t>
  </si>
  <si>
    <t>POINT (4.636946038376153 51.83894935717013)</t>
  </si>
  <si>
    <t>POINT (4.619756226084055 51.85053766388644)</t>
  </si>
  <si>
    <t>POINT (4.644439394721866 51.829743812899586)</t>
  </si>
  <si>
    <t>POINT (4.636366889695991 51.839451375466375)</t>
  </si>
  <si>
    <t>POINT (4.644405506833812 51.82915933430199)</t>
  </si>
  <si>
    <t>POINT (4.638635563093766 51.848133726202555)</t>
  </si>
  <si>
    <t>POINT (4.622597386589495 51.837927100163256)</t>
  </si>
  <si>
    <t>POINT (4.6253822862517575 51.841308447700456)</t>
  </si>
  <si>
    <t>POINT (4.630057166876621 51.83610580271463)</t>
  </si>
  <si>
    <t>POINT (4.635967365752849 51.84712793174363)</t>
  </si>
  <si>
    <t>POINT (4.6281864196708336 51.8446599359107)</t>
  </si>
  <si>
    <t>POINT (4.647947913821661 51.82988281422756)</t>
  </si>
  <si>
    <t>POINT (4.654471373136766 51.83018438794096)</t>
  </si>
  <si>
    <t>POINT (4.648212448014416 51.83232939931649)</t>
  </si>
  <si>
    <t>POINT (4.6478011532915104 51.84855134865949)</t>
  </si>
  <si>
    <t>POINT (4.631522661788285 51.84821400462621)</t>
  </si>
  <si>
    <t>POINT (4.6368623155958435 51.83865039805617)</t>
  </si>
  <si>
    <t>POINT (4.637130980360107 51.846973575027256)</t>
  </si>
  <si>
    <t>POINT (4.627200156224919 51.8472063399876)</t>
  </si>
  <si>
    <t>POINT (4.628829346138683 51.84870899395966)</t>
  </si>
  <si>
    <t>POINT (4.6343634671158105 51.827603235255225)</t>
  </si>
  <si>
    <t>POINT (4.653113650926748 51.84249575022288)</t>
  </si>
  <si>
    <t>POINT (4.657476293687291 51.84925446605933)</t>
  </si>
  <si>
    <t>POINT (4.6272637216759795 51.84609686569192)</t>
  </si>
  <si>
    <t>POINT (4.640150999682375 51.844269263364566)</t>
  </si>
  <si>
    <t>POINT (4.6487152080526695 51.844143670472384)</t>
  </si>
  <si>
    <t>POINT (4.624740485476304 51.84418817420527)</t>
  </si>
  <si>
    <t>POINT (4.6403556382095195 51.84418067860211)</t>
  </si>
  <si>
    <t>POINT (4.646709615914859 51.84343891141725)</t>
  </si>
  <si>
    <t>POINT (4.637635415937557 51.839336426601996)</t>
  </si>
  <si>
    <t>POINT (4.6513102610312105 51.8322622453671)</t>
  </si>
  <si>
    <t>POINT (4.639559061891076 51.828346549951455)</t>
  </si>
  <si>
    <t>POINT (4.628576651548742 51.84647817052335)</t>
  </si>
  <si>
    <t>POINT (4.643010379241625 51.83369876881964)</t>
  </si>
  <si>
    <t>POINT (4.657417953998641 51.83098475812687)</t>
  </si>
  <si>
    <t>POINT (4.652973761730268 51.83211084794845)</t>
  </si>
  <si>
    <t>POINT (4.643966662929418 51.84928017312388)</t>
  </si>
  <si>
    <t>POINT (4.640183857430717 51.84841324682683)</t>
  </si>
  <si>
    <t>POINT (4.636496800632986 51.82956881907778)</t>
  </si>
  <si>
    <t>POINT (4.628378309718439 51.83671518197433)</t>
  </si>
  <si>
    <t>POINT (4.647041544351794 51.84266797948513)</t>
  </si>
  <si>
    <t>POINT (4.640995926619206 51.82742985875947)</t>
  </si>
  <si>
    <t>POINT (4.645171223916157 51.843447175942856)</t>
  </si>
  <si>
    <t>POINT (4.641266663974897 51.851386388536795)</t>
  </si>
  <si>
    <t>POINT (4.644916581579703 51.831861399838196)</t>
  </si>
  <si>
    <t>POINT (4.649156649223582 51.84167446573333)</t>
  </si>
  <si>
    <t>POINT (4.636954586381491 51.847979178653816)</t>
  </si>
  <si>
    <t>POINT (4.62451019623715 51.844932738932265)</t>
  </si>
  <si>
    <t>POINT (4.646364548321578 51.83530199103407)</t>
  </si>
  <si>
    <t>POINT (4.632454794997423 51.836759438565004)</t>
  </si>
  <si>
    <t>POINT (4.646601978763353 51.848220199385935)</t>
  </si>
  <si>
    <t>POINT (4.624684956272853 51.840610317832)</t>
  </si>
  <si>
    <t>POINT (4.642302958823409 51.83085385967771)</t>
  </si>
  <si>
    <t>POINT (4.6581796660237 51.83142993584362)</t>
  </si>
  <si>
    <t>POINT (4.635138549143238 51.835922737582244)</t>
  </si>
  <si>
    <t>POINT (4.653540492646873 51.843121251332036)</t>
  </si>
  <si>
    <t>POINT (4.651795950120718 51.84655398996652)</t>
  </si>
  <si>
    <t>POINT (4.641385890071413 51.845940017303)</t>
  </si>
  <si>
    <t>POINT (4.626643440451272 51.83806124677525)</t>
  </si>
  <si>
    <t>POINT (4.637659644994572 51.83875231742928)</t>
  </si>
  <si>
    <t>POINT (4.649842025601835 51.8408866913926)</t>
  </si>
  <si>
    <t>POINT (4.6317349637586895 51.83642222717581)</t>
  </si>
  <si>
    <t>POINT (4.620818023380619 51.83846380774328)</t>
  </si>
  <si>
    <t>POINT (4.63774055138817 51.836505664869705)</t>
  </si>
  <si>
    <t>POINT (4.632061046146113 51.84986239481597)</t>
  </si>
  <si>
    <t>POINT (4.641974068245137 51.845476341517575)</t>
  </si>
  <si>
    <t>POINT (4.621492888259097 51.842297392453354)</t>
  </si>
  <si>
    <t>POINT (4.638370690963978 51.83700406330815)</t>
  </si>
  <si>
    <t>POINT (4.625508255565237 51.843411142507286)</t>
  </si>
  <si>
    <t>POINT (4.624456971598801 51.84379083070593)</t>
  </si>
  <si>
    <t>POINT (4.628791815942518 51.835423483326906)</t>
  </si>
  <si>
    <t>POINT (4.658806974376786 51.84108765033877)</t>
  </si>
  <si>
    <t>POINT (4.647334698723812 51.842490054001885)</t>
  </si>
  <si>
    <t>POINT (4.644589412045696 51.83648626850224)</t>
  </si>
  <si>
    <t>POINT (4.644595909468277 51.85031419163647)</t>
  </si>
  <si>
    <t>POINT (4.647213705023251 51.85162176766099)</t>
  </si>
  <si>
    <t>POINT (4.642310551914158 51.84443579170578)</t>
  </si>
  <si>
    <t>POINT (4.635738896313889 51.84777365377479)</t>
  </si>
  <si>
    <t>POINT (4.648730424548922 51.83082256189572)</t>
  </si>
  <si>
    <t>POINT (4.631923331627392 51.84682333868815)</t>
  </si>
  <si>
    <t>POINT (4.652471219595551 51.83166376217256)</t>
  </si>
  <si>
    <t>POINT (4.641554867735864 51.82871879251117)</t>
  </si>
  <si>
    <t>POINT (4.653250601409436 51.84634736436106)</t>
  </si>
  <si>
    <t>POINT (4.629436798493805 51.83675797391477)</t>
  </si>
  <si>
    <t>POINT (4.645992315598592 51.847344452530464)</t>
  </si>
  <si>
    <t>POINT (4.6432469900134565 51.843093429422574)</t>
  </si>
  <si>
    <t>POINT (4.648854345914537 51.84539396912219)</t>
  </si>
  <si>
    <t>POINT (4.622927081935357 51.84244156778683)</t>
  </si>
  <si>
    <t>POINT (4.621465248050768 51.841362388804676)</t>
  </si>
  <si>
    <t>POINT (4.64308893045375 51.8447553307359)</t>
  </si>
  <si>
    <t>POINT (4.628077727803421 51.840776123702234)</t>
  </si>
  <si>
    <t>POINT (4.656369132071216 51.832817188181494)</t>
  </si>
  <si>
    <t>POINT (4.640308610606978 51.85051738715183)</t>
  </si>
  <si>
    <t>POINT (4.635995292244865 51.835011377695174)</t>
  </si>
  <si>
    <t>POINT (4.6543140332487845 51.8309384539293)</t>
  </si>
  <si>
    <t>POINT (4.656194271861079 51.84917917561939)</t>
  </si>
  <si>
    <t>POINT (4.632318803882585 51.85007079158335)</t>
  </si>
  <si>
    <t>POINT (4.645836636151552 51.83475933797986)</t>
  </si>
  <si>
    <t>POINT (4.640681177255775 51.84029964405851)</t>
  </si>
  <si>
    <t>POINT (4.645937849648693 51.848890157797804)</t>
  </si>
  <si>
    <t>POINT (4.6270841070362465 51.83860342193561)</t>
  </si>
  <si>
    <t>POINT (4.63648430886331 51.8393233995474)</t>
  </si>
  <si>
    <t>POINT (4.631282959862245 51.849524807449555)</t>
  </si>
  <si>
    <t>POINT (4.641256791786046 51.83708535821302)</t>
  </si>
  <si>
    <t>POINT (4.646769708897651 51.85115465989209)</t>
  </si>
  <si>
    <t>POINT (4.655109360841546 51.8516353055985)</t>
  </si>
  <si>
    <t>POINT (4.637276774633958 51.82688481209337)</t>
  </si>
  <si>
    <t>POINT (4.622241888458668 51.840918017433)</t>
  </si>
  <si>
    <t>POINT (4.655997497898537 51.83090400918376)</t>
  </si>
  <si>
    <t>POINT (4.652133754436639 51.842523632332515)</t>
  </si>
  <si>
    <t>POINT (4.647532206463417 51.850787829699605)</t>
  </si>
  <si>
    <t>POINT (4.636421214607407 51.83644330252927)</t>
  </si>
  <si>
    <t>POINT (4.629876134676069 51.83910685522282)</t>
  </si>
  <si>
    <t>POINT (4.646491166537676 51.832012935713436)</t>
  </si>
  <si>
    <t>POINT (4.637468038388804 51.83544326073673)</t>
  </si>
  <si>
    <t>POINT (4.625906578555018 51.84646088817073)</t>
  </si>
  <si>
    <t>POINT (4.63613180255856 51.83639650787004)</t>
  </si>
  <si>
    <t>POINT (4.639557275819362 51.83807228985343)</t>
  </si>
  <si>
    <t>POINT (4.636991465219579 51.83353241361508)</t>
  </si>
  <si>
    <t>POINT (4.634170172977159 51.84524677578051)</t>
  </si>
  <si>
    <t>POINT (4.64458688037756 51.8502394567752)</t>
  </si>
  <si>
    <t>POINT (4.641443190541004 51.845985324590686)</t>
  </si>
  <si>
    <t>POINT (4.649412222636934 51.83702903155281)</t>
  </si>
  <si>
    <t>POINT (4.629124028395143 51.8441356616492)</t>
  </si>
  <si>
    <t>POINT (4.627478722604783 51.83843519130236)</t>
  </si>
  <si>
    <t>POINT (4.651928901785547 51.832234994196426)</t>
  </si>
  <si>
    <t>POINT (4.646021242785224 51.827947087360506)</t>
  </si>
  <si>
    <t>POINT (4.643831732841224 51.8506841652141)</t>
  </si>
  <si>
    <t>POINT (4.657082450825557 51.8337968251337)</t>
  </si>
  <si>
    <t>POINT (4.646053380915424 51.83569552844974)</t>
  </si>
  <si>
    <t>POINT (4.656759485869603 51.8313312205747)</t>
  </si>
  <si>
    <t>POINT (4.643007650772295 51.838256008994)</t>
  </si>
  <si>
    <t>POINT (4.654623049891754 51.830670722789556)</t>
  </si>
  <si>
    <t>POINT (4.634641063689766 51.838777949495324)</t>
  </si>
  <si>
    <t>POINT (4.641247026484832 51.84731440063494)</t>
  </si>
  <si>
    <t>POINT (4.63788688073411 51.82683477638507)</t>
  </si>
  <si>
    <t>POINT (4.6371104496618605 51.83832051730911)</t>
  </si>
  <si>
    <t>POINT (4.634690091118519 51.83931758441792)</t>
  </si>
  <si>
    <t>POINT (4.631109583486132 51.84515519675647)</t>
  </si>
  <si>
    <t>POINT (4.645314122748371 51.84798735271283)</t>
  </si>
  <si>
    <t>POINT (4.630309256135722 51.84787360806869)</t>
  </si>
  <si>
    <t>POINT (4.633309572927944 51.836836840413625)</t>
  </si>
  <si>
    <t>POINT (4.626301115670757 51.846301649496965)</t>
  </si>
  <si>
    <t>POINT (4.636636124426073 51.83747837474436)</t>
  </si>
  <si>
    <t>POINT (4.6502867242022035 51.833241306306526)</t>
  </si>
  <si>
    <t>POINT (4.640530807898286 51.84411887207859)</t>
  </si>
  <si>
    <t>POINT (4.647022381868843 51.84471727351236)</t>
  </si>
  <si>
    <t>POINT (4.63018218089611 51.83902793096597)</t>
  </si>
  <si>
    <t>POINT (4.627102455777559 51.83751590980965)</t>
  </si>
  <si>
    <t>POINT (4.643236300553622 51.8367114066783)</t>
  </si>
  <si>
    <t>POINT (4.640468039963746 51.838275837353095)</t>
  </si>
  <si>
    <t>POINT (4.634557588814903 51.82727189861754)</t>
  </si>
  <si>
    <t>POINT (4.656219666032886 51.8327751793423)</t>
  </si>
  <si>
    <t>POINT (4.656525999385234 51.84857247523613)</t>
  </si>
  <si>
    <t>POINT (4.646069641741216 51.84881908048601)</t>
  </si>
  <si>
    <t>POINT (4.641372644405931 51.84673992422343)</t>
  </si>
  <si>
    <t>POINT (4.626705514083448 51.845558209364995)</t>
  </si>
  <si>
    <t>POINT (4.654911375647133 51.84417349150674)</t>
  </si>
  <si>
    <t>POINT (4.646384737349012 51.85139071867427)</t>
  </si>
  <si>
    <t>POINT (4.64287189173997 51.84998535577544)</t>
  </si>
  <si>
    <t>POINT (4.625041290323351 51.8367025530259)</t>
  </si>
  <si>
    <t>POINT (4.626572988361346 51.83621810952531)</t>
  </si>
  <si>
    <t>POINT (4.63913058914711 51.83930102004915)</t>
  </si>
  <si>
    <t>POINT (4.6441840747146905 51.836429771687875)</t>
  </si>
  <si>
    <t>POINT (4.625215883877285 51.832141179669264)</t>
  </si>
  <si>
    <t>POINT (4.633569065952618 51.838672197261886)</t>
  </si>
  <si>
    <t>POINT (4.638638551655864 51.83309637067574)</t>
  </si>
  <si>
    <t>POINT (4.631821310645317 51.85031028617598)</t>
  </si>
  <si>
    <t>POINT (4.635708587986789 51.82925633539802)</t>
  </si>
  <si>
    <t>POINT (4.649736267714079 51.8399720239351)</t>
  </si>
  <si>
    <t>POINT (4.630670010434264 51.83762884125517)</t>
  </si>
  <si>
    <t>POINT (4.63752203149617 51.83568629988331)</t>
  </si>
  <si>
    <t>POINT (4.64544468827745 51.84182195576071)</t>
  </si>
  <si>
    <t>POINT (4.630986303913154 51.83693875054593)</t>
  </si>
  <si>
    <t>POINT (4.626597747326745 51.847642884213926)</t>
  </si>
  <si>
    <t>POINT (4.643080639446187 51.838229505641124)</t>
  </si>
  <si>
    <t>POINT (4.64993365521656 51.84417829402893)</t>
  </si>
  <si>
    <t>POINT (4.635933276065437 51.84656142755177)</t>
  </si>
  <si>
    <t>POINT (4.641305072790686 51.84731476940098)</t>
  </si>
  <si>
    <t>POINT (4.637884594091092 51.83744140677422)</t>
  </si>
  <si>
    <t>POINT (4.656684185040395 51.83150153664874)</t>
  </si>
  <si>
    <t>POINT (4.629769001640219 51.85238243634973)</t>
  </si>
  <si>
    <t>POINT (4.64145548905369 51.82946422180854)</t>
  </si>
  <si>
    <t>POINT (4.6413421329539455 51.84157124744024)</t>
  </si>
  <si>
    <t>POINT (4.645091259013256 51.83883535001346)</t>
  </si>
  <si>
    <t>POINT (4.630385098125962 51.83558657358292)</t>
  </si>
  <si>
    <t>POINT (4.645070540004238 51.84339260757998)</t>
  </si>
  <si>
    <t>POINT (4.6359196642556615 51.84650740844592)</t>
  </si>
  <si>
    <t>POINT (4.638519237237621 51.835595109780165)</t>
  </si>
  <si>
    <t>POINT (4.644580770077233 51.82820764316731)</t>
  </si>
  <si>
    <t>POINT (4.642664137301569 51.83357972050559)</t>
  </si>
  <si>
    <t>POINT (4.652564998733581 51.84265681088839)</t>
  </si>
  <si>
    <t>POINT (4.6258704836257625 51.84430337130242)</t>
  </si>
  <si>
    <t>POINT (4.629719710346746 51.83891708371837)</t>
  </si>
  <si>
    <t>POINT (4.637079835370773 51.83833258225416)</t>
  </si>
  <si>
    <t>POINT (4.644004386688116 51.852599239497344)</t>
  </si>
  <si>
    <t>POINT (4.627365606528107 51.84858267798383)</t>
  </si>
  <si>
    <t>POINT (4.640330703998948 51.83282714271801)</t>
  </si>
  <si>
    <t>POINT (4.651377262132084 51.83218127296452)</t>
  </si>
  <si>
    <t>POINT (4.633434242921036 51.847597085111246)</t>
  </si>
  <si>
    <t>POINT (4.640551450773153 51.82886522171169)</t>
  </si>
  <si>
    <t>POINT (4.641151305342116 51.85134071235693)</t>
  </si>
  <si>
    <t>POINT (4.64301626980609 51.84388296976245)</t>
  </si>
  <si>
    <t>POINT (4.642186985312348 51.82733854912747)</t>
  </si>
  <si>
    <t>POINT (4.63002196506452 51.83733702540517)</t>
  </si>
  <si>
    <t>POINT (4.631797854318532 51.84651691662602)</t>
  </si>
  <si>
    <t>POINT (4.646204876204982 51.831777423308885)</t>
  </si>
  <si>
    <t>POINT (4.625979134855118 51.84646135860257)</t>
  </si>
  <si>
    <t>POINT (4.645433457419203 51.84514769017793)</t>
  </si>
  <si>
    <t>POINT (4.632198548249542 51.84598916228676)</t>
  </si>
  <si>
    <t>POINT (4.649489878806093 51.84190175300311)</t>
  </si>
  <si>
    <t>POINT (4.644839001057052 51.83806985309318)</t>
  </si>
  <si>
    <t>POINT (4.624380665180937 51.8397274498922)</t>
  </si>
  <si>
    <t>POINT (4.641329705588829 51.84670369680691)</t>
  </si>
  <si>
    <t>POINT (4.6296678671204194 51.84890316895251)</t>
  </si>
  <si>
    <t>POINT (4.626275847291458 51.84264309335795)</t>
  </si>
  <si>
    <t>POINT (4.642366107911669 51.83668791142764)</t>
  </si>
  <si>
    <t>POINT (4.629040238692249 51.83704305141289)</t>
  </si>
  <si>
    <t>POINT (4.628297053626865 51.84498424344645)</t>
  </si>
  <si>
    <t>POINT (4.624491008389119 51.84092366194868)</t>
  </si>
  <si>
    <t>POINT (4.648515007825284 51.84159902444522)</t>
  </si>
  <si>
    <t>POINT (4.635358420276986 51.83335980989186)</t>
  </si>
  <si>
    <t>POINT (4.625640903565949 51.84071539832586)</t>
  </si>
  <si>
    <t>POINT (4.645290494469473 51.850190853605305)</t>
  </si>
  <si>
    <t>POINT (4.633443719171833 51.84703085976543)</t>
  </si>
  <si>
    <t>POINT (4.639215877914684 51.832416236915805)</t>
  </si>
  <si>
    <t>POINT (4.624737023761966 51.842678053216396)</t>
  </si>
  <si>
    <t>POINT (4.643634068806904 51.83283081949626)</t>
  </si>
  <si>
    <t>POINT (4.629999215584567 51.8473233000231)</t>
  </si>
  <si>
    <t>POINT (4.642758924271546 51.83838027342408)</t>
  </si>
  <si>
    <t>POINT (4.643888192445237 51.850721133436494)</t>
  </si>
  <si>
    <t>POINT (4.6412409464439595 51.835413364020994)</t>
  </si>
  <si>
    <t>POINT (4.641677560379764 51.84059361298789)</t>
  </si>
  <si>
    <t>POINT (4.644109867668319 51.841864822095474)</t>
  </si>
  <si>
    <t>POINT (4.642433628002546 51.85366792595861)</t>
  </si>
  <si>
    <t>POINT (4.6279310667786975 51.838285310098634)</t>
  </si>
  <si>
    <t>POINT (4.647841717857602 51.8434280688609)</t>
  </si>
  <si>
    <t>POINT (4.632034494454307 51.84798359223054)</t>
  </si>
  <si>
    <t>POINT (4.643911135334864 51.833667280593154)</t>
  </si>
  <si>
    <t>POINT (4.627715026787588 51.836468198166116)</t>
  </si>
  <si>
    <t>POINT (4.640919795829188 51.848669609200925)</t>
  </si>
  <si>
    <t>POINT (4.636941708806858 51.83655449428497)</t>
  </si>
  <si>
    <t>POINT (4.647155210009358 51.85164836497139)</t>
  </si>
  <si>
    <t>POINT (4.627652638640126 51.83586555250001)</t>
  </si>
  <si>
    <t>POINT (4.642180575376539 51.830358705584544)</t>
  </si>
  <si>
    <t>POINT (4.647918108170819 51.84120605820348)</t>
  </si>
  <si>
    <t>POINT (4.644526134017717 51.82976233908908)</t>
  </si>
  <si>
    <t>POINT (4.64836444456976 51.850487455094935)</t>
  </si>
  <si>
    <t>POINT (4.642036227406615 51.83294652890059)</t>
  </si>
  <si>
    <t>POINT (4.644371893292251 51.8479184748441)</t>
  </si>
  <si>
    <t>POINT (4.636185455967558 51.82708457436946)</t>
  </si>
  <si>
    <t>POINT (4.647079283655152 51.849202972517055)</t>
  </si>
  <si>
    <t>POINT (4.651984636781146 51.84388554093742)</t>
  </si>
  <si>
    <t>POINT (4.636150115869901 51.8289709300753)</t>
  </si>
  <si>
    <t>POINT (4.625161898931406 51.84415495545056)</t>
  </si>
  <si>
    <t>POINT (4.644395180523587 51.845626513751505)</t>
  </si>
  <si>
    <t>POINT (4.650961207636646 51.83259341947242)</t>
  </si>
  <si>
    <t>POINT (4.635932226654686 51.84662434151388)</t>
  </si>
  <si>
    <t>POINT (4.6401144264548195 51.84559935325403)</t>
  </si>
  <si>
    <t>POINT (4.642500973537593 51.84432913569157)</t>
  </si>
  <si>
    <t>POINT (4.622876752789118 51.839421041643526)</t>
  </si>
  <si>
    <t>POINT (4.63938320656843 51.82845329393405)</t>
  </si>
  <si>
    <t>POINT (4.634180767579711 51.833327857114746)</t>
  </si>
  <si>
    <t>POINT (4.640336903686412 51.83655816636574)</t>
  </si>
  <si>
    <t>POINT (4.638553387157438 51.839980479860046)</t>
  </si>
  <si>
    <t>POINT (4.643552037647714 51.83780103644507)</t>
  </si>
  <si>
    <t>POINT (4.63475310790606 51.84596960672697)</t>
  </si>
  <si>
    <t>POINT (4.631737144185754 51.83456158361727)</t>
  </si>
  <si>
    <t>POINT (4.636882681366087 51.83865515738885)</t>
  </si>
  <si>
    <t>POINT (4.628775173399996 51.83641213128749)</t>
  </si>
  <si>
    <t>POINT (4.625473067292629 51.84592443665838)</t>
  </si>
  <si>
    <t>POINT (4.631504262827482 51.83806567117371)</t>
  </si>
  <si>
    <t>POINT (4.6530450190863215 51.84262082071358)</t>
  </si>
  <si>
    <t>POINT (4.62409238453249 51.84389632574086)</t>
  </si>
  <si>
    <t>POINT (4.6319509548882225 51.84604150192728)</t>
  </si>
  <si>
    <t>POINT (4.639756905886847 51.84003309174977)</t>
  </si>
  <si>
    <t>POINT (4.635860553311601 51.83874081711805)</t>
  </si>
  <si>
    <t>POINT (4.6393394663011955 51.826718198892614)</t>
  </si>
  <si>
    <t>POINT (4.632623286209299 51.83882791826658)</t>
  </si>
  <si>
    <t>POINT (4.64243620094363 51.84298042499034)</t>
  </si>
  <si>
    <t>POINT (4.629784096881239 51.84026580133149)</t>
  </si>
  <si>
    <t>POINT (4.642288367951951 51.844022172363765)</t>
  </si>
  <si>
    <t>POINT (4.641980955369347 51.8380427567178)</t>
  </si>
  <si>
    <t>3341LX</t>
  </si>
  <si>
    <t>Sophiapolder</t>
  </si>
  <si>
    <t>POINT (4.662840098242671 51.83530176222938)</t>
  </si>
  <si>
    <t>POINT (4.6295915246479 51.84999030553274)</t>
  </si>
  <si>
    <t>POINT (4.6210215650675295 51.84099994661625)</t>
  </si>
  <si>
    <t>POINT (4.635984088542808 51.83916407546644)</t>
  </si>
  <si>
    <t>POINT (4.648713691973125 51.83626959135702)</t>
  </si>
  <si>
    <t>POINT (4.629103747032863 51.84620292612118)</t>
  </si>
  <si>
    <t>POINT (4.651682849044652 51.831834616457556)</t>
  </si>
  <si>
    <t>POINT (4.656626841518998 51.850153270907356)</t>
  </si>
  <si>
    <t>POINT (4.641861485467897 51.84614078799587)</t>
  </si>
  <si>
    <t>POINT (4.643831314672884 51.84165249020282)</t>
  </si>
  <si>
    <t>POINT (4.6292008998703 51.84991587511429)</t>
  </si>
  <si>
    <t>POINT (4.622882874884317 51.8399154593079)</t>
  </si>
  <si>
    <t>POINT (4.644615045197973 51.85022755414511)</t>
  </si>
  <si>
    <t>POINT (4.628167734626119 51.85179682165829)</t>
  </si>
  <si>
    <t>POINT (4.646827374420533 51.8399243673757)</t>
  </si>
  <si>
    <t>POINT (4.646297773865938 51.834951011424664)</t>
  </si>
  <si>
    <t>POINT (4.6464715964598025 51.8358509754695)</t>
  </si>
  <si>
    <t>POINT (4.634175834287167 51.835359267846975)</t>
  </si>
  <si>
    <t>POINT (4.644554608490612 51.84952872630769)</t>
  </si>
  <si>
    <t>POINT (4.64152870247269 51.83205342690286)</t>
  </si>
  <si>
    <t>POINT (4.656539702765742 51.83146468274784)</t>
  </si>
  <si>
    <t>POINT (4.6431231941098865 51.85322286478027)</t>
  </si>
  <si>
    <t>POINT (4.647407378504198 51.83629732116625)</t>
  </si>
  <si>
    <t>POINT (4.642332590316747 51.851878542616845)</t>
  </si>
  <si>
    <t>POINT (4.653114266986364 51.8321486521459)</t>
  </si>
  <si>
    <t>POINT (4.649150718603921 51.84113746374782)</t>
  </si>
  <si>
    <t>POINT (4.648215457287338 51.83303053471929)</t>
  </si>
  <si>
    <t>POINT (4.640413856268714 51.835417094090346)</t>
  </si>
  <si>
    <t>POINT (4.626720632053927 51.84552235257728)</t>
  </si>
  <si>
    <t>POINT (4.6450391258324695 51.8523451130536)</t>
  </si>
  <si>
    <t>POINT (4.645661420202023 51.85124476147566)</t>
  </si>
  <si>
    <t>POINT (4.631073736192039 51.83951007666707)</t>
  </si>
  <si>
    <t>POINT (4.6436896945858495 51.852318599028)</t>
  </si>
  <si>
    <t>POINT (4.631012854339275 51.83535691319797)</t>
  </si>
  <si>
    <t>POINT (4.637490625125306 51.8393175247071)</t>
  </si>
  <si>
    <t>POINT (4.631504865876457 51.83802972032992)</t>
  </si>
  <si>
    <t>POINT (4.6297045318951735 51.84987286957293)</t>
  </si>
  <si>
    <t>POINT (4.638019069028839 51.82673674461662)</t>
  </si>
  <si>
    <t>POINT (4.641747077100465 51.85129955286881)</t>
  </si>
  <si>
    <t>POINT (4.643515219632112 51.83651542315031)</t>
  </si>
  <si>
    <t>POINT (4.64028407940555 51.83386482273197)</t>
  </si>
  <si>
    <t>POINT (4.651016826248901 51.848050212640224)</t>
  </si>
  <si>
    <t>POINT (4.62729138334723 51.84007890795501)</t>
  </si>
  <si>
    <t>POINT (4.642887515292095 51.83059689602119)</t>
  </si>
  <si>
    <t>POINT (4.648639253256681 51.85161771819122)</t>
  </si>
  <si>
    <t>POINT (4.640644267487619 51.83026804655551)</t>
  </si>
  <si>
    <t>POINT (4.642504757655737 51.832688830505695)</t>
  </si>
  <si>
    <t>POINT (4.650530927180385 51.83161588963853)</t>
  </si>
  <si>
    <t>POINT (4.652577522502642 51.82977704929573)</t>
  </si>
  <si>
    <t>POINT (4.648511129346052 51.83180993620413)</t>
  </si>
  <si>
    <t>POINT (4.648596482809254 51.84253395340036)</t>
  </si>
  <si>
    <t>POINT (4.652910463623315 51.832102766703436)</t>
  </si>
  <si>
    <t>POINT (4.646273714415405 51.832002574706955)</t>
  </si>
  <si>
    <t>POINT (4.6492004463718315 51.83994091787831)</t>
  </si>
  <si>
    <t>POINT (4.645197123913625 51.83658898657275)</t>
  </si>
  <si>
    <t>POINT (4.6401135319919575 51.84565327955547)</t>
  </si>
  <si>
    <t>POINT (4.642655984841262 51.84460876739862)</t>
  </si>
  <si>
    <t>POINT (4.632579165043158 51.848391584206304)</t>
  </si>
  <si>
    <t>POINT (4.634730668608567 51.838625716335606)</t>
  </si>
  <si>
    <t>POINT (4.637305308876557 51.83650288540669)</t>
  </si>
  <si>
    <t>POINT (4.653242424580668 51.84294828927705)</t>
  </si>
  <si>
    <t>POINT (4.6452245096120794 51.83580714525806)</t>
  </si>
  <si>
    <t>POINT (4.630339988814495 51.85122658002276)</t>
  </si>
  <si>
    <t>POINT (4.6314187865365675 51.83970106078851)</t>
  </si>
  <si>
    <t>POINT (4.6419640063351135 51.83906735769096)</t>
  </si>
  <si>
    <t>POINT (4.64074805881152 51.846771909725376)</t>
  </si>
  <si>
    <t>POINT (4.63213556801916 51.83589447222259)</t>
  </si>
  <si>
    <t>POINT (4.625999499189353 51.84697384521043)</t>
  </si>
  <si>
    <t>POINT (4.628650254906111 51.840384322328575)</t>
  </si>
  <si>
    <t>POINT (4.640614238660103 51.847840709805645)</t>
  </si>
  <si>
    <t>POINT (4.6326462389647345 51.83399215476984)</t>
  </si>
  <si>
    <t>POINT (4.635804616814327 51.83861461763687)</t>
  </si>
  <si>
    <t>POINT (4.642283723293822 51.84254800164533)</t>
  </si>
  <si>
    <t>POINT (4.641624109953564 51.827164190111596)</t>
  </si>
  <si>
    <t>POINT (4.644826311676698 51.830914788717884)</t>
  </si>
  <si>
    <t>POINT (4.633945649666543 51.83350612232976)</t>
  </si>
  <si>
    <t>POINT (4.643709578148293 51.84960652369197)</t>
  </si>
  <si>
    <t>POINT (4.638103229664682 51.827931842336305)</t>
  </si>
  <si>
    <t>POINT (4.639859478914876 51.8478448968647)</t>
  </si>
  <si>
    <t>POINT (4.625828457709032 51.83906269686036)</t>
  </si>
  <si>
    <t>POINT (4.657146380139537 51.84058295983903)</t>
  </si>
  <si>
    <t>POINT (4.639615532256255 51.84592875834903)</t>
  </si>
  <si>
    <t>POINT (4.627764199365309 51.83871568760008)</t>
  </si>
  <si>
    <t>POINT (4.642574317531393 51.82760167876225)</t>
  </si>
  <si>
    <t>POINT (4.640718440165412 51.84680767607533)</t>
  </si>
  <si>
    <t>POINT (4.63689476811239 51.83854627390671)</t>
  </si>
  <si>
    <t>POINT (4.645947419933875 51.82978930031077)</t>
  </si>
  <si>
    <t>POINT (4.624319786691326 51.84075176445201)</t>
  </si>
  <si>
    <t>POINT (4.632686114649854 51.83594295544736)</t>
  </si>
  <si>
    <t>POINT (4.643452563744244 51.84999693630992)</t>
  </si>
  <si>
    <t>POINT (4.627374975419831 51.836843522520915)</t>
  </si>
  <si>
    <t>POINT (4.64843406009112 51.8365105259944)</t>
  </si>
  <si>
    <t>POINT (4.641123024096939 51.85129558937349)</t>
  </si>
  <si>
    <t>POINT (4.638799361463695 51.83216189906395)</t>
  </si>
  <si>
    <t>POINT (4.627760914912958 51.84837849600901)</t>
  </si>
  <si>
    <t>POINT (4.645158216774546 51.8509006428727)</t>
  </si>
  <si>
    <t>POINT (4.657292074682629 51.833089174829105)</t>
  </si>
  <si>
    <t>POINT (4.640391648430066 51.829754084728506)</t>
  </si>
  <si>
    <t>POINT (4.645579818673748 51.83713971370131)</t>
  </si>
  <si>
    <t>POINT (4.634387533665932 51.8365830862661)</t>
  </si>
  <si>
    <t>POINT (4.643176440381327 51.84472891932984)</t>
  </si>
  <si>
    <t>POINT (4.644530943907942 51.850239417596335)</t>
  </si>
  <si>
    <t>POINT (4.641060391772539 51.84631547312564)</t>
  </si>
  <si>
    <t>POINT (4.645222418804286 51.82976674241617)</t>
  </si>
  <si>
    <t>POINT (4.641553398000553 51.83438883327504)</t>
  </si>
  <si>
    <t>POINT (4.637464908251515 51.8380692199712)</t>
  </si>
  <si>
    <t>POINT (4.6410055805180095 51.84173989356342)</t>
  </si>
  <si>
    <t>POINT (4.65747543858285 51.84087264258119)</t>
  </si>
  <si>
    <t>POINT (4.644216451035435 51.85294215035439)</t>
  </si>
  <si>
    <t>POINT (4.65136415906117 51.82945484576666)</t>
  </si>
  <si>
    <t>POINT (4.648727515346567 51.84250781167734)</t>
  </si>
  <si>
    <t>POINT (4.643141717243314 51.852980288480545)</t>
  </si>
  <si>
    <t>POINT (4.628171156429742 51.84901035582324)</t>
  </si>
  <si>
    <t>POINT (4.6341711775105985 51.8356378871123)</t>
  </si>
  <si>
    <t>POINT (4.634595885630004 51.83887653533604)</t>
  </si>
  <si>
    <t>POINT (4.644872795798136 51.82985441869136)</t>
  </si>
  <si>
    <t>POINT (4.655685631070912 51.83224137753258)</t>
  </si>
  <si>
    <t>POINT (4.649955267959741 51.845517739746015)</t>
  </si>
  <si>
    <t>POINT (4.6491196448582786 51.84524008845255)</t>
  </si>
  <si>
    <t>POINT (4.6491986220336905 51.843868061661745)</t>
  </si>
  <si>
    <t>POINT (4.626052893982146 51.84467308985247)</t>
  </si>
  <si>
    <t>POINT (4.628523442659598 51.852221587913256)</t>
  </si>
  <si>
    <t>POINT (4.653942545302137 51.82969569748718)</t>
  </si>
  <si>
    <t>POINT (4.646987009184281 51.845103562899006)</t>
  </si>
  <si>
    <t>POINT (4.64866812751611 51.83108284151101)</t>
  </si>
  <si>
    <t>POINT (4.64451819675285 51.84784749107305)</t>
  </si>
  <si>
    <t>POINT (4.626659429250235 51.83625462432453)</t>
  </si>
  <si>
    <t>POINT (4.6449144675344725 51.8458185597856)</t>
  </si>
  <si>
    <t>POINT (4.636465376044915 51.83466382636188)</t>
  </si>
  <si>
    <t>POINT (4.639990942762236 51.83904582759082)</t>
  </si>
  <si>
    <t>POINT (4.643951751934553 51.831501428554525)</t>
  </si>
  <si>
    <t>POINT (4.6419684559098044 51.82827198494202)</t>
  </si>
  <si>
    <t>POINT (4.624278492732612 51.83976274070921)</t>
  </si>
  <si>
    <t>POINT (4.629382137036606 51.85208331421178)</t>
  </si>
  <si>
    <t>POINT (4.657034089310232 51.83139584966445)</t>
  </si>
  <si>
    <t>POINT (4.642065120928935 51.83032201802483)</t>
  </si>
  <si>
    <t>POINT (4.6388465307867115 51.83893067405176)</t>
  </si>
  <si>
    <t>POINT (4.641765889637621 51.84139416541577)</t>
  </si>
  <si>
    <t>POINT (4.623474109727292 51.83671034526451)</t>
  </si>
  <si>
    <t>POINT (4.6493010788606695 51.84381477368415)</t>
  </si>
  <si>
    <t>POINT (4.648820752507229 51.84744317165489)</t>
  </si>
  <si>
    <t>POINT (4.623122033549711 51.83950353647763)</t>
  </si>
  <si>
    <t>POINT (4.6236937098783715 51.843444299682616)</t>
  </si>
  <si>
    <t>POINT (4.64766127207896 51.83987599692314)</t>
  </si>
  <si>
    <t>POINT (4.6434573033231175 51.83738695742892)</t>
  </si>
  <si>
    <t>POINT (4.6304133734968405 51.83649461301269)</t>
  </si>
  <si>
    <t>POINT (4.622947538958902 51.842091142260756)</t>
  </si>
  <si>
    <t>POINT (4.645149606187787 51.84828293882417)</t>
  </si>
  <si>
    <t>POINT (4.642045301336322 51.83366115038875)</t>
  </si>
  <si>
    <t>POINT (4.641882997674519 51.833502081091545)</t>
  </si>
  <si>
    <t>POINT (4.6570841946109 51.832780415808834)</t>
  </si>
  <si>
    <t>POINT (4.65076858287256 51.84636777753879)</t>
  </si>
  <si>
    <t>POINT (4.627749548120161 51.849052572968084)</t>
  </si>
  <si>
    <t>POINT (4.638692341828005 51.82899720022791)</t>
  </si>
  <si>
    <t>POINT (4.639271876391683 51.8320117705028)</t>
  </si>
  <si>
    <t>POINT (4.640680987406737 51.84819169204356)</t>
  </si>
  <si>
    <t>POINT (4.63773698401325 51.84020897642635)</t>
  </si>
  <si>
    <t>POINT (4.640988728936823 51.846261085709706)</t>
  </si>
  <si>
    <t>POINT (4.642757176536671 51.84902284202765)</t>
  </si>
  <si>
    <t>POINT (4.6390314138261814 51.84789355531021)</t>
  </si>
  <si>
    <t>POINT (4.648628665875846 51.84322628276249)</t>
  </si>
  <si>
    <t>POINT (4.644120043663542 51.8464697069415)</t>
  </si>
  <si>
    <t>POINT (4.652628221867598 51.83111667857921)</t>
  </si>
  <si>
    <t>POINT (4.603280791849161 51.84281174825141)</t>
  </si>
  <si>
    <t>POINT (4.631781693411655 51.8370966790819)</t>
  </si>
  <si>
    <t>POINT (4.633771546767618 51.84825542283579)</t>
  </si>
  <si>
    <t>POINT (4.634872148402763 51.84666249709883)</t>
  </si>
  <si>
    <t>POINT (4.645881707524397 51.830256296553976)</t>
  </si>
  <si>
    <t>POINT (4.65103942072192 51.83068425780123)</t>
  </si>
  <si>
    <t>POINT (4.6357752666668945 51.83950430875593)</t>
  </si>
  <si>
    <t>POINT (4.642360835366609 51.83086321561816)</t>
  </si>
  <si>
    <t>POINT (4.642929198835844 51.850030662327995)</t>
  </si>
  <si>
    <t>POINT (4.652293852831252 51.829379772054914)</t>
  </si>
  <si>
    <t>POINT (4.648046859246612 51.84684505098798)</t>
  </si>
  <si>
    <t>POINT (4.632401054322174 51.84776123248939)</t>
  </si>
  <si>
    <t>POINT (4.644821468820998 51.84705840694345)</t>
  </si>
  <si>
    <t>POINT (4.649338216803284 51.830916270718866)</t>
  </si>
  <si>
    <t>POINT (4.645662396250896 51.84710866422815)</t>
  </si>
  <si>
    <t>POINT (4.649440211149525 51.843294305782464)</t>
  </si>
  <si>
    <t>POINT (4.62749393992598 51.84871833850391)</t>
  </si>
  <si>
    <t>POINT (4.647803591407684 51.829836961841366)</t>
  </si>
  <si>
    <t>POINT (4.648983330722226 51.85080595048431)</t>
  </si>
  <si>
    <t>POINT (4.626731154660123 51.83716294638633)</t>
  </si>
  <si>
    <t>POINT (4.629294431765086 51.8374581722531)</t>
  </si>
  <si>
    <t>POINT (4.648290457327411 51.847035346058796)</t>
  </si>
  <si>
    <t>POINT (4.646969502884374 51.847934879952724)</t>
  </si>
  <si>
    <t>POINT (4.639932762981613 51.83240919832374)</t>
  </si>
  <si>
    <t>POINT (4.626436649614916 51.83655879619621)</t>
  </si>
  <si>
    <t>POINT (4.654177805768777 51.83217803958221)</t>
  </si>
  <si>
    <t>POINT (4.655627458110686 51.832250003670616)</t>
  </si>
  <si>
    <t>POINT (4.644733658995343 51.847102795007174)</t>
  </si>
  <si>
    <t>POINT (4.640437039345115 51.84452276570688)</t>
  </si>
  <si>
    <t>POINT (4.641030829075149 51.84897592933984)</t>
  </si>
  <si>
    <t>POINT (4.643672259119794 51.837550115137304)</t>
  </si>
  <si>
    <t>POINT (4.6339592176634055 51.837901674793386)</t>
  </si>
  <si>
    <t>POINT (4.642787473911117 51.849576456865236)</t>
  </si>
  <si>
    <t>POINT (4.635703955064845 51.838560041251355)</t>
  </si>
  <si>
    <t>POINT (4.6284411256599896 51.84418518235334)</t>
  </si>
  <si>
    <t>POINT (4.636691642359404 51.83588773362196)</t>
  </si>
  <si>
    <t>POINT (4.634050325655021 51.83765956498306)</t>
  </si>
  <si>
    <t>POINT (4.657994872428365 51.841055643112995)</t>
  </si>
  <si>
    <t>POINT (4.625617117589819 51.84469722997711)</t>
  </si>
  <si>
    <t>POINT (4.644634345627661 51.85024359511442)</t>
  </si>
  <si>
    <t>POINT (4.65638187985851 51.83550994764481)</t>
  </si>
  <si>
    <t>POINT (4.643183239056801 51.83816723522565)</t>
  </si>
  <si>
    <t>POINT (4.627388725694314 51.836888554950036)</t>
  </si>
  <si>
    <t>POINT (4.654006008263189 51.83025339147571)</t>
  </si>
  <si>
    <t>POINT (4.643422770821996 51.85002480119389)</t>
  </si>
  <si>
    <t>POINT (4.641567068555219 51.841132231456704)</t>
  </si>
  <si>
    <t>POINT (4.656856293525851 51.83284326706739)</t>
  </si>
  <si>
    <t>POINT (4.631842263013241 51.83954199001097)</t>
  </si>
  <si>
    <t>POINT (4.63713732149525 51.839620882921956)</t>
  </si>
  <si>
    <t>POINT (4.633386181179 51.8348598222834)</t>
  </si>
  <si>
    <t>POINT (4.626111710578448 51.846345365263105)</t>
  </si>
  <si>
    <t>POINT (4.628455165817204 51.85024363942646)</t>
  </si>
  <si>
    <t>POINT (4.63710599248538 51.83388126811749)</t>
  </si>
  <si>
    <t>POINT (4.644863145422722 51.83572396266675)</t>
  </si>
  <si>
    <t>POINT (4.629269504881169 51.83635240310684)</t>
  </si>
  <si>
    <t>POINT (4.642940362331347 51.82739726061909)</t>
  </si>
  <si>
    <t>POINT (4.65856451091016 51.83185479252783)</t>
  </si>
  <si>
    <t>POINT (4.632195553048924 51.838375734209755)</t>
  </si>
  <si>
    <t>POINT (4.644267121541771 51.836672991421494)</t>
  </si>
  <si>
    <t>POINT (4.632043896638721 51.837035445258834)</t>
  </si>
  <si>
    <t>POINT (4.644223438236289 51.844600719570245)</t>
  </si>
  <si>
    <t>POINT (4.648185482778962 51.842819004226065)</t>
  </si>
  <si>
    <t>POINT (4.64661630316709 51.85105780149049)</t>
  </si>
  <si>
    <t>POINT (4.625290276650916 51.837423264312356)</t>
  </si>
  <si>
    <t>POINT (4.637135349022636 51.82738606150121)</t>
  </si>
  <si>
    <t>POINT (4.642118104456842 51.83940091660906)</t>
  </si>
  <si>
    <t>POINT (4.645077211029777 51.82801303197804)</t>
  </si>
  <si>
    <t>POINT (4.63136080060626 51.8492107051339)</t>
  </si>
  <si>
    <t>POINT (4.644970295926283 51.849579084485555)</t>
  </si>
  <si>
    <t>POINT (4.635821078153155 51.829175384315754)</t>
  </si>
  <si>
    <t>POINT (4.643035734082911 51.82952818285612)</t>
  </si>
  <si>
    <t>POINT (4.644757527340955 51.84389399376395)</t>
  </si>
  <si>
    <t>POINT (4.638946013483101 51.8486660361744)</t>
  </si>
  <si>
    <t>POINT (4.640114128300806 51.84561732868787)</t>
  </si>
  <si>
    <t>POINT (4.6369649470616405 51.82827176943144)</t>
  </si>
  <si>
    <t>POINT (4.630906321754886 51.83565285350605)</t>
  </si>
  <si>
    <t>POINT (4.632584531196589 51.847205114285615)</t>
  </si>
  <si>
    <t>POINT (4.648269606280941 51.83680611701489)</t>
  </si>
  <si>
    <t>POINT (4.650211548148691 51.84112975496599)</t>
  </si>
  <si>
    <t>POINT (4.6301188062653775 51.849706069066364)</t>
  </si>
  <si>
    <t>POINT (4.629348760060641 51.84802920856033)</t>
  </si>
  <si>
    <t>POINT (4.636782106457075 51.84700730046144)</t>
  </si>
  <si>
    <t>POINT (4.624023267224314 51.83941052306786)</t>
  </si>
  <si>
    <t>POINT (4.640924212903367 51.828256361773846)</t>
  </si>
  <si>
    <t>POINT (4.64836911740777 51.853741376185475)</t>
  </si>
  <si>
    <t>POINT (4.629613920099899 51.83485351574136)</t>
  </si>
  <si>
    <t>POINT (4.642007935781139 51.84606081961481)</t>
  </si>
  <si>
    <t>POINT (4.642958478854713 51.832449013720804)</t>
  </si>
  <si>
    <t>POINT (4.647994915230672 51.85443114713287)</t>
  </si>
  <si>
    <t>POINT (4.654259349027032 51.83591202705307)</t>
  </si>
  <si>
    <t>POINT (4.642785837239195 51.833238922616054)</t>
  </si>
  <si>
    <t>POINT (4.633456052927976 51.846293867984286)</t>
  </si>
  <si>
    <t>POINT (4.63712068363707 51.83830370196324)</t>
  </si>
  <si>
    <t>POINT (4.634483234065715 51.836934258454164)</t>
  </si>
  <si>
    <t>POINT (4.639639130085988 51.83576272152386)</t>
  </si>
  <si>
    <t>POINT (4.650256858445673 51.84393762936727)</t>
  </si>
  <si>
    <t>POINT (4.64936393210498 51.84617918577076)</t>
  </si>
  <si>
    <t>POINT (4.652370481883 51.83001844751566)</t>
  </si>
  <si>
    <t>POINT (4.633933410737406 51.8351060294302)</t>
  </si>
  <si>
    <t>POINT (4.6464346330874635 51.8425113444895)</t>
  </si>
  <si>
    <t>POINT (4.654177505599262 51.83314271048082)</t>
  </si>
  <si>
    <t>POINT (4.646672312661653 51.83511517077246)</t>
  </si>
  <si>
    <t>POINT (4.646963334292643 51.839331271636986)</t>
  </si>
  <si>
    <t>POINT (4.645953551089122 51.840881359815455)</t>
  </si>
  <si>
    <t>POINT (4.647149870944418 51.83165754333549)</t>
  </si>
  <si>
    <t>POINT (4.643830105373031 51.851726236772805)</t>
  </si>
  <si>
    <t>POINT (4.651319987130096 51.84045498986475)</t>
  </si>
  <si>
    <t>POINT (4.6303648484119995 51.84542904736421)</t>
  </si>
  <si>
    <t>POINT (4.630392209108857 51.84552809914815)</t>
  </si>
  <si>
    <t>POINT (4.62472757163289 51.84066452671849)</t>
  </si>
  <si>
    <t>POINT (4.6475891868471555 51.84466691347123)</t>
  </si>
  <si>
    <t>POINT (4.629897770411357 51.84386200603794)</t>
  </si>
  <si>
    <t>POINT (4.644862035479365 51.85095192068994)</t>
  </si>
  <si>
    <t>POINT (4.643869891388198 51.843160295493234)</t>
  </si>
  <si>
    <t>POINT (4.644229339174416 51.83269508435637)</t>
  </si>
  <si>
    <t>POINT (4.649315736563731 51.84380587714655)</t>
  </si>
  <si>
    <t>POINT (4.647502860399535 51.844621426330896)</t>
  </si>
  <si>
    <t>POINT (4.624398219812491 51.84468931710512)</t>
  </si>
  <si>
    <t>POINT (4.630956030432378 51.83528463766835)</t>
  </si>
  <si>
    <t>POINT (4.650001684326987 51.83115414481159)</t>
  </si>
  <si>
    <t>POINT (4.604322822067408 51.83745609463431)</t>
  </si>
  <si>
    <t>POINT (4.6370799668762865 51.83829418346976)</t>
  </si>
  <si>
    <t>POINT (4.649925122653972 51.84469958262424)</t>
  </si>
  <si>
    <t>POINT (4.650642616575936 51.8443085850278)</t>
  </si>
  <si>
    <t>POINT (4.644300440456723 51.82761261632077)</t>
  </si>
  <si>
    <t>POINT (4.6448623004918295 51.85250579108001)</t>
  </si>
  <si>
    <t>POINT (4.6339005134071165 51.83880915469371)</t>
  </si>
  <si>
    <t>POINT (4.628804708428561 51.84987387451397)</t>
  </si>
  <si>
    <t>POINT (4.6385234570866345 51.82693771403729)</t>
  </si>
  <si>
    <t>POINT (4.642813381081276 51.83596266586229)</t>
  </si>
  <si>
    <t>POINT (4.647088114836518 51.83100098070627)</t>
  </si>
  <si>
    <t>POINT (4.6436002762844035 51.84951938761634)</t>
  </si>
  <si>
    <t>POINT (4.6488317346436485 51.8441174373762)</t>
  </si>
  <si>
    <t>POINT (4.650754843720663 51.84543287115256)</t>
  </si>
  <si>
    <t>POINT (4.644692153718248 51.83641500900827)</t>
  </si>
  <si>
    <t>POINT (4.634476060586422 51.839100484054725)</t>
  </si>
  <si>
    <t>POINT (4.643402721271424 51.84772357748382)</t>
  </si>
  <si>
    <t>POINT (4.626328089999027 51.84899000457306)</t>
  </si>
  <si>
    <t>POINT (4.648999241875673 51.849835276044516)</t>
  </si>
  <si>
    <t>POINT (4.6432439095757045 51.845915850389865)</t>
  </si>
  <si>
    <t>POINT (4.641978550386614 51.836433768976256)</t>
  </si>
  <si>
    <t>POINT (4.628733482487583 51.835441083821806)</t>
  </si>
  <si>
    <t>POINT (4.6396474386505115 51.83438750678259)</t>
  </si>
  <si>
    <t>POINT (4.638899714196668 51.83223444827614)</t>
  </si>
  <si>
    <t>POINT (4.645333657595441 51.845039195686525)</t>
  </si>
  <si>
    <t>POINT (4.634013588895244 51.848535624425836)</t>
  </si>
  <si>
    <t>POINT (4.646320162227804 51.83623653268182)</t>
  </si>
  <si>
    <t>POINT (4.644561012931857 51.85022118103161)</t>
  </si>
  <si>
    <t>POINT (4.641493128055438 51.84735191856162)</t>
  </si>
  <si>
    <t>POINT (4.640838898555638 51.835159125611405)</t>
  </si>
  <si>
    <t>POINT (4.643911962995079 51.84236955930635)</t>
  </si>
  <si>
    <t>POINT (4.6296353722939285 51.84479513553894)</t>
  </si>
  <si>
    <t>POINT (4.635746581779597 51.83861424617264)</t>
  </si>
  <si>
    <t>POINT (4.631590854098338 51.84501447627429)</t>
  </si>
  <si>
    <t>POINT (4.641047863070345 51.83344438071744)</t>
  </si>
  <si>
    <t>POINT (4.64052857764848 51.83549872191886)</t>
  </si>
  <si>
    <t>POINT (4.6446409891243245 51.8448011117153)</t>
  </si>
  <si>
    <t>POINT (4.65203068453308 51.830393844069505)</t>
  </si>
  <si>
    <t>POINT (4.648312426822694 51.8456961743504)</t>
  </si>
  <si>
    <t>POINT (4.652599665874338 51.831707855495196)</t>
  </si>
  <si>
    <t>POINT (4.641297190106451 51.83026320866463)</t>
  </si>
  <si>
    <t>POINT (4.635439180394823 51.833645591953726)</t>
  </si>
  <si>
    <t>POINT (4.643957397756616 51.8431338834929)</t>
  </si>
  <si>
    <t>POINT (4.644114469716942 51.844168574113475)</t>
  </si>
  <si>
    <t>POINT (4.646058352574691 51.83980338152946)</t>
  </si>
  <si>
    <t>POINT (4.645842330830115 51.848521019800366)</t>
  </si>
  <si>
    <t>POINT (4.659282046422998 51.839887357561146)</t>
  </si>
  <si>
    <t>POINT (4.636580318497116 51.83966081911462)</t>
  </si>
  <si>
    <t>POINT (4.635195292948076 51.83773881434582)</t>
  </si>
  <si>
    <t>POINT (4.63185167905113 51.846768945718146)</t>
  </si>
  <si>
    <t>POINT (4.627657031256726 51.839047575593526)</t>
  </si>
  <si>
    <t>POINT (4.625569572192373 51.840643026118656)</t>
  </si>
  <si>
    <t>POINT (4.654537573289768 51.83470800641198)</t>
  </si>
  <si>
    <t>POINT (4.645471136306892 51.8349278139337)</t>
  </si>
  <si>
    <t>POINT (4.6344359801678285 51.834551954904505)</t>
  </si>
  <si>
    <t>POINT (4.64652724297821 51.83070081673553)</t>
  </si>
  <si>
    <t>POINT (4.639084234823717 51.8431355884463)</t>
  </si>
  <si>
    <t>POINT (4.632017332097702 51.84641046443438)</t>
  </si>
  <si>
    <t>POINT (4.630937730785163 51.85106863537537)</t>
  </si>
  <si>
    <t>POINT (4.644720933950904 51.84611396190002)</t>
  </si>
  <si>
    <t>POINT (4.648650127712843 51.85076790056791)</t>
  </si>
  <si>
    <t>POINT (4.652662674516816 51.85036161495804)</t>
  </si>
  <si>
    <t>POINT (4.627356458486604 51.846077052607)</t>
  </si>
  <si>
    <t>POINT (4.655790242113917 51.83205326738884)</t>
  </si>
  <si>
    <t>POINT (4.649680189973786 51.83129594408732)</t>
  </si>
  <si>
    <t>POINT (4.6364809809600125 51.84591774669672)</t>
  </si>
  <si>
    <t>POINT (4.654162358944614 51.83045211870175)</t>
  </si>
  <si>
    <t>POINT (4.630196183646426 51.8476931056725)</t>
  </si>
  <si>
    <t>POINT (4.638344874241285 51.83244663838328)</t>
  </si>
  <si>
    <t>POINT (4.635434303918723 51.82776290623668)</t>
  </si>
  <si>
    <t>POINT (4.625343386750937 51.83208599871297)</t>
  </si>
  <si>
    <t>POINT (4.635789018121879 51.83332173139467)</t>
  </si>
  <si>
    <t>POINT (4.638229716386208 51.83239197159827)</t>
  </si>
  <si>
    <t>POINT (4.619655097734204 51.850510036835594)</t>
  </si>
  <si>
    <t>POINT (4.641535770017793 51.84740612135151)</t>
  </si>
  <si>
    <t>POINT (4.630336128588564 51.845410884880806)</t>
  </si>
  <si>
    <t>POINT (4.657895006517725 51.835571941393084)</t>
  </si>
  <si>
    <t>POINT (4.650277554436697 51.83202777818444)</t>
  </si>
  <si>
    <t>POINT (4.634781804141065 51.836432806386014)</t>
  </si>
  <si>
    <t>POINT (4.624729721296689 51.84310946253685)</t>
  </si>
  <si>
    <t>POINT (4.649143594371926 51.842798065203574)</t>
  </si>
  <si>
    <t>POINT (4.625443370764102 51.84593752026909)</t>
  </si>
  <si>
    <t>POINT (4.655388815992505 51.830864261371794)</t>
  </si>
  <si>
    <t>POINT (4.646040351586889 51.83560555947748)</t>
  </si>
  <si>
    <t>POINT (4.644597908856429 51.85028624057137)</t>
  </si>
  <si>
    <t>POINT (4.656226974790425 51.83106723441516)</t>
  </si>
  <si>
    <t>POINT (4.627277102086591 51.835764246546695)</t>
  </si>
  <si>
    <t>POINT (4.637279892608438 51.8283677137865)</t>
  </si>
  <si>
    <t>POINT (4.641326209424991 51.84078014337797)</t>
  </si>
  <si>
    <t>POINT (4.658130339744829 51.83425524291979)</t>
  </si>
  <si>
    <t>POINT (4.632259612251505 51.83801659894701)</t>
  </si>
  <si>
    <t>POINT (4.640143597567351 51.84559055020155)</t>
  </si>
  <si>
    <t>POINT (4.6456714108046056 51.85125681543303)</t>
  </si>
  <si>
    <t>POINT (4.635346977439058 51.83734428403927)</t>
  </si>
  <si>
    <t>POINT (4.651944158700092 51.84547627959886)</t>
  </si>
  <si>
    <t>POINT (4.642850281587631 51.84690210841469)</t>
  </si>
  <si>
    <t>POINT (4.630011936723966 51.85088289562432)</t>
  </si>
  <si>
    <t>POINT (4.651839420799017 51.833224077188305)</t>
  </si>
  <si>
    <t>POINT (4.6580605321260915 51.84708297775016)</t>
  </si>
  <si>
    <t>POINT (4.653364438202107 51.843028493723494)</t>
  </si>
  <si>
    <t>POINT (4.650095919115373 51.84401751700301)</t>
  </si>
  <si>
    <t>POINT (4.644736122286236 51.83638832108356)</t>
  </si>
  <si>
    <t>POINT (4.622129942298145 51.84152851863705)</t>
  </si>
  <si>
    <t>POINT (4.64090181044344 51.84625154460161)</t>
  </si>
  <si>
    <t>POINT (4.6503607293303775 51.83315188415436)</t>
  </si>
  <si>
    <t>POINT (4.640875338021297 51.84434577931519)</t>
  </si>
  <si>
    <t>POINT (4.6249251369652775 51.841852315926715)</t>
  </si>
  <si>
    <t>POINT (4.655587094876848 51.849031575583766)</t>
  </si>
  <si>
    <t>POINT (4.649700150648341 51.84111718638691)</t>
  </si>
  <si>
    <t>POINT (4.650417503178853 51.843875716980634)</t>
  </si>
  <si>
    <t>POINT (4.620953340355805 51.838186041626486)</t>
  </si>
  <si>
    <t>POINT (4.641769079398191 51.84821658235296)</t>
  </si>
  <si>
    <t>POINT (4.650251029121319 51.846067904558105)</t>
  </si>
  <si>
    <t>POINT (4.648402842943159 51.849031534809235)</t>
  </si>
  <si>
    <t>POINT (4.6436013782015815 51.83656990096314)</t>
  </si>
  <si>
    <t>POINT (4.644794385792083 51.8451796055861)</t>
  </si>
  <si>
    <t>POINT (4.632009772678806 51.834743111495996)</t>
  </si>
  <si>
    <t>POINT (4.621692361486567 51.84166049654961)</t>
  </si>
  <si>
    <t>POINT (4.634700750327439 51.838679456635454)</t>
  </si>
  <si>
    <t>POINT (4.6395023011999985 51.82652148517399)</t>
  </si>
  <si>
    <t>POINT (4.639797512928778 51.82708965257499)</t>
  </si>
  <si>
    <t>POINT (4.641476123431649 51.83610698618508)</t>
  </si>
  <si>
    <t>POINT (4.640348556245328 51.827102148767345)</t>
  </si>
  <si>
    <t>POINT (4.641592537543671 51.844853701382505)</t>
  </si>
  <si>
    <t>POINT (4.657851399093733 51.83109531605488)</t>
  </si>
  <si>
    <t>POINT (4.653026776989423 51.83069670448645)</t>
  </si>
  <si>
    <t>POINT (4.645142795272691 51.84605370825626)</t>
  </si>
  <si>
    <t>POINT (4.631426457398848 51.834919131184115)</t>
  </si>
  <si>
    <t>POINT (4.629227922036449 51.838824022716814)</t>
  </si>
  <si>
    <t>POINT (4.644419318703984 51.84914104366676)</t>
  </si>
  <si>
    <t>POINT (4.649992248754663 51.841605496275676)</t>
  </si>
  <si>
    <t>POINT (4.621754673237245 51.83884744355787)</t>
  </si>
  <si>
    <t>POINT (4.645159352944947 51.84943550810752)</t>
  </si>
  <si>
    <t>POINT (4.648002431981837 51.82832811650925)</t>
  </si>
  <si>
    <t>POINT (4.6344396176563505 51.83607106545473)</t>
  </si>
  <si>
    <t>POINT (4.6446902726135 51.847093531984314)</t>
  </si>
  <si>
    <t>POINT (4.649094112379282 51.83913584483885)</t>
  </si>
  <si>
    <t>POINT (4.6283366692493 51.849523779954225)</t>
  </si>
  <si>
    <t>POINT (4.629125799778991 51.847479460203324)</t>
  </si>
  <si>
    <t>POINT (4.624305860545341 51.85088588858372)</t>
  </si>
  <si>
    <t>POINT (4.643768761373997 51.84836618489537)</t>
  </si>
  <si>
    <t>POINT (4.633290992772341 51.83881423071133)</t>
  </si>
  <si>
    <t>POINT (4.646825912163146 51.8451924337494)</t>
  </si>
  <si>
    <t>POINT (4.6363405088870175 51.82808196246729)</t>
  </si>
  <si>
    <t>POINT (4.648802418837687 51.844135230327254)</t>
  </si>
  <si>
    <t>POINT (4.648005372557846 51.851141366826646)</t>
  </si>
  <si>
    <t>POINT (4.6263301380901165 51.84630183757737)</t>
  </si>
  <si>
    <t>POINT (4.633194055579251 51.83420241449195)</t>
  </si>
  <si>
    <t>POINT (4.639178517044315 51.83154067208002)</t>
  </si>
  <si>
    <t>POINT (4.646943017815353 51.840671856951424)</t>
  </si>
  <si>
    <t>POINT (4.6405410598828 51.836496544309846)</t>
  </si>
  <si>
    <t>POINT (4.637839599933408 51.82820469204508)</t>
  </si>
  <si>
    <t>POINT (4.656399124750493 51.83673672867463)</t>
  </si>
  <si>
    <t>POINT (4.625431681723385 51.84279042668279)</t>
  </si>
  <si>
    <t>POINT (4.627906942897705 51.84832550838694)</t>
  </si>
  <si>
    <t>POINT (4.643083155912261 51.83117032872966)</t>
  </si>
  <si>
    <t>POINT (4.635451951480892 51.83453149938532)</t>
  </si>
  <si>
    <t>POINT (4.643383610769445 51.8286674744402)</t>
  </si>
  <si>
    <t>POINT (4.636215534797331 51.84791153333414)</t>
  </si>
  <si>
    <t>POINT (4.620944445483914 51.84041517857582)</t>
  </si>
  <si>
    <t>POINT (4.645861549503541 51.846471727034185)</t>
  </si>
  <si>
    <t>POINT (4.644034333067763 51.833167382390414)</t>
  </si>
  <si>
    <t>POINT (4.6541919561152705 51.8304163488477)</t>
  </si>
  <si>
    <t>POINT (4.630552466406097 51.8472190025873)</t>
  </si>
  <si>
    <t>POINT (4.647092747258364 51.83866834643023)</t>
  </si>
  <si>
    <t>POINT (4.648460449260812 51.84905886322182)</t>
  </si>
  <si>
    <t>POINT (4.639157932791374 51.83852816834258)</t>
  </si>
  <si>
    <t>POINT (4.631368695587657 51.83403786811937)</t>
  </si>
  <si>
    <t>POINT (4.6238081814838905 51.838402391665134)</t>
  </si>
  <si>
    <t>POINT (4.637406847649525 51.8469663483627)</t>
  </si>
  <si>
    <t>POINT (4.615544381097081 51.833755139179246)</t>
  </si>
  <si>
    <t>POINT (4.64568610256257 51.84831329415717)</t>
  </si>
  <si>
    <t>POINT (4.647400782881542 51.84641851502292)</t>
  </si>
  <si>
    <t>POINT (4.637501145952512 51.838113334108705)</t>
  </si>
  <si>
    <t>POINT (4.651794681460184 51.841272759427476)</t>
  </si>
  <si>
    <t>POINT (4.642492470344628 51.837821285838785)</t>
  </si>
  <si>
    <t>POINT (4.641984934323527 51.84043376842289)</t>
  </si>
  <si>
    <t>POINT (4.630334467280432 51.845509749589205)</t>
  </si>
  <si>
    <t>POINT (4.652524091160235 51.84771847110216)</t>
  </si>
  <si>
    <t>POINT (4.642422741292653 51.84028373925378)</t>
  </si>
  <si>
    <t>POINT (4.647545482938757 51.830536452431055)</t>
  </si>
  <si>
    <t>POINT (4.640525714983211 51.84179976332988)</t>
  </si>
  <si>
    <t>POINT (4.649920949613374 51.84584111589569)</t>
  </si>
  <si>
    <t>POINT (4.640716646133532 51.8364077742085)</t>
  </si>
  <si>
    <t>POINT (4.655101321722901 51.83337929549708)</t>
  </si>
  <si>
    <t>POINT (4.6524465164178075 51.83425258679099)</t>
  </si>
  <si>
    <t>POINT (4.6468588886816775 51.83259053062079)</t>
  </si>
  <si>
    <t>POINT (4.651919103011343 51.843004385919244)</t>
  </si>
  <si>
    <t>POINT (4.645574760667922 51.83480262721749)</t>
  </si>
  <si>
    <t>POINT (4.6414588198749085 51.846794403573625)</t>
  </si>
  <si>
    <t>POINT (4.6364470580540855 51.82960693656376)</t>
  </si>
  <si>
    <t>POINT (4.63594145803138 51.83475935012205)</t>
  </si>
  <si>
    <t>POINT (4.634241936720847 51.84789889357417)</t>
  </si>
  <si>
    <t>POINT (4.631390848595128 51.84828506556942)</t>
  </si>
  <si>
    <t>POINT (4.631370660122299 51.84602877905329)</t>
  </si>
  <si>
    <t>POINT (4.648414362968222 51.84655972694353)</t>
  </si>
  <si>
    <t>POINT (4.623866187366478 51.84097353317881)</t>
  </si>
  <si>
    <t>POINT (4.647361165737365 51.84176213908769)</t>
  </si>
  <si>
    <t>POINT (4.654593200567889 51.83161434671112)</t>
  </si>
  <si>
    <t>POINT (4.6336703193960656 51.835221193822235)</t>
  </si>
  <si>
    <t>POINT (4.647564150189956 51.84442406192779)</t>
  </si>
  <si>
    <t>POINT (4.645068772134576 51.83557245535053)</t>
  </si>
  <si>
    <t>POINT (4.62797087049964 51.83678445710495)</t>
  </si>
  <si>
    <t>POINT (4.649068328358397 51.84562003101902)</t>
  </si>
  <si>
    <t>POINT (4.6345252571609405 51.83702441469228)</t>
  </si>
  <si>
    <t>POINT (4.646443999513526 51.854295532728166)</t>
  </si>
  <si>
    <t>POINT (4.632489470230341 51.84508317677348)</t>
  </si>
  <si>
    <t>POINT (4.630101067552215 51.84385432850217)</t>
  </si>
  <si>
    <t>POINT (4.628431975833761 51.836113286895745)</t>
  </si>
  <si>
    <t>POINT (4.640066171736454 51.841509202344014)</t>
  </si>
  <si>
    <t>POINT (4.635451845656312 51.82671134189584)</t>
  </si>
  <si>
    <t>POINT (4.644311093232138 51.85248432779981)</t>
  </si>
  <si>
    <t>POINT (4.648853617084536 51.82950200166045)</t>
  </si>
  <si>
    <t>POINT (4.638145160505473 51.838350925883645)</t>
  </si>
  <si>
    <t>POINT (4.622790745572319 51.83850363545972)</t>
  </si>
  <si>
    <t>POINT (4.637248413795876 51.84776532778622)</t>
  </si>
  <si>
    <t>POINT (4.644775707772662 51.82782236304938)</t>
  </si>
  <si>
    <t>POINT (4.639520377238065 51.83306679994301)</t>
  </si>
  <si>
    <t>POINT (4.648306372455921 51.83544905945424)</t>
  </si>
  <si>
    <t>POINT (4.655111706501679 51.83567973030533)</t>
  </si>
  <si>
    <t>POINT (4.6328044055277005 51.83754370101849)</t>
  </si>
  <si>
    <t>POINT (4.654831542230714 51.83033944301844)</t>
  </si>
  <si>
    <t>POINT (4.620848569622304 51.83837412024391)</t>
  </si>
  <si>
    <t>POINT (4.642555399274375 51.84542609791983)</t>
  </si>
  <si>
    <t>POINT (4.639782225170882 51.83500858380582)</t>
  </si>
  <si>
    <t>POINT (4.636180954105986 51.837900133820504)</t>
  </si>
  <si>
    <t>POINT (4.648716136539338 51.83320014675719)</t>
  </si>
  <si>
    <t>POINT (4.655991632631578 51.84646334181142)</t>
  </si>
  <si>
    <t>POINT (4.629055363299316 51.836144280569656)</t>
  </si>
  <si>
    <t>POINT (4.655156473970057 51.83177066811471)</t>
  </si>
  <si>
    <t>POINT (4.6533649739979 51.83131004879374)</t>
  </si>
  <si>
    <t>POINT (4.654696673193443 51.844141141331484)</t>
  </si>
  <si>
    <t>POINT (4.644449412026663 51.8432178951525)</t>
  </si>
  <si>
    <t>POINT (4.644070619018393 51.85122439445282)</t>
  </si>
  <si>
    <t>POINT (4.642390249918756 51.82908364350668)</t>
  </si>
  <si>
    <t>POINT (4.631697445000938 51.84904208700146)</t>
  </si>
  <si>
    <t>POINT (4.621375433791334 51.84237752452738)</t>
  </si>
  <si>
    <t>POINT (4.629605740789823 51.847419637232605)</t>
  </si>
  <si>
    <t>POINT (4.628647743596433 51.850874090601636)</t>
  </si>
  <si>
    <t>POINT (4.647952358396945 51.83226484096492)</t>
  </si>
  <si>
    <t>POINT (4.642458847456567 51.83809972137286)</t>
  </si>
  <si>
    <t>POINT (4.651625983920982 51.84363161207217)</t>
  </si>
  <si>
    <t>POINT (4.6435957683278 51.844821462507205)</t>
  </si>
  <si>
    <t>POINT (4.628517523969892 51.84740362192803)</t>
  </si>
  <si>
    <t>POINT (4.6270308211791225 51.84778051898173)</t>
  </si>
  <si>
    <t>POINT (4.6443868848624 51.8311233416172)</t>
  </si>
  <si>
    <t>POINT (4.627265373216665 51.84608585626419)</t>
  </si>
  <si>
    <t>POINT (4.623247520432276 51.842371743860895)</t>
  </si>
  <si>
    <t>POINT (4.646341320972462 51.83583217604035)</t>
  </si>
  <si>
    <t>POINT (4.649201045934778 51.842834380994184)</t>
  </si>
  <si>
    <t>POINT (4.647711695238485 51.832784668171094)</t>
  </si>
  <si>
    <t>POINT (4.625509703353091 51.84246734034861)</t>
  </si>
  <si>
    <t>POINT (4.634874100058353 51.84654565690664)</t>
  </si>
  <si>
    <t>POINT (4.645210127993478 51.849628078367566)</t>
  </si>
  <si>
    <t>POINT (4.641278138835154 51.84368317779452)</t>
  </si>
  <si>
    <t>POINT (4.641183361934017 51.83538603206249)</t>
  </si>
  <si>
    <t>POINT (4.644080937563877 51.84918469080253)</t>
  </si>
  <si>
    <t>POINT (4.6387175679180475 51.83173981737402)</t>
  </si>
  <si>
    <t>POINT (4.636506053265787 51.83483487142501)</t>
  </si>
  <si>
    <t>POINT (4.626583745001386 51.842456326210176)</t>
  </si>
  <si>
    <t>POINT (4.640830477209189 51.83654332810635)</t>
  </si>
  <si>
    <t>POINT (4.6452140208156365 51.847896833591975)</t>
  </si>
  <si>
    <t>POINT (4.651310960519382 51.84514872102413)</t>
  </si>
  <si>
    <t>POINT (4.651339450274414 51.83276692644197)</t>
  </si>
  <si>
    <t>POINT (4.6300784797824415 51.83656436308699)</t>
  </si>
  <si>
    <t>POINT (4.635289094049983 51.83733492463386)</t>
  </si>
  <si>
    <t>POINT (4.6556878003955235 51.836618897464426)</t>
  </si>
  <si>
    <t>POINT (4.645470114973916 51.83675250779629)</t>
  </si>
  <si>
    <t>POINT (4.633884766148323 51.83367651663638)</t>
  </si>
  <si>
    <t>POINT (4.646939098012497 51.835656173643656)</t>
  </si>
  <si>
    <t>POINT (4.635648667324015 51.833192672269455)</t>
  </si>
  <si>
    <t>POINT (4.645131859585513 51.850271683890874)</t>
  </si>
  <si>
    <t>POINT (4.653345783521014 51.831597566243815)</t>
  </si>
  <si>
    <t>POINT (4.646910886958449 51.85238389438409)</t>
  </si>
  <si>
    <t>POINT (4.621594312773475 51.838891341323944)</t>
  </si>
  <si>
    <t>POINT (4.644565966345829 51.85029398452302)</t>
  </si>
  <si>
    <t>POINT (4.6460695704289385 51.84529552583301)</t>
  </si>
  <si>
    <t>POINT (4.643761226351954 51.842710174192675)</t>
  </si>
  <si>
    <t>POINT (4.646983655163639 51.83559353391339)</t>
  </si>
  <si>
    <t>POINT (4.653163852930434 51.84245883308475)</t>
  </si>
  <si>
    <t>POINT (4.628719834109645 51.84487012264847)</t>
  </si>
  <si>
    <t>POINT (4.641013853046253 51.85000052874679)</t>
  </si>
  <si>
    <t>POINT (4.645183958389888 51.84443600934394)</t>
  </si>
  <si>
    <t>POINT (4.644294320818732 51.854380827504855)</t>
  </si>
  <si>
    <t>POINT (4.650314197455396 51.828899949969895)</t>
  </si>
  <si>
    <t>POINT (4.635062312750824 51.82658300476589)</t>
  </si>
  <si>
    <t>POINT (4.640940695116003 51.85003601844992)</t>
  </si>
  <si>
    <t>POINT (4.650448307057771 51.84191877350799)</t>
  </si>
  <si>
    <t>POINT (4.644189915472481 51.833538224280815)</t>
  </si>
  <si>
    <t>POINT (4.650901863679183 51.845316940695184)</t>
  </si>
  <si>
    <t>POINT (4.63889790096371 51.8271018981675)</t>
  </si>
  <si>
    <t>POINT (4.646983651667318 51.84265862583524)</t>
  </si>
  <si>
    <t>POINT (4.62669085135654 51.84556710306707)</t>
  </si>
  <si>
    <t>POINT (4.6444731291486745 51.85019837823583)</t>
  </si>
  <si>
    <t>POINT (4.6417210064281385 51.83972198787337)</t>
  </si>
  <si>
    <t>POINT (4.656475977707648 51.84702365345643)</t>
  </si>
  <si>
    <t>POINT (4.641577848990507 51.839604226027845)</t>
  </si>
  <si>
    <t>POINT (4.633690265959036 51.8487762439878)</t>
  </si>
  <si>
    <t>POINT (4.634003795076622 51.83783904004833)</t>
  </si>
  <si>
    <t>POINT (4.641112296738612 51.83880127653293)</t>
  </si>
  <si>
    <t>POINT (4.6516497834277155 51.834175687937936)</t>
  </si>
  <si>
    <t>POINT (4.63982442702738 51.829840361393224)</t>
  </si>
  <si>
    <t>POINT (4.644260501358664 51.83443476997887)</t>
  </si>
  <si>
    <t>POINT (4.647036213214006 51.828861348433904)</t>
  </si>
  <si>
    <t>POINT (4.625951175686326 51.846398256589126)</t>
  </si>
  <si>
    <t>POINT (4.640111182604226 51.83617021705241)</t>
  </si>
  <si>
    <t>POINT (4.625148343946202 51.84066725871982)</t>
  </si>
  <si>
    <t>POINT (4.627801433641833 51.83736762574824)</t>
  </si>
  <si>
    <t>POINT (4.646155822811714 51.83564224313539)</t>
  </si>
  <si>
    <t>POINT (4.650465452869905 51.85247815937755)</t>
  </si>
  <si>
    <t>POINT (4.652457029017073 51.84517387593261)</t>
  </si>
  <si>
    <t>POINT (4.636511883799854 51.839291755962684)</t>
  </si>
  <si>
    <t>POINT (4.644801038375496 51.84653693547981)</t>
  </si>
  <si>
    <t>POINT (4.630754630951498 51.84987196304577)</t>
  </si>
  <si>
    <t>POINT (4.642490406875913 51.85023461931941)</t>
  </si>
  <si>
    <t>POINT (4.652549714988154 51.84192915527436)</t>
  </si>
  <si>
    <t>POINT (4.645612959772895 51.849229675249134)</t>
  </si>
  <si>
    <t>POINT (4.644683354131436 51.84311151094431)</t>
  </si>
  <si>
    <t>POINT (4.6416444811711814 51.84522256649584)</t>
  </si>
  <si>
    <t>POINT (4.654221845632592 51.830362603472075)</t>
  </si>
  <si>
    <t>POINT (4.655083940940176 51.83177021576068)</t>
  </si>
  <si>
    <t>POINT (4.640452027778806 51.826985954186114)</t>
  </si>
  <si>
    <t>POINT (4.626169435025599 51.844646879284305)</t>
  </si>
  <si>
    <t>POINT (4.6486704910370955 51.829168268624464)</t>
  </si>
  <si>
    <t>POINT (4.643796335209693 51.83706551265469)</t>
  </si>
  <si>
    <t>POINT (4.6545022691128635 51.84430264990801)</t>
  </si>
  <si>
    <t>POINT (4.626153507300421 51.839577159522)</t>
  </si>
  <si>
    <t>POINT (4.621434848634554 51.842297013903774)</t>
  </si>
  <si>
    <t>POINT (4.636093357959174 51.82651769761721)</t>
  </si>
  <si>
    <t>POINT (4.639146245165758 51.83398881218381)</t>
  </si>
  <si>
    <t>POINT (4.643438902587525 51.84641146217756)</t>
  </si>
  <si>
    <t>POINT (4.628645575037365 51.84669434402506)</t>
  </si>
  <si>
    <t>POINT (4.649318807905725 51.840244040499854)</t>
  </si>
  <si>
    <t>POINT (4.654837239108099 51.82998892045037)</t>
  </si>
  <si>
    <t>POINT (4.627045987378771 51.84942807029746)</t>
  </si>
  <si>
    <t>POINT (4.657627283100513 51.83361758085137)</t>
  </si>
  <si>
    <t>POINT (4.646056042189873 51.8355337491691)</t>
  </si>
  <si>
    <t>POINT (4.6398469080375095 51.836357297110126)</t>
  </si>
  <si>
    <t>POINT (4.640540934932146 51.847885186990524)</t>
  </si>
  <si>
    <t>POINT (4.643190643594581 51.84985995272776)</t>
  </si>
  <si>
    <t>POINT (4.635275743420051 51.838134831502344)</t>
  </si>
  <si>
    <t>POINT (4.6441346144818505 51.843827132387354)</t>
  </si>
  <si>
    <t>POINT (4.6362144820778175 51.83752961029634)</t>
  </si>
  <si>
    <t>POINT (4.645428205397926 51.83489158797929)</t>
  </si>
  <si>
    <t>POINT (4.6520168604639505 51.84546774619818)</t>
  </si>
  <si>
    <t>POINT (4.655644882065543 51.85172852963977)</t>
  </si>
  <si>
    <t>POINT (4.642788284148647 51.837481592439794)</t>
  </si>
  <si>
    <t>POINT (4.644035784817812 51.83302746486592)</t>
  </si>
  <si>
    <t>POINT (4.627643282569105 51.8355598765916)</t>
  </si>
  <si>
    <t>POINT (4.626277473206634 51.845123979497245)</t>
  </si>
  <si>
    <t>POINT (4.6489343397821 51.8440551619892)</t>
  </si>
  <si>
    <t>POINT (4.643267731255114 51.833568931655044)</t>
  </si>
  <si>
    <t>POINT (4.62882185871942 51.83708658428476)</t>
  </si>
  <si>
    <t>POINT (4.630032711381875 51.839287638809935)</t>
  </si>
  <si>
    <t>POINT (4.6303625573594624 51.84383803707957)</t>
  </si>
  <si>
    <t>POINT (4.656982620024689 51.849697836065545)</t>
  </si>
  <si>
    <t>POINT (4.6472467526554055 51.8425434317246)</t>
  </si>
  <si>
    <t>POINT (4.648084452050537 51.8330566759536)</t>
  </si>
  <si>
    <t>POINT (4.637356133858213 51.84652557982762)</t>
  </si>
  <si>
    <t>POINT (4.636952060737642 51.82747907358014)</t>
  </si>
  <si>
    <t>POINT (4.646883843712641 51.8507568226431)</t>
  </si>
  <si>
    <t>POINT (4.6409630558769885 51.8340009059446)</t>
  </si>
  <si>
    <t>POINT (4.6523448770184554 51.831619681877605)</t>
  </si>
  <si>
    <t>POINT (4.6529580318642365 51.83273070702981)</t>
  </si>
  <si>
    <t>POINT (4.629130786185972 51.8351110687295)</t>
  </si>
  <si>
    <t>POINT (4.6501437089203685 51.83045392018271)</t>
  </si>
  <si>
    <t>POINT (4.626370571401571 51.84734478605598)</t>
  </si>
  <si>
    <t>POINT (4.654384052122341 51.834889167493834)</t>
  </si>
  <si>
    <t>POINT (4.6267061029716405 51.84122566948198)</t>
  </si>
  <si>
    <t>POINT (4.638751389462038 51.838543554542795)</t>
  </si>
  <si>
    <t>POINT (4.653076162812973 51.83122734489895)</t>
  </si>
  <si>
    <t>POINT (4.641406505002082 51.84732440238967)</t>
  </si>
  <si>
    <t>POINT (4.6417709625128305 51.85073341904595)</t>
  </si>
  <si>
    <t>POINT (4.634137719268424 51.835035430787435)</t>
  </si>
  <si>
    <t>POINT (4.647388103189374 51.8445398053416)</t>
  </si>
  <si>
    <t>POINT (4.6352597773399005 51.83735271421551)</t>
  </si>
  <si>
    <t>POINT (4.636469448859034 51.833179416599464)</t>
  </si>
  <si>
    <t>POINT (4.634678757371151 51.833915314987955)</t>
  </si>
  <si>
    <t>POINT (4.6473768556751 51.83285446773756)</t>
  </si>
  <si>
    <t>POINT (4.634881842194841 51.832989586799734)</t>
  </si>
  <si>
    <t>POINT (4.635080333121101 51.83940997193708)</t>
  </si>
  <si>
    <t>POINT (4.658075552949257 51.84594263620309)</t>
  </si>
  <si>
    <t>POINT (4.642065176576434 51.846987015166185)</t>
  </si>
  <si>
    <t>POINT (4.644296254219301 51.838425966565644)</t>
  </si>
  <si>
    <t>POINT (4.636909819623603 51.833260892038815)</t>
  </si>
  <si>
    <t>POINT (4.633353168345699 51.83770003371119)</t>
  </si>
  <si>
    <t>POINT (4.642342792117602 51.83546530383028)</t>
  </si>
  <si>
    <t>POINT (4.634793037906537 51.8461855906911)</t>
  </si>
  <si>
    <t>POINT (4.645466408636259 51.83609631140485)</t>
  </si>
  <si>
    <t>POINT (4.631346376580231 51.847475798921224)</t>
  </si>
  <si>
    <t>POINT (4.65034633535571 51.840651981735874)</t>
  </si>
  <si>
    <t>POINT (4.640980445301206 51.83975323771655)</t>
  </si>
  <si>
    <t>POINT (4.653745090848691 51.832022529326956)</t>
  </si>
  <si>
    <t>POINT (4.647195725916008 51.840401560953566)</t>
  </si>
  <si>
    <t>POINT (4.646862178528977 51.85124125537369)</t>
  </si>
  <si>
    <t>POINT (4.626575067124775 51.84554837567426)</t>
  </si>
  <si>
    <t>POINT (4.642618940479039 51.84509392034038)</t>
  </si>
  <si>
    <t>POINT (4.639558532079927 51.845865474741196)</t>
  </si>
  <si>
    <t>POINT (4.6293910113328645 51.83602959485995)</t>
  </si>
  <si>
    <t>POINT (4.6416698932239076 51.84018008548537)</t>
  </si>
  <si>
    <t>POINT (4.62534393674503 51.845955131105846)</t>
  </si>
  <si>
    <t>POINT (4.628045259308438 51.8358141600472)</t>
  </si>
  <si>
    <t>POINT (4.637128320552544 51.839218510301734)</t>
  </si>
  <si>
    <t>POINT (4.6298720385499665 51.835897868795136)</t>
  </si>
  <si>
    <t>POINT (4.647616883412527 51.83148970185399)</t>
  </si>
  <si>
    <t>POINT (4.646809513555612 51.838244093139195)</t>
  </si>
  <si>
    <t>POINT (4.638557121239568 51.83975578684215)</t>
  </si>
  <si>
    <t>POINT (4.634777854955025 51.83493167133042)</t>
  </si>
  <si>
    <t>POINT (4.643330608035152 51.84769615465729)</t>
  </si>
  <si>
    <t>POINT (4.6292684873148895 51.84848711269485)</t>
  </si>
  <si>
    <t>POINT (4.633516577292499 51.847013350131895)</t>
  </si>
  <si>
    <t>POINT (4.639809812636873 51.841393971818654)</t>
  </si>
  <si>
    <t>POINT (4.644892924366919 51.830393866676296)</t>
  </si>
  <si>
    <t>POINT (4.639218781556438 51.83398927439423)</t>
  </si>
  <si>
    <t>POINT (4.642035538195397 51.840883523088024)</t>
  </si>
  <si>
    <t>POINT (4.649036502768447 51.84401984971174)</t>
  </si>
  <si>
    <t>POINT (4.651895155942494 51.829808731488626)</t>
  </si>
  <si>
    <t>POINT (4.640742484794438 51.84623255445019)</t>
  </si>
  <si>
    <t>POINT (4.656573992902114 51.848310503113964)</t>
  </si>
  <si>
    <t>POINT (4.624503645729215 51.84274844681006)</t>
  </si>
  <si>
    <t>POINT (4.626402946158967 51.84285065670539)</t>
  </si>
  <si>
    <t>POINT (4.641914411105608 51.830662631091116)</t>
  </si>
  <si>
    <t>POINT (4.649061047965732 51.84003796401704)</t>
  </si>
  <si>
    <t>POINT (4.633605148687626 51.83651514567491)</t>
  </si>
  <si>
    <t>POINT (4.639362471146357 51.840192375968314)</t>
  </si>
  <si>
    <t>POINT (4.639139426847409 51.83964264594097)</t>
  </si>
  <si>
    <t>POINT (4.649511549650874 51.839825229485946)</t>
  </si>
  <si>
    <t>POINT (4.646228662271664 51.84797515034848)</t>
  </si>
  <si>
    <t>POINT (4.6479728312851964 51.828363884804475)</t>
  </si>
  <si>
    <t>POINT (4.630870493160665 51.83519419974799)</t>
  </si>
  <si>
    <t>POINT (4.627897487918608 51.835112086717686)</t>
  </si>
  <si>
    <t>POINT (4.649402210505768 51.84384237522455)</t>
  </si>
  <si>
    <t>POINT (4.62722659153393 51.84477956843138)</t>
  </si>
  <si>
    <t>POINT (4.615472922998821 51.833691748518746)</t>
  </si>
  <si>
    <t>POINT (4.645981285276781 51.83566810724513)</t>
  </si>
  <si>
    <t>POINT (4.642834547877209 51.85048848389081)</t>
  </si>
  <si>
    <t>POINT (4.640040976802742 51.84565281786209)</t>
  </si>
  <si>
    <t>POINT (4.627328962721565 51.83527020441347)</t>
  </si>
  <si>
    <t>POINT (4.634866751280429 51.83655919233514)</t>
  </si>
  <si>
    <t>POINT (4.65394652129219 51.83034290659663)</t>
  </si>
  <si>
    <t>POINT (4.641919297811688 51.85141749864382)</t>
  </si>
  <si>
    <t>POINT (4.64980154501743 51.849588635048576)</t>
  </si>
  <si>
    <t>POINT (4.646939530584379 51.84269430230364)</t>
  </si>
  <si>
    <t>POINT (4.62218291634267 51.83926371465816)</t>
  </si>
  <si>
    <t>POINT (4.62644161099775 51.84743513312437)</t>
  </si>
  <si>
    <t>POINT (4.65201730056643 51.845440782988135)</t>
  </si>
  <si>
    <t>POINT (4.657402816774005 51.83439347123955)</t>
  </si>
  <si>
    <t>POINT (4.640237109855977 51.84119091360654)</t>
  </si>
  <si>
    <t>POINT (4.647684712995208 51.850339357619184)</t>
  </si>
  <si>
    <t>POINT (4.624599421557995 51.840519875405334)</t>
  </si>
  <si>
    <t>POINT (4.6472604521053995 51.85054342386755)</t>
  </si>
  <si>
    <t>POINT (4.640083982089863 51.832701501958944)</t>
  </si>
  <si>
    <t>POINT (4.63235932684164 51.8476531001949)</t>
  </si>
  <si>
    <t>POINT (4.625280363381102 51.84916241768924)</t>
  </si>
  <si>
    <t>POINT (4.645930991789803 51.837843047845986)</t>
  </si>
  <si>
    <t>POINT (4.644286421028 51.84214235888268)</t>
  </si>
  <si>
    <t>POINT (4.643194784248925 51.84923505147469)</t>
  </si>
  <si>
    <t>POINT (4.634908674017278 51.83578643447659)</t>
  </si>
  <si>
    <t>POINT (4.631215951925722 51.848328882966854)</t>
  </si>
  <si>
    <t>POINT (4.617382165997056 51.84970588793868)</t>
  </si>
  <si>
    <t>POINT (4.646889849804536 51.836887310843075)</t>
  </si>
  <si>
    <t>POINT (4.64844902384894 51.842676844218005)</t>
  </si>
  <si>
    <t>POINT (4.63376557494091 51.83906896043869)</t>
  </si>
  <si>
    <t>POINT (4.627332208870765 51.83679830227645)</t>
  </si>
  <si>
    <t>POINT (4.649430348203049 51.84389648399603)</t>
  </si>
  <si>
    <t>POINT (4.635714933333579 51.83703203627204)</t>
  </si>
  <si>
    <t>POINT (4.628932341444433 51.83655696554247)</t>
  </si>
  <si>
    <t>POINT (4.63050382818398 51.84925012881291)</t>
  </si>
  <si>
    <t>POINT (4.639500355788435 51.83625621493109)</t>
  </si>
  <si>
    <t>POINT (4.641214751540432 51.83874799557659)</t>
  </si>
  <si>
    <t>POINT (4.640581206594669 51.82882046756657)</t>
  </si>
  <si>
    <t>POINT (4.6278153711766885 51.83654075680114)</t>
  </si>
  <si>
    <t>POINT (4.657393421126899 51.833817131662855)</t>
  </si>
  <si>
    <t>POINT (4.623867446803122 51.8417555569319)</t>
  </si>
  <si>
    <t>POINT (4.651738817495318 51.82961000125022)</t>
  </si>
  <si>
    <t>POINT (4.634373475679824 51.845239090857575)</t>
  </si>
  <si>
    <t>POINT (4.65373433026617 51.83516221238052)</t>
  </si>
  <si>
    <t>POINT (4.649117530507211 51.83110364544897)</t>
  </si>
  <si>
    <t>POINT (4.62838176711769 51.8373713783508)</t>
  </si>
  <si>
    <t>POINT (4.647258586122904 51.839172757132125)</t>
  </si>
  <si>
    <t>POINT (4.649289120369188 51.8354947551665)</t>
  </si>
  <si>
    <t>POINT (4.656133459526279 51.84756084027676)</t>
  </si>
  <si>
    <t>POINT (4.642726648130024 51.84953157736097)</t>
  </si>
  <si>
    <t>POINT (4.6225094923090495 51.83903450943504)</t>
  </si>
  <si>
    <t>POINT (4.6396743885005 51.838010114910105)</t>
  </si>
  <si>
    <t>POINT (4.653288859681939 51.84335813870807)</t>
  </si>
  <si>
    <t>POINT (4.628682053881707 51.837633990816265)</t>
  </si>
  <si>
    <t>POINT (4.6260931628182 51.83627792040812)</t>
  </si>
  <si>
    <t>POINT (4.64498451772369 51.842448254060045)</t>
  </si>
  <si>
    <t>POINT (4.627838323576909 51.848091359109965)</t>
  </si>
  <si>
    <t>POINT (4.642411336283943 51.83044106810139)</t>
  </si>
  <si>
    <t>POINT (4.648078674252872 51.851096884994774)</t>
  </si>
  <si>
    <t>POINT (4.637748258133496 51.82644737775989)</t>
  </si>
  <si>
    <t>POINT (4.640417384595482 51.841331663485754)</t>
  </si>
  <si>
    <t>POINT (4.628240771818474 51.83712777239778)</t>
  </si>
  <si>
    <t>POINT (4.626078933327781 51.84227328100871)</t>
  </si>
  <si>
    <t>POINT (4.622848845972768 51.841065789635614)</t>
  </si>
  <si>
    <t>POINT (4.64354981679268 51.82914492762136)</t>
  </si>
  <si>
    <t>POINT (4.649625910665451 51.839412082976054)</t>
  </si>
  <si>
    <t>POINT (4.650438048176391 51.84042196218478)</t>
  </si>
  <si>
    <t>POINT (4.638957144046402 51.83227076908472)</t>
  </si>
  <si>
    <t>POINT (4.665340775345946 51.829982073756625)</t>
  </si>
  <si>
    <t>POINT (4.626790511252448 51.844821688303064)</t>
  </si>
  <si>
    <t>POINT (4.6290541866156945 51.84483632744533)</t>
  </si>
  <si>
    <t>POINT (4.634787587791603 51.84477433451823)</t>
  </si>
  <si>
    <t>POINT (4.627346306371412 51.835962445638124)</t>
  </si>
  <si>
    <t>POINT (4.624035973837294 51.842943158756945)</t>
  </si>
  <si>
    <t>POINT (4.656574094082465 51.850107864645246)</t>
  </si>
  <si>
    <t>POINT (4.653184006596554 51.8352168664102)</t>
  </si>
  <si>
    <t>POINT (4.64502226284517 51.84632260622866)</t>
  </si>
  <si>
    <t>POINT (4.636949893200518 51.82647823217109)</t>
  </si>
  <si>
    <t>POINT (4.636538238843698 51.847706857587575)</t>
  </si>
  <si>
    <t>POINT (4.655744533513717 51.83218781257872)</t>
  </si>
  <si>
    <t>POINT (4.633426270624215 51.84807343338643)</t>
  </si>
  <si>
    <t>POINT (4.630418265437983 51.84915969066754)</t>
  </si>
  <si>
    <t>POINT (4.64530427586618 51.839101160958855)</t>
  </si>
  <si>
    <t>POINT (4.647683215139117 51.82921598484887)</t>
  </si>
  <si>
    <t>POINT (4.650689490053046 51.84499201703266)</t>
  </si>
  <si>
    <t>POINT (4.629255656480831 51.84666232925443)</t>
  </si>
  <si>
    <t>POINT (4.65003714151656 51.844062091266764)</t>
  </si>
  <si>
    <t>POINT (4.641373388558826 51.84669498563456)</t>
  </si>
  <si>
    <t>POINT (4.647997285433031 51.83571677367013)</t>
  </si>
  <si>
    <t>POINT (4.645774333651201 51.84648016498217)</t>
  </si>
  <si>
    <t>POINT (4.625830859296851 51.85209562173395)</t>
  </si>
  <si>
    <t>POINT (4.637655642759048 51.82848520495124)</t>
  </si>
  <si>
    <t>POINT (4.638703137784836 51.835334289488486)</t>
  </si>
  <si>
    <t>POINT (4.6339303508927125 51.83789250089435)</t>
  </si>
  <si>
    <t>POINT (4.6401893522741755 51.82795506075548)</t>
  </si>
  <si>
    <t>POINT (4.650419639287104 51.83309832189343)</t>
  </si>
  <si>
    <t>POINT (4.622663217951576 51.83832303123556)</t>
  </si>
  <si>
    <t>POINT (4.651822785324179 51.83169381376532)</t>
  </si>
  <si>
    <t>POINT (4.650467946257544 51.831031230692034)</t>
  </si>
  <si>
    <t>POINT (4.643379556258566 51.84561109529065)</t>
  </si>
  <si>
    <t>POINT (4.655070505822572 51.83259708934384)</t>
  </si>
  <si>
    <t>POINT (4.629318018220269 51.836056089697955)</t>
  </si>
  <si>
    <t>POINT (4.649308044831812 51.832758758921415)</t>
  </si>
  <si>
    <t>POINT (4.643886995114164 51.83369352747746)</t>
  </si>
  <si>
    <t>POINT (4.648743934504853 51.84416182847439)</t>
  </si>
  <si>
    <t>POINT (4.622721158389984 51.84089417320933)</t>
  </si>
  <si>
    <t>POINT (4.643853923453503 51.83709284333281)</t>
  </si>
  <si>
    <t>POINT (4.643450420792685 51.85180352588481)</t>
  </si>
  <si>
    <t>POINT (4.6563363315694986 51.84758008055481)</t>
  </si>
  <si>
    <t>POINT (4.641398746293143 51.83552223074988)</t>
  </si>
  <si>
    <t>POINT (4.636807671627189 51.84808610380769)</t>
  </si>
  <si>
    <t>POINT (4.64044389363594 51.84410933063713)</t>
  </si>
  <si>
    <t>POINT (4.650034788067315 51.84420589502541)</t>
  </si>
  <si>
    <t>POINT (4.635311727296256 51.839456397526305)</t>
  </si>
  <si>
    <t>POINT (4.625276327613737 51.84253773548489)</t>
  </si>
  <si>
    <t>POINT (4.656215017223414 51.849286152824156)</t>
  </si>
  <si>
    <t>POINT (4.648211384522399 51.85362353119593)</t>
  </si>
  <si>
    <t>POINT (4.645250414225823 51.83511518123151)</t>
  </si>
  <si>
    <t>POINT (4.646765396676989 51.83827976956951)</t>
  </si>
  <si>
    <t>POINT (4.6369926597470865 51.83897466159865)</t>
  </si>
  <si>
    <t>POINT (4.644482509101222 51.849629617381154)</t>
  </si>
  <si>
    <t>POINT (4.634959052168621 51.83624518001635)</t>
  </si>
  <si>
    <t>POINT (4.644587815854033 51.85030683267144)</t>
  </si>
  <si>
    <t>POINT (4.642376520485043 51.85273274361017)</t>
  </si>
  <si>
    <t>POINT (4.6330827384317175 51.846920677772665)</t>
  </si>
  <si>
    <t>POINT (4.64184232603785 51.83063520734788)</t>
  </si>
  <si>
    <t>POINT (4.642735527042408 51.846820482905166)</t>
  </si>
  <si>
    <t>POINT (4.641623270289677 51.83226891094671)</t>
  </si>
  <si>
    <t>POINT (4.624111355994912 51.844489702015494)</t>
  </si>
  <si>
    <t>POINT (4.632660804117294 51.834855162088665)</t>
  </si>
  <si>
    <t>POINT (4.64736830981759 51.83072409808091)</t>
  </si>
  <si>
    <t>POINT (4.65244472115502 51.84414909215228)</t>
  </si>
  <si>
    <t>POINT (4.645930843906951 51.83785203558113)</t>
  </si>
  <si>
    <t>POINT (4.64538587208742 51.83570030097115)</t>
  </si>
  <si>
    <t>POINT (4.632836338158376 51.83390348969109)</t>
  </si>
  <si>
    <t>POINT (4.644659475055599 51.85028726811733)</t>
  </si>
  <si>
    <t>POINT (4.637931557224668 51.83723496696327)</t>
  </si>
  <si>
    <t>POINT (4.633349124894454 51.83447307093407)</t>
  </si>
  <si>
    <t>POINT (4.641660813982548 51.833639635154)</t>
  </si>
  <si>
    <t>POINT (4.621837758690177 51.8399356165817)</t>
  </si>
  <si>
    <t>POINT (4.6423005954976455 51.828363980031085)</t>
  </si>
  <si>
    <t>POINT (4.644185514975085 51.83106354188427)</t>
  </si>
  <si>
    <t>POINT (4.636906309050495 51.82752945936033)</t>
  </si>
  <si>
    <t>POINT (4.639265748297021 51.826789638669595)</t>
  </si>
  <si>
    <t>POINT (4.630036343952422 51.839934847272836)</t>
  </si>
  <si>
    <t>POINT (4.648687121771512 51.833161942142084)</t>
  </si>
  <si>
    <t>POINT (4.638367989735596 51.829309735429916)</t>
  </si>
  <si>
    <t>POINT (4.633624016407714 51.83625459503323)</t>
  </si>
  <si>
    <t>3355SG</t>
  </si>
  <si>
    <t>Bosbesplein</t>
  </si>
  <si>
    <t>3355SE-3355SG</t>
  </si>
  <si>
    <t>POINT (4.6932679072366446 51.836344972204195)</t>
  </si>
  <si>
    <t>BU05900503</t>
  </si>
  <si>
    <t>Westdonk</t>
  </si>
  <si>
    <t>WK059005</t>
  </si>
  <si>
    <t>Wilgendonk</t>
  </si>
  <si>
    <t>GM0590</t>
  </si>
  <si>
    <t>Papendrecht</t>
  </si>
  <si>
    <t>3352VB</t>
  </si>
  <si>
    <t>Lage Molen</t>
  </si>
  <si>
    <t>POINT (4.687021882192979 51.84366009183656)</t>
  </si>
  <si>
    <t>BU05900202</t>
  </si>
  <si>
    <t>Achterdijk</t>
  </si>
  <si>
    <t>WK059002</t>
  </si>
  <si>
    <t>Molenvliet</t>
  </si>
  <si>
    <t>3352BC</t>
  </si>
  <si>
    <t>Stellingmolen</t>
  </si>
  <si>
    <t>3352BC-3352BG</t>
  </si>
  <si>
    <t>POINT (4.694046307334179 51.83891053887941)</t>
  </si>
  <si>
    <t>BU05900201</t>
  </si>
  <si>
    <t>Molenbuurt</t>
  </si>
  <si>
    <t>3354XJ</t>
  </si>
  <si>
    <t>Karel Doormanlaan</t>
  </si>
  <si>
    <t>POINT (4.69800046782095 51.82531624873492)</t>
  </si>
  <si>
    <t>BU05900402</t>
  </si>
  <si>
    <t>Zeeheldenbuurt</t>
  </si>
  <si>
    <t>WK059004</t>
  </si>
  <si>
    <t>Middenpolder</t>
  </si>
  <si>
    <t>3353HH</t>
  </si>
  <si>
    <t>Meentpassage</t>
  </si>
  <si>
    <t>3353GE-3353SC</t>
  </si>
  <si>
    <t>POINT (4.683866455493074 51.82619716734848)</t>
  </si>
  <si>
    <t>BU05900107</t>
  </si>
  <si>
    <t>WK059001</t>
  </si>
  <si>
    <t>Westpolder</t>
  </si>
  <si>
    <t>3355EE</t>
  </si>
  <si>
    <t>Kalmoesdreef</t>
  </si>
  <si>
    <t>3355EE-3355EG</t>
  </si>
  <si>
    <t>POINT (4.7058353167383755 51.83903607143508)</t>
  </si>
  <si>
    <t>BU05900501</t>
  </si>
  <si>
    <t>Oostdonk</t>
  </si>
  <si>
    <t>3355EG</t>
  </si>
  <si>
    <t>Zwanebloemplein</t>
  </si>
  <si>
    <t>POINT (4.706658804886256 51.83893925848281)</t>
  </si>
  <si>
    <t>3351HG</t>
  </si>
  <si>
    <t>POINT (4.683672238320398 51.831240647663165)</t>
  </si>
  <si>
    <t>BU05900105</t>
  </si>
  <si>
    <t>Erasmusbuurt</t>
  </si>
  <si>
    <t>3351GZ</t>
  </si>
  <si>
    <t>van der Palmpad</t>
  </si>
  <si>
    <t>3351GZ-3351HB</t>
  </si>
  <si>
    <t>POINT (4.681273908237957 51.83295050513446)</t>
  </si>
  <si>
    <t>BU05900103</t>
  </si>
  <si>
    <t>3353EM</t>
  </si>
  <si>
    <t>3353EA-3353EM</t>
  </si>
  <si>
    <t>POINT (4.6949527583294985 51.83261707795839)</t>
  </si>
  <si>
    <t>BU05900301</t>
  </si>
  <si>
    <t>Kraaihoek Noord</t>
  </si>
  <si>
    <t>WK059003</t>
  </si>
  <si>
    <t>Kraaihoek</t>
  </si>
  <si>
    <t>3355RA</t>
  </si>
  <si>
    <t>Hazelaarhof</t>
  </si>
  <si>
    <t>POINT (4.706119665667122 51.83394297160457)</t>
  </si>
  <si>
    <t>3353VL</t>
  </si>
  <si>
    <t>POINT (4.690984656401451 51.82909182616428)</t>
  </si>
  <si>
    <t>BU05900302</t>
  </si>
  <si>
    <t>Kraaihoek Zuid</t>
  </si>
  <si>
    <t>3356MC</t>
  </si>
  <si>
    <t>Steilsteven</t>
  </si>
  <si>
    <t>POINT (4.715181002396545 51.83203046151464)</t>
  </si>
  <si>
    <t>BU05900702</t>
  </si>
  <si>
    <t>Zuidkil Kwartier</t>
  </si>
  <si>
    <t>WK059007</t>
  </si>
  <si>
    <t>Oostpolder</t>
  </si>
  <si>
    <t>3351RH</t>
  </si>
  <si>
    <t>3351RH-3351RL</t>
  </si>
  <si>
    <t>POINT (4.677462414078091 51.83529470053607)</t>
  </si>
  <si>
    <t>BU05900101</t>
  </si>
  <si>
    <t>3353SC</t>
  </si>
  <si>
    <t>Pontonniersweg</t>
  </si>
  <si>
    <t>POINT (4.686360062491901 51.823893155283926)</t>
  </si>
  <si>
    <t>BU05900303</t>
  </si>
  <si>
    <t>Pontonniersbuurt</t>
  </si>
  <si>
    <t>3351BB</t>
  </si>
  <si>
    <t>Anton Mauvestraat</t>
  </si>
  <si>
    <t>POINT (4.679601025975038 51.83598743070588)</t>
  </si>
  <si>
    <t>BU05900102</t>
  </si>
  <si>
    <t>3354XM</t>
  </si>
  <si>
    <t>Kerkbuurt</t>
  </si>
  <si>
    <t>POINT (4.694873427918581 51.82503729224161)</t>
  </si>
  <si>
    <t>3351ER</t>
  </si>
  <si>
    <t>P.C. Hooftlaan</t>
  </si>
  <si>
    <t>POINT (4.684113355295614 51.82733598920559)</t>
  </si>
  <si>
    <t>3351TD</t>
  </si>
  <si>
    <t>Staringlaan</t>
  </si>
  <si>
    <t>3351TD-3351TE</t>
  </si>
  <si>
    <t>POINT (4.680013150306549 51.831517074798256)</t>
  </si>
  <si>
    <t>3355AE</t>
  </si>
  <si>
    <t>Haagbeukhof</t>
  </si>
  <si>
    <t>POINT (4.698806151752757 51.83464894846247)</t>
  </si>
  <si>
    <t>BU05900502</t>
  </si>
  <si>
    <t>Zuiddonk</t>
  </si>
  <si>
    <t>3353CL</t>
  </si>
  <si>
    <t>3353CG-3353EK</t>
  </si>
  <si>
    <t>POINT (4.693463435732389 51.83134508609217)</t>
  </si>
  <si>
    <t>3351VD</t>
  </si>
  <si>
    <t>POINT (4.685170581145395 51.83455015712318)</t>
  </si>
  <si>
    <t>3356EN</t>
  </si>
  <si>
    <t>3356EN-3356ER</t>
  </si>
  <si>
    <t>POINT (4.726377371005968 51.83297945506879)</t>
  </si>
  <si>
    <t>BU05900703</t>
  </si>
  <si>
    <t>Noordkil Kwartier</t>
  </si>
  <si>
    <t>3351VC</t>
  </si>
  <si>
    <t>POINT (4.685285926633486 51.83477371116765)</t>
  </si>
  <si>
    <t>3354VK</t>
  </si>
  <si>
    <t>POINT (4.701245971862476 51.83143463202034)</t>
  </si>
  <si>
    <t>BU05900401</t>
  </si>
  <si>
    <t>3356DJ</t>
  </si>
  <si>
    <t>Zaling</t>
  </si>
  <si>
    <t>3351BJ</t>
  </si>
  <si>
    <t>3351BH-3351BJ</t>
  </si>
  <si>
    <t>POINT (4.680451064092882 51.83632472648596)</t>
  </si>
  <si>
    <t>3354XT</t>
  </si>
  <si>
    <t>Trompstraat</t>
  </si>
  <si>
    <t>3354XS</t>
  </si>
  <si>
    <t>POINT (4.697266536872783 51.82613514350948)</t>
  </si>
  <si>
    <t>3356CD</t>
  </si>
  <si>
    <t>POINT (4.719060234168231 51.83469251553211)</t>
  </si>
  <si>
    <t>3355CH</t>
  </si>
  <si>
    <t>Iepenzoom</t>
  </si>
  <si>
    <t>POINT (4.699476983037617 51.83886681060666)</t>
  </si>
  <si>
    <t>3352TC</t>
  </si>
  <si>
    <t>Watermolen</t>
  </si>
  <si>
    <t>POINT (4.693863993747418 51.842666195285325)</t>
  </si>
  <si>
    <t>3351XB</t>
  </si>
  <si>
    <t>Constantijn Huygenslaan</t>
  </si>
  <si>
    <t>POINT (4.684505394767138 51.828453441382656)</t>
  </si>
  <si>
    <t>BU05900104</t>
  </si>
  <si>
    <t>Den Briel</t>
  </si>
  <si>
    <t>3351BH</t>
  </si>
  <si>
    <t>POINT (4.680702855467977 51.836895124134706)</t>
  </si>
  <si>
    <t>3353GN</t>
  </si>
  <si>
    <t>Merwedesingel</t>
  </si>
  <si>
    <t>POINT (4.693824149535205 51.823999957347134)</t>
  </si>
  <si>
    <t>BU05900304</t>
  </si>
  <si>
    <t>Het Zand</t>
  </si>
  <si>
    <t>3355AD</t>
  </si>
  <si>
    <t>Elzenzoom</t>
  </si>
  <si>
    <t>POINT (4.699096185238509 51.83652432806684)</t>
  </si>
  <si>
    <t>3355SK</t>
  </si>
  <si>
    <t>De Wederik</t>
  </si>
  <si>
    <t>3355SK-3356AA</t>
  </si>
  <si>
    <t>POINT (4.693320055119067 51.83575986889593)</t>
  </si>
  <si>
    <t>3353BA</t>
  </si>
  <si>
    <t>POINT (4.689438612838093 51.82781857340216)</t>
  </si>
  <si>
    <t>3353HC</t>
  </si>
  <si>
    <t>De Overtoom</t>
  </si>
  <si>
    <t>POINT (4.685525311169948 51.82587328420235)</t>
  </si>
  <si>
    <t>3353GV</t>
  </si>
  <si>
    <t>POINT (4.68501508850262 51.827260417275674)</t>
  </si>
  <si>
    <t>3351GP</t>
  </si>
  <si>
    <t>Pieter Langendijkstraat</t>
  </si>
  <si>
    <t>POINT (4.681741303209016 51.83020991747586)</t>
  </si>
  <si>
    <t>3352CB</t>
  </si>
  <si>
    <t>Grondmolen</t>
  </si>
  <si>
    <t>POINT (4.69057384701121 51.84397266766058)</t>
  </si>
  <si>
    <t>3354AS</t>
  </si>
  <si>
    <t>De Savornin Lohmanlaan</t>
  </si>
  <si>
    <t>POINT (4.701613838490051 51.82820751658679)</t>
  </si>
  <si>
    <t>3351AK</t>
  </si>
  <si>
    <t>Veerdam</t>
  </si>
  <si>
    <t>POINT (4.681077119685701 51.822619843830594)</t>
  </si>
  <si>
    <t>BU05900106</t>
  </si>
  <si>
    <t>Het Eiland</t>
  </si>
  <si>
    <t>3353VC</t>
  </si>
  <si>
    <t>3353VB-3353VC</t>
  </si>
  <si>
    <t>POINT (4.689298335015177 51.82973215838723)</t>
  </si>
  <si>
    <t>3353GP</t>
  </si>
  <si>
    <t>Middenstraat</t>
  </si>
  <si>
    <t>POINT (4.692746602665611 51.82423652295794)</t>
  </si>
  <si>
    <t>3356EW</t>
  </si>
  <si>
    <t>Blankvoorn</t>
  </si>
  <si>
    <t>POINT (4.730036811615567 51.832803731581826)</t>
  </si>
  <si>
    <t>3352AK</t>
  </si>
  <si>
    <t>Trasmolen</t>
  </si>
  <si>
    <t>POINT (4.68394081743156 51.83975195446007)</t>
  </si>
  <si>
    <t>3352CJ</t>
  </si>
  <si>
    <t>Standerdmolen</t>
  </si>
  <si>
    <t>POINT (4.692893315613297 51.84134161209791)</t>
  </si>
  <si>
    <t>3353XB</t>
  </si>
  <si>
    <t>Trompetnarcis</t>
  </si>
  <si>
    <t>3353XA-3353XB</t>
  </si>
  <si>
    <t>POINT (4.691513662137248 51.83348949843281)</t>
  </si>
  <si>
    <t>3356BZ</t>
  </si>
  <si>
    <t>Tinbergenplantsoen</t>
  </si>
  <si>
    <t>POINT (4.708706302507178 51.83011906215723)</t>
  </si>
  <si>
    <t>BU05900601</t>
  </si>
  <si>
    <t>De Kooy</t>
  </si>
  <si>
    <t>WK059006</t>
  </si>
  <si>
    <t>De Kooy-Oosteind</t>
  </si>
  <si>
    <t>3353GA</t>
  </si>
  <si>
    <t>Boomgaardstraat</t>
  </si>
  <si>
    <t>POINT (4.686796933271008 51.8256847467559)</t>
  </si>
  <si>
    <t>3356EJ</t>
  </si>
  <si>
    <t>Pieter de Koninghof</t>
  </si>
  <si>
    <t>POINT (4.724041317525965 51.833890490462174)</t>
  </si>
  <si>
    <t>3356GB</t>
  </si>
  <si>
    <t>Reynier van Hemertenlaan</t>
  </si>
  <si>
    <t>POINT (4.734361413338745 51.830691171431084)</t>
  </si>
  <si>
    <t>BU05900704</t>
  </si>
  <si>
    <t>Land van Matena</t>
  </si>
  <si>
    <t>3355EH</t>
  </si>
  <si>
    <t>POINT (4.706922955704674 51.83853340729722)</t>
  </si>
  <si>
    <t>3353TJ</t>
  </si>
  <si>
    <t>Vrijheer van Eslaan</t>
  </si>
  <si>
    <t>3353TB-3353TM</t>
  </si>
  <si>
    <t>POINT (4.693585463330073 51.83008200491959)</t>
  </si>
  <si>
    <t>3355RJ</t>
  </si>
  <si>
    <t>Dennenhof</t>
  </si>
  <si>
    <t>POINT (4.708375410190853 51.83717078084291)</t>
  </si>
  <si>
    <t>3353CW</t>
  </si>
  <si>
    <t>Lange Tiendweg</t>
  </si>
  <si>
    <t>3353CT-3353CW</t>
  </si>
  <si>
    <t>POINT (4.696346647198195 51.83278143099218)</t>
  </si>
  <si>
    <t>3356MG</t>
  </si>
  <si>
    <t>Zeeuwse schouw</t>
  </si>
  <si>
    <t>3356ME-3356MG</t>
  </si>
  <si>
    <t>POINT (4.714537970502292 51.83240203540568)</t>
  </si>
  <si>
    <t>3353TM</t>
  </si>
  <si>
    <t>POINT (4.694493499381494 51.830075501901476)</t>
  </si>
  <si>
    <t>3351SC</t>
  </si>
  <si>
    <t>Randwijk</t>
  </si>
  <si>
    <t>POINT (4.680164787718068 51.83823051799533)</t>
  </si>
  <si>
    <t>3356XS</t>
  </si>
  <si>
    <t>Zernikelaan</t>
  </si>
  <si>
    <t>3356XA-3361AH</t>
  </si>
  <si>
    <t>POINT (4.706488890554217 51.828173480771554)</t>
  </si>
  <si>
    <t>3352TA</t>
  </si>
  <si>
    <t>Spinbolmolen</t>
  </si>
  <si>
    <t>POINT (4.696030878322434 51.841333069213235)</t>
  </si>
  <si>
    <t>3356BN</t>
  </si>
  <si>
    <t>Henri Dunantsingel</t>
  </si>
  <si>
    <t>POINT (4.710583002774349 51.82929397053377)</t>
  </si>
  <si>
    <t>3352TE</t>
  </si>
  <si>
    <t>Weidemolen</t>
  </si>
  <si>
    <t>POINT (4.693480999942138 51.84197019095593)</t>
  </si>
  <si>
    <t>3355AC</t>
  </si>
  <si>
    <t>POINT (4.699234099288062 51.835610166138395)</t>
  </si>
  <si>
    <t>3354VH</t>
  </si>
  <si>
    <t>P.J. Oudstraat</t>
  </si>
  <si>
    <t>POINT (4.704400921967759 51.830396538251435)</t>
  </si>
  <si>
    <t>3355AB</t>
  </si>
  <si>
    <t>Appeldreef</t>
  </si>
  <si>
    <t>POINT (4.7000656968842165 51.8365253955493)</t>
  </si>
  <si>
    <t>3353EL</t>
  </si>
  <si>
    <t>3353CK-3353TA</t>
  </si>
  <si>
    <t>POINT (4.694059311450452 51.83158979814726)</t>
  </si>
  <si>
    <t>3353HD</t>
  </si>
  <si>
    <t>Brederodehuis</t>
  </si>
  <si>
    <t>POINT (4.685420454113826 51.82586253610444)</t>
  </si>
  <si>
    <t>3353EC</t>
  </si>
  <si>
    <t>Meidoornstraat</t>
  </si>
  <si>
    <t>POINT (4.691259855647041 51.83144786122364)</t>
  </si>
  <si>
    <t>POINT (4.677437082724886 51.835313935891534)</t>
  </si>
  <si>
    <t>POINT (4.68124928379585 51.82270299084134)</t>
  </si>
  <si>
    <t>3353XD</t>
  </si>
  <si>
    <t>POINT (4.691867351080617 51.83345855172488)</t>
  </si>
  <si>
    <t>3351NA</t>
  </si>
  <si>
    <t>Merwehoofd</t>
  </si>
  <si>
    <t>POINT (4.6793229313617 51.82227258906191)</t>
  </si>
  <si>
    <t>3356MR</t>
  </si>
  <si>
    <t>Bosweg</t>
  </si>
  <si>
    <t>POINT (4.716430453882566 51.835425883884675)</t>
  </si>
  <si>
    <t>POINT (4.679532164868613 51.83662201823014)</t>
  </si>
  <si>
    <t>3355CL</t>
  </si>
  <si>
    <t>Lavendelhof</t>
  </si>
  <si>
    <t>3355CJ-3355CL</t>
  </si>
  <si>
    <t>POINT (4.6983494684152145 51.83954572666441)</t>
  </si>
  <si>
    <t>3351TG</t>
  </si>
  <si>
    <t>3351TG-3351TH</t>
  </si>
  <si>
    <t>POINT (4.680010519064212 51.83074552741043)</t>
  </si>
  <si>
    <t>3353BC</t>
  </si>
  <si>
    <t>Scheidingslaan</t>
  </si>
  <si>
    <t>POINT (4.688113933228297 51.82975868316617)</t>
  </si>
  <si>
    <t>3356EC</t>
  </si>
  <si>
    <t>Noordkil</t>
  </si>
  <si>
    <t>POINT (4.729688806675151 51.833772732009116)</t>
  </si>
  <si>
    <t>POINT (4.692274854425697 51.82431442193102)</t>
  </si>
  <si>
    <t>3353TB</t>
  </si>
  <si>
    <t>POINT (4.693354784712621 51.8301071311496)</t>
  </si>
  <si>
    <t>POINT (4.706552964372761 51.83490463355976)</t>
  </si>
  <si>
    <t>3356LM</t>
  </si>
  <si>
    <t>Parkweg</t>
  </si>
  <si>
    <t>3356LL-3356LM</t>
  </si>
  <si>
    <t>POINT (4.7103514419488315 51.8332721412939)</t>
  </si>
  <si>
    <t>BU05900701</t>
  </si>
  <si>
    <t>Sportpark Oostpolder</t>
  </si>
  <si>
    <t>3352TB</t>
  </si>
  <si>
    <t>POINT (4.6934496074304555 51.8422842567468)</t>
  </si>
  <si>
    <t>3352XS</t>
  </si>
  <si>
    <t>Wipmolen</t>
  </si>
  <si>
    <t>POINT (4.68832953872796 51.83832529319441)</t>
  </si>
  <si>
    <t>3352BA</t>
  </si>
  <si>
    <t>Staartmolen</t>
  </si>
  <si>
    <t>POINT (4.695633079394655 51.84017744131527)</t>
  </si>
  <si>
    <t>3353CP</t>
  </si>
  <si>
    <t>De Hooght</t>
  </si>
  <si>
    <t>POINT (4.697163893597279 51.83271473318203)</t>
  </si>
  <si>
    <t>3353TA</t>
  </si>
  <si>
    <t>POINT (4.692275484709183 51.830427977953036)</t>
  </si>
  <si>
    <t>3353BT</t>
  </si>
  <si>
    <t>Kleine Waal</t>
  </si>
  <si>
    <t>3353AC-3353BT</t>
  </si>
  <si>
    <t>POINT (4.6886991473998805 51.82538873337656)</t>
  </si>
  <si>
    <t>3353CD-3353CE</t>
  </si>
  <si>
    <t>POINT (4.691558267480365 51.83075442180939)</t>
  </si>
  <si>
    <t>3356EK</t>
  </si>
  <si>
    <t>POINT (4.724754772618802 51.83384370602595)</t>
  </si>
  <si>
    <t>3353AL</t>
  </si>
  <si>
    <t>Fazantenstraat</t>
  </si>
  <si>
    <t>POINT (4.688874298635108 51.82773721406162)</t>
  </si>
  <si>
    <t>3351HL</t>
  </si>
  <si>
    <t>Tachtigershof</t>
  </si>
  <si>
    <t>POINT (4.676022561118542 51.8322542865861)</t>
  </si>
  <si>
    <t>3351CL</t>
  </si>
  <si>
    <t>Guido Gezellestraat</t>
  </si>
  <si>
    <t>POINT (4.678650066674631 51.83275449282168)</t>
  </si>
  <si>
    <t>3355RM</t>
  </si>
  <si>
    <t>Laurierhof</t>
  </si>
  <si>
    <t>POINT (4.708769352883539 51.83779496246162)</t>
  </si>
  <si>
    <t>3353CG</t>
  </si>
  <si>
    <t>POINT (4.692787373639026 51.83170812171484)</t>
  </si>
  <si>
    <t>POINT (4.703756038367288 51.82878908807039)</t>
  </si>
  <si>
    <t>3351AT</t>
  </si>
  <si>
    <t>Schooldwarsstraat</t>
  </si>
  <si>
    <t>3351AT-3351RA</t>
  </si>
  <si>
    <t>POINT (4.681382366914556 51.82612095358422)</t>
  </si>
  <si>
    <t>3351ET</t>
  </si>
  <si>
    <t>POINT (4.678387968371106 51.828935557229705)</t>
  </si>
  <si>
    <t>3351GL</t>
  </si>
  <si>
    <t>Justus van Effenstraat</t>
  </si>
  <si>
    <t>POINT (4.680803744887911 51.82983196039881)</t>
  </si>
  <si>
    <t>3353XL</t>
  </si>
  <si>
    <t>Blauw druifje</t>
  </si>
  <si>
    <t>3353XL-3353XN</t>
  </si>
  <si>
    <t>POINT (4.689631000955465 51.831521382953426)</t>
  </si>
  <si>
    <t>3356CC</t>
  </si>
  <si>
    <t>Voorplecht</t>
  </si>
  <si>
    <t>3356CA-3356CC</t>
  </si>
  <si>
    <t>POINT (4.719047102914672 51.83393624684605)</t>
  </si>
  <si>
    <t>POINT (4.678327321075334 51.82941651525843)</t>
  </si>
  <si>
    <t>3354XK</t>
  </si>
  <si>
    <t>POINT (4.701561656609795 51.82457755623117)</t>
  </si>
  <si>
    <t>3351RJ</t>
  </si>
  <si>
    <t>POINT (4.677449640491269 51.835280313386306)</t>
  </si>
  <si>
    <t>3352TH</t>
  </si>
  <si>
    <t>Poldermolen</t>
  </si>
  <si>
    <t>POINT (4.69075177780184 51.83692088611667)</t>
  </si>
  <si>
    <t>3353GX</t>
  </si>
  <si>
    <t>POINT (4.687650626837207 51.82624662149489)</t>
  </si>
  <si>
    <t>3351BV</t>
  </si>
  <si>
    <t>Vincent van Goghlaan</t>
  </si>
  <si>
    <t>3351BS-3351BT</t>
  </si>
  <si>
    <t>POINT (4.6814420689092495 51.836521670029605)</t>
  </si>
  <si>
    <t>3352BX</t>
  </si>
  <si>
    <t>Onderslag</t>
  </si>
  <si>
    <t>3352BX-3352CA</t>
  </si>
  <si>
    <t>POINT (4.6942406220568635 51.838514820120665)</t>
  </si>
  <si>
    <t>3351ED</t>
  </si>
  <si>
    <t>Noordersingel</t>
  </si>
  <si>
    <t>3353TD</t>
  </si>
  <si>
    <t>POINT (4.693908020415549 51.82991336003835)</t>
  </si>
  <si>
    <t>3351SG</t>
  </si>
  <si>
    <t>POINT (4.678735192899702 51.83673938496455)</t>
  </si>
  <si>
    <t>3352BS</t>
  </si>
  <si>
    <t>POINT (4.691668846959205 51.838329816710655)</t>
  </si>
  <si>
    <t>3353GG</t>
  </si>
  <si>
    <t>Brederodelaan</t>
  </si>
  <si>
    <t>POINT (4.684977307039539 51.82606637298309)</t>
  </si>
  <si>
    <t>POINT (4.708116076067095 51.83792077436379)</t>
  </si>
  <si>
    <t>3353EA</t>
  </si>
  <si>
    <t>Lisbloemstraat</t>
  </si>
  <si>
    <t>3353SH</t>
  </si>
  <si>
    <t>Dokter Rietveldplein</t>
  </si>
  <si>
    <t>POINT (4.690430840735389 51.8241737117044)</t>
  </si>
  <si>
    <t>3353AC</t>
  </si>
  <si>
    <t>POINT (4.688248232369814 51.82987251508493)</t>
  </si>
  <si>
    <t>3356AC</t>
  </si>
  <si>
    <t>Oosteind</t>
  </si>
  <si>
    <t>3356AB-3356AC</t>
  </si>
  <si>
    <t>POINT (4.724377972968614 51.830166468972756)</t>
  </si>
  <si>
    <t>BU05900705</t>
  </si>
  <si>
    <t>Landschapspark Tiendzone</t>
  </si>
  <si>
    <t>3353VD</t>
  </si>
  <si>
    <t>Muilwijckstraat</t>
  </si>
  <si>
    <t>POINT (4.686499037823974 51.82760105608144)</t>
  </si>
  <si>
    <t>POINT (4.735155537483388 51.83153697233211)</t>
  </si>
  <si>
    <t>3354BR</t>
  </si>
  <si>
    <t>P.S. Gerbrandystraat</t>
  </si>
  <si>
    <t>3355RL</t>
  </si>
  <si>
    <t>Zuurbeshof</t>
  </si>
  <si>
    <t>POINT (4.709087295355689 51.83751439501722)</t>
  </si>
  <si>
    <t>3354BC</t>
  </si>
  <si>
    <t>Groen v Prinstererstraat</t>
  </si>
  <si>
    <t>3354BC-3354BW</t>
  </si>
  <si>
    <t>POINT (4.6993702327090645 51.82907260750321)</t>
  </si>
  <si>
    <t>3351LH</t>
  </si>
  <si>
    <t>Slobbengorsweg</t>
  </si>
  <si>
    <t>3356XV</t>
  </si>
  <si>
    <t>POINT (4.706561264459801 51.82738303593029)</t>
  </si>
  <si>
    <t>POINT (4.684141431564605 51.828060903025715)</t>
  </si>
  <si>
    <t>3351NB</t>
  </si>
  <si>
    <t>POINT (4.6780283750816665 51.822382345879156)</t>
  </si>
  <si>
    <t>3356MA</t>
  </si>
  <si>
    <t>Westkil</t>
  </si>
  <si>
    <t>POINT (4.713723295825312 51.83279487701817)</t>
  </si>
  <si>
    <t>3353AV</t>
  </si>
  <si>
    <t>Lijsterstraat</t>
  </si>
  <si>
    <t>POINT (4.687457249621566 51.82741410961826)</t>
  </si>
  <si>
    <t>POINT (4.681523993705454 51.836170338149635)</t>
  </si>
  <si>
    <t>3353GK</t>
  </si>
  <si>
    <t>het Plein</t>
  </si>
  <si>
    <t>POINT (4.693189604364796 51.82463965915393)</t>
  </si>
  <si>
    <t>POINT (4.685666539287769 51.82591638401032)</t>
  </si>
  <si>
    <t>POINT (4.728897862935783 51.83239875043092)</t>
  </si>
  <si>
    <t>3353CV</t>
  </si>
  <si>
    <t>Burgemeester Keijzerweg</t>
  </si>
  <si>
    <t>POINT (4.692830507798763 51.83506245870622)</t>
  </si>
  <si>
    <t>3351CD</t>
  </si>
  <si>
    <t>Albert Verweijstraat</t>
  </si>
  <si>
    <t>POINT (4.677721765022051 51.832764544215046)</t>
  </si>
  <si>
    <t>3356XP</t>
  </si>
  <si>
    <t>POINT (4.706501191839715 51.828431867313135)</t>
  </si>
  <si>
    <t>POINT (4.677355020846624 51.82251234125423)</t>
  </si>
  <si>
    <t>3351TB</t>
  </si>
  <si>
    <t>3351TA-3351TC</t>
  </si>
  <si>
    <t>POINT (4.680912085186552 51.83147496394926)</t>
  </si>
  <si>
    <t>3351BG</t>
  </si>
  <si>
    <t>POINT (4.682106422833987 51.8383821305494)</t>
  </si>
  <si>
    <t>3351CJ</t>
  </si>
  <si>
    <t>Douwes Dekkerlaan</t>
  </si>
  <si>
    <t>POINT (4.678363852020177 51.83341165964748)</t>
  </si>
  <si>
    <t>3351CW</t>
  </si>
  <si>
    <t>Menno ter Braakstraat</t>
  </si>
  <si>
    <t>POINT (4.679464366515361 51.83459054480226)</t>
  </si>
  <si>
    <t>3353SJ</t>
  </si>
  <si>
    <t>POINT (4.68937286781431 51.8237601508611)</t>
  </si>
  <si>
    <t>3356GA</t>
  </si>
  <si>
    <t>POINT (4.736019121077457 51.83262415534124)</t>
  </si>
  <si>
    <t>3351AB</t>
  </si>
  <si>
    <t>Eilandstraat</t>
  </si>
  <si>
    <t>POINT (4.682098815485989 51.82439169024236)</t>
  </si>
  <si>
    <t>POINT (4.729787519489321 51.83375111895262)</t>
  </si>
  <si>
    <t>3353SM</t>
  </si>
  <si>
    <t>IJspolderweg</t>
  </si>
  <si>
    <t>POINT (4.688239802490252 51.82423069710323)</t>
  </si>
  <si>
    <t>POINT (4.67826871493835 51.82975657948387)</t>
  </si>
  <si>
    <t>3351RG</t>
  </si>
  <si>
    <t>POINT (4.685000094890181 51.83332261956409)</t>
  </si>
  <si>
    <t>3356EH</t>
  </si>
  <si>
    <t>POINT (4.723599655775904 51.83428575857866)</t>
  </si>
  <si>
    <t>3354VJ</t>
  </si>
  <si>
    <t>POINT (4.704420075858172 51.83023638242546)</t>
  </si>
  <si>
    <t>3353CM</t>
  </si>
  <si>
    <t>POINT (4.692376354690663 51.83141033198648)</t>
  </si>
  <si>
    <t>POINT (4.691898591268484 51.83213264337217)</t>
  </si>
  <si>
    <t>POINT (4.689609397115235 51.82420227922462)</t>
  </si>
  <si>
    <t>3351VJ</t>
  </si>
  <si>
    <t>POINT (4.685590889714204 51.83338737369787)</t>
  </si>
  <si>
    <t>3355PB</t>
  </si>
  <si>
    <t>Wilgenhof</t>
  </si>
  <si>
    <t>POINT (4.700511038625165 51.83355421328987)</t>
  </si>
  <si>
    <t>3351AM</t>
  </si>
  <si>
    <t>Westeind</t>
  </si>
  <si>
    <t>POINT (4.6767463313297535 51.82773166993458)</t>
  </si>
  <si>
    <t>3355AH</t>
  </si>
  <si>
    <t>POINT (4.70228035945068 51.83608933757392)</t>
  </si>
  <si>
    <t>3356MD</t>
  </si>
  <si>
    <t>POINT (4.7163260412773385 51.83206629584546)</t>
  </si>
  <si>
    <t>3353SG</t>
  </si>
  <si>
    <t>POINT (4.689048309312148 51.82321789518738)</t>
  </si>
  <si>
    <t>POINT (4.700606505804695 51.833567499589485)</t>
  </si>
  <si>
    <t>3355EC</t>
  </si>
  <si>
    <t>Lisdreef</t>
  </si>
  <si>
    <t>POINT (4.704760261918423 51.83941907032314)</t>
  </si>
  <si>
    <t>POINT (4.677164561679452 51.823091065552696)</t>
  </si>
  <si>
    <t>3356LC</t>
  </si>
  <si>
    <t>Andoornlaan</t>
  </si>
  <si>
    <t>3356GJ-3356LD</t>
  </si>
  <si>
    <t>POINT (4.71227931710697 51.83797934347792)</t>
  </si>
  <si>
    <t>3352XH</t>
  </si>
  <si>
    <t>Tjaskermolen</t>
  </si>
  <si>
    <t>3352XG-3352XH</t>
  </si>
  <si>
    <t>POINT (4.686930052670135 51.83904111405121)</t>
  </si>
  <si>
    <t>3356BV</t>
  </si>
  <si>
    <t>Schoorweg</t>
  </si>
  <si>
    <t>3356BT-3356BW</t>
  </si>
  <si>
    <t>POINT (4.709066772748072 51.828943689180136)</t>
  </si>
  <si>
    <t>3356LG</t>
  </si>
  <si>
    <t>Matena</t>
  </si>
  <si>
    <t>POINT (4.733129144589643 51.82846163628585)</t>
  </si>
  <si>
    <t>BU05900602</t>
  </si>
  <si>
    <t>Bedrijventerrein Oosteind en Ketel</t>
  </si>
  <si>
    <t>POINT (4.708153536529055 51.83006241048905)</t>
  </si>
  <si>
    <t>POINT (4.697611595776918 51.833458629386826)</t>
  </si>
  <si>
    <t>POINT (4.67724307310612 51.8353733282341)</t>
  </si>
  <si>
    <t>3353AR</t>
  </si>
  <si>
    <t>Gerrit van Dalenstraat</t>
  </si>
  <si>
    <t>POINT (4.689438990443699 51.82706244198458)</t>
  </si>
  <si>
    <t>POINT (4.688376143286471 51.823486781467025)</t>
  </si>
  <si>
    <t>3353TL</t>
  </si>
  <si>
    <t>POINT (4.693968066404847 51.82971816686649)</t>
  </si>
  <si>
    <t>POINT (4.6917393663480675 51.83071874933069)</t>
  </si>
  <si>
    <t>3354BW</t>
  </si>
  <si>
    <t>POINT (4.699628430692352 51.82899655726491)</t>
  </si>
  <si>
    <t>POINT (4.689281497614525 51.823139112254324)</t>
  </si>
  <si>
    <t>3356LE-3356LG</t>
  </si>
  <si>
    <t>POINT (4.728671001046595 51.82966854560924)</t>
  </si>
  <si>
    <t>3356GE</t>
  </si>
  <si>
    <t>Cornelis Hoyncklaan</t>
  </si>
  <si>
    <t>3356GE-3356GG</t>
  </si>
  <si>
    <t>POINT (4.733836662531044 51.83087497219917)</t>
  </si>
  <si>
    <t>3356CN</t>
  </si>
  <si>
    <t>3356CK-3356DL</t>
  </si>
  <si>
    <t>POINT (4.7205196322066465 51.83512084125424)</t>
  </si>
  <si>
    <t>3353AT</t>
  </si>
  <si>
    <t>POINT (4.691261606049988 51.825679465441546)</t>
  </si>
  <si>
    <t>3351JL</t>
  </si>
  <si>
    <t>Jan Sluytersstraat</t>
  </si>
  <si>
    <t>POINT (4.688360931172827 51.834033092396254)</t>
  </si>
  <si>
    <t>3353GL</t>
  </si>
  <si>
    <t>Hoofdstraat</t>
  </si>
  <si>
    <t>POINT (4.6940579800791244 51.82464123094711)</t>
  </si>
  <si>
    <t>3352BW</t>
  </si>
  <si>
    <t>POINT (4.691467941577247 51.83760150002876)</t>
  </si>
  <si>
    <t>POINT (4.712454476077701 51.83127722411532)</t>
  </si>
  <si>
    <t>POINT (4.680756452143792 51.822425718758325)</t>
  </si>
  <si>
    <t>3355PE</t>
  </si>
  <si>
    <t>POINT (4.70271440043632 51.834027883211874)</t>
  </si>
  <si>
    <t>3356GC</t>
  </si>
  <si>
    <t>Arend van Gendtlaan</t>
  </si>
  <si>
    <t>POINT (4.732953594230812 51.8314745195478)</t>
  </si>
  <si>
    <t>POINT (4.693308834375534 51.830854579289024)</t>
  </si>
  <si>
    <t>3353AJ</t>
  </si>
  <si>
    <t>POINT (4.69184296408278 51.82616375839113)</t>
  </si>
  <si>
    <t>3352BL</t>
  </si>
  <si>
    <t>POINT (4.691719580203008 51.840045749852145)</t>
  </si>
  <si>
    <t>3354BG</t>
  </si>
  <si>
    <t>P.J.M. Aalbersestraat</t>
  </si>
  <si>
    <t>3354BG-3354BH</t>
  </si>
  <si>
    <t>POINT (4.699707050572062 51.83187172598031)</t>
  </si>
  <si>
    <t>POINT (4.688366205387821 51.826179289478)</t>
  </si>
  <si>
    <t>3355RN</t>
  </si>
  <si>
    <t>POINT (4.708937975320229 51.83864391380113)</t>
  </si>
  <si>
    <t>3354VL</t>
  </si>
  <si>
    <t>POINT (4.702043782752341 51.83130919889115)</t>
  </si>
  <si>
    <t>3352BT</t>
  </si>
  <si>
    <t>POINT (4.69201917370846 51.83789294994149)</t>
  </si>
  <si>
    <t>3353VA</t>
  </si>
  <si>
    <t>POINT (4.690675279801755 51.829653830217524)</t>
  </si>
  <si>
    <t>3356AJ</t>
  </si>
  <si>
    <t>Visschersbuurt</t>
  </si>
  <si>
    <t>POINT (4.704127885232124 51.824980692780564)</t>
  </si>
  <si>
    <t>POINT (4.6893600072974735 51.82819756166275)</t>
  </si>
  <si>
    <t>POINT (4.684056071054953 51.82611041237649)</t>
  </si>
  <si>
    <t>3352CG</t>
  </si>
  <si>
    <t>POINT (4.690726412102896 51.84200632224173)</t>
  </si>
  <si>
    <t>3351AJ</t>
  </si>
  <si>
    <t>3351AJ-3351RZ</t>
  </si>
  <si>
    <t>POINT (4.681548824062594 51.82239756886606)</t>
  </si>
  <si>
    <t>POINT (4.685897706287044 51.828150131764474)</t>
  </si>
  <si>
    <t>3351AL</t>
  </si>
  <si>
    <t>POINT (4.681721961592648 51.82538397520424)</t>
  </si>
  <si>
    <t>3355CC</t>
  </si>
  <si>
    <t>Lijsterbeshof</t>
  </si>
  <si>
    <t>POINT (4.699341645459442 51.83834316750826)</t>
  </si>
  <si>
    <t>3353HB</t>
  </si>
  <si>
    <t>Buitenhof</t>
  </si>
  <si>
    <t>POINT (4.695706246802013 51.82423781706424)</t>
  </si>
  <si>
    <t>POINT (4.694821004443104 51.82407507248242)</t>
  </si>
  <si>
    <t>POINT (4.693886111723546 51.82447556191665)</t>
  </si>
  <si>
    <t>POINT (4.679262287256271 51.832287442150154)</t>
  </si>
  <si>
    <t>3356LX</t>
  </si>
  <si>
    <t>Buitendijks</t>
  </si>
  <si>
    <t>3356LN-3356LX</t>
  </si>
  <si>
    <t>POINT (4.729845508387039 51.828443545377425)</t>
  </si>
  <si>
    <t>3355BS</t>
  </si>
  <si>
    <t>Notenhof</t>
  </si>
  <si>
    <t>POINT (4.7024145254459055 51.83724555377321)</t>
  </si>
  <si>
    <t>3351ND</t>
  </si>
  <si>
    <t>Aviolandaplein</t>
  </si>
  <si>
    <t>POINT (4.67803465630204 51.823094932712955)</t>
  </si>
  <si>
    <t>3356ML</t>
  </si>
  <si>
    <t>Dorstense aak</t>
  </si>
  <si>
    <t>3356MK-3356ML</t>
  </si>
  <si>
    <t>POINT (4.714207353920831 51.83368936883537)</t>
  </si>
  <si>
    <t>3354BM</t>
  </si>
  <si>
    <t>P.J. Troelstrastraat</t>
  </si>
  <si>
    <t>POINT (4.697875089101139 51.830104019601)</t>
  </si>
  <si>
    <t>POINT (4.693575877063201 51.83130233543647)</t>
  </si>
  <si>
    <t>3353BB</t>
  </si>
  <si>
    <t>POINT (4.6902187346059785 51.828186780795036)</t>
  </si>
  <si>
    <t>3355RH</t>
  </si>
  <si>
    <t>Ligusterhof</t>
  </si>
  <si>
    <t>POINT (4.7071342476226565 51.83770517081755)</t>
  </si>
  <si>
    <t>3355AA</t>
  </si>
  <si>
    <t>Acaciahof</t>
  </si>
  <si>
    <t>3354ZA-3355AA</t>
  </si>
  <si>
    <t>POINT (4.699352162989021 51.83628671274949)</t>
  </si>
  <si>
    <t>3352XL</t>
  </si>
  <si>
    <t>POINT (4.687200422097365 51.83853791582858)</t>
  </si>
  <si>
    <t>POINT (4.694098696037557 51.83163159414388)</t>
  </si>
  <si>
    <t>POINT (4.684477726013447 51.83094597080435)</t>
  </si>
  <si>
    <t>3351GK</t>
  </si>
  <si>
    <t>POINT (4.682989919072528 51.83053696113522)</t>
  </si>
  <si>
    <t>3351GX</t>
  </si>
  <si>
    <t>POINT (4.682603957300527 51.82897267897703)</t>
  </si>
  <si>
    <t>3351BC</t>
  </si>
  <si>
    <t>Ary Scheffersingel</t>
  </si>
  <si>
    <t>POINT (4.684292628235031 51.83745478638445)</t>
  </si>
  <si>
    <t>3351GE</t>
  </si>
  <si>
    <t>POINT (4.694572683919983 51.83221126436153)</t>
  </si>
  <si>
    <t>3355PD</t>
  </si>
  <si>
    <t>POINT (4.704517548206674 51.833194656853046)</t>
  </si>
  <si>
    <t>3351XA</t>
  </si>
  <si>
    <t>3351GE-3351XA</t>
  </si>
  <si>
    <t>POINT (4.6845390817433294 51.829224617172336)</t>
  </si>
  <si>
    <t>3351CZ</t>
  </si>
  <si>
    <t>Willem Kloosstraat</t>
  </si>
  <si>
    <t>POINT (4.675884873444253 51.83253306225416)</t>
  </si>
  <si>
    <t>3353GE</t>
  </si>
  <si>
    <t>Bosch</t>
  </si>
  <si>
    <t>POINT (4.685658870480973 51.82493012163023)</t>
  </si>
  <si>
    <t>3351EG</t>
  </si>
  <si>
    <t>Oltmansstraat</t>
  </si>
  <si>
    <t>3351EE-3351EG</t>
  </si>
  <si>
    <t>POINT (4.6760498544641536 51.830183889367014)</t>
  </si>
  <si>
    <t>3351SH</t>
  </si>
  <si>
    <t>POINT (4.680275332921374 51.83920841051666)</t>
  </si>
  <si>
    <t>3352XN</t>
  </si>
  <si>
    <t>POINT (4.689388251754929 51.83816916628843)</t>
  </si>
  <si>
    <t>3351JA</t>
  </si>
  <si>
    <t>3351JA-3351JB</t>
  </si>
  <si>
    <t>POINT (4.689965190813307 51.83628817234661)</t>
  </si>
  <si>
    <t>3351BR</t>
  </si>
  <si>
    <t>POINT (4.682271909801674 51.83688921267806)</t>
  </si>
  <si>
    <t>3353BE</t>
  </si>
  <si>
    <t>POINT (4.689232601264786 51.828783393963846)</t>
  </si>
  <si>
    <t>3351BN</t>
  </si>
  <si>
    <t>POINT (4.68154656723313 51.835397927130906)</t>
  </si>
  <si>
    <t>POINT (4.681583741497635 51.830026177329216)</t>
  </si>
  <si>
    <t>3354AE</t>
  </si>
  <si>
    <t>Domela Nieuwenhuisstraat</t>
  </si>
  <si>
    <t>3354AD-3354AE</t>
  </si>
  <si>
    <t>POINT (4.702636877073281 51.82836318401499)</t>
  </si>
  <si>
    <t>3356LR</t>
  </si>
  <si>
    <t>Matenasche Scheidkade</t>
  </si>
  <si>
    <t>POINT (4.7328522458303235 51.83746363481518)</t>
  </si>
  <si>
    <t>BU05900801</t>
  </si>
  <si>
    <t>Alblasserbos Oost</t>
  </si>
  <si>
    <t>WK059008</t>
  </si>
  <si>
    <t>Vriesenpolder</t>
  </si>
  <si>
    <t>POINT (4.693852474177344 51.842841387428486)</t>
  </si>
  <si>
    <t>3355RB</t>
  </si>
  <si>
    <t>POINT (4.707385717343962 51.834359822684654)</t>
  </si>
  <si>
    <t>3353SE</t>
  </si>
  <si>
    <t>POINT (4.686899221486975 51.82297426377102)</t>
  </si>
  <si>
    <t>POINT (4.73561639262222 51.832663879471326)</t>
  </si>
  <si>
    <t>3354XE</t>
  </si>
  <si>
    <t>3354XD</t>
  </si>
  <si>
    <t>POINT (4.695752376526284 51.82664682868777)</t>
  </si>
  <si>
    <t>3351AV</t>
  </si>
  <si>
    <t>Wilhelminastraat</t>
  </si>
  <si>
    <t>POINT (4.681244434009039 51.82396833950673)</t>
  </si>
  <si>
    <t>3356BG</t>
  </si>
  <si>
    <t>Albert Schweitzerstraat</t>
  </si>
  <si>
    <t>3356XW</t>
  </si>
  <si>
    <t>POINT (4.706404156828503 51.82745993939137)</t>
  </si>
  <si>
    <t>POINT (4.695888858420328 51.83293885944814)</t>
  </si>
  <si>
    <t>POINT (4.689683564266114 51.82700659299973)</t>
  </si>
  <si>
    <t>3352AD</t>
  </si>
  <si>
    <t>Beukmolen</t>
  </si>
  <si>
    <t>POINT (4.687750721864021 51.84147252312127)</t>
  </si>
  <si>
    <t>3354BN</t>
  </si>
  <si>
    <t>POINT (4.7005598431539415 51.830351571487235)</t>
  </si>
  <si>
    <t>POINT (4.704335152066535 51.83037307287205)</t>
  </si>
  <si>
    <t>3351CT</t>
  </si>
  <si>
    <t>Martinus Nijhoffstraat</t>
  </si>
  <si>
    <t>3351CT-3351CV</t>
  </si>
  <si>
    <t>POINT (4.678588324803023 51.834614895601284)</t>
  </si>
  <si>
    <t>3351JV</t>
  </si>
  <si>
    <t>Rubensstraat</t>
  </si>
  <si>
    <t>POINT (4.68476530292504 51.83568835509346)</t>
  </si>
  <si>
    <t>3351EW</t>
  </si>
  <si>
    <t>van Lennepstraat</t>
  </si>
  <si>
    <t>POINT (4.6788214480648165 51.828106391212195)</t>
  </si>
  <si>
    <t>3354BK</t>
  </si>
  <si>
    <t>POINT (4.699033099479246 51.830219342871885)</t>
  </si>
  <si>
    <t>3355BL</t>
  </si>
  <si>
    <t>POINT (4.70512392586172 51.838458583583275)</t>
  </si>
  <si>
    <t>POINT (4.679411809069707 51.83453458822582)</t>
  </si>
  <si>
    <t>3354BL</t>
  </si>
  <si>
    <t>POINT (4.698149061389902 51.83080524939479)</t>
  </si>
  <si>
    <t>POINT (4.704237656294206 51.83044614950172)</t>
  </si>
  <si>
    <t>3354AN</t>
  </si>
  <si>
    <t>J.R. Thorbeckesingel</t>
  </si>
  <si>
    <t>POINT (4.700697917631535 51.832018610406195)</t>
  </si>
  <si>
    <t>3352VG</t>
  </si>
  <si>
    <t>Torenmolen</t>
  </si>
  <si>
    <t>POINT (4.688925592084493 51.84375648868316)</t>
  </si>
  <si>
    <t>3353XR</t>
  </si>
  <si>
    <t>Keizerskroon</t>
  </si>
  <si>
    <t>POINT (4.690946474826525 51.83342305352828)</t>
  </si>
  <si>
    <t>3356MJ</t>
  </si>
  <si>
    <t>Boeieraak</t>
  </si>
  <si>
    <t>POINT (4.715005840166479 51.834208389156)</t>
  </si>
  <si>
    <t>3352AH</t>
  </si>
  <si>
    <t>POINT (4.6850304223915336 51.83942216661128)</t>
  </si>
  <si>
    <t>3356MP</t>
  </si>
  <si>
    <t>Boegspriet</t>
  </si>
  <si>
    <t>POINT (4.715777820118381 51.83465356368292)</t>
  </si>
  <si>
    <t>POINT (4.695931216866479 51.835793340631675)</t>
  </si>
  <si>
    <t>POINT (4.685076238120035 51.834847548302115)</t>
  </si>
  <si>
    <t>POINT (4.68419059334895 51.8281205405202)</t>
  </si>
  <si>
    <t>3351PA</t>
  </si>
  <si>
    <t>Markt</t>
  </si>
  <si>
    <t>POINT (4.683025807334629 51.82737696591021)</t>
  </si>
  <si>
    <t>3351GD</t>
  </si>
  <si>
    <t>Camphuysenstraat</t>
  </si>
  <si>
    <t>3351GC-3351GD</t>
  </si>
  <si>
    <t>POINT (4.683528941716951 51.82993550044943)</t>
  </si>
  <si>
    <t>POINT (4.693128332745139 51.8359414114878)</t>
  </si>
  <si>
    <t>POINT (4.696559604641425 51.835376614014365)</t>
  </si>
  <si>
    <t>POINT (4.69396198208948 51.82977795031418)</t>
  </si>
  <si>
    <t>3353EX</t>
  </si>
  <si>
    <t>Kokardebloem</t>
  </si>
  <si>
    <t>POINT (4.695641647745301 51.831475662865664)</t>
  </si>
  <si>
    <t>3353XC</t>
  </si>
  <si>
    <t>POINT (4.690229939492389 51.831712281792875)</t>
  </si>
  <si>
    <t>POINT (4.687330784560007 51.84182644669282)</t>
  </si>
  <si>
    <t>POINT (4.676190389154752 51.83241996628987)</t>
  </si>
  <si>
    <t>POINT (4.699741309262974 51.828965263806225)</t>
  </si>
  <si>
    <t>POINT (4.690180286528887 51.82987816079029)</t>
  </si>
  <si>
    <t>3353AN</t>
  </si>
  <si>
    <t>POINT (4.692099779851223 51.826856137558764)</t>
  </si>
  <si>
    <t>3351EN</t>
  </si>
  <si>
    <t>3351EN-3351EP</t>
  </si>
  <si>
    <t>POINT (4.676186805248789 51.831199897198644)</t>
  </si>
  <si>
    <t>POINT (4.720454074345533 51.83502613347442)</t>
  </si>
  <si>
    <t>3351GC</t>
  </si>
  <si>
    <t>POINT (4.681257461810632 51.83122490098788)</t>
  </si>
  <si>
    <t>POINT (4.702212589204826 51.824329144662784)</t>
  </si>
  <si>
    <t>POINT (4.683910300096097 51.82770449381504)</t>
  </si>
  <si>
    <t>3351CK</t>
  </si>
  <si>
    <t>De GÃ©nestetstraat</t>
  </si>
  <si>
    <t>POINT (4.67979839047353 51.83261761804615)</t>
  </si>
  <si>
    <t>3351EE</t>
  </si>
  <si>
    <t>POINT (4.675870197415194 51.83009355248682)</t>
  </si>
  <si>
    <t>3351BD</t>
  </si>
  <si>
    <t>Hendrik Breitnerstraat</t>
  </si>
  <si>
    <t>3351BD-3351BE</t>
  </si>
  <si>
    <t>POINT (4.678791146998575 51.83555144203964)</t>
  </si>
  <si>
    <t>POINT (4.689821767703525 51.82330549449257)</t>
  </si>
  <si>
    <t>3352XP</t>
  </si>
  <si>
    <t>POINT (4.685610979241927 51.8388906699246)</t>
  </si>
  <si>
    <t>3352CD</t>
  </si>
  <si>
    <t>POINT (4.692326133326459 51.84342257478306)</t>
  </si>
  <si>
    <t>3351CN</t>
  </si>
  <si>
    <t>Jacob Catslaan</t>
  </si>
  <si>
    <t>3351CM-3351CN</t>
  </si>
  <si>
    <t>POINT (4.677993805200345 51.831437576042454)</t>
  </si>
  <si>
    <t>3351JM</t>
  </si>
  <si>
    <t>Jan van Goijenstraat</t>
  </si>
  <si>
    <t>POINT (4.687005719982662 51.83622002409171)</t>
  </si>
  <si>
    <t>POINT (4.685786227458306 51.824063567976694)</t>
  </si>
  <si>
    <t>POINT (4.689516905168032 51.82838270756412)</t>
  </si>
  <si>
    <t>3351LJ</t>
  </si>
  <si>
    <t>POINT (4.678992612517373 51.84115769491827)</t>
  </si>
  <si>
    <t>BU05900901</t>
  </si>
  <si>
    <t>Bedrijventerrein Nieuwland Molenvliet</t>
  </si>
  <si>
    <t>WK059009</t>
  </si>
  <si>
    <t>De Noordoever</t>
  </si>
  <si>
    <t>3354AH</t>
  </si>
  <si>
    <t>J.G. Suurhoffstraat</t>
  </si>
  <si>
    <t>POINT (4.701191079135043 51.82901565948368)</t>
  </si>
  <si>
    <t>3353BH</t>
  </si>
  <si>
    <t>POINT (4.687858845730117 51.827981888721304)</t>
  </si>
  <si>
    <t>3353VG</t>
  </si>
  <si>
    <t>POINT (4.688145787251106 51.82895749945605)</t>
  </si>
  <si>
    <t>3351RL</t>
  </si>
  <si>
    <t>POINT (4.67727951845207 51.835292408140916)</t>
  </si>
  <si>
    <t>3356XK</t>
  </si>
  <si>
    <t>POINT (4.706879282012174 51.8293248502132)</t>
  </si>
  <si>
    <t>POINT (4.687024189399475 51.822911342721255)</t>
  </si>
  <si>
    <t>3351TL</t>
  </si>
  <si>
    <t>3351TL-3351TM</t>
  </si>
  <si>
    <t>POINT (4.678941816892263 51.830159792681606)</t>
  </si>
  <si>
    <t>3352XD</t>
  </si>
  <si>
    <t>Beltmolen</t>
  </si>
  <si>
    <t>POINT (4.690054857827498 51.837977066625)</t>
  </si>
  <si>
    <t>POINT (4.7149803762664275 51.83186764353927)</t>
  </si>
  <si>
    <t>3351JE</t>
  </si>
  <si>
    <t>Gerard Dousingel</t>
  </si>
  <si>
    <t>POINT (4.6878319198656655 51.83641619116997)</t>
  </si>
  <si>
    <t>3351JS</t>
  </si>
  <si>
    <t>POINT (4.687843192302742 51.83468701557729)</t>
  </si>
  <si>
    <t>3356EM</t>
  </si>
  <si>
    <t>POINT (4.72361893793285 51.83365919974783)</t>
  </si>
  <si>
    <t>3355EA</t>
  </si>
  <si>
    <t>POINT (4.705968948591997 51.838661428322496)</t>
  </si>
  <si>
    <t>POINT (4.6935492346242755 51.841281139651)</t>
  </si>
  <si>
    <t>POINT (4.687123444845359 51.82300962343378)</t>
  </si>
  <si>
    <t>POINT (4.681033942567355 51.838042691285494)</t>
  </si>
  <si>
    <t>POINT (4.680310864211936 51.83679508490111)</t>
  </si>
  <si>
    <t>3352TG</t>
  </si>
  <si>
    <t>POINT (4.6944696234350305 51.841601418397275)</t>
  </si>
  <si>
    <t>3355PG</t>
  </si>
  <si>
    <t>POINT (4.703761378535111 51.833144145292685)</t>
  </si>
  <si>
    <t>POINT (4.709129164233435 51.83800361756648)</t>
  </si>
  <si>
    <t>3356BB</t>
  </si>
  <si>
    <t>Alfred Nobelstraat</t>
  </si>
  <si>
    <t>POINT (4.71221670377287 51.82985466621723)</t>
  </si>
  <si>
    <t>3351AS</t>
  </si>
  <si>
    <t>POINT (4.67365428837413 51.83008367195524)</t>
  </si>
  <si>
    <t>3351CH</t>
  </si>
  <si>
    <t>POINT (4.678004220560525 51.83240093438938)</t>
  </si>
  <si>
    <t>3353XN</t>
  </si>
  <si>
    <t>POINT (4.689538181611676 51.83231395283578)</t>
  </si>
  <si>
    <t>3352BM</t>
  </si>
  <si>
    <t>POINT (4.691387526845432 51.83977175948327)</t>
  </si>
  <si>
    <t>3355CM</t>
  </si>
  <si>
    <t>Vuurdoornhof</t>
  </si>
  <si>
    <t>POINT (4.697570900002992 51.83924565487444)</t>
  </si>
  <si>
    <t>POINT (4.695779622091856 51.82644809756491)</t>
  </si>
  <si>
    <t>3351CG</t>
  </si>
  <si>
    <t>Cremerstraat</t>
  </si>
  <si>
    <t>POINT (4.678092332319903 51.83171944404679)</t>
  </si>
  <si>
    <t>3353VH</t>
  </si>
  <si>
    <t>POINT (4.688730178031832 51.82960891551953)</t>
  </si>
  <si>
    <t>3351VB</t>
  </si>
  <si>
    <t>POINT (4.684613342123848 51.83409574649033)</t>
  </si>
  <si>
    <t>POINT (4.699740340855666 51.83472680823935)</t>
  </si>
  <si>
    <t>3356XN</t>
  </si>
  <si>
    <t>POINT (4.706862638210211 51.82904837143916)</t>
  </si>
  <si>
    <t>POINT (4.679589005212294 51.822594468328894)</t>
  </si>
  <si>
    <t>POINT (4.69790728325694 51.83967983930479)</t>
  </si>
  <si>
    <t>POINT (4.700712136849562 51.830393908799)</t>
  </si>
  <si>
    <t>POINT (4.694471137838242 51.83003999965622)</t>
  </si>
  <si>
    <t>POINT (4.6781372847314415 51.823175830454915)</t>
  </si>
  <si>
    <t>POINT (4.683332502665611 51.838126750067474)</t>
  </si>
  <si>
    <t>POINT (4.676159506648189 51.8322044741224)</t>
  </si>
  <si>
    <t>POINT (4.689389498676446 51.82327060214985)</t>
  </si>
  <si>
    <t>POINT (4.729788306515181 51.832861871708786)</t>
  </si>
  <si>
    <t>3351AX</t>
  </si>
  <si>
    <t>3351AX-3351BA</t>
  </si>
  <si>
    <t>POINT (4.679666462099286 51.826697069510054)</t>
  </si>
  <si>
    <t>POINT (4.697939143127997 51.830546726371665)</t>
  </si>
  <si>
    <t>POINT (4.681110957626002 51.82517270828382)</t>
  </si>
  <si>
    <t>POINT (4.700879111153617 51.83514272352045)</t>
  </si>
  <si>
    <t>3355AG</t>
  </si>
  <si>
    <t>POINT (4.697640948533605 51.834288982652)</t>
  </si>
  <si>
    <t>POINT (4.730147737940581 51.82869975895751)</t>
  </si>
  <si>
    <t>3351CS</t>
  </si>
  <si>
    <t>L. van Deijsselstraat</t>
  </si>
  <si>
    <t>POINT (4.676265754691301 51.83266762856515)</t>
  </si>
  <si>
    <t>POINT (4.677766101389173 51.82235707576247)</t>
  </si>
  <si>
    <t>3351CB</t>
  </si>
  <si>
    <t>A. van Schendelstraat</t>
  </si>
  <si>
    <t>3351CA-3351CC</t>
  </si>
  <si>
    <t>POINT (4.678137984617057 51.834576877950965)</t>
  </si>
  <si>
    <t>3351TJ</t>
  </si>
  <si>
    <t>3351TJ-3351TK</t>
  </si>
  <si>
    <t>POINT (4.67922492886905 51.83064564713588)</t>
  </si>
  <si>
    <t>3356BD</t>
  </si>
  <si>
    <t>POINT (4.710467428500636 51.829708093336386)</t>
  </si>
  <si>
    <t>3356DL</t>
  </si>
  <si>
    <t>Markt van Matena</t>
  </si>
  <si>
    <t>POINT (4.731012232714751 51.83299711272491)</t>
  </si>
  <si>
    <t>3351CC</t>
  </si>
  <si>
    <t>POINT (4.677662849957795 51.83433613160668)</t>
  </si>
  <si>
    <t>3351AN</t>
  </si>
  <si>
    <t>POINT (4.672667610838106 51.830821562061)</t>
  </si>
  <si>
    <t>POINT (4.692585231413532 51.83748491789418)</t>
  </si>
  <si>
    <t>POINT (4.692427819795759 51.82451650232142)</t>
  </si>
  <si>
    <t>3355SJ</t>
  </si>
  <si>
    <t>Hoefbladlaan</t>
  </si>
  <si>
    <t>POINT (4.695797557370645 51.8391081884371)</t>
  </si>
  <si>
    <t>POINT (4.695116420174175 51.833177621303)</t>
  </si>
  <si>
    <t>3352BJ</t>
  </si>
  <si>
    <t>3352BH-3352BJ</t>
  </si>
  <si>
    <t>POINT (4.693456361337135 51.84018731336693)</t>
  </si>
  <si>
    <t>POINT (4.678925524093394 51.82722189772649)</t>
  </si>
  <si>
    <t>POINT (4.67807212004787 51.84190512583994)</t>
  </si>
  <si>
    <t>POINT (4.6970555746881155 51.833180759176)</t>
  </si>
  <si>
    <t>POINT (4.694847328548755 51.824499275950274)</t>
  </si>
  <si>
    <t>3356XA</t>
  </si>
  <si>
    <t>POINT (4.707378695835841 51.82848129356655)</t>
  </si>
  <si>
    <t>3352AA</t>
  </si>
  <si>
    <t>3351XC-3352AA</t>
  </si>
  <si>
    <t>POINT (4.687414832029232 51.840617797176606)</t>
  </si>
  <si>
    <t>3351RV</t>
  </si>
  <si>
    <t>De Schans</t>
  </si>
  <si>
    <t>POINT (4.680312352274573 51.826775243265274)</t>
  </si>
  <si>
    <t>3353CH</t>
  </si>
  <si>
    <t>POINT (4.693194600296466 51.831649622984024)</t>
  </si>
  <si>
    <t>POINT (4.685359400831773 51.829022866859134)</t>
  </si>
  <si>
    <t>3351HD</t>
  </si>
  <si>
    <t>3351HC-3351HE</t>
  </si>
  <si>
    <t>POINT (4.6805148634669544 51.83219059531148)</t>
  </si>
  <si>
    <t>POINT (4.679786931093163 51.83586107418301)</t>
  </si>
  <si>
    <t>POINT (4.692809559912513 51.824417099765455)</t>
  </si>
  <si>
    <t>3351PB</t>
  </si>
  <si>
    <t>3356AK</t>
  </si>
  <si>
    <t>Huys de Merwede</t>
  </si>
  <si>
    <t>POINT (4.707022518217742 51.82636790912732)</t>
  </si>
  <si>
    <t>POINT (4.719846882300246 51.834512076325375)</t>
  </si>
  <si>
    <t>3351SE</t>
  </si>
  <si>
    <t>POINT (4.678855113688544 51.83735133623603)</t>
  </si>
  <si>
    <t>3353ET</t>
  </si>
  <si>
    <t>Teunisbloem</t>
  </si>
  <si>
    <t>3353ES-3353ET</t>
  </si>
  <si>
    <t>POINT (4.694653988616196 51.831283290034975)</t>
  </si>
  <si>
    <t>3355BM</t>
  </si>
  <si>
    <t>Espenhof</t>
  </si>
  <si>
    <t>POINT (4.7005124371385385 51.8369534051385)</t>
  </si>
  <si>
    <t>POINT (4.694474765355931 51.84136518275746)</t>
  </si>
  <si>
    <t>POINT (4.7039700204722426 51.82890848929422)</t>
  </si>
  <si>
    <t>POINT (4.691187792189093 51.83368251231619)</t>
  </si>
  <si>
    <t>POINT (4.691448486470555 51.837648305382885)</t>
  </si>
  <si>
    <t>3351GR</t>
  </si>
  <si>
    <t>3351GR-3351GS</t>
  </si>
  <si>
    <t>POINT (4.682004083186969 51.82935209191088)</t>
  </si>
  <si>
    <t>3355BN</t>
  </si>
  <si>
    <t>Kamillehof</t>
  </si>
  <si>
    <t>POINT (4.704386360582576 51.83847001723917)</t>
  </si>
  <si>
    <t>POINT (4.678626458909588 51.82953291766628)</t>
  </si>
  <si>
    <t>POINT (4.690547976226569 51.823941726909695)</t>
  </si>
  <si>
    <t>POINT (4.6798042819124905 51.83790627434334)</t>
  </si>
  <si>
    <t>3351JK</t>
  </si>
  <si>
    <t>Hans Memlingstraat</t>
  </si>
  <si>
    <t>POINT (4.687216349624307 51.83478675673692)</t>
  </si>
  <si>
    <t>3351SP</t>
  </si>
  <si>
    <t>J. van Heemskerckstraat</t>
  </si>
  <si>
    <t>POINT (4.682422443765605 51.83896250983325)</t>
  </si>
  <si>
    <t>POINT (4.694122649959479 51.82995159774315)</t>
  </si>
  <si>
    <t>POINT (4.678353535743085 51.82350376648365)</t>
  </si>
  <si>
    <t>POINT (4.6802604376027945 51.83832489045747)</t>
  </si>
  <si>
    <t>3355PM</t>
  </si>
  <si>
    <t>Amberdreef</t>
  </si>
  <si>
    <t>POINT (4.707413217403749 51.833256403891276)</t>
  </si>
  <si>
    <t>POINT (4.688070716738802 51.84369534825293)</t>
  </si>
  <si>
    <t>3355AJ</t>
  </si>
  <si>
    <t>Moerbeihof</t>
  </si>
  <si>
    <t>POINT (4.696505152174227 51.83654167829726)</t>
  </si>
  <si>
    <t>3353GB</t>
  </si>
  <si>
    <t>POINT (4.688135242401719 51.825358787821095)</t>
  </si>
  <si>
    <t>POINT (4.687243309204702 51.82543942171675)</t>
  </si>
  <si>
    <t>POINT (4.708110590716244 51.836864804813914)</t>
  </si>
  <si>
    <t>3353EJ</t>
  </si>
  <si>
    <t>Windhalmstraat</t>
  </si>
  <si>
    <t>POINT (4.692474023064042 51.83305699889261)</t>
  </si>
  <si>
    <t>POINT (4.691500464100816 51.83172166112836)</t>
  </si>
  <si>
    <t>3356DK</t>
  </si>
  <si>
    <t>POINT (4.7279586067015416 51.83202664547361)</t>
  </si>
  <si>
    <t>3355BA</t>
  </si>
  <si>
    <t>POINT (4.702677299341665 51.835429982202854)</t>
  </si>
  <si>
    <t>POINT (4.699684637325874 51.83583477966244)</t>
  </si>
  <si>
    <t>POINT (4.735808781740422 51.83282579818031)</t>
  </si>
  <si>
    <t>3351AP</t>
  </si>
  <si>
    <t>POINT (4.6816832770209595 51.82561637798395)</t>
  </si>
  <si>
    <t>POINT (4.694511545425843 51.84028217162892)</t>
  </si>
  <si>
    <t>POINT (4.7310891247172195 51.83287272674758)</t>
  </si>
  <si>
    <t>POINT (4.684232104773702 51.83489206887625)</t>
  </si>
  <si>
    <t>3353EN</t>
  </si>
  <si>
    <t>POINT (4.6949369750558105 51.83208341061156)</t>
  </si>
  <si>
    <t>POINT (4.686468968638608 51.83434691525823)</t>
  </si>
  <si>
    <t>POINT (4.704357980532184 51.830290204678015)</t>
  </si>
  <si>
    <t>3351RD</t>
  </si>
  <si>
    <t>Jan Steenlaan</t>
  </si>
  <si>
    <t>POINT (4.682820044078505 51.835607432973745)</t>
  </si>
  <si>
    <t>3356XM</t>
  </si>
  <si>
    <t>POINT (4.707049160084372 51.82899622169331)</t>
  </si>
  <si>
    <t>POINT (4.689750364099606 51.829725056410766)</t>
  </si>
  <si>
    <t>3351HM</t>
  </si>
  <si>
    <t>Veerpromenade</t>
  </si>
  <si>
    <t>POINT (4.684207396125116 51.82710013304481)</t>
  </si>
  <si>
    <t>3355EM</t>
  </si>
  <si>
    <t>Margriethof</t>
  </si>
  <si>
    <t>POINT (4.700058752989676 51.8405329951994)</t>
  </si>
  <si>
    <t>POINT (4.7074591554189125 51.83792528712177)</t>
  </si>
  <si>
    <t>POINT (4.693864435923695 51.84242061972174)</t>
  </si>
  <si>
    <t>POINT (4.699403848028214 51.83633218341413)</t>
  </si>
  <si>
    <t>POINT (4.706258834069917 51.83423764397381)</t>
  </si>
  <si>
    <t>3356EE</t>
  </si>
  <si>
    <t>POINT (4.721364324726514 51.83448045074617)</t>
  </si>
  <si>
    <t>3354XR</t>
  </si>
  <si>
    <t>3354XP</t>
  </si>
  <si>
    <t>POINT (4.696504982922011 51.8263807645914)</t>
  </si>
  <si>
    <t>POINT (4.700232367277725 51.836761441476085)</t>
  </si>
  <si>
    <t>3353XP</t>
  </si>
  <si>
    <t>POINT (4.690245329616429 51.83267765395902)</t>
  </si>
  <si>
    <t>POINT (4.706335522559151 51.82764260372642)</t>
  </si>
  <si>
    <t>POINT (4.681960309515957 51.82936911409427)</t>
  </si>
  <si>
    <t>POINT (4.699062654009163 51.83502523313036)</t>
  </si>
  <si>
    <t>3351VA</t>
  </si>
  <si>
    <t>Anthonie van Dijckstraat</t>
  </si>
  <si>
    <t>POINT (4.685004564746969 51.835639719768864)</t>
  </si>
  <si>
    <t>POINT (4.733509625725708 51.82830503491071)</t>
  </si>
  <si>
    <t>POINT (4.689692763568851 51.83208451961873)</t>
  </si>
  <si>
    <t>POINT (4.676621981472466 51.82279092252014)</t>
  </si>
  <si>
    <t>3355RE</t>
  </si>
  <si>
    <t>Ericahof</t>
  </si>
  <si>
    <t>POINT (4.70810725500929 51.8351136677349)</t>
  </si>
  <si>
    <t>3351RK</t>
  </si>
  <si>
    <t>POINT (4.676798558819786 51.835604029286586)</t>
  </si>
  <si>
    <t>3354XV</t>
  </si>
  <si>
    <t>3354XV-3354XW</t>
  </si>
  <si>
    <t>POINT (4.6981335474364725 51.82621079730583)</t>
  </si>
  <si>
    <t>POINT (4.729591189350264 51.83241599347536)</t>
  </si>
  <si>
    <t>POINT (4.691927693361288 51.83158455386149)</t>
  </si>
  <si>
    <t>POINT (4.682951836323591 51.82928564797372)</t>
  </si>
  <si>
    <t>POINT (4.691663863351633 51.82580609080696)</t>
  </si>
  <si>
    <t>POINT (4.684831348406997 51.8291452258368)</t>
  </si>
  <si>
    <t>POINT (4.684934943528133 51.835887695330385)</t>
  </si>
  <si>
    <t>POINT (4.7063161727199 51.82845571971053)</t>
  </si>
  <si>
    <t>3353TK</t>
  </si>
  <si>
    <t>POINT (4.694594486583622 51.83008112244768)</t>
  </si>
  <si>
    <t>POINT (4.6889104814499865 51.82548258287085)</t>
  </si>
  <si>
    <t>POINT (4.694582636586764 51.830097942175925)</t>
  </si>
  <si>
    <t>3351RB</t>
  </si>
  <si>
    <t>POINT (4.683952868028702 51.8368940808389)</t>
  </si>
  <si>
    <t>POINT (4.685669727084479 51.824976316265875)</t>
  </si>
  <si>
    <t>POINT (4.699405112338403 51.83384184680697)</t>
  </si>
  <si>
    <t>3356ES</t>
  </si>
  <si>
    <t>POINT (4.728199635742356 51.83384257370517)</t>
  </si>
  <si>
    <t>POINT (4.687066955680177 51.83484244032734)</t>
  </si>
  <si>
    <t>POINT (4.679563382663535 51.83251705685349)</t>
  </si>
  <si>
    <t>POINT (4.682057567793015 51.82717823891555)</t>
  </si>
  <si>
    <t>3353EB</t>
  </si>
  <si>
    <t>POINT (4.694653919907114 51.832374258148036)</t>
  </si>
  <si>
    <t>3351BE</t>
  </si>
  <si>
    <t>POINT (4.679282331782684 51.83535272686312)</t>
  </si>
  <si>
    <t>3351JW</t>
  </si>
  <si>
    <t>POINT (4.687651244430094 51.83493147741978)</t>
  </si>
  <si>
    <t>3355SB</t>
  </si>
  <si>
    <t>POINT (4.696255922242895 51.83770251311168)</t>
  </si>
  <si>
    <t>3352AP</t>
  </si>
  <si>
    <t>Walmolen</t>
  </si>
  <si>
    <t>POINT (4.690820105382873 51.84073573334462)</t>
  </si>
  <si>
    <t>3351AE</t>
  </si>
  <si>
    <t>Julianastraat</t>
  </si>
  <si>
    <t>POINT (4.68079447987949 51.824469482339865)</t>
  </si>
  <si>
    <t>POINT (4.684033302220569 51.83686202377269)</t>
  </si>
  <si>
    <t>POINT (4.685938500944299 51.83933846297124)</t>
  </si>
  <si>
    <t>POINT (4.71630291598164 51.83534613619851)</t>
  </si>
  <si>
    <t>3356XT</t>
  </si>
  <si>
    <t>POINT (4.706403162226138 51.827516175477236)</t>
  </si>
  <si>
    <t>POINT (4.676983463996005 51.822742162712565)</t>
  </si>
  <si>
    <t>POINT (4.703259689734749 51.83299032238115)</t>
  </si>
  <si>
    <t>3356ER</t>
  </si>
  <si>
    <t>Kolblei</t>
  </si>
  <si>
    <t>POINT (4.726905624925417 51.83289996604846)</t>
  </si>
  <si>
    <t>3356MB</t>
  </si>
  <si>
    <t>Tjalk</t>
  </si>
  <si>
    <t>POINT (4.714126897765131 51.83138687759839)</t>
  </si>
  <si>
    <t>3351CE</t>
  </si>
  <si>
    <t>Busken Huetstraat</t>
  </si>
  <si>
    <t>POINT (4.678325592370081 51.8319287872749)</t>
  </si>
  <si>
    <t>3351EJ</t>
  </si>
  <si>
    <t>Oudaenstraat</t>
  </si>
  <si>
    <t>POINT (4.675496914143873 51.83111898034615)</t>
  </si>
  <si>
    <t>POINT (4.707160440829136 51.83349353383994)</t>
  </si>
  <si>
    <t>POINT (4.695089129390771 51.83224537512213)</t>
  </si>
  <si>
    <t>POINT (4.691010610931363 51.82364241743917)</t>
  </si>
  <si>
    <t>POINT (4.6995427041698585 51.83801098428357)</t>
  </si>
  <si>
    <t>POINT (4.687037428344421 51.823293520217284)</t>
  </si>
  <si>
    <t>3353XG</t>
  </si>
  <si>
    <t>Hyacint</t>
  </si>
  <si>
    <t>3353XE-3353XG</t>
  </si>
  <si>
    <t>POINT (4.690873801581783 51.8328081143769)</t>
  </si>
  <si>
    <t>3353BD</t>
  </si>
  <si>
    <t>POINT (4.690160524530313 51.82879696165499)</t>
  </si>
  <si>
    <t>POINT (4.706614458276548 51.82604410139923)</t>
  </si>
  <si>
    <t>POINT (4.693111413769338 51.83065674975052)</t>
  </si>
  <si>
    <t>3355RD</t>
  </si>
  <si>
    <t>Larikshof</t>
  </si>
  <si>
    <t>POINT (4.707001225025687 51.835002358277315)</t>
  </si>
  <si>
    <t>3353SN</t>
  </si>
  <si>
    <t>POINT (4.686867741187357 51.824355190918645)</t>
  </si>
  <si>
    <t>POINT (4.681460617972085 51.836685248947205)</t>
  </si>
  <si>
    <t>POINT (4.735949382589125 51.83305561679541)</t>
  </si>
  <si>
    <t>3351TH</t>
  </si>
  <si>
    <t>POINT (4.679783811003694 51.830672270179605)</t>
  </si>
  <si>
    <t>POINT (4.702397570960272 51.83127009539876)</t>
  </si>
  <si>
    <t>3351RA</t>
  </si>
  <si>
    <t>POINT (4.6836714000181505 51.835696006630684)</t>
  </si>
  <si>
    <t>3354BD</t>
  </si>
  <si>
    <t>POINT (4.697001248089796 51.82859024133432)</t>
  </si>
  <si>
    <t>POINT (4.702456342698467 51.83716249113696)</t>
  </si>
  <si>
    <t>3352XJ</t>
  </si>
  <si>
    <t>POINT (4.688834880670811 51.84064498510267)</t>
  </si>
  <si>
    <t>POINT (4.724680262435168 51.833704150878475)</t>
  </si>
  <si>
    <t>POINT (4.696296537810614 51.8360200720979)</t>
  </si>
  <si>
    <t>3353BZ</t>
  </si>
  <si>
    <t>Duivenstraat</t>
  </si>
  <si>
    <t>3353BX-3353BZ</t>
  </si>
  <si>
    <t>POINT (4.689811531694892 51.82572662438491)</t>
  </si>
  <si>
    <t>POINT (4.692083580041521 51.82626148789497)</t>
  </si>
  <si>
    <t>3352BE</t>
  </si>
  <si>
    <t>POINT (4.693020014702653 51.83815477844745)</t>
  </si>
  <si>
    <t>POINT (4.683501719447371 51.827003923717335)</t>
  </si>
  <si>
    <t>POINT (4.68405885299148 51.82715474821381)</t>
  </si>
  <si>
    <t>POINT (4.694496519580037 51.84169250600698)</t>
  </si>
  <si>
    <t>POINT (4.684305810056638 51.83486327915654)</t>
  </si>
  <si>
    <t>POINT (4.699795779568546 51.83607532793215)</t>
  </si>
  <si>
    <t>POINT (4.703271004470241 51.83245898970417)</t>
  </si>
  <si>
    <t>POINT (4.695282347974071 51.82498532221908)</t>
  </si>
  <si>
    <t>3353VJ</t>
  </si>
  <si>
    <t>POINT (4.69103663103233 51.82866672004838)</t>
  </si>
  <si>
    <t>POINT (4.706345134070742 51.827545087905335)</t>
  </si>
  <si>
    <t>POINT (4.677318367099644 51.834541408051166)</t>
  </si>
  <si>
    <t>POINT (4.727351706073507 51.83213558427031)</t>
  </si>
  <si>
    <t>POINT (4.695721205880972 51.826575688748584)</t>
  </si>
  <si>
    <t>POINT (4.6892535967436375 51.82968703907027)</t>
  </si>
  <si>
    <t>3356CR</t>
  </si>
  <si>
    <t>Biezenhaak</t>
  </si>
  <si>
    <t>POINT (4.7200256651743215 51.83285973623431)</t>
  </si>
  <si>
    <t>POINT (4.714245258316698 51.83734333207605)</t>
  </si>
  <si>
    <t>POINT (4.7295738470232775 51.832277166180944)</t>
  </si>
  <si>
    <t>POINT (4.692206307702574 51.82921391345083)</t>
  </si>
  <si>
    <t>POINT (4.706452618510895 51.8283822021024)</t>
  </si>
  <si>
    <t>POINT (4.733206687915571 51.82856033179146)</t>
  </si>
  <si>
    <t>POINT (4.707140593903057 51.82623655929652)</t>
  </si>
  <si>
    <t>POINT (4.687674834061487 51.82298795847546)</t>
  </si>
  <si>
    <t>POINT (4.680513107900336 51.82656702551625)</t>
  </si>
  <si>
    <t>3351EM</t>
  </si>
  <si>
    <t>POINT (4.682141492265066 51.82839172527582)</t>
  </si>
  <si>
    <t>POINT (4.706990458469113 51.828982191866345)</t>
  </si>
  <si>
    <t>3351VH</t>
  </si>
  <si>
    <t>Govert Flinckstraat</t>
  </si>
  <si>
    <t>POINT (4.682902413909856 51.83469962506836)</t>
  </si>
  <si>
    <t>POINT (4.690923979406701 51.82851866514185)</t>
  </si>
  <si>
    <t>3356LJ</t>
  </si>
  <si>
    <t>Rietgorsweg</t>
  </si>
  <si>
    <t>3356LJ-3356LK</t>
  </si>
  <si>
    <t>POINT (4.7177544328475305 51.82584869023556)</t>
  </si>
  <si>
    <t>3353HA</t>
  </si>
  <si>
    <t>POINT (4.683270039970291 51.825308749334404)</t>
  </si>
  <si>
    <t>3356DH</t>
  </si>
  <si>
    <t>Kombuis</t>
  </si>
  <si>
    <t>POINT (4.725448329659315 51.83265231258202)</t>
  </si>
  <si>
    <t>POINT (4.6916333605562235 51.837274988458525)</t>
  </si>
  <si>
    <t>POINT (4.690703716060713 51.823438981370835)</t>
  </si>
  <si>
    <t>3351NC</t>
  </si>
  <si>
    <t>Houthaven</t>
  </si>
  <si>
    <t>POINT (4.680143269028286 51.82280372972849)</t>
  </si>
  <si>
    <t>POINT (4.676465081511452 51.83071694134871)</t>
  </si>
  <si>
    <t>3352AJ</t>
  </si>
  <si>
    <t>POINT (4.6842204733943005 51.83986677824579)</t>
  </si>
  <si>
    <t>POINT (4.688589387544804 51.82880113133214)</t>
  </si>
  <si>
    <t>3354AK</t>
  </si>
  <si>
    <t>J.H.A. Schaperstraat</t>
  </si>
  <si>
    <t>POINT (4.703686489808692 51.82991016746637)</t>
  </si>
  <si>
    <t>POINT (4.706424214436461 51.82849260649029)</t>
  </si>
  <si>
    <t>3355PC</t>
  </si>
  <si>
    <t>POINT (4.70122511545757 51.8332192112989)</t>
  </si>
  <si>
    <t>3351BL</t>
  </si>
  <si>
    <t>3351BK-3351BL</t>
  </si>
  <si>
    <t>POINT (4.680265014840205 51.83769475147671)</t>
  </si>
  <si>
    <t>3355BT</t>
  </si>
  <si>
    <t>POINT (4.701479989411831 51.837969444702395)</t>
  </si>
  <si>
    <t>POINT (4.706775808358972 51.83539558050991)</t>
  </si>
  <si>
    <t>3353BK</t>
  </si>
  <si>
    <t>Talingstraat</t>
  </si>
  <si>
    <t>POINT (4.6910040488955635 51.82734357856679)</t>
  </si>
  <si>
    <t>POINT (4.692507627818748 51.83309255006422)</t>
  </si>
  <si>
    <t>3352XR</t>
  </si>
  <si>
    <t>POINT (4.687146568687879 51.83829925211428)</t>
  </si>
  <si>
    <t>POINT (4.687834883137139 51.83795826292341)</t>
  </si>
  <si>
    <t>POINT (4.6880027905193105 51.82322211638614)</t>
  </si>
  <si>
    <t>3356BA</t>
  </si>
  <si>
    <t>POINT (4.712791584574537 51.83051986557826)</t>
  </si>
  <si>
    <t>POINT (4.687120268977777 51.82693638519427)</t>
  </si>
  <si>
    <t>POINT (4.7283198684270396 51.834092637431645)</t>
  </si>
  <si>
    <t>3353AD</t>
  </si>
  <si>
    <t>Badhuisstraat</t>
  </si>
  <si>
    <t>POINT (4.692923520561177 51.82467860636346)</t>
  </si>
  <si>
    <t>POINT (4.6799828968401425 51.83075843947874)</t>
  </si>
  <si>
    <t>POINT (4.693746361427096 51.838909792269575)</t>
  </si>
  <si>
    <t>POINT (4.680535033894882 51.84378868599136)</t>
  </si>
  <si>
    <t>POINT (4.7089018162804175 51.83775434427948)</t>
  </si>
  <si>
    <t>3356AH</t>
  </si>
  <si>
    <t>POINT (4.7093207563057815 51.82675780084112)</t>
  </si>
  <si>
    <t>3353CK</t>
  </si>
  <si>
    <t>Kievitsbloemstraat</t>
  </si>
  <si>
    <t>POINT (4.692916409501657 51.83053383647294)</t>
  </si>
  <si>
    <t>POINT (4.706762450302252 51.83432979418268)</t>
  </si>
  <si>
    <t>3351GB</t>
  </si>
  <si>
    <t>POINT (4.680275105768135 51.8301280999227)</t>
  </si>
  <si>
    <t>POINT (4.68314667836344 51.835887743564534)</t>
  </si>
  <si>
    <t>POINT (4.735992880531747 51.832584666674684)</t>
  </si>
  <si>
    <t>POINT (4.677680475787587 51.83435747830866)</t>
  </si>
  <si>
    <t>POINT (4.6930998204058865 51.83999597743287)</t>
  </si>
  <si>
    <t>POINT (4.685331456771866 51.82908268999186)</t>
  </si>
  <si>
    <t>POINT (4.695573112755004 51.83121286288375)</t>
  </si>
  <si>
    <t>POINT (4.675667356013859 51.83123726156199)</t>
  </si>
  <si>
    <t>POINT (4.69089091361573 51.833763429214564)</t>
  </si>
  <si>
    <t>3353CJ</t>
  </si>
  <si>
    <t>POINT (4.6910756863066965 51.83132427205969)</t>
  </si>
  <si>
    <t>POINT (4.697106259216269 51.836153902426254)</t>
  </si>
  <si>
    <t>POINT (4.696418199274641 51.836376827601775)</t>
  </si>
  <si>
    <t>POINT (4.696537795167735 51.82644992748975)</t>
  </si>
  <si>
    <t>POINT (4.707000265642333 51.837420525069774)</t>
  </si>
  <si>
    <t>3351VE</t>
  </si>
  <si>
    <t>POINT (4.6842383568032355 51.83450157688421)</t>
  </si>
  <si>
    <t>3355EK</t>
  </si>
  <si>
    <t>POINT (4.700322718538647 51.840837609137495)</t>
  </si>
  <si>
    <t>POINT (4.678563573737336 51.8235609622027)</t>
  </si>
  <si>
    <t>3354BB</t>
  </si>
  <si>
    <t>POINT (4.696661447333349 51.82913577660172)</t>
  </si>
  <si>
    <t>3356ET</t>
  </si>
  <si>
    <t>POINT (4.728719320645193 51.83281604285079)</t>
  </si>
  <si>
    <t>POINT (4.696284997319327 51.83962147712334)</t>
  </si>
  <si>
    <t>3356BJ</t>
  </si>
  <si>
    <t>3356BH-3356BJ</t>
  </si>
  <si>
    <t>POINT (4.710903501986996 51.82812196605032)</t>
  </si>
  <si>
    <t>POINT (4.698191833168262 51.8308496436291)</t>
  </si>
  <si>
    <t>POINT (4.680355009488687 51.836359051068136)</t>
  </si>
  <si>
    <t>POINT (4.684935717545707 51.825134522602546)</t>
  </si>
  <si>
    <t>POINT (4.70469291566376 51.82497018207559)</t>
  </si>
  <si>
    <t>3356DC</t>
  </si>
  <si>
    <t>Zalmhaak</t>
  </si>
  <si>
    <t>POINT (4.723550654328018 51.83174859025668)</t>
  </si>
  <si>
    <t>POINT (4.679445646240388 51.82896931869468)</t>
  </si>
  <si>
    <t>POINT (4.72838201311818 51.83251761618959)</t>
  </si>
  <si>
    <t>POINT (4.69220076863153 51.83247021228351)</t>
  </si>
  <si>
    <t>POINT (4.681149412154563 51.82222359138682)</t>
  </si>
  <si>
    <t>POINT (4.685513634362517 51.83905152401406)</t>
  </si>
  <si>
    <t>POINT (4.6952210081851895 51.824337796396655)</t>
  </si>
  <si>
    <t>POINT (4.696819094840323 51.83455891667199)</t>
  </si>
  <si>
    <t>POINT (4.731745289337993 51.83307444715365)</t>
  </si>
  <si>
    <t>3353GW</t>
  </si>
  <si>
    <t>POINT (4.686570697622041 51.828918787702484)</t>
  </si>
  <si>
    <t>3353AW</t>
  </si>
  <si>
    <t>Meeuwenstraat</t>
  </si>
  <si>
    <t>POINT (4.691775255244665 51.82711660276599)</t>
  </si>
  <si>
    <t>POINT (4.679724421105949 51.82595281686356)</t>
  </si>
  <si>
    <t>3354VB</t>
  </si>
  <si>
    <t>POINT (4.703303005118646 51.83125772027206)</t>
  </si>
  <si>
    <t>POINT (4.697797151312284 51.83013459964924)</t>
  </si>
  <si>
    <t>POINT (4.694165400782072 51.8246323642622)</t>
  </si>
  <si>
    <t>POINT (4.695960473191108 51.83583459093456)</t>
  </si>
  <si>
    <t>3353CZ</t>
  </si>
  <si>
    <t>Zonnedauw</t>
  </si>
  <si>
    <t>POINT (4.698565670852715 51.83304144982619)</t>
  </si>
  <si>
    <t>POINT (4.69284236974885 51.82385041603881)</t>
  </si>
  <si>
    <t>POINT (4.682431872659002 51.835682872969656)</t>
  </si>
  <si>
    <t>POINT (4.693510310881751 51.83298391034012)</t>
  </si>
  <si>
    <t>POINT (4.707595933273334 51.82598428797143)</t>
  </si>
  <si>
    <t>POINT (4.682982586441543 51.8369231314271)</t>
  </si>
  <si>
    <t>POINT (4.687093078546708 51.843648813206755)</t>
  </si>
  <si>
    <t>POINT (4.683181909636981 51.8259536328272)</t>
  </si>
  <si>
    <t>POINT (4.691065171809255 51.83260776910107)</t>
  </si>
  <si>
    <t>POINT (4.685759939013813 51.82615439531169)</t>
  </si>
  <si>
    <t>POINT (4.693968792862608 51.83296494714513)</t>
  </si>
  <si>
    <t>POINT (4.729775476798448 51.83284128786258)</t>
  </si>
  <si>
    <t>3353EZ</t>
  </si>
  <si>
    <t>3353EV-3353EZ</t>
  </si>
  <si>
    <t>POINT (4.694775131089629 51.831033922874845)</t>
  </si>
  <si>
    <t>POINT (4.694541406663383 51.84134401223264)</t>
  </si>
  <si>
    <t>POINT (4.688783429577431 51.82689001506984)</t>
  </si>
  <si>
    <t>3356AE</t>
  </si>
  <si>
    <t>POINT (4.709836661414166 51.82670279347943)</t>
  </si>
  <si>
    <t>POINT (4.691109817300299 51.82922375764792)</t>
  </si>
  <si>
    <t>POINT (4.6955058840429675 51.83880198963412)</t>
  </si>
  <si>
    <t>3354AM</t>
  </si>
  <si>
    <t>J.J. Vorrinkstraat</t>
  </si>
  <si>
    <t>POINT (4.703900002643147 51.82934137862808)</t>
  </si>
  <si>
    <t>POINT (4.69072736229606 51.83358665027066)</t>
  </si>
  <si>
    <t>POINT (4.708911057016915 51.83729862087902)</t>
  </si>
  <si>
    <t>POINT (4.6865787926552605 51.82355058235831)</t>
  </si>
  <si>
    <t>POINT (4.69766246268453 51.82536759317326)</t>
  </si>
  <si>
    <t>POINT (4.69845875112721 51.832730588989236)</t>
  </si>
  <si>
    <t>POINT (4.697220427522194 51.828940306923556)</t>
  </si>
  <si>
    <t>3354VN</t>
  </si>
  <si>
    <t>POINT (4.701639888722741 51.83025611491107)</t>
  </si>
  <si>
    <t>POINT (4.715183663468674 51.832698366958596)</t>
  </si>
  <si>
    <t>POINT (4.684399217408097 51.84005640296445)</t>
  </si>
  <si>
    <t>3355BE</t>
  </si>
  <si>
    <t>Toortsdreef</t>
  </si>
  <si>
    <t>3355BE-3355BG</t>
  </si>
  <si>
    <t>POINT (4.704540707027224 51.83789055563666)</t>
  </si>
  <si>
    <t>3353GZ</t>
  </si>
  <si>
    <t>POINT (4.687708252872844 51.825914367036106)</t>
  </si>
  <si>
    <t>3356ED</t>
  </si>
  <si>
    <t>POINT (4.721813593788768 51.83479174779473)</t>
  </si>
  <si>
    <t>POINT (4.711358942890814 51.82981289544807)</t>
  </si>
  <si>
    <t>POINT (4.683532622327978 51.83677898896448)</t>
  </si>
  <si>
    <t>3352BR</t>
  </si>
  <si>
    <t>3352BN-3352BR</t>
  </si>
  <si>
    <t>POINT (4.692779506388884 51.838856338740534)</t>
  </si>
  <si>
    <t>POINT (4.678690534023512 51.830307299066725)</t>
  </si>
  <si>
    <t>3355RP</t>
  </si>
  <si>
    <t>Duindoornhof</t>
  </si>
  <si>
    <t>POINT (4.710115231118151 51.83818831695073)</t>
  </si>
  <si>
    <t>POINT (4.691733755908117 51.83858703335304)</t>
  </si>
  <si>
    <t>3353ED</t>
  </si>
  <si>
    <t>POINT (4.692501910501807 51.832297444490585)</t>
  </si>
  <si>
    <t>POINT (4.69773164136534 51.82536097043362)</t>
  </si>
  <si>
    <t>3354AV</t>
  </si>
  <si>
    <t>H.J.A.M. Schaepmanlaan</t>
  </si>
  <si>
    <t>3354AT-3354AV</t>
  </si>
  <si>
    <t>POINT (4.70226999531196 51.82775912006201)</t>
  </si>
  <si>
    <t>3352BH</t>
  </si>
  <si>
    <t>POINT (4.693830575587319 51.83927583915271)</t>
  </si>
  <si>
    <t>POINT (4.679319500662006 51.83454952805974)</t>
  </si>
  <si>
    <t>3351BK</t>
  </si>
  <si>
    <t>POINT (4.681450290104833 51.83738438615974)</t>
  </si>
  <si>
    <t>POINT (4.711780787722383 51.83029204402407)</t>
  </si>
  <si>
    <t>3351AD</t>
  </si>
  <si>
    <t>POINT (4.68026879038408 51.8236937874284)</t>
  </si>
  <si>
    <t>POINT (4.680639398018465 51.84388155544381)</t>
  </si>
  <si>
    <t>3353CS</t>
  </si>
  <si>
    <t>3353CR-3353CS</t>
  </si>
  <si>
    <t>POINT (4.695082032745461 51.83278768044064)</t>
  </si>
  <si>
    <t>POINT (4.683590336840981 51.831273459702956)</t>
  </si>
  <si>
    <t>POINT (4.695228140833241 51.8383051964485)</t>
  </si>
  <si>
    <t>3356GD</t>
  </si>
  <si>
    <t>Wouter Oemlaan</t>
  </si>
  <si>
    <t>POINT (4.734258995919692 51.831250421036735)</t>
  </si>
  <si>
    <t>POINT (4.677893877259766 51.823037219783316)</t>
  </si>
  <si>
    <t>POINT (4.689796464274558 51.824174896867135)</t>
  </si>
  <si>
    <t>POINT (4.696331539092207 51.83347061730677)</t>
  </si>
  <si>
    <t>POINT (4.6942696945417834 51.83125373269508)</t>
  </si>
  <si>
    <t>3356EB</t>
  </si>
  <si>
    <t>POINT (4.7224503663076565 51.83494395493442)</t>
  </si>
  <si>
    <t>3351RW</t>
  </si>
  <si>
    <t>Veerplein</t>
  </si>
  <si>
    <t>POINT (4.681839723465631 51.822526327141844)</t>
  </si>
  <si>
    <t>3351GH</t>
  </si>
  <si>
    <t>POINT (4.68406858095376 51.82970733944439)</t>
  </si>
  <si>
    <t>POINT (4.730042579696036 51.83296830028538)</t>
  </si>
  <si>
    <t>POINT (4.707102004101831 51.83855215222901)</t>
  </si>
  <si>
    <t>POINT (4.6993064724728075 51.83067214755286)</t>
  </si>
  <si>
    <t>3353BJ</t>
  </si>
  <si>
    <t>POINT (4.688556161062742 51.82827277890128)</t>
  </si>
  <si>
    <t>POINT (4.694797789859329 51.832455033762244)</t>
  </si>
  <si>
    <t>3355CJ</t>
  </si>
  <si>
    <t>POINT (4.701417124693723 51.83914525659111)</t>
  </si>
  <si>
    <t>POINT (4.728497773123789 51.83286803044805)</t>
  </si>
  <si>
    <t>POINT (4.70750562530297 51.83730627637588)</t>
  </si>
  <si>
    <t>3354AP</t>
  </si>
  <si>
    <t>POINT (4.701135630924252 51.83188017375548)</t>
  </si>
  <si>
    <t>POINT (4.708264547665828 51.82612505408956)</t>
  </si>
  <si>
    <t>POINT (4.688888168519581 51.82979391591494)</t>
  </si>
  <si>
    <t>POINT (4.686186113739449 51.82396582342687)</t>
  </si>
  <si>
    <t>3356MH</t>
  </si>
  <si>
    <t>Zalmschouw</t>
  </si>
  <si>
    <t>POINT (4.715489196172716 51.83274588565435)</t>
  </si>
  <si>
    <t>POINT (4.735833935567948 51.83294046151149)</t>
  </si>
  <si>
    <t>3354AJ</t>
  </si>
  <si>
    <t>POINT (4.701141427930486 51.82853114269146)</t>
  </si>
  <si>
    <t>POINT (4.727215226294904 51.83401675268836)</t>
  </si>
  <si>
    <t>POINT (4.704952510759442 51.83822043184811)</t>
  </si>
  <si>
    <t>POINT (4.699430835380749 51.829032271057514)</t>
  </si>
  <si>
    <t>POINT (4.6913199453496155 51.83794594807979)</t>
  </si>
  <si>
    <t>POINT (4.702630282166671 51.83332768212357)</t>
  </si>
  <si>
    <t>POINT (4.694054140818205 51.829865153990376)</t>
  </si>
  <si>
    <t>3354BE</t>
  </si>
  <si>
    <t>POINT (4.700229107962879 51.83229045246678)</t>
  </si>
  <si>
    <t>3351GS</t>
  </si>
  <si>
    <t>POINT (4.68363702070679 51.82899711344323)</t>
  </si>
  <si>
    <t>POINT (4.7068302123861505 51.82581706793816)</t>
  </si>
  <si>
    <t>POINT (4.680022615945894 51.82648769484536)</t>
  </si>
  <si>
    <t>POINT (4.677571880310781 51.832820662219845)</t>
  </si>
  <si>
    <t>POINT (4.713547054718734 51.833295214923574)</t>
  </si>
  <si>
    <t>POINT (4.686385335566553 51.823927382158544)</t>
  </si>
  <si>
    <t>POINT (4.695073576370319 51.84119736425603)</t>
  </si>
  <si>
    <t>POINT (4.686872285090842 51.82299108261115)</t>
  </si>
  <si>
    <t>POINT (4.7007375598182515 51.83610172824957)</t>
  </si>
  <si>
    <t>POINT (4.705799644433318 51.83444490881091)</t>
  </si>
  <si>
    <t>POINT (4.679916225530976 51.830704438475834)</t>
  </si>
  <si>
    <t>POINT (4.689039736859917 51.823099895154385)</t>
  </si>
  <si>
    <t>POINT (4.707481079355955 51.83725884514231)</t>
  </si>
  <si>
    <t>POINT (4.682746808364733 51.83441452450838)</t>
  </si>
  <si>
    <t>3351BW</t>
  </si>
  <si>
    <t>POINT (4.680976066889651 51.836726118682414)</t>
  </si>
  <si>
    <t>3355BD</t>
  </si>
  <si>
    <t>Meelbeshof</t>
  </si>
  <si>
    <t>POINT (4.703629006254865 51.835984283109674)</t>
  </si>
  <si>
    <t>POINT (4.696882573239939 51.836966022126454)</t>
  </si>
  <si>
    <t>POINT (4.6998672851357375 51.837797535600515)</t>
  </si>
  <si>
    <t>POINT (4.687489208350026 51.83470625422938)</t>
  </si>
  <si>
    <t>POINT (4.730780439346482 51.82920314630739)</t>
  </si>
  <si>
    <t>3351HE</t>
  </si>
  <si>
    <t>POINT (4.681137173144593 51.83219825906859)</t>
  </si>
  <si>
    <t>3356CG</t>
  </si>
  <si>
    <t>Giebelhof</t>
  </si>
  <si>
    <t>POINT (4.718614723316315 51.83515399820238)</t>
  </si>
  <si>
    <t>POINT (4.694937080334831 51.83120398123583)</t>
  </si>
  <si>
    <t>POINT (4.685604043573104 51.82576750002602)</t>
  </si>
  <si>
    <t>POINT (4.690140173900597 51.82809619416942)</t>
  </si>
  <si>
    <t>POINT (4.6860088433114955 51.8282881242328)</t>
  </si>
  <si>
    <t>POINT (4.690066715664639 51.830205877331046)</t>
  </si>
  <si>
    <t>POINT (4.693980291346927 51.82974582518962)</t>
  </si>
  <si>
    <t>POINT (4.6809720681700195 51.824660490242124)</t>
  </si>
  <si>
    <t>3351JH</t>
  </si>
  <si>
    <t>3351JG-3351JH</t>
  </si>
  <si>
    <t>POINT (4.6851218026344705 51.837146071622826)</t>
  </si>
  <si>
    <t>POINT (4.695890675629579 51.82677858079292)</t>
  </si>
  <si>
    <t>POINT (4.681802076141606 51.823990190845045)</t>
  </si>
  <si>
    <t>POINT (4.723703006207833 51.833640106724786)</t>
  </si>
  <si>
    <t>POINT (4.7019856332485315 51.827856524155415)</t>
  </si>
  <si>
    <t>3352XE</t>
  </si>
  <si>
    <t>Paltrokmolen</t>
  </si>
  <si>
    <t>POINT (4.68854025835603 51.83730053092807)</t>
  </si>
  <si>
    <t>POINT (4.707304709747766 51.838174402184585)</t>
  </si>
  <si>
    <t>POINT (4.683913427443125 51.83114238190111)</t>
  </si>
  <si>
    <t>POINT (4.677030246861604 51.822634213350014)</t>
  </si>
  <si>
    <t>POINT (4.6948755997351075 51.83985390768758)</t>
  </si>
  <si>
    <t>POINT (4.6808670431198625 51.822946530874376)</t>
  </si>
  <si>
    <t>3351SK</t>
  </si>
  <si>
    <t>POINT (4.678273681943657 51.83781104723751)</t>
  </si>
  <si>
    <t>POINT (4.7018810041600405 51.82800862121384)</t>
  </si>
  <si>
    <t>3356BK</t>
  </si>
  <si>
    <t>3356BK-3356BL</t>
  </si>
  <si>
    <t>POINT (4.717337806825236 51.82976695181373)</t>
  </si>
  <si>
    <t>POINT (4.68749346281757 51.8256339084486)</t>
  </si>
  <si>
    <t>3353CN</t>
  </si>
  <si>
    <t>POINT (4.693841256475954 51.832328068294835)</t>
  </si>
  <si>
    <t>POINT (4.70697142950254 51.825822812176426)</t>
  </si>
  <si>
    <t>3353GD</t>
  </si>
  <si>
    <t>POINT (4.685677510130147 51.82475680603905)</t>
  </si>
  <si>
    <t>POINT (4.682237574421362 51.8272045423012)</t>
  </si>
  <si>
    <t>POINT (4.711024978228678 51.82751601455609)</t>
  </si>
  <si>
    <t>POINT (4.693543679706487 51.82435375606236)</t>
  </si>
  <si>
    <t>POINT (4.686783054751189 51.82307098959163)</t>
  </si>
  <si>
    <t>POINT (4.707724711314449 51.826023271141906)</t>
  </si>
  <si>
    <t>3353TN</t>
  </si>
  <si>
    <t>POINT (4.690565413684375 51.83063555564249)</t>
  </si>
  <si>
    <t>POINT (4.7080386542144 51.835308225053886)</t>
  </si>
  <si>
    <t>POINT (4.680306114646106 51.82221206155233)</t>
  </si>
  <si>
    <t>POINT (4.701491210520668 51.83129754105106)</t>
  </si>
  <si>
    <t>3353CX</t>
  </si>
  <si>
    <t>POINT (4.697540160195165 51.832436490057574)</t>
  </si>
  <si>
    <t>POINT (4.687480700336815 51.84428902881689)</t>
  </si>
  <si>
    <t>POINT (4.683023955615398 51.82808128730351)</t>
  </si>
  <si>
    <t>3352AB</t>
  </si>
  <si>
    <t>POINT (4.686906152398686 51.84095761743136)</t>
  </si>
  <si>
    <t>POINT (4.703881342009487 51.828511223959815)</t>
  </si>
  <si>
    <t>POINT (4.686849770372361 51.823047262162326)</t>
  </si>
  <si>
    <t>3356EP</t>
  </si>
  <si>
    <t>POINT (4.727714132078695 51.8333906057361)</t>
  </si>
  <si>
    <t>POINT (4.724451679673386 51.832917966311236)</t>
  </si>
  <si>
    <t>POINT (4.696474001828156 51.8348077233944)</t>
  </si>
  <si>
    <t>POINT (4.695050131317138 51.84213298665951)</t>
  </si>
  <si>
    <t>POINT (4.690876540405041 51.84249955573123)</t>
  </si>
  <si>
    <t>POINT (4.702473883993307 51.82803048990279)</t>
  </si>
  <si>
    <t>POINT (4.687135437537001 51.82298647728217)</t>
  </si>
  <si>
    <t>POINT (4.686366952776204 51.83901099476872)</t>
  </si>
  <si>
    <t>3351NE</t>
  </si>
  <si>
    <t>Plaet</t>
  </si>
  <si>
    <t>POINT (4.679803775974732 51.82246269488649)</t>
  </si>
  <si>
    <t>POINT (4.693007975220043 51.835837033957596)</t>
  </si>
  <si>
    <t>POINT (4.706276008377818 51.839032372175055)</t>
  </si>
  <si>
    <t>3354VE</t>
  </si>
  <si>
    <t>POINT (4.704044734159902 51.83074856388237)</t>
  </si>
  <si>
    <t>POINT (4.682663331120506 51.836232704133614)</t>
  </si>
  <si>
    <t>POINT (4.687430564433032 51.838925861958884)</t>
  </si>
  <si>
    <t>3353VK</t>
  </si>
  <si>
    <t>POINT (4.690246442659666 51.82975419576735)</t>
  </si>
  <si>
    <t>3353HG</t>
  </si>
  <si>
    <t>POINT (4.684304176517181 51.82665136112262)</t>
  </si>
  <si>
    <t>POINT (4.709471063396638 51.83728985526408)</t>
  </si>
  <si>
    <t>POINT (4.688740210687063 51.838107776358825)</t>
  </si>
  <si>
    <t>POINT (4.685741316368301 51.82955314271701)</t>
  </si>
  <si>
    <t>POINT (4.686729556537974 51.82547916083188)</t>
  </si>
  <si>
    <t>POINT (4.70880536124163 51.8289827803176)</t>
  </si>
  <si>
    <t>POINT (4.686771701214586 51.82344315082341)</t>
  </si>
  <si>
    <t>3351RZ</t>
  </si>
  <si>
    <t>Het Havenhoofd</t>
  </si>
  <si>
    <t>POINT (4.683064069066151 51.822732300982416)</t>
  </si>
  <si>
    <t>POINT (4.67794699259231 51.82285212273186)</t>
  </si>
  <si>
    <t>3351TC</t>
  </si>
  <si>
    <t>POINT (4.680576831696361 51.83184249653353)</t>
  </si>
  <si>
    <t>3351AC</t>
  </si>
  <si>
    <t>POINT (4.682701905619639 51.824001761479565)</t>
  </si>
  <si>
    <t>POINT (4.683631463433778 51.82929823573782)</t>
  </si>
  <si>
    <t>POINT (4.685192386373041 51.83948004223598)</t>
  </si>
  <si>
    <t>POINT (4.680335167199315 51.82365957188575)</t>
  </si>
  <si>
    <t>3356XR</t>
  </si>
  <si>
    <t>POINT (4.706570380664212 51.82826534968871)</t>
  </si>
  <si>
    <t>POINT (4.694993937399387 51.83282266610627)</t>
  </si>
  <si>
    <t>POINT (4.699535503049754 51.83194236055718)</t>
  </si>
  <si>
    <t>POINT (4.678296511826544 51.82347261795745)</t>
  </si>
  <si>
    <t>3356BT</t>
  </si>
  <si>
    <t>Pieter Zeemanlaan</t>
  </si>
  <si>
    <t>POINT (4.708196378642045 51.82766586801493)</t>
  </si>
  <si>
    <t>POINT (4.693401301963168 51.842466844853526)</t>
  </si>
  <si>
    <t>POINT (4.691974270932536 51.840277115513565)</t>
  </si>
  <si>
    <t>POINT (4.694834761092026 51.83249535910809)</t>
  </si>
  <si>
    <t>3351JN</t>
  </si>
  <si>
    <t>POINT (4.685249092667871 51.83633519485953)</t>
  </si>
  <si>
    <t>POINT (4.693758233724584 51.83868524558501)</t>
  </si>
  <si>
    <t>POINT (4.695240945519025 51.83972938487387)</t>
  </si>
  <si>
    <t>POINT (4.701255079915106 51.83325322857488)</t>
  </si>
  <si>
    <t>3354AD</t>
  </si>
  <si>
    <t>Cort v.d. Lindenstraat</t>
  </si>
  <si>
    <t>POINT (4.704004972169849 51.82784509505411)</t>
  </si>
  <si>
    <t>POINT (4.701289109443002 51.83148573276262)</t>
  </si>
  <si>
    <t>POINT (4.685602756657603 51.82890835914856)</t>
  </si>
  <si>
    <t>POINT (4.697967934988405 51.82889479351356)</t>
  </si>
  <si>
    <t>POINT (4.698961494984281 51.83563135445742)</t>
  </si>
  <si>
    <t>3355SC</t>
  </si>
  <si>
    <t>Heidezoom</t>
  </si>
  <si>
    <t>POINT (4.695465214506658 51.83618974476601)</t>
  </si>
  <si>
    <t>3352AM</t>
  </si>
  <si>
    <t>POINT (4.691294238564425 51.8406875971611)</t>
  </si>
  <si>
    <t>3356AD</t>
  </si>
  <si>
    <t>POINT (4.720854541623254 51.82958188318692)</t>
  </si>
  <si>
    <t>POINT (4.679344315706971 51.83463418892313)</t>
  </si>
  <si>
    <t>3353BV</t>
  </si>
  <si>
    <t>3353BV-3353BW</t>
  </si>
  <si>
    <t>POINT (4.689777657823151 51.82523369255987)</t>
  </si>
  <si>
    <t>POINT (4.681366626581537 51.83777335191347)</t>
  </si>
  <si>
    <t>3353AH</t>
  </si>
  <si>
    <t>Edelweisslaan</t>
  </si>
  <si>
    <t>POINT (4.692484601871504 51.82704278181109)</t>
  </si>
  <si>
    <t>POINT (4.699462288447479 51.83952903318503)</t>
  </si>
  <si>
    <t>POINT (4.684358789581714 51.826521361736724)</t>
  </si>
  <si>
    <t>POINT (4.680528278496069 51.832276949089696)</t>
  </si>
  <si>
    <t>POINT (4.715074621895949 51.83199398788558)</t>
  </si>
  <si>
    <t>POINT (4.6908948681096145 51.82899628365298)</t>
  </si>
  <si>
    <t>POINT (4.7154890743713755 51.83560172972504)</t>
  </si>
  <si>
    <t>POINT (4.687859045122599 51.824347537651605)</t>
  </si>
  <si>
    <t>POINT (4.679932913555223 51.830962980618295)</t>
  </si>
  <si>
    <t>POINT (4.701037460276737 51.83598132609963)</t>
  </si>
  <si>
    <t>3355SH</t>
  </si>
  <si>
    <t>Sleutelbloemplein</t>
  </si>
  <si>
    <t>POINT (4.694035797000953 51.83696717137916)</t>
  </si>
  <si>
    <t>POINT (4.724202836164697 51.83297588599265)</t>
  </si>
  <si>
    <t>POINT (4.6982066400607385 51.82628318940418)</t>
  </si>
  <si>
    <t>POINT (4.6892505617282625 51.83711759464222)</t>
  </si>
  <si>
    <t>POINT (4.680387222659935 51.82334907566043)</t>
  </si>
  <si>
    <t>POINT (4.686214863119069 51.83945250728081)</t>
  </si>
  <si>
    <t>POINT (4.70801840837307 51.83746172698562)</t>
  </si>
  <si>
    <t>POINT (4.682611090162483 51.835814706496755)</t>
  </si>
  <si>
    <t>3354BH</t>
  </si>
  <si>
    <t>POINT (4.69958966545685 51.831855595980436)</t>
  </si>
  <si>
    <t>POINT (4.677607469713736 51.82932253104918)</t>
  </si>
  <si>
    <t>POINT (4.6808719824583465 51.82248695266785)</t>
  </si>
  <si>
    <t>POINT (4.7345468216263304 51.831836029137655)</t>
  </si>
  <si>
    <t>POINT (4.707748370580204 51.833564775322614)</t>
  </si>
  <si>
    <t>POINT (4.704353209914153 51.83466617249515)</t>
  </si>
  <si>
    <t>POINT (4.68183458308001 51.83792471071492)</t>
  </si>
  <si>
    <t>3354XW</t>
  </si>
  <si>
    <t>POINT (4.697979415064891 51.82595303305801)</t>
  </si>
  <si>
    <t>3352BV</t>
  </si>
  <si>
    <t>POINT (4.692262317601283 51.837182750647024)</t>
  </si>
  <si>
    <t>POINT (4.731213950238762 51.83284311476684)</t>
  </si>
  <si>
    <t>POINT (4.684611442454991 51.82574372925753)</t>
  </si>
  <si>
    <t>3356BE-3356BG</t>
  </si>
  <si>
    <t>POINT (4.711556274987435 51.82847645232345)</t>
  </si>
  <si>
    <t>RD</t>
  </si>
  <si>
    <t>POINT (4.68123536561482 51.823633259851555)</t>
  </si>
  <si>
    <t>3353AM</t>
  </si>
  <si>
    <t>POINT (4.68962440643533 51.827418038162634)</t>
  </si>
  <si>
    <t>POINT (4.6792952591884855 51.83762996038637)</t>
  </si>
  <si>
    <t>POINT (4.684658035155579 51.82615695565829)</t>
  </si>
  <si>
    <t>POINT (4.708206860664096 51.82769228330558)</t>
  </si>
  <si>
    <t>POINT (4.702831699361228 51.836091438351446)</t>
  </si>
  <si>
    <t>POINT (4.690412702349624 51.824715502511886)</t>
  </si>
  <si>
    <t>POINT (4.687926362342423 51.83651154790038)</t>
  </si>
  <si>
    <t>POINT (4.704046255819704 51.8376739390413)</t>
  </si>
  <si>
    <t>3354BS</t>
  </si>
  <si>
    <t>3351JP</t>
  </si>
  <si>
    <t>Jan van Scorelstraat</t>
  </si>
  <si>
    <t>POINT (4.688838413799827 51.83340595629464)</t>
  </si>
  <si>
    <t>3352VA</t>
  </si>
  <si>
    <t>POINT (4.688348552800658 51.8444974844282)</t>
  </si>
  <si>
    <t>POINT (4.695406348565944 51.83869393514105)</t>
  </si>
  <si>
    <t>POINT (4.679754010563597 51.83278480906559)</t>
  </si>
  <si>
    <t>POINT (4.68173881994869 51.83857130824368)</t>
  </si>
  <si>
    <t>POINT (4.706593577964172 51.838572558264524)</t>
  </si>
  <si>
    <t>POINT (4.689131586562411 51.829550522149944)</t>
  </si>
  <si>
    <t>POINT (4.694907968169198 51.84124509719778)</t>
  </si>
  <si>
    <t>POINT (4.735632178197149 51.83284142903364)</t>
  </si>
  <si>
    <t>ZW</t>
  </si>
  <si>
    <t>POINT (4.6882915318853 51.82560746361367)</t>
  </si>
  <si>
    <t>3353AG</t>
  </si>
  <si>
    <t>3353AE-3353AG</t>
  </si>
  <si>
    <t>POINT (4.690738171331019 51.8258060489289)</t>
  </si>
  <si>
    <t>3354XN</t>
  </si>
  <si>
    <t>POINT (4.6917016764991635 51.82510607256903)</t>
  </si>
  <si>
    <t>POINT (4.68023639154609 51.83637401299289)</t>
  </si>
  <si>
    <t>3354BT</t>
  </si>
  <si>
    <t>POINT (4.69946723990814 51.82959461548803)</t>
  </si>
  <si>
    <t>POINT (4.693970074444502 51.82446116366098)</t>
  </si>
  <si>
    <t>POINT (4.703796918269366 51.838638090362224)</t>
  </si>
  <si>
    <t>POINT (4.682201464892154 51.834880799364406)</t>
  </si>
  <si>
    <t>POINT (4.6873151872699985 51.82296024174751)</t>
  </si>
  <si>
    <t>POINT (4.687974001619913 51.82875878906033)</t>
  </si>
  <si>
    <t>POINT (4.706421227667562 51.828403188269995)</t>
  </si>
  <si>
    <t>POINT (4.697769008431859 51.82935314229623)</t>
  </si>
  <si>
    <t>3351JT</t>
  </si>
  <si>
    <t>POINT (4.686913457460245 51.83553089928655)</t>
  </si>
  <si>
    <t>3356EL</t>
  </si>
  <si>
    <t>POINT (4.721619656055585 51.83413343721224)</t>
  </si>
  <si>
    <t>POINT (4.6856310593526045 51.83631723574406)</t>
  </si>
  <si>
    <t>3351HH</t>
  </si>
  <si>
    <t>POINT (4.684172326648748 51.82995167896098)</t>
  </si>
  <si>
    <t>POINT (4.685388248826062 51.82956450630458)</t>
  </si>
  <si>
    <t>POINT (4.686363504118673 51.825783767288655)</t>
  </si>
  <si>
    <t>POINT (4.680691142141426 51.831818348951685)</t>
  </si>
  <si>
    <t>3351RC</t>
  </si>
  <si>
    <t>POINT (4.6837800347468335 51.83655820064058)</t>
  </si>
  <si>
    <t>POINT (4.685998995539088 51.83525229401056)</t>
  </si>
  <si>
    <t>POINT (4.67898004507214 51.83078927368298)</t>
  </si>
  <si>
    <t>POINT (4.672006205938537 51.83166777991163)</t>
  </si>
  <si>
    <t>POINT (4.6888637991651985 51.825949858531665)</t>
  </si>
  <si>
    <t>3352CA</t>
  </si>
  <si>
    <t>POINT (4.690084569017795 51.843614002828474)</t>
  </si>
  <si>
    <t>POINT (4.676947544940028 51.82295690912883)</t>
  </si>
  <si>
    <t>POINT (4.6952807099918425 51.83856035182756)</t>
  </si>
  <si>
    <t>POINT (4.6839245526671975 51.82402657662393)</t>
  </si>
  <si>
    <t>3356XL</t>
  </si>
  <si>
    <t>POINT (4.706916424592081 51.82911412037162)</t>
  </si>
  <si>
    <t>3355PA</t>
  </si>
  <si>
    <t>3355ET-3355PA</t>
  </si>
  <si>
    <t>POINT (4.700966753984133 51.83409526993284)</t>
  </si>
  <si>
    <t>3356DG</t>
  </si>
  <si>
    <t>Gangboord</t>
  </si>
  <si>
    <t>POINT (4.72153365778075 51.83334320127878)</t>
  </si>
  <si>
    <t>POINT (4.693820392293449 51.842733703023754)</t>
  </si>
  <si>
    <t>POINT (4.700483199979077 51.83352067566795)</t>
  </si>
  <si>
    <t>POINT (4.685798512203577 51.83012770601918)</t>
  </si>
  <si>
    <t>3351VK</t>
  </si>
  <si>
    <t>Pieter Brueghelstraat</t>
  </si>
  <si>
    <t>POINT (4.684511700095859 51.83507960089692)</t>
  </si>
  <si>
    <t>POINT (4.703831479238887 51.83312432898456)</t>
  </si>
  <si>
    <t>3355PJ</t>
  </si>
  <si>
    <t>Abelenhof</t>
  </si>
  <si>
    <t>POINT (4.701697878235601 51.834940283650745)</t>
  </si>
  <si>
    <t>POINT (4.683715510619557 51.82593743461475)</t>
  </si>
  <si>
    <t>POINT (4.68044302695743 51.82264590558786)</t>
  </si>
  <si>
    <t>POINT (4.688501405751992 51.823019308496704)</t>
  </si>
  <si>
    <t>POINT (4.687732522950364 51.83559044225556)</t>
  </si>
  <si>
    <t>POINT (4.701273612593722 51.82890875460912)</t>
  </si>
  <si>
    <t>POINT (4.684368083934384 51.834176776107455)</t>
  </si>
  <si>
    <t>POINT (4.700711352284992 51.8336641472591)</t>
  </si>
  <si>
    <t>POINT (4.69372984594013 51.82477039208785)</t>
  </si>
  <si>
    <t>POINT (4.684280771678533 51.82600628541712)</t>
  </si>
  <si>
    <t>POINT (4.6857589553253085 51.82892602950604)</t>
  </si>
  <si>
    <t>3355BP</t>
  </si>
  <si>
    <t>Asterhof</t>
  </si>
  <si>
    <t>POINT (4.703311476639538 51.83873859672186)</t>
  </si>
  <si>
    <t>POINT (4.681319926293175 51.83211438848648)</t>
  </si>
  <si>
    <t>POINT (4.701044122077003 51.83179581095098)</t>
  </si>
  <si>
    <t>POINT (4.729162389019968 51.832712794334114)</t>
  </si>
  <si>
    <t>3355PH</t>
  </si>
  <si>
    <t>POINT (4.701545884351204 51.834662654209886)</t>
  </si>
  <si>
    <t>3352AL</t>
  </si>
  <si>
    <t>POINT (4.689741587953805 51.841451378692796)</t>
  </si>
  <si>
    <t>POINT (4.683656873710725 51.827888087329846)</t>
  </si>
  <si>
    <t>POINT (4.705556976837204 51.83876962405791)</t>
  </si>
  <si>
    <t>POINT (4.678689300582996 51.82302430740933)</t>
  </si>
  <si>
    <t>POINT (4.6968004961746805 51.83371891869361)</t>
  </si>
  <si>
    <t>POINT (4.6953240606092255 51.83782282082714)</t>
  </si>
  <si>
    <t>POINT (4.7041290906562265 51.835560018640116)</t>
  </si>
  <si>
    <t>POINT (4.6862479628379115 51.82388483653723)</t>
  </si>
  <si>
    <t>POINT (4.705243657002364 51.83832195102452)</t>
  </si>
  <si>
    <t>POINT (4.679942262010536 51.83650108454198)</t>
  </si>
  <si>
    <t>POINT (4.68002395316181 51.8308305780282)</t>
  </si>
  <si>
    <t>3355RG</t>
  </si>
  <si>
    <t>Ranonkeldreef</t>
  </si>
  <si>
    <t>POINT (4.7083254408284665 51.83585140320048)</t>
  </si>
  <si>
    <t>POINT (4.679409283041389 51.831121916776375)</t>
  </si>
  <si>
    <t>POINT (4.699323431429639 51.83585924310647)</t>
  </si>
  <si>
    <t>POINT (4.735816076803269 51.832906268656835)</t>
  </si>
  <si>
    <t>3353AZ</t>
  </si>
  <si>
    <t>POINT (4.68882610340116 51.827504373138325)</t>
  </si>
  <si>
    <t>POINT (4.725508987322355 51.83243801551221)</t>
  </si>
  <si>
    <t>3354XB</t>
  </si>
  <si>
    <t>Cortenaerstraat</t>
  </si>
  <si>
    <t>POINT (4.695168118679251 51.826938689283374)</t>
  </si>
  <si>
    <t>POINT (4.691217466020339 51.82577421368582)</t>
  </si>
  <si>
    <t>3356MN</t>
  </si>
  <si>
    <t>Klipperaak</t>
  </si>
  <si>
    <t>POINT (4.715424547086887 51.83374628125561)</t>
  </si>
  <si>
    <t>POINT (4.685250138540911 51.834784526238145)</t>
  </si>
  <si>
    <t>3352BK</t>
  </si>
  <si>
    <t>POINT (4.69317536139905 51.84040203578069)</t>
  </si>
  <si>
    <t>POINT (4.690633598587951 51.841247059603084)</t>
  </si>
  <si>
    <t>POINT (4.685942613070737 51.82403738366403)</t>
  </si>
  <si>
    <t>3351CP</t>
  </si>
  <si>
    <t>Jacques Perkstraat</t>
  </si>
  <si>
    <t>POINT (4.676574462273221 51.833957418165575)</t>
  </si>
  <si>
    <t>POINT (4.689146699933669 51.823201887348695)</t>
  </si>
  <si>
    <t>POINT (4.679396267104195 51.82859135382742)</t>
  </si>
  <si>
    <t>POINT (4.6769416307189715 51.823003605375)</t>
  </si>
  <si>
    <t>POINT (4.715386288065526 51.83222435248818)</t>
  </si>
  <si>
    <t>POINT (4.685551707511173 51.82586520839432)</t>
  </si>
  <si>
    <t>POINT (4.676864733460131 51.82270480643292)</t>
  </si>
  <si>
    <t>POINT (4.681713824676471 51.823193220758945)</t>
  </si>
  <si>
    <t>3351RE</t>
  </si>
  <si>
    <t>POINT (4.68263149724613 51.83417015041484)</t>
  </si>
  <si>
    <t>3353XA</t>
  </si>
  <si>
    <t>Sneeuwklokje</t>
  </si>
  <si>
    <t>POINT (4.691606484689902 51.83368613555436)</t>
  </si>
  <si>
    <t>POINT (4.698036836110342 51.825995347149515)</t>
  </si>
  <si>
    <t>POINT (4.704109580080336 51.828952419976765)</t>
  </si>
  <si>
    <t>3355PL</t>
  </si>
  <si>
    <t>POINT (4.703541976077532 51.834773916626204)</t>
  </si>
  <si>
    <t>3352AR</t>
  </si>
  <si>
    <t>POINT (4.682493503630553 51.846730957333925)</t>
  </si>
  <si>
    <t>POINT (4.681937437829137 51.8241953073711)</t>
  </si>
  <si>
    <t>POINT (4.698679162242794 51.83417943777937)</t>
  </si>
  <si>
    <t>POINT (4.68417383472869 51.827027168931714)</t>
  </si>
  <si>
    <t>POINT (4.693850868811416 51.829978864243245)</t>
  </si>
  <si>
    <t>3351JD</t>
  </si>
  <si>
    <t>Frans van Mierisstraat</t>
  </si>
  <si>
    <t>POINT (4.685362194614344 51.83502930068081)</t>
  </si>
  <si>
    <t>POINT (4.680701361495814 51.83931838029389)</t>
  </si>
  <si>
    <t>POINT (4.6990198404136585 51.82972436001103)</t>
  </si>
  <si>
    <t>POINT (4.69635893589062 51.83390560355674)</t>
  </si>
  <si>
    <t>POINT (4.692783448562326 51.842400856016134)</t>
  </si>
  <si>
    <t>3351SL</t>
  </si>
  <si>
    <t>POINT (4.678363331982799 51.837357770038814)</t>
  </si>
  <si>
    <t>POINT (4.692450997993843 51.83513463022731)</t>
  </si>
  <si>
    <t>POINT (4.676109770128806 51.832447333782696)</t>
  </si>
  <si>
    <t>POINT (4.684427256344165 51.82665552277339)</t>
  </si>
  <si>
    <t>POINT (4.693530775093674 51.825475893856314)</t>
  </si>
  <si>
    <t>POINT (4.686893373628722 51.84393863800847)</t>
  </si>
  <si>
    <t>POINT (4.6840804409655075 51.827991415006494)</t>
  </si>
  <si>
    <t>3351JJ</t>
  </si>
  <si>
    <t>POINT (4.686358085899728 51.83680512195038)</t>
  </si>
  <si>
    <t>POINT (4.707381824277581 51.83714495990895)</t>
  </si>
  <si>
    <t>POINT (4.685704427183373 51.83436628585066)</t>
  </si>
  <si>
    <t>POINT (4.677759088109584 51.82946056038462)</t>
  </si>
  <si>
    <t>POINT (4.689265893521551 51.83315963920581)</t>
  </si>
  <si>
    <t>POINT (4.693248564651291 51.83322600923179)</t>
  </si>
  <si>
    <t>POINT (4.701413130665497 51.83120497844225)</t>
  </si>
  <si>
    <t>3355EB</t>
  </si>
  <si>
    <t>POINT (4.7045502101014245 51.839052192152124)</t>
  </si>
  <si>
    <t>POINT (4.687743098632626 51.82290083383824)</t>
  </si>
  <si>
    <t>POINT (4.679500683854938 51.831079331332106)</t>
  </si>
  <si>
    <t>POINT (4.696149366349352 51.832048990625324)</t>
  </si>
  <si>
    <t>POINT (4.691435480118089 51.82584267832497)</t>
  </si>
  <si>
    <t>POINT (4.692648397719536 51.835109003180484)</t>
  </si>
  <si>
    <t>3351TE</t>
  </si>
  <si>
    <t>POINT (4.680170931490083 51.831412138975885)</t>
  </si>
  <si>
    <t>POINT (4.698210033565937 51.82997525534945)</t>
  </si>
  <si>
    <t>POINT (4.711399990970641 51.829297805015976)</t>
  </si>
  <si>
    <t>3351BX</t>
  </si>
  <si>
    <t>POINT (4.680358543789108 51.83730368859131)</t>
  </si>
  <si>
    <t>POINT (4.698291421460046 51.83231623798289)</t>
  </si>
  <si>
    <t>3355BH</t>
  </si>
  <si>
    <t>Campanulahof</t>
  </si>
  <si>
    <t>POINT (4.706005628978655 51.83710976516712)</t>
  </si>
  <si>
    <t>POINT (4.690997839711774 51.82474997651751)</t>
  </si>
  <si>
    <t>POINT (4.693158529057937 51.824596590591455)</t>
  </si>
  <si>
    <t>3355EJ</t>
  </si>
  <si>
    <t>POINT (4.699229515695853 51.84110506455261)</t>
  </si>
  <si>
    <t>POINT (4.6796313709313235 51.83565169006549)</t>
  </si>
  <si>
    <t>POINT (4.68894049876267 51.82772091597425)</t>
  </si>
  <si>
    <t>POINT (4.676901850404126 51.8319336729544)</t>
  </si>
  <si>
    <t>POINT (4.700484341071719 51.83534781846872)</t>
  </si>
  <si>
    <t>POINT (4.694185776673844 51.836533717271976)</t>
  </si>
  <si>
    <t>POINT (4.685238006975158 51.83323873126984)</t>
  </si>
  <si>
    <t>POINT (4.694073868725068 51.83894031014052)</t>
  </si>
  <si>
    <t>POINT (4.701675461322271 51.83461608583884)</t>
  </si>
  <si>
    <t>POINT (4.684740665217268 51.8353543246964)</t>
  </si>
  <si>
    <t>POINT (4.684295515424495 51.828177662511536)</t>
  </si>
  <si>
    <t>POINT (4.700681993596956 51.835515794396834)</t>
  </si>
  <si>
    <t>POINT (4.697514155919642 51.829797005057486)</t>
  </si>
  <si>
    <t>POINT (4.699518109822446 51.831907059189994)</t>
  </si>
  <si>
    <t>POINT (4.689819672735953 51.825674862205354)</t>
  </si>
  <si>
    <t>POINT (4.690441931600722 51.83860445188592)</t>
  </si>
  <si>
    <t>POINT (4.724812144903812 51.83393415853325)</t>
  </si>
  <si>
    <t>POINT (4.691356841811337 51.837434111458535)</t>
  </si>
  <si>
    <t>POINT (4.691491232251973 51.837555310650814)</t>
  </si>
  <si>
    <t>3351EK</t>
  </si>
  <si>
    <t>POINT (4.675555763633131 51.83212451093042)</t>
  </si>
  <si>
    <t>POINT (4.697912609728951 51.82589167982622)</t>
  </si>
  <si>
    <t>POINT (4.683733250481859 51.83377349143092)</t>
  </si>
  <si>
    <t>POINT (4.711787733417088 51.83012385293501)</t>
  </si>
  <si>
    <t>POINT (4.735002709904404 51.83112308805836)</t>
  </si>
  <si>
    <t>3356BC</t>
  </si>
  <si>
    <t>POINT (4.711262787090368 51.830336198729775)</t>
  </si>
  <si>
    <t>POINT (4.682721309468118 51.82459598291285)</t>
  </si>
  <si>
    <t>POINT (4.695257809881117 51.837133038583545)</t>
  </si>
  <si>
    <t>POINT (4.704373845811658 51.83481046105464)</t>
  </si>
  <si>
    <t>3351EB</t>
  </si>
  <si>
    <t>POINT (4.679739842596973 51.82787390157643)</t>
  </si>
  <si>
    <t>POINT (4.684469638684803 51.828509028842)</t>
  </si>
  <si>
    <t>POINT (4.701299633832548 51.83043118528768)</t>
  </si>
  <si>
    <t>3353TE</t>
  </si>
  <si>
    <t>POINT (4.693335558280453 51.83014696300686)</t>
  </si>
  <si>
    <t>POINT (4.697207987095951 51.829198531218104)</t>
  </si>
  <si>
    <t>POINT (4.691699630274986 51.83073563725983)</t>
  </si>
  <si>
    <t>POINT (4.694725409123458 51.83245214392724)</t>
  </si>
  <si>
    <t>POINT (4.694292941639972 51.82999477776154)</t>
  </si>
  <si>
    <t>3354XC</t>
  </si>
  <si>
    <t>POINT (4.695064226916742 51.82687611803211)</t>
  </si>
  <si>
    <t>POINT (4.694319025082284 51.83859755577675)</t>
  </si>
  <si>
    <t>POINT (4.688361076434666 51.83578889747864)</t>
  </si>
  <si>
    <t>POINT (4.709125353592043 51.8287093255827)</t>
  </si>
  <si>
    <t>3351GG</t>
  </si>
  <si>
    <t>Erasmusplein</t>
  </si>
  <si>
    <t>POINT (4.682795514456647 51.830319006558334)</t>
  </si>
  <si>
    <t>POINT (4.724203981317941 51.83385056500637)</t>
  </si>
  <si>
    <t>POINT (4.681021914984447 51.831602418556336)</t>
  </si>
  <si>
    <t>POINT (4.6773180022571434 51.831012669546006)</t>
  </si>
  <si>
    <t>3354AR</t>
  </si>
  <si>
    <t>POINT (4.704061017847537 51.82847725905542)</t>
  </si>
  <si>
    <t>3355EL</t>
  </si>
  <si>
    <t>POINT (4.698214056651839 51.84086261015351)</t>
  </si>
  <si>
    <t>POINT (4.6917138959557585 51.831447837597075)</t>
  </si>
  <si>
    <t>POINT (4.70374269229992 51.827706257878745)</t>
  </si>
  <si>
    <t>POINT (4.68778822603879 51.83898591601286)</t>
  </si>
  <si>
    <t>3353XJ</t>
  </si>
  <si>
    <t>Gele krokus</t>
  </si>
  <si>
    <t>3353XH-3353XJ</t>
  </si>
  <si>
    <t>POINT (4.690183004606817 51.832164446199194)</t>
  </si>
  <si>
    <t>POINT (4.692409770569655 51.83780812644775)</t>
  </si>
  <si>
    <t>POINT (4.719740915449567 51.83305231654035)</t>
  </si>
  <si>
    <t>POINT (4.679129431943427 51.834636416561814)</t>
  </si>
  <si>
    <t>POINT (4.715703460564159 51.83499146980281)</t>
  </si>
  <si>
    <t>POINT (4.729295700554489 51.832964539358876)</t>
  </si>
  <si>
    <t>POINT (4.6867547101709865 51.83453238425796)</t>
  </si>
  <si>
    <t>POINT (4.68669827880157 51.8231433276804)</t>
  </si>
  <si>
    <t>POINT (4.682730199318973 51.83602522515376)</t>
  </si>
  <si>
    <t>POINT (4.695703819177575 51.83184876977452)</t>
  </si>
  <si>
    <t>POINT (4.682383710765593 51.82831407083821)</t>
  </si>
  <si>
    <t>3356BL</t>
  </si>
  <si>
    <t>Eijkmanstraat</t>
  </si>
  <si>
    <t>POINT (4.712481504692005 51.82915719733124)</t>
  </si>
  <si>
    <t>POINT (4.699869959217134 51.832531950993)</t>
  </si>
  <si>
    <t>POINT (4.683982773262608 51.83595141476657)</t>
  </si>
  <si>
    <t>POINT (4.693736720635335 51.84005174034313)</t>
  </si>
  <si>
    <t>POINT (4.692205302431176 51.830453962079815)</t>
  </si>
  <si>
    <t>POINT (4.690860678448625 51.82421636092261)</t>
  </si>
  <si>
    <t>POINT (4.696555153075683 51.82658095813152)</t>
  </si>
  <si>
    <t>POINT (4.680186014001632 51.84330474908693)</t>
  </si>
  <si>
    <t>POINT (4.728391090215734 51.83289206056668)</t>
  </si>
  <si>
    <t>POINT (4.678935903162916 51.83208392991501)</t>
  </si>
  <si>
    <t>POINT (4.69131323740073 51.82368844518435)</t>
  </si>
  <si>
    <t>POINT (4.692896191191887 51.83182909624742)</t>
  </si>
  <si>
    <t>POINT (4.706988928591726 51.83855391507091)</t>
  </si>
  <si>
    <t>POINT (4.677909625720179 51.835954904768734)</t>
  </si>
  <si>
    <t>POINT (4.72411756905177 51.83015626138333)</t>
  </si>
  <si>
    <t>POINT (4.6939858817103755 51.82953991054863)</t>
  </si>
  <si>
    <t>POINT (4.690235219214796 51.8301384294404)</t>
  </si>
  <si>
    <t>POINT (4.706596652829922 51.828275901865716)</t>
  </si>
  <si>
    <t>3351GA</t>
  </si>
  <si>
    <t>POINT (4.680992804719284 51.83044853268706)</t>
  </si>
  <si>
    <t>POINT (4.700556474115024 51.840471153182065)</t>
  </si>
  <si>
    <t>POINT (4.6797887780798675 51.83156277843646)</t>
  </si>
  <si>
    <t>POINT (4.680061873378998 51.82693032583545)</t>
  </si>
  <si>
    <t>POINT (4.682803564259167 51.82327571992591)</t>
  </si>
  <si>
    <t>POINT (4.701428320485752 51.83378264615864)</t>
  </si>
  <si>
    <t>3354BA</t>
  </si>
  <si>
    <t>3354AW-3354BA</t>
  </si>
  <si>
    <t>POINT (4.696613420899367 51.828267245751896)</t>
  </si>
  <si>
    <t>3351BA</t>
  </si>
  <si>
    <t>POINT (4.683020459517305 51.83765818874448)</t>
  </si>
  <si>
    <t>POINT (4.700924066588876 51.83223696317709)</t>
  </si>
  <si>
    <t>POINT (4.689104068453223 51.82798365615246)</t>
  </si>
  <si>
    <t>POINT (4.7066076909691 51.835021910788626)</t>
  </si>
  <si>
    <t>POINT (4.686297072968933 51.82578892560421)</t>
  </si>
  <si>
    <t>POINT (4.697942499101328 51.82831085028855)</t>
  </si>
  <si>
    <t>POINT (4.682425393007337 51.82727027158778)</t>
  </si>
  <si>
    <t>POINT (4.68231038671353 51.827172764260254)</t>
  </si>
  <si>
    <t>POINT (4.707540130950338 51.83496123754398)</t>
  </si>
  <si>
    <t>POINT (4.678979177702665 51.838094061084675)</t>
  </si>
  <si>
    <t>3355ES</t>
  </si>
  <si>
    <t>De Biezen</t>
  </si>
  <si>
    <t>3355EN-3355ES</t>
  </si>
  <si>
    <t>POINT (4.700858059010534 51.84141744074365)</t>
  </si>
  <si>
    <t>BU05900504</t>
  </si>
  <si>
    <t>Buitengebied Wilgendonk</t>
  </si>
  <si>
    <t>3351LD</t>
  </si>
  <si>
    <t>Noordhoek</t>
  </si>
  <si>
    <t>POINT (4.676439673055437 51.83923135425997)</t>
  </si>
  <si>
    <t>BU05900902</t>
  </si>
  <si>
    <t>Bedrijventerrein Slobbengors De Werven</t>
  </si>
  <si>
    <t>POINT (4.696373356699925 51.83209349040528)</t>
  </si>
  <si>
    <t>POINT (4.730016374782574 51.832925718384075)</t>
  </si>
  <si>
    <t>POINT (4.686994602497143 51.83966705393967)</t>
  </si>
  <si>
    <t>POINT (4.698346071298389 51.832433132239096)</t>
  </si>
  <si>
    <t>POINT (4.68897922145219 51.833575285884194)</t>
  </si>
  <si>
    <t>POINT (4.720213219658872 51.83465596260335)</t>
  </si>
  <si>
    <t>POINT (4.7141146618398935 51.83208560063503)</t>
  </si>
  <si>
    <t>3356DB</t>
  </si>
  <si>
    <t>POINT (4.725343469194835 51.83394291700604)</t>
  </si>
  <si>
    <t>POINT (4.685641297201131 51.8241468445482)</t>
  </si>
  <si>
    <t>POINT (4.687962028879781 51.82536799413992)</t>
  </si>
  <si>
    <t>POINT (4.681727974137763 51.82724618115683)</t>
  </si>
  <si>
    <t>POINT (4.6982364963320435 51.833114043094746)</t>
  </si>
  <si>
    <t>POINT (4.683026918423 51.838240124891485)</t>
  </si>
  <si>
    <t>POINT (4.719774715852705 51.83452770173934)</t>
  </si>
  <si>
    <t>3355CE</t>
  </si>
  <si>
    <t>POINT (4.697127294506045 51.8387251147219)</t>
  </si>
  <si>
    <t>3353XK</t>
  </si>
  <si>
    <t>POINT (4.691944723888659 51.832999789624736)</t>
  </si>
  <si>
    <t>POINT (4.690925132850564 51.83116686899084)</t>
  </si>
  <si>
    <t>3353BG</t>
  </si>
  <si>
    <t>POINT (4.69036034240848 51.828383394157996)</t>
  </si>
  <si>
    <t>POINT (4.677390486874984 51.831308079384236)</t>
  </si>
  <si>
    <t>POINT (4.69969221541643 51.840717048635234)</t>
  </si>
  <si>
    <t>POINT (4.696531231350519 51.82635193967267)</t>
  </si>
  <si>
    <t>POINT (4.721130188442185 51.83525921701422)</t>
  </si>
  <si>
    <t>POINT (4.684975879667237 51.83400037099273)</t>
  </si>
  <si>
    <t>POINT (4.682174267948928 51.830779135995066)</t>
  </si>
  <si>
    <t>POINT (4.6885670607514225 51.829020123574985)</t>
  </si>
  <si>
    <t>POINT (4.681415881119189 51.823742847509536)</t>
  </si>
  <si>
    <t>POINT (4.6918814973081515 51.825881383729836)</t>
  </si>
  <si>
    <t>3354BP</t>
  </si>
  <si>
    <t>POINT (4.70049095014838 51.83052366031073)</t>
  </si>
  <si>
    <t>POINT (4.694378777659164 51.82457023603757)</t>
  </si>
  <si>
    <t>POINT (4.6828749073275695 51.83029718212452)</t>
  </si>
  <si>
    <t>POINT (4.696580540942785 51.83492891469272)</t>
  </si>
  <si>
    <t>POINT (4.69143213212511 51.82586504020128)</t>
  </si>
  <si>
    <t>POINT (4.692087255768629 51.83760416188118)</t>
  </si>
  <si>
    <t>POINT (4.685717499569702 51.82598347423147)</t>
  </si>
  <si>
    <t>POINT (4.692682452278953 51.84271970533375)</t>
  </si>
  <si>
    <t>POINT (4.681327133386449 51.8224130535846)</t>
  </si>
  <si>
    <t>POINT (4.716071227776721 51.83543324188385)</t>
  </si>
  <si>
    <t>POINT (4.684615348003263 51.828548965729624)</t>
  </si>
  <si>
    <t>POINT (4.684921213681548 51.82916800142724)</t>
  </si>
  <si>
    <t>POINT (4.701239910491247 51.84026492247124)</t>
  </si>
  <si>
    <t>POINT (4.692924322542882 51.838976645110385)</t>
  </si>
  <si>
    <t>POINT (4.697222073023117 51.83471286112219)</t>
  </si>
  <si>
    <t>POINT (4.699706290768152 51.83010815211517)</t>
  </si>
  <si>
    <t>POINT (4.6935770214255434 51.832669064146856)</t>
  </si>
  <si>
    <t>3351SJ</t>
  </si>
  <si>
    <t>POINT (4.6801412894897245 51.838987192900994)</t>
  </si>
  <si>
    <t>POINT (4.694586732758421 51.824502187873115)</t>
  </si>
  <si>
    <t>POINT (4.695830066227776 51.826734242404996)</t>
  </si>
  <si>
    <t>POINT (4.691648830941604 51.83020229204462)</t>
  </si>
  <si>
    <t>POINT (4.703917724202187 51.8349091718253)</t>
  </si>
  <si>
    <t>3353GC</t>
  </si>
  <si>
    <t>POINT (4.690517049452363 51.82453298725286)</t>
  </si>
  <si>
    <t>POINT (4.6890904159784865 51.837194483997806)</t>
  </si>
  <si>
    <t>POINT (4.693237010660265 51.83799573117053)</t>
  </si>
  <si>
    <t>POINT (4.675844921733143 51.83101370237216)</t>
  </si>
  <si>
    <t>POINT (4.682514441262843 51.82514904429864)</t>
  </si>
  <si>
    <t>POINT (4.679651329270833 51.83144822568185)</t>
  </si>
  <si>
    <t>POINT (4.701672424142768 51.83143131656446)</t>
  </si>
  <si>
    <t>POINT (4.699990717166934 51.83631765200527)</t>
  </si>
  <si>
    <t>POINT (4.715316988872788 51.83346547257837)</t>
  </si>
  <si>
    <t>POINT (4.697976052100893 51.82585706858954)</t>
  </si>
  <si>
    <t>POINT (4.6796107510951535 51.831056462578296)</t>
  </si>
  <si>
    <t>POINT (4.680851970761726 51.82988173311084)</t>
  </si>
  <si>
    <t>POINT (4.684672129260641 51.829215193438955)</t>
  </si>
  <si>
    <t>POINT (4.683793514287851 51.835316572874405)</t>
  </si>
  <si>
    <t>POINT (4.6799037104653065 51.836460394404604)</t>
  </si>
  <si>
    <t>POINT (4.699974392856509 51.83565661383015)</t>
  </si>
  <si>
    <t>POINT (4.676313914198513 51.833247490281245)</t>
  </si>
  <si>
    <t>POINT (4.679103487902685 51.83267933315434)</t>
  </si>
  <si>
    <t>POINT (4.735746825732321 51.832718804631845)</t>
  </si>
  <si>
    <t>POINT (4.681327587757133 51.82573775255381)</t>
  </si>
  <si>
    <t>POINT (4.684363539165951 51.8375895730745)</t>
  </si>
  <si>
    <t>POINT (4.679558932807598 51.83594317757725)</t>
  </si>
  <si>
    <t>POINT (4.73054564891288 51.828688889167864)</t>
  </si>
  <si>
    <t>POINT (4.7007993807293955 51.83331431227058)</t>
  </si>
  <si>
    <t>POINT (4.687268543506808 51.83988866623571)</t>
  </si>
  <si>
    <t>3356EV</t>
  </si>
  <si>
    <t>Graskarper</t>
  </si>
  <si>
    <t>POINT (4.728270565826465 51.833308006007584)</t>
  </si>
  <si>
    <t>POINT (4.733820169428491 51.83218656034459)</t>
  </si>
  <si>
    <t>POINT (4.691283817990114 51.82544910134359)</t>
  </si>
  <si>
    <t>POINT (4.715390872759604 51.83301255457246)</t>
  </si>
  <si>
    <t>POINT (4.683278865738965 51.83418223168844)</t>
  </si>
  <si>
    <t>POINT (4.69966212020108 51.829146532191196)</t>
  </si>
  <si>
    <t>POINT (4.688994194461667 51.82745833553667)</t>
  </si>
  <si>
    <t>3351EP</t>
  </si>
  <si>
    <t>POINT (4.676756324381362 51.83049329599944)</t>
  </si>
  <si>
    <t>POINT (4.699299250194226 51.83775946753756)</t>
  </si>
  <si>
    <t>POINT (4.699222028243051 51.83767585227867)</t>
  </si>
  <si>
    <t>POINT (4.6911529570405825 51.83140399206986)</t>
  </si>
  <si>
    <t>POINT (4.729042036128243 51.83187789606495)</t>
  </si>
  <si>
    <t>POINT (4.683285349643519 51.82728474408356)</t>
  </si>
  <si>
    <t>POINT (4.679528367238627 51.830535064814875)</t>
  </si>
  <si>
    <t>POINT (4.679489425988429 51.82827760939365)</t>
  </si>
  <si>
    <t>POINT (4.690812773959935 51.824555721668744)</t>
  </si>
  <si>
    <t>3351RT</t>
  </si>
  <si>
    <t>Beatrixgantel</t>
  </si>
  <si>
    <t>3351AG-3351AK</t>
  </si>
  <si>
    <t>POINT (4.683815969530636 51.82497242193871)</t>
  </si>
  <si>
    <t>POINT (4.696608967277415 51.82643734867883)</t>
  </si>
  <si>
    <t>POINT (4.707081616584172 51.83513136132516)</t>
  </si>
  <si>
    <t>POINT (4.683805995383708 51.82590799075574)</t>
  </si>
  <si>
    <t>POINT (4.677271193357784 51.83131697583506)</t>
  </si>
  <si>
    <t>POINT (4.695495290136976 51.841675042134995)</t>
  </si>
  <si>
    <t>POINT (4.707253822212252 51.82583802119508)</t>
  </si>
  <si>
    <t>POINT (4.693388718363577 51.82486432093052)</t>
  </si>
  <si>
    <t>POINT (4.685450699739945 51.82963923373484)</t>
  </si>
  <si>
    <t>POINT (4.694678392982937 51.836610025392886)</t>
  </si>
  <si>
    <t>POINT (4.676702803548275 51.82287285803822)</t>
  </si>
  <si>
    <t>3353BX</t>
  </si>
  <si>
    <t>POINT (4.68982857653251 51.825871919233386)</t>
  </si>
  <si>
    <t>POINT (4.676689791762286 51.835643019952684)</t>
  </si>
  <si>
    <t>POINT (4.675922609286421 51.83016272315523)</t>
  </si>
  <si>
    <t>POINT (4.716648183716244 51.83232920179657)</t>
  </si>
  <si>
    <t>POINT (4.684093282901796 51.82940634980848)</t>
  </si>
  <si>
    <t>POINT (4.680212292782842 51.83827774275903)</t>
  </si>
  <si>
    <t>POINT (4.691284754121529 51.83378955754463)</t>
  </si>
  <si>
    <t>POINT (4.684609233592226 51.82850847123561)</t>
  </si>
  <si>
    <t>3354XA</t>
  </si>
  <si>
    <t>POINT (4.69707790038575 51.82698947426152)</t>
  </si>
  <si>
    <t>POINT (4.697210336151763 51.825850187916345)</t>
  </si>
  <si>
    <t>POINT (4.704156825306974 51.82896515314314)</t>
  </si>
  <si>
    <t>POINT (4.682666961722896 51.83586598942848)</t>
  </si>
  <si>
    <t>POINT (4.699952726603495 51.83177681541812)</t>
  </si>
  <si>
    <t>POINT (4.682150899497814 51.825847859096164)</t>
  </si>
  <si>
    <t>3353CE</t>
  </si>
  <si>
    <t>POINT (4.692327788054155 51.8312321414085)</t>
  </si>
  <si>
    <t>POINT (4.689629535690187 51.830542044022486)</t>
  </si>
  <si>
    <t>POINT (4.689933916607918 51.82384502118431)</t>
  </si>
  <si>
    <t>POINT (4.679463397793676 51.83319095307034)</t>
  </si>
  <si>
    <t>POINT (4.697629758882742 51.83508553414574)</t>
  </si>
  <si>
    <t>POINT (4.698590808767833 51.83285191922029)</t>
  </si>
  <si>
    <t>POINT (4.690212830571647 51.84409756132293)</t>
  </si>
  <si>
    <t>POINT (4.687758595615436 51.84017568148759)</t>
  </si>
  <si>
    <t>POINT (4.70770783129844 51.83688890089236)</t>
  </si>
  <si>
    <t>POINT (4.693446896082365 51.83197459731387)</t>
  </si>
  <si>
    <t>POINT (4.687675820541923 51.836339936366954)</t>
  </si>
  <si>
    <t>POINT (4.69676515785916 51.83871496769566)</t>
  </si>
  <si>
    <t>POINT (4.703738788670504 51.83342919588974)</t>
  </si>
  <si>
    <t>3351NG</t>
  </si>
  <si>
    <t>Sleep</t>
  </si>
  <si>
    <t>POINT (4.678737977949159 51.822574116709625)</t>
  </si>
  <si>
    <t>POINT (4.69884777351776 51.83878509283708)</t>
  </si>
  <si>
    <t>POINT (4.688985149665394 51.825538388129665)</t>
  </si>
  <si>
    <t>POINT (4.678408321515515 51.83283701434286)</t>
  </si>
  <si>
    <t>POINT (4.682301652176259 51.825790967505384)</t>
  </si>
  <si>
    <t>3351ES</t>
  </si>
  <si>
    <t>Pootstraat</t>
  </si>
  <si>
    <t>POINT (4.675192218745406 51.83129446070667)</t>
  </si>
  <si>
    <t>POINT (4.702237146327606 51.833401082104395)</t>
  </si>
  <si>
    <t>POINT (4.704302169862299 51.830281601482916)</t>
  </si>
  <si>
    <t>POINT (4.707197730930311 51.83569676201143)</t>
  </si>
  <si>
    <t>POINT (4.677847775942565 51.82339966046513)</t>
  </si>
  <si>
    <t>POINT (4.691671083299334 51.83323646634871)</t>
  </si>
  <si>
    <t>POINT (4.692933140267385 51.831870716436995)</t>
  </si>
  <si>
    <t>POINT (4.701789352216358 51.82872766204113)</t>
  </si>
  <si>
    <t>POINT (4.685640288019329 51.83883396499528)</t>
  </si>
  <si>
    <t>POINT (4.694666009202077 51.83896466720297)</t>
  </si>
  <si>
    <t>POINT (4.703822072432221 51.83608634037214)</t>
  </si>
  <si>
    <t>POINT (4.698707823854862 51.83421317840675)</t>
  </si>
  <si>
    <t>POINT (4.68450157616496 51.83346344575138)</t>
  </si>
  <si>
    <t>POINT (4.695663510403499 51.82644641580849)</t>
  </si>
  <si>
    <t>POINT (4.700419317990458 51.83487999358257)</t>
  </si>
  <si>
    <t>3351NH</t>
  </si>
  <si>
    <t>Stoep</t>
  </si>
  <si>
    <t>POINT (4.677717666551852 51.822916578645575)</t>
  </si>
  <si>
    <t>POINT (4.70653809778942 51.82819461074936)</t>
  </si>
  <si>
    <t>3356CV</t>
  </si>
  <si>
    <t>Griendwerker</t>
  </si>
  <si>
    <t>POINT (4.718877468842905 51.83174894476409)</t>
  </si>
  <si>
    <t>3355CA</t>
  </si>
  <si>
    <t>Lindenzoom</t>
  </si>
  <si>
    <t>3355BV-3355CA</t>
  </si>
  <si>
    <t>POINT (4.698174002710505 51.837746262102264)</t>
  </si>
  <si>
    <t>POINT (4.687627624311859 51.836291065598054)</t>
  </si>
  <si>
    <t>3356BX</t>
  </si>
  <si>
    <t>POINT (4.707799727293896 51.82863549519816)</t>
  </si>
  <si>
    <t>POINT (4.702020664601287 51.83731664781766)</t>
  </si>
  <si>
    <t>POINT (4.690197263485678 51.84173390076473)</t>
  </si>
  <si>
    <t>POINT (4.680584460592255 51.83127737233971)</t>
  </si>
  <si>
    <t>POINT (4.721888797873667 51.83477476308673)</t>
  </si>
  <si>
    <t>POINT (4.6731518988023035 51.829905715749625)</t>
  </si>
  <si>
    <t>POINT (4.689698390863217 51.83159070827735)</t>
  </si>
  <si>
    <t>POINT (4.679827192544703 51.838377623847066)</t>
  </si>
  <si>
    <t>POINT (4.696549906084628 51.82604774817771)</t>
  </si>
  <si>
    <t>POINT (4.694057539833979 51.829573438857466)</t>
  </si>
  <si>
    <t>POINT (4.680593837910286 51.836995437407985)</t>
  </si>
  <si>
    <t>POINT (4.705634955106107 51.83786228026485)</t>
  </si>
  <si>
    <t>POINT (4.698005662301253 51.8259242078059)</t>
  </si>
  <si>
    <t>POINT (4.679503341185337 51.83051661305123)</t>
  </si>
  <si>
    <t>3355BR</t>
  </si>
  <si>
    <t>Akeleizoom</t>
  </si>
  <si>
    <t>POINT (4.7023941686274044 51.838312761924286)</t>
  </si>
  <si>
    <t>POINT (4.720277287036336 51.83474053189446)</t>
  </si>
  <si>
    <t>3353AS</t>
  </si>
  <si>
    <t>het Weense Plein</t>
  </si>
  <si>
    <t>POINT (4.693936822912377 51.82724243041356)</t>
  </si>
  <si>
    <t>POINT (4.688041879166902 51.84388810841393)</t>
  </si>
  <si>
    <t>3353GM</t>
  </si>
  <si>
    <t>POINT (4.697574664109186 51.82414332801998)</t>
  </si>
  <si>
    <t>POINT (4.678617469420089 51.82699171772563)</t>
  </si>
  <si>
    <t>POINT (4.68675492671502 51.826319229400355)</t>
  </si>
  <si>
    <t>POINT (4.696696164772544 51.83586987731649)</t>
  </si>
  <si>
    <t>3356LK</t>
  </si>
  <si>
    <t>Rosmolenweg</t>
  </si>
  <si>
    <t>POINT (4.731869823057635 51.82638900308226)</t>
  </si>
  <si>
    <t>POINT (4.681782725693767 51.82260001515009)</t>
  </si>
  <si>
    <t>3356DD</t>
  </si>
  <si>
    <t>Vlethaak</t>
  </si>
  <si>
    <t>POINT (4.722705442109733 51.83212090811288)</t>
  </si>
  <si>
    <t>POINT (4.680703332277256 51.83056340053296)</t>
  </si>
  <si>
    <t>POINT (4.70267252317259 51.82831048480966)</t>
  </si>
  <si>
    <t>POINT (4.686700202608646 51.834986704305855)</t>
  </si>
  <si>
    <t>POINT (4.680297472697224 51.82592415302319)</t>
  </si>
  <si>
    <t>POINT (4.678587080374279 51.82364626265307)</t>
  </si>
  <si>
    <t>POINT (4.677455040893133 51.822608576462486)</t>
  </si>
  <si>
    <t>POINT (4.688654844805018 51.82327836679809)</t>
  </si>
  <si>
    <t>POINT (4.7059868033287895 51.834884792571636)</t>
  </si>
  <si>
    <t>POINT (4.68988176809918 51.828309649698525)</t>
  </si>
  <si>
    <t>POINT (4.694732995915772 51.82412155490591)</t>
  </si>
  <si>
    <t>POINT (4.728614585004177 51.83402409017292)</t>
  </si>
  <si>
    <t>POINT (4.677700033883612 51.82253565856937)</t>
  </si>
  <si>
    <t>3352AC</t>
  </si>
  <si>
    <t>POINT (4.68887313297326 51.84097532004457)</t>
  </si>
  <si>
    <t>POINT (4.727512212888649 51.831824159207464)</t>
  </si>
  <si>
    <t>POINT (4.688963923525281 51.84384881410778)</t>
  </si>
  <si>
    <t>POINT (4.721790289546621 51.83510042836143)</t>
  </si>
  <si>
    <t>POINT (4.729976354237713 51.82945860665027)</t>
  </si>
  <si>
    <t>POINT (4.695481605269353 51.8411553292057)</t>
  </si>
  <si>
    <t>POINT (4.684410540085513 51.82657397654505)</t>
  </si>
  <si>
    <t>POINT (4.678552750992073 51.82906311235731)</t>
  </si>
  <si>
    <t>POINT (4.679888113376756 51.82822347386804)</t>
  </si>
  <si>
    <t>POINT (4.7011563156023 51.82906931619694)</t>
  </si>
  <si>
    <t>POINT (4.68716627742456 51.836111976426)</t>
  </si>
  <si>
    <t>3351BM</t>
  </si>
  <si>
    <t>Jacob van Ruysdaelstraat</t>
  </si>
  <si>
    <t>POINT (4.680479194195517 51.83505032440713)</t>
  </si>
  <si>
    <t>3352CC</t>
  </si>
  <si>
    <t>POINT (4.691590944863227 51.84278120650912)</t>
  </si>
  <si>
    <t>POINT (4.69365804645259 51.83859248438409)</t>
  </si>
  <si>
    <t>POINT (4.694250722194267 51.837461008059705)</t>
  </si>
  <si>
    <t>POINT (4.696524819287242 51.835334468421934)</t>
  </si>
  <si>
    <t>POINT (4.700334356630863 51.83028655885854)</t>
  </si>
  <si>
    <t>POINT (4.699875566422465 51.83180292506128)</t>
  </si>
  <si>
    <t>POINT (4.6784704901805165 51.82935400079432)</t>
  </si>
  <si>
    <t>POINT (4.68453986976278 51.826688996542494)</t>
  </si>
  <si>
    <t>POINT (4.684346883188893 51.828203776507586)</t>
  </si>
  <si>
    <t>POINT (4.702021974567 51.83604172715336)</t>
  </si>
  <si>
    <t>POINT (4.6838564497930175 51.82602404892743)</t>
  </si>
  <si>
    <t>POINT (4.680196009325904 51.82372569022768)</t>
  </si>
  <si>
    <t>POINT (4.704244182583642 51.83035631018038)</t>
  </si>
  <si>
    <t>POINT (4.694228364375259 51.83000922780229)</t>
  </si>
  <si>
    <t>POINT (4.701501149768212 51.83376290110711)</t>
  </si>
  <si>
    <t>POINT (4.700887886706387 51.824323824289806)</t>
  </si>
  <si>
    <t>POINT (4.690198282186802 51.84314237062736)</t>
  </si>
  <si>
    <t>POINT (4.687058336990312 51.823000830684165)</t>
  </si>
  <si>
    <t>POINT (4.699459703584645 51.82913404770925)</t>
  </si>
  <si>
    <t>POINT (4.688438796118726 51.83345795952769)</t>
  </si>
  <si>
    <t>POINT (4.689076177720897 51.83068394785414)</t>
  </si>
  <si>
    <t>POINT (4.7041000058871925 51.8284260170538)</t>
  </si>
  <si>
    <t>POINT (4.684842312420242 51.82593791748343)</t>
  </si>
  <si>
    <t>POINT (4.7231059681676655 51.83209524702193)</t>
  </si>
  <si>
    <t>3352BN</t>
  </si>
  <si>
    <t>POINT (4.6926609163495145 51.838958754767454)</t>
  </si>
  <si>
    <t>POINT (4.684414939953367 51.82831508591951)</t>
  </si>
  <si>
    <t>POINT (4.678870944120797 51.82263330955272)</t>
  </si>
  <si>
    <t>POINT (4.708978761176091 51.82895698722663)</t>
  </si>
  <si>
    <t>POINT (4.693782273415553 51.84282966515232)</t>
  </si>
  <si>
    <t>3356BS</t>
  </si>
  <si>
    <t>POINT (4.7090338115948125 51.82812050013996)</t>
  </si>
  <si>
    <t>POINT (4.67972216448836 51.83620182981586)</t>
  </si>
  <si>
    <t>POINT (4.702774555603712 51.836022090566345)</t>
  </si>
  <si>
    <t>POINT (4.6831210811219215 51.827361546626264)</t>
  </si>
  <si>
    <t>POINT (4.681108179007929 51.83686764849628)</t>
  </si>
  <si>
    <t>POINT (4.6814786236580295 51.82378412315092)</t>
  </si>
  <si>
    <t>POINT (4.678778799620668 51.8229245252362)</t>
  </si>
  <si>
    <t>POINT (4.707343682122875 51.83705238996898)</t>
  </si>
  <si>
    <t>POINT (4.685712527893555 51.82887134379343)</t>
  </si>
  <si>
    <t>POINT (4.6831212066835075 51.82276839162624)</t>
  </si>
  <si>
    <t>POINT (4.68825886600384 51.823822672076574)</t>
  </si>
  <si>
    <t>POINT (4.733902461866485 51.83215536947346)</t>
  </si>
  <si>
    <t>POINT (4.687850672504442 51.824188802173246)</t>
  </si>
  <si>
    <t>POINT (4.70422616091737 51.83043310304113)</t>
  </si>
  <si>
    <t>POINT (4.6837614544840624 51.82707387519757)</t>
  </si>
  <si>
    <t>3353GJ</t>
  </si>
  <si>
    <t>POINT (4.694545123857549 51.82481597852569)</t>
  </si>
  <si>
    <t>POINT (4.679784615329781 51.82813882425925)</t>
  </si>
  <si>
    <t>POINT (4.67933508151064 51.83614822522002)</t>
  </si>
  <si>
    <t>POINT (4.684553085903953 51.82621815137984)</t>
  </si>
  <si>
    <t>POINT (4.683281337063563 51.82750077117398)</t>
  </si>
  <si>
    <t>POINT (4.686768131885821 51.82296718949166)</t>
  </si>
  <si>
    <t>POINT (4.68818004583861 51.82788805492451)</t>
  </si>
  <si>
    <t>3353CD</t>
  </si>
  <si>
    <t>POINT (4.692063061440949 51.83101501754977)</t>
  </si>
  <si>
    <t>POINT (4.675173814871677 51.83187337997472)</t>
  </si>
  <si>
    <t>3351CV</t>
  </si>
  <si>
    <t>POINT (4.677900973146733 51.83466124275198)</t>
  </si>
  <si>
    <t>POINT (4.693083071532518 51.832033326607466)</t>
  </si>
  <si>
    <t>POINT (4.706914183695917 51.833855076593814)</t>
  </si>
  <si>
    <t>POINT (4.678335533075081 51.82972172053594)</t>
  </si>
  <si>
    <t>POINT (4.700852997831714 51.835107281507256)</t>
  </si>
  <si>
    <t>POINT (4.69086392923564 51.8400438059978)</t>
  </si>
  <si>
    <t>POINT (4.683689185639327 51.827119239239245)</t>
  </si>
  <si>
    <t>POINT (4.700836867846339 51.83335545667829)</t>
  </si>
  <si>
    <t>POINT (4.683010800772748 51.82736161315735)</t>
  </si>
  <si>
    <t>POINT (4.681723649025456 51.82599992370577)</t>
  </si>
  <si>
    <t>POINT (4.676162263636537 51.833296692521365)</t>
  </si>
  <si>
    <t>POINT (4.694165313291281 51.833089197851756)</t>
  </si>
  <si>
    <t>POINT (4.673951470107149 51.82975674503573)</t>
  </si>
  <si>
    <t>POINT (4.68323987143554 51.82963893065559)</t>
  </si>
  <si>
    <t>POINT (4.688714837491658 51.82679303292202)</t>
  </si>
  <si>
    <t>3356CE</t>
  </si>
  <si>
    <t>POINT (4.718066361282723 51.835148527881515)</t>
  </si>
  <si>
    <t>POINT (4.683973601085789 51.83787487432204)</t>
  </si>
  <si>
    <t>3352VE</t>
  </si>
  <si>
    <t>POINT (4.689157842424385 51.843180440388984)</t>
  </si>
  <si>
    <t>POINT (4.693980697096582 51.84154017841304)</t>
  </si>
  <si>
    <t>3351BT</t>
  </si>
  <si>
    <t>POINT (4.682410924015847 51.837099959011425)</t>
  </si>
  <si>
    <t>POINT (4.728400306861326 51.833489171448974)</t>
  </si>
  <si>
    <t>POINT (4.706377026113917 51.82844152907783)</t>
  </si>
  <si>
    <t>POINT (4.685220772679234 51.829033902917374)</t>
  </si>
  <si>
    <t>POINT (4.696497905537431 51.83865549994042)</t>
  </si>
  <si>
    <t>POINT (4.690149302454297 51.83213066453084)</t>
  </si>
  <si>
    <t>POINT (4.6871049509217295 51.83853939594848)</t>
  </si>
  <si>
    <t>POINT (4.677783560920696 51.83183536566934)</t>
  </si>
  <si>
    <t>POINT (4.698262882810144 51.838703227278764)</t>
  </si>
  <si>
    <t>POINT (4.69925773711791 51.83402403666198)</t>
  </si>
  <si>
    <t>POINT (4.735727486474092 51.832982701497535)</t>
  </si>
  <si>
    <t>POINT (4.7019502434758715 51.827904739325454)</t>
  </si>
  <si>
    <t>POINT (4.679715842473527 51.83150482052793)</t>
  </si>
  <si>
    <t>POINT (4.711524798056972 51.831137002379265)</t>
  </si>
  <si>
    <t>3353AE</t>
  </si>
  <si>
    <t>POINT (4.689563697089202 51.82670297232753)</t>
  </si>
  <si>
    <t>POINT (4.693976711537852 51.839861349362145)</t>
  </si>
  <si>
    <t>POINT (4.7064731791538685 51.83599461647981)</t>
  </si>
  <si>
    <t>POINT (4.6887712641425505 51.84322823499764)</t>
  </si>
  <si>
    <t>POINT (4.701858123859254 51.8361988626439)</t>
  </si>
  <si>
    <t>POINT (4.689519442089022 51.82378379045292)</t>
  </si>
  <si>
    <t>POINT (4.722212019798887 51.834276926636164)</t>
  </si>
  <si>
    <t>POINT (4.677950211899464 51.83590583828182)</t>
  </si>
  <si>
    <t>3352AG</t>
  </si>
  <si>
    <t>POINT (4.685926514370575 51.840439399997656)</t>
  </si>
  <si>
    <t>POINT (4.698256871665776 51.83957547498101)</t>
  </si>
  <si>
    <t>POINT (4.701179201133395 51.83193146582385)</t>
  </si>
  <si>
    <t>POINT (4.683971338084781 51.82699000133312)</t>
  </si>
  <si>
    <t>POINT (4.697641356914137 51.83933229659164)</t>
  </si>
  <si>
    <t>POINT (4.696121198664075 51.83757000977796)</t>
  </si>
  <si>
    <t>POINT (4.691324424709591 51.826789449912276)</t>
  </si>
  <si>
    <t>POINT (4.73595390060784 51.832645644827984)</t>
  </si>
  <si>
    <t>3354VG</t>
  </si>
  <si>
    <t>POINT (4.70422912349985 51.830618600615004)</t>
  </si>
  <si>
    <t>3353TG</t>
  </si>
  <si>
    <t>POINT (4.694480476503413 51.83002233816436)</t>
  </si>
  <si>
    <t>POINT (4.678666289350671 51.82702827265374)</t>
  </si>
  <si>
    <t>3354VD</t>
  </si>
  <si>
    <t>POINT (4.703892990269504 51.83110212923682)</t>
  </si>
  <si>
    <t>POINT (4.69227380195399 51.83960831029471)</t>
  </si>
  <si>
    <t>POINT (4.703718908230758 51.8358559906062)</t>
  </si>
  <si>
    <t>POINT (4.727736927234023 51.832067035583044)</t>
  </si>
  <si>
    <t>POINT (4.7234031585099165 51.834047743889485)</t>
  </si>
  <si>
    <t>POINT (4.680233114927942 51.83681954221705)</t>
  </si>
  <si>
    <t>3356LP</t>
  </si>
  <si>
    <t>Tiendweg-Oost</t>
  </si>
  <si>
    <t>POINT (4.721959255383262 51.83058828511888)</t>
  </si>
  <si>
    <t>POINT (4.690665555844331 51.84370563838797)</t>
  </si>
  <si>
    <t>POINT (4.707571451402684 51.83579549089407)</t>
  </si>
  <si>
    <t>POINT (4.6793461857875265 51.83671497211585)</t>
  </si>
  <si>
    <t>POINT (4.685669836047968 51.82606617256656)</t>
  </si>
  <si>
    <t>POINT (4.682488661671511 51.83707248899284)</t>
  </si>
  <si>
    <t>POINT (4.695869150856901 51.83534386727653)</t>
  </si>
  <si>
    <t>POINT (4.681352567026238 51.823708435728385)</t>
  </si>
  <si>
    <t>POINT (4.693530659772788 51.84015787418523)</t>
  </si>
  <si>
    <t>POINT (4.699776806737252 51.83477308849197)</t>
  </si>
  <si>
    <t>POINT (4.6904301514668445 51.83832660632305)</t>
  </si>
  <si>
    <t>3355RK</t>
  </si>
  <si>
    <t>Sleedoornhof</t>
  </si>
  <si>
    <t>POINT (4.709353078583846 51.83653029213637)</t>
  </si>
  <si>
    <t>POINT (4.6946179370263454 51.838912716995715)</t>
  </si>
  <si>
    <t>POINT (4.681502734230219 51.83202790225547)</t>
  </si>
  <si>
    <t>POINT (4.684287203678416 51.828132975118585)</t>
  </si>
  <si>
    <t>POINT (4.682007441052619 51.8311593873053)</t>
  </si>
  <si>
    <t>POINT (4.707422028774632 51.834404337869216)</t>
  </si>
  <si>
    <t>POINT (4.7011574401418175 51.833241637942805)</t>
  </si>
  <si>
    <t>POINT (4.684048928147787 51.839217895104355)</t>
  </si>
  <si>
    <t>POINT (4.689405536125578 51.82907595074342)</t>
  </si>
  <si>
    <t>POINT (4.692241446801076 51.8274386313836)</t>
  </si>
  <si>
    <t>POINT (4.703237533850851 51.83411826578567)</t>
  </si>
  <si>
    <t>POINT (4.683716446667245 51.82587746795425)</t>
  </si>
  <si>
    <t>POINT (4.702983465163328 51.82906714494108)</t>
  </si>
  <si>
    <t>POINT (4.684638647039295 51.8374723360611)</t>
  </si>
  <si>
    <t>POINT (4.73605448066913 51.8329110878328)</t>
  </si>
  <si>
    <t>3353GS</t>
  </si>
  <si>
    <t>Oude Veer</t>
  </si>
  <si>
    <t>POINT (4.68410240797755 51.825250988534414)</t>
  </si>
  <si>
    <t>POINT (4.695917461446912 51.82692565784475)</t>
  </si>
  <si>
    <t>POINT (4.705597339717476 51.83954965691682)</t>
  </si>
  <si>
    <t>POINT (4.7110253345084825 51.82900151271752)</t>
  </si>
  <si>
    <t>POINT (4.694655341083219 51.83889878954909)</t>
  </si>
  <si>
    <t>POINT (4.705348196236662 51.838341533200385)</t>
  </si>
  <si>
    <t>POINT (4.69266920823403 51.8433000943286)</t>
  </si>
  <si>
    <t>POINT (4.6915006447388805 51.83869819882372)</t>
  </si>
  <si>
    <t>POINT (4.679335129320626 51.832597054896375)</t>
  </si>
  <si>
    <t>POINT (4.72071718922339 51.83463717130632)</t>
  </si>
  <si>
    <t>POINT (4.677626782198017 51.831995962075375)</t>
  </si>
  <si>
    <t>POINT (4.723073589342638 51.834121815660524)</t>
  </si>
  <si>
    <t>3356AA</t>
  </si>
  <si>
    <t>Nanengat</t>
  </si>
  <si>
    <t>POINT (4.7159987561169805 51.829571710363126)</t>
  </si>
  <si>
    <t>POINT (4.687939644413612 51.84098722880173)</t>
  </si>
  <si>
    <t>POINT (4.703652308304453 51.82767899938774)</t>
  </si>
  <si>
    <t>POINT (4.701931637642277 51.83734588053014)</t>
  </si>
  <si>
    <t>POINT (4.681315761197833 51.83475758193197)</t>
  </si>
  <si>
    <t>POINT (4.68113336242117 51.82228794349846)</t>
  </si>
  <si>
    <t>POINT (4.714342082881602 51.83590926843359)</t>
  </si>
  <si>
    <t>3355BG</t>
  </si>
  <si>
    <t>Ridderspoorhof</t>
  </si>
  <si>
    <t>POINT (4.704652905419383 51.8374016248427)</t>
  </si>
  <si>
    <t>POINT (4.700759126739696 51.83883925864433)</t>
  </si>
  <si>
    <t>POINT (4.69009375272964 51.84356351431703)</t>
  </si>
  <si>
    <t>POINT (4.68519455911757 51.8306784343309)</t>
  </si>
  <si>
    <t>3351JG</t>
  </si>
  <si>
    <t>POINT (4.685347979051929 51.837277516553044)</t>
  </si>
  <si>
    <t>POINT (4.688645736556146 51.82669988585474)</t>
  </si>
  <si>
    <t>POINT (4.686273081121192 51.82638018140127)</t>
  </si>
  <si>
    <t>POINT (4.682233089043695 51.82528416208411)</t>
  </si>
  <si>
    <t>POINT (4.684695495290356 51.826714997399556)</t>
  </si>
  <si>
    <t>POINT (4.678225253033678 51.823417824149566)</t>
  </si>
  <si>
    <t>POINT (4.702603137652536 51.82850236496426)</t>
  </si>
  <si>
    <t>POINT (4.697867032571737 51.836184223338996)</t>
  </si>
  <si>
    <t>3353GR</t>
  </si>
  <si>
    <t>POINT (4.692528409530094 51.82396265115659)</t>
  </si>
  <si>
    <t>POINT (4.700768155373672 51.83614108856499)</t>
  </si>
  <si>
    <t>POINT (4.690858121927889 51.83196762877305)</t>
  </si>
  <si>
    <t>3351GN</t>
  </si>
  <si>
    <t>POINT (4.682117722422891 51.82943436451281)</t>
  </si>
  <si>
    <t>POINT (4.683832179306545 51.82978567041442)</t>
  </si>
  <si>
    <t>POINT (4.701967268833376 51.837248894534554)</t>
  </si>
  <si>
    <t>POINT (4.706669778623997 51.83596019732521)</t>
  </si>
  <si>
    <t>3352XC</t>
  </si>
  <si>
    <t>POINT (4.69096296989283 51.838375034148235)</t>
  </si>
  <si>
    <t>POINT (4.690251504096361 51.843039649955514)</t>
  </si>
  <si>
    <t>POINT (4.692818633056385 51.835053453767514)</t>
  </si>
  <si>
    <t>POINT (4.693301430916858 51.83255445728439)</t>
  </si>
  <si>
    <t>POINT (4.703284657284987 51.828706155005015)</t>
  </si>
  <si>
    <t>POINT (4.724791010903204 51.83284130313708)</t>
  </si>
  <si>
    <t>POINT (4.695641411230735 51.84092306978464)</t>
  </si>
  <si>
    <t>POINT (4.68620304639577 51.83577303789663)</t>
  </si>
  <si>
    <t>POINT (4.687373169709327 51.83662184985775)</t>
  </si>
  <si>
    <t>POINT (4.706332895073242 51.82850304296222)</t>
  </si>
  <si>
    <t>POINT (4.694212323737577 51.83698969635993)</t>
  </si>
  <si>
    <t>3354XG</t>
  </si>
  <si>
    <t>POINT (4.6942723113900655 51.82667949334806)</t>
  </si>
  <si>
    <t>POINT (4.705210758329514 51.83777682489466)</t>
  </si>
  <si>
    <t>POINT (4.678239336231101 51.82329435113839)</t>
  </si>
  <si>
    <t>POINT (4.6811904916817495 51.83739547107553)</t>
  </si>
  <si>
    <t>POINT (4.712200602085049 51.8290158272663)</t>
  </si>
  <si>
    <t>POINT (4.685888677129607 51.82396961057749)</t>
  </si>
  <si>
    <t>POINT (4.691396771245344 51.83733557205728)</t>
  </si>
  <si>
    <t>POINT (4.694483939141301 51.83871705299738)</t>
  </si>
  <si>
    <t>POINT (4.692103718181685 51.82618319922452)</t>
  </si>
  <si>
    <t>POINT (4.687823407983424 51.8256083516266)</t>
  </si>
  <si>
    <t>POINT (4.708236343269987 51.827770906587325)</t>
  </si>
  <si>
    <t>POINT (4.689085601939028 51.827404884435204)</t>
  </si>
  <si>
    <t>POINT (4.699354311179042 51.8387291233085)</t>
  </si>
  <si>
    <t>POINT (4.689518438405696 51.83102915229495)</t>
  </si>
  <si>
    <t>POINT (4.703132255155887 51.82749568480111)</t>
  </si>
  <si>
    <t>POINT (4.705041460010635 51.83902907046644)</t>
  </si>
  <si>
    <t>POINT (4.687319216082722 51.82722654756474)</t>
  </si>
  <si>
    <t>POINT (4.698343829493369 51.82952392131146)</t>
  </si>
  <si>
    <t>3355PP</t>
  </si>
  <si>
    <t>POINT (4.7057524051596715 51.83221724467672)</t>
  </si>
  <si>
    <t>POINT (4.69249925695337 51.82405841441677)</t>
  </si>
  <si>
    <t>POINT (4.696485147269184 51.82830629269707)</t>
  </si>
  <si>
    <t>POINT (4.688230833274468 51.827937678049565)</t>
  </si>
  <si>
    <t>POINT (4.679764484156153 51.83659206605037)</t>
  </si>
  <si>
    <t>POINT (4.685425898887887 51.82901838360457)</t>
  </si>
  <si>
    <t>POINT (4.692757295282903 51.84245380611894)</t>
  </si>
  <si>
    <t>POINT (4.698181660772122 51.8262290749973)</t>
  </si>
  <si>
    <t>POINT (4.688257775158267 51.82767653860085)</t>
  </si>
  <si>
    <t>POINT (4.697442531154668 51.82644001179417)</t>
  </si>
  <si>
    <t>POINT (4.697156048185667 51.82884819945791)</t>
  </si>
  <si>
    <t>POINT (4.679748003513939 51.831049451740896)</t>
  </si>
  <si>
    <t>POINT (4.729395601149873 51.833840364595474)</t>
  </si>
  <si>
    <t>POINT (4.682668305633847 51.82398167690094)</t>
  </si>
  <si>
    <t>POINT (4.701745804833066 51.83301070546068)</t>
  </si>
  <si>
    <t>3352BP</t>
  </si>
  <si>
    <t>POINT (4.693194539756955 51.83970156661329)</t>
  </si>
  <si>
    <t>POINT (4.696105956164131 51.83578743021318)</t>
  </si>
  <si>
    <t>POINT (4.679658479086824 51.831530622761214)</t>
  </si>
  <si>
    <t>POINT (4.728120424169645 51.834090160589746)</t>
  </si>
  <si>
    <t>POINT (4.678686522995137 51.832741778201374)</t>
  </si>
  <si>
    <t>POINT (4.7090438996946435 51.836299584428836)</t>
  </si>
  <si>
    <t>3355BV</t>
  </si>
  <si>
    <t>POINT (4.701438086831087 51.83748884796833)</t>
  </si>
  <si>
    <t>3356CS</t>
  </si>
  <si>
    <t>Zuidkil</t>
  </si>
  <si>
    <t>POINT (4.719671817202994 51.832232251995535)</t>
  </si>
  <si>
    <t>POINT (4.696790927803787 51.828663960712966)</t>
  </si>
  <si>
    <t>POINT (4.6884861138950304 51.83587335290427)</t>
  </si>
  <si>
    <t>POINT (4.692134516297554 51.83109470247107)</t>
  </si>
  <si>
    <t>3355CD</t>
  </si>
  <si>
    <t>POINT (4.698707229143214 51.83777660800571)</t>
  </si>
  <si>
    <t>POINT (4.676822471705697 51.83563153542648)</t>
  </si>
  <si>
    <t>POINT (4.696120443459688 51.82727990882521)</t>
  </si>
  <si>
    <t>POINT (4.721920711747276 51.83434967485682)</t>
  </si>
  <si>
    <t>POINT (4.732341837834829 51.832942201343116)</t>
  </si>
  <si>
    <t>POINT (4.708606688152989 51.838144236807196)</t>
  </si>
  <si>
    <t>POINT (4.687651796830329 51.83449780594796)</t>
  </si>
  <si>
    <t>POINT (4.690641585232971 51.83060511371255)</t>
  </si>
  <si>
    <t>POINT (4.694621878436408 51.83004797217889)</t>
  </si>
  <si>
    <t>POINT (4.710262904966271 51.82927344665152)</t>
  </si>
  <si>
    <t>3352TD</t>
  </si>
  <si>
    <t>POINT (4.694324120761527 51.842541021480564)</t>
  </si>
  <si>
    <t>POINT (4.693974997509217 51.83818200305029)</t>
  </si>
  <si>
    <t>POINT (4.708146738155925 51.8378349306583)</t>
  </si>
  <si>
    <t>POINT (4.699710518771652 51.83764639980078)</t>
  </si>
  <si>
    <t>POINT (4.697997643954906 51.82957880527509)</t>
  </si>
  <si>
    <t>POINT (4.722747017278197 51.83419229904115)</t>
  </si>
  <si>
    <t>POINT (4.6890210328595 51.84398893584167)</t>
  </si>
  <si>
    <t>3356EG</t>
  </si>
  <si>
    <t>POINT (4.722624529597425 51.83482512285271)</t>
  </si>
  <si>
    <t>3351AH</t>
  </si>
  <si>
    <t>POINT (4.684146131506714 51.824915128851615)</t>
  </si>
  <si>
    <t>POINT (4.684401522355663 51.835478360508255)</t>
  </si>
  <si>
    <t>POINT (4.694813671074996 51.82445517688359)</t>
  </si>
  <si>
    <t>3356CT</t>
  </si>
  <si>
    <t>Rijshaak</t>
  </si>
  <si>
    <t>POINT (4.7211171791936755 51.832681542220655)</t>
  </si>
  <si>
    <t>POINT (4.68766607037057 51.82316943201967)</t>
  </si>
  <si>
    <t>POINT (4.6884965650595545 51.83353214503716)</t>
  </si>
  <si>
    <t>POINT (4.677067924576592 51.83011644468809)</t>
  </si>
  <si>
    <t>POINT (4.679380024291934 51.835318422024564)</t>
  </si>
  <si>
    <t>POINT (4.690203993566769 51.84131393811818)</t>
  </si>
  <si>
    <t>POINT (4.695383918689398 51.83309692510376)</t>
  </si>
  <si>
    <t>POINT (4.708116368700613 51.82618462746029)</t>
  </si>
  <si>
    <t>3354AL</t>
  </si>
  <si>
    <t>POINT (4.702876711848854 51.82944896189409)</t>
  </si>
  <si>
    <t>3355PK</t>
  </si>
  <si>
    <t>POINT (4.702616531885056 51.83519526746178)</t>
  </si>
  <si>
    <t>POINT (4.701119755557066 51.83329730000152)</t>
  </si>
  <si>
    <t>POINT (4.68573203303518 51.82797243403199)</t>
  </si>
  <si>
    <t>POINT (4.693291801915343 51.83022904027017)</t>
  </si>
  <si>
    <t>POINT (4.701405422939054 51.83161705307451)</t>
  </si>
  <si>
    <t>POINT (4.684361300179764 51.82440887332679)</t>
  </si>
  <si>
    <t>3352CH</t>
  </si>
  <si>
    <t>POINT (4.691740920174494 51.84153872539439)</t>
  </si>
  <si>
    <t>POINT (4.719477956977434 51.83185743884485)</t>
  </si>
  <si>
    <t>POINT (4.688969569757094 51.842895693751)</t>
  </si>
  <si>
    <t>POINT (4.676677385608194 51.835629264147876)</t>
  </si>
  <si>
    <t>POINT (4.687850769846982 51.84089154579455)</t>
  </si>
  <si>
    <t>POINT (4.695550002905926 51.83201524992177)</t>
  </si>
  <si>
    <t>POINT (4.682592175819161 51.82753930540159)</t>
  </si>
  <si>
    <t>POINT (4.683534311505901 51.82719464250041)</t>
  </si>
  <si>
    <t>POINT (4.70564651523257 51.837444376592416)</t>
  </si>
  <si>
    <t>POINT (4.687965743353019 51.84417176751472)</t>
  </si>
  <si>
    <t>POINT (4.685113465472947 51.82539013550308)</t>
  </si>
  <si>
    <t>3351EH</t>
  </si>
  <si>
    <t>POINT (4.676023367267466 51.830758184603006)</t>
  </si>
  <si>
    <t>POINT (4.714962186638301 51.831903394972976)</t>
  </si>
  <si>
    <t>POINT (4.674948310880846 51.831488196547326)</t>
  </si>
  <si>
    <t>3355PN</t>
  </si>
  <si>
    <t>Magnoliahof</t>
  </si>
  <si>
    <t>POINT (4.702696941600499 51.83441594620041)</t>
  </si>
  <si>
    <t>3353TC</t>
  </si>
  <si>
    <t>POINT (4.694451989405358 51.829985172823115)</t>
  </si>
  <si>
    <t>POINT (4.706253938597373 51.8275714528794)</t>
  </si>
  <si>
    <t>POINT (4.6896304246859195 51.82524762193728)</t>
  </si>
  <si>
    <t>POINT (4.690499506572057 51.84014708958004)</t>
  </si>
  <si>
    <t>POINT (4.69613878666103 51.836075268582135)</t>
  </si>
  <si>
    <t>POINT (4.6895973314957935 51.84283453651045)</t>
  </si>
  <si>
    <t>POINT (4.684425011896581 51.82511941212391)</t>
  </si>
  <si>
    <t>POINT (4.682337439130068 51.837130115150025)</t>
  </si>
  <si>
    <t>POINT (4.681549643902796 51.8225277205333)</t>
  </si>
  <si>
    <t>POINT (4.6917714550839 51.84185527893025)</t>
  </si>
  <si>
    <t>POINT (4.708788884485419 51.82771920778172)</t>
  </si>
  <si>
    <t>POINT (4.696941419180651 51.835301440578064)</t>
  </si>
  <si>
    <t>POINT (4.689459168003155 51.829406763916296)</t>
  </si>
  <si>
    <t>POINT (4.686812310959465 51.84183580411969)</t>
  </si>
  <si>
    <t>POINT (4.712349875121798 51.83121615637128)</t>
  </si>
  <si>
    <t>POINT (4.687113097566056 51.82330411078151)</t>
  </si>
  <si>
    <t>POINT (4.691424504018153 51.8293611720283)</t>
  </si>
  <si>
    <t>POINT (4.688913605622169 51.838137760219105)</t>
  </si>
  <si>
    <t>POINT (4.7022251401494986 51.83618549928096)</t>
  </si>
  <si>
    <t>POINT (4.722212488327823 51.83455484810412)</t>
  </si>
  <si>
    <t>POINT (4.692208668374522 51.84320667388984)</t>
  </si>
  <si>
    <t>POINT (4.71010557012373 51.82678362466032)</t>
  </si>
  <si>
    <t>POINT (4.685129721017287 51.829097528305)</t>
  </si>
  <si>
    <t>POINT (4.690399964227906 51.83282650692581)</t>
  </si>
  <si>
    <t>POINT (4.68258635940601 51.83447173605385)</t>
  </si>
  <si>
    <t>POINT (4.684572342578085 51.828563350817994)</t>
  </si>
  <si>
    <t>POINT (4.697364143745966 51.83294744826016)</t>
  </si>
  <si>
    <t>POINT (4.682910209592509 51.82923494494891)</t>
  </si>
  <si>
    <t>POINT (4.706953615837546 51.829144250054824)</t>
  </si>
  <si>
    <t>POINT (4.688654012694345 51.833694023601645)</t>
  </si>
  <si>
    <t>POINT (4.694164604801615 51.83268059735506)</t>
  </si>
  <si>
    <t>POINT (4.692605650791296 51.82813132143865)</t>
  </si>
  <si>
    <t>POINT (4.714648949781424 51.831810635964594)</t>
  </si>
  <si>
    <t>POINT (4.730553814518409 51.82881844272553)</t>
  </si>
  <si>
    <t>POINT (4.695057666246807 51.82677813014337)</t>
  </si>
  <si>
    <t>POINT (4.6985046586075 51.840988475009006)</t>
  </si>
  <si>
    <t>POINT (4.695971705230791 51.84159482009301)</t>
  </si>
  <si>
    <t>POINT (4.715301908583383 51.83553826869156)</t>
  </si>
  <si>
    <t>POINT (4.719850541878934 51.83258008482297)</t>
  </si>
  <si>
    <t>POINT (4.69445885400333 51.830056726925655)</t>
  </si>
  <si>
    <t>POINT (4.736211552945061 51.8328796089972)</t>
  </si>
  <si>
    <t>POINT (4.718502129731775 51.834046571122556)</t>
  </si>
  <si>
    <t>POINT (4.678945959036258 51.82666560546253)</t>
  </si>
  <si>
    <t>POINT (4.6911454232880105 51.84321331889144)</t>
  </si>
  <si>
    <t>POINT (4.722276896332061 51.83343480968323)</t>
  </si>
  <si>
    <t>POINT (4.681385876902872 51.82232239672193)</t>
  </si>
  <si>
    <t>POINT (4.686771066715269 51.823007017737794)</t>
  </si>
  <si>
    <t>POINT (4.68879529668194 51.82856177562306)</t>
  </si>
  <si>
    <t>POINT (4.691964438967801 51.8308108768029)</t>
  </si>
  <si>
    <t>POINT (4.684108161036237 51.8278930115444)</t>
  </si>
  <si>
    <t>POINT (4.698909343396668 51.83806499766124)</t>
  </si>
  <si>
    <t>POINT (4.692704564385415 51.83937284940657)</t>
  </si>
  <si>
    <t>3351HC</t>
  </si>
  <si>
    <t>POINT (4.686023867970851 51.82928696925693)</t>
  </si>
  <si>
    <t>POINT (4.68877823235921 51.829658135612405)</t>
  </si>
  <si>
    <t>POINT (4.688756176664973 51.84328034220045)</t>
  </si>
  <si>
    <t>POINT (4.685756982277247 51.8398934244142)</t>
  </si>
  <si>
    <t>POINT (4.691139316256923 51.83779904572254)</t>
  </si>
  <si>
    <t>POINT (4.697597352609895 51.83595341153404)</t>
  </si>
  <si>
    <t>POINT (4.714743013505325 51.83533122481151)</t>
  </si>
  <si>
    <t>POINT (4.692050603189665 51.83229656155571)</t>
  </si>
  <si>
    <t>POINT (4.709432217425154 51.83724474185399)</t>
  </si>
  <si>
    <t>POINT (4.696548799535286 51.83314535673359)</t>
  </si>
  <si>
    <t>POINT (4.682511369192008 51.834502872007846)</t>
  </si>
  <si>
    <t>POINT (4.729720061983464 51.82870640682293)</t>
  </si>
  <si>
    <t>POINT (4.695234883625809 51.831523251605375)</t>
  </si>
  <si>
    <t>POINT (4.6846594595462765 51.82853527937152)</t>
  </si>
  <si>
    <t>POINT (4.698383381932208 51.83264317277724)</t>
  </si>
  <si>
    <t>POINT (4.6875758739227775 51.841765166810646)</t>
  </si>
  <si>
    <t>POINT (4.721151994835113 51.832747590333625)</t>
  </si>
  <si>
    <t>POINT (4.708357424776037 51.836205425124014)</t>
  </si>
  <si>
    <t>3352AN</t>
  </si>
  <si>
    <t>POINT (4.6908525469474736 51.84092191844833)</t>
  </si>
  <si>
    <t>POINT (4.6841294410948695 51.83363202870843)</t>
  </si>
  <si>
    <t>POINT (4.683497839064382 51.8380667533298)</t>
  </si>
  <si>
    <t>POINT (4.707455699757967 51.834448846741644)</t>
  </si>
  <si>
    <t>POINT (4.703791359656937 51.82729030467647)</t>
  </si>
  <si>
    <t>POINT (4.73054196038401 51.828622442712245)</t>
  </si>
  <si>
    <t>3352BG</t>
  </si>
  <si>
    <t>POINT (4.693011307763363 51.83839873227486)</t>
  </si>
  <si>
    <t>POINT (4.674865948341903 51.832448197004055)</t>
  </si>
  <si>
    <t>3351AR</t>
  </si>
  <si>
    <t>POINT (4.6778209412532865 51.82792283209443)</t>
  </si>
  <si>
    <t>POINT (4.688291890531422 51.82372567447594)</t>
  </si>
  <si>
    <t>POINT (4.709037245157567 51.837713347579744)</t>
  </si>
  <si>
    <t>POINT (4.7070995326375815 51.83899845868182)</t>
  </si>
  <si>
    <t>POINT (4.694072170313543 51.84164331463476)</t>
  </si>
  <si>
    <t>3356MK</t>
  </si>
  <si>
    <t>Stevenaak</t>
  </si>
  <si>
    <t>POINT (4.713901729310752 51.83360202672846)</t>
  </si>
  <si>
    <t>POINT (4.703237895591544 51.82915671629296)</t>
  </si>
  <si>
    <t>POINT (4.69195751288215 51.83748162463079)</t>
  </si>
  <si>
    <t>POINT (4.722538555800166 51.83468207678607)</t>
  </si>
  <si>
    <t>3356CL</t>
  </si>
  <si>
    <t>Hoepmaker</t>
  </si>
  <si>
    <t>POINT (4.720112934754258 51.832080514936195)</t>
  </si>
  <si>
    <t>POINT (4.7109970945557595 51.82976878974632)</t>
  </si>
  <si>
    <t>POINT (4.686975866117283 51.8351777215044)</t>
  </si>
  <si>
    <t>3353BM</t>
  </si>
  <si>
    <t>Nachtegaalstraat</t>
  </si>
  <si>
    <t>POINT (4.690764722306079 51.82667687344234)</t>
  </si>
  <si>
    <t>POINT (4.7064956892755845 51.828345724343606)</t>
  </si>
  <si>
    <t>POINT (4.679489270343033 51.836030190162894)</t>
  </si>
  <si>
    <t>POINT (4.713502193691508 51.83263347610317)</t>
  </si>
  <si>
    <t>POINT (4.683937082952013 51.83760601218599)</t>
  </si>
  <si>
    <t>POINT (4.726960968964261 51.83405088190898)</t>
  </si>
  <si>
    <t>POINT (4.701266251213722 51.834520798073406)</t>
  </si>
  <si>
    <t>3356EA</t>
  </si>
  <si>
    <t>POINT (4.723720324352843 51.83526128211222)</t>
  </si>
  <si>
    <t>POINT (4.704379937960386 51.832990560773446)</t>
  </si>
  <si>
    <t>POINT (4.7030382216046895 51.83397624362322)</t>
  </si>
  <si>
    <t>POINT (4.683422163861811 51.824160588348995)</t>
  </si>
  <si>
    <t>POINT (4.719336448680737 51.83497975430933)</t>
  </si>
  <si>
    <t>POINT (4.692458719281383 51.831624668129)</t>
  </si>
  <si>
    <t>POINT (4.6906077793881185 51.83345733133202)</t>
  </si>
  <si>
    <t>3354AB</t>
  </si>
  <si>
    <t>A. Kuypersingel</t>
  </si>
  <si>
    <t>3354AB-3354AC</t>
  </si>
  <si>
    <t>POINT (4.700828129197017 51.82890396634703)</t>
  </si>
  <si>
    <t>POINT (4.722953054243942 51.83440403219053)</t>
  </si>
  <si>
    <t>POINT (4.678458694822394 51.835615178338465)</t>
  </si>
  <si>
    <t>POINT (4.678272737796163 51.82230878479442)</t>
  </si>
  <si>
    <t>POINT (4.724815296049026 51.834816291278216)</t>
  </si>
  <si>
    <t>POINT (4.684184336854239 51.82804733546295)</t>
  </si>
  <si>
    <t>POINT (4.682991859758534 51.82933312342899)</t>
  </si>
  <si>
    <t>POINT (4.676952958244496 51.82921036722761)</t>
  </si>
  <si>
    <t>POINT (4.694504691053447 51.84174052650313)</t>
  </si>
  <si>
    <t>POINT (4.697478873232761 51.834624322097454)</t>
  </si>
  <si>
    <t>POINT (4.720997866224263 51.832498809816904)</t>
  </si>
  <si>
    <t>POINT (4.6922592234211296 51.83169594466902)</t>
  </si>
  <si>
    <t>POINT (4.695990824722077 51.8262321040414)</t>
  </si>
  <si>
    <t>POINT (4.700446199170725 51.83357709655751)</t>
  </si>
  <si>
    <t>3351GM</t>
  </si>
  <si>
    <t>POINT (4.683300834942738 51.83022752220552)</t>
  </si>
  <si>
    <t>POINT (4.73600891072088 51.8328417666533)</t>
  </si>
  <si>
    <t>3354BJ</t>
  </si>
  <si>
    <t>POINT (4.698885673271674 51.8302649856829)</t>
  </si>
  <si>
    <t>POINT (4.6964244352247375 51.83388148598966)</t>
  </si>
  <si>
    <t>POINT (4.68694167363174 51.833920816120305)</t>
  </si>
  <si>
    <t>POINT (4.690753301917884 51.829625565461626)</t>
  </si>
  <si>
    <t>POINT (4.678391842771169 51.82938189409334)</t>
  </si>
  <si>
    <t>POINT (4.690289059252387 51.84129976466647)</t>
  </si>
  <si>
    <t>POINT (4.693260126685921 51.82490091754738)</t>
  </si>
  <si>
    <t>POINT (4.686816867372457 51.82326042042505)</t>
  </si>
  <si>
    <t>POINT (4.706921833976969 51.82622254577749)</t>
  </si>
  <si>
    <t>3351CX</t>
  </si>
  <si>
    <t>P.C. Boutensstraat</t>
  </si>
  <si>
    <t>POINT (4.677010665520142 51.83352493549676)</t>
  </si>
  <si>
    <t>POINT (4.681594497889173 51.823428042154994)</t>
  </si>
  <si>
    <t>POINT (4.70675792672505 51.82936728323519)</t>
  </si>
  <si>
    <t>POINT (4.679430368964825 51.836657817542786)</t>
  </si>
  <si>
    <t>POINT (4.724893985698905 51.83334506646898)</t>
  </si>
  <si>
    <t>POINT (4.682864133054757 51.82379678708406)</t>
  </si>
  <si>
    <t>POINT (4.704083153083226 51.828573116787105)</t>
  </si>
  <si>
    <t>POINT (4.675985730888209 51.83226860708398)</t>
  </si>
  <si>
    <t>POINT (4.6988714825746705 51.82977126473586)</t>
  </si>
  <si>
    <t>POINT (4.679091655185541 51.835442991374215)</t>
  </si>
  <si>
    <t>POINT (4.6908531168682845 51.84001858269624)</t>
  </si>
  <si>
    <t>POINT (4.692433335093892 51.83511145187548)</t>
  </si>
  <si>
    <t>3356LB</t>
  </si>
  <si>
    <t>Geulweg</t>
  </si>
  <si>
    <t>POINT (4.722985370859099 51.829071082958905)</t>
  </si>
  <si>
    <t>3353XH</t>
  </si>
  <si>
    <t>Akoniet</t>
  </si>
  <si>
    <t>POINT (4.690550959837602 51.832470401422086)</t>
  </si>
  <si>
    <t>POINT (4.7192554491825 51.832339841330985)</t>
  </si>
  <si>
    <t>POINT (4.699947603376594 51.83940277156545)</t>
  </si>
  <si>
    <t>3351CR</t>
  </si>
  <si>
    <t>Louis Couperusstraat</t>
  </si>
  <si>
    <t>POINT (4.677291466385221 51.83370534622934)</t>
  </si>
  <si>
    <t>POINT (4.699189440768546 51.83725671949791)</t>
  </si>
  <si>
    <t>POINT (4.678176340091022 51.83197997509401)</t>
  </si>
  <si>
    <t>POINT (4.728670817396859 51.83373146699124)</t>
  </si>
  <si>
    <t>POINT (4.696225723437232 51.832828520823035)</t>
  </si>
  <si>
    <t>3351TK</t>
  </si>
  <si>
    <t>POINT (4.6791169658548 51.830668528218624)</t>
  </si>
  <si>
    <t>POINT (4.6836697963884335 51.82589038368938)</t>
  </si>
  <si>
    <t>POINT (4.696905062821979 51.83548492740518)</t>
  </si>
  <si>
    <t>POINT (4.6846815021439845 51.83752303674465)</t>
  </si>
  <si>
    <t>POINT (4.689313666830739 51.84319276430547)</t>
  </si>
  <si>
    <t>POINT (4.681364168137139 51.82873615478255)</t>
  </si>
  <si>
    <t>POINT (4.677933239012146 51.83303367482786)</t>
  </si>
  <si>
    <t>POINT (4.723549392260294 51.83437180103556)</t>
  </si>
  <si>
    <t>POINT (4.704564057329309 51.836860856208475)</t>
  </si>
  <si>
    <t>POINT (4.707352637129177 51.82588421985729)</t>
  </si>
  <si>
    <t>POINT (4.675835994867011 51.8282257548629)</t>
  </si>
  <si>
    <t>POINT (4.735772990386368 51.83276353328634)</t>
  </si>
  <si>
    <t>POINT (4.691172433826053 51.841723524456846)</t>
  </si>
  <si>
    <t>POINT (4.680106648556107 51.82760566125507)</t>
  </si>
  <si>
    <t>POINT (4.69430591480213 51.83284671451924)</t>
  </si>
  <si>
    <t>3351HA</t>
  </si>
  <si>
    <t>van der Palmstraat</t>
  </si>
  <si>
    <t>POINT (4.684680250016687 51.83189635675178)</t>
  </si>
  <si>
    <t>POINT (4.70265150060991 51.833841955257284)</t>
  </si>
  <si>
    <t>POINT (4.688924229653018 51.84150308567992)</t>
  </si>
  <si>
    <t>POINT (4.714133937881234 51.835851572836425)</t>
  </si>
  <si>
    <t>3352XA</t>
  </si>
  <si>
    <t>3352VH-3352XA</t>
  </si>
  <si>
    <t>POINT (4.6898994252991555 51.838950241458186)</t>
  </si>
  <si>
    <t>POINT (4.713288936708138 51.831481025669845)</t>
  </si>
  <si>
    <t>POINT (4.691143722291445 51.832693069639504)</t>
  </si>
  <si>
    <t>POINT (4.699672694260683 51.83760342839851)</t>
  </si>
  <si>
    <t>POINT (4.6856732401538315 51.83372471513013)</t>
  </si>
  <si>
    <t>POINT (4.694615439884447 51.83716287715284)</t>
  </si>
  <si>
    <t>POINT (4.698474393423725 51.83033845537125)</t>
  </si>
  <si>
    <t>POINT (4.702949730493134 51.83270572491173)</t>
  </si>
  <si>
    <t>POINT (4.682232049094223 51.82710706316685)</t>
  </si>
  <si>
    <t>POINT (4.6995709302689725 51.829038008598125)</t>
  </si>
  <si>
    <t>POINT (4.728910082887746 51.83332104991874)</t>
  </si>
  <si>
    <t>POINT (4.701997182798888 51.82877804321851)</t>
  </si>
  <si>
    <t>POINT (4.681523829624582 51.83662546796738)</t>
  </si>
  <si>
    <t>POINT (4.680471302048702 51.822274655587975)</t>
  </si>
  <si>
    <t>POINT (4.726735070621974 51.83365281816249)</t>
  </si>
  <si>
    <t>3351EL</t>
  </si>
  <si>
    <t>POINT (4.680423358096175 51.82907641293361)</t>
  </si>
  <si>
    <t>POINT (4.679948603273995 51.82289104120568)</t>
  </si>
  <si>
    <t>POINT (4.6801387603064795 51.83578763523562)</t>
  </si>
  <si>
    <t>POINT (4.723577137487078 51.831807282798465)</t>
  </si>
  <si>
    <t>POINT (4.689121040819419 51.84286861286458)</t>
  </si>
  <si>
    <t>POINT (4.679751196248337 51.82938696654477)</t>
  </si>
  <si>
    <t>POINT (4.681301421295177 51.838038969633764)</t>
  </si>
  <si>
    <t>POINT (4.688289405305174 51.83329308148349)</t>
  </si>
  <si>
    <t>POINT (4.713302495597272 51.83143001219483)</t>
  </si>
  <si>
    <t>POINT (4.686349463674048 51.83003349699029)</t>
  </si>
  <si>
    <t>3351BP</t>
  </si>
  <si>
    <t>POINT (4.681027730458944 51.835562831934666)</t>
  </si>
  <si>
    <t>POINT (4.70084987976849 51.83382707614482)</t>
  </si>
  <si>
    <t>POINT (4.722562391189541 51.833900310592036)</t>
  </si>
  <si>
    <t>POINT (4.691230200144985 51.83148551857954)</t>
  </si>
  <si>
    <t>POINT (4.697162594425509 51.83439116802612)</t>
  </si>
  <si>
    <t>POINT (4.703194209282892 51.83483133261638)</t>
  </si>
  <si>
    <t>3354XH</t>
  </si>
  <si>
    <t>POINT (4.695524287894593 51.8258238962272)</t>
  </si>
  <si>
    <t>3352VD</t>
  </si>
  <si>
    <t>POINT (4.689516209857487 51.84344834617908)</t>
  </si>
  <si>
    <t>POINT (4.705808340055038 51.83871001456054)</t>
  </si>
  <si>
    <t>POINT (4.681123173679857 51.83932902568116)</t>
  </si>
  <si>
    <t>POINT (4.680021922132832 51.822288586841736)</t>
  </si>
  <si>
    <t>POINT (4.682746061063941 51.83724438650336)</t>
  </si>
  <si>
    <t>POINT (4.700502547747981 51.8359039253814)</t>
  </si>
  <si>
    <t>POINT (4.692690489761227 51.82752398462009)</t>
  </si>
  <si>
    <t>POINT (4.6858428686658335 51.836249216936565)</t>
  </si>
  <si>
    <t>POINT (4.675845246369015 51.83010997635803)</t>
  </si>
  <si>
    <t>POINT (4.702429350172255 51.837182827753985)</t>
  </si>
  <si>
    <t>POINT (4.67817383957211 51.82862136906633)</t>
  </si>
  <si>
    <t>POINT (4.684586036056063 51.82664016791391)</t>
  </si>
  <si>
    <t>POINT (4.693980240470353 51.829602015683385)</t>
  </si>
  <si>
    <t>POINT (4.679827202018467 51.83590588253407)</t>
  </si>
  <si>
    <t>POINT (4.688481272317502 51.82307078348727)</t>
  </si>
  <si>
    <t>POINT (4.722888290491302 51.833834003626215)</t>
  </si>
  <si>
    <t>POINT (4.691163052056834 51.825585525008016)</t>
  </si>
  <si>
    <t>3352XB</t>
  </si>
  <si>
    <t>POINT (4.690722625079003 51.83891087693709)</t>
  </si>
  <si>
    <t>POINT (4.687591142790356 51.8436850759671)</t>
  </si>
  <si>
    <t>POINT (4.683251585521172 51.83654957695524)</t>
  </si>
  <si>
    <t>POINT (4.714343637983602 51.83586926003713)</t>
  </si>
  <si>
    <t>POINT (4.704425500333844 51.833037081249614)</t>
  </si>
  <si>
    <t>POINT (4.708097453353271 51.835651346209666)</t>
  </si>
  <si>
    <t>POINT (4.6821020328735266 51.83913266436707)</t>
  </si>
  <si>
    <t>POINT (4.685581393900447 51.8249860892722)</t>
  </si>
  <si>
    <t>POINT (4.718122087575852 51.83543696645724)</t>
  </si>
  <si>
    <t>POINT (4.7069626079360045 51.834907780964656)</t>
  </si>
  <si>
    <t>POINT (4.680158441562682 51.827289177229595)</t>
  </si>
  <si>
    <t>POINT (4.679093278563986 51.832216518074034)</t>
  </si>
  <si>
    <t>POINT (4.68060348744658 51.82385117171777)</t>
  </si>
  <si>
    <t>3353AP</t>
  </si>
  <si>
    <t>POINT (4.687449282982681 51.827584307059674)</t>
  </si>
  <si>
    <t>POINT (4.734641862088129 51.83054778055065)</t>
  </si>
  <si>
    <t>3353AB</t>
  </si>
  <si>
    <t>3353AA-3353AB</t>
  </si>
  <si>
    <t>POINT (4.691881582887557 51.8285601791829)</t>
  </si>
  <si>
    <t>POINT (4.6885509406469135 51.83752676648878)</t>
  </si>
  <si>
    <t>POINT (4.7252328345154835 51.82990315355111)</t>
  </si>
  <si>
    <t>3356CA</t>
  </si>
  <si>
    <t>Riethaak</t>
  </si>
  <si>
    <t>POINT (4.718454906702751 51.83298866592139)</t>
  </si>
  <si>
    <t>POINT (4.715702643656644 51.83223955558303)</t>
  </si>
  <si>
    <t>POINT (4.688946237603175 51.84155399333323)</t>
  </si>
  <si>
    <t>POINT (4.680033080032413 51.83857434913733)</t>
  </si>
  <si>
    <t>POINT (4.7204170580292955 51.83259492629761)</t>
  </si>
  <si>
    <t>POINT (4.685948477160719 51.825176388419465)</t>
  </si>
  <si>
    <t>POINT (4.6998524335529535 51.828980494120955)</t>
  </si>
  <si>
    <t>POINT (4.690689594032587 51.84035751766723)</t>
  </si>
  <si>
    <t>3351EC</t>
  </si>
  <si>
    <t>POINT (4.673993272124013 51.83206897030783)</t>
  </si>
  <si>
    <t>POINT (4.681182601671151 51.82392729393258)</t>
  </si>
  <si>
    <t>POINT (4.71836162453081 51.83434388701733)</t>
  </si>
  <si>
    <t>POINT (4.691595002341674 51.82406363854642)</t>
  </si>
  <si>
    <t>POINT (4.687234953653496 51.83801790456455)</t>
  </si>
  <si>
    <t>POINT (4.686532679959339 51.82682375700811)</t>
  </si>
  <si>
    <t>POINT (4.702642826165146 51.82807946558437)</t>
  </si>
  <si>
    <t>POINT (4.699555022353146 51.8288845243799)</t>
  </si>
  <si>
    <t>POINT (4.686915172508046 51.83915545058758)</t>
  </si>
  <si>
    <t>POINT (4.723415064679023 51.83444599758589)</t>
  </si>
  <si>
    <t>POINT (4.679752118770968 51.8359325038786)</t>
  </si>
  <si>
    <t>POINT (4.6812753490875005 51.83926764954583)</t>
  </si>
  <si>
    <t>POINT (4.676837807573318 51.82286614270406)</t>
  </si>
  <si>
    <t>POINT (4.728880112546236 51.83327309842688)</t>
  </si>
  <si>
    <t>POINT (4.687929768036397 51.82871214416095)</t>
  </si>
  <si>
    <t>POINT (4.684868484509156 51.82606245900837)</t>
  </si>
  <si>
    <t>POINT (4.708639815821259 51.836922587634234)</t>
  </si>
  <si>
    <t>POINT (4.707608528901737 51.83504669283143)</t>
  </si>
  <si>
    <t>POINT (4.700845260655886 51.83214631952465)</t>
  </si>
  <si>
    <t>POINT (4.689108196145807 51.82535442131781)</t>
  </si>
  <si>
    <t>POINT (4.6896877096617455 51.82808092226447)</t>
  </si>
  <si>
    <t>POINT (4.704013662353447 51.83333672095419)</t>
  </si>
  <si>
    <t>POINT (4.689268080969885 51.82760719834514)</t>
  </si>
  <si>
    <t>POINT (4.680097478863189 51.84345259128419)</t>
  </si>
  <si>
    <t>POINT (4.705122712701391 51.836739772714346)</t>
  </si>
  <si>
    <t>POINT (4.680919237312809 51.831557360955806)</t>
  </si>
  <si>
    <t>POINT (4.680700686635684 51.828934237097286)</t>
  </si>
  <si>
    <t>POINT (4.699180314070102 51.838607808994894)</t>
  </si>
  <si>
    <t>POINT (4.698858157218535 51.84092602777468)</t>
  </si>
  <si>
    <t>POINT (4.67922744959669 51.83462010907967)</t>
  </si>
  <si>
    <t>POINT (4.6896996237597826 51.841348155671426)</t>
  </si>
  <si>
    <t>POINT (4.677495709181981 51.83284750924333)</t>
  </si>
  <si>
    <t>POINT (4.690083772227219 51.83206107187263)</t>
  </si>
  <si>
    <t>3354XL</t>
  </si>
  <si>
    <t>POINT (4.697886290672221 51.824337524432785)</t>
  </si>
  <si>
    <t>POINT (4.694854935147975 51.83114649984052)</t>
  </si>
  <si>
    <t>POINT (4.714125339900989 51.834016470779865)</t>
  </si>
  <si>
    <t>POINT (4.698210268498762 51.83484731031556)</t>
  </si>
  <si>
    <t>3351CA</t>
  </si>
  <si>
    <t>A. van Scheltemastraat</t>
  </si>
  <si>
    <t>POINT (4.677703886606081 51.833688963422425)</t>
  </si>
  <si>
    <t>POINT (4.6839997309412675 51.83497182659354)</t>
  </si>
  <si>
    <t>POINT (4.675762758011795 51.82986086830914)</t>
  </si>
  <si>
    <t>POINT (4.698049801880081 51.83521801223234)</t>
  </si>
  <si>
    <t>POINT (4.702937593240188 51.82854742457409)</t>
  </si>
  <si>
    <t>POINT (4.714341427701676 51.835762714314804)</t>
  </si>
  <si>
    <t>POINT (4.702034415499115 51.83455099144694)</t>
  </si>
  <si>
    <t>POINT (4.711328766789799 51.82997931684324)</t>
  </si>
  <si>
    <t>POINT (4.687962729371968 51.82321634971154)</t>
  </si>
  <si>
    <t>POINT (4.677660212405694 51.83641628574353)</t>
  </si>
  <si>
    <t>POINT (4.700092640081326 51.84058503989053)</t>
  </si>
  <si>
    <t>POINT (4.696086446412495 51.84096479987081)</t>
  </si>
  <si>
    <t>POINT (4.699896010521147 51.83124729572639)</t>
  </si>
  <si>
    <t>POINT (4.696656625589367 51.83677118613164)</t>
  </si>
  <si>
    <t>POINT (4.6834185512006625 51.83131047883063)</t>
  </si>
  <si>
    <t>POINT (4.687257402208311 51.83796270437836)</t>
  </si>
  <si>
    <t>POINT (4.685681567865417 51.82587163845517)</t>
  </si>
  <si>
    <t>POINT (4.679569076642451 51.83666270759417)</t>
  </si>
  <si>
    <t>POINT (4.730522539623082 51.82847880395586)</t>
  </si>
  <si>
    <t>POINT (4.691542220761497 51.83263961241789)</t>
  </si>
  <si>
    <t>POINT (4.697821092878489 51.83041692042322)</t>
  </si>
  <si>
    <t>POINT (4.724270062448327 51.834088614970995)</t>
  </si>
  <si>
    <t>POINT (4.693665145473516 51.8245029841965)</t>
  </si>
  <si>
    <t>POINT (4.6986147605711235 51.83146496119756)</t>
  </si>
  <si>
    <t>POINT (4.694029842865036 51.83701654671769)</t>
  </si>
  <si>
    <t>3354AC</t>
  </si>
  <si>
    <t>A.S. Talmastraat</t>
  </si>
  <si>
    <t>POINT (4.704065199981949 51.828216685021765)</t>
  </si>
  <si>
    <t>POINT (4.7232403123130045 51.8340861661106)</t>
  </si>
  <si>
    <t>3351EV</t>
  </si>
  <si>
    <t>Tollensstraat</t>
  </si>
  <si>
    <t>POINT (4.678939704557702 51.828605049118366)</t>
  </si>
  <si>
    <t>POINT (4.683161522834972 51.83645497975754)</t>
  </si>
  <si>
    <t>POINT (4.718634082532218 51.83248918249205)</t>
  </si>
  <si>
    <t>POINT (4.679480473510071 51.822286222115)</t>
  </si>
  <si>
    <t>POINT (4.71031032042395 51.83770727464649)</t>
  </si>
  <si>
    <t>POINT (4.706073121694967 51.83506398722463)</t>
  </si>
  <si>
    <t>POINT (4.696988792908274 51.8330954689245)</t>
  </si>
  <si>
    <t>POINT (4.681072548177305 51.83963535057492)</t>
  </si>
  <si>
    <t>POINT (4.686685635455363 51.82365815804253)</t>
  </si>
  <si>
    <t>POINT (4.675794090057332 51.832277917614846)</t>
  </si>
  <si>
    <t>POINT (4.684938301106517 51.830493748936455)</t>
  </si>
  <si>
    <t>POINT (4.681254586549402 51.82239313884346)</t>
  </si>
  <si>
    <t>POINT (4.681720094638894 51.82907095536725)</t>
  </si>
  <si>
    <t>3353EW</t>
  </si>
  <si>
    <t>POINT (4.69585863135602 51.832167645529566)</t>
  </si>
  <si>
    <t>POINT (4.691205221215285 51.84070404899868)</t>
  </si>
  <si>
    <t>POINT (4.674615618117203 51.828748498978825)</t>
  </si>
  <si>
    <t>POINT (4.707112089670899 51.82637206853071)</t>
  </si>
  <si>
    <t>POINT (4.700353116052934 51.835184383614255)</t>
  </si>
  <si>
    <t>POINT (4.700306898683097 51.83485928222447)</t>
  </si>
  <si>
    <t>POINT (4.683067593976633 51.834291426050896)</t>
  </si>
  <si>
    <t>POINT (4.682371421955422 51.827214110029104)</t>
  </si>
  <si>
    <t>POINT (4.706394008873163 51.833944059589626)</t>
  </si>
  <si>
    <t>POINT (4.687464840700876 51.82542286416413)</t>
  </si>
  <si>
    <t>POINT (4.692333940859039 51.83040789282727)</t>
  </si>
  <si>
    <t>POINT (4.674885479733244 51.83144671918449)</t>
  </si>
  <si>
    <t>POINT (4.694342147615694 51.8370044309582)</t>
  </si>
  <si>
    <t>POINT (4.695486149046383 51.82487512720208)</t>
  </si>
  <si>
    <t>POINT (4.685281146187407 51.82624662400011)</t>
  </si>
  <si>
    <t>POINT (4.6801282669574205 51.82221683290365)</t>
  </si>
  <si>
    <t>POINT (4.72418668501596 51.83365645719418)</t>
  </si>
  <si>
    <t>POINT (4.672979445415932 51.83001942473032)</t>
  </si>
  <si>
    <t>POINT (4.6776234250645174 51.82815538815742)</t>
  </si>
  <si>
    <t>POINT (4.689351251132364 51.831717659031995)</t>
  </si>
  <si>
    <t>POINT (4.683143611900164 51.83686669580297)</t>
  </si>
  <si>
    <t>3356GG</t>
  </si>
  <si>
    <t>Boudewijn Onderwaterlaan</t>
  </si>
  <si>
    <t>POINT (4.73289663938351 51.830051512665015)</t>
  </si>
  <si>
    <t>POINT (4.6923809945883 51.841576285437895)</t>
  </si>
  <si>
    <t>POINT (4.703851956396708 51.836043647587395)</t>
  </si>
  <si>
    <t>POINT (4.680397775985984 51.83502306605374)</t>
  </si>
  <si>
    <t>POINT (4.6800182693669665 51.82224405300525)</t>
  </si>
  <si>
    <t>POINT (4.701738790509767 51.83774910787327)</t>
  </si>
  <si>
    <t>POINT (4.7145641325370615 51.83229876228009)</t>
  </si>
  <si>
    <t>POINT (4.679672874150333 51.82790656717878)</t>
  </si>
  <si>
    <t>POINT (4.702237185039157 51.837325848263376)</t>
  </si>
  <si>
    <t>3351SB</t>
  </si>
  <si>
    <t>POINT (4.681793112408819 51.83982821894197)</t>
  </si>
  <si>
    <t>POINT (4.674533313833803 51.8331382231844)</t>
  </si>
  <si>
    <t>POINT (4.677682225029729 51.82819846665874)</t>
  </si>
  <si>
    <t>POINT (4.681873463220055 51.83791031080929)</t>
  </si>
  <si>
    <t>POINT (4.707709064164429 51.83895639781741)</t>
  </si>
  <si>
    <t>POINT (4.707465056229092 51.82625664966118)</t>
  </si>
  <si>
    <t>POINT (4.686685279376943 51.82356720875988)</t>
  </si>
  <si>
    <t>POINT (4.690614723494687 51.837949154424784)</t>
  </si>
  <si>
    <t>POINT (4.710624474468825 51.82845747649008)</t>
  </si>
  <si>
    <t>POINT (4.682196204063592 51.83802841854024)</t>
  </si>
  <si>
    <t>POINT (4.695066299917416 51.82761768397538)</t>
  </si>
  <si>
    <t>3354AG</t>
  </si>
  <si>
    <t>H. Polakstraat</t>
  </si>
  <si>
    <t>POINT (4.702335471617779 51.829610495021555)</t>
  </si>
  <si>
    <t>POINT (4.733336514640591 51.82900897529304)</t>
  </si>
  <si>
    <t>POINT (4.675621903655717 51.8329625371335)</t>
  </si>
  <si>
    <t>POINT (4.725733091658145 51.83349181755442)</t>
  </si>
  <si>
    <t>POINT (4.693535247980247 51.83049888880481)</t>
  </si>
  <si>
    <t>POINT (4.7016453865131345 51.833489770181785)</t>
  </si>
  <si>
    <t>POINT (4.709196007498495 51.8379884802769)</t>
  </si>
  <si>
    <t>POINT (4.724720478283464 51.835144020165)</t>
  </si>
  <si>
    <t>POINT (4.68882562833124 51.830151426593254)</t>
  </si>
  <si>
    <t>POINT (4.7286013155834095 51.832465265663714)</t>
  </si>
  <si>
    <t>POINT (4.693975116451608 51.829507901356465)</t>
  </si>
  <si>
    <t>POINT (4.728831900258383 51.832788575903734)</t>
  </si>
  <si>
    <t>POINT (4.685644891311484 51.828877222633494)</t>
  </si>
  <si>
    <t>POINT (4.718926487680623 51.833056132375)</t>
  </si>
  <si>
    <t>POINT (4.6902456287463545 51.839027073634504)</t>
  </si>
  <si>
    <t>POINT (4.687682798188339 51.84473832506784)</t>
  </si>
  <si>
    <t>POINT (4.7079263976421535 51.8294769704799)</t>
  </si>
  <si>
    <t>POINT (4.681000931627283 51.83603679458388)</t>
  </si>
  <si>
    <t>POINT (4.6874689922882595 51.84007372355761)</t>
  </si>
  <si>
    <t>POINT (4.685221440392851 51.837215035018005)</t>
  </si>
  <si>
    <t>POINT (4.714418864339673 51.832874837263745)</t>
  </si>
  <si>
    <t>POINT (4.699569893628091 51.834096228526874)</t>
  </si>
  <si>
    <t>POINT (4.693800289029267 51.832779424282656)</t>
  </si>
  <si>
    <t>POINT (4.683674567947916 51.82583283099867)</t>
  </si>
  <si>
    <t>POINT (4.718121763635443 51.83439965181255)</t>
  </si>
  <si>
    <t>3352XG</t>
  </si>
  <si>
    <t>POINT (4.688947397132619 51.837407679759494)</t>
  </si>
  <si>
    <t>3354VA</t>
  </si>
  <si>
    <t>POINT (4.703192573142609 51.831281498947085)</t>
  </si>
  <si>
    <t>POINT (4.68353085227525 51.828757747579495)</t>
  </si>
  <si>
    <t>POINT (4.685629755356601 51.840123411394174)</t>
  </si>
  <si>
    <t>POINT (4.689802745883243 51.825581944887304)</t>
  </si>
  <si>
    <t>POINT (4.7073969852619015 51.82584747950882)</t>
  </si>
  <si>
    <t>POINT (4.692555226946437 51.83325838440777)</t>
  </si>
  <si>
    <t>POINT (4.698158836092275 51.83326846137562)</t>
  </si>
  <si>
    <t>POINT (4.690110403281749 51.84345156996353)</t>
  </si>
  <si>
    <t>POINT (4.7278059034120385 51.83265363305053)</t>
  </si>
  <si>
    <t>POINT (4.7043284565799866 51.8304635583945)</t>
  </si>
  <si>
    <t>POINT (4.691611978436737 51.83134065544798)</t>
  </si>
  <si>
    <t>POINT (4.67996386885261 51.838043629461815)</t>
  </si>
  <si>
    <t>POINT (4.689955410304109 51.82514763064416)</t>
  </si>
  <si>
    <t>POINT (4.683361103299559 51.83602206120102)</t>
  </si>
  <si>
    <t>3353AX</t>
  </si>
  <si>
    <t>POINT (4.688307785816384 51.82684924290003)</t>
  </si>
  <si>
    <t>POINT (4.712647910807262 51.83013350909618)</t>
  </si>
  <si>
    <t>POINT (4.69031549553193 51.83903930842892)</t>
  </si>
  <si>
    <t>3356CW</t>
  </si>
  <si>
    <t>'t Waaltje</t>
  </si>
  <si>
    <t>POINT (4.718933801005277 51.83050278717828)</t>
  </si>
  <si>
    <t>POINT (4.685689615619528 51.82956877061853)</t>
  </si>
  <si>
    <t>POINT (4.693495748390716 51.82427678168404)</t>
  </si>
  <si>
    <t>POINT (4.680714086365554 51.8318354845711)</t>
  </si>
  <si>
    <t>POINT (4.716515939440088 51.832970727862374)</t>
  </si>
  <si>
    <t>POINT (4.68180289994786 51.83760456077619)</t>
  </si>
  <si>
    <t>POINT (4.708159893821104 51.83563161783081)</t>
  </si>
  <si>
    <t>POINT (4.7002126996556814 51.83092487568424)</t>
  </si>
  <si>
    <t>POINT (4.701393757985941 51.83312224757074)</t>
  </si>
  <si>
    <t>POINT (4.6889792289926095 51.84389779426406)</t>
  </si>
  <si>
    <t>POINT (4.715641379002632 51.83276014039722)</t>
  </si>
  <si>
    <t>POINT (4.681844125419701 51.839451434170954)</t>
  </si>
  <si>
    <t>POINT (4.684513761023924 51.82849465047752)</t>
  </si>
  <si>
    <t>3351LG</t>
  </si>
  <si>
    <t>POINT (4.680019513215456 51.83965492646834)</t>
  </si>
  <si>
    <t>POINT (4.6952736556043035 51.82438272638515)</t>
  </si>
  <si>
    <t>POINT (4.686788735300401 51.82349231252479)</t>
  </si>
  <si>
    <t>POINT (4.679172445014602 51.82803415479631)</t>
  </si>
  <si>
    <t>POINT (4.689289548091218 51.82337704469098)</t>
  </si>
  <si>
    <t>POINT (4.6906903787231915 51.842967477972245)</t>
  </si>
  <si>
    <t>POINT (4.6904735303355665 51.82392694813289)</t>
  </si>
  <si>
    <t>POINT (4.6945082832786955 51.82999051169984)</t>
  </si>
  <si>
    <t>POINT (4.6938767002625985 51.839327014147926)</t>
  </si>
  <si>
    <t>POINT (4.690790462365567 51.840683926836)</t>
  </si>
  <si>
    <t>POINT (4.679814345125543 51.82251199844768)</t>
  </si>
  <si>
    <t>POINT (4.693124218842084 51.83207367719499)</t>
  </si>
  <si>
    <t>POINT (4.676690268594953 51.835669826977956)</t>
  </si>
  <si>
    <t>POINT (4.714137018192094 51.83396993176184)</t>
  </si>
  <si>
    <t>POINT (4.682121284669307 51.82445381995659)</t>
  </si>
  <si>
    <t>POINT (4.700719348475561 51.83663799095395)</t>
  </si>
  <si>
    <t>POINT (4.681223891989389 51.822346033439025)</t>
  </si>
  <si>
    <t>POINT (4.694856136847819 51.83810931627348)</t>
  </si>
  <si>
    <t>POINT (4.7005388707380655 51.83358818232082)</t>
  </si>
  <si>
    <t>POINT (4.710918671117852 51.828176434628304)</t>
  </si>
  <si>
    <t>POINT (4.728035064490163 51.834016109593264)</t>
  </si>
  <si>
    <t>3356CP</t>
  </si>
  <si>
    <t>Spinnaker</t>
  </si>
  <si>
    <t>POINT (4.720070513805744 51.83364246779793)</t>
  </si>
  <si>
    <t>POINT (4.684234128175835 51.839068893977746)</t>
  </si>
  <si>
    <t>POINT (4.680695513961533 51.83237599487568)</t>
  </si>
  <si>
    <t>POINT (4.694413776650229 51.82435057143674)</t>
  </si>
  <si>
    <t>POINT (4.69729566234417 51.82583399756473)</t>
  </si>
  <si>
    <t>POINT (4.729561017569962 51.83225658231033)</t>
  </si>
  <si>
    <t>POINT (4.703614103672291 51.833801111326935)</t>
  </si>
  <si>
    <t>POINT (4.684381060152771 51.83743003978274)</t>
  </si>
  <si>
    <t>POINT (4.69775673179646 51.83881919343853)</t>
  </si>
  <si>
    <t>POINT (4.6910521379699395 51.823649117594655)</t>
  </si>
  <si>
    <t>POINT (4.7301555837940334 51.8284372455891)</t>
  </si>
  <si>
    <t>POINT (4.676904462986307 51.82300210406289)</t>
  </si>
  <si>
    <t>POINT (4.686188426075317 51.826390201554034)</t>
  </si>
  <si>
    <t>POINT (4.697510412413438 51.832404648337935)</t>
  </si>
  <si>
    <t>POINT (4.699295460031914 51.84081862407389)</t>
  </si>
  <si>
    <t>POINT (4.700040357356597 51.83105933460497)</t>
  </si>
  <si>
    <t>POINT (4.705786967728748 51.83836552757246)</t>
  </si>
  <si>
    <t>POINT (4.7145877972932135 51.83220532636427)</t>
  </si>
  <si>
    <t>POINT (4.692394708610176 51.83218929695702)</t>
  </si>
  <si>
    <t>POINT (4.688980935981233 51.82770829376752)</t>
  </si>
  <si>
    <t>POINT (4.700178983049844 51.84087502368969)</t>
  </si>
  <si>
    <t>POINT (4.677424605579551 51.8352503377013)</t>
  </si>
  <si>
    <t>3353BW</t>
  </si>
  <si>
    <t>POINT (4.689574264209899 51.82513568513552)</t>
  </si>
  <si>
    <t>POINT (4.683830355915386 51.830280772039195)</t>
  </si>
  <si>
    <t>POINT (4.68854295951235 51.84101773255416)</t>
  </si>
  <si>
    <t>POINT (4.719820695161432 51.833205261935085)</t>
  </si>
  <si>
    <t>POINT (4.681066422820607 51.83561121683031)</t>
  </si>
  <si>
    <t>POINT (4.679432205953568 51.8311403558768)</t>
  </si>
  <si>
    <t>POINT (4.69427601729618 51.83702014827346)</t>
  </si>
  <si>
    <t>POINT (4.68390356746121 51.82496331101446)</t>
  </si>
  <si>
    <t>POINT (4.7007183389116225 51.83555580856903)</t>
  </si>
  <si>
    <t>POINT (4.686857809138993 51.82932010019845)</t>
  </si>
  <si>
    <t>POINT (4.679641451842399 51.83530634425281)</t>
  </si>
  <si>
    <t>POINT (4.7092062850332495 51.82907305938198)</t>
  </si>
  <si>
    <t>POINT (4.678658803625566 51.8229712340526)</t>
  </si>
  <si>
    <t>3356BE</t>
  </si>
  <si>
    <t>POINT (4.711657351039705 51.82884474968264)</t>
  </si>
  <si>
    <t>POINT (4.7330994245597475 51.83047325559952)</t>
  </si>
  <si>
    <t>POINT (4.695434194951163 51.831917247591356)</t>
  </si>
  <si>
    <t>POINT (4.701356897175978 51.841300906090524)</t>
  </si>
  <si>
    <t>POINT (4.682244514074577 51.83174451589607)</t>
  </si>
  <si>
    <t>POINT (4.703673867848592 51.83285119983283)</t>
  </si>
  <si>
    <t>POINT (4.700595748909893 51.831881682326525)</t>
  </si>
  <si>
    <t>POINT (4.688788824048342 51.8431308488102)</t>
  </si>
  <si>
    <t>POINT (4.6807440511294365 51.8369393714386)</t>
  </si>
  <si>
    <t>POINT (4.688015905043213 51.828808826758554)</t>
  </si>
  <si>
    <t>POINT (4.693868993495771 51.82993894489771)</t>
  </si>
  <si>
    <t>3356BR</t>
  </si>
  <si>
    <t>POINT (4.709906758628238 51.82850379064593)</t>
  </si>
  <si>
    <t>POINT (4.680191716455912 51.83143186840211)</t>
  </si>
  <si>
    <t>POINT (4.7140855979372605 51.83492180100566)</t>
  </si>
  <si>
    <t>3352AE</t>
  </si>
  <si>
    <t>POINT (4.6865565926135435 51.84131617369596)</t>
  </si>
  <si>
    <t>POINT (4.691065047646466 51.82349792423682)</t>
  </si>
  <si>
    <t>POINT (4.676993938918998 51.82296295159605)</t>
  </si>
  <si>
    <t>POINT (4.689660672325691 51.82963367527102)</t>
  </si>
  <si>
    <t>POINT (4.721034526819399 51.83256271117069)</t>
  </si>
  <si>
    <t>POINT (4.680980526222932 51.83746539821279)</t>
  </si>
  <si>
    <t>POINT (4.686873161843888 51.827333368793255)</t>
  </si>
  <si>
    <t>POINT (4.680932150831981 51.822890455939245)</t>
  </si>
  <si>
    <t>POINT (4.698897429491505 51.84034917955081)</t>
  </si>
  <si>
    <t>POINT (4.68173717711287 51.824520356040274)</t>
  </si>
  <si>
    <t>POINT (4.6922110231931775 51.82390470111938)</t>
  </si>
  <si>
    <t>POINT (4.701795004699477 51.83366202099712)</t>
  </si>
  <si>
    <t>POINT (4.701072880594071 51.838424955508614)</t>
  </si>
  <si>
    <t>POINT (4.684222048417258 51.82799286540225)</t>
  </si>
  <si>
    <t>POINT (4.6909697163722806 51.83384565723374)</t>
  </si>
  <si>
    <t>POINT (4.68879250703647 51.83990567890317)</t>
  </si>
  <si>
    <t>POINT (4.674897850283033 51.83108541451532)</t>
  </si>
  <si>
    <t>POINT (4.688281275288547 51.82618745783871)</t>
  </si>
  <si>
    <t>POINT (4.714740841571497 51.833733692763396)</t>
  </si>
  <si>
    <t>POINT (4.681197170397549 51.838936864986884)</t>
  </si>
  <si>
    <t>POINT (4.690557238141703 51.84127353645716)</t>
  </si>
  <si>
    <t>POINT (4.70517175889422 51.839222947945196)</t>
  </si>
  <si>
    <t>POINT (4.731252126796214 51.82905550250577)</t>
  </si>
  <si>
    <t>POINT (4.684796090032838 51.82608813783374)</t>
  </si>
  <si>
    <t>POINT (4.687871868397263 51.8294620003426)</t>
  </si>
  <si>
    <t>POINT (4.6925031041590035 51.835183306416454)</t>
  </si>
  <si>
    <t>POINT (4.706359858346023 51.82851202619036)</t>
  </si>
  <si>
    <t>POINT (4.677559418402931 51.83437191940493)</t>
  </si>
  <si>
    <t>POINT (4.6845542502011 51.83602424689098)</t>
  </si>
  <si>
    <t>3355SE</t>
  </si>
  <si>
    <t>Bremhof</t>
  </si>
  <si>
    <t>POINT (4.694626811591442 51.83625416688352)</t>
  </si>
  <si>
    <t>POINT (4.681582806347086 51.8376883964773)</t>
  </si>
  <si>
    <t>POINT (4.702093108587658 51.835985792621464)</t>
  </si>
  <si>
    <t>POINT (4.7068522447401 51.829084346606884)</t>
  </si>
  <si>
    <t>POINT (4.6860446458678275 51.833191507764944)</t>
  </si>
  <si>
    <t>POINT (4.7100362104724995 51.8381013547567)</t>
  </si>
  <si>
    <t>POINT (4.694560084767762 51.8329808777212)</t>
  </si>
  <si>
    <t>POINT (4.696497923662842 51.83308822228492)</t>
  </si>
  <si>
    <t>POINT (4.688752999440185 51.8253724428183)</t>
  </si>
  <si>
    <t>POINT (4.719128400518179 51.83552403539715)</t>
  </si>
  <si>
    <t>POINT (4.718298411502223 51.835450078913745)</t>
  </si>
  <si>
    <t>POINT (4.72366380080111 51.8351802269757)</t>
  </si>
  <si>
    <t>POINT (4.68119154759728 51.82284226434065)</t>
  </si>
  <si>
    <t>POINT (4.680854143754125 51.8279818154925)</t>
  </si>
  <si>
    <t>POINT (4.724916653871238 51.83411656973147)</t>
  </si>
  <si>
    <t>POINT (4.680523167702819 51.83768417104872)</t>
  </si>
  <si>
    <t>POINT (4.702159992211126 51.83331886235908)</t>
  </si>
  <si>
    <t>POINT (4.683977507802814 51.82793610246366)</t>
  </si>
  <si>
    <t>POINT (4.6786730860819485 51.82957808843628)</t>
  </si>
  <si>
    <t>POINT (4.690683935085088 51.828602965689214)</t>
  </si>
  <si>
    <t>POINT (4.6798931185547845 51.82231164861977)</t>
  </si>
  <si>
    <t>POINT (4.678821994742611 51.83077655387123)</t>
  </si>
  <si>
    <t>POINT (4.691967057344222 51.83989924482996)</t>
  </si>
  <si>
    <t>POINT (4.706748601469622 51.835336160839276)</t>
  </si>
  <si>
    <t>POINT (4.696856727197099 51.82930252285483)</t>
  </si>
  <si>
    <t>POINT (4.682209425175452 51.83908625379436)</t>
  </si>
  <si>
    <t>POINT (4.684323352054654 51.82593808285348)</t>
  </si>
  <si>
    <t>POINT (4.699234204473224 51.83399549468844)</t>
  </si>
  <si>
    <t>POINT (4.685155001509401 51.82997320944123)</t>
  </si>
  <si>
    <t>POINT (4.681977508168918 51.83779299594142)</t>
  </si>
  <si>
    <t>POINT (4.698282975666794 51.82995066809402)</t>
  </si>
  <si>
    <t>POINT (4.687298080666327 51.827630955512824)</t>
  </si>
  <si>
    <t>POINT (4.703888562164864 51.834159045245244)</t>
  </si>
  <si>
    <t>POINT (4.683451999339752 51.82558951331696)</t>
  </si>
  <si>
    <t>POINT (4.6827743639745485 51.83607268052819)</t>
  </si>
  <si>
    <t>POINT (4.698208255735631 51.83318851893058)</t>
  </si>
  <si>
    <t>POINT (4.710025314966017 51.83741199095057)</t>
  </si>
  <si>
    <t>POINT (4.693533492192307 51.8364889576417)</t>
  </si>
  <si>
    <t>3351GJ</t>
  </si>
  <si>
    <t>POINT (4.681132737137702 51.83099624372192)</t>
  </si>
  <si>
    <t>POINT (4.7081273039140035 51.82611932541087)</t>
  </si>
  <si>
    <t>POINT (4.701819462889137 51.83138068829239)</t>
  </si>
  <si>
    <t>POINT (4.695128130615359 51.82702140966932)</t>
  </si>
  <si>
    <t>POINT (4.699430320616887 51.83379578396105)</t>
  </si>
  <si>
    <t>POINT (4.7126966530168 51.83051363933087)</t>
  </si>
  <si>
    <t>POINT (4.6871566353213865 51.83672133043446)</t>
  </si>
  <si>
    <t>POINT (4.699612131454049 51.83585777937539)</t>
  </si>
  <si>
    <t>3353VE</t>
  </si>
  <si>
    <t>POINT (4.687498192930186 51.82884420427961)</t>
  </si>
  <si>
    <t>POINT (4.691813325864469 51.825811335869105)</t>
  </si>
  <si>
    <t>POINT (4.688426720053914 51.82462281620808)</t>
  </si>
  <si>
    <t>POINT (4.697996822751353 51.826081070553926)</t>
  </si>
  <si>
    <t>POINT (4.67981858428026 51.830988439685804)</t>
  </si>
  <si>
    <t>POINT (4.69237593468622 51.83077425759669)</t>
  </si>
  <si>
    <t>POINT (4.691737743915784 51.825831409139745)</t>
  </si>
  <si>
    <t>3356LL</t>
  </si>
  <si>
    <t>Scheepvaartweg</t>
  </si>
  <si>
    <t>POINT (4.720382570746517 51.82466739032994)</t>
  </si>
  <si>
    <t>POINT (4.692553623871331 51.82448286536027)</t>
  </si>
  <si>
    <t>POINT (4.697761130225181 51.83504246820514)</t>
  </si>
  <si>
    <t>POINT (4.700550341388834 51.837896542424986)</t>
  </si>
  <si>
    <t>POINT (4.68042461963554 51.83505069696302)</t>
  </si>
  <si>
    <t>POINT (4.697409839821723 51.82636285896581)</t>
  </si>
  <si>
    <t>POINT (4.696307645106592 51.832121211130996)</t>
  </si>
  <si>
    <t>POINT (4.6867685517561695 51.834266385185)</t>
  </si>
  <si>
    <t>POINT (4.693042161665716 51.83842852325285)</t>
  </si>
  <si>
    <t>POINT (4.725541416441901 51.83263243314796)</t>
  </si>
  <si>
    <t>POINT (4.706441034345185 51.828327969445304)</t>
  </si>
  <si>
    <t>POINT (4.6966116192191905 51.83497057105559)</t>
  </si>
  <si>
    <t>POINT (4.727659097089042 51.83329772289215)</t>
  </si>
  <si>
    <t>POINT (4.73592973256897 51.83295061081714)</t>
  </si>
  <si>
    <t>POINT (4.7052249285417025 51.83239099672113)</t>
  </si>
  <si>
    <t>POINT (4.688883528647994 51.825491986440305)</t>
  </si>
  <si>
    <t>POINT (4.713634884971043 51.83274906713254)</t>
  </si>
  <si>
    <t>POINT (4.6923898076939325 51.837983879826645)</t>
  </si>
  <si>
    <t>3355CR</t>
  </si>
  <si>
    <t>Koolzaadhof</t>
  </si>
  <si>
    <t>POINT (4.696898114875497 51.83910515474302)</t>
  </si>
  <si>
    <t>POINT (4.698071074708563 51.83329593680875)</t>
  </si>
  <si>
    <t>POINT (4.699246238103441 51.82916966821028)</t>
  </si>
  <si>
    <t>POINT (4.6806226647211595 51.83187937418639)</t>
  </si>
  <si>
    <t>POINT (4.69581934506293 51.835658454635535)</t>
  </si>
  <si>
    <t>POINT (4.6967049227110165 51.836835918668044)</t>
  </si>
  <si>
    <t>POINT (4.713405605198095 51.83138039364791)</t>
  </si>
  <si>
    <t>POINT (4.7006719913088215 51.838141375874926)</t>
  </si>
  <si>
    <t>POINT (4.695857864141065 51.826709417717744)</t>
  </si>
  <si>
    <t>POINT (4.684769503991867 51.82562625880975)</t>
  </si>
  <si>
    <t>POINT (4.7300496259738685 51.832825375968504)</t>
  </si>
  <si>
    <t>POINT (4.678986917442771 51.82224711960439)</t>
  </si>
  <si>
    <t>POINT (4.67391040702843 51.83228033831235)</t>
  </si>
  <si>
    <t>POINT (4.687240014090975 51.836083041236336)</t>
  </si>
  <si>
    <t>POINT (4.699659689923047 51.83428724147456)</t>
  </si>
  <si>
    <t>POINT (4.690723115036098 51.823958667203996)</t>
  </si>
  <si>
    <t>POINT (4.7271665579338125 51.83154695808372)</t>
  </si>
  <si>
    <t>POINT (4.685095750481734 51.83458140353907)</t>
  </si>
  <si>
    <t>POINT (4.682269709948396 51.82575571094572)</t>
  </si>
  <si>
    <t>POINT (4.708926532696864 51.82894368789493)</t>
  </si>
  <si>
    <t>POINT (4.679335030943703 51.83575987960744)</t>
  </si>
  <si>
    <t>POINT (4.69376463200648 51.83656607933554)</t>
  </si>
  <si>
    <t>POINT (4.694326007397812 51.82487302155697)</t>
  </si>
  <si>
    <t>POINT (4.729380196972154 51.83310170259641)</t>
  </si>
  <si>
    <t>POINT (4.71605553630662 51.835402545949805)</t>
  </si>
  <si>
    <t>POINT (4.676720487563643 51.83409945075789)</t>
  </si>
  <si>
    <t>POINT (4.72493035510994 51.834995741791644)</t>
  </si>
  <si>
    <t>POINT (4.709733471588829 51.83748967666989)</t>
  </si>
  <si>
    <t>POINT (4.686685740416696 51.84075354595951)</t>
  </si>
  <si>
    <t>POINT (4.694678871743423 51.837209443911846)</t>
  </si>
  <si>
    <t>POINT (4.707515102337477 51.827938001846654)</t>
  </si>
  <si>
    <t>POINT (4.689917925337046 51.82579842855923)</t>
  </si>
  <si>
    <t>POINT (4.680526631879894 51.84300610298397)</t>
  </si>
  <si>
    <t>3353EK</t>
  </si>
  <si>
    <t>Zilverschoonstraat</t>
  </si>
  <si>
    <t>POINT (4.691117842193685 51.832155692342674)</t>
  </si>
  <si>
    <t>POINT (4.691334766095751 51.832419806175025)</t>
  </si>
  <si>
    <t>POINT (4.680196814412032 51.831991846829425)</t>
  </si>
  <si>
    <t>POINT (4.704047410273689 51.827856191327)</t>
  </si>
  <si>
    <t>POINT (4.697657682790773 51.82975399270894)</t>
  </si>
  <si>
    <t>3351NK</t>
  </si>
  <si>
    <t>Watertrap</t>
  </si>
  <si>
    <t>POINT (4.6791809097630495 51.823390092103494)</t>
  </si>
  <si>
    <t>POINT (4.707299164285725 51.8263431032957)</t>
  </si>
  <si>
    <t>POINT (4.704409834610966 51.837868033113075)</t>
  </si>
  <si>
    <t>POINT (4.676904216422601 51.83559292046018)</t>
  </si>
  <si>
    <t>POINT (4.685749671121427 51.841011584552945)</t>
  </si>
  <si>
    <t>POINT (4.6816962748989885 51.82264730618897)</t>
  </si>
  <si>
    <t>POINT (4.6736159720620805 51.830128687915945)</t>
  </si>
  <si>
    <t>POINT (4.695224985000979 51.838136560196595)</t>
  </si>
  <si>
    <t>POINT (4.683199647972834 51.837924347320545)</t>
  </si>
  <si>
    <t>POINT (4.689114153366889 51.82745530075872)</t>
  </si>
  <si>
    <t>POINT (4.7065197872569495 51.82826587428152)</t>
  </si>
  <si>
    <t>POINT (4.731604999009904 51.8265085379423)</t>
  </si>
  <si>
    <t>POINT (4.685059561135192 51.835685872793796)</t>
  </si>
  <si>
    <t>POINT (4.705032045481341 51.83205343175741)</t>
  </si>
  <si>
    <t>POINT (4.702346613553665 51.83735954682686)</t>
  </si>
  <si>
    <t>POINT (4.7003215566563705 51.83643698861842)</t>
  </si>
  <si>
    <t>POINT (4.682111546824579 51.82376240820775)</t>
  </si>
  <si>
    <t>POINT (4.717388539169804 51.824602721231656)</t>
  </si>
  <si>
    <t>POINT (4.695042597318486 51.83688679384628)</t>
  </si>
  <si>
    <t>POINT (4.689901455768443 51.82507214707319)</t>
  </si>
  <si>
    <t>POINT (4.701807617321549 51.833943088083885)</t>
  </si>
  <si>
    <t>3356BP</t>
  </si>
  <si>
    <t>Kamerlingh Onneslaan</t>
  </si>
  <si>
    <t>POINT (4.708421647245882 51.8273474453984)</t>
  </si>
  <si>
    <t>POINT (4.692521259994955 51.82814572519681)</t>
  </si>
  <si>
    <t>POINT (4.676028990794522 51.82812764464375)</t>
  </si>
  <si>
    <t>POINT (4.694894434408023 51.84213516974854)</t>
  </si>
  <si>
    <t>POINT (4.68951618417803 51.84340034676464)</t>
  </si>
  <si>
    <t>POINT (4.688163337828118 51.84433642924964)</t>
  </si>
  <si>
    <t>POINT (4.696086087412115 51.840915369318786)</t>
  </si>
  <si>
    <t>POINT (4.684116200435421 51.82721499208133)</t>
  </si>
  <si>
    <t>POINT (4.67859914852321 51.83034988397302)</t>
  </si>
  <si>
    <t>POINT (4.707243318396513 51.83615443893872)</t>
  </si>
  <si>
    <t>POINT (4.6884567695730075 51.827039008270354)</t>
  </si>
  <si>
    <t>POINT (4.735812733398972 51.832747142886255)</t>
  </si>
  <si>
    <t>POINT (4.680250877704956 51.83503838803654)</t>
  </si>
  <si>
    <t>POINT (4.689793781370702 51.83169378147104)</t>
  </si>
  <si>
    <t>POINT (4.681933845139372 51.83047144857954)</t>
  </si>
  <si>
    <t>POINT (4.676949462777561 51.82271002025958)</t>
  </si>
  <si>
    <t>POINT (4.6837174295703425 51.82581449936512)</t>
  </si>
  <si>
    <t>POINT (4.691668626642407 51.839998239724956)</t>
  </si>
  <si>
    <t>POINT (4.7015526248038535 51.83180175737833)</t>
  </si>
  <si>
    <t>POINT (4.701662143606393 51.83765792018705)</t>
  </si>
  <si>
    <t>POINT (4.677822097849981 51.822830334486575)</t>
  </si>
  <si>
    <t>POINT (4.693503348970706 51.83654029336804)</t>
  </si>
  <si>
    <t>POINT (4.684264743698847 51.82716037684041)</t>
  </si>
  <si>
    <t>POINT (4.6909671706680145 51.826805695195105)</t>
  </si>
  <si>
    <t>POINT (4.693893154223203 51.8387952902112)</t>
  </si>
  <si>
    <t>POINT (4.677262208409485 51.8344793703759)</t>
  </si>
  <si>
    <t>POINT (4.691804268494257 51.82587844535032)</t>
  </si>
  <si>
    <t>POINT (4.6851883481739645 51.83706947291221)</t>
  </si>
  <si>
    <t>POINT (4.683717492897033 51.82430028964462)</t>
  </si>
  <si>
    <t>POINT (4.677545036058198 51.82252899573312)</t>
  </si>
  <si>
    <t>POINT (4.69956454101318 51.83748246425586)</t>
  </si>
  <si>
    <t>POINT (4.696810040787905 51.83513749744332)</t>
  </si>
  <si>
    <t>POINT (4.69261833936247 51.837389151168736)</t>
  </si>
  <si>
    <t>POINT (4.695708407563647 51.84230047645917)</t>
  </si>
  <si>
    <t>POINT (4.699787199357482 51.831845633948305)</t>
  </si>
  <si>
    <t>POINT (4.690740814061526 51.82880215888346)</t>
  </si>
  <si>
    <t>POINT (4.681529551965339 51.837328225211195)</t>
  </si>
  <si>
    <t>POINT (4.692316790775528 51.83870935137061)</t>
  </si>
  <si>
    <t>POINT (4.688495209419448 51.83307128951246)</t>
  </si>
  <si>
    <t>POINT (4.680366828365743 51.83765793582746)</t>
  </si>
  <si>
    <t>POINT (4.701912786263118 51.83837155201117)</t>
  </si>
  <si>
    <t>POINT (4.68836864142995 51.838099057368275)</t>
  </si>
  <si>
    <t>3353TH</t>
  </si>
  <si>
    <t>POINT (4.694033155918767 51.8295128912274)</t>
  </si>
  <si>
    <t>POINT (4.721272098877977 51.834912899970696)</t>
  </si>
  <si>
    <t>POINT (4.689308990865366 51.831683835228304)</t>
  </si>
  <si>
    <t>POINT (4.688264960344142 51.83394019874482)</t>
  </si>
  <si>
    <t>POINT (4.684599746597292 51.82846656331398)</t>
  </si>
  <si>
    <t>POINT (4.684410954120939 51.825898122525246)</t>
  </si>
  <si>
    <t>POINT (4.71866508707848 51.834783208169455)</t>
  </si>
  <si>
    <t>POINT (4.686941981434977 51.8229220701182)</t>
  </si>
  <si>
    <t>POINT (4.683443266317777 51.82549199702116)</t>
  </si>
  <si>
    <t>POINT (4.684070449419863 51.827947481569026)</t>
  </si>
  <si>
    <t>POINT (4.678171287898862 51.82350206344942)</t>
  </si>
  <si>
    <t>POINT (4.712280921124429 51.829001754499124)</t>
  </si>
  <si>
    <t>POINT (4.679919159642175 51.835551142537916)</t>
  </si>
  <si>
    <t>POINT (4.693902064974886 51.83653507129201)</t>
  </si>
  <si>
    <t>POINT (4.692212602748386 51.831098113081374)</t>
  </si>
  <si>
    <t>POINT (4.688823322297948 51.82355836802782)</t>
  </si>
  <si>
    <t>3356BM</t>
  </si>
  <si>
    <t>H.A. Lorentzstraat</t>
  </si>
  <si>
    <t>POINT (4.710278739493463 51.82848393221618)</t>
  </si>
  <si>
    <t>POINT (4.7006183544309925 51.8385084451783)</t>
  </si>
  <si>
    <t>POINT (4.678097915268897 51.832007249334964)</t>
  </si>
  <si>
    <t>POINT (4.7227645907932985 51.833350839926695)</t>
  </si>
  <si>
    <t>POINT (4.693634974356498 51.83844173463565)</t>
  </si>
  <si>
    <t>POINT (4.702528078892687 51.83058675010582)</t>
  </si>
  <si>
    <t>3356GJ</t>
  </si>
  <si>
    <t>Johannes vd Madelaan</t>
  </si>
  <si>
    <t>POINT (4.731425217700879 51.8309511780847)</t>
  </si>
  <si>
    <t>POINT (4.690139976818565 51.829158407723085)</t>
  </si>
  <si>
    <t>POINT (4.685258334717367 51.83725441012124)</t>
  </si>
  <si>
    <t>POINT (4.711102341116917 51.828551689122705)</t>
  </si>
  <si>
    <t>POINT (4.6787510146150115 51.82301082840963)</t>
  </si>
  <si>
    <t>POINT (4.729368720625956 51.82900331866563)</t>
  </si>
  <si>
    <t>POINT (4.685296879223947 51.83718693817302)</t>
  </si>
  <si>
    <t>POINT (4.692162530046599 51.8240966720954)</t>
  </si>
  <si>
    <t>POINT (4.6896657063309775 51.83728307986148)</t>
  </si>
  <si>
    <t>POINT (4.684127815200819 51.825128706321976)</t>
  </si>
  <si>
    <t>POINT (4.694304194202261 51.82997813430818)</t>
  </si>
  <si>
    <t>POINT (4.680959160233444 51.83708451989466)</t>
  </si>
  <si>
    <t>POINT (4.728566235930409 51.83132570895944)</t>
  </si>
  <si>
    <t>POINT (4.723962186035334 51.8343134248502)</t>
  </si>
  <si>
    <t>POINT (4.678582457530787 51.83769185240291)</t>
  </si>
  <si>
    <t>POINT (4.715053224361039 51.832047356633275)</t>
  </si>
  <si>
    <t>POINT (4.692379815946982 51.84179946603045)</t>
  </si>
  <si>
    <t>POINT (4.691395866220204 51.84240820911243)</t>
  </si>
  <si>
    <t>POINT (4.678767595160017 51.82224202975294)</t>
  </si>
  <si>
    <t>POINT (4.706826926936726 51.82577141361502)</t>
  </si>
  <si>
    <t>POINT (4.682159165270219 51.83521867103891)</t>
  </si>
  <si>
    <t>POINT (4.734692497735222 51.83116666670936)</t>
  </si>
  <si>
    <t>POINT (4.689675847285377 51.84282276948179)</t>
  </si>
  <si>
    <t>POINT (4.69074639120514 51.83225792812166)</t>
  </si>
  <si>
    <t>POINT (4.709281053605154 51.836232299074275)</t>
  </si>
  <si>
    <t>POINT (4.687672539730926 51.835634488705416)</t>
  </si>
  <si>
    <t>POINT (4.715447609814529 51.834730558699796)</t>
  </si>
  <si>
    <t>POINT (4.702056297129617 51.83596297140015)</t>
  </si>
  <si>
    <t>POINT (4.718068500408723 51.83500448857928)</t>
  </si>
  <si>
    <t>POINT (4.691884365742545 51.826630055771965)</t>
  </si>
  <si>
    <t>POINT (4.686711027471728 51.8413763392871)</t>
  </si>
  <si>
    <t>POINT (4.682819817434026 51.836982477677815)</t>
  </si>
  <si>
    <t>POINT (4.69134448580655 51.83332643962573)</t>
  </si>
  <si>
    <t>POINT (4.707227105257644 51.83610100656399)</t>
  </si>
  <si>
    <t>POINT (4.6869549715542504 51.82818156699142)</t>
  </si>
  <si>
    <t>POINT (4.698997711332091 51.84088599261332)</t>
  </si>
  <si>
    <t>POINT (4.699832127178904 51.831775489092834)</t>
  </si>
  <si>
    <t>POINT (4.73361651715064 51.82950801803885)</t>
  </si>
  <si>
    <t>POINT (4.677917801774973 51.82992393164693)</t>
  </si>
  <si>
    <t>POINT (4.680563671858295 51.83001726358089)</t>
  </si>
  <si>
    <t>POINT (4.693556337663235 51.83954475888411)</t>
  </si>
  <si>
    <t>POINT (4.677126102339799 51.83139691520826)</t>
  </si>
  <si>
    <t>POINT (4.718006371860755 51.83416246772967)</t>
  </si>
  <si>
    <t>POINT (4.681208368613544 51.83520184693861)</t>
  </si>
  <si>
    <t>POINT (4.7244022380286586 51.83406684483813)</t>
  </si>
  <si>
    <t>POINT (4.688520731708386 51.834207991688714)</t>
  </si>
  <si>
    <t>POINT (4.710663274579944 51.828899482039745)</t>
  </si>
  <si>
    <t>POINT (4.691493919517738 51.83077926257662)</t>
  </si>
  <si>
    <t>POINT (4.690373061448646 51.82579421916746)</t>
  </si>
  <si>
    <t>POINT (4.690864773317409 51.838653324002344)</t>
  </si>
  <si>
    <t>POINT (4.681844861536661 51.837650969558105)</t>
  </si>
  <si>
    <t>POINT (4.688911917484217 51.83042021490387)</t>
  </si>
  <si>
    <t>POINT (4.704303413900816 51.835168832250766)</t>
  </si>
  <si>
    <t>3353ES</t>
  </si>
  <si>
    <t>IJsbloem</t>
  </si>
  <si>
    <t>POINT (4.694605237014498 51.83096270138347)</t>
  </si>
  <si>
    <t>POINT (4.7206557244537235 51.834346220557904)</t>
  </si>
  <si>
    <t>POINT (4.678907029756004 51.82984493511482)</t>
  </si>
  <si>
    <t>POINT (4.6752354021333815 51.831690627749445)</t>
  </si>
  <si>
    <t>POINT (4.697758518346803 51.833414432357614)</t>
  </si>
  <si>
    <t>POINT (4.699024782836619 51.83498360052609)</t>
  </si>
  <si>
    <t>POINT (4.688461237122906 51.83095830767291)</t>
  </si>
  <si>
    <t>POINT (4.6984371710082256 51.830294534240565)</t>
  </si>
  <si>
    <t>3351VG</t>
  </si>
  <si>
    <t>POINT (4.686862152810288 51.83359774848917)</t>
  </si>
  <si>
    <t>3356LD</t>
  </si>
  <si>
    <t>Ketelweg</t>
  </si>
  <si>
    <t>POINT (4.725347532642712 51.828529971767935)</t>
  </si>
  <si>
    <t>POINT (4.698957863214446 51.83024310816503)</t>
  </si>
  <si>
    <t>POINT (4.70081848800051 51.835065848913835)</t>
  </si>
  <si>
    <t>POINT (4.687013526812049 51.827529502472956)</t>
  </si>
  <si>
    <t>POINT (4.697981944549451 51.83912564362006)</t>
  </si>
  <si>
    <t>POINT (4.6850088980778315 51.82720151359285)</t>
  </si>
  <si>
    <t>POINT (4.701675691420869 51.83196419953177)</t>
  </si>
  <si>
    <t>POINT (4.691514434386504 51.82579961430901)</t>
  </si>
  <si>
    <t>POINT (4.698513207509784 51.830384552088205)</t>
  </si>
  <si>
    <t>POINT (4.692517930736154 51.84018022730387)</t>
  </si>
  <si>
    <t>POINT (4.70325529177118 51.829624945501195)</t>
  </si>
  <si>
    <t>POINT (4.707043213949392 51.83848741719363)</t>
  </si>
  <si>
    <t>POINT (4.703780108241311 51.83114018611854)</t>
  </si>
  <si>
    <t>POINT (4.682668379083952 51.84561231131509)</t>
  </si>
  <si>
    <t>POINT (4.694976787272449 51.824692234651)</t>
  </si>
  <si>
    <t>POINT (4.681327766766799 51.83119620055739)</t>
  </si>
  <si>
    <t>POINT (4.689617415377516 51.82958562561034)</t>
  </si>
  <si>
    <t>POINT (4.678196324868895 51.8346801592903)</t>
  </si>
  <si>
    <t>POINT (4.694300192707905 51.842639045017215)</t>
  </si>
  <si>
    <t>POINT (4.686768395618239 51.840646157559846)</t>
  </si>
  <si>
    <t>POINT (4.681405168066444 51.837346182836725)</t>
  </si>
  <si>
    <t>3351NL</t>
  </si>
  <si>
    <t>Anthony Fokkerweg</t>
  </si>
  <si>
    <t>POINT (4.681463403585585 51.83542736836913)</t>
  </si>
  <si>
    <t>POINT (4.683308421842127 51.83532352580502)</t>
  </si>
  <si>
    <t>POINT (4.7254411427274565 51.83427279223333)</t>
  </si>
  <si>
    <t>POINT (4.683649040330776 51.83950001663534)</t>
  </si>
  <si>
    <t>POINT (4.679179696953689 51.83469235943883)</t>
  </si>
  <si>
    <t>POINT (4.678516511800737 51.83567621870249)</t>
  </si>
  <si>
    <t>POINT (4.699870350035756 51.83181771676939)</t>
  </si>
  <si>
    <t>POINT (4.695787741424758 51.8245402525801)</t>
  </si>
  <si>
    <t>POINT (4.70335749670778 51.8361971793781)</t>
  </si>
  <si>
    <t>POINT (4.686780054886123 51.82303254521024)</t>
  </si>
  <si>
    <t>3356CJ</t>
  </si>
  <si>
    <t>3356CH-3356CJ</t>
  </si>
  <si>
    <t>POINT (4.718788580154403 51.83601698700534)</t>
  </si>
  <si>
    <t>POINT (4.7245012676400835 51.8342162732362)</t>
  </si>
  <si>
    <t>POINT (4.689306698622861 51.827596839334554)</t>
  </si>
  <si>
    <t>POINT (4.696577718981098 51.82637119720789)</t>
  </si>
  <si>
    <t>POINT (4.6841180037811245 51.834262720087544)</t>
  </si>
  <si>
    <t>POINT (4.6856770646014185 51.834660680029124)</t>
  </si>
  <si>
    <t>POINT (4.691172487526809 51.825493051859134)</t>
  </si>
  <si>
    <t>POINT (4.718445616749271 51.83587562944217)</t>
  </si>
  <si>
    <t>POINT (4.684500386467149 51.828413654618146)</t>
  </si>
  <si>
    <t>POINT (4.695042535121832 51.836118274700134)</t>
  </si>
  <si>
    <t>POINT (4.683577062471456 51.836833061314735)</t>
  </si>
  <si>
    <t>POINT (4.707676636055886 51.835983602381376)</t>
  </si>
  <si>
    <t>POINT (4.706110205109024 51.83880831292652)</t>
  </si>
  <si>
    <t>POINT (4.683676514269909 51.82710390056757)</t>
  </si>
  <si>
    <t>POINT (4.685473131494983 51.82593298047734)</t>
  </si>
  <si>
    <t>POINT (4.682156255257837 51.837258095028446)</t>
  </si>
  <si>
    <t>POINT (4.6851444283085435 51.83482161941405)</t>
  </si>
  <si>
    <t>POINT (4.686608400200507 51.836101044066986)</t>
  </si>
  <si>
    <t>POINT (4.729879250626748 51.829834020484874)</t>
  </si>
  <si>
    <t>POINT (4.672125719208974 51.83137272737666)</t>
  </si>
  <si>
    <t>POINT (4.6953134285842975 51.84244739657292)</t>
  </si>
  <si>
    <t>3353EH</t>
  </si>
  <si>
    <t>Pioenstraat</t>
  </si>
  <si>
    <t>POINT (4.692825692091751 51.83182938935349)</t>
  </si>
  <si>
    <t>POINT (4.697413964215801 51.83300534915114)</t>
  </si>
  <si>
    <t>POINT (4.673366333669069 51.829899289728054)</t>
  </si>
  <si>
    <t>POINT (4.685155406033018 51.82903839282269)</t>
  </si>
  <si>
    <t>POINT (4.698845692476323 51.83468763367205)</t>
  </si>
  <si>
    <t>POINT (4.6922837701666475 51.84337575399434)</t>
  </si>
  <si>
    <t>POINT (4.704375352521413 51.83980518551479)</t>
  </si>
  <si>
    <t>POINT (4.7300630164779225 51.83284631347905)</t>
  </si>
  <si>
    <t>POINT (4.710813260460282 51.82903401621647)</t>
  </si>
  <si>
    <t>POINT (4.682699770796171 51.834137059496435)</t>
  </si>
  <si>
    <t>POINT (4.691662507425629 51.82582909369881)</t>
  </si>
  <si>
    <t>POINT (4.68421397025528 51.83961307105936)</t>
  </si>
  <si>
    <t>POINT (4.67410805938111 51.831479571688355)</t>
  </si>
  <si>
    <t>POINT (4.677572795489666 51.822427861390686)</t>
  </si>
  <si>
    <t>POINT (4.685445361428153 51.83474326703556)</t>
  </si>
  <si>
    <t>POINT (4.70192548131683 51.83510151112772)</t>
  </si>
  <si>
    <t>POINT (4.677265403886266 51.83338889611278)</t>
  </si>
  <si>
    <t>POINT (4.684041099965068 51.83107893187515)</t>
  </si>
  <si>
    <t>POINT (4.6847192176341865 51.82918182176249)</t>
  </si>
  <si>
    <t>POINT (4.683444190152297 51.82984161831556)</t>
  </si>
  <si>
    <t>POINT (4.675504986939502 51.830464556604795)</t>
  </si>
  <si>
    <t>POINT (4.678057062082076 51.82312935082747)</t>
  </si>
  <si>
    <t>POINT (4.689311871764777 51.82875410389501)</t>
  </si>
  <si>
    <t>POINT (4.677396726161398 51.83380208933917)</t>
  </si>
  <si>
    <t>POINT (4.689110342395712 51.82949374939342)</t>
  </si>
  <si>
    <t>POINT (4.702094871151159 51.83797003236213)</t>
  </si>
  <si>
    <t>POINT (4.697803828686568 51.83499516911632)</t>
  </si>
  <si>
    <t>POINT (4.680279751424349 51.83500968140367)</t>
  </si>
  <si>
    <t>POINT (4.674764481254422 51.831714799485326)</t>
  </si>
  <si>
    <t>POINT (4.677025257011542 51.82917663879967)</t>
  </si>
  <si>
    <t>POINT (4.727234349849979 51.83339361720773)</t>
  </si>
  <si>
    <t>POINT (4.697412093721597 51.8351243806203)</t>
  </si>
  <si>
    <t>POINT (4.6922695336111415 51.84268535239725)</t>
  </si>
  <si>
    <t>POINT (4.692286632331935 51.84169361277733)</t>
  </si>
  <si>
    <t>POINT (4.684469087249035 51.825292968192976)</t>
  </si>
  <si>
    <t>POINT (4.686081759785483 51.84131899289719)</t>
  </si>
  <si>
    <t>POINT (4.690294126248746 51.83312476878976)</t>
  </si>
  <si>
    <t>POINT (4.676928574719889 51.8356207079212)</t>
  </si>
  <si>
    <t>POINT (4.679275172032237 51.83462179910429)</t>
  </si>
  <si>
    <t>POINT (4.6927569702659095 51.83871430196399)</t>
  </si>
  <si>
    <t>POINT (4.688369634632647 51.83278437074852)</t>
  </si>
  <si>
    <t>POINT (4.696545204337067 51.82900117102917)</t>
  </si>
  <si>
    <t>POINT (4.6972938695074715 51.829036503514054)</t>
  </si>
  <si>
    <t>POINT (4.6883368736947295 51.82808014125074)</t>
  </si>
  <si>
    <t>POINT (4.694005079002977 51.82951040635754)</t>
  </si>
  <si>
    <t>POINT (4.688373533337718 51.82311437520383)</t>
  </si>
  <si>
    <t>POINT (4.68286921976522 51.8286719827312)</t>
  </si>
  <si>
    <t>POINT (4.675642129011172 51.83155316757435)</t>
  </si>
  <si>
    <t>POINT (4.699580444601889 51.83380700931576)</t>
  </si>
  <si>
    <t>POINT (4.695539801496458 51.84143179358434)</t>
  </si>
  <si>
    <t>POINT (4.702383825540202 51.83722818845076)</t>
  </si>
  <si>
    <t>POINT (4.7275265445311705 51.828651062742104)</t>
  </si>
  <si>
    <t>POINT (4.694996039597668 51.824181065246805)</t>
  </si>
  <si>
    <t>POINT (4.683281949863393 51.827665860362195)</t>
  </si>
  <si>
    <t>3351AW</t>
  </si>
  <si>
    <t>POINT (4.681250996783991 51.824330963288546)</t>
  </si>
  <si>
    <t>POINT (4.690228147034856 51.843090800400695)</t>
  </si>
  <si>
    <t>POINT (4.681414254669678 51.8223664769523)</t>
  </si>
  <si>
    <t>POINT (4.722156969258821 51.83501543351687)</t>
  </si>
  <si>
    <t>POINT (4.6945859616687855 51.82358116653991)</t>
  </si>
  <si>
    <t>POINT (4.694955409917894 51.82411964892986)</t>
  </si>
  <si>
    <t>POINT (4.708582481101725 51.83571602861676)</t>
  </si>
  <si>
    <t>3351JB</t>
  </si>
  <si>
    <t>Crabethstraat</t>
  </si>
  <si>
    <t>POINT (4.6876633848810085 51.83301970248549)</t>
  </si>
  <si>
    <t>POINT (4.679686785596065 51.832657789851375)</t>
  </si>
  <si>
    <t>POINT (4.677776116813559 51.83143092138839)</t>
  </si>
  <si>
    <t>POINT (4.689386816151904 51.829824862927005)</t>
  </si>
  <si>
    <t>3355ED</t>
  </si>
  <si>
    <t>Rietdreef</t>
  </si>
  <si>
    <t>POINT (4.706573077659432 51.83928407720359)</t>
  </si>
  <si>
    <t>POINT (4.677329894539524 51.8353034452146)</t>
  </si>
  <si>
    <t>POINT (4.6897141669098135 51.825604771057236)</t>
  </si>
  <si>
    <t>POINT (4.693394274851988 51.83897815593858)</t>
  </si>
  <si>
    <t>POINT (4.700691428976798 51.83372147706616)</t>
  </si>
  <si>
    <t>POINT (4.688614769174564 51.823273526091235)</t>
  </si>
  <si>
    <t>POINT (4.704487551405389 51.83025737681693)</t>
  </si>
  <si>
    <t>3351EZ</t>
  </si>
  <si>
    <t>Frans Coenenstraat</t>
  </si>
  <si>
    <t>3351EX-3351EZ</t>
  </si>
  <si>
    <t>POINT (4.674639353602871 51.832108120429034)</t>
  </si>
  <si>
    <t>POINT (4.689001660847633 51.82717397925915)</t>
  </si>
  <si>
    <t>POINT (4.677036303392417 51.833984203708525)</t>
  </si>
  <si>
    <t>POINT (4.693526741005291 51.838301447848664)</t>
  </si>
  <si>
    <t>POINT (4.731243395340515 51.832888429060795)</t>
  </si>
  <si>
    <t>POINT (4.679766532724203 51.82849228384156)</t>
  </si>
  <si>
    <t>POINT (4.675838060545259 51.82991360267828)</t>
  </si>
  <si>
    <t>POINT (4.6901294076419555 51.84400242483701)</t>
  </si>
  <si>
    <t>POINT (4.682347056121076 51.82300934212818)</t>
  </si>
  <si>
    <t>POINT (4.706223424089582 51.82766695981606)</t>
  </si>
  <si>
    <t>POINT (4.7288232064762585 51.83318201235325)</t>
  </si>
  <si>
    <t>POINT (4.682729553805066 51.82260317612232)</t>
  </si>
  <si>
    <t>POINT (4.677624948744955 51.831050129424064)</t>
  </si>
  <si>
    <t>POINT (4.697585354564446 51.83020392533756)</t>
  </si>
  <si>
    <t>POINT (4.733324396738408 51.82964416855293)</t>
  </si>
  <si>
    <t>POINT (4.681527948129816 51.82241444988986)</t>
  </si>
  <si>
    <t>POINT (4.722128745985127 51.83026303972793)</t>
  </si>
  <si>
    <t>POINT (4.681352578763828 51.83741970832806)</t>
  </si>
  <si>
    <t>POINT (4.6798801983431835 51.83550518257141)</t>
  </si>
  <si>
    <t>POINT (4.728376241851589 51.83344420123059)</t>
  </si>
  <si>
    <t>POINT (4.736129250643878 51.83291150253976)</t>
  </si>
  <si>
    <t>POINT (4.692845798326564 51.838832227835994)</t>
  </si>
  <si>
    <t>POINT (4.723132292617473 51.8337732638687)</t>
  </si>
  <si>
    <t>POINT (4.681063849095678 51.82552780024958)</t>
  </si>
  <si>
    <t>POINT (4.701997931986245 51.83038603273288)</t>
  </si>
  <si>
    <t>POINT (4.683094555615327 51.82733230923628)</t>
  </si>
  <si>
    <t>POINT (4.676720530797092 51.83057631426512)</t>
  </si>
  <si>
    <t>POINT (4.702097091316822 51.829103538433166)</t>
  </si>
  <si>
    <t>POINT (4.721865917862297 51.82951892898128)</t>
  </si>
  <si>
    <t>POINT (4.689764916358198 51.82925160329858)</t>
  </si>
  <si>
    <t>POINT (4.714580540337624 51.834107572719944)</t>
  </si>
  <si>
    <t>POINT (4.705109657885334 51.83215254190484)</t>
  </si>
  <si>
    <t>POINT (4.694083721739358 51.83311534945323)</t>
  </si>
  <si>
    <t>POINT (4.68796677370542 51.83550638279076)</t>
  </si>
  <si>
    <t>POINT (4.69255824965115 51.83860154149511)</t>
  </si>
  <si>
    <t>POINT (4.706448172741759 51.82754234175518)</t>
  </si>
  <si>
    <t>POINT (4.703181148581745 51.82913057927221)</t>
  </si>
  <si>
    <t>POINT (4.677717408264071 51.82940714060166)</t>
  </si>
  <si>
    <t>POINT (4.695166935870365 51.83275365565159)</t>
  </si>
  <si>
    <t>POINT (4.691063411985248 51.82341129994047)</t>
  </si>
  <si>
    <t>POINT (4.68961305702613 51.82566680306707)</t>
  </si>
  <si>
    <t>POINT (4.72701905560998 51.83307691553913)</t>
  </si>
  <si>
    <t>POINT (4.694405479713353 51.82998320847212)</t>
  </si>
  <si>
    <t>POINT (4.704059324637718 51.83064836267277)</t>
  </si>
  <si>
    <t>POINT (4.6765456613577365 51.833664959978044)</t>
  </si>
  <si>
    <t>POINT (4.7185749166647595 51.83318541815359)</t>
  </si>
  <si>
    <t>POINT (4.7288525524358525 51.83322701209641)</t>
  </si>
  <si>
    <t>POINT (4.695810824152792 51.826516244457906)</t>
  </si>
  <si>
    <t>POINT (4.73395441859981 51.82960418041195)</t>
  </si>
  <si>
    <t>POINT (4.695326748719434 51.84029236274424)</t>
  </si>
  <si>
    <t>POINT (4.6911929363567655 51.841930267552314)</t>
  </si>
  <si>
    <t>POINT (4.700798696283945 51.83810307916229)</t>
  </si>
  <si>
    <t>POINT (4.698635026048886 51.82942477734017)</t>
  </si>
  <si>
    <t>POINT (4.682504543302708 51.82748998894033)</t>
  </si>
  <si>
    <t>POINT (4.690084227906281 51.82882066104432)</t>
  </si>
  <si>
    <t>POINT (4.677353483798418 51.83533400542888)</t>
  </si>
  <si>
    <t>POINT (4.676856627001713 51.82276819033684)</t>
  </si>
  <si>
    <t>POINT (4.677264334155342 51.832930998966155)</t>
  </si>
  <si>
    <t>POINT (4.69302802925234 51.839103692394644)</t>
  </si>
  <si>
    <t>POINT (4.7042936424724795 51.838631668587986)</t>
  </si>
  <si>
    <t>POINT (4.714540056005622 51.831426521614766)</t>
  </si>
  <si>
    <t>POINT (4.679178191362971 51.83601154161447)</t>
  </si>
  <si>
    <t>POINT (4.706365919620623 51.82748859807965)</t>
  </si>
  <si>
    <t>POINT (4.697181010232397 51.82603269162498)</t>
  </si>
  <si>
    <t>POINT (4.693499251423853 51.82392855537042)</t>
  </si>
  <si>
    <t>POINT (4.714383381881641 51.83541532011078)</t>
  </si>
  <si>
    <t>3356DA</t>
  </si>
  <si>
    <t>POINT (4.723361203933561 51.83121518651404)</t>
  </si>
  <si>
    <t>POINT (4.715201652158109 51.83563540107562)</t>
  </si>
  <si>
    <t>POINT (4.683208404957281 51.8275300142981)</t>
  </si>
  <si>
    <t>POINT (4.7273096391505804 51.83186170761073)</t>
  </si>
  <si>
    <t>POINT (4.67767490471343 51.83647285917753)</t>
  </si>
  <si>
    <t>POINT (4.676117728470361 51.83297729878346)</t>
  </si>
  <si>
    <t>3353CT</t>
  </si>
  <si>
    <t>POINT (4.6960365174042975 51.83241535009429)</t>
  </si>
  <si>
    <t>POINT (4.733462667612017 51.83892498586025)</t>
  </si>
  <si>
    <t>POINT (4.707985221151746 51.82993631503773)</t>
  </si>
  <si>
    <t>POINT (4.698387548629229 51.84067571203821)</t>
  </si>
  <si>
    <t>POINT (4.7070271869416915 51.83505006749378)</t>
  </si>
  <si>
    <t>POINT (4.6786303422119575 51.83219218783875)</t>
  </si>
  <si>
    <t>POINT (4.7356583933625584 51.8328826614279)</t>
  </si>
  <si>
    <t>POINT (4.729480580724064 51.8332378671614)</t>
  </si>
  <si>
    <t>POINT (4.70030222412556 51.83860150682113)</t>
  </si>
  <si>
    <t>POINT (4.693445324853468 51.8382863602402)</t>
  </si>
  <si>
    <t>POINT (4.6918325231925895 51.83771299776381)</t>
  </si>
  <si>
    <t>POINT (4.6997970030318905 51.83771548043262)</t>
  </si>
  <si>
    <t>POINT (4.713770909316825 51.83179712589546)</t>
  </si>
  <si>
    <t>POINT (4.679321694261238 51.835393422106314)</t>
  </si>
  <si>
    <t>POINT (4.690674564379308 51.843048910986056)</t>
  </si>
  <si>
    <t>POINT (4.726519515586299 51.832968156478586)</t>
  </si>
  <si>
    <t>POINT (4.69524691426034 51.84031101104678)</t>
  </si>
  <si>
    <t>POINT (4.685246990418063 51.83008887713108)</t>
  </si>
  <si>
    <t>POINT (4.676268176040615 51.83234496871663)</t>
  </si>
  <si>
    <t>POINT (4.678481318051328 51.83253323432388)</t>
  </si>
  <si>
    <t>POINT (4.690662890470687 51.8247375534902)</t>
  </si>
  <si>
    <t>POINT (4.6774834353830945 51.834428106502955)</t>
  </si>
  <si>
    <t>POINT (4.679762671171368 51.841972690049225)</t>
  </si>
  <si>
    <t>POINT (4.691404222254919 51.827330796522865)</t>
  </si>
  <si>
    <t>POINT (4.700365104470855 51.839288182955805)</t>
  </si>
  <si>
    <t>POINT (4.685398521695928 51.82957743946225)</t>
  </si>
  <si>
    <t>POINT (4.706456772604861 51.828470215877005)</t>
  </si>
  <si>
    <t>POINT (4.688031240629633 51.84393774317831)</t>
  </si>
  <si>
    <t>POINT (4.69378953111685 51.83878242672211)</t>
  </si>
  <si>
    <t>POINT (4.7036647491740915 51.83999486302497)</t>
  </si>
  <si>
    <t>POINT (4.700044663245622 51.83573639473323)</t>
  </si>
  <si>
    <t>POINT (4.681541394376746 51.838285945948265)</t>
  </si>
  <si>
    <t>POINT (4.687523773994495 51.83435834830929)</t>
  </si>
  <si>
    <t>POINT (4.6933688842020835 51.83183621462579)</t>
  </si>
  <si>
    <t>POINT (4.693495186511235 51.83006388967387)</t>
  </si>
  <si>
    <t>POINT (4.708472920491641 51.82902199951301)</t>
  </si>
  <si>
    <t>POINT (4.692176881160397 51.82728226920921)</t>
  </si>
  <si>
    <t>POINT (4.686329371918723 51.825787455570165)</t>
  </si>
  <si>
    <t>POINT (4.68007608821672 51.82654304552148)</t>
  </si>
  <si>
    <t>POINT (4.703835904127594 51.829320700174414)</t>
  </si>
  <si>
    <t>POINT (4.695664772715 51.841175536026185)</t>
  </si>
  <si>
    <t>POINT (4.686544520565959 51.82363802610023)</t>
  </si>
  <si>
    <t>POINT (4.684776633964382 51.83364559281418)</t>
  </si>
  <si>
    <t>POINT (4.681621069624569 51.82252290954927)</t>
  </si>
  <si>
    <t>POINT (4.718440222132976 51.83432509017314)</t>
  </si>
  <si>
    <t>POINT (4.692667140288863 51.84266714815721)</t>
  </si>
  <si>
    <t>POINT (4.6940686204040105 51.824439831334736)</t>
  </si>
  <si>
    <t>POINT (4.68152614421058 51.822563947345344)</t>
  </si>
  <si>
    <t>POINT (4.687052458104154 51.825996595282874)</t>
  </si>
  <si>
    <t>POINT (4.680825483247362 51.82245430467933)</t>
  </si>
  <si>
    <t>POINT (4.680539515904916 51.836714988442345)</t>
  </si>
  <si>
    <t>POINT (4.6905947888154556 51.82968507348766)</t>
  </si>
  <si>
    <t>POINT (4.689854168606637 51.827343575199116)</t>
  </si>
  <si>
    <t>POINT (4.673361191792595 51.832366850358675)</t>
  </si>
  <si>
    <t>POINT (4.689543188907508 51.82524368777296)</t>
  </si>
  <si>
    <t>POINT (4.707789013783668 51.82611490491603)</t>
  </si>
  <si>
    <t>POINT (4.735914664823044 51.832919049144586)</t>
  </si>
  <si>
    <t>POINT (4.7089885141700245 51.83191499306068)</t>
  </si>
  <si>
    <t>POINT (4.684595476851642 51.836598894550875)</t>
  </si>
  <si>
    <t>POINT (4.684523114496491 51.82577259339557)</t>
  </si>
  <si>
    <t>POINT (4.692746672746204 51.82443343759492)</t>
  </si>
  <si>
    <t>POINT (4.694076729930262 51.82493685227617)</t>
  </si>
  <si>
    <t>POINT (4.6846377258783996 51.835740256093175)</t>
  </si>
  <si>
    <t>POINT (4.683305359806332 51.82534603933481)</t>
  </si>
  <si>
    <t>POINT (4.695081684013823 51.82647618156765)</t>
  </si>
  <si>
    <t>POINT (4.704056976211672 51.83512197892518)</t>
  </si>
  <si>
    <t>POINT (4.699390348982728 51.82908530047487)</t>
  </si>
  <si>
    <t>POINT (4.6923542333911765 51.83936185976272)</t>
  </si>
  <si>
    <t>POINT (4.68282133708473 51.834382262055726)</t>
  </si>
  <si>
    <t>POINT (4.686830314667895 51.82295418544894)</t>
  </si>
  <si>
    <t>POINT (4.68422724625942 51.828032572419175)</t>
  </si>
  <si>
    <t>POINT (4.693481107065415 51.830444133674064)</t>
  </si>
  <si>
    <t>POINT (4.689175471908361 51.829156181764354)</t>
  </si>
  <si>
    <t>POINT (4.691363792059213 51.83106068058297)</t>
  </si>
  <si>
    <t>POINT (4.702584723313134 51.82924848472597)</t>
  </si>
  <si>
    <t>POINT (4.6868063154288935 51.82301348418416)</t>
  </si>
  <si>
    <t>POINT (4.678159226254278 51.82240715412875)</t>
  </si>
  <si>
    <t>POINT (4.687046511635185 51.84024187191593)</t>
  </si>
  <si>
    <t>POINT (4.6802492076357725 51.835999245847205)</t>
  </si>
  <si>
    <t>POINT (4.684964266700837 51.82600208905061)</t>
  </si>
  <si>
    <t>3354XZ</t>
  </si>
  <si>
    <t>Van Speijkstraat</t>
  </si>
  <si>
    <t>3354XX-3354XZ</t>
  </si>
  <si>
    <t>POINT (4.696390268899296 51.824869296957274)</t>
  </si>
  <si>
    <t>3353BL</t>
  </si>
  <si>
    <t>POINT (4.690468838744862 51.827978111144105)</t>
  </si>
  <si>
    <t>POINT (4.697429322938387 51.83257544127017)</t>
  </si>
  <si>
    <t>POINT (4.692355041859515 51.83264287140964)</t>
  </si>
  <si>
    <t>POINT (4.6734931005596945 51.82964734454833)</t>
  </si>
  <si>
    <t>POINT (4.718467278281524 51.835188465652095)</t>
  </si>
  <si>
    <t>POINT (4.687839304948851 51.8286044605892)</t>
  </si>
  <si>
    <t>POINT (4.6893605402250005 51.8382270681306)</t>
  </si>
  <si>
    <t>POINT (4.676457168575206 51.8335659086543)</t>
  </si>
  <si>
    <t>POINT (4.684727617556696 51.83757216593194)</t>
  </si>
  <si>
    <t>POINT (4.675653348472171 51.83089228212242)</t>
  </si>
  <si>
    <t>POINT (4.730164288826317 51.828892899961026)</t>
  </si>
  <si>
    <t>POINT (4.676931059972893 51.83136456259136)</t>
  </si>
  <si>
    <t>POINT (4.692098601476226 51.82708772293171)</t>
  </si>
  <si>
    <t>POINT (4.697283416046155 51.826086263632114)</t>
  </si>
  <si>
    <t>POINT (4.733516611106267 51.83164186886241)</t>
  </si>
  <si>
    <t>POINT (4.691129003355305 51.828760246346896)</t>
  </si>
  <si>
    <t>POINT (4.7036002152614 51.83275993190031)</t>
  </si>
  <si>
    <t>POINT (4.68145932684695 51.83047627294479)</t>
  </si>
  <si>
    <t>POINT (4.680466532105723 51.8236001299702)</t>
  </si>
  <si>
    <t>POINT (4.687557285681104 51.8283037727441)</t>
  </si>
  <si>
    <t>POINT (4.709505000612789 51.82988439877215)</t>
  </si>
  <si>
    <t>POINT (4.693275412399243 51.83021370764423)</t>
  </si>
  <si>
    <t>POINT (4.714254984984811 51.83588876054443)</t>
  </si>
  <si>
    <t>POINT (4.699144248191346 51.84084859592123)</t>
  </si>
  <si>
    <t>3355RC</t>
  </si>
  <si>
    <t>Amandelhof</t>
  </si>
  <si>
    <t>POINT (4.706637358277122 51.83457645390066)</t>
  </si>
  <si>
    <t>POINT (4.6816317132194465 51.83007371900297)</t>
  </si>
  <si>
    <t>POINT (4.6987108278457095 51.82940284925477)</t>
  </si>
  <si>
    <t>3351TM</t>
  </si>
  <si>
    <t>POINT (4.678896007473759 51.83012161113993)</t>
  </si>
  <si>
    <t>POINT (4.681177633860003 51.82515281298904)</t>
  </si>
  <si>
    <t>POINT (4.703844850511382 51.831039180294866)</t>
  </si>
  <si>
    <t>POINT (4.683161251135124 51.825378019564305)</t>
  </si>
  <si>
    <t>POINT (4.682509532939886 51.8373346151101)</t>
  </si>
  <si>
    <t>POINT (4.6861310606970505 51.82389804378039)</t>
  </si>
  <si>
    <t>POINT (4.696444684681763 51.82564319753525)</t>
  </si>
  <si>
    <t>POINT (4.684024467725983 51.827082534168824)</t>
  </si>
  <si>
    <t>POINT (4.681069500810253 51.82285061767261)</t>
  </si>
  <si>
    <t>POINT (4.712012819868118 51.827697203777866)</t>
  </si>
  <si>
    <t>POINT (4.688278138279093 51.83843507996915)</t>
  </si>
  <si>
    <t>POINT (4.699876682924481 51.83454696214718)</t>
  </si>
  <si>
    <t>POINT (4.69390111111936 51.82997018134789)</t>
  </si>
  <si>
    <t>POINT (4.682771936674022 51.8388253913888)</t>
  </si>
  <si>
    <t>POINT (4.682932986518627 51.838090260178355)</t>
  </si>
  <si>
    <t>POINT (4.703021775666455 51.828570458758875)</t>
  </si>
  <si>
    <t>POINT (4.686304158127914 51.82395193082323)</t>
  </si>
  <si>
    <t>POINT (4.689541127143701 51.82317659239488)</t>
  </si>
  <si>
    <t>POINT (4.695336409069269 51.824427949624535)</t>
  </si>
  <si>
    <t>POINT (4.692547549473293 51.82391324599164)</t>
  </si>
  <si>
    <t>POINT (4.69951523470141 51.83512318260584)</t>
  </si>
  <si>
    <t>POINT (4.6901847177976705 51.8268510462898)</t>
  </si>
  <si>
    <t>POINT (4.677660622814535 51.83701303524436)</t>
  </si>
  <si>
    <t>POINT (4.691019448311488 51.83389004143045)</t>
  </si>
  <si>
    <t>3351SM</t>
  </si>
  <si>
    <t>Frederik van Eedenstraat</t>
  </si>
  <si>
    <t>POINT (4.67710346233558 51.83737674466909)</t>
  </si>
  <si>
    <t>POINT (4.703333551897544 51.82952597822817)</t>
  </si>
  <si>
    <t>3352XM</t>
  </si>
  <si>
    <t>POINT (4.688786051753004 51.83877301907678)</t>
  </si>
  <si>
    <t>POINT (4.698690985275563 51.83447863069367)</t>
  </si>
  <si>
    <t>POINT (4.6847424926422985 51.83570056000525)</t>
  </si>
  <si>
    <t>POINT (4.688685628685876 51.824329197095366)</t>
  </si>
  <si>
    <t>POINT (4.709637948984029 51.83689853735845)</t>
  </si>
  <si>
    <t>3356BW</t>
  </si>
  <si>
    <t>POINT (4.707929953617597 51.82772233915271)</t>
  </si>
  <si>
    <t>POINT (4.679119951125951 51.83473284348095)</t>
  </si>
  <si>
    <t>POINT (4.731027319949204 51.833021124721235)</t>
  </si>
  <si>
    <t>POINT (4.68440458622753 51.83757385498912)</t>
  </si>
  <si>
    <t>POINT (4.677026303265499 51.83556769988125)</t>
  </si>
  <si>
    <t>POINT (4.706569780242937 51.826180433570535)</t>
  </si>
  <si>
    <t>POINT (4.682199570154504 51.82711718706596)</t>
  </si>
  <si>
    <t>POINT (4.68316445193202 51.8252826961447)</t>
  </si>
  <si>
    <t>POINT (4.6878758446696684 51.83841631598256)</t>
  </si>
  <si>
    <t>POINT (4.6762299486730745 51.83037621385183)</t>
  </si>
  <si>
    <t>POINT (4.680859926372176 51.835887966270754)</t>
  </si>
  <si>
    <t>POINT (4.693513093949059 51.83836319099641)</t>
  </si>
  <si>
    <t>POINT (4.691767650931731 51.83785200917491)</t>
  </si>
  <si>
    <t>POINT (4.706056078602165 51.83865112955254)</t>
  </si>
  <si>
    <t>POINT (4.696744209006504 51.83505538565572)</t>
  </si>
  <si>
    <t>POINT (4.727887893033462 51.832040621120605)</t>
  </si>
  <si>
    <t>POINT (4.690396777302231 51.83873663135832)</t>
  </si>
  <si>
    <t>POINT (4.693994219737597 51.82752855420265)</t>
  </si>
  <si>
    <t>POINT (4.729722038163516 51.828761868624944)</t>
  </si>
  <si>
    <t>3356CH</t>
  </si>
  <si>
    <t>POINT (4.71984323692637 51.83484048147014)</t>
  </si>
  <si>
    <t>POINT (4.694025687297574 51.836527468832585)</t>
  </si>
  <si>
    <t>POINT (4.679403666158707 51.823105740174384)</t>
  </si>
  <si>
    <t>POINT (4.692114887012 51.825382853682044)</t>
  </si>
  <si>
    <t>POINT (4.67697779799547 51.822937883433674)</t>
  </si>
  <si>
    <t>POINT (4.685745677386466 51.833693319219165)</t>
  </si>
  <si>
    <t>POINT (4.703766314358871 51.83111798479809)</t>
  </si>
  <si>
    <t>POINT (4.692144393666164 51.826259385132545)</t>
  </si>
  <si>
    <t>POINT (4.705399656842376 51.832333073262184)</t>
  </si>
  <si>
    <t>POINT (4.72071906383453 51.833538396172145)</t>
  </si>
  <si>
    <t>POINT (4.704729930646189 51.83936859370314)</t>
  </si>
  <si>
    <t>POINT (4.675096682886853 51.82881951192965)</t>
  </si>
  <si>
    <t>POINT (4.694458680225415 51.83155813364808)</t>
  </si>
  <si>
    <t>POINT (4.6930262168822034 51.82440011639139)</t>
  </si>
  <si>
    <t>POINT (4.679629040882122 51.836587204893036)</t>
  </si>
  <si>
    <t>POINT (4.715630520270612 51.83349552683697)</t>
  </si>
  <si>
    <t>POINT (4.704446490724135 51.83905693724195)</t>
  </si>
  <si>
    <t>POINT (4.681432553883028 51.836657619938684)</t>
  </si>
  <si>
    <t>POINT (4.733497589196631 51.832305049950584)</t>
  </si>
  <si>
    <t>POINT (4.71925098078208 51.83587592690137)</t>
  </si>
  <si>
    <t>POINT (4.6963440247068 51.83845866944123)</t>
  </si>
  <si>
    <t>POINT (4.706288331368185 51.82770795596861)</t>
  </si>
  <si>
    <t>POINT (4.676867352563694 51.83046376605437)</t>
  </si>
  <si>
    <t>POINT (4.6989622503423725 51.836109068422566)</t>
  </si>
  <si>
    <t>POINT (4.71582807076805 51.829640351127836)</t>
  </si>
  <si>
    <t>POINT (4.680533589652024 51.836268585853624)</t>
  </si>
  <si>
    <t>POINT (4.694939625931156 51.82420004913036)</t>
  </si>
  <si>
    <t>POINT (4.694265707348718 51.829958230996695)</t>
  </si>
  <si>
    <t>POINT (4.69351244749896 51.84132270142855)</t>
  </si>
  <si>
    <t>POINT (4.68935598290432 51.83018398255866)</t>
  </si>
  <si>
    <t>POINT (4.73611928514482 51.83272261475347)</t>
  </si>
  <si>
    <t>POINT (4.699146646355729 51.83399820844696)</t>
  </si>
  <si>
    <t>POINT (4.70706657137196 51.82636998908709)</t>
  </si>
  <si>
    <t>POINT (4.691287188395541 51.825403683731366)</t>
  </si>
  <si>
    <t>POINT (4.687046766737511 51.840889279584154)</t>
  </si>
  <si>
    <t>POINT (4.732918636187251 51.82830067265222)</t>
  </si>
  <si>
    <t>POINT (4.681341725158416 51.8251759389501)</t>
  </si>
  <si>
    <t>3355BK</t>
  </si>
  <si>
    <t>Vlasdreef</t>
  </si>
  <si>
    <t>3355BJ-3355BK</t>
  </si>
  <si>
    <t>POINT (4.705623128600278 51.83715738700831)</t>
  </si>
  <si>
    <t>POINT (4.681744715840368 51.827265571419375)</t>
  </si>
  <si>
    <t>POINT (4.70638500939962 51.82854782096842)</t>
  </si>
  <si>
    <t>POINT (4.675999952383838 51.83021673718012)</t>
  </si>
  <si>
    <t>POINT (4.685451605163538 51.82895785494576)</t>
  </si>
  <si>
    <t>POINT (4.678239927696221 51.828401357522885)</t>
  </si>
  <si>
    <t>POINT (4.720382003240657 51.834925474154396)</t>
  </si>
  <si>
    <t>POINT (4.695159380970034 51.83220267082214)</t>
  </si>
  <si>
    <t>POINT (4.7063553720549365 51.83934302062987)</t>
  </si>
  <si>
    <t>POINT (4.703543632388495 51.83981868200135)</t>
  </si>
  <si>
    <t>POINT (4.689160350652375 51.83865837499915)</t>
  </si>
  <si>
    <t>POINT (4.710092856215267 51.83739281230286)</t>
  </si>
  <si>
    <t>3353EV</t>
  </si>
  <si>
    <t>Klokjesbloem</t>
  </si>
  <si>
    <t>POINT (4.695186630051542 51.83185295788539)</t>
  </si>
  <si>
    <t>POINT (4.688830659408106 51.8344987935609)</t>
  </si>
  <si>
    <t>POINT (4.6997456862273275 51.83581427457311)</t>
  </si>
  <si>
    <t>POINT (4.721764403422836 51.83354835319983)</t>
  </si>
  <si>
    <t>POINT (4.687371107571359 51.82870055420247)</t>
  </si>
  <si>
    <t>POINT (4.685637479142908 51.84092726598363)</t>
  </si>
  <si>
    <t>POINT (4.700579372339683 51.83539281409329)</t>
  </si>
  <si>
    <t>POINT (4.6989562424075215 51.830799468028296)</t>
  </si>
  <si>
    <t>POINT (4.680875377714956 51.82456021527097)</t>
  </si>
  <si>
    <t>POINT (4.703968714347714 51.83845949766491)</t>
  </si>
  <si>
    <t>POINT (4.704259599226104 51.830443742372644)</t>
  </si>
  <si>
    <t>POINT (4.697264503189746 51.832831646414135)</t>
  </si>
  <si>
    <t>POINT (4.699482250414081 51.8395778055302)</t>
  </si>
  <si>
    <t>POINT (4.7011989279796 51.833186789096516)</t>
  </si>
  <si>
    <t>POINT (4.685001226127533 51.82525090405823)</t>
  </si>
  <si>
    <t>POINT (4.689744436063786 51.823210132852836)</t>
  </si>
  <si>
    <t>POINT (4.679231450440322 51.83327682520042)</t>
  </si>
  <si>
    <t>POINT (4.687153563426394 51.82294294549737)</t>
  </si>
  <si>
    <t>POINT (4.7041715354535345 51.83050517961699)</t>
  </si>
  <si>
    <t>POINT (4.6877305675675105 51.8408088803749)</t>
  </si>
  <si>
    <t>POINT (4.701514207679762 51.835764052154566)</t>
  </si>
  <si>
    <t>POINT (4.691308044534572 51.84216575076449)</t>
  </si>
  <si>
    <t>POINT (4.696592352493523 51.8376161794185)</t>
  </si>
  <si>
    <t>POINT (4.699505616508477 51.83796630930755)</t>
  </si>
  <si>
    <t>3354AW</t>
  </si>
  <si>
    <t>Willem Dreeslaan</t>
  </si>
  <si>
    <t>POINT (4.698177165529811 51.82774897313264)</t>
  </si>
  <si>
    <t>POINT (4.683352082261736 51.8229664121431)</t>
  </si>
  <si>
    <t>POINT (4.6944497813391335 51.826655974929636)</t>
  </si>
  <si>
    <t>POINT (4.687634760297947 51.82839859728352)</t>
  </si>
  <si>
    <t>POINT (4.696074728772843 51.82565697461884)</t>
  </si>
  <si>
    <t>POINT (4.735708715251603 51.83291529068379)</t>
  </si>
  <si>
    <t>POINT (4.684255756311814 51.8264735902924)</t>
  </si>
  <si>
    <t>POINT (4.681691419592303 51.822592383288665)</t>
  </si>
  <si>
    <t>POINT (4.736107182809129 51.83287640550321)</t>
  </si>
  <si>
    <t>POINT (4.683176345693015 51.8371369018108)</t>
  </si>
  <si>
    <t>POINT (4.684871528987243 51.825613907696045)</t>
  </si>
  <si>
    <t>POINT (4.732222727205757 51.83293102017141)</t>
  </si>
  <si>
    <t>POINT (4.698148706708151 51.83314338805434)</t>
  </si>
  <si>
    <t>POINT (4.707864438498263 51.837803733902135)</t>
  </si>
  <si>
    <t>POINT (4.681224154337431 51.8302283541516)</t>
  </si>
  <si>
    <t>POINT (4.7145285930606455 51.83582617687747)</t>
  </si>
  <si>
    <t>POINT (4.688158109072886 51.841421026665486)</t>
  </si>
  <si>
    <t>POINT (4.6964110048753565 51.82550670458457)</t>
  </si>
  <si>
    <t>POINT (4.678673168962265 51.82248739842976)</t>
  </si>
  <si>
    <t>POINT (4.69477152685295 51.82606059622565)</t>
  </si>
  <si>
    <t>POINT (4.694862821421807 51.83124036972331)</t>
  </si>
  <si>
    <t>POINT (4.691177203512318 51.82544598831845)</t>
  </si>
  <si>
    <t>POINT (4.686706935485444 51.844964386571334)</t>
  </si>
  <si>
    <t>POINT (4.707486703982631 51.83449316937947)</t>
  </si>
  <si>
    <t>POINT (4.68662009373241 51.83368621750173)</t>
  </si>
  <si>
    <t>POINT (4.68131102459607 51.83586190693243)</t>
  </si>
  <si>
    <t>POINT (4.689836810920335 51.825092266116506)</t>
  </si>
  <si>
    <t>POINT (4.702005605302644 51.82425111965476)</t>
  </si>
  <si>
    <t>POINT (4.736028201999466 51.83287422363609)</t>
  </si>
  <si>
    <t>POINT (4.6949660455341045 51.836139728987455)</t>
  </si>
  <si>
    <t>POINT (4.69463082171403 51.84244943028689)</t>
  </si>
  <si>
    <t>POINT (4.679710925001619 51.835888256224614)</t>
  </si>
  <si>
    <t>POINT (4.705692229418772 51.83772968007415)</t>
  </si>
  <si>
    <t>POINT (4.70430427299508 51.83982189540613)</t>
  </si>
  <si>
    <t>POINT (4.6854785128225025 51.83315033671473)</t>
  </si>
  <si>
    <t>POINT (4.69326743388717 51.840497086440095)</t>
  </si>
  <si>
    <t>POINT (4.684520974273575 51.82853723692076)</t>
  </si>
  <si>
    <t>POINT (4.688754102676359 51.82545850668028)</t>
  </si>
  <si>
    <t>POINT (4.693277294488569 51.83967795726775)</t>
  </si>
  <si>
    <t>POINT (4.690151213104671 51.84181307784339)</t>
  </si>
  <si>
    <t>POINT (4.733553669897112 51.83136044428548)</t>
  </si>
  <si>
    <t>POINT (4.687953795570515 51.826860716489385)</t>
  </si>
  <si>
    <t>POINT (4.725608488810608 51.834245007868724)</t>
  </si>
  <si>
    <t>POINT (4.723538989686 51.83367831600285)</t>
  </si>
  <si>
    <t>POINT (4.694080544064703 51.83698891840027)</t>
  </si>
  <si>
    <t>POINT (4.6826547068568685 51.82751657093132)</t>
  </si>
  <si>
    <t>POINT (4.703072384589925 51.83277542748978)</t>
  </si>
  <si>
    <t>POINT (4.733141598678314 51.83055916997648)</t>
  </si>
  <si>
    <t>POINT (4.692239141231865 51.82880164615331)</t>
  </si>
  <si>
    <t>POINT (4.6980629787297685 51.836119019700654)</t>
  </si>
  <si>
    <t>POINT (4.681450005937906 51.82609616510609)</t>
  </si>
  <si>
    <t>POINT (4.710666980084423 51.82845069237354)</t>
  </si>
  <si>
    <t>POINT (4.685079859988423 51.82904630939856)</t>
  </si>
  <si>
    <t>POINT (4.691023101605684 51.82913588279195)</t>
  </si>
  <si>
    <t>POINT (4.677897264923696 51.82334733096003)</t>
  </si>
  <si>
    <t>POINT (4.69468478218151 51.83233533966216)</t>
  </si>
  <si>
    <t>POINT (4.685648088876564 51.82896163613049)</t>
  </si>
  <si>
    <t>POINT (4.687320330586666 51.83461615215294)</t>
  </si>
  <si>
    <t>POINT (4.689111079745154 51.8300239577598)</t>
  </si>
  <si>
    <t>POINT (4.6938254507805635 51.83002135619867)</t>
  </si>
  <si>
    <t>POINT (4.683912724931709 51.83726276100543)</t>
  </si>
  <si>
    <t>POINT (4.719364329496814 51.83165387449237)</t>
  </si>
  <si>
    <t>POINT (4.675177139198533 51.83064295268965)</t>
  </si>
  <si>
    <t>POINT (4.69151458970574 51.82916505250846)</t>
  </si>
  <si>
    <t>3356CB</t>
  </si>
  <si>
    <t>Kluchter</t>
  </si>
  <si>
    <t>POINT (4.718343147521782 51.83359374491664)</t>
  </si>
  <si>
    <t>POINT (4.692670931663268 51.83512774296761)</t>
  </si>
  <si>
    <t>POINT (4.6852514030477375 51.825640656175494)</t>
  </si>
  <si>
    <t>POINT (4.697088537207009 51.83322059282142)</t>
  </si>
  <si>
    <t>POINT (4.679576213102441 51.83625267978837)</t>
  </si>
  <si>
    <t>POINT (4.688861049038531 51.82542240641987)</t>
  </si>
  <si>
    <t>POINT (4.686631842177163 51.823513973636814)</t>
  </si>
  <si>
    <t>POINT (4.716236669232785 51.8353606157673)</t>
  </si>
  <si>
    <t>POINT (4.71090831331304 51.82975983796619)</t>
  </si>
  <si>
    <t>POINT (4.697527562315047 51.83246049658763)</t>
  </si>
  <si>
    <t>POINT (4.701038280165756 51.82922115437832)</t>
  </si>
  <si>
    <t>POINT (4.679579525360313 51.83524730211822)</t>
  </si>
  <si>
    <t>POINT (4.697086780139385 51.82538174669824)</t>
  </si>
  <si>
    <t>POINT (4.687004315807921 51.838873127990325)</t>
  </si>
  <si>
    <t>POINT (4.678278049840162 51.828848746202475)</t>
  </si>
  <si>
    <t>POINT (4.681781600774347 51.83805484447487)</t>
  </si>
  <si>
    <t>POINT (4.6807310963607 51.82687879676722)</t>
  </si>
  <si>
    <t>POINT (4.689759511685624 51.83892431410225)</t>
  </si>
  <si>
    <t>POINT (4.7005283757362974 51.8405657558646)</t>
  </si>
  <si>
    <t>POINT (4.677501093016678 51.83444743097888)</t>
  </si>
  <si>
    <t>POINT (4.691383905588294 51.83336025482918)</t>
  </si>
  <si>
    <t>POINT (4.697467509670603 51.82649412635558)</t>
  </si>
  <si>
    <t>POINT (4.6824764158974235 51.82995658363885)</t>
  </si>
  <si>
    <t>POINT (4.68504098022186 51.834861575424334)</t>
  </si>
  <si>
    <t>POINT (4.681422663821673 51.82585612056068)</t>
  </si>
  <si>
    <t>POINT (4.6859150595382095 51.824005237423435)</t>
  </si>
  <si>
    <t>POINT (4.683550194121227 51.825651548431786)</t>
  </si>
  <si>
    <t>POINT (4.688744176610918 51.84411882873512)</t>
  </si>
  <si>
    <t>POINT (4.683930546896025 51.83547780512962)</t>
  </si>
  <si>
    <t>POINT (4.694984928393555 51.82678869431661)</t>
  </si>
  <si>
    <t>POINT (4.68704198313214 51.822972302029235)</t>
  </si>
  <si>
    <t>POINT (4.690389184303881 51.823393807195394)</t>
  </si>
  <si>
    <t>POINT (4.691623793325512 51.838420955157446)</t>
  </si>
  <si>
    <t>POINT (4.731483756785934 51.83286935877595)</t>
  </si>
  <si>
    <t>POINT (4.678221068812997 51.831314222382915)</t>
  </si>
  <si>
    <t>POINT (4.696327332339154 51.8351671605445)</t>
  </si>
  <si>
    <t>POINT (4.686404947632948 51.83411141727416)</t>
  </si>
  <si>
    <t>POINT (4.694440463703512 51.832073964774224)</t>
  </si>
  <si>
    <t>3355ER</t>
  </si>
  <si>
    <t>POINT (4.699520937575262 51.84179918322598)</t>
  </si>
  <si>
    <t>POINT (4.6822848767935605 51.83553370479898)</t>
  </si>
  <si>
    <t>POINT (4.687733852450705 51.83638705900292)</t>
  </si>
  <si>
    <t>POINT (4.6883121482792225 51.82322749139494)</t>
  </si>
  <si>
    <t>POINT (4.692639134042328 51.83864643286332)</t>
  </si>
  <si>
    <t>POINT (4.693960408174347 51.84139134182634)</t>
  </si>
  <si>
    <t>3356AB</t>
  </si>
  <si>
    <t>POINT (4.727697962078568 51.829840392195166)</t>
  </si>
  <si>
    <t>POINT (4.704595560204293 51.83975189615578)</t>
  </si>
  <si>
    <t>POINT (4.703289407323164 51.83122261236779)</t>
  </si>
  <si>
    <t>POINT (4.704168939146913 51.839860702995814)</t>
  </si>
  <si>
    <t>POINT (4.689729248972051 51.83162447318226)</t>
  </si>
  <si>
    <t>POINT (4.707895868347813 51.8353535464863)</t>
  </si>
  <si>
    <t>POINT (4.680063188621448 51.83259036889787)</t>
  </si>
  <si>
    <t>POINT (4.6916496510003665 51.82392318224352)</t>
  </si>
  <si>
    <t>POINT (4.683382984364735 51.82726861066582)</t>
  </si>
  <si>
    <t>POINT (4.685240074325225 51.8341779396564)</t>
  </si>
  <si>
    <t>POINT (4.702518646970753 51.837919660509925)</t>
  </si>
  <si>
    <t>POINT (4.728771896566655 51.833708789429025)</t>
  </si>
  <si>
    <t>POINT (4.697546334284309 51.833481508578906)</t>
  </si>
  <si>
    <t>3351JR</t>
  </si>
  <si>
    <t>Pieter de Hooghstraat</t>
  </si>
  <si>
    <t>POINT (4.686317165109564 51.83504067793306)</t>
  </si>
  <si>
    <t>POINT (4.715165002758303 51.83523261823305)</t>
  </si>
  <si>
    <t>POINT (4.722889056825545 51.8300247692089)</t>
  </si>
  <si>
    <t>POINT (4.69899254785955 51.830843644282304)</t>
  </si>
  <si>
    <t>POINT (4.701511444168533 51.83443357567454)</t>
  </si>
  <si>
    <t>POINT (4.678968922694715 51.83546046199006)</t>
  </si>
  <si>
    <t>POINT (4.72788512517983 51.83366455017597)</t>
  </si>
  <si>
    <t>POINT (4.713788884249439 51.8317253200601)</t>
  </si>
  <si>
    <t>POINT (4.683459250158623 51.82934268594967)</t>
  </si>
  <si>
    <t>POINT (4.71993117214067 51.83270985335542)</t>
  </si>
  <si>
    <t>POINT (4.70641773048886 51.82827361488463)</t>
  </si>
  <si>
    <t>POINT (4.7043916416094165 51.839325000418654)</t>
  </si>
  <si>
    <t>POINT (4.701285295316037 51.83774635129901)</t>
  </si>
  <si>
    <t>POINT (4.695519600024624 51.8349419220956)</t>
  </si>
  <si>
    <t>POINT (4.686565812029291 51.824686067897346)</t>
  </si>
  <si>
    <t>POINT (4.676794425158363 51.82281536387076)</t>
  </si>
  <si>
    <t>POINT (4.702315484445132 51.83434466174738)</t>
  </si>
  <si>
    <t>POINT (4.678604703601329 51.83365370382498)</t>
  </si>
  <si>
    <t>POINT (4.680621700779968 51.83764834216019)</t>
  </si>
  <si>
    <t>POINT (4.687204208984913 51.835091920480224)</t>
  </si>
  <si>
    <t>POINT (4.706594794146277 51.83597557360851)</t>
  </si>
  <si>
    <t>POINT (4.672165105981434 51.83124212846019)</t>
  </si>
  <si>
    <t>POINT (4.695395627729852 51.83183818100379)</t>
  </si>
  <si>
    <t>POINT (4.695288720112323 51.84213249637417)</t>
  </si>
  <si>
    <t>POINT (4.702409752411594 51.82949857948865)</t>
  </si>
  <si>
    <t>POINT (4.69039166028388 51.8294324735716)</t>
  </si>
  <si>
    <t>POINT (4.678546750741408 51.834133734166706)</t>
  </si>
  <si>
    <t>POINT (4.686874070789252 51.84389582689195)</t>
  </si>
  <si>
    <t>POINT (4.684215193862265 51.83517991867211)</t>
  </si>
  <si>
    <t>POINT (4.713891977661559 51.83206419808436)</t>
  </si>
  <si>
    <t>POINT (4.706827483367001 51.82933882393301)</t>
  </si>
  <si>
    <t>3353XE</t>
  </si>
  <si>
    <t>POINT (4.6922069150823935 51.833806229470916)</t>
  </si>
  <si>
    <t>POINT (4.681267492907313 51.82282120230165)</t>
  </si>
  <si>
    <t>POINT (4.684381255587985 51.82632257746506)</t>
  </si>
  <si>
    <t>POINT (4.686856957040281 51.82326434498822)</t>
  </si>
  <si>
    <t>POINT (4.678297428993389 51.8347720225966)</t>
  </si>
  <si>
    <t>POINT (4.697678560788223 51.83247208907994)</t>
  </si>
  <si>
    <t>POINT (4.682453976720678 51.8250611677601)</t>
  </si>
  <si>
    <t>POINT (4.685629120953832 51.82580314609057)</t>
  </si>
  <si>
    <t>POINT (4.729685388891012 51.83222921656286)</t>
  </si>
  <si>
    <t>3351GV</t>
  </si>
  <si>
    <t>van Alphenstraat</t>
  </si>
  <si>
    <t>3351GT-3351GV</t>
  </si>
  <si>
    <t>POINT (4.680451013786882 51.829706018558326)</t>
  </si>
  <si>
    <t>POINT (4.680255666709756 51.83639486586289)</t>
  </si>
  <si>
    <t>POINT (4.6831083985042685 51.82734693590625)</t>
  </si>
  <si>
    <t>POINT (4.681592933479957 51.82951604595342)</t>
  </si>
  <si>
    <t>POINT (4.692862032402352 51.839226897648054)</t>
  </si>
  <si>
    <t>POINT (4.6976107906893105 51.829102032257644)</t>
  </si>
  <si>
    <t>POINT (4.735946817126256 51.83274526214618)</t>
  </si>
  <si>
    <t>POINT (4.684054302854816 51.82786383537099)</t>
  </si>
  <si>
    <t>POINT (4.686112737286669 51.82970577762746)</t>
  </si>
  <si>
    <t>POINT (4.681115924785639 51.82388808882174)</t>
  </si>
  <si>
    <t>POINT (4.685464884202594 51.84074104170908)</t>
  </si>
  <si>
    <t>POINT (4.715627662277702 51.83501017297233)</t>
  </si>
  <si>
    <t>POINT (4.694127111211728 51.841875239858496)</t>
  </si>
  <si>
    <t>POINT (4.683501680221012 51.8347636045265)</t>
  </si>
  <si>
    <t>3351PC</t>
  </si>
  <si>
    <t>POINT (4.682977616993942 51.825791321711904)</t>
  </si>
  <si>
    <t>POINT (4.690591459544673 51.82812203696527)</t>
  </si>
  <si>
    <t>POINT (4.690850348634408 51.82337996005574)</t>
  </si>
  <si>
    <t>POINT (4.679197817201618 51.8417095854422)</t>
  </si>
  <si>
    <t>POINT (4.704161479381237 51.8396052570058)</t>
  </si>
  <si>
    <t>POINT (4.6856077811933625 51.826840344432995)</t>
  </si>
  <si>
    <t>POINT (4.69232434579493 51.831671746258586)</t>
  </si>
  <si>
    <t>POINT (4.691837058428127 51.84105447530266)</t>
  </si>
  <si>
    <t>POINT (4.694912969162194 51.824109097632075)</t>
  </si>
  <si>
    <t>POINT (4.723041217279689 51.82951640726731)</t>
  </si>
  <si>
    <t>POINT (4.704079385002307 51.830758662014354)</t>
  </si>
  <si>
    <t>POINT (4.693267584776683 51.84272267980289)</t>
  </si>
  <si>
    <t>POINT (4.704108815147983 51.832732448061876)</t>
  </si>
  <si>
    <t>POINT (4.708407464696634 51.83549777984193)</t>
  </si>
  <si>
    <t>POINT (4.720406140369474 51.83496998802258)</t>
  </si>
  <si>
    <t>POINT (4.6949650621249885 51.83955426905671)</t>
  </si>
  <si>
    <t>3354AA</t>
  </si>
  <si>
    <t>A. Anemastraat</t>
  </si>
  <si>
    <t>POINT (4.70278212601824 51.83010889496555)</t>
  </si>
  <si>
    <t>POINT (4.678905664112136 51.835536960202916)</t>
  </si>
  <si>
    <t>POINT (4.692107788048463 51.82438435308351)</t>
  </si>
  <si>
    <t>POINT (4.691167769796775 51.8255392884338)</t>
  </si>
  <si>
    <t>POINT (4.684768235354496 51.82914845262415)</t>
  </si>
  <si>
    <t>POINT (4.700445545095774 51.83481179750002)</t>
  </si>
  <si>
    <t>POINT (4.708958227988755 51.82769080256759)</t>
  </si>
  <si>
    <t>POINT (4.6864281920102355 51.834647728306166)</t>
  </si>
  <si>
    <t>POINT (4.6933824188326545 51.840214363630736)</t>
  </si>
  <si>
    <t>POINT (4.684962120407097 51.8367906137148)</t>
  </si>
  <si>
    <t>POINT (4.729436886512874 51.83228735595445)</t>
  </si>
  <si>
    <t>POINT (4.681550844783285 51.836652443467045)</t>
  </si>
  <si>
    <t>POINT (4.6916825541728455 51.84350973791882)</t>
  </si>
  <si>
    <t>POINT (4.702428303516542 51.83824260709522)</t>
  </si>
  <si>
    <t>POINT (4.721298579550211 51.833430378898306)</t>
  </si>
  <si>
    <t>POINT (4.69150775972104 51.83082437767813)</t>
  </si>
  <si>
    <t>POINT (4.693297445003895 51.83834617749275)</t>
  </si>
  <si>
    <t>POINT (4.684527540561572 51.834123439290614)</t>
  </si>
  <si>
    <t>POINT (4.699667821676547 51.831828881131294)</t>
  </si>
  <si>
    <t>POINT (4.692462876910345 51.8269897101315)</t>
  </si>
  <si>
    <t>POINT (4.686261571709364 51.83933970915898)</t>
  </si>
  <si>
    <t>POINT (4.6928074947881475 51.8242187890753)</t>
  </si>
  <si>
    <t>POINT (4.677991309428597 51.82342619944649)</t>
  </si>
  <si>
    <t>POINT (4.689691394263617 51.828619858196596)</t>
  </si>
  <si>
    <t>POINT (4.715208653364848 51.83188657720802)</t>
  </si>
  <si>
    <t>POINT (4.690948143330514 51.83298175736047)</t>
  </si>
  <si>
    <t>POINT (4.700870226441314 51.83626318458154)</t>
  </si>
  <si>
    <t>POINT (4.689705999331799 51.8256582409152)</t>
  </si>
  <si>
    <t>POINT (4.685502361384235 51.8284652750026)</t>
  </si>
  <si>
    <t>POINT (4.688609876102056 51.838740672460645)</t>
  </si>
  <si>
    <t>POINT (4.68001421253381 51.84338958281705)</t>
  </si>
  <si>
    <t>POINT (4.707256409573988 51.836581069682516)</t>
  </si>
  <si>
    <t>POINT (4.682509988849528 51.82740613956035)</t>
  </si>
  <si>
    <t>POINT (4.687688199971797 51.822893135972315)</t>
  </si>
  <si>
    <t>POINT (4.684061561199858 51.82616111428012)</t>
  </si>
  <si>
    <t>POINT (4.6855603407440745 51.840156650008986)</t>
  </si>
  <si>
    <t>POINT (4.672019459141003 51.83182270818563)</t>
  </si>
  <si>
    <t>POINT (4.698379924014193 51.83107658687548)</t>
  </si>
  <si>
    <t>POINT (4.689390460209716 51.828727632151804)</t>
  </si>
  <si>
    <t>POINT (4.707250439375458 51.83534608866048)</t>
  </si>
  <si>
    <t>POINT (4.690584596699964 51.84013212506732)</t>
  </si>
  <si>
    <t>POINT (4.685078776935634 51.83329454227258)</t>
  </si>
  <si>
    <t>POINT (4.679369749716477 51.84177863915034)</t>
  </si>
  <si>
    <t>POINT (4.686006035934626 51.826133960382805)</t>
  </si>
  <si>
    <t>POINT (4.707773582912114 51.83707500426673)</t>
  </si>
  <si>
    <t>POINT (4.700730421186428 51.836619772839846)</t>
  </si>
  <si>
    <t>POINT (4.7000083274329505 51.835695787157746)</t>
  </si>
  <si>
    <t>POINT (4.691500685647135 51.827536947515405)</t>
  </si>
  <si>
    <t>POINT (4.714862525069976 51.83474007198383)</t>
  </si>
  <si>
    <t>POINT (4.695650729155867 51.8320589618295)</t>
  </si>
  <si>
    <t>POINT (4.687359547261673 51.835039364242306)</t>
  </si>
  <si>
    <t>POINT (4.706334595504184 51.825431188499564)</t>
  </si>
  <si>
    <t>POINT (4.718242689583082 51.829504943374104)</t>
  </si>
  <si>
    <t>POINT (4.68961369390335 51.8410713976234)</t>
  </si>
  <si>
    <t>POINT (4.692520365037994 51.83906347664755)</t>
  </si>
  <si>
    <t>POINT (4.704124993478094 51.837690711540745)</t>
  </si>
  <si>
    <t>POINT (4.698416898158485 51.82949764485432)</t>
  </si>
  <si>
    <t>POINT (4.700974717154661 51.836004491577114)</t>
  </si>
  <si>
    <t>POINT (4.684228878913832 51.82608839156573)</t>
  </si>
  <si>
    <t>POINT (4.684684439368549 51.82482787223295)</t>
  </si>
  <si>
    <t>POINT (4.694086508184679 51.829726416740364)</t>
  </si>
  <si>
    <t>POINT (4.708038587813686 51.83435008270151)</t>
  </si>
  <si>
    <t>POINT (4.7074972560547685 51.82788144992374)</t>
  </si>
  <si>
    <t>POINT (4.704994158294018 51.83246687711239)</t>
  </si>
  <si>
    <t>POINT (4.705075888446789 51.832105218318866)</t>
  </si>
  <si>
    <t>POINT (4.703843589804623 51.82844554897973)</t>
  </si>
  <si>
    <t>POINT (4.6911053975068375 51.83128301062853)</t>
  </si>
  <si>
    <t>POINT (4.686809446426281 51.83963819259364)</t>
  </si>
  <si>
    <t>POINT (4.678616608510949 51.837954203260495)</t>
  </si>
  <si>
    <t>POINT (4.688239167364218 51.8267549658944)</t>
  </si>
  <si>
    <t>POINT (4.6940785053510625 51.82985529350579)</t>
  </si>
  <si>
    <t>POINT (4.6860285971893845 51.8239920013066)</t>
  </si>
  <si>
    <t>POINT (4.68131762256617 51.825331135892206)</t>
  </si>
  <si>
    <t>POINT (4.700320721063743 51.835143205939545)</t>
  </si>
  <si>
    <t>POINT (4.681559170614673 51.826116200960364)</t>
  </si>
  <si>
    <t>POINT (4.695994793047885 51.84149264751845)</t>
  </si>
  <si>
    <t>POINT (4.7067184626973715 51.834235437330186)</t>
  </si>
  <si>
    <t>POINT (4.690756729156701 51.84280488981434)</t>
  </si>
  <si>
    <t>POINT (4.680479276364438 51.82903892537812)</t>
  </si>
  <si>
    <t>POINT (4.68919936451072 51.84285614389888)</t>
  </si>
  <si>
    <t>POINT (4.696419032630645 51.83976238951151)</t>
  </si>
  <si>
    <t>POINT (4.710604168444975 51.829071758912406)</t>
  </si>
  <si>
    <t>POINT (4.6902849037423815 51.84229811578521)</t>
  </si>
  <si>
    <t>POINT (4.691199857709598 51.82343423017989)</t>
  </si>
  <si>
    <t>POINT (4.691176774710117 51.8258194099942)</t>
  </si>
  <si>
    <t>POINT (4.694745396457302 51.837169018956274)</t>
  </si>
  <si>
    <t>POINT (4.700853074655692 51.83396498935074)</t>
  </si>
  <si>
    <t>POINT (4.706233156060742 51.82770453481395)</t>
  </si>
  <si>
    <t>POINT (4.678920441025618 51.829931289094354)</t>
  </si>
  <si>
    <t>POINT (4.72732380281226 51.82920533848451)</t>
  </si>
  <si>
    <t>POINT (4.699606376951372 51.83659137031488)</t>
  </si>
  <si>
    <t>POINT (4.697205678672065 51.826001852802236)</t>
  </si>
  <si>
    <t>POINT (4.690043441964831 51.84139556338694)</t>
  </si>
  <si>
    <t>POINT (4.7283349287681276 51.83195934820178)</t>
  </si>
  <si>
    <t>POINT (4.6766300861059955 51.837208821962406)</t>
  </si>
  <si>
    <t>POINT (4.681228539594663 51.832156975428745)</t>
  </si>
  <si>
    <t>POINT (4.707213768060679 51.82635353879181)</t>
  </si>
  <si>
    <t>POINT (4.711747816001825 51.83045728989474)</t>
  </si>
  <si>
    <t>POINT (4.680682078148889 51.83229094434756)</t>
  </si>
  <si>
    <t>POINT (4.676992599307438 51.83700445657359)</t>
  </si>
  <si>
    <t>POINT (4.701685995518475 51.83352985390996)</t>
  </si>
  <si>
    <t>POINT (4.716786453603508 51.829518387948575)</t>
  </si>
  <si>
    <t>POINT (4.693588732099143 51.830027040741484)</t>
  </si>
  <si>
    <t>POINT (4.689365202678409 51.823206872005606)</t>
  </si>
  <si>
    <t>POINT (4.6831091361419706 51.82344729511286)</t>
  </si>
  <si>
    <t>POINT (4.690530038223819 51.837876275457894)</t>
  </si>
  <si>
    <t>POINT (4.700821186071314 51.83392202603037)</t>
  </si>
  <si>
    <t>POINT (4.687911350426926 51.82560230489072)</t>
  </si>
  <si>
    <t>POINT (4.708916441909073 51.827471499278495)</t>
  </si>
  <si>
    <t>POINT (4.700474622999129 51.837815974950686)</t>
  </si>
  <si>
    <t>POINT (4.698424383815167 51.83303981194752)</t>
  </si>
  <si>
    <t>POINT (4.691200374403117 51.82558657327726)</t>
  </si>
  <si>
    <t>POINT (4.715869265457524 51.8320148942971)</t>
  </si>
  <si>
    <t>POINT (4.695024506184503 51.82415418629828)</t>
  </si>
  <si>
    <t>POINT (4.683266462119129 51.835276110814036)</t>
  </si>
  <si>
    <t>POINT (4.701187430975227 51.83327487337968)</t>
  </si>
  <si>
    <t>POINT (4.716118923195205 51.8348933168528)</t>
  </si>
  <si>
    <t>POINT (4.689082702686659 51.82532206337486)</t>
  </si>
  <si>
    <t>POINT (4.690668885490693 51.83908970150583)</t>
  </si>
  <si>
    <t>POINT (4.681075675712419 51.83809068995643)</t>
  </si>
  <si>
    <t>POINT (4.687204509583491 51.828511841990824)</t>
  </si>
  <si>
    <t>POINT (4.7301495860528275 51.82876503559493)</t>
  </si>
  <si>
    <t>POINT (4.702879929831901 51.835981501008796)</t>
  </si>
  <si>
    <t>POINT (4.710220793786946 51.838323377415136)</t>
  </si>
  <si>
    <t>POINT (4.678153895084145 51.82349289781423)</t>
  </si>
  <si>
    <t>POINT (4.704156710537968 51.832290045921724)</t>
  </si>
  <si>
    <t>POINT (4.731178833125096 51.82751409476749)</t>
  </si>
  <si>
    <t>POINT (4.678377826993066 51.83499406017883)</t>
  </si>
  <si>
    <t>POINT (4.715487496716785 51.833019498400795)</t>
  </si>
  <si>
    <t>POINT (4.690503863740243 51.823381589254886)</t>
  </si>
  <si>
    <t>POINT (4.684387683658918 51.82586945321932)</t>
  </si>
  <si>
    <t>POINT (4.694666543395928 51.82411794490521)</t>
  </si>
  <si>
    <t>POINT (4.708771025824783 51.837100907099234)</t>
  </si>
  <si>
    <t>POINT (4.678979393424239 51.82823965723541)</t>
  </si>
  <si>
    <t>POINT (4.691388884880091 51.82351827118775)</t>
  </si>
  <si>
    <t>POINT (4.690780148796911 51.84057292801325)</t>
  </si>
  <si>
    <t>POINT (4.682051300772206 51.82434496042826)</t>
  </si>
  <si>
    <t>POINT (4.6900342114548925 51.82417485309606)</t>
  </si>
  <si>
    <t>POINT (4.687417946720461 51.84414913335001)</t>
  </si>
  <si>
    <t>POINT (4.705957722135887 51.837001048476566)</t>
  </si>
  <si>
    <t>POINT (4.697722792826976 51.83623266992538)</t>
  </si>
  <si>
    <t>POINT (4.687410961503448 51.828748000160324)</t>
  </si>
  <si>
    <t>3356CK</t>
  </si>
  <si>
    <t>Roerdomp</t>
  </si>
  <si>
    <t>POINT (4.719549828820299 51.83642817920806)</t>
  </si>
  <si>
    <t>POINT (4.714525945156136 51.83244952527391)</t>
  </si>
  <si>
    <t>POINT (4.705507571373874 51.83942061646789)</t>
  </si>
  <si>
    <t>POINT (4.678655343646951 51.833136721912545)</t>
  </si>
  <si>
    <t>POINT (4.692920399523361 51.83269008102278)</t>
  </si>
  <si>
    <t>POINT (4.694308590423569 51.82458966864858)</t>
  </si>
  <si>
    <t>POINT (4.677266754412933 51.835277418789566)</t>
  </si>
  <si>
    <t>POINT (4.69807170985486 51.834685888215)</t>
  </si>
  <si>
    <t>POINT (4.694719684111421 51.83237435847491)</t>
  </si>
  <si>
    <t>POINT (4.699589982621877 51.833911207428606)</t>
  </si>
  <si>
    <t>POINT (4.675982891478751 51.83221043332006)</t>
  </si>
  <si>
    <t>POINT (4.704334395885684 51.83029277305882)</t>
  </si>
  <si>
    <t>POINT (4.681638678906085 51.82258498319477)</t>
  </si>
  <si>
    <t>POINT (4.7209324027772785 51.832351789073535)</t>
  </si>
  <si>
    <t>POINT (4.7263874015846845 51.82849356587516)</t>
  </si>
  <si>
    <t>POINT (4.694299043788015 51.83140375547466)</t>
  </si>
  <si>
    <t>POINT (4.687682860826985 51.822950227020065)</t>
  </si>
  <si>
    <t>POINT (4.676925754940771 51.82758413738396)</t>
  </si>
  <si>
    <t>POINT (4.7033943297024585 51.83259822288371)</t>
  </si>
  <si>
    <t>POINT (4.7246649818888855 51.83505614895983)</t>
  </si>
  <si>
    <t>POINT (4.679819031791598 51.82258398987803)</t>
  </si>
  <si>
    <t>POINT (4.701550820578717 51.83580656646442)</t>
  </si>
  <si>
    <t>POINT (4.692999499809111 51.82519480612081)</t>
  </si>
  <si>
    <t>POINT (4.678680703798105 51.83471359120941)</t>
  </si>
  <si>
    <t>POINT (4.6823598257493675 51.82737955738465)</t>
  </si>
  <si>
    <t>POINT (4.678561720278013 51.83250388639657)</t>
  </si>
  <si>
    <t>POINT (4.690266809134423 51.842667593720705)</t>
  </si>
  <si>
    <t>POINT (4.68130911200359 51.83738050819279)</t>
  </si>
  <si>
    <t>POINT (4.680038550456064 51.8350948522364)</t>
  </si>
  <si>
    <t>3355RR</t>
  </si>
  <si>
    <t>Anemoonhof</t>
  </si>
  <si>
    <t>POINT (4.709088585878105 51.83827216976584)</t>
  </si>
  <si>
    <t>POINT (4.691149023519929 51.82479287709511)</t>
  </si>
  <si>
    <t>POINT (4.701901578983734 51.82829262931195)</t>
  </si>
  <si>
    <t>POINT (4.703074460883307 51.83131997410864)</t>
  </si>
  <si>
    <t>POINT (4.687648139157493 51.8228873691907)</t>
  </si>
  <si>
    <t>POINT (4.692972143935973 51.831913643128686)</t>
  </si>
  <si>
    <t>POINT (4.685540075183471 51.82608592702153)</t>
  </si>
  <si>
    <t>POINT (4.681424565560801 51.82586436560061)</t>
  </si>
  <si>
    <t>POINT (4.677554428393865 51.829276646922814)</t>
  </si>
  <si>
    <t>POINT (4.694075411273907 51.82969143935005)</t>
  </si>
  <si>
    <t>POINT (4.6936609893102625 51.83654728309686)</t>
  </si>
  <si>
    <t>POINT (4.6784241354236595 51.823582043591266)</t>
  </si>
  <si>
    <t>POINT (4.702337945317196 51.837227255651634)</t>
  </si>
  <si>
    <t>POINT (4.68678531339976 51.82796783848054)</t>
  </si>
  <si>
    <t>POINT (4.702316305168824 51.83117989679863)</t>
  </si>
  <si>
    <t>POINT (4.719821386773271 51.83541642831429)</t>
  </si>
  <si>
    <t>POINT (4.690802211919567 51.832825361361635)</t>
  </si>
  <si>
    <t>POINT (4.701040415262087 51.835270918409776)</t>
  </si>
  <si>
    <t>POINT (4.729195138630226 51.82941695437867)</t>
  </si>
  <si>
    <t>POINT (4.683485624550979 51.82562573243919)</t>
  </si>
  <si>
    <t>POINT (4.675922159178619 51.83006072619774)</t>
  </si>
  <si>
    <t>POINT (4.683217567900195 51.83522864523435)</t>
  </si>
  <si>
    <t>POINT (4.707821243006221 51.83537310533488)</t>
  </si>
  <si>
    <t>POINT (4.688065021938702 51.822948818678235)</t>
  </si>
  <si>
    <t>POINT (4.682736781809619 51.8237369583619)</t>
  </si>
  <si>
    <t>POINT (4.7146339448729595 51.83187017150103)</t>
  </si>
  <si>
    <t>POINT (4.684278189552082 51.835841338365725)</t>
  </si>
  <si>
    <t>POINT (4.676550165974814 51.83668266434138)</t>
  </si>
  <si>
    <t>POINT (4.708578382857487 51.83613358018995)</t>
  </si>
  <si>
    <t>POINT (4.676365247314117 51.83347176227938)</t>
  </si>
  <si>
    <t>POINT (4.690662593496169 51.84315487877979)</t>
  </si>
  <si>
    <t>POINT (4.694074803335616 51.829547986100316)</t>
  </si>
  <si>
    <t>POINT (4.692655388502275 51.839795437460644)</t>
  </si>
  <si>
    <t>POINT (4.694063655042972 51.829663487179495)</t>
  </si>
  <si>
    <t>POINT (4.683237838113541 51.82745484797119)</t>
  </si>
  <si>
    <t>POINT (4.691808628301344 51.837760747650144)</t>
  </si>
  <si>
    <t>POINT (4.692684441603142 51.84324670213144)</t>
  </si>
  <si>
    <t>POINT (4.707096554574611 51.82623357159244)</t>
  </si>
  <si>
    <t>POINT (4.691414795980459 51.837743097561706)</t>
  </si>
  <si>
    <t>POINT (4.689380729514696 51.83214122611076)</t>
  </si>
  <si>
    <t>POINT (4.730122574711216 51.83341430420815)</t>
  </si>
  <si>
    <t>POINT (4.695890694933005 51.83719646956801)</t>
  </si>
  <si>
    <t>POINT (4.680699292958681 51.83759419416251)</t>
  </si>
  <si>
    <t>POINT (4.696356697782624 51.82463018130532)</t>
  </si>
  <si>
    <t>POINT (4.703146690828723 51.82866345507178)</t>
  </si>
  <si>
    <t>POINT (4.680587780772656 51.83224985595312)</t>
  </si>
  <si>
    <t>POINT (4.694316944160425 51.83753183381182)</t>
  </si>
  <si>
    <t>POINT (4.686838507580439 51.82298328565443)</t>
  </si>
  <si>
    <t>POINT (4.706686993777388 51.825811302937325)</t>
  </si>
  <si>
    <t>POINT (4.677000878543959 51.82291561436845)</t>
  </si>
  <si>
    <t>POINT (4.679953156814464 51.8307713297922)</t>
  </si>
  <si>
    <t>POINT (4.7332399303372625 51.82860783302157)</t>
  </si>
  <si>
    <t>POINT (4.695083366519486 51.83093360279334)</t>
  </si>
  <si>
    <t>POINT (4.700661010235208 51.83330878408864)</t>
  </si>
  <si>
    <t>POINT (4.690006864720815 51.828027178650736)</t>
  </si>
  <si>
    <t>POINT (4.7018666653764685 51.83435150744696)</t>
  </si>
  <si>
    <t>POINT (4.704017724697205 51.83836701133653)</t>
  </si>
  <si>
    <t>POINT (4.694879595764053 51.83171040345423)</t>
  </si>
  <si>
    <t>POINT (4.699580594367005 51.8350996647004)</t>
  </si>
  <si>
    <t>POINT (4.70364416705236 51.83346150737108)</t>
  </si>
  <si>
    <t>POINT (4.720136792501676 51.83453208775828)</t>
  </si>
  <si>
    <t>POINT (4.685178626804702 51.829065731339966)</t>
  </si>
  <si>
    <t>POINT (4.688361479577054 51.844546351629724)</t>
  </si>
  <si>
    <t>POINT (4.681755672651325 51.837555288915894)</t>
  </si>
  <si>
    <t>POINT (4.693846463697499 51.84220989216199)</t>
  </si>
  <si>
    <t>POINT (4.703671648539612 51.83037404709885)</t>
  </si>
  <si>
    <t>POINT (4.679805118859719 51.82621066633904)</t>
  </si>
  <si>
    <t>POINT (4.684118939537437 51.8391845171367)</t>
  </si>
  <si>
    <t>POINT (4.6927850428870705 51.840237743744964)</t>
  </si>
  <si>
    <t>POINT (4.682905418004731 51.83435429051503)</t>
  </si>
  <si>
    <t>POINT (4.699122881592949 51.84124233407552)</t>
  </si>
  <si>
    <t>POINT (4.680291233881499 51.83716490318658)</t>
  </si>
  <si>
    <t>POINT (4.704139430150257 51.828379487619976)</t>
  </si>
  <si>
    <t>POINT (4.682751472503301 51.83604919966966)</t>
  </si>
  <si>
    <t>POINT (4.685617871004975 51.825847437826745)</t>
  </si>
  <si>
    <t>POINT (4.6915764244070965 51.826997529576666)</t>
  </si>
  <si>
    <t>POINT (4.688935287820094 51.8298417101732)</t>
  </si>
  <si>
    <t>POINT (4.681491531620946 51.82614098950139)</t>
  </si>
  <si>
    <t>POINT (4.68538376395056 51.829049520039966)</t>
  </si>
  <si>
    <t>POINT (4.688817233154177 51.84443873704113)</t>
  </si>
  <si>
    <t>POINT (4.706447749350471 51.83859183827782)</t>
  </si>
  <si>
    <t>POINT (4.68701251340528 51.82295611744336)</t>
  </si>
  <si>
    <t>POINT (4.7100824988812295 51.8282709025148)</t>
  </si>
  <si>
    <t>POINT (4.693103914227797 51.83837784194445)</t>
  </si>
  <si>
    <t>POINT (4.6885737110966765 51.830248380137455)</t>
  </si>
  <si>
    <t>POINT (4.699666069131578 51.83464315656885)</t>
  </si>
  <si>
    <t>POINT (4.691723848241916 51.83017228302058)</t>
  </si>
  <si>
    <t>POINT (4.68829664789644 51.82850937912431)</t>
  </si>
  <si>
    <t>POINT (4.736013991177634 51.83255547195322)</t>
  </si>
  <si>
    <t>POINT (4.691703138964811 51.82378084040959)</t>
  </si>
  <si>
    <t>POINT (4.7083465700516545 51.836515613504424)</t>
  </si>
  <si>
    <t>POINT (4.699028218793654 51.83561263579229)</t>
  </si>
  <si>
    <t>POINT (4.688962265956309 51.82554731255806)</t>
  </si>
  <si>
    <t>POINT (4.680558890360067 51.82900200291364)</t>
  </si>
  <si>
    <t>POINT (4.687782815765413 51.82399528572258)</t>
  </si>
  <si>
    <t>POINT (4.680399550503323 51.831363844485494)</t>
  </si>
  <si>
    <t>POINT (4.683183692873628 51.82753976258492)</t>
  </si>
  <si>
    <t>POINT (4.687575941423265 51.82625362794638)</t>
  </si>
  <si>
    <t>POINT (4.694172274308927 51.83740679299169)</t>
  </si>
  <si>
    <t>POINT (4.704576718999193 51.833337003236004)</t>
  </si>
  <si>
    <t>POINT (4.6827869928593575 51.83091425542614)</t>
  </si>
  <si>
    <t>POINT (4.718702748661274 51.83566356947641)</t>
  </si>
  <si>
    <t>3355CN</t>
  </si>
  <si>
    <t>Vlierbeshof</t>
  </si>
  <si>
    <t>POINT (4.697119810604373 51.83851648969197)</t>
  </si>
  <si>
    <t>POINT (4.68686325663285 51.82430119631348)</t>
  </si>
  <si>
    <t>POINT (4.702680304423454 51.831604063012705)</t>
  </si>
  <si>
    <t>POINT (4.6796398600937845 51.841953397433)</t>
  </si>
  <si>
    <t>POINT (4.697499588348161 51.83512786093876)</t>
  </si>
  <si>
    <t>POINT (4.684829378466913 51.83544806768458)</t>
  </si>
  <si>
    <t>POINT (4.687455492060754 51.834719167682636)</t>
  </si>
  <si>
    <t>POINT (4.692287298494161 51.83118027998143)</t>
  </si>
  <si>
    <t>POINT (4.730311310145373 51.82935322047417)</t>
  </si>
  <si>
    <t>POINT (4.680816390271534 51.83685463037659)</t>
  </si>
  <si>
    <t>POINT (4.706840610430863 51.829204430155855)</t>
  </si>
  <si>
    <t>POINT (4.679317875947384 51.83116581445463)</t>
  </si>
  <si>
    <t>POINT (4.684658087243853 51.82667845038081)</t>
  </si>
  <si>
    <t>POINT (4.697551113334889 51.835262255997435)</t>
  </si>
  <si>
    <t>POINT (4.692549758328133 51.83929339989961)</t>
  </si>
  <si>
    <t>3353HE</t>
  </si>
  <si>
    <t>Overtoompassage</t>
  </si>
  <si>
    <t>POINT (4.685504182549167 51.82516755796714)</t>
  </si>
  <si>
    <t>POINT (4.679371268887061 51.83209467265669)</t>
  </si>
  <si>
    <t>POINT (4.690387103866754 51.838288823293155)</t>
  </si>
  <si>
    <t>POINT (4.685688179041628 51.82884469975462)</t>
  </si>
  <si>
    <t>POINT (4.727911444818252 51.833710090451085)</t>
  </si>
  <si>
    <t>POINT (4.689053285644107 51.82456910725715)</t>
  </si>
  <si>
    <t>POINT (4.692248649659817 51.84033295937762)</t>
  </si>
  <si>
    <t>POINT (4.702839075947636 51.82950081361351)</t>
  </si>
  <si>
    <t>POINT (4.689639466798096 51.83460884132165)</t>
  </si>
  <si>
    <t>POINT (4.6846576768022725 51.82681551581731)</t>
  </si>
  <si>
    <t>POINT (4.698623096767161 51.836261657039636)</t>
  </si>
  <si>
    <t>POINT (4.691833741214808 51.83341770603437)</t>
  </si>
  <si>
    <t>POINT (4.6776107996943095 51.8232394973237)</t>
  </si>
  <si>
    <t>POINT (4.697376995620605 51.82629570059425)</t>
  </si>
  <si>
    <t>POINT (4.7065495379503295 51.828340984992764)</t>
  </si>
  <si>
    <t>POINT (4.722610834253322 51.83333479679561)</t>
  </si>
  <si>
    <t>POINT (4.6925517979043665 51.8323524355569)</t>
  </si>
  <si>
    <t>POINT (4.706479598368881 51.82740280474896)</t>
  </si>
  <si>
    <t>POINT (4.6838276793303155 51.827770802386866)</t>
  </si>
  <si>
    <t>POINT (4.704518341211455 51.830243650478366)</t>
  </si>
  <si>
    <t>POINT (4.685017117851108 51.83988847128319)</t>
  </si>
  <si>
    <t>POINT (4.681666574021375 51.83067048703237)</t>
  </si>
  <si>
    <t>POINT (4.7039986977562895 51.83961307374579)</t>
  </si>
  <si>
    <t>POINT (4.69863975766551 51.83423536761059)</t>
  </si>
  <si>
    <t>POINT (4.698973781209269 51.83730995346056)</t>
  </si>
  <si>
    <t>POINT (4.713256667833275 51.83176255273783)</t>
  </si>
  <si>
    <t>POINT (4.706262648612862 51.835497295571535)</t>
  </si>
  <si>
    <t>POINT (4.69093542395758 51.840903767565266)</t>
  </si>
  <si>
    <t>POINT (4.70457085526735 51.8380593304766)</t>
  </si>
  <si>
    <t>POINT (4.701929974951802 51.828760653381835)</t>
  </si>
  <si>
    <t>POINT (4.6810270689488584 51.832222432390516)</t>
  </si>
  <si>
    <t>POINT (4.735750887409831 51.83302391825209)</t>
  </si>
  <si>
    <t>POINT (4.705484691611066 51.83879231407693)</t>
  </si>
  <si>
    <t>POINT (4.685451977192673 51.835418667921985)</t>
  </si>
  <si>
    <t>POINT (4.697423758425216 51.83966871192815)</t>
  </si>
  <si>
    <t>POINT (4.733550636828 51.82835702867655)</t>
  </si>
  <si>
    <t>POINT (4.689611713644995 51.838696329241344)</t>
  </si>
  <si>
    <t>POINT (4.6840113789085605 51.827878607252906)</t>
  </si>
  <si>
    <t>POINT (4.695582442407258 51.83210414088329)</t>
  </si>
  <si>
    <t>3356CM</t>
  </si>
  <si>
    <t>POINT (4.7208840041137705 51.83607114527858)</t>
  </si>
  <si>
    <t>POINT (4.694021952347689 51.82978004826202)</t>
  </si>
  <si>
    <t>POINT (4.699679179857564 51.83422513634088)</t>
  </si>
  <si>
    <t>POINT (4.67679858157867 51.83563111221146)</t>
  </si>
  <si>
    <t>POINT (4.702508599461934 51.82847443418906)</t>
  </si>
  <si>
    <t>POINT (4.704233128557612 51.839842883459006)</t>
  </si>
  <si>
    <t>POINT (4.677134142445576 51.83541263292226)</t>
  </si>
  <si>
    <t>POINT (4.724930019443981 51.82984212067531)</t>
  </si>
  <si>
    <t>POINT (4.679668794849172 51.826281448283986)</t>
  </si>
  <si>
    <t>POINT (4.686908880289905 51.84398200175138)</t>
  </si>
  <si>
    <t>3351EA</t>
  </si>
  <si>
    <t>POINT (4.678020664543289 51.82957147896029)</t>
  </si>
  <si>
    <t>POINT (4.686116801482904 51.83316322001482)</t>
  </si>
  <si>
    <t>POINT (4.712645453766931 51.83019201090331)</t>
  </si>
  <si>
    <t>POINT (4.687024314720311 51.838818740195656)</t>
  </si>
  <si>
    <t>POINT (4.6880003170905065 51.82299819440167)</t>
  </si>
  <si>
    <t>POINT (4.695513800564771 51.83741593610288)</t>
  </si>
  <si>
    <t>POINT (4.702717330327611 51.82965079814611)</t>
  </si>
  <si>
    <t>POINT (4.691611444355936 51.82401805569279)</t>
  </si>
  <si>
    <t>POINT (4.698083249190538 51.83828562218182)</t>
  </si>
  <si>
    <t>POINT (4.68433963763404 51.8281632752236)</t>
  </si>
  <si>
    <t>POINT (4.697494948666205 51.839160598786954)</t>
  </si>
  <si>
    <t>POINT (4.677919909193642 51.82335645645942)</t>
  </si>
  <si>
    <t>POINT (4.703391511739743 51.83934204646771)</t>
  </si>
  <si>
    <t>POINT (4.680020831505834 51.8222656502074)</t>
  </si>
  <si>
    <t>POINT (4.700517814341619 51.8366824745184)</t>
  </si>
  <si>
    <t>POINT (4.706828253996084 51.8291551817571)</t>
  </si>
  <si>
    <t>3354VC</t>
  </si>
  <si>
    <t>POINT (4.703676398752975 51.8311607774673)</t>
  </si>
  <si>
    <t>POINT (4.690134915626361 51.83686632238512)</t>
  </si>
  <si>
    <t>POINT (4.696468093036992 51.82569554130762)</t>
  </si>
  <si>
    <t>POINT (4.68189114517251 51.8284788942961)</t>
  </si>
  <si>
    <t>POINT (4.679475214423237 51.83283767166779)</t>
  </si>
  <si>
    <t>POINT (4.69222541282032 51.84284656288703)</t>
  </si>
  <si>
    <t>POINT (4.698846743806536 51.84116869856208)</t>
  </si>
  <si>
    <t>POINT (4.679373189601492 51.83460549150029)</t>
  </si>
  <si>
    <t>POINT (4.7071546778284485 51.82637413996923)</t>
  </si>
  <si>
    <t>POINT (4.695521564729124 51.83683082217787)</t>
  </si>
  <si>
    <t>POINT (4.726402558543942 51.833016980471264)</t>
  </si>
  <si>
    <t>POINT (4.720045832631918 51.835183955236296)</t>
  </si>
  <si>
    <t>POINT (4.700751383674663 51.8349848914949)</t>
  </si>
  <si>
    <t>3356LE</t>
  </si>
  <si>
    <t>POINT (4.7298046132569525 51.82782400110629)</t>
  </si>
  <si>
    <t>POINT (4.689041896971619 51.82660216329101)</t>
  </si>
  <si>
    <t>POINT (4.7072664295354665 51.82579369039121)</t>
  </si>
  <si>
    <t>POINT (4.685236278596136 51.83715670659576)</t>
  </si>
  <si>
    <t>POINT (4.708824091437713 51.828325433473566)</t>
  </si>
  <si>
    <t>POINT (4.6972977096583675 51.82620628304581)</t>
  </si>
  <si>
    <t>POINT (4.687802164220025 51.82292790907095)</t>
  </si>
  <si>
    <t>POINT (4.686056150655167 51.824024156508514)</t>
  </si>
  <si>
    <t>POINT (4.714036980541897 51.8320781620566)</t>
  </si>
  <si>
    <t>3351AZ</t>
  </si>
  <si>
    <t>POINT (4.682647050203045 51.8274570021409)</t>
  </si>
  <si>
    <t>POINT (4.729732404480245 51.82892835079338)</t>
  </si>
  <si>
    <t>POINT (4.694449144796271 51.83523774496856)</t>
  </si>
  <si>
    <t>POINT (4.69263861895933 51.83734054378797)</t>
  </si>
  <si>
    <t>POINT (4.689853568740017 51.83225438947707)</t>
  </si>
  <si>
    <t>POINT (4.681601511263892 51.82430872068949)</t>
  </si>
  <si>
    <t>POINT (4.690579314469417 51.83302184277366)</t>
  </si>
  <si>
    <t>POINT (4.710840766019028 51.8292553577789)</t>
  </si>
  <si>
    <t>POINT (4.687879681338194 51.84094726774294)</t>
  </si>
  <si>
    <t>POINT (4.701672295872592 51.83303134555406)</t>
  </si>
  <si>
    <t>POINT (4.702002860715102 51.83729472851991)</t>
  </si>
  <si>
    <t>POINT (4.682884066495227 51.838042416809685)</t>
  </si>
  <si>
    <t>POINT (4.691776542838716 51.82368078228765)</t>
  </si>
  <si>
    <t>POINT (4.684721510838275 51.83245566125649)</t>
  </si>
  <si>
    <t>POINT (4.681744247354948 51.83460149912983)</t>
  </si>
  <si>
    <t>POINT (4.6741498082508395 51.83269557629465)</t>
  </si>
  <si>
    <t>POINT (4.691929430296327 51.823702388881685)</t>
  </si>
  <si>
    <t>POINT (4.675844281515273 51.832016445340486)</t>
  </si>
  <si>
    <t>POINT (4.677696257006334 51.836637228713975)</t>
  </si>
  <si>
    <t>POINT (4.689021311372065 51.8276949790537)</t>
  </si>
  <si>
    <t>POINT (4.698760897890581 51.83445526578869)</t>
  </si>
  <si>
    <t>POINT (4.688717150021233 51.83019297383672)</t>
  </si>
  <si>
    <t>POINT (4.7044581261809 51.83032275075194)</t>
  </si>
  <si>
    <t>POINT (4.692656289181075 51.83729554338409)</t>
  </si>
  <si>
    <t>POINT (4.68458682702956 51.82864574655062)</t>
  </si>
  <si>
    <t>POINT (4.707219553558252 51.835304472226795)</t>
  </si>
  <si>
    <t>POINT (4.700340252711622 51.83674579433595)</t>
  </si>
  <si>
    <t>POINT (4.703492938624934 51.831142235177424)</t>
  </si>
  <si>
    <t>POINT (4.680513601350309 51.83122204312233)</t>
  </si>
  <si>
    <t>POINT (4.703782713823207 51.834492374446846)</t>
  </si>
  <si>
    <t>POINT (4.69217633038995 51.828194639947135)</t>
  </si>
  <si>
    <t>POINT (4.6829468982698055 51.832417990334775)</t>
  </si>
  <si>
    <t>POINT (4.7043913886312465 51.83495972030273)</t>
  </si>
  <si>
    <t>POINT (4.724239728626844 51.83499258074997)</t>
  </si>
  <si>
    <t>POINT (4.7108379868747425 51.828589940870614)</t>
  </si>
  <si>
    <t>POINT (4.702665710050043 51.83337460260694)</t>
  </si>
  <si>
    <t>POINT (4.691225579753342 51.82568090574261)</t>
  </si>
  <si>
    <t>POINT (4.696312751711202 51.839317087877085)</t>
  </si>
  <si>
    <t>POINT (4.728968650598681 51.82845065841284)</t>
  </si>
  <si>
    <t>POINT (4.679375700532556 51.82703479990675)</t>
  </si>
  <si>
    <t>POINT (4.6789665400243035 51.82311101333011)</t>
  </si>
  <si>
    <t>POINT (4.676348334724009 51.83213524560621)</t>
  </si>
  <si>
    <t>POINT (4.698197147468147 51.83942644367719)</t>
  </si>
  <si>
    <t>POINT (4.677074391611089 51.8353851347796)</t>
  </si>
  <si>
    <t>POINT (4.678859179232287 51.83287147465468)</t>
  </si>
  <si>
    <t>POINT (4.733639143165058 51.83183305557815)</t>
  </si>
  <si>
    <t>POINT (4.688725753334795 51.82932438070431)</t>
  </si>
  <si>
    <t>POINT (4.692471410949644 51.8376649697831)</t>
  </si>
  <si>
    <t>POINT (4.676592065404005 51.83701595620954)</t>
  </si>
  <si>
    <t>POINT (4.685391949580796 51.82557375815046)</t>
  </si>
  <si>
    <t>POINT (4.681249961989751 51.83745601663385)</t>
  </si>
  <si>
    <t>POINT (4.695904397760423 51.826725682572665)</t>
  </si>
  <si>
    <t>POINT (4.721880808881773 51.83323959803423)</t>
  </si>
  <si>
    <t>POINT (4.707352133425215 51.828404376847)</t>
  </si>
  <si>
    <t>POINT (4.692971684110736 51.839229955054044)</t>
  </si>
  <si>
    <t>POINT (4.67882049494728 51.836838136584426)</t>
  </si>
  <si>
    <t>POINT (4.692338255752926 51.831717113347494)</t>
  </si>
  <si>
    <t>POINT (4.718682578052371 51.82895051464202)</t>
  </si>
  <si>
    <t>POINT (4.70268395871889 51.82970268367013)</t>
  </si>
  <si>
    <t>POINT (4.693300560362776 51.8272191744546)</t>
  </si>
  <si>
    <t>POINT (4.690175249000034 51.82762457963627)</t>
  </si>
  <si>
    <t>POINT (4.6930277968899 51.838582943848714)</t>
  </si>
  <si>
    <t>POINT (4.696069317291989 51.841183688860156)</t>
  </si>
  <si>
    <t>POINT (4.687246546294234 51.82855789879535)</t>
  </si>
  <si>
    <t>POINT (4.686948737941147 51.82743347679438)</t>
  </si>
  <si>
    <t>POINT (4.6998433778327975 51.834501779066265)</t>
  </si>
  <si>
    <t>POINT (4.713752532497054 51.83331502728376)</t>
  </si>
  <si>
    <t>POINT (4.730224037771156 51.824301815606155)</t>
  </si>
  <si>
    <t>POINT (4.709529099387647 51.82957266858157)</t>
  </si>
  <si>
    <t>POINT (4.718085959281416 51.82947619436226)</t>
  </si>
  <si>
    <t>POINT (4.676668755303303 51.83054212265501)</t>
  </si>
  <si>
    <t>POINT (4.7095091426611875 51.8289288779275)</t>
  </si>
  <si>
    <t>POINT (4.6867489959129145 51.82294782160425)</t>
  </si>
  <si>
    <t>POINT (4.676538550593028 51.836570928102795)</t>
  </si>
  <si>
    <t>POINT (4.69413952830332 51.842218858349895)</t>
  </si>
  <si>
    <t>POINT (4.694051027271543 51.829630891724435)</t>
  </si>
  <si>
    <t>POINT (4.6783292388015765 51.83047505720571)</t>
  </si>
  <si>
    <t>POINT (4.673869180563203 51.8298577808275)</t>
  </si>
  <si>
    <t>POINT (4.690901912325182 51.82953091582101)</t>
  </si>
  <si>
    <t>POINT (4.704287979978824 51.83452626265039)</t>
  </si>
  <si>
    <t>POINT (4.707521504474785 51.82621691421414)</t>
  </si>
  <si>
    <t>POINT (4.680925794487642 51.838859332657094)</t>
  </si>
  <si>
    <t>POINT (4.7041954840711515 51.82943242727139)</t>
  </si>
  <si>
    <t>POINT (4.7092390446420325 51.829635073620096)</t>
  </si>
  <si>
    <t>POINT (4.7186426838530275 51.833523865862496)</t>
  </si>
  <si>
    <t>POINT (4.685749338807944 51.82405431393399)</t>
  </si>
  <si>
    <t>POINT (4.702422980593567 51.830728373126064)</t>
  </si>
  <si>
    <t>POINT (4.681055814310394 51.83070478256788)</t>
  </si>
  <si>
    <t>POINT (4.678768255846521 51.829289147417484)</t>
  </si>
  <si>
    <t>3356LN</t>
  </si>
  <si>
    <t>Griendweg</t>
  </si>
  <si>
    <t>POINT (4.7136891231899165 51.827460518791)</t>
  </si>
  <si>
    <t>POINT (4.714219376976974 51.83364110597014)</t>
  </si>
  <si>
    <t>POINT (4.689351077568368 51.83792088604901)</t>
  </si>
  <si>
    <t>POINT (4.7329043193439215 51.830691598113525)</t>
  </si>
  <si>
    <t>POINT (4.677304069859491 51.8353226775585)</t>
  </si>
  <si>
    <t>POINT (4.7030546845285235 51.83130004791564)</t>
  </si>
  <si>
    <t>POINT (4.719594106975839 51.835763624456995)</t>
  </si>
  <si>
    <t>POINT (4.690824940475858 51.83234322887482)</t>
  </si>
  <si>
    <t>POINT (4.690154889783971 51.82454679191988)</t>
  </si>
  <si>
    <t>POINT (4.720189759005888 51.83620937569544)</t>
  </si>
  <si>
    <t>POINT (4.676774683215489 51.83560360615456)</t>
  </si>
  <si>
    <t>POINT (4.690677446749678 51.823589169585304)</t>
  </si>
  <si>
    <t>POINT (4.715845584804652 51.83207063211218)</t>
  </si>
  <si>
    <t>POINT (4.68847362653948 51.84066873190193)</t>
  </si>
  <si>
    <t>POINT (4.718250082622757 51.830770897403205)</t>
  </si>
  <si>
    <t>POINT (4.701460313880929 51.83445461601106)</t>
  </si>
  <si>
    <t>POINT (4.67959262290795 51.83047400577342)</t>
  </si>
  <si>
    <t>POINT (4.698589187089878 51.83271879708548)</t>
  </si>
  <si>
    <t>POINT (4.687107167775792 51.840283815042454)</t>
  </si>
  <si>
    <t>POINT (4.699657352377668 51.829007378200664)</t>
  </si>
  <si>
    <t>POINT (4.6779969651173365 51.834270376199974)</t>
  </si>
  <si>
    <t>POINT (4.683631392850355 51.82785508109505)</t>
  </si>
  <si>
    <t>POINT (4.685870770352258 51.824039039777986)</t>
  </si>
  <si>
    <t>POINT (4.71645018649685 51.83537714351933)</t>
  </si>
  <si>
    <t>POINT (4.7075858170573985 51.83749121403093)</t>
  </si>
  <si>
    <t>POINT (4.7161442658633 51.83387170796537)</t>
  </si>
  <si>
    <t>POINT (4.698697766396205 51.83930443876083)</t>
  </si>
  <si>
    <t>POINT (4.718253634985751 51.83537100264248)</t>
  </si>
  <si>
    <t>POINT (4.724812045261174 51.83336357909991)</t>
  </si>
  <si>
    <t>POINT (4.697476284592689 51.8325177315438)</t>
  </si>
  <si>
    <t>POINT (4.703383039243135 51.83326093345258)</t>
  </si>
  <si>
    <t>POINT (4.67957745107715 51.83876051796014)</t>
  </si>
  <si>
    <t>POINT (4.698573219316416 51.83741465907684)</t>
  </si>
  <si>
    <t>POINT (4.688649959883268 51.8380945564213)</t>
  </si>
  <si>
    <t>POINT (4.683858862586131 51.83528689741518)</t>
  </si>
  <si>
    <t>POINT (4.705642506314455 51.83875196361166)</t>
  </si>
  <si>
    <t>POINT (4.683337273173346 51.825382248236)</t>
  </si>
  <si>
    <t>POINT (4.692552357669846 51.83866276413661)</t>
  </si>
  <si>
    <t>POINT (4.688825386449681 51.83812264691103)</t>
  </si>
  <si>
    <t>POINT (4.688781859946135 51.82544961129147)</t>
  </si>
  <si>
    <t>POINT (4.684175949716749 51.837500648863184)</t>
  </si>
  <si>
    <t>POINT (4.68326394629952 51.8291118999155)</t>
  </si>
  <si>
    <t>POINT (4.706944957611668 51.82573139719396)</t>
  </si>
  <si>
    <t>POINT (4.707302405869016 51.8274003736502)</t>
  </si>
  <si>
    <t>POINT (4.675989170077152 51.82860283123455)</t>
  </si>
  <si>
    <t>POINT (4.7320944279171835 51.83304591568263)</t>
  </si>
  <si>
    <t>POINT (4.684611572997327 51.829303791620575)</t>
  </si>
  <si>
    <t>POINT (4.698589478274845 51.83622084024653)</t>
  </si>
  <si>
    <t>POINT (4.7153567433457075 51.833739798949665)</t>
  </si>
  <si>
    <t>POINT (4.69206910688626 51.83765192786443)</t>
  </si>
  <si>
    <t>POINT (4.708047883227811 51.82801755190194)</t>
  </si>
  <si>
    <t>POINT (4.69118059956487 51.82539891695039)</t>
  </si>
  <si>
    <t>POINT (4.697048684841757 51.83843008640477)</t>
  </si>
  <si>
    <t>POINT (4.6791994830128445 51.83459105990142)</t>
  </si>
  <si>
    <t>POINT (4.706998357143238 51.8290557466313)</t>
  </si>
  <si>
    <t>POINT (4.681279522710297 51.82360438422014)</t>
  </si>
  <si>
    <t>POINT (4.696348017110833 51.82835526476457)</t>
  </si>
  <si>
    <t>POINT (4.682356673748313 51.82970136914595)</t>
  </si>
  <si>
    <t>POINT (4.695449625921861 51.83307623397516)</t>
  </si>
  <si>
    <t>POINT (4.702274355563978 51.832861199599314)</t>
  </si>
  <si>
    <t>POINT (4.7044549082851645 51.83828703009103)</t>
  </si>
  <si>
    <t>POINT (4.691246631862172 51.82780363558698)</t>
  </si>
  <si>
    <t>POINT (4.679018607193597 51.83300009330586)</t>
  </si>
  <si>
    <t>POINT (4.677621679709843 51.83126785968717)</t>
  </si>
  <si>
    <t>POINT (4.724125373622439 51.83387224199654)</t>
  </si>
  <si>
    <t>POINT (4.721831982498413 51.8321159605788)</t>
  </si>
  <si>
    <t>POINT (4.694517796936211 51.83004168621484)</t>
  </si>
  <si>
    <t>POINT (4.70325283766522 51.83438417554601)</t>
  </si>
  <si>
    <t>POINT (4.683099084611296 51.827450968587605)</t>
  </si>
  <si>
    <t>POINT (4.702224244128965 51.83103636853295)</t>
  </si>
  <si>
    <t>POINT (4.72692234739147 51.832054807380985)</t>
  </si>
  <si>
    <t>POINT (4.68619294385875 51.841407583600514)</t>
  </si>
  <si>
    <t>POINT (4.686979656487723 51.838929546382005)</t>
  </si>
  <si>
    <t>3351SN</t>
  </si>
  <si>
    <t>POINT (4.679676954264677 51.83921609110692)</t>
  </si>
  <si>
    <t>POINT (4.687608564902486 51.844759095931074)</t>
  </si>
  <si>
    <t>POINT (4.700154755607831 51.83740367391532)</t>
  </si>
  <si>
    <t>POINT (4.723686737934247 51.83429952697589)</t>
  </si>
  <si>
    <t>POINT (4.696095139517823 51.832871652592324)</t>
  </si>
  <si>
    <t>POINT (4.704796083891399 51.83858690553111)</t>
  </si>
  <si>
    <t>POINT (4.695962250503368 51.836728772171334)</t>
  </si>
  <si>
    <t>POINT (4.693001516934606 51.82839574504217)</t>
  </si>
  <si>
    <t>POINT (4.6951879946925015 51.825823774695834)</t>
  </si>
  <si>
    <t>POINT (4.696388541870095 51.83852302030025)</t>
  </si>
  <si>
    <t>POINT (4.679960902434235 51.83304808371668)</t>
  </si>
  <si>
    <t>POINT (4.697683922790754 51.83343385910397)</t>
  </si>
  <si>
    <t>POINT (4.727660740375219 51.83268886188465)</t>
  </si>
  <si>
    <t>POINT (4.67790952046421 51.82681583051346)</t>
  </si>
  <si>
    <t>POINT (4.708044136242322 51.83593500622759)</t>
  </si>
  <si>
    <t>POINT (4.687184373257408 51.834474750235835)</t>
  </si>
  <si>
    <t>POINT (4.688884825870259 51.841339653777)</t>
  </si>
  <si>
    <t>POINT (4.721693973357189 51.83411650153562)</t>
  </si>
  <si>
    <t>POINT (4.67714380952421 51.82799541114351)</t>
  </si>
  <si>
    <t>POINT (4.683438873880536 51.82544536453295)</t>
  </si>
  <si>
    <t>POINT (4.733226063675836 51.83228144363392)</t>
  </si>
  <si>
    <t>POINT (4.729588599499945 51.83379433661184)</t>
  </si>
  <si>
    <t>POINT (4.685593668889654 51.82595124687919)</t>
  </si>
  <si>
    <t>POINT (4.68708977574008 51.840838957041115)</t>
  </si>
  <si>
    <t>POINT (4.700260061784364 51.83026478509737)</t>
  </si>
  <si>
    <t>POINT (4.686140911847744 51.841366239814036)</t>
  </si>
  <si>
    <t>POINT (4.698503405387645 51.839084758376885)</t>
  </si>
  <si>
    <t>POINT (4.679483849198928 51.83596980773745)</t>
  </si>
  <si>
    <t>POINT (4.699926478015804 51.82434796018722)</t>
  </si>
  <si>
    <t>POINT (4.7280329799586385 51.83201738238658)</t>
  </si>
  <si>
    <t>POINT (4.7024363051283995 51.83425360169245)</t>
  </si>
  <si>
    <t>POINT (4.683721638142411 51.827805914763374)</t>
  </si>
  <si>
    <t>POINT (4.69562674451329 51.838934043450365)</t>
  </si>
  <si>
    <t>POINT (4.708406228700156 51.82752549286406)</t>
  </si>
  <si>
    <t>POINT (4.707597408507983 51.83758464590328)</t>
  </si>
  <si>
    <t>POINT (4.691548951295752 51.839718586574016)</t>
  </si>
  <si>
    <t>POINT (4.706639799499779 51.836686564675816)</t>
  </si>
  <si>
    <t>POINT (4.690033257968672 51.841011886255096)</t>
  </si>
  <si>
    <t>POINT (4.691392158982675 51.84235134307452)</t>
  </si>
  <si>
    <t>POINT (4.692616873013224 51.824468462334266)</t>
  </si>
  <si>
    <t>POINT (4.693511246557083 51.83007895066319)</t>
  </si>
  <si>
    <t>POINT (4.682157213758083 51.83177824731594)</t>
  </si>
  <si>
    <t>POINT (4.684195582448581 51.827299484432864)</t>
  </si>
  <si>
    <t>POINT (4.68667479689289 51.82703950581258)</t>
  </si>
  <si>
    <t>POINT (4.680343576720136 51.829796363732314)</t>
  </si>
  <si>
    <t>POINT (4.685450277110833 51.83032873209943)</t>
  </si>
  <si>
    <t>POINT (4.6892821542304395 51.82810822808413)</t>
  </si>
  <si>
    <t>POINT (4.697368201999825 51.83517092649999)</t>
  </si>
  <si>
    <t>POINT (4.708484031597361 51.828739865836326)</t>
  </si>
  <si>
    <t>POINT (4.692578347259315 51.83981925095804)</t>
  </si>
  <si>
    <t>POINT (4.71411707367248 51.83184546554486)</t>
  </si>
  <si>
    <t>POINT (4.708948264369545 51.83734267332818)</t>
  </si>
  <si>
    <t>POINT (4.6940692088152876 51.82975419734412)</t>
  </si>
  <si>
    <t>POINT (4.67909404331108 51.83065008905623)</t>
  </si>
  <si>
    <t>POINT (4.707809193370044 51.82609652311803)</t>
  </si>
  <si>
    <t>POINT (4.675821905294253 51.83002441574934)</t>
  </si>
  <si>
    <t>POINT (4.691961077833771 51.825862583472144)</t>
  </si>
  <si>
    <t>POINT (4.694217475117112 51.82408526338153)</t>
  </si>
  <si>
    <t>POINT (4.688709295910633 51.830525587706575)</t>
  </si>
  <si>
    <t>POINT (4.706505555151456 51.82840231103991)</t>
  </si>
  <si>
    <t>POINT (4.691590652505165 51.82580317609529)</t>
  </si>
  <si>
    <t>POINT (4.700502247725009 51.83819976196978)</t>
  </si>
  <si>
    <t>POINT (4.677797914784468 51.82296138677356)</t>
  </si>
  <si>
    <t>POINT (4.724250600462835 51.834279324226586)</t>
  </si>
  <si>
    <t>POINT (4.686479596025506 51.825496437160346)</t>
  </si>
  <si>
    <t>POINT (4.6888472407337 51.829751947157476)</t>
  </si>
  <si>
    <t>POINT (4.680508210533482 51.83724739491402)</t>
  </si>
  <si>
    <t>POINT (4.6819309388197965 51.83701113607406)</t>
  </si>
  <si>
    <t>POINT (4.677648770483231 51.83364090956981)</t>
  </si>
  <si>
    <t>POINT (4.691660169809391 51.82585085034065)</t>
  </si>
  <si>
    <t>POINT (4.726879188250877 51.83406539695183)</t>
  </si>
  <si>
    <t>POINT (4.685970752522486 51.83516612202386)</t>
  </si>
  <si>
    <t>POINT (4.706930270464953 51.82926556010628)</t>
  </si>
  <si>
    <t>POINT (4.683612405883784 51.83772328307718)</t>
  </si>
  <si>
    <t>POINT (4.6922366166135525 51.83795998916032)</t>
  </si>
  <si>
    <t>POINT (4.688819032890144 51.844100829360954)</t>
  </si>
  <si>
    <t>POINT (4.675395888837502 51.82870122031468)</t>
  </si>
  <si>
    <t>POINT (4.702344892859697 51.83733242710507)</t>
  </si>
  <si>
    <t>POINT (4.704024948614184 51.83063928184874)</t>
  </si>
  <si>
    <t>POINT (4.688344599945707 51.823585567664274)</t>
  </si>
  <si>
    <t>POINT (4.677094699275979 51.83732881815244)</t>
  </si>
  <si>
    <t>POINT (4.696844881947668 51.83293743850022)</t>
  </si>
  <si>
    <t>POINT (4.716363757333909 51.83483617334065)</t>
  </si>
  <si>
    <t>POINT (4.677488964977182 51.82246047772226)</t>
  </si>
  <si>
    <t>POINT (4.699420811102409 51.83047799792792)</t>
  </si>
  <si>
    <t>3353CR</t>
  </si>
  <si>
    <t>POINT (4.692956761363115 51.83339134663116)</t>
  </si>
  <si>
    <t>POINT (4.698742477805856 51.836426111986576)</t>
  </si>
  <si>
    <t>POINT (4.688830539404539 51.82534774497527)</t>
  </si>
  <si>
    <t>POINT (4.680187700916213 51.83508026317382)</t>
  </si>
  <si>
    <t>POINT (4.6911200346433795 51.832108622863586)</t>
  </si>
  <si>
    <t>POINT (4.703827520774992 51.83935454458214)</t>
  </si>
  <si>
    <t>POINT (4.697425608457608 51.83025251412361)</t>
  </si>
  <si>
    <t>POINT (4.688939102300387 51.82531214863822)</t>
  </si>
  <si>
    <t>POINT (4.691081403756456 51.8268003862787)</t>
  </si>
  <si>
    <t>POINT (4.677053935550579 51.823035484555525)</t>
  </si>
  <si>
    <t>POINT (4.680273579117484 51.8423189625224)</t>
  </si>
  <si>
    <t>POINT (4.686542464416402 51.825702688446256)</t>
  </si>
  <si>
    <t>POINT (4.683150008972619 51.83787515145513)</t>
  </si>
  <si>
    <t>POINT (4.679170010237738 51.83294514215279)</t>
  </si>
  <si>
    <t>POINT (4.677241224878825 51.82303194348622)</t>
  </si>
  <si>
    <t>POINT (4.693531465803798 51.84183006884563)</t>
  </si>
  <si>
    <t>POINT (4.702205604502966 51.83288383629481)</t>
  </si>
  <si>
    <t>POINT (4.7002508375295635 51.84085718825401)</t>
  </si>
  <si>
    <t>POINT (4.678847509170047 51.82987333064172)</t>
  </si>
  <si>
    <t>POINT (4.69306603613794 51.83593344776432)</t>
  </si>
  <si>
    <t>POINT (4.693549310575622 51.8250670561276)</t>
  </si>
  <si>
    <t>POINT (4.674361936181205 51.82891894310027)</t>
  </si>
  <si>
    <t>POINT (4.685691653174568 51.825949693230015)</t>
  </si>
  <si>
    <t>POINT (4.706291716885141 51.827544373563946)</t>
  </si>
  <si>
    <t>POINT (4.6904798024540675 51.83197180187116)</t>
  </si>
  <si>
    <t>POINT (4.681546757678815 51.83111037227951)</t>
  </si>
  <si>
    <t>POINT (4.6899660277877455 51.827977498556784)</t>
  </si>
  <si>
    <t>POINT (4.6805312778439285 51.83192196058657)</t>
  </si>
  <si>
    <t>POINT (4.69024794305495 51.824711000764744)</t>
  </si>
  <si>
    <t>POINT (4.709143479290633 51.836879898474336)</t>
  </si>
  <si>
    <t>POINT (4.693009472236268 51.82469145614669)</t>
  </si>
  <si>
    <t>POINT (4.675901898455409 51.831052932539485)</t>
  </si>
  <si>
    <t>POINT (4.6942565432996854 51.836190095199484)</t>
  </si>
  <si>
    <t>POINT (4.690601656036861 51.84338684623878)</t>
  </si>
  <si>
    <t>POINT (4.682000423135917 51.83183771818756)</t>
  </si>
  <si>
    <t>POINT (4.678014576431177 51.83429173175233)</t>
  </si>
  <si>
    <t>POINT (4.676884744090295 51.83635223523386)</t>
  </si>
  <si>
    <t>POINT (4.679277718203526 51.83467675305028)</t>
  </si>
  <si>
    <t>POINT (4.7084728254878225 51.83732701794139)</t>
  </si>
  <si>
    <t>POINT (4.703173175830898 51.83333439727623)</t>
  </si>
  <si>
    <t>POINT (4.68189792790176 51.8365283287156)</t>
  </si>
  <si>
    <t>POINT (4.696530499084556 51.83382340531377)</t>
  </si>
  <si>
    <t>POINT (4.679951381811552 51.83860428353506)</t>
  </si>
  <si>
    <t>POINT (4.678808365415071 51.833080378764734)</t>
  </si>
  <si>
    <t>POINT (4.679204144688496 51.830625917537986)</t>
  </si>
  <si>
    <t>3353AK</t>
  </si>
  <si>
    <t>POINT (4.688637737323012 51.827884146041974)</t>
  </si>
  <si>
    <t>POINT (4.684725291057196 51.82864517304667)</t>
  </si>
  <si>
    <t>POINT (4.684391008980046 51.82819009033625)</t>
  </si>
  <si>
    <t>POINT (4.721668964765711 51.83356121418873)</t>
  </si>
  <si>
    <t>POINT (4.703070203567383 51.829877472129404)</t>
  </si>
  <si>
    <t>POINT (4.688231038448235 51.832814160892624)</t>
  </si>
  <si>
    <t>POINT (4.687746607460884 51.84471408537007)</t>
  </si>
  <si>
    <t>POINT (4.700184185538196 51.83024397280565)</t>
  </si>
  <si>
    <t>POINT (4.684116218272008 51.82793633115335)</t>
  </si>
  <si>
    <t>POINT (4.69472785313865 51.82606691826399)</t>
  </si>
  <si>
    <t>POINT (4.706374615197016 51.83601106036895)</t>
  </si>
  <si>
    <t>POINT (4.716554412640158 51.829701463997154)</t>
  </si>
  <si>
    <t>POINT (4.6912037704427565 51.82553950190928)</t>
  </si>
  <si>
    <t>POINT (4.704103928950525 51.83813162460487)</t>
  </si>
  <si>
    <t>POINT (4.679724878660352 51.82883816772788)</t>
  </si>
  <si>
    <t>POINT (4.725417649978467 51.83246524847544)</t>
  </si>
  <si>
    <t>POINT (4.71427260781928 51.83210139130824)</t>
  </si>
  <si>
    <t>POINT (4.715125457836849 51.83371765742898)</t>
  </si>
  <si>
    <t>3356ME</t>
  </si>
  <si>
    <t>Boerenschouw</t>
  </si>
  <si>
    <t>POINT (4.714137148745453 51.83241491074079)</t>
  </si>
  <si>
    <t>POINT (4.680118637400664 51.82257824472155)</t>
  </si>
  <si>
    <t>POINT (4.69716475127699 51.839247672837985)</t>
  </si>
  <si>
    <t>POINT (4.682980975277771 51.83467115294825)</t>
  </si>
  <si>
    <t>POINT (4.681265870368773 51.83697598411909)</t>
  </si>
  <si>
    <t>POINT (4.67987730476244 51.83863307729308)</t>
  </si>
  <si>
    <t>POINT (4.67692854615962 51.83559306766555)</t>
  </si>
  <si>
    <t>POINT (4.704035062399799 51.83065350678704)</t>
  </si>
  <si>
    <t>POINT (4.704432926573539 51.83032945351708)</t>
  </si>
  <si>
    <t>POINT (4.68638049492929 51.834600549845604)</t>
  </si>
  <si>
    <t>POINT (4.708497840113173 51.828008909646925)</t>
  </si>
  <si>
    <t>POINT (4.704033227621975 51.83908235294226)</t>
  </si>
  <si>
    <t>POINT (4.699532255947598 51.833900523376194)</t>
  </si>
  <si>
    <t>POINT (4.678595774434821 51.8356200507369)</t>
  </si>
  <si>
    <t>POINT (4.6963508615078435 51.83715742623299)</t>
  </si>
  <si>
    <t>POINT (4.728187954356792 51.83317013345609)</t>
  </si>
  <si>
    <t>POINT (4.704615905327722 51.83776076575704)</t>
  </si>
  <si>
    <t>POINT (4.682241506285519 51.83548470795566)</t>
  </si>
  <si>
    <t>POINT (4.696780949297512 51.834518306421515)</t>
  </si>
  <si>
    <t>POINT (4.6900089833716985 51.840959230540804)</t>
  </si>
  <si>
    <t>POINT (4.675948909856068 51.83228234336392)</t>
  </si>
  <si>
    <t>POINT (4.7222839831098025 51.834535523071736)</t>
  </si>
  <si>
    <t>POINT (4.7265891393376025 51.8332740710654)</t>
  </si>
  <si>
    <t>POINT (4.687723296603542 51.82474226521101)</t>
  </si>
  <si>
    <t>POINT (4.67916110774518 51.83200117272529)</t>
  </si>
  <si>
    <t>POINT (4.7312626278014855 51.83291173611241)</t>
  </si>
  <si>
    <t>POINT (4.731776784350328 51.8267218621859)</t>
  </si>
  <si>
    <t>POINT (4.7243759602996835 51.834246513575295)</t>
  </si>
  <si>
    <t>POINT (4.680777948642129 51.83686793595611)</t>
  </si>
  <si>
    <t>POINT (4.6876923787156395 51.835254756148835)</t>
  </si>
  <si>
    <t>POINT (4.706067588313822 51.83885630759192)</t>
  </si>
  <si>
    <t>POINT (4.67777856468055 51.82733411585605)</t>
  </si>
  <si>
    <t>POINT (4.6985523608535775 51.83452462136743)</t>
  </si>
  <si>
    <t>POINT (4.698881033294559 51.829322653108704)</t>
  </si>
  <si>
    <t>POINT (4.691259119890696 51.82614482872636)</t>
  </si>
  <si>
    <t>POINT (4.676713827557841 51.83309196287246)</t>
  </si>
  <si>
    <t>POINT (4.692864839825442 51.82841222180341)</t>
  </si>
  <si>
    <t>POINT (4.711675008060425 51.82889494489776)</t>
  </si>
  <si>
    <t>POINT (4.673069557284167 51.83011151343482)</t>
  </si>
  <si>
    <t>POINT (4.6864027607763985 51.836854583447604)</t>
  </si>
  <si>
    <t>POINT (4.693594836129221 51.82396573999041)</t>
  </si>
  <si>
    <t>POINT (4.696597394436946 51.832698161583444)</t>
  </si>
  <si>
    <t>POINT (4.694617520674448 51.82625182879502)</t>
  </si>
  <si>
    <t>POINT (4.679418932095481 51.83631075106291)</t>
  </si>
  <si>
    <t>POINT (4.697017197471928 51.82820621474125)</t>
  </si>
  <si>
    <t>POINT (4.681285683561571 51.83982585210452)</t>
  </si>
  <si>
    <t>POINT (4.729494314251962 51.83381875178623)</t>
  </si>
  <si>
    <t>POINT (4.690698088234168 51.82421898268708)</t>
  </si>
  <si>
    <t>POINT (4.691918420220191 51.838167234569916)</t>
  </si>
  <si>
    <t>POINT (4.69869685477275 51.83593271940269)</t>
  </si>
  <si>
    <t>POINT (4.715185205720976 51.832012247672395)</t>
  </si>
  <si>
    <t>POINT (4.687555228088307 51.8385947626181)</t>
  </si>
  <si>
    <t>POINT (4.706254324250542 51.82771874279803)</t>
  </si>
  <si>
    <t>POINT (4.707175075820561 51.83861858790918)</t>
  </si>
  <si>
    <t>POINT (4.67732863580765 51.835352947058624)</t>
  </si>
  <si>
    <t>POINT (4.69812379175072 51.83428303596925)</t>
  </si>
  <si>
    <t>POINT (4.719095128895502 51.82807190695173)</t>
  </si>
  <si>
    <t>POINT (4.7041387061136435 51.83907547916082)</t>
  </si>
  <si>
    <t>POINT (4.7018149701263106 51.8329847097051)</t>
  </si>
  <si>
    <t>POINT (4.700770786175964 51.841440489693014)</t>
  </si>
  <si>
    <t>POINT (4.71597800135924 51.83256921487329)</t>
  </si>
  <si>
    <t>POINT (4.702489786423015 51.838088658040306)</t>
  </si>
  <si>
    <t>POINT (4.679117218349048 51.82799162893193)</t>
  </si>
  <si>
    <t>POINT (4.699753565799181 51.8343117189714)</t>
  </si>
  <si>
    <t>POINT (4.6945278450911925 51.83876437650431)</t>
  </si>
  <si>
    <t>POINT (4.6942205559997525 51.83219335719032)</t>
  </si>
  <si>
    <t>POINT (4.690213890858188 51.83219644037674)</t>
  </si>
  <si>
    <t>POINT (4.694220843942173 51.831317110824834)</t>
  </si>
  <si>
    <t>POINT (4.6926947348709485 51.82494225605069)</t>
  </si>
  <si>
    <t>POINT (4.679067168661289 51.830749278466556)</t>
  </si>
  <si>
    <t>POINT (4.687719647825619 51.82297440999926)</t>
  </si>
  <si>
    <t>POINT (4.696062490979287 51.84111315090561)</t>
  </si>
  <si>
    <t>POINT (4.692196224408995 51.83171886125148)</t>
  </si>
  <si>
    <t>POINT (4.695773488780576 51.831913880338206)</t>
  </si>
  <si>
    <t>POINT (4.691178849999028 51.84187646801505)</t>
  </si>
  <si>
    <t>POINT (4.681113912725902 51.837029514454265)</t>
  </si>
  <si>
    <t>POINT (4.7189698353079415 51.8318745651428)</t>
  </si>
  <si>
    <t>POINT (4.702878406245294 51.83261888350499)</t>
  </si>
  <si>
    <t>POINT (4.677777348346292 51.83432266648396)</t>
  </si>
  <si>
    <t>POINT (4.676674287884189 51.831753529522224)</t>
  </si>
  <si>
    <t>POINT (4.694240243084481 51.82999149143775)</t>
  </si>
  <si>
    <t>POINT (4.6858546478633265 51.83392567046436)</t>
  </si>
  <si>
    <t>POINT (4.687434045298557 51.843991892375165)</t>
  </si>
  <si>
    <t>POINT (4.6910521441455115 51.8330885209559)</t>
  </si>
  <si>
    <t>POINT (4.732199888035585 51.832974145898866)</t>
  </si>
  <si>
    <t>POINT (4.678202637643759 51.83665874171109)</t>
  </si>
  <si>
    <t>POINT (4.694362776242334 51.83631592482738)</t>
  </si>
  <si>
    <t>POINT (4.69856722901153 51.82945166013105)</t>
  </si>
  <si>
    <t>POINT (4.709948781319954 51.83743091993507)</t>
  </si>
  <si>
    <t>POINT (4.698044843561601 51.83517033440873)</t>
  </si>
  <si>
    <t>POINT (4.734046224455089 51.83208517746299)</t>
  </si>
  <si>
    <t>POINT (4.685302288280005 51.83976880302827)</t>
  </si>
  <si>
    <t>POINT (4.692258373383873 51.825592131956896)</t>
  </si>
  <si>
    <t>POINT (4.693613415147747 51.83866303312519)</t>
  </si>
  <si>
    <t>POINT (4.696996720092974 51.832576062532304)</t>
  </si>
  <si>
    <t>POINT (4.68839373574379 51.823239959045466)</t>
  </si>
  <si>
    <t>POINT (4.691201468903467 51.84116575455413)</t>
  </si>
  <si>
    <t>POINT (4.697724347136712 51.839419200631625)</t>
  </si>
  <si>
    <t>POINT (4.701533322351601 51.83685721640713)</t>
  </si>
  <si>
    <t>POINT (4.6875726912307165 51.82786370864092)</t>
  </si>
  <si>
    <t>POINT (4.687991810184795 51.84102938156103)</t>
  </si>
  <si>
    <t>POINT (4.7233001847545095 51.8345020481037)</t>
  </si>
  <si>
    <t>POINT (4.691384753245916 51.82498478908985)</t>
  </si>
  <si>
    <t>POINT (4.7149722560386715 51.83188583494474)</t>
  </si>
  <si>
    <t>POINT (4.715293236684002 51.83246538900907)</t>
  </si>
  <si>
    <t>POINT (4.727830600766322 51.831764987262595)</t>
  </si>
  <si>
    <t>POINT (4.693362386096212 51.84065014865658)</t>
  </si>
  <si>
    <t>POINT (4.68887483750817 51.82926958308199)</t>
  </si>
  <si>
    <t>POINT (4.7250586066855425 51.832516193718014)</t>
  </si>
  <si>
    <t>POINT (4.697088152597566 51.82957494493477)</t>
  </si>
  <si>
    <t>POINT (4.694719923565736 51.83126273549279)</t>
  </si>
  <si>
    <t>POINT (4.6817334606112775 51.8226448690612)</t>
  </si>
  <si>
    <t>POINT (4.695797193762752 51.84204296297603)</t>
  </si>
  <si>
    <t>POINT (4.697635454576275 51.83246559776461)</t>
  </si>
  <si>
    <t>POINT (4.698513502542212 51.834478335680465)</t>
  </si>
  <si>
    <t>POINT (4.684318978568898 51.82725371614596)</t>
  </si>
  <si>
    <t>POINT (4.689217139559169 51.8274906632933)</t>
  </si>
  <si>
    <t>POINT (4.686575387710424 51.840047998978335)</t>
  </si>
  <si>
    <t>POINT (4.685359415240865 51.82961994665319)</t>
  </si>
  <si>
    <t>POINT (4.697397140509926 51.82917332420761)</t>
  </si>
  <si>
    <t>POINT (4.727334234186266 51.82957681551275)</t>
  </si>
  <si>
    <t>POINT (4.715459621984765 51.83553740946765)</t>
  </si>
  <si>
    <t>POINT (4.695875692971215 51.839198202243004)</t>
  </si>
  <si>
    <t>POINT (4.695318482083128 51.83601957026206)</t>
  </si>
  <si>
    <t>POINT (4.699434792035279 51.829119969370026)</t>
  </si>
  <si>
    <t>POINT (4.715939183119685 51.83461593430273)</t>
  </si>
  <si>
    <t>POINT (4.727434528141539 51.83371435028629)</t>
  </si>
  <si>
    <t>POINT (4.712111533264907 51.82903002943039)</t>
  </si>
  <si>
    <t>POINT (4.677698584835639 51.83100901999282)</t>
  </si>
  <si>
    <t>POINT (4.687983309459681 51.828127113657985)</t>
  </si>
  <si>
    <t>POINT (4.715402520654172 51.8342466143376)</t>
  </si>
  <si>
    <t>POINT (4.678686575037765 51.836693923627415)</t>
  </si>
  <si>
    <t>POINT (4.7018317774443315 51.83431010889628)</t>
  </si>
  <si>
    <t>POINT (4.693379729442195 51.838750540846895)</t>
  </si>
  <si>
    <t>POINT (4.699604808877282 51.834137591965636)</t>
  </si>
  <si>
    <t>POINT (4.677679168751309 51.836256456393784)</t>
  </si>
  <si>
    <t>POINT (4.678866112414155 51.83239813841436)</t>
  </si>
  <si>
    <t>POINT (4.7069610805357085 51.82897745540162)</t>
  </si>
  <si>
    <t>POINT (4.703920765964817 51.82852405551181)</t>
  </si>
  <si>
    <t>POINT (4.679317472827007 51.83460656675489)</t>
  </si>
  <si>
    <t>POINT (4.698744667398959 51.83057121945321)</t>
  </si>
  <si>
    <t>POINT (4.698434540880348 51.84094580816994)</t>
  </si>
  <si>
    <t>POINT (4.708592046326099 51.8273201524214)</t>
  </si>
  <si>
    <t>POINT (4.6868975734776095 51.82303458575793)</t>
  </si>
  <si>
    <t>POINT (4.688814883905245 51.83970995875046)</t>
  </si>
  <si>
    <t>POINT (4.6814483267105755 51.82233684848689)</t>
  </si>
  <si>
    <t>POINT (4.704927214242058 51.83380564029723)</t>
  </si>
  <si>
    <t>POINT (4.699819552015692 51.839093460488336)</t>
  </si>
  <si>
    <t>POINT (4.687285898971582 51.83536814297111)</t>
  </si>
  <si>
    <t>POINT (4.686208404417752 51.835175936741294)</t>
  </si>
  <si>
    <t>POINT (4.721864797857564 51.829887599657155)</t>
  </si>
  <si>
    <t>POINT (4.6869016757172925 51.839655920051044)</t>
  </si>
  <si>
    <t>POINT (4.69723228876794 51.83731354686071)</t>
  </si>
  <si>
    <t>POINT (4.693944245253586 51.82980398452064)</t>
  </si>
  <si>
    <t>POINT (4.693339414421742 51.842713423578964)</t>
  </si>
  <si>
    <t>POINT (4.6866151103608 51.827750070558345)</t>
  </si>
  <si>
    <t>POINT (4.685814155665612 51.83644486284153)</t>
  </si>
  <si>
    <t>POINT (4.684896714020199 51.825979581793725)</t>
  </si>
  <si>
    <t>POINT (4.677568551674867 51.82721347706304)</t>
  </si>
  <si>
    <t>3354BV</t>
  </si>
  <si>
    <t>POINT (4.711354292788171 51.828126423060745)</t>
  </si>
  <si>
    <t>POINT (4.702304031563177 51.831125488927846)</t>
  </si>
  <si>
    <t>POINT (4.680026429383274 51.83644393843816)</t>
  </si>
  <si>
    <t>POINT (4.680832439995106 51.82451491473276)</t>
  </si>
  <si>
    <t>POINT (4.682078422629021 51.831809638805126)</t>
  </si>
  <si>
    <t>POINT (4.679475528880351 51.82222238182272)</t>
  </si>
  <si>
    <t>POINT (4.680453493111364 51.835021999275035)</t>
  </si>
  <si>
    <t>POINT (4.694004666042031 51.841482882625975)</t>
  </si>
  <si>
    <t>POINT (4.681685566615929 51.83797835834102)</t>
  </si>
  <si>
    <t>POINT (4.683211472835753 51.8250816503716)</t>
  </si>
  <si>
    <t>POINT (4.685221826121279 51.82742591237154)</t>
  </si>
  <si>
    <t>POINT (4.696801062361677 51.832638497559635)</t>
  </si>
  <si>
    <t>POINT (4.693180951360403 51.83017525310222)</t>
  </si>
  <si>
    <t>POINT (4.710189130055991 51.82849552310139)</t>
  </si>
  <si>
    <t>POINT (4.6910820665586055 51.82871464727879)</t>
  </si>
  <si>
    <t>POINT (4.684767186784598 51.828629388021525)</t>
  </si>
  <si>
    <t>POINT (4.690717494274451 51.823595861079795)</t>
  </si>
  <si>
    <t>POINT (4.703843689277235 51.83395605460899)</t>
  </si>
  <si>
    <t>POINT (4.6987846154676856 51.83061814069338)</t>
  </si>
  <si>
    <t>POINT (4.691031942478915 51.823523534289166)</t>
  </si>
  <si>
    <t>POINT (4.687849922723798 51.82291621177705)</t>
  </si>
  <si>
    <t>POINT (4.690259107466672 51.82771775047644)</t>
  </si>
  <si>
    <t>POINT (4.699648204266912 51.83852360315957)</t>
  </si>
  <si>
    <t>POINT (4.705766543554797 51.834306210990626)</t>
  </si>
  <si>
    <t>POINT (4.681347578327527 51.82978048199246)</t>
  </si>
  <si>
    <t>POINT (4.686877009547899 51.82567896845781)</t>
  </si>
  <si>
    <t>POINT (4.678141712335931 51.82686827993288)</t>
  </si>
  <si>
    <t>POINT (4.700277602848352 51.83918374456999)</t>
  </si>
  <si>
    <t>POINT (4.735909732126892 51.83267512509147)</t>
  </si>
  <si>
    <t>POINT (4.707859631246741 51.827565071635625)</t>
  </si>
  <si>
    <t>POINT (4.701471658693435 51.82934856593611)</t>
  </si>
  <si>
    <t>POINT (4.678509866111229 51.83039249049444)</t>
  </si>
  <si>
    <t>POINT (4.682441209861173 51.837362204581815)</t>
  </si>
  <si>
    <t>POINT (4.694039747056461 51.829750248146865)</t>
  </si>
  <si>
    <t>POINT (4.703690851283574 51.83316816575229)</t>
  </si>
  <si>
    <t>POINT (4.688911600150854 51.828214382366305)</t>
  </si>
  <si>
    <t>POINT (4.684623164472695 51.825899986187544)</t>
  </si>
  <si>
    <t>POINT (4.703129540018729 51.83407272936297)</t>
  </si>
  <si>
    <t>POINT (4.681582427653952 51.83992394923145)</t>
  </si>
  <si>
    <t>POINT (4.7081186903860175 51.82616243897738)</t>
  </si>
  <si>
    <t>POINT (4.700885937241059 51.83219231845683)</t>
  </si>
  <si>
    <t>POINT (4.687848340031606 51.838471036731086)</t>
  </si>
  <si>
    <t>POINT (4.697245054061097 51.834471327907295)</t>
  </si>
  <si>
    <t>POINT (4.706935904330726 51.82636194210404)</t>
  </si>
  <si>
    <t>POINT (4.693735560566316 51.83005636626571)</t>
  </si>
  <si>
    <t>POINT (4.6795128818966685 51.83660167754637)</t>
  </si>
  <si>
    <t>3355CG</t>
  </si>
  <si>
    <t>POINT (4.695694188015514 51.83823736378074)</t>
  </si>
  <si>
    <t>POINT (4.706916379303004 51.82935640855403)</t>
  </si>
  <si>
    <t>POINT (4.679357039084018 51.838557385284204)</t>
  </si>
  <si>
    <t>3355ET</t>
  </si>
  <si>
    <t>POINT (4.701997468208014 51.84115153421988)</t>
  </si>
  <si>
    <t>POINT (4.687295915825412 51.83664924508394)</t>
  </si>
  <si>
    <t>POINT (4.677790924820594 51.83610692255848)</t>
  </si>
  <si>
    <t>POINT (4.704508703997888 51.83819657585197)</t>
  </si>
  <si>
    <t>POINT (4.688363908925887 51.8235405146735)</t>
  </si>
  <si>
    <t>POINT (4.696711892628315 51.83555273416357)</t>
  </si>
  <si>
    <t>POINT (4.68734080217143 51.838914738284565)</t>
  </si>
  <si>
    <t>POINT (4.684239581898968 51.82716922379031)</t>
  </si>
  <si>
    <t>POINT (4.718238384848524 51.83188429553297)</t>
  </si>
  <si>
    <t>POINT (4.697375533809683 51.83244701023529)</t>
  </si>
  <si>
    <t>POINT (4.715182352871912 51.83193990892358)</t>
  </si>
  <si>
    <t>POINT (4.730259523165825 51.83340516522237)</t>
  </si>
  <si>
    <t>POINT (4.685875089808042 51.833248067144766)</t>
  </si>
  <si>
    <t>POINT (4.6939402229304665 51.83819857947517)</t>
  </si>
  <si>
    <t>POINT (4.696882541654119 51.837991759030956)</t>
  </si>
  <si>
    <t>POINT (4.707025110025721 51.82912387365207)</t>
  </si>
  <si>
    <t>POINT (4.680999810226673 51.837485738655175)</t>
  </si>
  <si>
    <t>POINT (4.693027470623736 51.835025601638044)</t>
  </si>
  <si>
    <t>POINT (4.68933126501172 51.83394393584959)</t>
  </si>
  <si>
    <t>POINT (4.728318636971763 51.832533781553934)</t>
  </si>
  <si>
    <t>POINT (4.696404976298341 51.83812593659661)</t>
  </si>
  <si>
    <t>POINT (4.694511157586612 51.82697216199525)</t>
  </si>
  <si>
    <t>POINT (4.714071572049787 51.83258192976572)</t>
  </si>
  <si>
    <t>POINT (4.715104222480737 51.831850725990435)</t>
  </si>
  <si>
    <t>POINT (4.702134572114807 51.83290860791877)</t>
  </si>
  <si>
    <t>POINT (4.689106884242227 51.844354213730966)</t>
  </si>
  <si>
    <t>POINT (4.7076519660574725 51.838028091556005)</t>
  </si>
  <si>
    <t>POINT (4.6814238621502335 51.82616771936912)</t>
  </si>
  <si>
    <t>POINT (4.678670841358336 51.834884046265785)</t>
  </si>
  <si>
    <t>POINT (4.704910537153196 51.83831214149107)</t>
  </si>
  <si>
    <t>POINT (4.688690426132278 51.82310335384313)</t>
  </si>
  <si>
    <t>POINT (4.7068469167461355 51.829279665562424)</t>
  </si>
  <si>
    <t>POINT (4.70763779791223 51.834699137482524)</t>
  </si>
  <si>
    <t>POINT (4.677001900915698 51.83045058484514)</t>
  </si>
  <si>
    <t>POINT (4.694051449792625 51.8297816786061)</t>
  </si>
  <si>
    <t>POINT (4.701103837469505 51.835958667213184)</t>
  </si>
  <si>
    <t>POINT (4.690459281171298 51.838562533005785)</t>
  </si>
  <si>
    <t>POINT (4.705600881844036 51.838007356503134)</t>
  </si>
  <si>
    <t>POINT (4.688522684409632 51.82484493965002)</t>
  </si>
  <si>
    <t>POINT (4.686857723329377 51.824684358375826)</t>
  </si>
  <si>
    <t>POINT (4.687834462416311 51.829325923142235)</t>
  </si>
  <si>
    <t>POINT (4.688050692854883 51.828221617139725)</t>
  </si>
  <si>
    <t>POINT (4.7038460971215414 51.83400105669086)</t>
  </si>
  <si>
    <t>POINT (4.68466408527707 51.83477371270859)</t>
  </si>
  <si>
    <t>POINT (4.72737188430175 51.83361993243887)</t>
  </si>
  <si>
    <t>POINT (4.690731436417558 51.84285457271889)</t>
  </si>
  <si>
    <t>POINT (4.6775671665089185 51.83328210187618)</t>
  </si>
  <si>
    <t>POINT (4.699937776197692 51.83561540234992)</t>
  </si>
  <si>
    <t>POINT (4.6998105451114025 51.83489163929858)</t>
  </si>
  <si>
    <t>POINT (4.700314539532118 51.83075671010057)</t>
  </si>
  <si>
    <t>POINT (4.700786361896576 51.82895548764823)</t>
  </si>
  <si>
    <t>POINT (4.715566515939484 51.83275041787389)</t>
  </si>
  <si>
    <t>POINT (4.70848894964635 51.8282929168343)</t>
  </si>
  <si>
    <t>POINT (4.7055930529804115 51.837350917145095)</t>
  </si>
  <si>
    <t>POINT (4.725608363226964 51.83352235009828)</t>
  </si>
  <si>
    <t>POINT (4.682022932482314 51.82713796843018)</t>
  </si>
  <si>
    <t>POINT (4.676654468224688 51.822824350266984)</t>
  </si>
  <si>
    <t>POINT (4.690114284092577 51.8413328119544)</t>
  </si>
  <si>
    <t>POINT (4.680532409132431 51.82615299857574)</t>
  </si>
  <si>
    <t>POINT (4.6935874945913785 51.838461687530724)</t>
  </si>
  <si>
    <t>POINT (4.721487851842761 51.83486253801062)</t>
  </si>
  <si>
    <t>POINT (4.688500292623462 51.82761141252986)</t>
  </si>
  <si>
    <t>POINT (4.6770019176630795 51.83551310813632)</t>
  </si>
  <si>
    <t>POINT (4.693230699621439 51.83077519716512)</t>
  </si>
  <si>
    <t>POINT (4.691420563787259 51.82703718052608)</t>
  </si>
  <si>
    <t>POINT (4.679459634476343 51.83047843542303)</t>
  </si>
  <si>
    <t>POINT (4.689595422402774 51.83197714717758)</t>
  </si>
  <si>
    <t>POINT (4.680256190385495 51.827758739854026)</t>
  </si>
  <si>
    <t>POINT (4.686024770950766 51.83549889842917)</t>
  </si>
  <si>
    <t>POINT (4.680594952858718 51.832330949740246)</t>
  </si>
  <si>
    <t>POINT (4.687452947155328 51.82879643857391)</t>
  </si>
  <si>
    <t>POINT (4.691994653397355 51.83179011606962)</t>
  </si>
  <si>
    <t>POINT (4.68442385153043 51.82625338620877)</t>
  </si>
  <si>
    <t>POINT (4.685283125076099 51.83724460792491)</t>
  </si>
  <si>
    <t>POINT (4.691677535474372 51.833770600273446)</t>
  </si>
  <si>
    <t>POINT (4.694231672606965 51.83186106805753)</t>
  </si>
  <si>
    <t>POINT (4.7227843072198565 51.82943579067756)</t>
  </si>
  <si>
    <t>POINT (4.691206416253317 51.84197823886257)</t>
  </si>
  <si>
    <t>POINT (4.695064483313654 51.831908911091844)</t>
  </si>
  <si>
    <t>POINT (4.726944560067334 51.832100297823146)</t>
  </si>
  <si>
    <t>POINT (4.67470976982729 51.83208099763196)</t>
  </si>
  <si>
    <t>POINT (4.689448510135112 51.823768816182806)</t>
  </si>
  <si>
    <t>POINT (4.678794267547427 51.831716176658645)</t>
  </si>
  <si>
    <t>POINT (4.706975157016827 51.829126118983574)</t>
  </si>
  <si>
    <t>POINT (4.715066510799655 51.832011568123555)</t>
  </si>
  <si>
    <t>POINT (4.695708419121098 51.826462671169914)</t>
  </si>
  <si>
    <t>POINT (4.675969834898038 51.83250635043022)</t>
  </si>
  <si>
    <t>POINT (4.709481053672189 51.83668938345664)</t>
  </si>
  <si>
    <t>POINT (4.688119595245007 51.82470104926184)</t>
  </si>
  <si>
    <t>POINT (4.679572932833777 51.8327006625718)</t>
  </si>
  <si>
    <t>POINT (4.684021389033842 51.8279213453173)</t>
  </si>
  <si>
    <t>POINT (4.67866026773329 51.837663675243206)</t>
  </si>
  <si>
    <t>POINT (4.700302056929992 51.836824257273314)</t>
  </si>
  <si>
    <t>POINT (4.6809508338125205 51.82586374531657)</t>
  </si>
  <si>
    <t>POINT (4.685365833929025 51.83736922648452)</t>
  </si>
  <si>
    <t>POINT (4.705686048428402 51.8375397416393)</t>
  </si>
  <si>
    <t>POINT (4.699393264781542 51.83583738744607)</t>
  </si>
  <si>
    <t>POINT (4.689151464831565 51.83006915011657)</t>
  </si>
  <si>
    <t>POINT (4.7016999403042465 51.83098916478556)</t>
  </si>
  <si>
    <t>POINT (4.684942162547805 51.83505684676818)</t>
  </si>
  <si>
    <t>POINT (4.6970760828861975 51.83362736300121)</t>
  </si>
  <si>
    <t>POINT (4.682564153044501 51.83040216517314)</t>
  </si>
  <si>
    <t>POINT (4.686860736085402 51.82603261058032)</t>
  </si>
  <si>
    <t>POINT (4.681229857663556 51.83743616567509)</t>
  </si>
  <si>
    <t>POINT (4.724772617204678 51.83258353187212)</t>
  </si>
  <si>
    <t>POINT (4.699768170760605 51.83767560885721)</t>
  </si>
  <si>
    <t>POINT (4.70960888806705 51.83812269103787)</t>
  </si>
  <si>
    <t>POINT (4.689216125629392 51.82420013897524)</t>
  </si>
  <si>
    <t>POINT (4.689767545934591 51.82859520540535)</t>
  </si>
  <si>
    <t>POINT (4.679247517105885 51.83720825804168)</t>
  </si>
  <si>
    <t>POINT (4.695088835982184 51.826849270255394)</t>
  </si>
  <si>
    <t>POINT (4.689477618184687 51.84428622526455)</t>
  </si>
  <si>
    <t>3352BB</t>
  </si>
  <si>
    <t>POINT (4.694395910243182 51.83912341273252)</t>
  </si>
  <si>
    <t>POINT (4.682186486089439 51.83847880777472)</t>
  </si>
  <si>
    <t>POINT (4.685332119132469 51.83733251308444)</t>
  </si>
  <si>
    <t>POINT (4.724975934678577 51.833324980822795)</t>
  </si>
  <si>
    <t>POINT (4.729162279953628 51.83361736202074)</t>
  </si>
  <si>
    <t>POINT (4.683580054929564 51.82712004127368)</t>
  </si>
  <si>
    <t>POINT (4.683044725448622 51.83493866876797)</t>
  </si>
  <si>
    <t>POINT (4.6843505854618614 51.840016831501416)</t>
  </si>
  <si>
    <t>POINT (4.683719498399994 51.82896708232426)</t>
  </si>
  <si>
    <t>POINT (4.679940842763759 51.82826989438014)</t>
  </si>
  <si>
    <t>POINT (4.6853783184793265 51.82896509309452)</t>
  </si>
  <si>
    <t>POINT (4.691696993634587 51.84303508926919)</t>
  </si>
  <si>
    <t>POINT (4.733098761996429 51.83220498741843)</t>
  </si>
  <si>
    <t>POINT (4.686306946743392 51.84102777549365)</t>
  </si>
  <si>
    <t>POINT (4.678424029670444 51.834150691917614)</t>
  </si>
  <si>
    <t>POINT (4.693864497972512 51.82999540293931)</t>
  </si>
  <si>
    <t>POINT (4.690931083004773 51.840100248377)</t>
  </si>
  <si>
    <t>POINT (4.720594786007596 51.83541427872405)</t>
  </si>
  <si>
    <t>POINT (4.684968287455811 51.82913462057562)</t>
  </si>
  <si>
    <t>POINT (4.706923410966739 51.82913950878905)</t>
  </si>
  <si>
    <t>POINT (4.693269978851139 51.831420076382344)</t>
  </si>
  <si>
    <t>POINT (4.677209041619044 51.82263298495791)</t>
  </si>
  <si>
    <t>POINT (4.68915738350329 51.83423857423353)</t>
  </si>
  <si>
    <t>POINT (4.693554538373897 51.83005152148745)</t>
  </si>
  <si>
    <t>POINT (4.6814035297546415 51.822461323671014)</t>
  </si>
  <si>
    <t>POINT (4.684307038010654 51.82646789297676)</t>
  </si>
  <si>
    <t>POINT (4.684002355170195 51.82783587509661)</t>
  </si>
  <si>
    <t>POINT (4.713764820560543 51.8335888191451)</t>
  </si>
  <si>
    <t>POINT (4.693615255706605 51.824425998297855)</t>
  </si>
  <si>
    <t>POINT (4.693706471754665 51.83002440160735)</t>
  </si>
  <si>
    <t>POINT (4.680251770903498 51.82310222241522)</t>
  </si>
  <si>
    <t>POINT (4.683962913279202 51.82517046847166)</t>
  </si>
  <si>
    <t>POINT (4.6994987207702295 51.83552449995087)</t>
  </si>
  <si>
    <t>POINT (4.695428373505048 51.831141629004215)</t>
  </si>
  <si>
    <t>POINT (4.676677862433374 51.835656071173204)</t>
  </si>
  <si>
    <t>POINT (4.686863890329749 51.833946149496775)</t>
  </si>
  <si>
    <t>POINT (4.691770422198549 51.8417567484855)</t>
  </si>
  <si>
    <t>POINT (4.685806382523887 51.823994152223946)</t>
  </si>
  <si>
    <t>POINT (4.6867487818109 51.83831083878117)</t>
  </si>
  <si>
    <t>POINT (4.699981585589204 51.83086436871599)</t>
  </si>
  <si>
    <t>POINT (4.692444366846377 51.8250973565337)</t>
  </si>
  <si>
    <t>POINT (4.691214518464294 51.84294062711362)</t>
  </si>
  <si>
    <t>POINT (4.676024903433094 51.83020031327625)</t>
  </si>
  <si>
    <t>POINT (4.701744446163969 51.831934570017424)</t>
  </si>
  <si>
    <t>POINT (4.682282141400758 51.82716077456246)</t>
  </si>
  <si>
    <t>POINT (4.686866501677947 51.83926391372685)</t>
  </si>
  <si>
    <t>POINT (4.685405003060313 51.84029172855505)</t>
  </si>
  <si>
    <t>POINT (4.687749963008117 51.82854420770841)</t>
  </si>
  <si>
    <t>POINT (4.692197148091259 51.831488721670716)</t>
  </si>
  <si>
    <t>POINT (4.708935695295813 51.8366171653787)</t>
  </si>
  <si>
    <t>POINT (4.681814287009221 51.830315801885355)</t>
  </si>
  <si>
    <t>POINT (4.706870128758428 51.836645940809056)</t>
  </si>
  <si>
    <t>POINT (4.695922748762898 51.82480487338301)</t>
  </si>
  <si>
    <t>POINT (4.706095976977302 51.837311589495826)</t>
  </si>
  <si>
    <t>POINT (4.707242798806476 51.82637829086928)</t>
  </si>
  <si>
    <t>POINT (4.677049361566439 51.83535486241826)</t>
  </si>
  <si>
    <t>POINT (4.697925319385738 51.83908523090909)</t>
  </si>
  <si>
    <t>POINT (4.676823172683042 51.82284952398517)</t>
  </si>
  <si>
    <t>POINT (4.706459774862489 51.82751854423038)</t>
  </si>
  <si>
    <t>POINT (4.677068580570622 51.82749990596745)</t>
  </si>
  <si>
    <t>POINT (4.7039497886796795 51.83765706330639)</t>
  </si>
  <si>
    <t>POINT (4.696268172038628 51.82874502747291)</t>
  </si>
  <si>
    <t>POINT (4.686425027953792 51.826361017013475)</t>
  </si>
  <si>
    <t>POINT (4.733369263269852 51.83140726366678)</t>
  </si>
  <si>
    <t>POINT (4.677602155245613 51.83112025590989)</t>
  </si>
  <si>
    <t>POINT (4.68788896407233 51.83853302163904)</t>
  </si>
  <si>
    <t>POINT (4.708708350676327 51.82898384656543)</t>
  </si>
  <si>
    <t>POINT (4.688330317482733 51.825714335850826)</t>
  </si>
  <si>
    <t>POINT (4.696721405978366 51.83266065343822)</t>
  </si>
  <si>
    <t>POINT (4.678653863160629 51.82839159637116)</t>
  </si>
  <si>
    <t>POINT (4.733476377374306 51.828257938209816)</t>
  </si>
  <si>
    <t>3351XC</t>
  </si>
  <si>
    <t>POINT (4.684817192840389 51.83023025930915)</t>
  </si>
  <si>
    <t>POINT (4.681681407837434 51.8296581849036)</t>
  </si>
  <si>
    <t>POINT (4.724891809025135 51.83407057867759)</t>
  </si>
  <si>
    <t>POINT (4.707782796224764 51.83834412450127)</t>
  </si>
  <si>
    <t>POINT (4.707070730988356 51.82897707506196)</t>
  </si>
  <si>
    <t>POINT (4.7204053946743345 51.8288260596867)</t>
  </si>
  <si>
    <t>POINT (4.681638947359902 51.83662092850389)</t>
  </si>
  <si>
    <t>3351AA</t>
  </si>
  <si>
    <t>Beatrixstraat</t>
  </si>
  <si>
    <t>POINT (4.681146413486584 51.82478267021871)</t>
  </si>
  <si>
    <t>POINT (4.67787184473215 51.82236341368261)</t>
  </si>
  <si>
    <t>POINT (4.691283295385735 51.832365029915614)</t>
  </si>
  <si>
    <t>POINT (4.6907066497092424 51.84290718891168)</t>
  </si>
  <si>
    <t>POINT (4.6855408257767115 51.82603771640061)</t>
  </si>
  <si>
    <t>POINT (4.679445260393305 51.834504507166706)</t>
  </si>
  <si>
    <t>POINT (4.7036336553178755 51.831135180642356)</t>
  </si>
  <si>
    <t>POINT (4.697783535345376 51.83506786681916)</t>
  </si>
  <si>
    <t>POINT (4.694364801667989 51.83106449004886)</t>
  </si>
  <si>
    <t>POINT (4.702806908577062 51.83573955102614)</t>
  </si>
  <si>
    <t>POINT (4.694128773007538 51.83950075155913)</t>
  </si>
  <si>
    <t>POINT (4.700454195976767 51.83056977269637)</t>
  </si>
  <si>
    <t>POINT (4.679075398956959 51.82224519956832)</t>
  </si>
  <si>
    <t>POINT (4.689489044671277 51.82945040158293)</t>
  </si>
  <si>
    <t>POINT (4.6794480008530135 51.82316535961904)</t>
  </si>
  <si>
    <t>POINT (4.702207710074517 51.82832655052532)</t>
  </si>
  <si>
    <t>POINT (4.681398317703652 51.825826788014396)</t>
  </si>
  <si>
    <t>POINT (4.700751060053912 51.836671739905796)</t>
  </si>
  <si>
    <t>3356BH</t>
  </si>
  <si>
    <t>POINT (4.711233275562757 51.82902401339202)</t>
  </si>
  <si>
    <t>POINT (4.688778947992224 51.84014287111195)</t>
  </si>
  <si>
    <t>POINT (4.682677010928463 51.83777592872321)</t>
  </si>
  <si>
    <t>POINT (4.694546070932703 51.830008720941734)</t>
  </si>
  <si>
    <t>POINT (4.703538431680655 51.83631081569202)</t>
  </si>
  <si>
    <t>POINT (4.701014288773897 51.83174849120604)</t>
  </si>
  <si>
    <t>POINT (4.688342940221974 51.83634917696444)</t>
  </si>
  <si>
    <t>POINT (4.683083059313842 51.82731697754904)</t>
  </si>
  <si>
    <t>POINT (4.679216086723811 51.82882148226364)</t>
  </si>
  <si>
    <t>POINT (4.681245689094371 51.82615986146476)</t>
  </si>
  <si>
    <t>POINT (4.719910443270085 51.834494604230144)</t>
  </si>
  <si>
    <t>POINT (4.683487900642803 51.82989087747391)</t>
  </si>
  <si>
    <t>POINT (4.694974803749122 51.842134816677046)</t>
  </si>
  <si>
    <t>POINT (4.70653247105938 51.82746453066446)</t>
  </si>
  <si>
    <t>POINT (4.715149502152024 51.83279914951401)</t>
  </si>
  <si>
    <t>POINT (4.704361679473025 51.83473342969619)</t>
  </si>
  <si>
    <t>POINT (4.68132289904304 51.82443576297948)</t>
  </si>
  <si>
    <t>POINT (4.679290626628172 51.834578234457354)</t>
  </si>
  <si>
    <t>POINT (4.695034891073985 51.83090465221242)</t>
  </si>
  <si>
    <t>POINT (4.700390375876885 51.83679483289172)</t>
  </si>
  <si>
    <t>POINT (4.708889490670111 51.82896621507358)</t>
  </si>
  <si>
    <t>POINT (4.703494846542089 51.82923608169687)</t>
  </si>
  <si>
    <t>POINT (4.6874515637065945 51.83657522569785)</t>
  </si>
  <si>
    <t>POINT (4.69436491567107 51.829963472706645)</t>
  </si>
  <si>
    <t>POINT (4.696879691786153 51.83297788530903)</t>
  </si>
  <si>
    <t>POINT (4.687903953879903 51.82803195454966)</t>
  </si>
  <si>
    <t>POINT (4.676028435745059 51.83288679047769)</t>
  </si>
  <si>
    <t>POINT (4.680014271113695 51.822221539295654)</t>
  </si>
  <si>
    <t>POINT (4.704224612784908 51.83523597726211)</t>
  </si>
  <si>
    <t>POINT (4.680159733427777 51.83505121422433)</t>
  </si>
  <si>
    <t>POINT (4.694147454512756 51.83836374660224)</t>
  </si>
  <si>
    <t>POINT (4.687414201167275 51.84181392838381)</t>
  </si>
  <si>
    <t>POINT (4.718776422232807 51.83563941411601)</t>
  </si>
  <si>
    <t>POINT (4.69358573360818 51.83906708816037)</t>
  </si>
  <si>
    <t>POINT (4.678492031160383 51.82266904422629)</t>
  </si>
  <si>
    <t>POINT (4.703111557200732 51.83281842365811)</t>
  </si>
  <si>
    <t>POINT (4.680262297224213 51.831370856083005)</t>
  </si>
  <si>
    <t>POINT (4.6908218723206545 51.82959965353773)</t>
  </si>
  <si>
    <t>POINT (4.6788662048440255 51.83688584545606)</t>
  </si>
  <si>
    <t>POINT (4.686235354770643 51.8344601886095)</t>
  </si>
  <si>
    <t>POINT (4.7147633436724234 51.8336812472448)</t>
  </si>
  <si>
    <t>POINT (4.702285524605895 51.836202929976395)</t>
  </si>
  <si>
    <t>POINT (4.72184705243609 51.8292707452622)</t>
  </si>
  <si>
    <t>POINT (4.677713134738759 51.83620674773755)</t>
  </si>
  <si>
    <t>POINT (4.693811201960314 51.838873420749685)</t>
  </si>
  <si>
    <t>POINT (4.695594543019404 51.83228746343887)</t>
  </si>
  <si>
    <t>POINT (4.709529257787002 51.826832972192086)</t>
  </si>
  <si>
    <t>POINT (4.687064419439943 51.835477175771764)</t>
  </si>
  <si>
    <t>POINT (4.676930220070745 51.83039711810321)</t>
  </si>
  <si>
    <t>POINT (4.67801893839524 51.83136625015273)</t>
  </si>
  <si>
    <t>POINT (4.684407683386903 51.82827528568916)</t>
  </si>
  <si>
    <t>POINT (4.701407654490994 51.82860013111092)</t>
  </si>
  <si>
    <t>POINT (4.691585943693715 51.82584792062154)</t>
  </si>
  <si>
    <t>POINT (4.686386975309557 51.83895514207392)</t>
  </si>
  <si>
    <t>POINT (4.690978988818416 51.83301552184846)</t>
  </si>
  <si>
    <t>POINT (4.697326775337615 51.82920304957843)</t>
  </si>
  <si>
    <t>POINT (4.690271904978732 51.82417546469585)</t>
  </si>
  <si>
    <t>POINT (4.683482223908297 51.82573482527464)</t>
  </si>
  <si>
    <t>POINT (4.67863481708335 51.83247779315203)</t>
  </si>
  <si>
    <t>POINT (4.711289768128742 51.82796865172077)</t>
  </si>
  <si>
    <t>POINT (4.676042194162664 51.83247928355147)</t>
  </si>
  <si>
    <t>POINT (4.735973896486346 51.83282408959097)</t>
  </si>
  <si>
    <t>POINT (4.698198786909486 51.835838176197015)</t>
  </si>
  <si>
    <t>POINT (4.677528242125005 51.8339525813914)</t>
  </si>
  <si>
    <t>POINT (4.725952252974889 51.83420098595416)</t>
  </si>
  <si>
    <t>POINT (4.681381393522358 51.83834413833849)</t>
  </si>
  <si>
    <t>POINT (4.684548364634359 51.82588084204718)</t>
  </si>
  <si>
    <t>POINT (4.7084083755331125 51.838529699723544)</t>
  </si>
  <si>
    <t>POINT (4.68602207678337 51.840752092023465)</t>
  </si>
  <si>
    <t>POINT (4.692428039575382 51.83684834774604)</t>
  </si>
  <si>
    <t>POINT (4.694595396647059 51.830012472613646)</t>
  </si>
  <si>
    <t>POINT (4.69459113377378 51.83931024266948)</t>
  </si>
  <si>
    <t>POINT (4.70816144518777 51.82609856144061)</t>
  </si>
  <si>
    <t>POINT (4.679923867049308 51.83155967339974)</t>
  </si>
  <si>
    <t>POINT (4.692546131382886 51.833130314452745)</t>
  </si>
  <si>
    <t>POINT (4.677175192641322 51.822601301912734)</t>
  </si>
  <si>
    <t>POINT (4.680583131713612 51.83760866786912)</t>
  </si>
  <si>
    <t>POINT (4.697493674703129 51.83981912483376)</t>
  </si>
  <si>
    <t>POINT (4.735226674446609 51.83313396779417)</t>
  </si>
  <si>
    <t>POINT (4.682527540866577 51.83705808886733)</t>
  </si>
  <si>
    <t>POINT (4.694573392164508 51.82729768428556)</t>
  </si>
  <si>
    <t>POINT (4.705539262746368 51.83633740758566)</t>
  </si>
  <si>
    <t>POINT (4.680164271114255 51.83271961426827)</t>
  </si>
  <si>
    <t>POINT (4.6989518863705815 51.836496875859275)</t>
  </si>
  <si>
    <t>POINT (4.676608289481936 51.830607310867414)</t>
  </si>
  <si>
    <t>POINT (4.69387863741533 51.83703821529034)</t>
  </si>
  <si>
    <t>POINT (4.692206953904441 51.83660768086798)</t>
  </si>
  <si>
    <t>POINT (4.696448923989561 51.838596498056006)</t>
  </si>
  <si>
    <t>POINT (4.687677727115271 51.83012771092145)</t>
  </si>
  <si>
    <t>POINT (4.68386434816789 51.834670597232076)</t>
  </si>
  <si>
    <t>POINT (4.6898521413940575 51.82571491076128)</t>
  </si>
  <si>
    <t>POINT (4.697624605567636 51.82827506908581)</t>
  </si>
  <si>
    <t>POINT (4.697760897772578 51.83550615420349)</t>
  </si>
  <si>
    <t>POINT (4.70853025807063 51.836793201381084)</t>
  </si>
  <si>
    <t>3354VM</t>
  </si>
  <si>
    <t>POINT (4.70060272580544 51.8312819298516)</t>
  </si>
  <si>
    <t>POINT (4.678707624151331 51.83216655126721)</t>
  </si>
  <si>
    <t>POINT (4.684107969978557 51.827136292111966)</t>
  </si>
  <si>
    <t>POINT (4.687003330122644 51.8348725413157)</t>
  </si>
  <si>
    <t>POINT (4.701794815605597 51.835144226288655)</t>
  </si>
  <si>
    <t>POINT (4.682065179769433 51.837159661751265)</t>
  </si>
  <si>
    <t>POINT (4.67783500097403 51.83605554015351)</t>
  </si>
  <si>
    <t>POINT (4.676401055852461 51.830994896221995)</t>
  </si>
  <si>
    <t>POINT (4.6833769832904135 51.825467240343)</t>
  </si>
  <si>
    <t>POINT (4.687370057004916 51.82471953065401)</t>
  </si>
  <si>
    <t>POINT (4.681630322498823 51.82387395991656)</t>
  </si>
  <si>
    <t>POINT (4.733598140532683 51.82841147651419)</t>
  </si>
  <si>
    <t>POINT (4.708884629420971 51.828481520261455)</t>
  </si>
  <si>
    <t>POINT (4.682189458674494 51.82523849834875)</t>
  </si>
  <si>
    <t>POINT (4.679475913278732 51.831178533513345)</t>
  </si>
  <si>
    <t>POINT (4.732461604432189 51.83291223622754)</t>
  </si>
  <si>
    <t>POINT (4.692994778529397 51.82507470790613)</t>
  </si>
  <si>
    <t>POINT (4.681461403153098 51.83210740103623)</t>
  </si>
  <si>
    <t>POINT (4.6802167432984705 51.831450320018384)</t>
  </si>
  <si>
    <t>POINT (4.732991658420818 51.83112507497377)</t>
  </si>
  <si>
    <t>POINT (4.6912546594528175 51.83790214599566)</t>
  </si>
  <si>
    <t>POINT (4.704641614249404 51.83343095216118)</t>
  </si>
  <si>
    <t>POINT (4.718169661428773 51.83551622950418)</t>
  </si>
  <si>
    <t>POINT (4.735736126783833 51.832776443086665)</t>
  </si>
  <si>
    <t>POINT (4.690600490201091 51.83209976126457)</t>
  </si>
  <si>
    <t>POINT (4.6919336066796635 51.83753106433839)</t>
  </si>
  <si>
    <t>POINT (4.695696180417182 51.82579584875127)</t>
  </si>
  <si>
    <t>POINT (4.681926391305572 51.82717319918024)</t>
  </si>
  <si>
    <t>POINT (4.688244700255348 51.824380683878)</t>
  </si>
  <si>
    <t>POINT (4.677914604146308 51.82343086845972)</t>
  </si>
  <si>
    <t>POINT (4.707402811466697 51.83369610298304)</t>
  </si>
  <si>
    <t>POINT (4.702173504056492 51.82901836767617)</t>
  </si>
  <si>
    <t>POINT (4.692330956496981 51.82679485549444)</t>
  </si>
  <si>
    <t>POINT (4.683884279497856 51.83934979683573)</t>
  </si>
  <si>
    <t>POINT (4.697794102282349 51.82871234608908)</t>
  </si>
  <si>
    <t>POINT (4.699189321198691 51.83763605672664)</t>
  </si>
  <si>
    <t>POINT (4.690585472968621 51.843863695637666)</t>
  </si>
  <si>
    <t>POINT (4.677759722484067 51.834301319796374)</t>
  </si>
  <si>
    <t>POINT (4.684144096939698 51.82654824641609)</t>
  </si>
  <si>
    <t>POINT (4.692014710381086 51.832334146214954)</t>
  </si>
  <si>
    <t>POINT (4.724987515572871 51.83508493459361)</t>
  </si>
  <si>
    <t>POINT (4.676736051917935 51.831227914554376)</t>
  </si>
  <si>
    <t>POINT (4.69004958996451 51.82328473582753)</t>
  </si>
  <si>
    <t>POINT (4.692323032760053 51.83674018627521)</t>
  </si>
  <si>
    <t>POINT (4.69447131731016 51.8424613340263)</t>
  </si>
  <si>
    <t>POINT (4.67954982423808 51.83664134239585)</t>
  </si>
  <si>
    <t>POINT (4.676863566083303 51.828537520066675)</t>
  </si>
  <si>
    <t>POINT (4.723727036917707 51.834370908562995)</t>
  </si>
  <si>
    <t>POINT (4.6920082107494 51.83307232637852)</t>
  </si>
  <si>
    <t>POINT (4.706522157646091 51.82835577431169)</t>
  </si>
  <si>
    <t>POINT (4.707378163896224 51.83900974419565)</t>
  </si>
  <si>
    <t>POINT (4.687005105788876 51.82947385776551)</t>
  </si>
  <si>
    <t>POINT (4.719307357425587 51.8315618215462)</t>
  </si>
  <si>
    <t>POINT (4.6877934167574145 51.84085079126072)</t>
  </si>
  <si>
    <t>POINT (4.706397463339186 51.828483022269424)</t>
  </si>
  <si>
    <t>POINT (4.69168167418865 51.84356672957009)</t>
  </si>
  <si>
    <t>POINT (4.697616862503641 51.83241107137688)</t>
  </si>
  <si>
    <t>POINT (4.684271522768883 51.82661601097328)</t>
  </si>
  <si>
    <t>POINT (4.708353158124183 51.83825277377155)</t>
  </si>
  <si>
    <t>POINT (4.678963529368555 51.82900538556874)</t>
  </si>
  <si>
    <t>POINT (4.6872067272067754 51.835399580574546)</t>
  </si>
  <si>
    <t>POINT (4.719264826246448 51.83547930234812)</t>
  </si>
  <si>
    <t>POINT (4.682985435757697 51.82733238270448)</t>
  </si>
  <si>
    <t>POINT (4.683791089663618 51.82735187393304)</t>
  </si>
  <si>
    <t>POINT (4.710618735070887 51.828191398081024)</t>
  </si>
  <si>
    <t>POINT (4.691657977993396 51.84361737491904)</t>
  </si>
  <si>
    <t>POINT (4.702924962453279 51.83534457796824)</t>
  </si>
  <si>
    <t>POINT (4.683707902851457 51.827789949504314)</t>
  </si>
  <si>
    <t>POINT (4.686021521036952 51.82401421493133)</t>
  </si>
  <si>
    <t>POINT (4.691157603015878 51.843151989802614)</t>
  </si>
  <si>
    <t>POINT (4.712556103178108 51.83123945378051)</t>
  </si>
  <si>
    <t>POINT (4.700109160633888 51.832155882805694)</t>
  </si>
  <si>
    <t>POINT (4.692102439526389 51.82639495507746)</t>
  </si>
  <si>
    <t>POINT (4.694050374756723 51.82949034153978)</t>
  </si>
  <si>
    <t>POINT (4.680755588082517 51.8231786303055)</t>
  </si>
  <si>
    <t>POINT (4.682662223166582 51.83885978871307)</t>
  </si>
  <si>
    <t>POINT (4.679873072173472 51.830630974907734)</t>
  </si>
  <si>
    <t>POINT (4.697761558620948 51.835846036069555)</t>
  </si>
  <si>
    <t>POINT (4.6836305134846175 51.83700790505602)</t>
  </si>
  <si>
    <t>POINT (4.7019509833529884 51.829306215165225)</t>
  </si>
  <si>
    <t>POINT (4.697859953107734 51.83045806489235)</t>
  </si>
  <si>
    <t>POINT (4.720777671859856 51.834773862896746)</t>
  </si>
  <si>
    <t>POINT (4.678979961642531 51.82990289353075)</t>
  </si>
  <si>
    <t>POINT (4.687978593539955 51.832648632814006)</t>
  </si>
  <si>
    <t>POINT (4.693641398175165 51.8384957313186)</t>
  </si>
  <si>
    <t>POINT (4.699900973514231 51.83784058159805)</t>
  </si>
  <si>
    <t>POINT (4.709040137654521 51.83674327681287)</t>
  </si>
  <si>
    <t>POINT (4.699834558025925 51.83081817821002)</t>
  </si>
  <si>
    <t>POINT (4.689400451142689 51.82776855845253)</t>
  </si>
  <si>
    <t>POINT (4.724031707034775 51.83355867561236)</t>
  </si>
  <si>
    <t>POINT (4.715302566888296 51.83568482281443)</t>
  </si>
  <si>
    <t>POINT (4.681633304343769 51.83536821068646)</t>
  </si>
  <si>
    <t>POINT (4.724730128013421 51.833380509809594)</t>
  </si>
  <si>
    <t>POINT (4.684303049206889 51.83903376557718)</t>
  </si>
  <si>
    <t>POINT (4.715332296081101 51.83236105697413)</t>
  </si>
  <si>
    <t>POINT (4.688710559342748 51.82305187881648)</t>
  </si>
  <si>
    <t>POINT (4.693426121343494 51.823957336226556)</t>
  </si>
  <si>
    <t>POINT (4.685606539266553 51.835365848682784)</t>
  </si>
  <si>
    <t>POINT (4.730915973940509 51.82915970715411)</t>
  </si>
  <si>
    <t>POINT (4.69101101166443 51.83349236114069)</t>
  </si>
  <si>
    <t>POINT (4.688988369350602 51.82533056282464)</t>
  </si>
  <si>
    <t>POINT (4.711351459659902 51.83034280358016)</t>
  </si>
  <si>
    <t>POINT (4.6855741737668986 51.829599972363766)</t>
  </si>
  <si>
    <t>POINT (4.689231935869161 51.8431862740582)</t>
  </si>
  <si>
    <t>POINT (4.727207582512927 51.83334700461444)</t>
  </si>
  <si>
    <t>POINT (4.680734493174287 51.82282539300228)</t>
  </si>
  <si>
    <t>POINT (4.674394746655476 51.83193107803068)</t>
  </si>
  <si>
    <t>POINT (4.696284710470351 51.838162306956576)</t>
  </si>
  <si>
    <t>POINT (4.688752969867044 51.828511870514625)</t>
  </si>
  <si>
    <t>POINT (4.687136212393115 51.825984735453915)</t>
  </si>
  <si>
    <t>POINT (4.682334679107157 51.82730856683618)</t>
  </si>
  <si>
    <t>POINT (4.710708859853682 51.82844501023566)</t>
  </si>
  <si>
    <t>POINT (4.715072924894979 51.8339256139014)</t>
  </si>
  <si>
    <t>POINT (4.68619764848913 51.833130211154476)</t>
  </si>
  <si>
    <t>POINT (4.682176441957544 51.82380242900426)</t>
  </si>
  <si>
    <t>POINT (4.719699663523355 51.83454420956124)</t>
  </si>
  <si>
    <t>POINT (4.677760489032505 51.82293941699922)</t>
  </si>
  <si>
    <t>POINT (4.6905071881563325 51.82802357860087)</t>
  </si>
  <si>
    <t>POINT (4.692265403380238 51.82462068099086)</t>
  </si>
  <si>
    <t>POINT (4.6795188718157075 51.831418663546835)</t>
  </si>
  <si>
    <t>POINT (4.730261193019973 51.8298036647863)</t>
  </si>
  <si>
    <t>POINT (4.6840413156699725 51.83429675916446)</t>
  </si>
  <si>
    <t>POINT (4.714598974319735 51.832161202359934)</t>
  </si>
  <si>
    <t>POINT (4.686002964233951 51.8329238557458)</t>
  </si>
  <si>
    <t>POINT (4.691585635058855 51.83851470519114)</t>
  </si>
  <si>
    <t>POINT (4.687196480082796 51.82300765906913)</t>
  </si>
  <si>
    <t>POINT (4.675430365520424 51.82858958356027)</t>
  </si>
  <si>
    <t>POINT (4.675758874387208 51.83310333856625)</t>
  </si>
  <si>
    <t>POINT (4.6790079089317205 51.83205519618414)</t>
  </si>
  <si>
    <t>POINT (4.68329546710034 51.82883256000436)</t>
  </si>
  <si>
    <t>POINT (4.718495288769767 51.8335582617086)</t>
  </si>
  <si>
    <t>POINT (4.682623355937183 51.82945221389442)</t>
  </si>
  <si>
    <t>POINT (4.679826954642751 51.83275733889724)</t>
  </si>
  <si>
    <t>POINT (4.6769829617781715 51.83133742528698)</t>
  </si>
  <si>
    <t>POINT (4.685609561467145 51.82409450270729)</t>
  </si>
  <si>
    <t>POINT (4.679800841605473 51.82241121714148)</t>
  </si>
  <si>
    <t>POINT (4.685539674821053 51.82891146968347)</t>
  </si>
  <si>
    <t>POINT (4.68191382085819 51.83530360510113)</t>
  </si>
  <si>
    <t>POINT (4.677400724665826 51.83526868295405)</t>
  </si>
  <si>
    <t>POINT (4.679491240200043 51.82610764293472)</t>
  </si>
  <si>
    <t>POINT (4.68324927381315 51.82854855634342)</t>
  </si>
  <si>
    <t>POINT (4.700942251635237 51.82875662677725)</t>
  </si>
  <si>
    <t>POINT (4.692220046224823 51.827387107628034)</t>
  </si>
  <si>
    <t>POINT (4.6965073396228485 51.828957703908436)</t>
  </si>
  <si>
    <t>POINT (4.721570238269932 51.835154910256676)</t>
  </si>
  <si>
    <t>POINT (4.685085971914603 51.83710735900684)</t>
  </si>
  <si>
    <t>POINT (4.675821438411609 51.82829046584979)</t>
  </si>
  <si>
    <t>POINT (4.69510450579693 51.82503637188598)</t>
  </si>
  <si>
    <t>POINT (4.704035987431327 51.83073316040228)</t>
  </si>
  <si>
    <t>POINT (4.695308799128283 51.827789295510165)</t>
  </si>
  <si>
    <t>POINT (4.686214486274448 51.82387350866187)</t>
  </si>
  <si>
    <t>POINT (4.687702663954096 51.82399585076088)</t>
  </si>
  <si>
    <t>POINT (4.692122506425461 51.82656865357747)</t>
  </si>
  <si>
    <t>POINT (4.6787481141255896 51.83291228702314)</t>
  </si>
  <si>
    <t>POINT (4.680704938876844 51.843699894079144)</t>
  </si>
  <si>
    <t>POINT (4.709765081271755 51.838296883934916)</t>
  </si>
  <si>
    <t>POINT (4.697253242151217 51.83867214793343)</t>
  </si>
  <si>
    <t>POINT (4.675906439101824 51.8322367203134)</t>
  </si>
  <si>
    <t>POINT (4.702556767894066 51.82848840483171)</t>
  </si>
  <si>
    <t>POINT (4.686741427282237 51.8291048108941)</t>
  </si>
  <si>
    <t>POINT (4.680721345303564 51.83378022153893)</t>
  </si>
  <si>
    <t>POINT (4.686648531472817 51.82347052324166)</t>
  </si>
  <si>
    <t>POINT (4.706465767664341 51.82820606528523)</t>
  </si>
  <si>
    <t>POINT (4.698502673398933 51.82987870889655)</t>
  </si>
  <si>
    <t>POINT (4.684174808305064 51.83390084504289)</t>
  </si>
  <si>
    <t>POINT (4.689613948687187 51.8323998311229)</t>
  </si>
  <si>
    <t>POINT (4.693275662090364 51.83639728692922)</t>
  </si>
  <si>
    <t>POINT (4.681685919034758 51.837818722241785)</t>
  </si>
  <si>
    <t>POINT (4.6848961565714795 51.82608982423285)</t>
  </si>
  <si>
    <t>POINT (4.694080933968403 51.82978417177352)</t>
  </si>
  <si>
    <t>POINT (4.68039738509744 51.8230340305563)</t>
  </si>
  <si>
    <t>POINT (4.724935310877525 51.834168970703374)</t>
  </si>
  <si>
    <t>POINT (4.727402274667999 51.83366883048356)</t>
  </si>
  <si>
    <t>POINT (4.692341966134048 51.828408453590505)</t>
  </si>
  <si>
    <t>POINT (4.679046364021684 51.83073085207152)</t>
  </si>
  <si>
    <t>POINT (4.691440189217106 51.825797924817195)</t>
  </si>
  <si>
    <t>POINT (4.709556121776468 51.83784151920882)</t>
  </si>
  <si>
    <t>POINT (4.6993922593349335 51.833736236016264)</t>
  </si>
  <si>
    <t>POINT (4.712513635520768 51.82922131808702)</t>
  </si>
  <si>
    <t>POINT (4.723032231976082 51.83323744407067)</t>
  </si>
  <si>
    <t>POINT (4.694475237173994 51.824835655704035)</t>
  </si>
  <si>
    <t>POINT (4.691611926155502 51.82641265126095)</t>
  </si>
  <si>
    <t>POINT (4.704135171731906 51.82874944384372)</t>
  </si>
  <si>
    <t>POINT (4.681962566076536 51.83824513354772)</t>
  </si>
  <si>
    <t>POINT (4.685566932712887 51.825778954450946)</t>
  </si>
  <si>
    <t>POINT (4.718342636774258 51.83552818125586)</t>
  </si>
  <si>
    <t>POINT (4.694901159959049 51.83285170957346)</t>
  </si>
  <si>
    <t>POINT (4.682547218259335 51.82546489554469)</t>
  </si>
  <si>
    <t>POINT (4.725471480695025 51.83397641111922)</t>
  </si>
  <si>
    <t>POINT (4.686286610080821 51.83663639201034)</t>
  </si>
  <si>
    <t>POINT (4.716127735120818 51.83371035771827)</t>
  </si>
  <si>
    <t>POINT (4.7005164029636886 51.83637143289318)</t>
  </si>
  <si>
    <t>3351EX</t>
  </si>
  <si>
    <t>van Maerlantstraat</t>
  </si>
  <si>
    <t>POINT (4.675851868365117 51.82904533759216)</t>
  </si>
  <si>
    <t>POINT (4.69710496667943 51.83541888573087)</t>
  </si>
  <si>
    <t>POINT (4.683407936871778 51.824292303642636)</t>
  </si>
  <si>
    <t>POINT (4.691442747329429 51.833513724990425)</t>
  </si>
  <si>
    <t>POINT (4.697438148663325 51.82651594003025)</t>
  </si>
  <si>
    <t>POINT (4.733756909712265 51.83130745540614)</t>
  </si>
  <si>
    <t>POINT (4.728807571407343 51.83397898922778)</t>
  </si>
  <si>
    <t>POINT (4.690901114901823 51.82783149170485)</t>
  </si>
  <si>
    <t>POINT (4.699271676964685 51.83527100277359)</t>
  </si>
  <si>
    <t>POINT (4.6809171029767445 51.82554280926616)</t>
  </si>
  <si>
    <t>POINT (4.678454107759405 51.83496413013375)</t>
  </si>
  <si>
    <t>POINT (4.70547722126563 51.839372288214506)</t>
  </si>
  <si>
    <t>POINT (4.694361664215872 51.839423547609705)</t>
  </si>
  <si>
    <t>POINT (4.690896389393001 51.83103846658473)</t>
  </si>
  <si>
    <t>POINT (4.697398419789882 51.82441071114652)</t>
  </si>
  <si>
    <t>POINT (4.699528940362482 51.82954892819829)</t>
  </si>
  <si>
    <t>POINT (4.680449307454483 51.843507805532866)</t>
  </si>
  <si>
    <t>POINT (4.717911330659783 51.83215484028438)</t>
  </si>
  <si>
    <t>POINT (4.696706947948427 51.83501478957586)</t>
  </si>
  <si>
    <t>POINT (4.682415511264056 51.83170891394995)</t>
  </si>
  <si>
    <t>POINT (4.706489222495313 51.83859932357924)</t>
  </si>
  <si>
    <t>POINT (4.6816408531694025 51.838474550079574)</t>
  </si>
  <si>
    <t>POINT (4.689018719276934 51.82993257823627)</t>
  </si>
  <si>
    <t>POINT (4.696495058629065 51.82575240931569)</t>
  </si>
  <si>
    <t>POINT (4.701368253927552 51.83560232117068)</t>
  </si>
  <si>
    <t>POINT (4.677198647448884 51.8309932782692)</t>
  </si>
  <si>
    <t>POINT (4.690698171497881 51.83173665162129)</t>
  </si>
  <si>
    <t>POINT (4.693275547985318 51.84312421271603)</t>
  </si>
  <si>
    <t>POINT (4.702196662169609 51.837183456764315)</t>
  </si>
  <si>
    <t>POINT (4.6841926894784365 51.824222679371566)</t>
  </si>
  <si>
    <t>POINT (4.6874235941354545 51.82815682944373)</t>
  </si>
  <si>
    <t>POINT (4.703307091949027 51.834808215372604)</t>
  </si>
  <si>
    <t>POINT (4.678408450501483 51.833456908122415)</t>
  </si>
  <si>
    <t>POINT (4.703465919462265 51.83631806068783)</t>
  </si>
  <si>
    <t>POINT (4.71896760491231 51.83279489665548)</t>
  </si>
  <si>
    <t>POINT (4.687215192837221 51.83813265249176)</t>
  </si>
  <si>
    <t>POINT (4.695794906978311 51.83653994237647)</t>
  </si>
  <si>
    <t>POINT (4.699812906600296 51.84094787299502)</t>
  </si>
  <si>
    <t>POINT (4.7140885927708895 51.83416289137917)</t>
  </si>
  <si>
    <t>POINT (4.677727267491628 51.83214418101475)</t>
  </si>
  <si>
    <t>POINT (4.7269811207481665 51.833016199882636)</t>
  </si>
  <si>
    <t>POINT (4.707831341550636 51.826079384152855)</t>
  </si>
  <si>
    <t>POINT (4.704323100210604 51.83959743328851)</t>
  </si>
  <si>
    <t>POINT (4.698656122099968 51.83285878313196)</t>
  </si>
  <si>
    <t>POINT (4.6909388142871515 51.8290457841022)</t>
  </si>
  <si>
    <t>POINT (4.681686208322262 51.836433556703106)</t>
  </si>
  <si>
    <t>POINT (4.691766418828351 51.84169741781908)</t>
  </si>
  <si>
    <t>POINT (4.701251146377892 51.82804112141099)</t>
  </si>
  <si>
    <t>POINT (4.694044840755304 51.82954548111699)</t>
  </si>
  <si>
    <t>POINT (4.708135217302369 51.83845391902571)</t>
  </si>
  <si>
    <t>POINT (4.7303378162313825 51.833457557463404)</t>
  </si>
  <si>
    <t>POINT (4.728128706360661 51.83171271169974)</t>
  </si>
  <si>
    <t>POINT (4.682331325623294 51.82875280678975)</t>
  </si>
  <si>
    <t>POINT (4.706430496953966 51.83899320583413)</t>
  </si>
  <si>
    <t>POINT (4.680092511054309 51.83574284491413)</t>
  </si>
  <si>
    <t>POINT (4.694287278146872 51.8374672462086)</t>
  </si>
  <si>
    <t>POINT (4.6816686563794185 51.82901879968491)</t>
  </si>
  <si>
    <t>POINT (4.68708018222905 51.83618923268174)</t>
  </si>
  <si>
    <t>POINT (4.689708746234077 51.82473933902182)</t>
  </si>
  <si>
    <t>POINT (4.705899218125686 51.83834057945591)</t>
  </si>
  <si>
    <t>POINT (4.70329218179961 51.83507552209361)</t>
  </si>
  <si>
    <t>POINT (4.736151419675672 51.83293959801361)</t>
  </si>
  <si>
    <t>POINT (4.692286439472029 51.842632680247384)</t>
  </si>
  <si>
    <t>POINT (4.715288421396401 51.83561470257767)</t>
  </si>
  <si>
    <t>POINT (4.675610621048365 51.831198338361446)</t>
  </si>
  <si>
    <t>POINT (4.698277624180937 51.83246142227232)</t>
  </si>
  <si>
    <t>POINT (4.68544070751855 51.83734109920178)</t>
  </si>
  <si>
    <t>POINT (4.691587571839824 51.831691481146585)</t>
  </si>
  <si>
    <t>POINT (4.728454601204057 51.83249951600273)</t>
  </si>
  <si>
    <t>POINT (4.6787590116557665 51.83024627494812)</t>
  </si>
  <si>
    <t>POINT (4.705451085144114 51.83932932366196)</t>
  </si>
  <si>
    <t>POINT (4.701918239705519 51.82935301657685)</t>
  </si>
  <si>
    <t>POINT (4.70154516313119 51.83662738354461)</t>
  </si>
  <si>
    <t>POINT (4.696489991382146 51.83529415624871)</t>
  </si>
  <si>
    <t>POINT (4.688432808755297 51.837793834790624)</t>
  </si>
  <si>
    <t>3354XX</t>
  </si>
  <si>
    <t>Zalmsteeg</t>
  </si>
  <si>
    <t>POINT (4.703790200501469 51.82536358448582)</t>
  </si>
  <si>
    <t>POINT (4.706930444459658 51.82921559333635)</t>
  </si>
  <si>
    <t>POINT (4.706266690715118 51.82769429355632)</t>
  </si>
  <si>
    <t>POINT (4.708318978726153 51.82753848020988)</t>
  </si>
  <si>
    <t>POINT (4.697088392415454 51.82856555855825)</t>
  </si>
  <si>
    <t>POINT (4.702537564173855 51.83722577733734)</t>
  </si>
  <si>
    <t>POINT (4.6795839237458505 51.838464830740016)</t>
  </si>
  <si>
    <t>POINT (4.676925839289416 51.82283117925216)</t>
  </si>
  <si>
    <t>POINT (4.68205037963077 51.82842660222836)</t>
  </si>
  <si>
    <t>POINT (4.708958083388014 51.82867587431566)</t>
  </si>
  <si>
    <t>POINT (4.690356078829887 51.82341941705683)</t>
  </si>
  <si>
    <t>POINT (4.692725172144556 51.83874576282882)</t>
  </si>
  <si>
    <t>POINT (4.693644184346628 51.83652673468437)</t>
  </si>
  <si>
    <t>POINT (4.693819955224348 51.82994763489136)</t>
  </si>
  <si>
    <t>POINT (4.720594390381807 51.83613141468445)</t>
  </si>
  <si>
    <t>POINT (4.691666461780012 51.83366744401235)</t>
  </si>
  <si>
    <t>POINT (4.691148280705205 51.831330104705906)</t>
  </si>
  <si>
    <t>POINT (4.692745500425354 51.83881734267234)</t>
  </si>
  <si>
    <t>POINT (4.699167637927729 51.838404106433664)</t>
  </si>
  <si>
    <t>POINT (4.724288296366516 51.8338373874621)</t>
  </si>
  <si>
    <t>POINT (4.6888197366796085 51.841296103218724)</t>
  </si>
  <si>
    <t>POINT (4.6993026011476955 51.83197302247006)</t>
  </si>
  <si>
    <t>POINT (4.697546120436141 51.834604528715815)</t>
  </si>
  <si>
    <t>POINT (4.697214668596324 51.83277374537388)</t>
  </si>
  <si>
    <t>POINT (4.690152093536453 51.843253834020565)</t>
  </si>
  <si>
    <t>POINT (4.6845867407580695 51.82927840286991)</t>
  </si>
  <si>
    <t>POINT (4.700006781998051 51.83110908787743)</t>
  </si>
  <si>
    <t>POINT (4.682531382246032 51.82899467898043)</t>
  </si>
  <si>
    <t>POINT (4.7066810137616635 51.8262102196576)</t>
  </si>
  <si>
    <t>POINT (4.69981428804417 51.83579228561069)</t>
  </si>
  <si>
    <t>POINT (4.692080322419796 51.8237264103931)</t>
  </si>
  <si>
    <t>POINT (4.708112866303301 51.835914837862106)</t>
  </si>
  <si>
    <t>POINT (4.704604534365965 51.83712550082764)</t>
  </si>
  <si>
    <t>POINT (4.695702983583454 51.824559231657126)</t>
  </si>
  <si>
    <t>POINT (4.688354500308752 51.83827077292401)</t>
  </si>
  <si>
    <t>POINT (4.687930294534965 51.823006990611454)</t>
  </si>
  <si>
    <t>POINT (4.6867245184910935 51.823125614845495)</t>
  </si>
  <si>
    <t>POINT (4.701535096644996 51.83335982464861)</t>
  </si>
  <si>
    <t>POINT (4.680991990469279 51.83799570699811)</t>
  </si>
  <si>
    <t>POINT (4.720247662504566 51.83469427898614)</t>
  </si>
  <si>
    <t>POINT (4.686141824655417 51.8239996348721)</t>
  </si>
  <si>
    <t>POINT (4.693900542183545 51.832892545123876)</t>
  </si>
  <si>
    <t>POINT (4.714430853653504 51.832827832586844)</t>
  </si>
  <si>
    <t>POINT (4.70567358696933 51.8383980464253)</t>
  </si>
  <si>
    <t>POINT (4.69496763268167 51.833535741008944)</t>
  </si>
  <si>
    <t>POINT (4.715507340772152 51.83126686755651)</t>
  </si>
  <si>
    <t>POINT (4.702437821787742 51.83492709225191)</t>
  </si>
  <si>
    <t>POINT (4.695609531355342 51.825808407725674)</t>
  </si>
  <si>
    <t>POINT (4.7109253886505895 51.82924361182114)</t>
  </si>
  <si>
    <t>POINT (4.693333418047158 51.83020210463338)</t>
  </si>
  <si>
    <t>POINT (4.686321177142032 51.83911982552834)</t>
  </si>
  <si>
    <t>POINT (4.718427897442188 51.83484459770115)</t>
  </si>
  <si>
    <t>POINT (4.677079207673883 51.83723092801216)</t>
  </si>
  <si>
    <t>POINT (4.689533292707181 51.838872966234746)</t>
  </si>
  <si>
    <t>POINT (4.6868505513526095 51.839320132360086)</t>
  </si>
  <si>
    <t>POINT (4.684385413802693 51.826224302500655)</t>
  </si>
  <si>
    <t>POINT (4.689703521779161 51.8234413204293)</t>
  </si>
  <si>
    <t>POINT (4.7314340379641155 51.82611704579111)</t>
  </si>
  <si>
    <t>POINT (4.698484878954832 51.834546517285645)</t>
  </si>
  <si>
    <t>POINT (4.690349155027139 51.842382882380775)</t>
  </si>
  <si>
    <t>POINT (4.7261326564794635 51.83480707899631)</t>
  </si>
  <si>
    <t>POINT (4.683622700924382 51.83510638361562)</t>
  </si>
  <si>
    <t>POINT (4.716087466961165 51.83227010632911)</t>
  </si>
  <si>
    <t>POINT (4.6954250789050915 51.83212169426956)</t>
  </si>
  <si>
    <t>POINT (4.696224299079113 51.835919558554096)</t>
  </si>
  <si>
    <t>POINT (4.732814455884131 51.83118933556999)</t>
  </si>
  <si>
    <t>POINT (4.734344925427802 51.831479748801975)</t>
  </si>
  <si>
    <t>POINT (4.709360190705719 51.82857543005482)</t>
  </si>
  <si>
    <t>POINT (4.677678890676669 51.82289376473835)</t>
  </si>
  <si>
    <t>POINT (4.69025288993019 51.8322357635091)</t>
  </si>
  <si>
    <t>POINT (4.699546960248015 51.83191031129755)</t>
  </si>
  <si>
    <t>POINT (4.69558004204651 51.83371994126717)</t>
  </si>
  <si>
    <t>POINT (4.6809628659172695 51.83744607426259)</t>
  </si>
  <si>
    <t>POINT (4.6804274997432 51.8275654728052)</t>
  </si>
  <si>
    <t>POINT (4.694937074274046 51.83084741104192)</t>
  </si>
  <si>
    <t>POINT (4.6985851937575855 51.832601310241444)</t>
  </si>
  <si>
    <t>POINT (4.6877437654372685 51.83298674371747)</t>
  </si>
  <si>
    <t>POINT (4.688535167815201 51.83592027789183)</t>
  </si>
  <si>
    <t>POINT (4.694964614053152 51.82674559983016)</t>
  </si>
  <si>
    <t>POINT (4.693973736653948 51.82965889332514)</t>
  </si>
  <si>
    <t>POINT (4.684021271141861 51.826971298474824)</t>
  </si>
  <si>
    <t>POINT (4.69808739002312 51.83424408130089)</t>
  </si>
  <si>
    <t>POINT (4.6998163530124195 51.83924701236625)</t>
  </si>
  <si>
    <t>POINT (4.689042789427899 51.82946236378338)</t>
  </si>
  <si>
    <t>POINT (4.720328292136147 51.83483128302092)</t>
  </si>
  <si>
    <t>POINT (4.6981135196814705 51.839335626182084)</t>
  </si>
  <si>
    <t>POINT (4.684087563625791 51.828032338038646)</t>
  </si>
  <si>
    <t>POINT (4.681352886873054 51.836554481707644)</t>
  </si>
  <si>
    <t>POINT (4.6868284980244255 51.84513562600703)</t>
  </si>
  <si>
    <t>POINT (4.684460873840738 51.82663000752266)</t>
  </si>
  <si>
    <t>POINT (4.678292811354521 51.823240319723574)</t>
  </si>
  <si>
    <t>POINT (4.693202306975558 51.836237772523134)</t>
  </si>
  <si>
    <t>POINT (4.685224189314912 51.837107520400146)</t>
  </si>
  <si>
    <t>POINT (4.697240289040845 51.826163968594514)</t>
  </si>
  <si>
    <t>POINT (4.687390147756862 51.84481847650916)</t>
  </si>
  <si>
    <t>POINT (4.69573807145226 51.826527815735986)</t>
  </si>
  <si>
    <t>POINT (4.725628980061177 51.83317055329964)</t>
  </si>
  <si>
    <t>POINT (4.729899609153857 51.83281051386466)</t>
  </si>
  <si>
    <t>POINT (4.699682603957389 51.8307754102989)</t>
  </si>
  <si>
    <t>POINT (4.697487117891692 51.833517978106336)</t>
  </si>
  <si>
    <t>POINT (4.716012535399608 51.83226503081002)</t>
  </si>
  <si>
    <t>POINT (4.702553251358114 51.83276561451637)</t>
  </si>
  <si>
    <t>POINT (4.689216216517494 51.8308349897805)</t>
  </si>
  <si>
    <t>POINT (4.682969561429175 51.845432880444015)</t>
  </si>
  <si>
    <t>POINT (4.688250946151129 51.83636345154645)</t>
  </si>
  <si>
    <t>POINT (4.703966816543402 51.82783284618193)</t>
  </si>
  <si>
    <t>POINT (4.675162517185281 51.83094215013725)</t>
  </si>
  <si>
    <t>POINT (4.686830967413779 51.823143679078086)</t>
  </si>
  <si>
    <t>POINT (4.678854407113956 51.8354739371689)</t>
  </si>
  <si>
    <t>POINT (4.686594934255896 51.83342598107932)</t>
  </si>
  <si>
    <t>POINT (4.694063109629039 51.829515971434205)</t>
  </si>
  <si>
    <t>POINT (4.723781563677929 51.83362182742804)</t>
  </si>
  <si>
    <t>POINT (4.710605154367131 51.83140427633919)</t>
  </si>
  <si>
    <t>POINT (4.683233058208662 51.82526827636174)</t>
  </si>
  <si>
    <t>POINT (4.72047957772955 51.83385955664568)</t>
  </si>
  <si>
    <t>POINT (4.681658956656939 51.83989246355336)</t>
  </si>
  <si>
    <t>POINT (4.688258638265709 51.829125854596626)</t>
  </si>
  <si>
    <t>POINT (4.697741290307701 51.8344085365175)</t>
  </si>
  <si>
    <t>POINT (4.677879510477858 51.822382318215695)</t>
  </si>
  <si>
    <t>POINT (4.7246456574188915 51.83339742605141)</t>
  </si>
  <si>
    <t>POINT (4.703972454581502 51.83475018499285)</t>
  </si>
  <si>
    <t>POINT (4.6777890101393735 51.823390739100745)</t>
  </si>
  <si>
    <t>POINT (4.677988864546142 51.8298885682124)</t>
  </si>
  <si>
    <t>POINT (4.678922952895013 51.83804595625291)</t>
  </si>
  <si>
    <t>POINT (4.674453136368249 51.83196627258457)</t>
  </si>
  <si>
    <t>POINT (4.699985975375817 51.83945182237547)</t>
  </si>
  <si>
    <t>POINT (4.694004795865741 51.82659011276314)</t>
  </si>
  <si>
    <t>POINT (4.694429835822393 51.82698527288634)</t>
  </si>
  <si>
    <t>POINT (4.695621206840459 51.83814726334699)</t>
  </si>
  <si>
    <t>POINT (4.679028164025736 51.830057429564036)</t>
  </si>
  <si>
    <t>POINT (4.678368475569538 51.83240669396063)</t>
  </si>
  <si>
    <t>POINT (4.729268221736947 51.832918831102255)</t>
  </si>
  <si>
    <t>POINT (4.698126078185371 51.82560539566477)</t>
  </si>
  <si>
    <t>POINT (4.710983080690252 51.829007920893595)</t>
  </si>
  <si>
    <t>POINT (4.7079273019710355 51.83421843866023)</t>
  </si>
  <si>
    <t>POINT (4.715871307541036 51.83495110910743)</t>
  </si>
  <si>
    <t>POINT (4.687788186154913 51.83588916963632)</t>
  </si>
  <si>
    <t>POINT (4.6774054780958005 51.82256060988683)</t>
  </si>
  <si>
    <t>POINT (4.693432823586262 51.83643533884257)</t>
  </si>
  <si>
    <t>POINT (4.7340400882021285 51.82974802538194)</t>
  </si>
  <si>
    <t>POINT (4.676788274188719 51.83119977254664)</t>
  </si>
  <si>
    <t>POINT (4.686540619263867 51.83527954555588)</t>
  </si>
  <si>
    <t>POINT (4.705035133490269 51.83607178683893)</t>
  </si>
  <si>
    <t>POINT (4.684438869474682 51.825807531274016)</t>
  </si>
  <si>
    <t>POINT (4.675668189022756 51.8330082553121)</t>
  </si>
  <si>
    <t>POINT (4.691795874198715 51.84094368025121)</t>
  </si>
  <si>
    <t>POINT (4.697202841270413 51.83929219264764)</t>
  </si>
  <si>
    <t>POINT (4.6918872512958085 51.83072574665516)</t>
  </si>
  <si>
    <t>POINT (4.695717702663101 51.84224797473125)</t>
  </si>
  <si>
    <t>POINT (4.67635524492901 51.8318471203456)</t>
  </si>
  <si>
    <t>POINT (4.693981044636424 51.82401671308899)</t>
  </si>
  <si>
    <t>3351GT</t>
  </si>
  <si>
    <t>POINT (4.681076969355527 51.82938531346803)</t>
  </si>
  <si>
    <t>POINT (4.688409908566721 51.829073209877905)</t>
  </si>
  <si>
    <t>POINT (4.712164968960841 51.8304552131578)</t>
  </si>
  <si>
    <t>POINT (4.67775070955808 51.83700961569871)</t>
  </si>
  <si>
    <t>POINT (4.734185676227663 51.829949766649015)</t>
  </si>
  <si>
    <t>POINT (4.695766896509297 51.82436061763238)</t>
  </si>
  <si>
    <t>POINT (4.70622263316901 51.83757076500855)</t>
  </si>
  <si>
    <t>POINT (4.688171873651973 51.82769758183532)</t>
  </si>
  <si>
    <t>POINT (4.709830982383378 51.83838495711201)</t>
  </si>
  <si>
    <t>POINT (4.694648481412659 51.824143599783554)</t>
  </si>
  <si>
    <t>POINT (4.684921187170531 51.83554151451856)</t>
  </si>
  <si>
    <t>POINT (4.724118862719792 51.83529564113933)</t>
  </si>
  <si>
    <t>POINT (4.6983340365064565 51.83801552967163)</t>
  </si>
  <si>
    <t>POINT (4.706576571392509 51.827416490479955)</t>
  </si>
  <si>
    <t>POINT (4.68141345122059 51.83207051097604)</t>
  </si>
  <si>
    <t>POINT (4.708013611140566 51.838875258060604)</t>
  </si>
  <si>
    <t>POINT (4.706865714206284 51.83453127938177)</t>
  </si>
  <si>
    <t>POINT (4.678226999392953 51.834220809061684)</t>
  </si>
  <si>
    <t>POINT (4.697213605904405 51.82989557893156)</t>
  </si>
  <si>
    <t>POINT (4.697976549120843 51.83059570034964)</t>
  </si>
  <si>
    <t>POINT (4.685556185206601 51.825394041220655)</t>
  </si>
  <si>
    <t>POINT (4.688852213490581 51.826988679192986)</t>
  </si>
  <si>
    <t>POINT (4.722289345856381 51.83426158962141)</t>
  </si>
  <si>
    <t>POINT (4.69357719178561 51.833060439267456)</t>
  </si>
  <si>
    <t>POINT (4.680669461543189 51.82433398993903)</t>
  </si>
  <si>
    <t>POINT (4.697824686025039 51.83448542962378)</t>
  </si>
  <si>
    <t>POINT (4.731528218817847 51.833122025088194)</t>
  </si>
  <si>
    <t>POINT (4.710378644678686 51.829706089345954)</t>
  </si>
  <si>
    <t>POINT (4.726572883859041 51.833202241513874)</t>
  </si>
  <si>
    <t>POINT (4.6806847633143285 51.83024226822075)</t>
  </si>
  <si>
    <t>POINT (4.684482230301663 51.834418292084216)</t>
  </si>
  <si>
    <t>POINT (4.677334081617503 51.823140063407045)</t>
  </si>
  <si>
    <t>POINT (4.686135841821038 51.84083605108529)</t>
  </si>
  <si>
    <t>POINT (4.677794990215878 51.83434299754857)</t>
  </si>
  <si>
    <t>POINT (4.700563533677183 51.84042688057318)</t>
  </si>
  <si>
    <t>POINT (4.695969939936435 51.83728395508482)</t>
  </si>
  <si>
    <t>POINT (4.692256983097041 51.82842453453045)</t>
  </si>
  <si>
    <t>POINT (4.734315608041427 51.83017381126383)</t>
  </si>
  <si>
    <t>POINT (4.723388059220141 51.83440789498024)</t>
  </si>
  <si>
    <t>POINT (4.735829157796848 51.83278219967774)</t>
  </si>
  <si>
    <t>POINT (4.68044199412949 51.83196456856739)</t>
  </si>
  <si>
    <t>POINT (4.682389240785209 51.82975715048509)</t>
  </si>
  <si>
    <t>POINT (4.720011153636644 51.8345139089084)</t>
  </si>
  <si>
    <t>POINT (4.679725060057059 51.83103231593233)</t>
  </si>
  <si>
    <t>POINT (4.685158453440266 51.82551087945352)</t>
  </si>
  <si>
    <t>POINT (4.69993520593272 51.83788221056784)</t>
  </si>
  <si>
    <t>POINT (4.68409774417393 51.83180194011846)</t>
  </si>
  <si>
    <t>POINT (4.691362605465892 51.82581798598098)</t>
  </si>
  <si>
    <t>POINT (4.693805101910301 51.82993145749292)</t>
  </si>
  <si>
    <t>POINT (4.7077114193215275 51.836080485299284)</t>
  </si>
  <si>
    <t>POINT (4.703121243847887 51.83528332287141)</t>
  </si>
  <si>
    <t>POINT (4.691091112455058 51.82641226032679)</t>
  </si>
  <si>
    <t>POINT (4.722674148825951 51.83489014868537)</t>
  </si>
  <si>
    <t>POINT (4.689689687827158 51.82576177407271)</t>
  </si>
  <si>
    <t>POINT (4.676891121325835 51.82280033580079)</t>
  </si>
  <si>
    <t>POINT (4.689792696293674 51.82977007135446)</t>
  </si>
  <si>
    <t>POINT (4.688248528504326 51.824280681004225)</t>
  </si>
  <si>
    <t>POINT (4.680848521802981 51.8323063278282)</t>
  </si>
  <si>
    <t>POINT (4.696835459164168 51.83602959751047)</t>
  </si>
  <si>
    <t>POINT (4.696876102785736 51.83873393892983)</t>
  </si>
  <si>
    <t>POINT (4.683179695334511 51.829995481920506)</t>
  </si>
  <si>
    <t>POINT (4.697149315256543 51.83360414441288)</t>
  </si>
  <si>
    <t>POINT (4.706817070098156 51.82919161974866)</t>
  </si>
  <si>
    <t>POINT (4.687196650315274 51.822913575885295)</t>
  </si>
  <si>
    <t>POINT (4.693880935738652 51.84262236793188)</t>
  </si>
  <si>
    <t>POINT (4.692364036609913 51.83970186768438)</t>
  </si>
  <si>
    <t>POINT (4.722263819267347 51.82945822733741)</t>
  </si>
  <si>
    <t>POINT (4.687414930432863 51.82495450077876)</t>
  </si>
  <si>
    <t>POINT (4.679813551153184 51.83065937092106)</t>
  </si>
  <si>
    <t>POINT (4.688231260174281 51.82403418135747)</t>
  </si>
  <si>
    <t>POINT (4.683679229435504 51.83446887950691)</t>
  </si>
  <si>
    <t>POINT (4.7042927293595165 51.83375628879775)</t>
  </si>
  <si>
    <t>POINT (4.684301385720051 51.83719107626028)</t>
  </si>
  <si>
    <t>POINT (4.70937594145862 51.82862969545631)</t>
  </si>
  <si>
    <t>POINT (4.699404121995296 51.84079744532071)</t>
  </si>
  <si>
    <t>POINT (4.693492792095968 51.836510685359734)</t>
  </si>
  <si>
    <t>POINT (4.684196516005628 51.83423822883197)</t>
  </si>
  <si>
    <t>POINT (4.698543535900166 51.83294809889618)</t>
  </si>
  <si>
    <t>POINT (4.683424020194964 51.82719543743293)</t>
  </si>
  <si>
    <t>POINT (4.692076570763846 51.82703569205092)</t>
  </si>
  <si>
    <t>POINT (4.693875185102943 51.83139027767509)</t>
  </si>
  <si>
    <t>POINT (4.71819225820533 51.83362892945003)</t>
  </si>
  <si>
    <t>POINT (4.678285329715834 51.83414580951386)</t>
  </si>
  <si>
    <t>POINT (4.688723482415386 51.827501623232514)</t>
  </si>
  <si>
    <t>POINT (4.7334379393595265 51.828207585685355)</t>
  </si>
  <si>
    <t>POINT (4.686848055709773 51.836275379439094)</t>
  </si>
  <si>
    <t>POINT (4.67872143908325 51.83073150713184)</t>
  </si>
  <si>
    <t>POINT (4.6750990015739236 51.83262310091369)</t>
  </si>
  <si>
    <t>POINT (4.693836003859431 51.829963441825605)</t>
  </si>
  <si>
    <t>POINT (4.720874481216537 51.82828045370773)</t>
  </si>
  <si>
    <t>POINT (4.6917191672611605 51.824230187867364)</t>
  </si>
  <si>
    <t>POINT (4.718979774692284 51.83506868938431)</t>
  </si>
  <si>
    <t>POINT (4.691384106419093 51.829028245033115)</t>
  </si>
  <si>
    <t>POINT (4.6800578225801175 51.828354274509486)</t>
  </si>
  <si>
    <t>POINT (4.710744053862128 51.82860542630747)</t>
  </si>
  <si>
    <t>POINT (4.682301917350295 51.845507021203986)</t>
  </si>
  <si>
    <t>POINT (4.703194344919684 51.82790275525357)</t>
  </si>
  <si>
    <t>POINT (4.694644719280066 51.82608289497293)</t>
  </si>
  <si>
    <t>POINT (4.68341667919226 51.825552223361214)</t>
  </si>
  <si>
    <t>POINT (4.694167177019644 51.832261499504625)</t>
  </si>
  <si>
    <t>POINT (4.675038830740383 51.832977733612)</t>
  </si>
  <si>
    <t>POINT (4.7362623624762525 51.8329769316733)</t>
  </si>
  <si>
    <t>POINT (4.727514024688675 51.832723102056555)</t>
  </si>
  <si>
    <t>POINT (4.683703874034445 51.83062585219777)</t>
  </si>
  <si>
    <t>POINT (4.693437829102176 51.84233293245576)</t>
  </si>
  <si>
    <t>POINT (4.730156098802288 51.828829772059166)</t>
  </si>
  <si>
    <t>POINT (4.680668218369144 51.8317999100971)</t>
  </si>
  <si>
    <t>POINT (4.684592511563962 51.8284253699852)</t>
  </si>
  <si>
    <t>POINT (4.735882821936983 51.83268196892171)</t>
  </si>
  <si>
    <t>POINT (4.690172847618372 51.82920452588258)</t>
  </si>
  <si>
    <t>POINT (4.712989280954447 51.82933389194482)</t>
  </si>
  <si>
    <t>POINT (4.697497786262349 51.832429553561965)</t>
  </si>
  <si>
    <t>POINT (4.7141326382833615 51.831783470399245)</t>
  </si>
  <si>
    <t>POINT (4.7290050298803985 51.8317842789769)</t>
  </si>
  <si>
    <t>POINT (4.700593378120743 51.82434198473718)</t>
  </si>
  <si>
    <t>POINT (4.727948050801617 51.83299308615987)</t>
  </si>
  <si>
    <t>POINT (4.673495928115239 51.83272326964036)</t>
  </si>
  <si>
    <t>POINT (4.700121517970767 51.83951365742515)</t>
  </si>
  <si>
    <t>POINT (4.678348221371489 51.828489021693564)</t>
  </si>
  <si>
    <t>POINT (4.686503959774215 51.83433412654946)</t>
  </si>
  <si>
    <t>POINT (4.707328886123287 51.83867421940319)</t>
  </si>
  <si>
    <t>POINT (4.679944630761961 51.841827451335796)</t>
  </si>
  <si>
    <t>POINT (4.684327823260107 51.82834315718571)</t>
  </si>
  <si>
    <t>POINT (4.685329259793038 51.83383985288943)</t>
  </si>
  <si>
    <t>POINT (4.681514985623505 51.82953735686442)</t>
  </si>
  <si>
    <t>POINT (4.683136333033349 51.83886538349034)</t>
  </si>
  <si>
    <t>POINT (4.704197862346313 51.82731329961448)</t>
  </si>
  <si>
    <t>POINT (4.731110208012556 51.83292236280183)</t>
  </si>
  <si>
    <t>POINT (4.679700078711656 51.82733524170315)</t>
  </si>
  <si>
    <t>POINT (4.675030465342773 51.830843139054465)</t>
  </si>
  <si>
    <t>POINT (4.7068418871592685 51.82924766386414)</t>
  </si>
  <si>
    <t>POINT (4.72376357434445 51.83428193907209)</t>
  </si>
  <si>
    <t>POINT (4.6852704135722165 51.83730427039757)</t>
  </si>
  <si>
    <t>POINT (4.6821736570209165 51.836394571089365)</t>
  </si>
  <si>
    <t>POINT (4.703944269724205 51.83335766507104)</t>
  </si>
  <si>
    <t>POINT (4.703205423632183 51.831316135099534)</t>
  </si>
  <si>
    <t>POINT (4.692113833275173 51.833186999634655)</t>
  </si>
  <si>
    <t>POINT (4.682089075741642 51.8293765482429)</t>
  </si>
  <si>
    <t>POINT (4.727510335908211 51.828462075978734)</t>
  </si>
  <si>
    <t>POINT (4.6864282767335945 51.82749920577292)</t>
  </si>
  <si>
    <t>POINT (4.711769593548244 51.8291079263139)</t>
  </si>
  <si>
    <t>POINT (4.695581696932449 51.83303649140728)</t>
  </si>
  <si>
    <t>POINT (4.732453364944866 51.8328931793771)</t>
  </si>
  <si>
    <t>POINT (4.705701112484788 51.83185794122394)</t>
  </si>
  <si>
    <t>POINT (4.722826929134647 51.834175735880955)</t>
  </si>
  <si>
    <t>POINT (4.71043663110247 51.82836621076239)</t>
  </si>
  <si>
    <t>POINT (4.6880079830652575 51.82501553541052)</t>
  </si>
  <si>
    <t>POINT (4.706678379656022 51.82742891878932)</t>
  </si>
  <si>
    <t>POINT (4.684492889696983 51.82679000837218)</t>
  </si>
  <si>
    <t>POINT (4.694856771354983 51.831415073097936)</t>
  </si>
  <si>
    <t>POINT (4.68156020237031 51.823371836660094)</t>
  </si>
  <si>
    <t>POINT (4.692466791146039 51.83088093318139)</t>
  </si>
  <si>
    <t>POINT (4.6965284030645345 51.83663305864834)</t>
  </si>
  <si>
    <t>POINT (4.703572936838806 51.83348496637319)</t>
  </si>
  <si>
    <t>POINT (4.722525553304761 51.834928129252404)</t>
  </si>
  <si>
    <t>POINT (4.687248313083768 51.82489400244633)</t>
  </si>
  <si>
    <t>POINT (4.679888764695611 51.826179062950175)</t>
  </si>
  <si>
    <t>POINT (4.724727697994772 51.832592527667146)</t>
  </si>
  <si>
    <t>POINT (4.694602717128643 51.83151458870178)</t>
  </si>
  <si>
    <t>POINT (4.70180034980143 51.82817340630257)</t>
  </si>
  <si>
    <t>POINT (4.680904654433518 51.83593914704564)</t>
  </si>
  <si>
    <t>POINT (4.735876442569535 51.83292758299155)</t>
  </si>
  <si>
    <t>POINT (4.6964576786981365 51.833023770701196)</t>
  </si>
  <si>
    <t>POINT (4.6911488877410035 51.825725888572904)</t>
  </si>
  <si>
    <t>POINT (4.721987264119752 51.83404499655485)</t>
  </si>
  <si>
    <t>POINT (4.724834413021509 51.8339817170618)</t>
  </si>
  <si>
    <t>POINT (4.699944222851187 51.835053893648535)</t>
  </si>
  <si>
    <t>POINT (4.680595518784655 51.836327627482376)</t>
  </si>
  <si>
    <t>POINT (4.687161885848547 51.82544603716181)</t>
  </si>
  <si>
    <t>POINT (4.688191397544205 51.83318289946668)</t>
  </si>
  <si>
    <t>POINT (4.718733200413542 51.83246195415461)</t>
  </si>
  <si>
    <t>POINT (4.7084001717468436 51.82875299869262)</t>
  </si>
  <si>
    <t>POINT (4.684695970705063 51.82924178970912)</t>
  </si>
  <si>
    <t>POINT (4.732868689843313 51.83160270021155)</t>
  </si>
  <si>
    <t>POINT (4.682141754738955 51.83072637511337)</t>
  </si>
  <si>
    <t>POINT (4.695942406551665 51.841739544187305)</t>
  </si>
  <si>
    <t>POINT (4.698659640855442 51.8362933315716)</t>
  </si>
  <si>
    <t>POINT (4.681961245206135 51.829919278850085)</t>
  </si>
  <si>
    <t>POINT (4.696518003433438 51.82503706658932)</t>
  </si>
  <si>
    <t>POINT (4.687907465912756 51.82294512055833)</t>
  </si>
  <si>
    <t>POINT (4.677072670539037 51.83349854240897)</t>
  </si>
  <si>
    <t>POINT (4.6833421242845015 51.830274834337715)</t>
  </si>
  <si>
    <t>POINT (4.699366422983992 51.83556649275816)</t>
  </si>
  <si>
    <t>POINT (4.700848065860199 51.83101348097275)</t>
  </si>
  <si>
    <t>POINT (4.693261429910975 51.837948703190165)</t>
  </si>
  <si>
    <t>POINT (4.698950387399332 51.82974851874765)</t>
  </si>
  <si>
    <t>POINT (4.703941908660071 51.8344328346357)</t>
  </si>
  <si>
    <t>POINT (4.685049380861886 51.825279155821924)</t>
  </si>
  <si>
    <t>POINT (4.681868216129069 51.83979877397357)</t>
  </si>
  <si>
    <t>POINT (4.6881914640656 51.84438026344841)</t>
  </si>
  <si>
    <t>POINT (4.69637463955876 51.834682169800516)</t>
  </si>
  <si>
    <t>POINT (4.678915498825232 51.830733981574035)</t>
  </si>
  <si>
    <t>POINT (4.687149758558142 51.83544475932534)</t>
  </si>
  <si>
    <t>POINT (4.68358034220453 51.83560200601632)</t>
  </si>
  <si>
    <t>POINT (4.676415708478109 51.83068128104629)</t>
  </si>
  <si>
    <t>POINT (4.684716960661588 51.828602579931726)</t>
  </si>
  <si>
    <t>POINT (4.683865698376955 51.837213518168724)</t>
  </si>
  <si>
    <t>POINT (4.706938215749596 51.82933698483844)</t>
  </si>
  <si>
    <t>POINT (4.693488832568864 51.83099023000391)</t>
  </si>
  <si>
    <t>POINT (4.731466208149248 51.826205089186246)</t>
  </si>
  <si>
    <t>POINT (4.6777041617684585 51.83138365564645)</t>
  </si>
  <si>
    <t>POINT (4.689050961140062 51.82532690822272)</t>
  </si>
  <si>
    <t>POINT (4.6996644254062945 51.83475087563759)</t>
  </si>
  <si>
    <t>POINT (4.683299401077802 51.83660209664286)</t>
  </si>
  <si>
    <t>POINT (4.681815109366512 51.83685255471404)</t>
  </si>
  <si>
    <t>POINT (4.730135389283135 51.83343594858425)</t>
  </si>
  <si>
    <t>POINT (4.705681225455433 51.83322749440125)</t>
  </si>
  <si>
    <t>POINT (4.715899404959146 51.83306135059524)</t>
  </si>
  <si>
    <t>POINT (4.683319728728188 51.82708979769744)</t>
  </si>
  <si>
    <t>POINT (4.683891672008614 51.8244372238915)</t>
  </si>
  <si>
    <t>POINT (4.698051879142627 51.833172670902535)</t>
  </si>
  <si>
    <t>POINT (4.702725929378326 51.82900157254635)</t>
  </si>
  <si>
    <t>POINT (4.680535162841146 51.83553831314587)</t>
  </si>
  <si>
    <t>POINT (4.690135665580763 51.84191286715882)</t>
  </si>
  <si>
    <t>POINT (4.69155972926332 51.82420808376388)</t>
  </si>
  <si>
    <t>POINT (4.706571671455907 51.8261522202364)</t>
  </si>
  <si>
    <t>POINT (4.723525419769997 51.83433562119234)</t>
  </si>
  <si>
    <t>POINT (4.701331465117894 51.83449815923213)</t>
  </si>
  <si>
    <t>POINT (4.683852367436323 51.8350272665906)</t>
  </si>
  <si>
    <t>POINT (4.689074744681019 51.82665238945772)</t>
  </si>
  <si>
    <t>POINT (4.692422501057518 51.83082622687309)</t>
  </si>
  <si>
    <t>POINT (4.721462703544794 51.829821347951544)</t>
  </si>
  <si>
    <t>POINT (4.691586298829242 51.825824911799444)</t>
  </si>
  <si>
    <t>POINT (4.679968821725574 51.82928424331583)</t>
  </si>
  <si>
    <t>POINT (4.683155884325344 51.82714878732886)</t>
  </si>
  <si>
    <t>POINT (4.688936929584975 51.83376341818505)</t>
  </si>
  <si>
    <t>POINT (4.7062924921015465 51.827615001722386)</t>
  </si>
  <si>
    <t>POINT (4.688746905201565 51.82379442261861)</t>
  </si>
  <si>
    <t>POINT (4.701819132824097 51.82826805841154)</t>
  </si>
  <si>
    <t>POINT (4.691950234402466 51.82751708555036)</t>
  </si>
  <si>
    <t>POINT (4.693044300926805 51.84065340090095)</t>
  </si>
  <si>
    <t>POINT (4.695134039135075 51.83580323237688)</t>
  </si>
  <si>
    <t>POINT (4.697101345357406 51.8357907779222)</t>
  </si>
  <si>
    <t>POINT (4.688836192761117 51.82860852617848)</t>
  </si>
  <si>
    <t>POINT (4.715151434867697 51.833933164386515)</t>
  </si>
  <si>
    <t>POINT (4.694633204912487 51.836561283143446)</t>
  </si>
  <si>
    <t>POINT (4.7196641635976615 51.83574070637747)</t>
  </si>
  <si>
    <t>POINT (4.679903102739769 51.83153863170821)</t>
  </si>
  <si>
    <t>POINT (4.682398882945059 51.83425606074215)</t>
  </si>
  <si>
    <t>POINT (4.692503524886794 51.82709599869864)</t>
  </si>
  <si>
    <t>POINT (4.727715975038531 51.83178964629299)</t>
  </si>
  <si>
    <t>POINT (4.672684704582829 51.830778331811764)</t>
  </si>
  <si>
    <t>POINT (4.678172237032155 51.82279259446603)</t>
  </si>
  <si>
    <t>POINT (4.6906646632292865 51.824552451849115)</t>
  </si>
  <si>
    <t>POINT (4.710107203456611 51.82712678390873)</t>
  </si>
  <si>
    <t>POINT (4.694954256452931 51.8260212431309)</t>
  </si>
  <si>
    <t>POINT (4.69357908338108 51.84061487236103)</t>
  </si>
  <si>
    <t>POINT (4.7038389976173445 51.83960906119757)</t>
  </si>
  <si>
    <t>POINT (4.689041368622344 51.82318651947503)</t>
  </si>
  <si>
    <t>POINT (4.675580076809324 51.83291470666549)</t>
  </si>
  <si>
    <t>POINT (4.7019985771296655 51.838677342281066)</t>
  </si>
  <si>
    <t>POINT (4.6973370121846125 51.826378421747606)</t>
  </si>
  <si>
    <t>POINT (4.682111781864088 51.837209010632485)</t>
  </si>
  <si>
    <t>POINT (4.6985067165377385 51.83262326750657)</t>
  </si>
  <si>
    <t>POINT (4.688700231480426 51.8240365237524)</t>
  </si>
  <si>
    <t>POINT (4.684384385469146 51.83606258233286)</t>
  </si>
  <si>
    <t>POINT (4.705474905838467 51.836664884822476)</t>
  </si>
  <si>
    <t>POINT (4.680388333922909 51.82260854297354)</t>
  </si>
  <si>
    <t>POINT (4.693924136483502 51.84113353164547)</t>
  </si>
  <si>
    <t>POINT (4.710645332379659 51.82974285313503)</t>
  </si>
  <si>
    <t>POINT (4.678254980327104 51.82274611057004)</t>
  </si>
  <si>
    <t>POINT (4.70686573175717 51.83897224154143)</t>
  </si>
  <si>
    <t>POINT (4.678678986105651 51.82326706472113)</t>
  </si>
  <si>
    <t>POINT (4.692879601840069 51.838991697258216)</t>
  </si>
  <si>
    <t>POINT (4.682454283842241 51.82734674070691)</t>
  </si>
  <si>
    <t>POINT (4.702116327374692 51.835034185624416)</t>
  </si>
  <si>
    <t>POINT (4.689561706324365 51.83194336525459)</t>
  </si>
  <si>
    <t>POINT (4.724438969995524 51.832661530427146)</t>
  </si>
  <si>
    <t>POINT (4.699612510685125 51.83186067354245)</t>
  </si>
  <si>
    <t>3351BS</t>
  </si>
  <si>
    <t>Schildershof</t>
  </si>
  <si>
    <t>POINT (4.681428971135641 51.83513110248394)</t>
  </si>
  <si>
    <t>POINT (4.714655337493515 51.83478865516293)</t>
  </si>
  <si>
    <t>POINT (4.6874701892908845 51.84065714676626)</t>
  </si>
  <si>
    <t>POINT (4.704274000755614 51.83053497983425)</t>
  </si>
  <si>
    <t>POINT (4.730537312227657 51.82855714142965)</t>
  </si>
  <si>
    <t>POINT (4.699481296921498 51.8363456706492)</t>
  </si>
  <si>
    <t>POINT (4.709404367662313 51.83659216029403)</t>
  </si>
  <si>
    <t>POINT (4.689355897564958 51.82323169725911)</t>
  </si>
  <si>
    <t>POINT (4.70725892972871 51.83417488458089)</t>
  </si>
  <si>
    <t>POINT (4.686507405354889 51.8302108420006)</t>
  </si>
  <si>
    <t>POINT (4.706356951873372 51.82765585142334)</t>
  </si>
  <si>
    <t>POINT (4.72842611140897 51.833535239045055)</t>
  </si>
  <si>
    <t>POINT (4.68413272578074 51.82712743376978)</t>
  </si>
  <si>
    <t>POINT (4.7047376648364105 51.83363088727113)</t>
  </si>
  <si>
    <t>POINT (4.727506992552732 51.832107405849726)</t>
  </si>
  <si>
    <t>POINT (4.70904901950785 51.83860359416524)</t>
  </si>
  <si>
    <t>POINT (4.686678889589654 51.83631457628459)</t>
  </si>
  <si>
    <t>POINT (4.722142141696433 51.83400391523944)</t>
  </si>
  <si>
    <t>POINT (4.679519385405404 51.831097744965604)</t>
  </si>
  <si>
    <t>POINT (4.699458430284884 51.84045566554716)</t>
  </si>
  <si>
    <t>POINT (4.725887247523568 51.83485680602269)</t>
  </si>
  <si>
    <t>POINT (4.678913340564769 51.83693423705978)</t>
  </si>
  <si>
    <t>POINT (4.723719533203249 51.82890352539309)</t>
  </si>
  <si>
    <t>POINT (4.677703844677492 51.82331639148582)</t>
  </si>
  <si>
    <t>POINT (4.683021460523037 51.83719496530196)</t>
  </si>
  <si>
    <t>POINT (4.687406935111607 51.82790866152222)</t>
  </si>
  <si>
    <t>POINT (4.687724664366628 51.82727300873546)</t>
  </si>
  <si>
    <t>POINT (4.728533362922142 51.8316412134035)</t>
  </si>
  <si>
    <t>POINT (4.68292956442519 51.82567489104801)</t>
  </si>
  <si>
    <t>POINT (4.694275928483625 51.83849857932519)</t>
  </si>
  <si>
    <t>POINT (4.7071272328455755 51.83851688322487)</t>
  </si>
  <si>
    <t>POINT (4.681181470870314 51.830180349742236)</t>
  </si>
  <si>
    <t>POINT (4.690012517561904 51.82884797409231)</t>
  </si>
  <si>
    <t>POINT (4.695351875572579 51.82584988198975)</t>
  </si>
  <si>
    <t>POINT (4.706168862133065 51.835281249346316)</t>
  </si>
  <si>
    <t>POINT (4.7185743690321456 51.83604597789581)</t>
  </si>
  <si>
    <t>POINT (4.701878034008683 51.83391885237676)</t>
  </si>
  <si>
    <t>POINT (4.703456868991848 51.82537597111677)</t>
  </si>
  <si>
    <t>POINT (4.681602100625071 51.83614516304257)</t>
  </si>
  <si>
    <t>POINT (4.707989762876369 51.82613332489331)</t>
  </si>
  <si>
    <t>POINT (4.696017541691653 51.832893865058054)</t>
  </si>
  <si>
    <t>POINT (4.6928695835443355 51.83788490413243)</t>
  </si>
  <si>
    <t>POINT (4.683352618854904 51.83537169126279)</t>
  </si>
  <si>
    <t>POINT (4.692415772327967 51.82761274863169)</t>
  </si>
  <si>
    <t>POINT (4.7094868483997585 51.82887368489418)</t>
  </si>
  <si>
    <t>POINT (4.697710209236111 51.834367968061315)</t>
  </si>
  <si>
    <t>POINT (4.688729443468018 51.82384291133737)</t>
  </si>
  <si>
    <t>POINT (4.687606942603106 51.84115594084002)</t>
  </si>
  <si>
    <t>POINT (4.691937464268054 51.83225262921261)</t>
  </si>
  <si>
    <t>POINT (4.682902810645306 51.82581534896787)</t>
  </si>
  <si>
    <t>POINT (4.685039994894554 51.82907606604851)</t>
  </si>
  <si>
    <t>POINT (4.707480242507706 51.836543957501)</t>
  </si>
  <si>
    <t>POINT (4.685830799757368 51.84110587459878)</t>
  </si>
  <si>
    <t>POINT (4.718510747855681 51.83482183409116)</t>
  </si>
  <si>
    <t>POINT (4.733169543723959 51.82851079536384)</t>
  </si>
  <si>
    <t>POINT (4.698129196503711 51.82628473926135)</t>
  </si>
  <si>
    <t>POINT (4.704527934058327 51.83976862626061)</t>
  </si>
  <si>
    <t>POINT (4.684286337863792 51.8351618820157)</t>
  </si>
  <si>
    <t>POINT (4.709460617295596 51.83025129187199)</t>
  </si>
  <si>
    <t>POINT (4.713717128761785 51.83134765605723)</t>
  </si>
  <si>
    <t>POINT (4.684394355277866 51.83729025618842)</t>
  </si>
  <si>
    <t>POINT (4.677855010361313 51.82876013316097)</t>
  </si>
  <si>
    <t>POINT (4.680295859227333 51.83643455903732)</t>
  </si>
  <si>
    <t>POINT (4.689275079703043 51.83021080905629)</t>
  </si>
  <si>
    <t>POINT (4.709114145293167 51.828647248305565)</t>
  </si>
  <si>
    <t>POINT (4.688523986573582 51.827137654269826)</t>
  </si>
  <si>
    <t>POINT (4.687072435611905 51.82544830809828)</t>
  </si>
  <si>
    <t>POINT (4.69192746433461 51.82747160298465)</t>
  </si>
  <si>
    <t>POINT (4.685269469921524 51.829087200169795)</t>
  </si>
  <si>
    <t>POINT (4.676272807193424 51.83216270696189)</t>
  </si>
  <si>
    <t>POINT (4.690613464823721 51.82862987298307)</t>
  </si>
  <si>
    <t>POINT (4.699720352408647 51.82433944529818)</t>
  </si>
  <si>
    <t>POINT (4.681764700317466 51.83680359631148)</t>
  </si>
  <si>
    <t>POINT (4.68172263102535 51.8378056396749)</t>
  </si>
  <si>
    <t>POINT (4.725864649788759 51.8342127978794)</t>
  </si>
  <si>
    <t>POINT (4.709083916662375 51.82964672568894)</t>
  </si>
  <si>
    <t>POINT (4.691107510287221 51.826150797045344)</t>
  </si>
  <si>
    <t>POINT (4.687377887861356 51.827607224932116)</t>
  </si>
  <si>
    <t>POINT (4.698137830177842 51.832422040554064)</t>
  </si>
  <si>
    <t>POINT (4.676077281160463 51.83027075106611)</t>
  </si>
  <si>
    <t>POINT (4.709142872631079 51.8287646439108)</t>
  </si>
  <si>
    <t>POINT (4.694530678260151 51.83002478269233)</t>
  </si>
  <si>
    <t>POINT (4.6843470222763175 51.82629922671134)</t>
  </si>
  <si>
    <t>POINT (4.681383774408291 51.835459024027834)</t>
  </si>
  <si>
    <t>POINT (4.687223429658454 51.82765240670602)</t>
  </si>
  <si>
    <t>POINT (4.693166127051372 51.83211926365198)</t>
  </si>
  <si>
    <t>POINT (4.718648155364796 51.834259075661485)</t>
  </si>
  <si>
    <t>POINT (4.6743852748209145 51.829411627111135)</t>
  </si>
  <si>
    <t>POINT (4.694589998732772 51.83130755034557)</t>
  </si>
  <si>
    <t>POINT (4.688165951616693 51.82714788197679)</t>
  </si>
  <si>
    <t>POINT (4.694710691262237 51.82408536087974)</t>
  </si>
  <si>
    <t>POINT (4.690797834899506 51.82936958152305)</t>
  </si>
  <si>
    <t>POINT (4.678332138965907 51.83241549914336)</t>
  </si>
  <si>
    <t>POINT (4.679734562863013 51.83793574145087)</t>
  </si>
  <si>
    <t>POINT (4.702792814738659 51.83580485210732)</t>
  </si>
  <si>
    <t>POINT (4.73389282441833 51.831701346443445)</t>
  </si>
  <si>
    <t>POINT (4.720003375525555 51.83280225321379)</t>
  </si>
  <si>
    <t>POINT (4.694303040807706 51.83193257146033)</t>
  </si>
  <si>
    <t>POINT (4.7024897943949 51.824341368669046)</t>
  </si>
  <si>
    <t>POINT (4.713735369666544 51.83204917860639)</t>
  </si>
  <si>
    <t>POINT (4.693864079124658 51.838757348293036)</t>
  </si>
  <si>
    <t>POINT (4.723908250618862 51.833044404944054)</t>
  </si>
  <si>
    <t>POINT (4.715119981831717 51.82693333972426)</t>
  </si>
  <si>
    <t>POINT (4.724315517331356 51.8297759925377)</t>
  </si>
  <si>
    <t>POINT (4.707447653969994 51.838986659307885)</t>
  </si>
  <si>
    <t>POINT (4.682461627428711 51.82926027023392)</t>
  </si>
  <si>
    <t>POINT (4.691504114920766 51.82865295254973)</t>
  </si>
  <si>
    <t>POINT (4.683957576722334 51.83731190090878)</t>
  </si>
  <si>
    <t>POINT (4.707432436995357 51.82627649641582)</t>
  </si>
  <si>
    <t>POINT (4.693844670635309 51.839662981646896)</t>
  </si>
  <si>
    <t>POINT (4.678810430515905 51.83557077612306)</t>
  </si>
  <si>
    <t>POINT (4.689489894972063 51.843641669972236)</t>
  </si>
  <si>
    <t>POINT (4.688753546460807 51.8301791231806)</t>
  </si>
  <si>
    <t>POINT (4.6864818511832915 51.82607445661298)</t>
  </si>
  <si>
    <t>POINT (4.691250733476095 51.83375278110409)</t>
  </si>
  <si>
    <t>POINT (4.6853668144458815 51.82620320874442)</t>
  </si>
  <si>
    <t>POINT (4.684348059906514 51.83723875278825)</t>
  </si>
  <si>
    <t>POINT (4.701195416666435 51.83944376776812)</t>
  </si>
  <si>
    <t>POINT (4.683140179480548 51.82749383925929)</t>
  </si>
  <si>
    <t>POINT (4.704452596387476 51.837875634496896)</t>
  </si>
  <si>
    <t>POINT (4.702417650021941 51.82844614675062)</t>
  </si>
  <si>
    <t>POINT (4.694005447042737 51.84112187711298)</t>
  </si>
  <si>
    <t>POINT (4.681307663068013 51.82400634629411)</t>
  </si>
  <si>
    <t>POINT (4.708002917712096 51.8279151539539)</t>
  </si>
  <si>
    <t>POINT (4.694856383001902 51.84241859034458)</t>
  </si>
  <si>
    <t>POINT (4.686751771171776 51.827917598541255)</t>
  </si>
  <si>
    <t>POINT (4.676782200433799 51.83051113328105)</t>
  </si>
  <si>
    <t>POINT (4.697199846848051 51.8344323212091)</t>
  </si>
  <si>
    <t>POINT (4.706890357842371 51.826360770280296)</t>
  </si>
  <si>
    <t>POINT (4.6877253973182915 51.826235067248014)</t>
  </si>
  <si>
    <t>POINT (4.68003810718679 51.827526903260654)</t>
  </si>
  <si>
    <t>POINT (4.678880444033101 51.83305357810701)</t>
  </si>
  <si>
    <t>POINT (4.6961785738389175 51.82580575475768)</t>
  </si>
  <si>
    <t>POINT (4.69043407646093 51.82947864831715)</t>
  </si>
  <si>
    <t>POINT (4.7108104630118 51.827451633544)</t>
  </si>
  <si>
    <t>POINT (4.693197846387487 51.83866179072558)</t>
  </si>
  <si>
    <t>POINT (4.690666103582196 51.84310149818141)</t>
  </si>
  <si>
    <t>POINT (4.7020597726091165 51.82988733596079)</t>
  </si>
  <si>
    <t>POINT (4.719019040394421 51.83319873323466)</t>
  </si>
  <si>
    <t>POINT (4.699382199349904 51.83658027746794)</t>
  </si>
  <si>
    <t>POINT (4.682420314865138 51.829208067814925)</t>
  </si>
  <si>
    <t>POINT (4.69768055093783 51.83884301532248)</t>
  </si>
  <si>
    <t>POINT (4.684252062525875 51.82644441798371)</t>
  </si>
  <si>
    <t>POINT (4.696643818861363 51.827658120851034)</t>
  </si>
  <si>
    <t>POINT (4.68583185787663 51.83366355142158)</t>
  </si>
  <si>
    <t>POINT (4.6894801782306 51.84392327080797)</t>
  </si>
  <si>
    <t>POINT (4.688808656181018 51.843035723292104)</t>
  </si>
  <si>
    <t>POINT (4.693621233522429 51.83900910551831)</t>
  </si>
  <si>
    <t>POINT (4.72184062801231 51.83408012897494)</t>
  </si>
  <si>
    <t>POINT (4.728487892898931 51.83377314557848)</t>
  </si>
  <si>
    <t>POINT (4.679285759122587 51.82850320987045)</t>
  </si>
  <si>
    <t>POINT (4.726637935905655 51.83294023911646)</t>
  </si>
  <si>
    <t>POINT (4.726826200629866 51.82816830148486)</t>
  </si>
  <si>
    <t>POINT (4.688374433427844 51.82305632288003)</t>
  </si>
  <si>
    <t>POINT (4.693933794147344 51.83883228469923)</t>
  </si>
  <si>
    <t>POINT (4.715304364656928 51.83423715385859)</t>
  </si>
  <si>
    <t>POINT (4.707303541056985 51.83696537239328)</t>
  </si>
  <si>
    <t>POINT (4.691276527672559 51.84212336235565)</t>
  </si>
  <si>
    <t>POINT (4.691451103688013 51.83396101303096)</t>
  </si>
  <si>
    <t>POINT (4.6996129566120315 51.83386513145735)</t>
  </si>
  <si>
    <t>POINT (4.706225943651795 51.835387637214026)</t>
  </si>
  <si>
    <t>POINT (4.6892188869956435 51.823737087257946)</t>
  </si>
  <si>
    <t>POINT (4.68533166750788 51.83722365800237)</t>
  </si>
  <si>
    <t>POINT (4.706955097120592 51.836181757514375)</t>
  </si>
  <si>
    <t>POINT (4.692900076584514 51.83778931961791)</t>
  </si>
  <si>
    <t>POINT (4.69186274686439 51.8383081341867)</t>
  </si>
  <si>
    <t>POINT (4.679608149053242 51.83656582982289)</t>
  </si>
  <si>
    <t>POINT (4.678522355788634 51.83064533569716)</t>
  </si>
  <si>
    <t>POINT (4.696303656298465 51.828788552571694)</t>
  </si>
  <si>
    <t>POINT (4.692118414804653 51.84041105461313)</t>
  </si>
  <si>
    <t>POINT (4.688014290165646 51.82296049834768)</t>
  </si>
  <si>
    <t>POINT (4.689097727291793 51.82550584470054)</t>
  </si>
  <si>
    <t>POINT (4.698402569041889 51.828601411918314)</t>
  </si>
  <si>
    <t>POINT (4.70345244643101 51.83126180874863)</t>
  </si>
  <si>
    <t>POINT (4.711763735490283 51.830345670901494)</t>
  </si>
  <si>
    <t>POINT (4.690087489368225 51.84367191590224)</t>
  </si>
  <si>
    <t>3353VB</t>
  </si>
  <si>
    <t>Irispad</t>
  </si>
  <si>
    <t>POINT (4.6907818761900275 51.830232315350756)</t>
  </si>
  <si>
    <t>POINT (4.694553275955194 51.837436843340434)</t>
  </si>
  <si>
    <t>POINT (4.682199544935626 51.82462245874698)</t>
  </si>
  <si>
    <t>POINT (4.692047013104683 51.83947406181278)</t>
  </si>
  <si>
    <t>POINT (4.688674659929499 51.82316131769433)</t>
  </si>
  <si>
    <t>POINT (4.7089732461080205 51.83666535457415)</t>
  </si>
  <si>
    <t>POINT (4.6835950664846155 51.8256242762016)</t>
  </si>
  <si>
    <t>POINT (4.685383805984181 51.83731556390502)</t>
  </si>
  <si>
    <t>POINT (4.690458812606268 51.83289578108821)</t>
  </si>
  <si>
    <t>POINT (4.722492355261914 51.833934906710766)</t>
  </si>
  <si>
    <t>POINT (4.697241590445017 51.839336311830216)</t>
  </si>
  <si>
    <t>POINT (4.684580687195378 51.8286059530178)</t>
  </si>
  <si>
    <t>POINT (4.6818520598298035 51.83189913609267)</t>
  </si>
  <si>
    <t>POINT (4.690674973931066 51.83904315854913)</t>
  </si>
  <si>
    <t>POINT (4.70392196067751 51.834318868620315)</t>
  </si>
  <si>
    <t>POINT (4.703005101659263 51.834467126139195)</t>
  </si>
  <si>
    <t>POINT (4.681141980165634 51.826086959922364)</t>
  </si>
  <si>
    <t>POINT (4.680257800756356 51.828586388499815)</t>
  </si>
  <si>
    <t>POINT (4.70409124323214 51.82786905747364)</t>
  </si>
  <si>
    <t>POINT (4.685274961384905 51.83349942506068)</t>
  </si>
  <si>
    <t>POINT (4.6964670530140555 51.82605964698495)</t>
  </si>
  <si>
    <t>POINT (4.695061549335449 51.83164372010126)</t>
  </si>
  <si>
    <t>POINT (4.681191937844455 51.82579538092374)</t>
  </si>
  <si>
    <t>POINT (4.692641114282192 51.84030527782135)</t>
  </si>
  <si>
    <t>POINT (4.684402162499895 51.82673165918501)</t>
  </si>
  <si>
    <t>POINT (4.684294947106598 51.82509833692702)</t>
  </si>
  <si>
    <t>POINT (4.701607570679035 51.836785543300124)</t>
  </si>
  <si>
    <t>POINT (4.699300855887408 51.83558929024062)</t>
  </si>
  <si>
    <t>POINT (4.698172573531774 51.83480655036272)</t>
  </si>
  <si>
    <t>POINT (4.688480116894209 51.83740427035962)</t>
  </si>
  <si>
    <t>POINT (4.674074762108911 51.83262005619986)</t>
  </si>
  <si>
    <t>POINT (4.680958605872693 51.832283457905206)</t>
  </si>
  <si>
    <t>POINT (4.728254550830461 51.8302045364293)</t>
  </si>
  <si>
    <t>POINT (4.7162652350895655 51.835420229715915)</t>
  </si>
  <si>
    <t>POINT (4.69067208983446 51.843653785821175)</t>
  </si>
  <si>
    <t>POINT (4.724856750945301 51.8340245299946)</t>
  </si>
  <si>
    <t>POINT (4.689170651610038 51.82679628377302)</t>
  </si>
  <si>
    <t>POINT (4.683493610839401 51.82314005863553)</t>
  </si>
  <si>
    <t>POINT (4.689909885920238 51.82854381804561)</t>
  </si>
  <si>
    <t>POINT (4.680300272885951 51.83773643736841)</t>
  </si>
  <si>
    <t>POINT (4.684866539101389 51.83466511890058)</t>
  </si>
  <si>
    <t>POINT (4.697804285861962 51.83950735408804)</t>
  </si>
  <si>
    <t>POINT (4.7063909269445645 51.82757035988019)</t>
  </si>
  <si>
    <t>POINT (4.681079697711072 51.82724287633926)</t>
  </si>
  <si>
    <t>POINT (4.68401350737181 51.83558027819904)</t>
  </si>
  <si>
    <t>POINT (4.68999396259874 51.84090591068491)</t>
  </si>
  <si>
    <t>POINT (4.684782073882734 51.84028402127601)</t>
  </si>
  <si>
    <t>POINT (4.680112158750127 51.838184340987475)</t>
  </si>
  <si>
    <t>POINT (4.696096797878845 51.8258202753377)</t>
  </si>
  <si>
    <t>POINT (4.7092930653777465 51.828419305478086)</t>
  </si>
  <si>
    <t>POINT (4.678366913277301 51.8234887822854)</t>
  </si>
  <si>
    <t>POINT (4.677769101267613 51.82759430712891)</t>
  </si>
  <si>
    <t>POINT (4.6889806307987225 51.824199915839905)</t>
  </si>
  <si>
    <t>3355EN</t>
  </si>
  <si>
    <t>POINT (4.698328714091425 51.84163177410269)</t>
  </si>
  <si>
    <t>POINT (4.697693285360675 51.83542647741062)</t>
  </si>
  <si>
    <t>POINT (4.694103814182698 51.82955106072916)</t>
  </si>
  <si>
    <t>POINT (4.679102779423358 51.822618519876)</t>
  </si>
  <si>
    <t>POINT (4.697602827511678 51.834246736882946)</t>
  </si>
  <si>
    <t>POINT (4.695152036962321 51.824296976822986)</t>
  </si>
  <si>
    <t>POINT (4.677764997525444 51.82713805425168)</t>
  </si>
  <si>
    <t>POINT (4.678376135928922 51.83567334875429)</t>
  </si>
  <si>
    <t>POINT (4.697330461910278 51.82627943632221)</t>
  </si>
  <si>
    <t>POINT (4.682331691302806 51.835584223407324)</t>
  </si>
  <si>
    <t>POINT (4.677649857435829 51.822488883879345)</t>
  </si>
  <si>
    <t>POINT (4.7355736835522775 51.832690743038164)</t>
  </si>
  <si>
    <t>POINT (4.699264563086346 51.834736290582555)</t>
  </si>
  <si>
    <t>POINT (4.694014867506043 51.83314156722378)</t>
  </si>
  <si>
    <t>POINT (4.689692299472534 51.825227486545664)</t>
  </si>
  <si>
    <t>POINT (4.692376304566817 51.82453379714221)</t>
  </si>
  <si>
    <t>POINT (4.690186629970324 51.832602555931494)</t>
  </si>
  <si>
    <t>POINT (4.689259483699779 51.82754223124428)</t>
  </si>
  <si>
    <t>POINT (4.711178980163816 51.83033018811655)</t>
  </si>
  <si>
    <t>POINT (4.699544806286029 51.83661556660296)</t>
  </si>
  <si>
    <t>POINT (4.688834930826704 51.8254313115794)</t>
  </si>
  <si>
    <t>POINT (4.706977319137581 51.83735752572122)</t>
  </si>
  <si>
    <t>POINT (4.708619183454776 51.83576267597686)</t>
  </si>
  <si>
    <t>POINT (4.707298038643009 51.834225330521875)</t>
  </si>
  <si>
    <t>POINT (4.695374868326546 51.8421328692091)</t>
  </si>
  <si>
    <t>POINT (4.704072550191009 51.82957976362128)</t>
  </si>
  <si>
    <t>POINT (4.680060828703543 51.83143631139627)</t>
  </si>
  <si>
    <t>POINT (4.685747732228221 51.836282625570576)</t>
  </si>
  <si>
    <t>POINT (4.68880685144164 51.825356152235265)</t>
  </si>
  <si>
    <t>POINT (4.701672825962287 51.84028959904744)</t>
  </si>
  <si>
    <t>POINT (4.681395032235662 51.826988767135475)</t>
  </si>
  <si>
    <t>POINT (4.680489038108998 51.822254528917)</t>
  </si>
  <si>
    <t>POINT (4.680372450546517 51.8240190909202)</t>
  </si>
  <si>
    <t>POINT (4.699866034333323 51.836158057114375)</t>
  </si>
  <si>
    <t>POINT (4.708509881434629 51.838561971439866)</t>
  </si>
  <si>
    <t>POINT (4.698041793111362 51.82609332543932)</t>
  </si>
  <si>
    <t>POINT (4.678247183282253 51.83195507295875)</t>
  </si>
  <si>
    <t>POINT (4.694467493414134 51.84117280127176)</t>
  </si>
  <si>
    <t>POINT (4.708623028990496 51.82774235659212)</t>
  </si>
  <si>
    <t>POINT (4.720089504757012 51.83295263680707)</t>
  </si>
  <si>
    <t>POINT (4.721121655315524 51.834949196400615)</t>
  </si>
  <si>
    <t>POINT (4.727588151667154 51.83270696157899)</t>
  </si>
  <si>
    <t>POINT (4.6804854652906895 51.831883779667706)</t>
  </si>
  <si>
    <t>POINT (4.701106127291612 51.84135832535134)</t>
  </si>
  <si>
    <t>POINT (4.70440059513753 51.830316618459136)</t>
  </si>
  <si>
    <t>POINT (4.684381367056023 51.82837486614473)</t>
  </si>
  <si>
    <t>POINT (4.677809582084276 51.82299239625131)</t>
  </si>
  <si>
    <t>POINT (4.689474252327652 51.829045303458145)</t>
  </si>
  <si>
    <t>POINT (4.678786977302262 51.82233501755108)</t>
  </si>
  <si>
    <t>POINT (4.681809829922595 51.83656050007033)</t>
  </si>
  <si>
    <t>POINT (4.69390454580672 51.82400895348838)</t>
  </si>
  <si>
    <t>POINT (4.718647965051954 51.83117997090507)</t>
  </si>
  <si>
    <t>POINT (4.707648989110208 51.835089389288804)</t>
  </si>
  <si>
    <t>POINT (4.707439260991031 51.827815856645195)</t>
  </si>
  <si>
    <t>POINT (4.680671298977783 51.827483130354345)</t>
  </si>
  <si>
    <t>POINT (4.7056401490384046 51.83204790344706)</t>
  </si>
  <si>
    <t>POINT (4.696815349194394 51.82412672059383)</t>
  </si>
  <si>
    <t>POINT (4.687386547232126 51.82811082042578)</t>
  </si>
  <si>
    <t>POINT (4.686334753287945 51.8238603214285)</t>
  </si>
  <si>
    <t>POINT (4.695725773701383 51.824303845811194)</t>
  </si>
  <si>
    <t>POINT (4.70507798809419 51.83908045490808)</t>
  </si>
  <si>
    <t>POINT (4.677002390288619 51.8355401937825)</t>
  </si>
  <si>
    <t>POINT (4.697002853912536 51.837952296247245)</t>
  </si>
  <si>
    <t>POINT (4.726516153613123 51.827858085590734)</t>
  </si>
  <si>
    <t>POINT (4.687478798724152 51.84437127240506)</t>
  </si>
  <si>
    <t>POINT (4.696517646793313 51.83763851711116)</t>
  </si>
  <si>
    <t>POINT (4.687470772491261 51.82820808529295)</t>
  </si>
  <si>
    <t>POINT (4.686013168135695 51.83422507619152)</t>
  </si>
  <si>
    <t>POINT (4.696874857350314 51.835218650427606)</t>
  </si>
  <si>
    <t>POINT (4.6832876403134875 51.827602461597195)</t>
  </si>
  <si>
    <t>POINT (4.7039924179320005 51.82967792049609)</t>
  </si>
  <si>
    <t>POINT (4.685942390400315 51.83855818291468)</t>
  </si>
  <si>
    <t>POINT (4.6935538713856895 51.83651483946945)</t>
  </si>
  <si>
    <t>POINT (4.681200318417083 51.83929894623326)</t>
  </si>
  <si>
    <t>POINT (4.698221027499235 51.83579657253111)</t>
  </si>
  <si>
    <t>POINT (4.681215458090058 51.82224087835883)</t>
  </si>
  <si>
    <t>POINT (4.699533484377854 51.83405294174795)</t>
  </si>
  <si>
    <t>POINT (4.690396125963768 51.823425182829034)</t>
  </si>
  <si>
    <t>POINT (4.678588083758394 51.82357044939398)</t>
  </si>
  <si>
    <t>POINT (4.683374125128824 51.828806515158846)</t>
  </si>
  <si>
    <t>POINT (4.693688991387021 51.830063920246076)</t>
  </si>
  <si>
    <t>POINT (4.686516894521634 51.836000876887006)</t>
  </si>
  <si>
    <t>POINT (4.672051832092763 51.83152618997181)</t>
  </si>
  <si>
    <t>POINT (4.6809017540645375 51.82550865890243)</t>
  </si>
  <si>
    <t>POINT (4.673786094389111 51.83296523715452)</t>
  </si>
  <si>
    <t>POINT (4.6757488032241366 51.82996277796532)</t>
  </si>
  <si>
    <t>POINT (4.685660815579651 51.82789997340541)</t>
  </si>
  <si>
    <t>POINT (4.685229590047779 51.8339158940737)</t>
  </si>
  <si>
    <t>POINT (4.687250884192775 51.82295753921946)</t>
  </si>
  <si>
    <t>POINT (4.6832071234246335 51.83649973799426)</t>
  </si>
  <si>
    <t>POINT (4.690510691770801 51.83119662529348)</t>
  </si>
  <si>
    <t>POINT (4.735553811146701 51.83269849775308)</t>
  </si>
  <si>
    <t>POINT (4.731157147947355 51.83298875429415)</t>
  </si>
  <si>
    <t>POINT (4.69954474664202 51.83192512058155)</t>
  </si>
  <si>
    <t>POINT (4.678767244500856 51.82290663997367)</t>
  </si>
  <si>
    <t>POINT (4.677291770379633 51.827334768191626)</t>
  </si>
  <si>
    <t>POINT (4.712495220479549 51.8314967446895)</t>
  </si>
  <si>
    <t>POINT (4.675304741277166 51.83057088258566)</t>
  </si>
  <si>
    <t>POINT (4.68223430113218 51.82467343541066)</t>
  </si>
  <si>
    <t>POINT (4.684786239215903 51.835398956323615)</t>
  </si>
  <si>
    <t>POINT (4.686087506085446 51.840303653420094)</t>
  </si>
  <si>
    <t>POINT (4.712461356094445 51.82942255149791)</t>
  </si>
  <si>
    <t>POINT (4.720056672237214 51.82924463767208)</t>
  </si>
  <si>
    <t>POINT (4.710437967531953 51.82839313940012)</t>
  </si>
  <si>
    <t>POINT (4.693605191428622 51.83898041792059)</t>
  </si>
  <si>
    <t>POINT (4.694208147141448 51.83614716746492)</t>
  </si>
  <si>
    <t>POINT (4.716263681711482 51.835460238143)</t>
  </si>
  <si>
    <t>POINT (4.692605533258047 51.828377070155604)</t>
  </si>
  <si>
    <t>POINT (4.694400748163193 51.83005223125191)</t>
  </si>
  <si>
    <t>POINT (4.70304775914673 51.831315674732295)</t>
  </si>
  <si>
    <t>POINT (4.707879175082781 51.834155006121875)</t>
  </si>
  <si>
    <t>POINT (4.677078863361796 51.834033548168065)</t>
  </si>
  <si>
    <t>POINT (4.693543548617915 51.83902395417982)</t>
  </si>
  <si>
    <t>POINT (4.688127601880629 51.84429107560029)</t>
  </si>
  <si>
    <t>POINT (4.703942108567995 51.83591700129024)</t>
  </si>
  <si>
    <t>POINT (4.696654754904554 51.82671247264247)</t>
  </si>
  <si>
    <t>POINT (4.683274149615831 51.8360498450645)</t>
  </si>
  <si>
    <t>POINT (4.682786809897668 51.82816588576765)</t>
  </si>
  <si>
    <t>POINT (4.678740048490748 51.822993306246076)</t>
  </si>
  <si>
    <t>POINT (4.692335778870125 51.82764308817586)</t>
  </si>
  <si>
    <t>POINT (4.68316564584938 51.833943155983334)</t>
  </si>
  <si>
    <t>POINT (4.723417615247683 51.83541923554963)</t>
  </si>
  <si>
    <t>POINT (4.693462787365186 51.83008676304399)</t>
  </si>
  <si>
    <t>POINT (4.681842228456765 51.826018083323156)</t>
  </si>
  <si>
    <t>POINT (4.676944296353201 51.835623877157644)</t>
  </si>
  <si>
    <t>POINT (4.6921566703437145 51.82374390499541)</t>
  </si>
  <si>
    <t>POINT (4.677644895525726 51.82885651594443)</t>
  </si>
  <si>
    <t>POINT (4.686719881444556 51.823572377005085)</t>
  </si>
  <si>
    <t>POINT (4.691265696882792 51.82707822141209)</t>
  </si>
  <si>
    <t>3351NJ</t>
  </si>
  <si>
    <t>POINT (4.678762051510964 51.823572011916134)</t>
  </si>
  <si>
    <t>POINT (4.678918894678231 51.83014135348448)</t>
  </si>
  <si>
    <t>POINT (4.680784667062882 51.83177447194072)</t>
  </si>
  <si>
    <t>POINT (4.686498688206536 51.83523380379178)</t>
  </si>
  <si>
    <t>POINT (4.708511342826475 51.82733579344622)</t>
  </si>
  <si>
    <t>POINT (4.708816203106864 51.838083246430394)</t>
  </si>
  <si>
    <t>POINT (4.682016573635278 51.83973660990688)</t>
  </si>
  <si>
    <t>POINT (4.6947830345885935 51.84243040928298)</t>
  </si>
  <si>
    <t>POINT (4.689468503075926 51.843837566792836)</t>
  </si>
  <si>
    <t>POINT (4.6790552445328215 51.8286914440065)</t>
  </si>
  <si>
    <t>POINT (4.701572511398028 51.833741394656585)</t>
  </si>
  <si>
    <t>POINT (4.692313321184533 51.829331911659104)</t>
  </si>
  <si>
    <t>POINT (4.718983129832321 51.83596360557829)</t>
  </si>
  <si>
    <t>POINT (4.696586386332493 51.826648098268066)</t>
  </si>
  <si>
    <t>POINT (4.715824414517955 51.83255672329212)</t>
  </si>
  <si>
    <t>POINT (4.699383603482422 51.82959948267234)</t>
  </si>
  <si>
    <t>POINT (4.695135436012361 51.830960920634226)</t>
  </si>
  <si>
    <t>POINT (4.691608503189112 51.83846959192549)</t>
  </si>
  <si>
    <t>POINT (4.732932047764824 51.82792546403767)</t>
  </si>
  <si>
    <t>POINT (4.688063460071837 51.843744014409864)</t>
  </si>
  <si>
    <t>POINT (4.677341908176044 51.833362150125886)</t>
  </si>
  <si>
    <t>POINT (4.703431510523858 51.82983348361334)</t>
  </si>
  <si>
    <t>POINT (4.697012802258246 51.838384554810766)</t>
  </si>
  <si>
    <t>POINT (4.689163151875798 51.82542420341919)</t>
  </si>
  <si>
    <t>POINT (4.703773470238802 51.834445597766425)</t>
  </si>
  <si>
    <t>POINT (4.703193245296438 51.82867769469339)</t>
  </si>
  <si>
    <t>POINT (4.722377634811446 51.828252213314634)</t>
  </si>
  <si>
    <t>POINT (4.684496008396097 51.82691375578263)</t>
  </si>
  <si>
    <t>POINT (4.698690539613663 51.83819172164915)</t>
  </si>
  <si>
    <t>POINT (4.688829668712215 51.8255087803758)</t>
  </si>
  <si>
    <t>POINT (4.714327938816493 51.83583914808546)</t>
  </si>
  <si>
    <t>POINT (4.719795781223404 51.83537213968271)</t>
  </si>
  <si>
    <t>POINT (4.699701805873192 51.831888369173086)</t>
  </si>
  <si>
    <t>POINT (4.703563865589661 51.82925465868986)</t>
  </si>
  <si>
    <t>POINT (4.6810937028447865 51.83227904820818)</t>
  </si>
  <si>
    <t>POINT (4.694232228720148 51.82994001114722)</t>
  </si>
  <si>
    <t>POINT (4.6803030484782715 51.82957313827195)</t>
  </si>
  <si>
    <t>POINT (4.682155531777561 51.82947680230256)</t>
  </si>
  <si>
    <t>POINT (4.701283054096934 51.838874239459024)</t>
  </si>
  <si>
    <t>POINT (4.69671084296699 51.83331682431435)</t>
  </si>
  <si>
    <t>POINT (4.686615178694951 51.8235557612834)</t>
  </si>
  <si>
    <t>POINT (4.706747655232529 51.83666695649096)</t>
  </si>
  <si>
    <t>POINT (4.7063762532393945 51.82750651842325)</t>
  </si>
  <si>
    <t>POINT (4.692249530634625 51.83114102773314)</t>
  </si>
  <si>
    <t>POINT (4.6801138223557714 51.82839568998833)</t>
  </si>
  <si>
    <t>POINT (4.725721594811335 51.83314435206841)</t>
  </si>
  <si>
    <t>POINT (4.690397023456399 51.82336713048713)</t>
  </si>
  <si>
    <t>POINT (4.699619660209599 51.83191506067768)</t>
  </si>
  <si>
    <t>POINT (4.708916499576251 51.8301345957963)</t>
  </si>
  <si>
    <t>POINT (4.689109134742111 51.82539871395792)</t>
  </si>
  <si>
    <t>POINT (4.681269967968358 51.82232329062849)</t>
  </si>
  <si>
    <t>POINT (4.696501623070807 51.826284800091244)</t>
  </si>
  <si>
    <t>POINT (4.6928717317559885 51.83122832192716)</t>
  </si>
  <si>
    <t>POINT (4.696606199597215 51.83379822408487)</t>
  </si>
  <si>
    <t>POINT (4.692199698030462 51.84304597610319)</t>
  </si>
  <si>
    <t>POINT (4.703099210546443 51.83020385651767)</t>
  </si>
  <si>
    <t>POINT (4.696154427808855 51.83496846492114)</t>
  </si>
  <si>
    <t>POINT (4.681191641877789 51.830647883475734)</t>
  </si>
  <si>
    <t>POINT (4.692911403974301 51.82840865908119)</t>
  </si>
  <si>
    <t>POINT (4.6948992100104 51.836163667087014)</t>
  </si>
  <si>
    <t>POINT (4.700576575722622 51.833532196975405)</t>
  </si>
  <si>
    <t>POINT (4.698479914793809 51.82868530725164)</t>
  </si>
  <si>
    <t>POINT (4.695258624271951 51.82713711671771)</t>
  </si>
  <si>
    <t>POINT (4.708315024951511 51.82832095331624)</t>
  </si>
  <si>
    <t>POINT (4.686413686147808 51.82383645146772)</t>
  </si>
  <si>
    <t>POINT (4.703680713023211 51.828395342961834)</t>
  </si>
  <si>
    <t>POINT (4.688576470005799 51.836261264851444)</t>
  </si>
  <si>
    <t>POINT (4.716087897360018 51.83546158839049)</t>
  </si>
  <si>
    <t>POINT (4.678625028978749 51.83069039539143)</t>
  </si>
  <si>
    <t>POINT (4.6777873273830535 51.8287900967817)</t>
  </si>
  <si>
    <t>POINT (4.714174120289468 51.83382206601302)</t>
  </si>
  <si>
    <t>POINT (4.683683324784181 51.82776044527499)</t>
  </si>
  <si>
    <t>POINT (4.680624714310175 51.832316747049816)</t>
  </si>
  <si>
    <t>POINT (4.702208915935137 51.828963968393424)</t>
  </si>
  <si>
    <t>POINT (4.719198399103891 51.83550110827667)</t>
  </si>
  <si>
    <t>POINT (4.703834258876974 51.82881501724909)</t>
  </si>
  <si>
    <t>POINT (4.6809504426861865 51.8233745421557)</t>
  </si>
  <si>
    <t>POINT (4.678790067357162 51.82294223797854)</t>
  </si>
  <si>
    <t>POINT (4.701560764149434 51.83805446345052)</t>
  </si>
  <si>
    <t>POINT (4.693243145500408 51.830237399701964)</t>
  </si>
  <si>
    <t>POINT (4.722515536524286 51.83010722865855)</t>
  </si>
  <si>
    <t>POINT (4.706916239915395 51.83850730139302)</t>
  </si>
  <si>
    <t>POINT (4.698119032584834 51.82901582270004)</t>
  </si>
  <si>
    <t>POINT (4.694814267854038 51.8380465444587)</t>
  </si>
  <si>
    <t>POINT (4.694203038401282 51.83273524143859)</t>
  </si>
  <si>
    <t>POINT (4.696771411262623 51.83552894975521)</t>
  </si>
  <si>
    <t>POINT (4.678503811712466 51.823346006184096)</t>
  </si>
  <si>
    <t>POINT (4.679199288166606 51.82621936402834)</t>
  </si>
  <si>
    <t>POINT (4.692887069647913 51.82812658646599)</t>
  </si>
  <si>
    <t>POINT (4.704681857322079 51.83755455476013)</t>
  </si>
  <si>
    <t>POINT (4.689471779778509 51.824558517246516)</t>
  </si>
  <si>
    <t>POINT (4.6876305863288295 51.8254107017474)</t>
  </si>
  <si>
    <t>POINT (4.68442257514802 51.83349146681666)</t>
  </si>
  <si>
    <t>POINT (4.701037953216475 51.83950254999057)</t>
  </si>
  <si>
    <t>POINT (4.690907971385223 51.838569698320285)</t>
  </si>
  <si>
    <t>POINT (4.679272320566656 51.83124527802272)</t>
  </si>
  <si>
    <t>POINT (4.6966792752432385 51.83377769246674)</t>
  </si>
  <si>
    <t>POINT (4.69844519117509 51.831114776028095)</t>
  </si>
  <si>
    <t>POINT (4.680293162798328 51.83892473757971)</t>
  </si>
  <si>
    <t>POINT (4.705207231250009 51.83772609960401)</t>
  </si>
  <si>
    <t>POINT (4.701132541237988 51.83320844124548)</t>
  </si>
  <si>
    <t>POINT (4.69165680742247 51.825873212137594)</t>
  </si>
  <si>
    <t>POINT (4.705814678971611 51.83450512996032)</t>
  </si>
  <si>
    <t>POINT (4.690604174428966 51.82999481479046)</t>
  </si>
  <si>
    <t>POINT (4.710253700800034 51.83765911975931)</t>
  </si>
  <si>
    <t>POINT (4.703450420558044 51.82797527534686)</t>
  </si>
  <si>
    <t>POINT (4.70637060609686 51.82847374304008)</t>
  </si>
  <si>
    <t>POINT (4.678947697743242 51.82230700807498)</t>
  </si>
  <si>
    <t>POINT (4.708246698642534 51.8384895564812)</t>
  </si>
  <si>
    <t>POINT (4.698224602222004 51.830897340887255)</t>
  </si>
  <si>
    <t>POINT (4.683270466286296 51.83207683457309)</t>
  </si>
  <si>
    <t>POINT (4.683193703285891 51.82527015265425)</t>
  </si>
  <si>
    <t>POINT (4.684073983080285 51.82706457484343)</t>
  </si>
  <si>
    <t>POINT (4.736067315838547 51.83270659645785)</t>
  </si>
  <si>
    <t>POINT (4.689554302696926 51.84321039192497)</t>
  </si>
  <si>
    <t>POINT (4.686293631376706 51.83917517487625)</t>
  </si>
  <si>
    <t>POINT (4.692606973538185 51.8350685789033)</t>
  </si>
  <si>
    <t>POINT (4.698474127373231 51.83286744120973)</t>
  </si>
  <si>
    <t>POINT (4.696271324174401 51.8389405442796)</t>
  </si>
  <si>
    <t>POINT (4.7220653648001365 51.83431329965945)</t>
  </si>
  <si>
    <t>POINT (4.680785101526561 51.82889735236461)</t>
  </si>
  <si>
    <t>POINT (4.692014382816574 51.82464883007692)</t>
  </si>
  <si>
    <t>POINT (4.68380405017787 51.82597035133814)</t>
  </si>
  <si>
    <t>POINT (4.680662101343003 51.82941329757874)</t>
  </si>
  <si>
    <t>POINT (4.680405381208817 51.83769863479723)</t>
  </si>
  <si>
    <t>POINT (4.7267939927381635 51.83294881139139)</t>
  </si>
  <si>
    <t>POINT (4.715161472765526 51.83275042783229)</t>
  </si>
  <si>
    <t>POINT (4.6784280443319775 51.83752388433457)</t>
  </si>
  <si>
    <t>POINT (4.68997507472686 51.83140678153412)</t>
  </si>
  <si>
    <t>POINT (4.6859519481827245 51.82401449141407)</t>
  </si>
  <si>
    <t>POINT (4.7051605388248205 51.83737622498254)</t>
  </si>
  <si>
    <t>POINT (4.686713002882958 51.82569116715859)</t>
  </si>
  <si>
    <t>POINT (4.683331503166617 51.827647389222115)</t>
  </si>
  <si>
    <t>POINT (4.733782579809627 51.83006242489712)</t>
  </si>
  <si>
    <t>POINT (4.693529211134427 51.841558077726674)</t>
  </si>
  <si>
    <t>POINT (4.714409923763326 51.8358201935694)</t>
  </si>
  <si>
    <t>POINT (4.677715551517998 51.82882478163329)</t>
  </si>
  <si>
    <t>POINT (4.682135380632682 51.827163425638865)</t>
  </si>
  <si>
    <t>POINT (4.698580810025447 51.83307802348259)</t>
  </si>
  <si>
    <t>POINT (4.70769350998688 51.836031735232254)</t>
  </si>
  <si>
    <t>POINT (4.682904578749391 51.836953988867634)</t>
  </si>
  <si>
    <t>POINT (4.679508986950662 51.82635578282118)</t>
  </si>
  <si>
    <t>POINT (4.699394690136019 51.83877684677459)</t>
  </si>
  <si>
    <t>POINT (4.702929328991971 51.835903507035866)</t>
  </si>
  <si>
    <t>3351AG</t>
  </si>
  <si>
    <t>Kazernestraat</t>
  </si>
  <si>
    <t>POINT (4.683042629134142 51.82461155580406)</t>
  </si>
  <si>
    <t>POINT (4.708411475579156 51.837212579708044)</t>
  </si>
  <si>
    <t>POINT (4.687224117697662 51.82629868482451)</t>
  </si>
  <si>
    <t>POINT (4.686240865284027 51.8239084342992)</t>
  </si>
  <si>
    <t>POINT (4.678809612806137 51.822977789231956)</t>
  </si>
  <si>
    <t>POINT (4.695160201355556 51.84141595687956)</t>
  </si>
  <si>
    <t>POINT (4.717819270014885 51.83200976944745)</t>
  </si>
  <si>
    <t>POINT (4.724555051154279 51.834869401416576)</t>
  </si>
  <si>
    <t>POINT (4.6739972694544605 51.83308775926204)</t>
  </si>
  <si>
    <t>POINT (4.677351718233706 51.83535397651027)</t>
  </si>
  <si>
    <t>POINT (4.679462005412526 51.82800342504682)</t>
  </si>
  <si>
    <t>POINT (4.680880973203875 51.827036397892314)</t>
  </si>
  <si>
    <t>POINT (4.679475965071917 51.82955503112035)</t>
  </si>
  <si>
    <t>POINT (4.729051021039738 51.83273878526991)</t>
  </si>
  <si>
    <t>POINT (4.703950399513878 51.834832563206234)</t>
  </si>
  <si>
    <t>POINT (4.67593614257077 51.831979959748665)</t>
  </si>
  <si>
    <t>POINT (4.695379642445164 51.83110567491565)</t>
  </si>
  <si>
    <t>POINT (4.675135301419428 51.8286193261917)</t>
  </si>
  <si>
    <t>POINT (4.689795202743752 51.825831299009565)</t>
  </si>
  <si>
    <t>POINT (4.704173285610697 51.83069120945455)</t>
  </si>
  <si>
    <t>POINT (4.690845943872516 51.824743790134455)</t>
  </si>
  <si>
    <t>POINT (4.680080203740767 51.83519299845068)</t>
  </si>
  <si>
    <t>POINT (4.688250736759772 51.84446783295177)</t>
  </si>
  <si>
    <t>POINT (4.691593411409195 51.83269565429744)</t>
  </si>
  <si>
    <t>POINT (4.696522386577198 51.82650880229216)</t>
  </si>
  <si>
    <t>POINT (4.67878195434544 51.83026341094575)</t>
  </si>
  <si>
    <t>POINT (4.685220501583087 51.834888509366316)</t>
  </si>
  <si>
    <t>POINT (4.6758785026165395 51.829828428597196)</t>
  </si>
  <si>
    <t>POINT (4.691738257584885 51.83383900398859)</t>
  </si>
  <si>
    <t>POINT (4.676832875365435 51.828025448534035)</t>
  </si>
  <si>
    <t>POINT (4.704253530368869 51.834361983905765)</t>
  </si>
  <si>
    <t>POINT (4.6776408831904055 51.831340037765564)</t>
  </si>
  <si>
    <t>POINT (4.6997396010138575 51.84097329505083)</t>
  </si>
  <si>
    <t>POINT (4.677803615139111 51.823374270267756)</t>
  </si>
  <si>
    <t>POINT (4.695355060989104 51.83606109757679)</t>
  </si>
  <si>
    <t>POINT (4.675116842790319 51.83161257925123)</t>
  </si>
  <si>
    <t>POINT (4.680976422091262 51.82409288296469)</t>
  </si>
  <si>
    <t>POINT (4.68065741946156 51.823892772283024)</t>
  </si>
  <si>
    <t>POINT (4.698277771393557 51.83553765555631)</t>
  </si>
  <si>
    <t>POINT (4.685162494493979 51.83707861255934)</t>
  </si>
  <si>
    <t>POINT (4.6796637991377406 51.83842808121181)</t>
  </si>
  <si>
    <t>POINT (4.6930332797051735 51.83057736749449)</t>
  </si>
  <si>
    <t>POINT (4.675436958890338 51.83049773472629)</t>
  </si>
  <si>
    <t>POINT (4.690150124261276 51.832565225085595)</t>
  </si>
  <si>
    <t>POINT (4.67643425976984 51.83181744187993)</t>
  </si>
  <si>
    <t>POINT (4.686747555074016 51.84504372881831)</t>
  </si>
  <si>
    <t>POINT (4.680740958050559 51.83173629479125)</t>
  </si>
  <si>
    <t>POINT (4.6868233375343 51.82546798128229)</t>
  </si>
  <si>
    <t>POINT (4.70317863542863 51.829720497399926)</t>
  </si>
  <si>
    <t>POINT (4.691771037643395 51.84180618058403)</t>
  </si>
  <si>
    <t>POINT (4.696403924198451 51.837684489983424)</t>
  </si>
  <si>
    <t>POINT (4.675947580478169 51.83014502300123)</t>
  </si>
  <si>
    <t>POINT (4.693196673406995 51.83019059078404)</t>
  </si>
  <si>
    <t>POINT (4.724628904655972 51.82980265130444)</t>
  </si>
  <si>
    <t>POINT (4.690053278798398 51.841422866328244)</t>
  </si>
  <si>
    <t>POINT (4.678296307548185 51.837197538289566)</t>
  </si>
  <si>
    <t>POINT (4.685356888936238 51.83732403207909)</t>
  </si>
  <si>
    <t>POINT (4.677440169280101 51.82895335340363)</t>
  </si>
  <si>
    <t>POINT (4.682828463409773 51.83472642594894)</t>
  </si>
  <si>
    <t>POINT (4.702491893485174 51.82768919771738)</t>
  </si>
  <si>
    <t>POINT (4.689171670315247 51.844336154256084)</t>
  </si>
  <si>
    <t>POINT (4.7307013968732035 51.82842891089143)</t>
  </si>
  <si>
    <t>POINT (4.6774125120524 51.835283963010895)</t>
  </si>
  <si>
    <t>POINT (4.680049495196618 51.829248271385914)</t>
  </si>
  <si>
    <t>POINT (4.677195406623986 51.83531279805534)</t>
  </si>
  <si>
    <t>POINT (4.681000197598376 51.83232162223066)</t>
  </si>
  <si>
    <t>POINT (4.683306823144125 51.827656939976904)</t>
  </si>
  <si>
    <t>POINT (4.720088167532477 51.834450158906826)</t>
  </si>
  <si>
    <t>POINT (4.681446568522026 51.82572189294181)</t>
  </si>
  <si>
    <t>POINT (4.685131303253659 51.83944054045898)</t>
  </si>
  <si>
    <t>POINT (4.675923177951476 51.82986566963832)</t>
  </si>
  <si>
    <t>POINT (4.715007391737484 51.8319638236421)</t>
  </si>
  <si>
    <t>POINT (4.688738628268494 51.82752683661741)</t>
  </si>
  <si>
    <t>POINT (4.694634325920093 51.830030976199104)</t>
  </si>
  <si>
    <t>POINT (4.714269117733541 51.83344160112947)</t>
  </si>
  <si>
    <t>POINT (4.691057314959839 51.840368597385705)</t>
  </si>
  <si>
    <t>POINT (4.684311116316526 51.82826005598147)</t>
  </si>
  <si>
    <t>POINT (4.684621462608756 51.834725952667)</t>
  </si>
  <si>
    <t>POINT (4.707974891903203 51.829747664915416)</t>
  </si>
  <si>
    <t>POINT (4.694680318553733 51.84215409543569)</t>
  </si>
  <si>
    <t>POINT (4.68721867608318 51.83410467683858)</t>
  </si>
  <si>
    <t>POINT (4.682152772028958 51.83843381492837)</t>
  </si>
  <si>
    <t>POINT (4.701226847055296 51.83052186871997)</t>
  </si>
  <si>
    <t>POINT (4.690387428325804 51.84131019108697)</t>
  </si>
  <si>
    <t>POINT (4.700427773869836 51.840170620925214)</t>
  </si>
  <si>
    <t>POINT (4.726892581318357 51.832881196377805)</t>
  </si>
  <si>
    <t>POINT (4.684344126035485 51.827244860104535)</t>
  </si>
  <si>
    <t>POINT (4.695610938550354 51.831199378074814)</t>
  </si>
  <si>
    <t>POINT (4.710144879706036 51.82902976747849)</t>
  </si>
  <si>
    <t>POINT (4.6947385369968115 51.83727640159362)</t>
  </si>
  <si>
    <t>POINT (4.683986248579899 51.829732634665156)</t>
  </si>
  <si>
    <t>POINT (4.6841603114513175 51.82477886494753)</t>
  </si>
  <si>
    <t>POINT (4.702355943412508 51.83838949053045)</t>
  </si>
  <si>
    <t>POINT (4.719418518289545 51.830453537471755)</t>
  </si>
  <si>
    <t>POINT (4.675965079036402 51.830720258888775)</t>
  </si>
  <si>
    <t>POINT (4.707683602487795 51.83513591699527)</t>
  </si>
  <si>
    <t>POINT (4.682402271224066 51.83513022644646)</t>
  </si>
  <si>
    <t>POINT (4.7022321939726055 51.83723325431161)</t>
  </si>
  <si>
    <t>POINT (4.714233081582939 51.83358613824657)</t>
  </si>
  <si>
    <t>POINT (4.6800834538259775 51.83080348513959)</t>
  </si>
  <si>
    <t>POINT (4.686794320469182 51.8447418461349)</t>
  </si>
  <si>
    <t>POINT (4.692785485712976 51.835022004222445)</t>
  </si>
  <si>
    <t>POINT (4.689947245641599 51.823268469668854)</t>
  </si>
  <si>
    <t>POINT (4.687203296939029 51.82298528203178)</t>
  </si>
  <si>
    <t>POINT (4.685748733839561 51.83332643918473)</t>
  </si>
  <si>
    <t>POINT (4.685530775719895 51.83403707282272)</t>
  </si>
  <si>
    <t>POINT (4.6873274665986955 51.82293544337424)</t>
  </si>
  <si>
    <t>POINT (4.6812101328449565 51.82231230613957)</t>
  </si>
  <si>
    <t>POINT (4.706395471536439 51.837934898627886)</t>
  </si>
  <si>
    <t>POINT (4.705209306484488 51.83960671037233)</t>
  </si>
  <si>
    <t>POINT (4.723867020647257 51.833601034300145)</t>
  </si>
  <si>
    <t>POINT (4.7051840911051075 51.83755144214216)</t>
  </si>
  <si>
    <t>POINT (4.691093045531465 51.823417929541534)</t>
  </si>
  <si>
    <t>POINT (4.689549530153701 51.82744101756062)</t>
  </si>
  <si>
    <t>POINT (4.711596974844121 51.82858043328113)</t>
  </si>
  <si>
    <t>POINT (4.687511409316366 51.834987335387886)</t>
  </si>
  <si>
    <t>POINT (4.694202107086275 51.83947918928867)</t>
  </si>
  <si>
    <t>POINT (4.691430910904408 51.83199143833541)</t>
  </si>
  <si>
    <t>POINT (4.700205808135028 51.83909887637217)</t>
  </si>
  <si>
    <t>POINT (4.687879548437523 51.82301958697993)</t>
  </si>
  <si>
    <t>POINT (4.687440541931572 51.823994441134076)</t>
  </si>
  <si>
    <t>POINT (4.706548560356895 51.82749709089128)</t>
  </si>
  <si>
    <t>POINT (4.71244706555655 51.831689759191114)</t>
  </si>
  <si>
    <t>POINT (4.695516682355274 51.83121253039018)</t>
  </si>
  <si>
    <t>POINT (4.6949452365328295 51.82403781026056)</t>
  </si>
  <si>
    <t>POINT (4.684858330178594 51.8359168006284)</t>
  </si>
  <si>
    <t>POINT (4.678775096511633 51.83678908127749)</t>
  </si>
  <si>
    <t>POINT (4.676776988663858 51.822798880995826)</t>
  </si>
  <si>
    <t>POINT (4.67734120315348 51.83531872238349)</t>
  </si>
  <si>
    <t>POINT (4.68334141486722 51.82722547656125)</t>
  </si>
  <si>
    <t>POINT (4.733623178939591 51.8322915472495)</t>
  </si>
  <si>
    <t>POINT (4.692951231281703 51.83769752464239)</t>
  </si>
  <si>
    <t>POINT (4.68023839928281 51.832031314742395)</t>
  </si>
  <si>
    <t>POINT (4.692694886396138 51.8387864190099)</t>
  </si>
  <si>
    <t>POINT (4.689488373317695 51.84369025343954)</t>
  </si>
  <si>
    <t>POINT (4.695752742102714 51.835383684457035)</t>
  </si>
  <si>
    <t>POINT (4.678443238248312 51.830335873208064)</t>
  </si>
  <si>
    <t>POINT (4.696674531263466 51.82657965601547)</t>
  </si>
  <si>
    <t>POINT (4.703557415988225 51.8381807931486)</t>
  </si>
  <si>
    <t>POINT (4.686631497548182 51.823421361520126)</t>
  </si>
  <si>
    <t>POINT (4.715213371911083 51.83345554031786)</t>
  </si>
  <si>
    <t>POINT (4.694638574589786 51.83294977273157)</t>
  </si>
  <si>
    <t>POINT (4.6886341247920145 51.82836800118429)</t>
  </si>
  <si>
    <t>POINT (4.6783252950520655 51.82354518644034)</t>
  </si>
  <si>
    <t>POINT (4.735002335117114 51.83160305938743)</t>
  </si>
  <si>
    <t>POINT (4.694294755181823 51.83537723621608)</t>
  </si>
  <si>
    <t>POINT (4.680115642002264 51.83518053792197)</t>
  </si>
  <si>
    <t>POINT (4.693272045181655 51.835777679231036)</t>
  </si>
  <si>
    <t>POINT (4.729934878922565 51.832944785375176)</t>
  </si>
  <si>
    <t>POINT (4.728982483524888 51.83173766348363)</t>
  </si>
  <si>
    <t>POINT (4.7005093109410785 51.840824525597014)</t>
  </si>
  <si>
    <t>POINT (4.703496876078877 51.83112750777229)</t>
  </si>
  <si>
    <t>POINT (4.690909940602561 51.8333874845312)</t>
  </si>
  <si>
    <t>POINT (4.68164091769757 51.82437577922408)</t>
  </si>
  <si>
    <t>POINT (4.715937673077553 51.832255308524175)</t>
  </si>
  <si>
    <t>POINT (4.699114086059233 51.830979995219344)</t>
  </si>
  <si>
    <t>POINT (4.688911320659146 51.82532356073981)</t>
  </si>
  <si>
    <t>POINT (4.688701022190039 51.82418111984143)</t>
  </si>
  <si>
    <t>POINT (4.6847818656110904 51.82584947599715)</t>
  </si>
  <si>
    <t>POINT (4.680199031109729 51.82918013931938)</t>
  </si>
  <si>
    <t>POINT (4.677022132416381 51.822943913427174)</t>
  </si>
  <si>
    <t>POINT (4.67862496741222 51.822451494380694)</t>
  </si>
  <si>
    <t>POINT (4.689720258887396 51.84140061904261)</t>
  </si>
  <si>
    <t>POINT (4.696685160115181 51.83916955532252)</t>
  </si>
  <si>
    <t>POINT (4.691806606042422 51.825856688705564)</t>
  </si>
  <si>
    <t>POINT (4.723075196275129 51.83437700236945)</t>
  </si>
  <si>
    <t>POINT (4.7324804949555 51.83293315919014)</t>
  </si>
  <si>
    <t>POINT (4.697416022706892 51.83245672217419)</t>
  </si>
  <si>
    <t>POINT (4.729323259588293 51.83301171320081)</t>
  </si>
  <si>
    <t>POINT (4.696193006335559 51.828654509885965)</t>
  </si>
  <si>
    <t>POINT (4.6907775231173074 51.82421789899474)</t>
  </si>
  <si>
    <t>POINT (4.691828366052729 51.82955048392902)</t>
  </si>
  <si>
    <t>POINT (4.691564073285087 51.827644503750356)</t>
  </si>
  <si>
    <t>POINT (4.694758709807963 51.832415990328236)</t>
  </si>
  <si>
    <t>POINT (4.694178061792255 51.83696263608558)</t>
  </si>
  <si>
    <t>POINT (4.697092775045023 51.834757943112045)</t>
  </si>
  <si>
    <t>POINT (4.679724344075406 51.832645081552926)</t>
  </si>
  <si>
    <t>POINT (4.72332443173421 51.83406366696249)</t>
  </si>
  <si>
    <t>POINT (4.683678243656691 51.830331913725104)</t>
  </si>
  <si>
    <t>POINT (4.6844295546494825 51.826722097474104)</t>
  </si>
  <si>
    <t>POINT (4.694751850240296 51.83099683326757)</t>
  </si>
  <si>
    <t>POINT (4.700416793237332 51.836695195732126)</t>
  </si>
  <si>
    <t>POINT (4.688490592090576 51.82304504154592)</t>
  </si>
  <si>
    <t>POINT (4.678542384812296 51.83798218631457)</t>
  </si>
  <si>
    <t>POINT (4.682546531364107 51.82312256546412)</t>
  </si>
  <si>
    <t>POINT (4.690064750056366 51.83447399432087)</t>
  </si>
  <si>
    <t>POINT (4.699951825559011 51.840931347213875)</t>
  </si>
  <si>
    <t>POINT (4.694004396702381 51.841643723476714)</t>
  </si>
  <si>
    <t>POINT (4.678949656437431 51.83543910559189)</t>
  </si>
  <si>
    <t>POINT (4.690655663283063 51.84172611354685)</t>
  </si>
  <si>
    <t>POINT (4.680979672906129 51.83073472410905)</t>
  </si>
  <si>
    <t>POINT (4.679599596753908 51.83313688047181)</t>
  </si>
  <si>
    <t>POINT (4.6857868418373565 51.83497554283274)</t>
  </si>
  <si>
    <t>POINT (4.731672911562445 51.82604817901473)</t>
  </si>
  <si>
    <t>POINT (4.673960696026954 51.82938924604915)</t>
  </si>
  <si>
    <t>POINT (4.687048147386441 51.82294992110753)</t>
  </si>
  <si>
    <t>POINT (4.708240145270459 51.83524739605174)</t>
  </si>
  <si>
    <t>POINT (4.679198649291352 51.82261261739954)</t>
  </si>
  <si>
    <t>POINT (4.698633747400461 51.836061291119954)</t>
  </si>
  <si>
    <t>POINT (4.6842525210479184 51.82819135542267)</t>
  </si>
  <si>
    <t>POINT (4.678258878695232 51.82943384551176)</t>
  </si>
  <si>
    <t>POINT (4.679185443462051 51.83060750385384)</t>
  </si>
  <si>
    <t>POINT (4.6946698561189715 51.837119153887954)</t>
  </si>
  <si>
    <t>POINT (4.691216587329481 51.82539995730129)</t>
  </si>
  <si>
    <t>POINT (4.719524706075792 51.83578634847482)</t>
  </si>
  <si>
    <t>POINT (4.722303649356083 51.834981442496954)</t>
  </si>
  <si>
    <t>POINT (4.698684293170683 51.83634360572496)</t>
  </si>
  <si>
    <t>POINT (4.675355519305016 51.831766519307514)</t>
  </si>
  <si>
    <t>POINT (4.707504264358107 51.83491797439506)</t>
  </si>
  <si>
    <t>POINT (4.691708368966528 51.83200990026394)</t>
  </si>
  <si>
    <t>POINT (4.68344764000633 51.825540759706676)</t>
  </si>
  <si>
    <t>POINT (4.692597505756254 51.84059725805111)</t>
  </si>
  <si>
    <t>POINT (4.692267510187907 51.830660035343804)</t>
  </si>
  <si>
    <t>POINT (4.685833612068752 51.835024459791676)</t>
  </si>
  <si>
    <t>POINT (4.724125406661544 51.83430182574896)</t>
  </si>
  <si>
    <t>POINT (4.679100063101762 51.84178938127777)</t>
  </si>
  <si>
    <t>POINT (4.707960351785361 51.83812308814079)</t>
  </si>
  <si>
    <t>POINT (4.690387549944783 51.82330718289095)</t>
  </si>
  <si>
    <t>POINT (4.6935808609077085 51.83895475546226)</t>
  </si>
  <si>
    <t>POINT (4.702564854506526 51.83426592881267)</t>
  </si>
  <si>
    <t>POINT (4.679341340405816 51.830621513547065)</t>
  </si>
  <si>
    <t>POINT (4.690712116514992 51.84040996509859)</t>
  </si>
  <si>
    <t>POINT (4.6999787328028475 51.82876167725737)</t>
  </si>
  <si>
    <t>POINT (4.679045627787023 51.82915662954077)</t>
  </si>
  <si>
    <t>POINT (4.710646443696206 51.82906393079319)</t>
  </si>
  <si>
    <t>POINT (4.677745292634762 51.83135687537205)</t>
  </si>
  <si>
    <t>POINT (4.697753993577242 51.82867041223892)</t>
  </si>
  <si>
    <t>POINT (4.72316763111784 51.83452965745848)</t>
  </si>
  <si>
    <t>POINT (4.683660493439951 51.83008336119149)</t>
  </si>
  <si>
    <t>POINT (4.735636302951266 51.83265350028488)</t>
  </si>
  <si>
    <t>POINT (4.687697578145194 51.84454540035812)</t>
  </si>
  <si>
    <t>POINT (4.6856382207483485 51.8241273567439)</t>
  </si>
  <si>
    <t>POINT (4.680851641973215 51.82886056675197)</t>
  </si>
  <si>
    <t>POINT (4.689723865165069 51.82920821390693)</t>
  </si>
  <si>
    <t>POINT (4.727416429987721 51.83184008803299)</t>
  </si>
  <si>
    <t>POINT (4.706386382769626 51.82852221134314)</t>
  </si>
  <si>
    <t>POINT (4.70366499155198 51.831177304051465)</t>
  </si>
  <si>
    <t>POINT (4.702185885597478 51.83613916758527)</t>
  </si>
  <si>
    <t>POINT (4.678817769265107 51.82988622965712)</t>
  </si>
  <si>
    <t>POINT (4.71335762551339 51.83228570364682)</t>
  </si>
  <si>
    <t>POINT (4.686197981528614 51.8409467755559)</t>
  </si>
  <si>
    <t>POINT (4.697530875680194 51.839205195668825)</t>
  </si>
  <si>
    <t>POINT (4.685471435308882 51.82898587424881)</t>
  </si>
  <si>
    <t>POINT (4.727091285220843 51.83316954482472)</t>
  </si>
  <si>
    <t>POINT (4.675829991919549 51.83226359155095)</t>
  </si>
  <si>
    <t>POINT (4.7309701968675375 51.83292772841718)</t>
  </si>
  <si>
    <t>POINT (4.701963654164862 51.831336020653616)</t>
  </si>
  <si>
    <t>POINT (4.677249879749832 51.83096531883148)</t>
  </si>
  <si>
    <t>POINT (4.702189137415727 51.83860499032079)</t>
  </si>
  <si>
    <t>POINT (4.684585480240161 51.833433611308195)</t>
  </si>
  <si>
    <t>POINT (4.699838194748213 51.83775745579363)</t>
  </si>
  <si>
    <t>POINT (4.684256380694561 51.83713779180942)</t>
  </si>
  <si>
    <t>POINT (4.685071818904457 51.83993249218447)</t>
  </si>
  <si>
    <t>POINT (4.6896833301381085 51.8233157368956)</t>
  </si>
  <si>
    <t>POINT (4.685573601131837 51.84081830158225)</t>
  </si>
  <si>
    <t>POINT (4.714113630690869 51.834063135459864)</t>
  </si>
  <si>
    <t>POINT (4.679879644389364 51.833076492625096)</t>
  </si>
  <si>
    <t>POINT (4.680412206277425 51.82406374326653)</t>
  </si>
  <si>
    <t>POINT (4.69002497244784 51.82993427136389)</t>
  </si>
  <si>
    <t>POINT (4.686480580720807 51.83408257478501)</t>
  </si>
  <si>
    <t>POINT (4.686650125411902 51.82365354166447)</t>
  </si>
  <si>
    <t>POINT (4.6935414859432445 51.83840494014771)</t>
  </si>
  <si>
    <t>POINT (4.690613151151661 51.83306106323403)</t>
  </si>
  <si>
    <t>POINT (4.704553952687248 51.83328257955618)</t>
  </si>
  <si>
    <t>POINT (4.713847350587449 51.83382438983184)</t>
  </si>
  <si>
    <t>POINT (4.6913092887102446 51.83287078580397)</t>
  </si>
  <si>
    <t>POINT (4.687653386790178 51.83793054825661)</t>
  </si>
  <si>
    <t>POINT (4.683909066620971 51.825259753699136)</t>
  </si>
  <si>
    <t>POINT (4.678654099516427 51.835544538629094)</t>
  </si>
  <si>
    <t>POINT (4.68202051006614 51.83711015367415)</t>
  </si>
  <si>
    <t>POINT (4.695993199740656 51.83564964483858)</t>
  </si>
  <si>
    <t>POINT (4.682189526342616 51.82719541787832)</t>
  </si>
  <si>
    <t>POINT (4.6975870601527765 51.83513283317021)</t>
  </si>
  <si>
    <t>POINT (4.680975794476269 51.82723592322899)</t>
  </si>
  <si>
    <t>POINT (4.685312951948259 51.828969583087854)</t>
  </si>
  <si>
    <t>POINT (4.710381259622557 51.8269703533778)</t>
  </si>
  <si>
    <t>POINT (4.726585796020274 51.83294299285203)</t>
  </si>
  <si>
    <t>POINT (4.683533342836038 51.837755689645874)</t>
  </si>
  <si>
    <t>POINT (4.695548609866786 51.838844029477606)</t>
  </si>
  <si>
    <t>POINT (4.687212180703868 51.84036702874725)</t>
  </si>
  <si>
    <t>POINT (4.694016410844864 51.829687603360576)</t>
  </si>
  <si>
    <t>POINT (4.7027985391932585 51.82812743805929)</t>
  </si>
  <si>
    <t>POINT (4.686487878868368 51.84009151202605)</t>
  </si>
  <si>
    <t>POINT (4.718091462352744 51.829917494953776)</t>
  </si>
  <si>
    <t>POINT (4.6937956950126924 51.84288350537396)</t>
  </si>
  <si>
    <t>POINT (4.67865476932927 51.830677505415004)</t>
  </si>
  <si>
    <t>POINT (4.6790973378814655 51.82660438022441)</t>
  </si>
  <si>
    <t>POINT (4.696384625130759 51.83929606395843)</t>
  </si>
  <si>
    <t>POINT (4.6820931506851995 51.822887342135495)</t>
  </si>
  <si>
    <t>POINT (4.6969264413370375 51.83993838696995)</t>
  </si>
  <si>
    <t>POINT (4.697236927637492 51.82606800411011)</t>
  </si>
  <si>
    <t>POINT (4.687592733494903 51.828356558601016)</t>
  </si>
  <si>
    <t>POINT (4.699268987283103 51.8362881489432)</t>
  </si>
  <si>
    <t>POINT (4.688422385547882 51.82860911963791)</t>
  </si>
  <si>
    <t>POINT (4.691715229286859 51.84329391686513)</t>
  </si>
  <si>
    <t>POINT (4.697480678681884 51.83976379541787)</t>
  </si>
  <si>
    <t>POINT (4.690708005476862 51.830578559888195)</t>
  </si>
  <si>
    <t>POINT (4.678756034765435 51.834857522582254)</t>
  </si>
  <si>
    <t>POINT (4.676639438823154 51.83725980822426)</t>
  </si>
  <si>
    <t>POINT (4.695182121296976 51.83315734376444)</t>
  </si>
  <si>
    <t>POINT (4.6952009600492834 51.827005848262786)</t>
  </si>
  <si>
    <t>POINT (4.700274691017806 51.83492669722583)</t>
  </si>
  <si>
    <t>POINT (4.69958058416393 51.831927802383824)</t>
  </si>
  <si>
    <t>POINT (4.7357908752051125 51.83308795921328)</t>
  </si>
  <si>
    <t>POINT (4.703544672250273 51.8246531042241)</t>
  </si>
  <si>
    <t>POINT (4.678246937868326 51.82352668192623)</t>
  </si>
  <si>
    <t>POINT (4.688346301539213 51.83814920679605)</t>
  </si>
  <si>
    <t>POINT (4.697870190384926 51.82879873328113)</t>
  </si>
  <si>
    <t>POINT (4.684706523333261 51.83655021148219)</t>
  </si>
  <si>
    <t>POINT (4.693587134629031 51.83838610902016)</t>
  </si>
  <si>
    <t>POINT (4.697687555466823 51.839375138050855)</t>
  </si>
  <si>
    <t>POINT (4.683685885349184 51.835351873497146)</t>
  </si>
  <si>
    <t>POINT (4.680536489821877 51.83124178515113)</t>
  </si>
  <si>
    <t>POINT (4.694064443090493 51.83655193999617)</t>
  </si>
  <si>
    <t>POINT (4.686374467030551 51.82985488013761)</t>
  </si>
  <si>
    <t>POINT (4.678530963335488 51.82363121840155)</t>
  </si>
  <si>
    <t>POINT (4.6919746587864966 51.82757287889222)</t>
  </si>
  <si>
    <t>POINT (4.6921969557805845 51.82733792888634)</t>
  </si>
  <si>
    <t>POINT (4.686900300109638 51.83520775121547)</t>
  </si>
  <si>
    <t>POINT (4.697539481070773 51.829125235446625)</t>
  </si>
  <si>
    <t>POINT (4.7040016936451945 51.82854841834061)</t>
  </si>
  <si>
    <t>POINT (4.692009436672936 51.832257504839525)</t>
  </si>
  <si>
    <t>POINT (4.719896997742527 51.83493124845137)</t>
  </si>
  <si>
    <t>3353AA</t>
  </si>
  <si>
    <t>Anjerpad</t>
  </si>
  <si>
    <t>POINT (4.6917751022247085 51.828427586162654)</t>
  </si>
  <si>
    <t>POINT (4.70222971430222 51.834684974035554)</t>
  </si>
  <si>
    <t>POINT (4.715529105656619 51.833969509565655)</t>
  </si>
  <si>
    <t>POINT (4.696345582379386 51.82883771549304)</t>
  </si>
  <si>
    <t>POINT (4.680631875877964 51.82429060016971)</t>
  </si>
  <si>
    <t>POINT (4.677902581325743 51.829621758105404)</t>
  </si>
  <si>
    <t>POINT (4.679115760969714 51.82228062468196)</t>
  </si>
  <si>
    <t>POINT (4.703929038020748 51.83550161490226)</t>
  </si>
  <si>
    <t>POINT (4.680649135968643 51.83927319471851)</t>
  </si>
  <si>
    <t>POINT (4.683052315224681 51.837775681536144)</t>
  </si>
  <si>
    <t>POINT (4.686009878779993 51.838394947935576)</t>
  </si>
  <si>
    <t>POINT (4.693982620819985 51.82989806151392)</t>
  </si>
  <si>
    <t>POINT (4.706877780973806 51.826220465763605)</t>
  </si>
  <si>
    <t>POINT (4.679469814451634 51.83453282561008)</t>
  </si>
  <si>
    <t>POINT (4.703601108949275 51.832422737782)</t>
  </si>
  <si>
    <t>POINT (4.678762493358569 51.83080364611903)</t>
  </si>
  <si>
    <t>POINT (4.72675663786217 51.831629055584614)</t>
  </si>
  <si>
    <t>POINT (4.709871829142092 51.83744679931437)</t>
  </si>
  <si>
    <t>POINT (4.683148499341625 51.82743300005808)</t>
  </si>
  <si>
    <t>POINT (4.67994683144581 51.831575496950656)</t>
  </si>
  <si>
    <t>POINT (4.6911756355768235 51.84166469490132)</t>
  </si>
  <si>
    <t>POINT (4.676386089238969 51.832122099116425)</t>
  </si>
  <si>
    <t>POINT (4.696400797202583 51.82623323217744)</t>
  </si>
  <si>
    <t>POINT (4.689423030376699 51.832185575821384)</t>
  </si>
  <si>
    <t>POINT (4.73000842089716 51.829161775579635)</t>
  </si>
  <si>
    <t>POINT (4.679254303444594 51.8346470302206)</t>
  </si>
  <si>
    <t>POINT (4.6997425446255265 51.8417284372424)</t>
  </si>
  <si>
    <t>POINT (4.690011749993575 51.82385928110759)</t>
  </si>
  <si>
    <t>POINT (4.687613790572469 51.83528040882113)</t>
  </si>
  <si>
    <t>POINT (4.696093365987132 51.83822852349471)</t>
  </si>
  <si>
    <t>POINT (4.685592039173981 51.825812731058456)</t>
  </si>
  <si>
    <t>POINT (4.7359192088279425 51.832995135890535)</t>
  </si>
  <si>
    <t>POINT (4.683767979556113 51.825437413852626)</t>
  </si>
  <si>
    <t>POINT (4.694004636678047 51.829660819600846)</t>
  </si>
  <si>
    <t>POINT (4.69614948534961 51.84065337357517)</t>
  </si>
  <si>
    <t>POINT (4.681045571711062 51.83900039277245)</t>
  </si>
  <si>
    <t>POINT (4.695508455647409 51.835120640285204)</t>
  </si>
  <si>
    <t>POINT (4.730448160253049 51.82930817127056)</t>
  </si>
  <si>
    <t>POINT (4.68665898534938 51.83829547173964)</t>
  </si>
  <si>
    <t>POINT (4.695028059887515 51.82671099019703)</t>
  </si>
  <si>
    <t>POINT (4.714149628195714 51.835882269023664)</t>
  </si>
  <si>
    <t>POINT (4.675813653017185 51.82989560329963)</t>
  </si>
  <si>
    <t>POINT (4.6767012839254045 51.83565677022444)</t>
  </si>
  <si>
    <t>POINT (4.720995765946049 51.83456810206219)</t>
  </si>
  <si>
    <t>POINT (4.675484003799347 51.82854145096531)</t>
  </si>
  <si>
    <t>POINT (4.693941373707603 51.82994348918466)</t>
  </si>
  <si>
    <t>POINT (4.700725100895504 51.833762599195126)</t>
  </si>
  <si>
    <t>POINT (4.705736912217328 51.83422975254497)</t>
  </si>
  <si>
    <t>POINT (4.6867145421027905 51.83400277671431)</t>
  </si>
  <si>
    <t>POINT (4.694599366076692 51.8269592984223)</t>
  </si>
  <si>
    <t>POINT (4.720251077855059 51.833929349612085)</t>
  </si>
  <si>
    <t>POINT (4.678987109998811 51.829985290663714)</t>
  </si>
  <si>
    <t>POINT (4.693050399276845 51.832064404874096)</t>
  </si>
  <si>
    <t>POINT (4.7062132456867065 51.8276013287146)</t>
  </si>
  <si>
    <t>POINT (4.705213657336866 51.83656925660737)</t>
  </si>
  <si>
    <t>POINT (4.707374468684352 51.82631986341162)</t>
  </si>
  <si>
    <t>POINT (4.677243057468876 51.82266512742397)</t>
  </si>
  <si>
    <t>POINT (4.6894765521050905 51.828339268294805)</t>
  </si>
  <si>
    <t>POINT (4.704665172726307 51.83973718202195)</t>
  </si>
  <si>
    <t>POINT (4.68539169809558 51.837359421696064)</t>
  </si>
  <si>
    <t>POINT (4.703106367217671 51.83137612324959)</t>
  </si>
  <si>
    <t>POINT (4.694576668941912 51.832292742874436)</t>
  </si>
  <si>
    <t>POINT (4.689253580822792 51.82747751386795)</t>
  </si>
  <si>
    <t>POINT (4.706305198379238 51.82849459479118)</t>
  </si>
  <si>
    <t>POINT (4.704124139205983 51.828585301191396)</t>
  </si>
  <si>
    <t>POINT (4.722814642430908 51.833041070084384)</t>
  </si>
  <si>
    <t>POINT (4.721993045556624 51.834331487321585)</t>
  </si>
  <si>
    <t>POINT (4.689502643620811 51.837931548553534)</t>
  </si>
  <si>
    <t>POINT (4.677795756768235 51.822435878803425)</t>
  </si>
  <si>
    <t>POINT (4.726419133832074 51.833036309392575)</t>
  </si>
  <si>
    <t>POINT (4.6924541026182185 51.83918631863553)</t>
  </si>
  <si>
    <t>POINT (4.698507096068244 51.833020845829004)</t>
  </si>
  <si>
    <t>POINT (4.693496204577558 51.830117441001505)</t>
  </si>
  <si>
    <t>POINT (4.708656946218164 51.8287125333619)</t>
  </si>
  <si>
    <t>POINT (4.684248083077777 51.83387350894416)</t>
  </si>
  <si>
    <t>POINT (4.703239785424321 51.82869192522413)</t>
  </si>
  <si>
    <t>POINT (4.678588621176783 51.823312073704855)</t>
  </si>
  <si>
    <t>POINT (4.683109645488448 51.83610717683804)</t>
  </si>
  <si>
    <t>POINT (4.6839477725455785 51.82774901438282)</t>
  </si>
  <si>
    <t>POINT (4.704339309337853 51.82490494431738)</t>
  </si>
  <si>
    <t>POINT (4.6831099227673985 51.8382118590941)</t>
  </si>
  <si>
    <t>POINT (4.699607289922683 51.83187669665587)</t>
  </si>
  <si>
    <t>POINT (4.687376378624481 51.83856650601383)</t>
  </si>
  <si>
    <t>POINT (4.690628613361478 51.82738142256917)</t>
  </si>
  <si>
    <t>POINT (4.696826629034468 51.83753571589547)</t>
  </si>
  <si>
    <t>POINT (4.696011485237392 51.8373243788566)</t>
  </si>
  <si>
    <t>POINT (4.7273395812053565 51.83357781003211)</t>
  </si>
  <si>
    <t>POINT (4.726961585993436 51.829957032714184)</t>
  </si>
  <si>
    <t>POINT (4.728664373171976 51.82960983977244)</t>
  </si>
  <si>
    <t>POINT (4.698424245566476 51.832526839001666)</t>
  </si>
  <si>
    <t>POINT (4.694218899001157 51.829956822104066)</t>
  </si>
  <si>
    <t>POINT (4.686912764226721 51.82738195499239)</t>
  </si>
  <si>
    <t>POINT (4.701222365028738 51.83385159008462)</t>
  </si>
  <si>
    <t>POINT (4.687641107035343 51.82784396386216)</t>
  </si>
  <si>
    <t>POINT (4.694794564647082 51.83910007508766)</t>
  </si>
  <si>
    <t>POINT (4.729506386103483 51.83328394351087)</t>
  </si>
  <si>
    <t>POINT (4.692088026181298 51.828205982062606)</t>
  </si>
  <si>
    <t>POINT (4.67934179683758 51.83541327339364)</t>
  </si>
  <si>
    <t>POINT (4.728099348307937 51.83258514288447)</t>
  </si>
  <si>
    <t>POINT (4.6959242053132995 51.83221795456531)</t>
  </si>
  <si>
    <t>POINT (4.692741097150388 51.840757808422154)</t>
  </si>
  <si>
    <t>POINT (4.694303913689116 51.824213583201214)</t>
  </si>
  <si>
    <t>POINT (4.698828283238867 51.83809584774811)</t>
  </si>
  <si>
    <t>POINT (4.6897596770434795 51.82520795909228)</t>
  </si>
  <si>
    <t>POINT (4.696013099881304 51.834024249188474)</t>
  </si>
  <si>
    <t>POINT (4.696307191242056 51.838982336739036)</t>
  </si>
  <si>
    <t>POINT (4.68406362777037 51.83754254636505)</t>
  </si>
  <si>
    <t>POINT (4.6893423422276905 51.82977765086326)</t>
  </si>
  <si>
    <t>POINT (4.702553851252179 51.82929627698877)</t>
  </si>
  <si>
    <t>POINT (4.6980662844828185 51.82966755754983)</t>
  </si>
  <si>
    <t>POINT (4.695943372880179 51.83404681356574)</t>
  </si>
  <si>
    <t>POINT (4.68033408555125 51.83633970736718)</t>
  </si>
  <si>
    <t>POINT (4.702943838588263 51.83508568978487)</t>
  </si>
  <si>
    <t>POINT (4.693401391700767 51.83649120618614)</t>
  </si>
  <si>
    <t>POINT (4.680802188873221 51.836536985248074)</t>
  </si>
  <si>
    <t>POINT (4.69628527591822 51.833931102250254)</t>
  </si>
  <si>
    <t>POINT (4.693251046572947 51.82715341747056)</t>
  </si>
  <si>
    <t>POINT (4.676635927890785 51.83311979661919)</t>
  </si>
  <si>
    <t>POINT (4.682503056914609 51.82930592960458)</t>
  </si>
  <si>
    <t>POINT (4.692547624042605 51.83038430395521)</t>
  </si>
  <si>
    <t>POINT (4.695937240075104 51.82679284134952)</t>
  </si>
  <si>
    <t>POINT (4.679518727981335 51.83532330314083)</t>
  </si>
  <si>
    <t>POINT (4.6911408121532165 51.825816715871575)</t>
  </si>
  <si>
    <t>POINT (4.692607193668255 51.825125699613324)</t>
  </si>
  <si>
    <t>POINT (4.691212737271373 51.82582210410578)</t>
  </si>
  <si>
    <t>POINT (4.686780712516985 51.83396756754374)</t>
  </si>
  <si>
    <t>POINT (4.694892904965834 51.825878968632736)</t>
  </si>
  <si>
    <t>POINT (4.699793175974264 51.82905060901265)</t>
  </si>
  <si>
    <t>POINT (4.69328105592171 51.823938222745426)</t>
  </si>
  <si>
    <t>POINT (4.692052457535871 51.837698426338406)</t>
  </si>
  <si>
    <t>POINT (4.694426381525963 51.841135192978115)</t>
  </si>
  <si>
    <t>POINT (4.722443695081978 51.834514989731574)</t>
  </si>
  <si>
    <t>POINT (4.707949022956288 51.837322136812006)</t>
  </si>
  <si>
    <t>POINT (4.6830506509282905 51.83578683642469)</t>
  </si>
  <si>
    <t>POINT (4.692990795797743 51.83916677014993)</t>
  </si>
  <si>
    <t>POINT (4.682975999241468 51.82589485226931)</t>
  </si>
  <si>
    <t>POINT (4.685426114192242 51.828931896150095)</t>
  </si>
  <si>
    <t>POINT (4.693146095510549 51.82389968145761)</t>
  </si>
  <si>
    <t>POINT (4.714102138245329 51.835817260747525)</t>
  </si>
  <si>
    <t>POINT (4.710670152414399 51.8292839831186)</t>
  </si>
  <si>
    <t>POINT (4.682014366839023 51.83057499615495)</t>
  </si>
  <si>
    <t>POINT (4.6806496007586516 51.82235493709486)</t>
  </si>
  <si>
    <t>POINT (4.7083970652878016 51.82830914031809)</t>
  </si>
  <si>
    <t>POINT (4.683356567523629 51.82763830817644)</t>
  </si>
  <si>
    <t>POINT (4.730719577139669 51.82849940236672)</t>
  </si>
  <si>
    <t>POINT (4.679835959611328 51.832604226639255)</t>
  </si>
  <si>
    <t>POINT (4.704155720678297 51.833292334827576)</t>
  </si>
  <si>
    <t>POINT (4.690024506490181 51.82336844192766)</t>
  </si>
  <si>
    <t>POINT (4.695281770623085 51.83977523377017)</t>
  </si>
  <si>
    <t>POINT (4.683509852002855 51.825277189965846)</t>
  </si>
  <si>
    <t>POINT (4.683107878176908 51.82529294542381)</t>
  </si>
  <si>
    <t>POINT (4.681282317534073 51.82621726755807)</t>
  </si>
  <si>
    <t>POINT (4.689909043878096 51.83178214137384)</t>
  </si>
  <si>
    <t>POINT (4.709116024837951 51.8290863445443)</t>
  </si>
  <si>
    <t>POINT (4.723381966117307 51.83371651965264)</t>
  </si>
  <si>
    <t>POINT (4.692907728181336 51.83045888281314)</t>
  </si>
  <si>
    <t>POINT (4.699629069873449 51.8347098062678)</t>
  </si>
  <si>
    <t>POINT (4.7236296257965265 51.83443486922863)</t>
  </si>
  <si>
    <t>POINT (4.698520855364777 51.833062265258235)</t>
  </si>
  <si>
    <t>POINT (4.695172916417321 51.8370364857102)</t>
  </si>
  <si>
    <t>POINT (4.698747238215932 51.83415660142907)</t>
  </si>
  <si>
    <t>POINT (4.67244943261158 51.831131385022424)</t>
  </si>
  <si>
    <t>POINT (4.687093164575794 51.824719011963936)</t>
  </si>
  <si>
    <t>POINT (4.727287855543387 51.8334868512002)</t>
  </si>
  <si>
    <t>POINT (4.694403160478511 51.83600708912201)</t>
  </si>
  <si>
    <t>POINT (4.688083798908022 51.83061071679068)</t>
  </si>
  <si>
    <t>POINT (4.726692422898286 51.83291890113486)</t>
  </si>
  <si>
    <t>POINT (4.70498916094117 51.83200542597153)</t>
  </si>
  <si>
    <t>POINT (4.70670968695993 51.839252797719226)</t>
  </si>
  <si>
    <t>POINT (4.6855137346049975 51.825815561807445)</t>
  </si>
  <si>
    <t>POINT (4.702265149485858 51.83472477568113)</t>
  </si>
  <si>
    <t>POINT (4.72824299028327 51.83326301605507)</t>
  </si>
  <si>
    <t>POINT (4.694749937292703 51.83589080875344)</t>
  </si>
  <si>
    <t>POINT (4.699553308335972 51.83456597592802)</t>
  </si>
  <si>
    <t>POINT (4.6757248064923145 51.830935006855725)</t>
  </si>
  <si>
    <t>POINT (4.687036439116803 51.82827886965338)</t>
  </si>
  <si>
    <t>POINT (4.701249956283827 51.83551393698284)</t>
  </si>
  <si>
    <t>POINT (4.693831995927111 51.83281956604303)</t>
  </si>
  <si>
    <t>POINT (4.680762546658713 51.8302121210257)</t>
  </si>
  <si>
    <t>POINT (4.700552194399775 51.8369400289053)</t>
  </si>
  <si>
    <t>POINT (4.685178492121375 51.84043125317137)</t>
  </si>
  <si>
    <t>POINT (4.6817833488774365 51.83861690551126)</t>
  </si>
  <si>
    <t>POINT (4.690435006033487 51.83864787979936)</t>
  </si>
  <si>
    <t>POINT (4.7158589842674 51.832250211421965)</t>
  </si>
  <si>
    <t>POINT (4.68861082525611 51.83023409335347)</t>
  </si>
  <si>
    <t>POINT (4.680499479165711 51.830043905995666)</t>
  </si>
  <si>
    <t>POINT (4.694352751220615 51.84104658906619)</t>
  </si>
  <si>
    <t>POINT (4.719970623338654 51.832166841761904)</t>
  </si>
  <si>
    <t>POINT (4.68749078362701 51.82788441563835)</t>
  </si>
  <si>
    <t>POINT (4.6943979967963685 51.82485528044769)</t>
  </si>
  <si>
    <t>POINT (4.682662141983807 51.83704175539739)</t>
  </si>
  <si>
    <t>POINT (4.693952428270827 51.83697634188097)</t>
  </si>
  <si>
    <t>POINT (4.697342093593136 51.83895987459632)</t>
  </si>
  <si>
    <t>POINT (4.679667608236311 51.83662687949942)</t>
  </si>
  <si>
    <t>POINT (4.6898213784798894 51.82779294736158)</t>
  </si>
  <si>
    <t>POINT (4.6950237665585215 51.826174477913725)</t>
  </si>
  <si>
    <t>POINT (4.713739859256092 51.832376839506715)</t>
  </si>
  <si>
    <t>POINT (4.708738236587856 51.82869757875748)</t>
  </si>
  <si>
    <t>POINT (4.705962560884758 51.834817479924496)</t>
  </si>
  <si>
    <t>POINT (4.692737920558912 51.84250287727097)</t>
  </si>
  <si>
    <t>POINT (4.690495101989338 51.82471599164282)</t>
  </si>
  <si>
    <t>POINT (4.718542172711312 51.835170968966885)</t>
  </si>
  <si>
    <t>POINT (4.705908997984587 51.83469821366352)</t>
  </si>
  <si>
    <t>POINT (4.704878511919819 51.83840037641102)</t>
  </si>
  <si>
    <t>POINT (4.675362972197487 51.83053524515945)</t>
  </si>
  <si>
    <t>POINT (4.735867702265511 51.83284972917207)</t>
  </si>
  <si>
    <t>POINT (4.71940577088159 51.83543312970325)</t>
  </si>
  <si>
    <t>POINT (4.683760276886995 51.82598388658959)</t>
  </si>
  <si>
    <t>POINT (4.687345833555613 51.82309403177715)</t>
  </si>
  <si>
    <t>POINT (4.6788566619044 51.837873954155256)</t>
  </si>
  <si>
    <t>POINT (4.697273102259895 51.82623313129081)</t>
  </si>
  <si>
    <t>POINT (4.702882491146713 51.835921768561334)</t>
  </si>
  <si>
    <t>POINT (4.688776089886232 51.82370083569937)</t>
  </si>
  <si>
    <t>POINT (4.684708152840308 51.825714061300445)</t>
  </si>
  <si>
    <t>POINT (4.675469505018927 51.83254842301436)</t>
  </si>
  <si>
    <t>POINT (4.679149388883456 51.82334212724885)</t>
  </si>
  <si>
    <t>POINT (4.682248222388954 51.836828496002106)</t>
  </si>
  <si>
    <t>POINT (4.696225630609175 51.833953807027804)</t>
  </si>
  <si>
    <t>POINT (4.690357085613845 51.8241752153942)</t>
  </si>
  <si>
    <t>POINT (4.67797835798677 51.827199936117246)</t>
  </si>
  <si>
    <t>POINT (4.689223889848103 51.82755592502911)</t>
  </si>
  <si>
    <t>POINT (4.70491331530552 51.836220119244615)</t>
  </si>
  <si>
    <t>POINT (4.676206471832017 51.831904591636004)</t>
  </si>
  <si>
    <t>POINT (4.675782101168877 51.830970625571986)</t>
  </si>
  <si>
    <t>POINT (4.726120356763873 51.82991967853837)</t>
  </si>
  <si>
    <t>POINT (4.6901207801184635 51.83157730741622)</t>
  </si>
  <si>
    <t>POINT (4.700116457823982 51.83801871206511)</t>
  </si>
  <si>
    <t>POINT (4.684652235376855 51.828493384997735)</t>
  </si>
  <si>
    <t>POINT (4.709708996481316 51.83702149818511)</t>
  </si>
  <si>
    <t>POINT (4.68783594952516 51.822953907811424)</t>
  </si>
  <si>
    <t>POINT (4.699628350813048 51.83459909812429)</t>
  </si>
  <si>
    <t>POINT (4.676911058238488 51.83011254731874)</t>
  </si>
  <si>
    <t>POINT (4.692186242387576 51.831965333478685)</t>
  </si>
  <si>
    <t>POINT (4.683468807932546 51.830708424105474)</t>
  </si>
  <si>
    <t>POINT (4.701937562164232 51.835973783819625)</t>
  </si>
  <si>
    <t>POINT (4.684424394086996 51.82835908801564)</t>
  </si>
  <si>
    <t>POINT (4.708006933267533 51.836575131200505)</t>
  </si>
  <si>
    <t>POINT (4.69620037081698 51.827511009843434)</t>
  </si>
  <si>
    <t>POINT (4.693219295846952 51.84045223629513)</t>
  </si>
  <si>
    <t>POINT (4.728224101133096 51.834116117445454)</t>
  </si>
  <si>
    <t>POINT (4.70104917707083 51.84046621364843)</t>
  </si>
  <si>
    <t>POINT (4.68589007415062 51.824935089760565)</t>
  </si>
  <si>
    <t>POINT (4.7007262618739265 51.82906100430177)</t>
  </si>
  <si>
    <t>POINT (4.6784972441989625 51.83565587793872)</t>
  </si>
  <si>
    <t>POINT (4.682665974970256 51.82894857514047)</t>
  </si>
  <si>
    <t>POINT (4.686459132239089 51.83374328743857)</t>
  </si>
  <si>
    <t>POINT (4.686667897993738 51.823426540515335)</t>
  </si>
  <si>
    <t>POINT (4.701661050785268 51.83094777874257)</t>
  </si>
  <si>
    <t>POINT (4.689045099189741 51.82544312351231)</t>
  </si>
  <si>
    <t>POINT (4.706886924286909 51.829350035695064)</t>
  </si>
  <si>
    <t>POINT (4.681406795584006 51.83596134882001)</t>
  </si>
  <si>
    <t>POINT (4.695697696752768 51.8241758259629)</t>
  </si>
  <si>
    <t>POINT (4.6789107777242185 51.82896223635541)</t>
  </si>
  <si>
    <t>POINT (4.678802197235247 51.82711986936044)</t>
  </si>
  <si>
    <t>POINT (4.692176915475495 51.83270734406944)</t>
  </si>
  <si>
    <t>POINT (4.695812158707495 51.84199733497053)</t>
  </si>
  <si>
    <t>POINT (4.691587845717578 51.82769457653403)</t>
  </si>
  <si>
    <t>POINT (4.698848149478461 51.8341668739369)</t>
  </si>
  <si>
    <t>POINT (4.683860837678923 51.82398889193569)</t>
  </si>
  <si>
    <t>POINT (4.71150690191737 51.828374291057855)</t>
  </si>
  <si>
    <t>POINT (4.690593635122197 51.841940528764496)</t>
  </si>
  <si>
    <t>POINT (4.691179711239498 51.831366317530396)</t>
  </si>
  <si>
    <t>POINT (4.686632186946357 51.82360657676472)</t>
  </si>
  <si>
    <t>POINT (4.7357694519155995 51.83300829122057)</t>
  </si>
  <si>
    <t>POINT (4.678552096279944 51.83063243675892)</t>
  </si>
  <si>
    <t>POINT (4.695668253279099 51.824826070583086)</t>
  </si>
  <si>
    <t>POINT (4.67470389179822 51.83167284125635)</t>
  </si>
  <si>
    <t>POINT (4.6936752830874555 51.83853414215072)</t>
  </si>
  <si>
    <t>POINT (4.6889463777929965 51.82779744430161)</t>
  </si>
  <si>
    <t>POINT (4.693706281794483 51.838642224753876)</t>
  </si>
  <si>
    <t>POINT (4.680813814664262 51.83757971047605)</t>
  </si>
  <si>
    <t>POINT (4.682928782473941 51.837558152567695)</t>
  </si>
  <si>
    <t>POINT (4.6808510262734355 51.831713424877826)</t>
  </si>
  <si>
    <t>POINT (4.70897402228402 51.83773861788666)</t>
  </si>
  <si>
    <t>POINT (4.680438225168774 51.83699055466415)</t>
  </si>
  <si>
    <t>POINT (4.684092589826376 51.83392765113082)</t>
  </si>
  <si>
    <t>POINT (4.690259208908007 51.83128880307502)</t>
  </si>
  <si>
    <t>POINT (4.701466671607801 51.833101658105065)</t>
  </si>
  <si>
    <t>POINT (4.709191271326436 51.83625433302514)</t>
  </si>
  <si>
    <t>POINT (4.678382026317779 51.831618138817106)</t>
  </si>
  <si>
    <t>POINT (4.6832427351887205 51.837975903843976)</t>
  </si>
  <si>
    <t>POINT (4.678280403700996 51.822327689301744)</t>
  </si>
  <si>
    <t>POINT (4.72037442662081 51.83389139031463)</t>
  </si>
  <si>
    <t>POINT (4.678951815129876 51.82347760772826)</t>
  </si>
  <si>
    <t>POINT (4.679591807029106 51.83147662157766)</t>
  </si>
  <si>
    <t>POINT (4.732507370981424 51.83009381789448)</t>
  </si>
  <si>
    <t>POINT (4.721547340605845 51.83415039318161)</t>
  </si>
  <si>
    <t>POINT (4.683749850072806 51.827837750844274)</t>
  </si>
  <si>
    <t>POINT (4.698863904741733 51.8307070897567)</t>
  </si>
  <si>
    <t>POINT (4.678829612981668 51.83018396025155)</t>
  </si>
  <si>
    <t>POINT (4.71066070720424 51.82862212322853)</t>
  </si>
  <si>
    <t>POINT (4.689885901907842 51.8293878438148)</t>
  </si>
  <si>
    <t>POINT (4.676401097981043 51.82888237463185)</t>
  </si>
  <si>
    <t>POINT (4.6843646926629905 51.82828967078913)</t>
  </si>
  <si>
    <t>POINT (4.685246692518664 51.83731342281456)</t>
  </si>
  <si>
    <t>POINT (4.677180375624377 51.82298865455987)</t>
  </si>
  <si>
    <t>POINT (4.699550421695858 51.84044092373308)</t>
  </si>
  <si>
    <t>POINT (4.69646321555751 51.83951361064552)</t>
  </si>
  <si>
    <t>POINT (4.692909376842114 51.8281795985788)</t>
  </si>
  <si>
    <t>POINT (4.706780010329506 51.829298828020264)</t>
  </si>
  <si>
    <t>POINT (4.69120544204859 51.82655562401903)</t>
  </si>
  <si>
    <t>POINT (4.706816916764834 51.82927576139946)</t>
  </si>
  <si>
    <t>POINT (4.689349437306325 51.82326483594825)</t>
  </si>
  <si>
    <t>POINT (4.693024031019571 51.83951101537256)</t>
  </si>
  <si>
    <t>POINT (4.691686268945921 51.83195283530163)</t>
  </si>
  <si>
    <t>POINT (4.695638681492485 51.836955932734355)</t>
  </si>
  <si>
    <t>POINT (4.689252031178084 51.82321726411573)</t>
  </si>
  <si>
    <t>POINT (4.702498275721527 51.83735249450962)</t>
  </si>
  <si>
    <t>POINT (4.704239349904908 51.830524890747505)</t>
  </si>
  <si>
    <t>POINT (4.687107905141113 51.822970699776285)</t>
  </si>
  <si>
    <t>POINT (4.683223106815464 51.82885756392958)</t>
  </si>
  <si>
    <t>POINT (4.682591178907607 51.837302197766036)</t>
  </si>
  <si>
    <t>POINT (4.696261919843958 51.83338971437104)</t>
  </si>
  <si>
    <t>POINT (4.689532906291313 51.829494985271225)</t>
  </si>
  <si>
    <t>POINT (4.702446701045795 51.835476052363006)</t>
  </si>
  <si>
    <t>POINT (4.7139236376259825 51.832853382588176)</t>
  </si>
  <si>
    <t>POINT (4.679576165771468 51.822525331071326)</t>
  </si>
  <si>
    <t>POINT (4.689573662049485 51.829539658347706)</t>
  </si>
  <si>
    <t>POINT (4.685108532884666 51.829156681689916)</t>
  </si>
  <si>
    <t>POINT (4.680544929916557 51.82356800014984)</t>
  </si>
  <si>
    <t>POINT (4.7005531169602035 51.83483545560786)</t>
  </si>
  <si>
    <t>POINT (4.69542320797572 51.832484536386104)</t>
  </si>
  <si>
    <t>POINT (4.691658667556792 51.84294397824421)</t>
  </si>
  <si>
    <t>POINT (4.68711097590225 51.83248466838312)</t>
  </si>
  <si>
    <t>POINT (4.696736030822462 51.829223692735994)</t>
  </si>
  <si>
    <t>POINT (4.682077843657684 51.83524541819202)</t>
  </si>
  <si>
    <t>POINT (4.6866840241897325 51.823476245121434)</t>
  </si>
  <si>
    <t>POINT (4.695019243239988 51.82585412306685)</t>
  </si>
  <si>
    <t>POINT (4.6787751597086995 51.835530096411006)</t>
  </si>
  <si>
    <t>POINT (4.684338497659548 51.825159477849276)</t>
  </si>
  <si>
    <t>POINT (4.714332057946984 51.8354273133881)</t>
  </si>
  <si>
    <t>POINT (4.725656044595981 51.83492120110004)</t>
  </si>
  <si>
    <t>POINT (4.688606722276894 51.82303559361189)</t>
  </si>
  <si>
    <t>POINT (4.699369264056189 51.83378369606972)</t>
  </si>
  <si>
    <t>POINT (4.689544874645522 51.84406554969231)</t>
  </si>
  <si>
    <t>POINT (4.685265167031951 51.82900207893679)</t>
  </si>
  <si>
    <t>POINT (4.694382676238774 51.830017032954174)</t>
  </si>
  <si>
    <t>POINT (4.6970118611077645 51.82948195838911)</t>
  </si>
  <si>
    <t>POINT (4.694134656084393 51.836058555160605)</t>
  </si>
  <si>
    <t>POINT (4.693033719787545 51.839161918416934)</t>
  </si>
  <si>
    <t>POINT (4.678319989858231 51.83725087607605)</t>
  </si>
  <si>
    <t>POINT (4.678036491295941 51.822402125023316)</t>
  </si>
  <si>
    <t>POINT (4.703339570131252 51.8312984809937)</t>
  </si>
  <si>
    <t>POINT (4.731120051478463 51.83104161511749)</t>
  </si>
  <si>
    <t>POINT (4.691229672636701 51.83036994457242)</t>
  </si>
  <si>
    <t>POINT (4.702990478027252 51.832745314623466)</t>
  </si>
  <si>
    <t>POINT (4.689301918292062 51.832059922762895)</t>
  </si>
  <si>
    <t>POINT (4.69100415439008 51.83653434380864)</t>
  </si>
  <si>
    <t>POINT (4.721193116912701 51.83493219090235)</t>
  </si>
  <si>
    <t>POINT (4.698241183458873 51.832478241862084)</t>
  </si>
  <si>
    <t>POINT (4.680405511487733 51.834964659484804)</t>
  </si>
  <si>
    <t>POINT (4.692430355872073 51.82840099488151)</t>
  </si>
  <si>
    <t>POINT (4.694725905215352 51.83719575302114)</t>
  </si>
  <si>
    <t>POINT (4.727060845753137 51.833124044111244)</t>
  </si>
  <si>
    <t>POINT (4.693478648415143 51.824238946293576)</t>
  </si>
  <si>
    <t>POINT (4.708871128723283 51.8273689738123)</t>
  </si>
  <si>
    <t>POINT (4.714406227588352 51.83292439099591)</t>
  </si>
  <si>
    <t>POINT (4.688836336240181 51.82721568282438)</t>
  </si>
  <si>
    <t>POINT (4.696670479541789 51.83268162997206)</t>
  </si>
  <si>
    <t>POINT (4.6794639836142276 51.83218932482631)</t>
  </si>
  <si>
    <t>POINT (4.686912791247895 51.82629542559979)</t>
  </si>
  <si>
    <t>POINT (4.72665255869842 51.829348715741716)</t>
  </si>
  <si>
    <t>POINT (4.736070034332079 51.83281063660938)</t>
  </si>
  <si>
    <t>POINT (4.683270343023606 51.8272693913636)</t>
  </si>
  <si>
    <t>POINT (4.678349712809879 51.83420435483377)</t>
  </si>
  <si>
    <t>POINT (4.681720724792464 51.830717229857214)</t>
  </si>
  <si>
    <t>POINT (4.729727865497009 51.828874537531185)</t>
  </si>
  <si>
    <t>POINT (4.695101090677183 51.83576152864362)</t>
  </si>
  <si>
    <t>POINT (4.70833843906166 51.837126504858894)</t>
  </si>
  <si>
    <t>POINT (4.6804961843012505 51.83636293017712)</t>
  </si>
  <si>
    <t>POINT (4.683924004315618 51.83438460352582)</t>
  </si>
  <si>
    <t>POINT (4.688132094793551 51.827100094457435)</t>
  </si>
  <si>
    <t>POINT (4.686537327212784 51.833712932138255)</t>
  </si>
  <si>
    <t>POINT (4.7167507615266775 51.83547344766677)</t>
  </si>
  <si>
    <t>POINT (4.690539568530375 51.824214455447084)</t>
  </si>
  <si>
    <t>POINT (4.693471846924855 51.825089824969744)</t>
  </si>
  <si>
    <t>POINT (4.685423866831313 51.84068669395947)</t>
  </si>
  <si>
    <t>POINT (4.694996813726316 51.826644838311154)</t>
  </si>
  <si>
    <t>POINT (4.683937880957017 51.826164840676455)</t>
  </si>
  <si>
    <t>POINT (4.690767364857375 51.8285766835506)</t>
  </si>
  <si>
    <t>POINT (4.690033097622455 51.84136917427102)</t>
  </si>
  <si>
    <t>POINT (4.724652864755978 51.83365814536265)</t>
  </si>
  <si>
    <t>POINT (4.70408343619408 51.83331550935614)</t>
  </si>
  <si>
    <t>POINT (4.695549208675645 51.832066992804094)</t>
  </si>
  <si>
    <t>POINT (4.68190344432242 51.824085441541534)</t>
  </si>
  <si>
    <t>POINT (4.688194622185573 51.82972976183868)</t>
  </si>
  <si>
    <t>POINT (4.680269723610915 51.82340123929255)</t>
  </si>
  <si>
    <t>POINT (4.691369971532573 51.83031382429967)</t>
  </si>
  <si>
    <t>POINT (4.677748826204179 51.823266596562796)</t>
  </si>
  <si>
    <t>POINT (4.696164774506781 51.824499498248436)</t>
  </si>
  <si>
    <t>POINT (4.7009091240388905 51.836305245038275)</t>
  </si>
  <si>
    <t>POINT (4.72191292859934 51.83406318172995)</t>
  </si>
  <si>
    <t>POINT (4.6913649623740925 51.82579498902598)</t>
  </si>
  <si>
    <t>POINT (4.6894320431664145 51.834039463898904)</t>
  </si>
  <si>
    <t>POINT (4.716402040685272 51.83229978699894)</t>
  </si>
  <si>
    <t>POINT (4.706474723429283 51.82842181734032)</t>
  </si>
  <si>
    <t>POINT (4.6891818435376384 51.83377978686847)</t>
  </si>
  <si>
    <t>POINT (4.6902631279558955 51.83776271088082)</t>
  </si>
  <si>
    <t>POINT (4.706808045365698 51.825835438049154)</t>
  </si>
  <si>
    <t>POINT (4.685602619978989 51.83469137177839)</t>
  </si>
  <si>
    <t>POINT (4.7059394914512325 51.836953500751456)</t>
  </si>
  <si>
    <t>POINT (4.7038797972603605 51.83104030056828)</t>
  </si>
  <si>
    <t>POINT (4.693403081930623 51.82417154323949)</t>
  </si>
  <si>
    <t>POINT (4.705670205477703 51.837767906659)</t>
  </si>
  <si>
    <t>POINT (4.692601242680541 51.83898086430676)</t>
  </si>
  <si>
    <t>POINT (4.709500233779128 51.83006824255016)</t>
  </si>
  <si>
    <t>POINT (4.704136715542501 51.83049571871999)</t>
  </si>
  <si>
    <t>POINT (4.69105424113748 51.83120704989919)</t>
  </si>
  <si>
    <t>POINT (4.69969698794173 51.838156550790465)</t>
  </si>
  <si>
    <t>POINT (4.7076682644129395 51.82813813952845)</t>
  </si>
  <si>
    <t>POINT (4.69937303523308 51.830580799622645)</t>
  </si>
  <si>
    <t>POINT (4.690817782158829 51.82895935045612)</t>
  </si>
  <si>
    <t>POINT (4.674336450234638 51.829222272253865)</t>
  </si>
  <si>
    <t>POINT (4.702734403116975 51.833461833278506)</t>
  </si>
  <si>
    <t>POINT (4.679578394026478 51.831390267687766)</t>
  </si>
  <si>
    <t>POINT (4.72804974628533 51.833973532109795)</t>
  </si>
  <si>
    <t>POINT (4.698458175287078 51.832969485420485)</t>
  </si>
  <si>
    <t>POINT (4.6940803373006945 51.82949284652168)</t>
  </si>
  <si>
    <t>POINT (4.696107738062435 51.82855965417867)</t>
  </si>
  <si>
    <t>POINT (4.685653516816522 51.84058044556819)</t>
  </si>
  <si>
    <t>POINT (4.733567127648365 51.831865912447086)</t>
  </si>
  <si>
    <t>POINT (4.687953466163885 51.84463918384809)</t>
  </si>
  <si>
    <t>POINT (4.701087845789324 51.831844632078806)</t>
  </si>
  <si>
    <t>POINT (4.687999551073351 51.84421698389138)</t>
  </si>
  <si>
    <t>POINT (4.701419482478911 51.834704593867315)</t>
  </si>
  <si>
    <t>POINT (4.710199987210946 51.82969544127357)</t>
  </si>
  <si>
    <t>POINT (4.6964407546857645 51.83949175298916)</t>
  </si>
  <si>
    <t>POINT (4.729372769690475 51.82936595085223)</t>
  </si>
  <si>
    <t>POINT (4.691499799810802 51.82701828864617)</t>
  </si>
  <si>
    <t>POINT (4.679843610724153 51.83100689138188)</t>
  </si>
  <si>
    <t>POINT (4.694606034535935 51.82478193842375)</t>
  </si>
  <si>
    <t>POINT (4.680923990222324 51.8288271598244)</t>
  </si>
  <si>
    <t>POINT (4.695945887382936 51.832452991170236)</t>
  </si>
  <si>
    <t>POINT (4.701969280624556 51.840309639506245)</t>
  </si>
  <si>
    <t>POINT (4.6943332274583485 51.836273953307426)</t>
  </si>
  <si>
    <t>POINT (4.703223424712652 51.83294787353443)</t>
  </si>
  <si>
    <t>POINT (4.705044414958455 51.83692402494011)</t>
  </si>
  <si>
    <t>POINT (4.691442682650067 51.83028474559073)</t>
  </si>
  <si>
    <t>POINT (4.708674109854351 51.83758780867939)</t>
  </si>
  <si>
    <t>POINT (4.731127408536207 51.83294372596952)</t>
  </si>
  <si>
    <t>POINT (4.688367347058389 51.82583249634607)</t>
  </si>
  <si>
    <t>POINT (4.67924995487945 51.83066409895852)</t>
  </si>
  <si>
    <t>POINT (4.684840959251108 51.839309520296375)</t>
  </si>
  <si>
    <t>POINT (4.721554900687223 51.82975338654193)</t>
  </si>
  <si>
    <t>POINT (4.682238760713261 51.835189109007985)</t>
  </si>
  <si>
    <t>POINT (4.6808294500112835 51.83078904647881)</t>
  </si>
  <si>
    <t>POINT (4.688879875537911 51.825570471538924)</t>
  </si>
  <si>
    <t>POINT (4.727152327828486 51.83110011724441)</t>
  </si>
  <si>
    <t>POINT (4.703435831204572 51.833532751380375)</t>
  </si>
  <si>
    <t>POINT (4.680888894642101 51.83663346068156)</t>
  </si>
  <si>
    <t>POINT (4.696227110382336 51.833349258393646)</t>
  </si>
  <si>
    <t>POINT (4.695021173311275 51.83567842499314)</t>
  </si>
  <si>
    <t>POINT (4.690783718745038 51.84275151365565)</t>
  </si>
  <si>
    <t>3356DE</t>
  </si>
  <si>
    <t>Bandhaak</t>
  </si>
  <si>
    <t>POINT (4.722003684948902 51.83231945608161)</t>
  </si>
  <si>
    <t>POINT (4.703950711124556 51.829731384802926)</t>
  </si>
  <si>
    <t>POINT (4.676572958738438 51.828078652122215)</t>
  </si>
  <si>
    <t>POINT (4.701373249035168 51.837832499748494)</t>
  </si>
  <si>
    <t>POINT (4.679902270669384 51.83587926105382)</t>
  </si>
  <si>
    <t>POINT (4.710465813502091 51.82728943377026)</t>
  </si>
  <si>
    <t>POINT (4.703554571373184 51.82737238526011)</t>
  </si>
  <si>
    <t>POINT (4.70221200657369 51.829938362985935)</t>
  </si>
  <si>
    <t>POINT (4.703723403938046 51.834170838644894)</t>
  </si>
  <si>
    <t>POINT (4.7032949096632795 51.82476897786215)</t>
  </si>
  <si>
    <t>POINT (4.715943159337148 51.83493434273327)</t>
  </si>
  <si>
    <t>POINT (4.693240526841732 51.824138933249685)</t>
  </si>
  <si>
    <t>POINT (4.675607122833918 51.832347731798)</t>
  </si>
  <si>
    <t>POINT (4.6993423395565355 51.8306234056435)</t>
  </si>
  <si>
    <t>POINT (4.706900313078158 51.829259795565626)</t>
  </si>
  <si>
    <t>POINT (4.715162812861164 51.83206621297893)</t>
  </si>
  <si>
    <t>POINT (4.704714307306801 51.833580990455275)</t>
  </si>
  <si>
    <t>POINT (4.69985696486211 51.83178119848965)</t>
  </si>
  <si>
    <t>POINT (4.686991911789468 51.8354999070323)</t>
  </si>
  <si>
    <t>POINT (4.693631160963601 51.836578171582275)</t>
  </si>
  <si>
    <t>POINT (4.682687137319556 51.83784747612761)</t>
  </si>
  <si>
    <t>POINT (4.72213271835399 51.82452445943732)</t>
  </si>
  <si>
    <t>POINT (4.703225207473275 51.831336528719)</t>
  </si>
  <si>
    <t>POINT (4.734132756507168 51.83855732443278)</t>
  </si>
  <si>
    <t>POINT (4.706908751380999 51.829331232145975)</t>
  </si>
  <si>
    <t>POINT (4.706693402885592 51.83858923554914)</t>
  </si>
  <si>
    <t>POINT (4.690261991128844 51.82929291016231)</t>
  </si>
  <si>
    <t>POINT (4.690655533617226 51.84343876059444)</t>
  </si>
  <si>
    <t>POINT (4.719534834350141 51.82990558790972)</t>
  </si>
  <si>
    <t>POINT (4.722265830755986 51.82950870980318)</t>
  </si>
  <si>
    <t>POINT (4.6750047734376246 51.83152781952961)</t>
  </si>
  <si>
    <t>POINT (4.697932926510094 51.82593477381117)</t>
  </si>
  <si>
    <t>POINT (4.690295404321961 51.84294006489043)</t>
  </si>
  <si>
    <t>POINT (4.688323318361841 51.8413920331445)</t>
  </si>
  <si>
    <t>POINT (4.695229291912281 51.83218213943108)</t>
  </si>
  <si>
    <t>POINT (4.697928134410697 51.82908119083304)</t>
  </si>
  <si>
    <t>POINT (4.6812056154302795 51.832138536679125)</t>
  </si>
  <si>
    <t>POINT (4.713457404751254 51.8335592713961)</t>
  </si>
  <si>
    <t>POINT (4.681592553104214 51.829555162260924)</t>
  </si>
  <si>
    <t>POINT (4.70332296098477 51.8286312511954)</t>
  </si>
  <si>
    <t>POINT (4.70189902200107 51.83851806708849)</t>
  </si>
  <si>
    <t>POINT (4.712076601794596 51.83044756799982)</t>
  </si>
  <si>
    <t>POINT (4.702941415697364 51.83448475017177)</t>
  </si>
  <si>
    <t>POINT (4.702326599938829 51.837201401108906)</t>
  </si>
  <si>
    <t>POINT (4.706358485097068 51.82853762682746)</t>
  </si>
  <si>
    <t>POINT (4.680062306683585 51.82378616044227)</t>
  </si>
  <si>
    <t>POINT (4.713334341590157 51.83222253280642)</t>
  </si>
  <si>
    <t>POINT (4.71905824120728 51.83554703347029)</t>
  </si>
  <si>
    <t>POINT (4.696489666191371 51.82643364450868)</t>
  </si>
  <si>
    <t>POINT (4.689770232579958 51.828173204626346)</t>
  </si>
  <si>
    <t>POINT (4.72943793714438 51.83231079513734)</t>
  </si>
  <si>
    <t>POINT (4.682816421350171 51.83156070658062)</t>
  </si>
  <si>
    <t>POINT (4.699864390878398 51.834440635616694)</t>
  </si>
  <si>
    <t>POINT (4.692612807803055 51.83507976831604)</t>
  </si>
  <si>
    <t>POINT (4.681588401748249 51.826047568561776)</t>
  </si>
  <si>
    <t>POINT (4.69737298396886 51.82645259167064)</t>
  </si>
  <si>
    <t>POINT (4.708730057614966 51.83640187723811)</t>
  </si>
  <si>
    <t>POINT (4.704765365314872 51.836476657448564)</t>
  </si>
  <si>
    <t>POINT (4.680665675537041 51.837551502548514)</t>
  </si>
  <si>
    <t>POINT (4.7327746066306675 51.830533763218)</t>
  </si>
  <si>
    <t>POINT (4.685848239919551 51.839323928486664)</t>
  </si>
  <si>
    <t>POINT (4.716541546800397 51.830796977232154)</t>
  </si>
  <si>
    <t>POINT (4.7038586584472615 51.831060455859415)</t>
  </si>
  <si>
    <t>POINT (4.678453032442695 51.83289168358665)</t>
  </si>
  <si>
    <t>POINT (4.7042000534280515 51.83384112358944)</t>
  </si>
  <si>
    <t>POINT (4.722611352422615 51.83200515046077)</t>
  </si>
  <si>
    <t>POINT (4.730566909644584 51.82456541074458)</t>
  </si>
  <si>
    <t>POINT (4.710182761892345 51.83827998578538)</t>
  </si>
  <si>
    <t>POINT (4.6972955844220765 51.82987018249474)</t>
  </si>
  <si>
    <t>POINT (4.68992047640372 51.82835627901333)</t>
  </si>
  <si>
    <t>POINT (4.702237688889927 51.83604055903662)</t>
  </si>
  <si>
    <t>POINT (4.699278709225423 51.82920836581608)</t>
  </si>
  <si>
    <t>POINT (4.678413046024913 51.83571402949544)</t>
  </si>
  <si>
    <t>POINT (4.692293669116092 51.832076709461106)</t>
  </si>
  <si>
    <t>POINT (4.696976227847353 51.83907934924878)</t>
  </si>
  <si>
    <t>POINT (4.721880978741977 51.82889186067714)</t>
  </si>
  <si>
    <t>POINT (4.680185541439329 51.827680211949456)</t>
  </si>
  <si>
    <t>POINT (4.687292309512119 51.82629041742019)</t>
  </si>
  <si>
    <t>POINT (4.6922059508676695 51.83176549795109)</t>
  </si>
  <si>
    <t>POINT (4.678778077558878 51.82227924314552)</t>
  </si>
  <si>
    <t>POINT (4.678196836133522 51.82979035615533)</t>
  </si>
  <si>
    <t>POINT (4.690175216936436 51.828144383635994)</t>
  </si>
  <si>
    <t>POINT (4.698649229578359 51.83854488509814)</t>
  </si>
  <si>
    <t>POINT (4.714782584152279 51.833636387408575)</t>
  </si>
  <si>
    <t>POINT (4.715448857072464 51.8339617875899)</t>
  </si>
  <si>
    <t>POINT (4.703806816896333 51.831144026948785)</t>
  </si>
  <si>
    <t>POINT (4.684148653495934 51.8270372651677)</t>
  </si>
  <si>
    <t>POINT (4.704092282045903 51.83057971955425)</t>
  </si>
  <si>
    <t>POINT (4.715170932910833 51.83204803054839)</t>
  </si>
  <si>
    <t>POINT (4.6823168503122465 51.84608107078095)</t>
  </si>
  <si>
    <t>POINT (4.70827534262603 51.82754619175338)</t>
  </si>
  <si>
    <t>POINT (4.690345378962884 51.82684245427544)</t>
  </si>
  <si>
    <t>POINT (4.683805930903825 51.82603573705637)</t>
  </si>
  <si>
    <t>POINT (4.680186574618257 51.84351866396423)</t>
  </si>
  <si>
    <t>POINT (4.712025461119521 51.82904271170901)</t>
  </si>
  <si>
    <t>POINT (4.688578766005026 51.83596909395896)</t>
  </si>
  <si>
    <t>POINT (4.7028869106766225 51.83359599674862)</t>
  </si>
  <si>
    <t>POINT (4.715202065038356 51.83422730104474)</t>
  </si>
  <si>
    <t>POINT (4.689008262537004 51.82321212895576)</t>
  </si>
  <si>
    <t>POINT (4.6883120645696446 51.82566409749064)</t>
  </si>
  <si>
    <t>POINT (4.7305026119462426 51.82966911684817)</t>
  </si>
  <si>
    <t>POINT (4.692818035605227 51.8407369964076)</t>
  </si>
  <si>
    <t>POINT (4.719548130430348 51.83196624965351)</t>
  </si>
  <si>
    <t>POINT (4.691014120177428 51.83116898777181)</t>
  </si>
  <si>
    <t>POINT (4.730985211542567 51.83295074227869)</t>
  </si>
  <si>
    <t>POINT (4.697770033504431 51.828291428729656)</t>
  </si>
  <si>
    <t>POINT (4.685391095408197 51.82562861076572)</t>
  </si>
  <si>
    <t>POINT (4.732631238599521 51.83029634781166)</t>
  </si>
  <si>
    <t>POINT (4.696627966803218 51.82656539575103)</t>
  </si>
  <si>
    <t>POINT (4.693520403801378 51.841604191265446)</t>
  </si>
  <si>
    <t>POINT (4.693649349281983 51.83008986993259)</t>
  </si>
  <si>
    <t>POINT (4.681207915609712 51.83628171259044)</t>
  </si>
  <si>
    <t>POINT (4.703907465469861 51.832323174640315)</t>
  </si>
  <si>
    <t>POINT (4.7060921592342035 51.838295470515874)</t>
  </si>
  <si>
    <t>POINT (4.693638206930175 51.838368424506015)</t>
  </si>
  <si>
    <t>POINT (4.7021103676576885 51.83181439787438)</t>
  </si>
  <si>
    <t>POINT (4.68134285049221 51.832132827213854)</t>
  </si>
  <si>
    <t>POINT (4.703717565646932 51.83400957569652)</t>
  </si>
  <si>
    <t>POINT (4.686677889543894 51.83427175872835)</t>
  </si>
  <si>
    <t>POINT (4.7201098499180505 51.83449090165171)</t>
  </si>
  <si>
    <t>POINT (4.69943119942998 51.82885348028147)</t>
  </si>
  <si>
    <t>POINT (4.681629912327777 51.82609336359153)</t>
  </si>
  <si>
    <t>POINT (4.704635397179935 51.83770871812484)</t>
  </si>
  <si>
    <t>POINT (4.677439327205326 51.82259229286597)</t>
  </si>
  <si>
    <t>POINT (4.682873424059987 51.83088494074172)</t>
  </si>
  <si>
    <t>POINT (4.679656582530755 51.83109334060897)</t>
  </si>
  <si>
    <t>POINT (4.678684550786327 51.83066199998242)</t>
  </si>
  <si>
    <t>POINT (4.691253419802572 51.82889244292938)</t>
  </si>
  <si>
    <t>POINT (4.693643833828419 51.83001651703305)</t>
  </si>
  <si>
    <t>POINT (4.735729401067003 51.83294861836101)</t>
  </si>
  <si>
    <t>POINT (4.723071839680081 51.832038524570216)</t>
  </si>
  <si>
    <t>POINT (4.67704643903885 51.82265049989693)</t>
  </si>
  <si>
    <t>POINT (4.722139700672637 51.834295114388986)</t>
  </si>
  <si>
    <t>POINT (4.730246708542894 51.83338352085965)</t>
  </si>
  <si>
    <t>POINT (4.736122154908357 51.83301199169023)</t>
  </si>
  <si>
    <t>POINT (4.701372846003827 51.84050113801481)</t>
  </si>
  <si>
    <t>POINT (4.6796028945746695 51.82793790224843)</t>
  </si>
  <si>
    <t>POINT (4.681590175184367 51.822580269190915)</t>
  </si>
  <si>
    <t>POINT (4.724392699404725 51.83266967353554)</t>
  </si>
  <si>
    <t>POINT (4.702890141649287 51.83607530288412)</t>
  </si>
  <si>
    <t>POINT (4.72117583291247 51.83423260820139)</t>
  </si>
  <si>
    <t>POINT (4.68902845225109 51.82333771260363)</t>
  </si>
  <si>
    <t>POINT (4.678928956097792 51.82819607255354)</t>
  </si>
  <si>
    <t>POINT (4.68866811153597 51.83784378270473)</t>
  </si>
  <si>
    <t>POINT (4.676992667095747 51.830064421492835)</t>
  </si>
  <si>
    <t>POINT (4.69835106372781 51.835622659636606)</t>
  </si>
  <si>
    <t>POINT (4.70136406220076 51.83157120312879)</t>
  </si>
  <si>
    <t>POINT (4.6808344682202385 51.83536563593842)</t>
  </si>
  <si>
    <t>POINT (4.676868811312399 51.835551664082345)</t>
  </si>
  <si>
    <t>POINT (4.720857072084293 51.83588982700664)</t>
  </si>
  <si>
    <t>POINT (4.693303202683275 51.84287769238734)</t>
  </si>
  <si>
    <t>POINT (4.7234500790110046 51.83435606678618)</t>
  </si>
  <si>
    <t>POINT (4.678328373381829 51.83480819999038)</t>
  </si>
  <si>
    <t>POINT (4.67959453070016 51.82836154985572)</t>
  </si>
  <si>
    <t>POINT (4.696462273790753 51.82495365664101)</t>
  </si>
  <si>
    <t>POINT (4.727452174907035 51.833758646438106)</t>
  </si>
  <si>
    <t>POINT (4.691331875304807 51.84222097430986)</t>
  </si>
  <si>
    <t>POINT (4.68819258778075 51.82296893102956)</t>
  </si>
  <si>
    <t>POINT (4.6908815150848024 51.83861127561572)</t>
  </si>
  <si>
    <t>POINT (4.694022306840491 51.829487272465705)</t>
  </si>
  <si>
    <t>POINT (4.6951020889330115 51.82583798259972)</t>
  </si>
  <si>
    <t>POINT (4.684370392118873 51.82596527654537)</t>
  </si>
  <si>
    <t>POINT (4.686412101225495 51.84021481521097)</t>
  </si>
  <si>
    <t>POINT (4.688025445126345 51.843985761863195)</t>
  </si>
  <si>
    <t>POINT (4.687256955256408 51.82400034863559)</t>
  </si>
  <si>
    <t>POINT (4.688801702211255 51.82360469271719)</t>
  </si>
  <si>
    <t>POINT (4.677928231573376 51.822835901685735)</t>
  </si>
  <si>
    <t>POINT (4.676885361151406 51.833848478754106)</t>
  </si>
  <si>
    <t>POINT (4.7252469654398075 51.83365202287858)</t>
  </si>
  <si>
    <t>POINT (4.692047724395648 51.84043886036143)</t>
  </si>
  <si>
    <t>POINT (4.701602716348511 51.8381057098931)</t>
  </si>
  <si>
    <t>POINT (4.724208117158754 51.82749142409144)</t>
  </si>
  <si>
    <t>POINT (4.694208837257239 51.83741257278651)</t>
  </si>
  <si>
    <t>POINT (4.703787780262831 51.83112409619775)</t>
  </si>
  <si>
    <t>POINT (4.702878110751286 51.834696045296276)</t>
  </si>
  <si>
    <t>POINT (4.7240590261687405 51.832749351737725)</t>
  </si>
  <si>
    <t>POINT (4.703428520934742 51.83264347304057)</t>
  </si>
  <si>
    <t>POINT (4.703066795532847 51.831335605602426)</t>
  </si>
  <si>
    <t>POINT (4.7152154689844865 51.83566431563747)</t>
  </si>
  <si>
    <t>POINT (4.687160372071956 51.82292016392406)</t>
  </si>
  <si>
    <t>POINT (4.694910812643636 51.83257472783841)</t>
  </si>
  <si>
    <t>POINT (4.676152584887648 51.83032347624502)</t>
  </si>
  <si>
    <t>POINT (4.689862373888616 51.82890579602916)</t>
  </si>
  <si>
    <t>POINT (4.69955817998435 51.83415550283384)</t>
  </si>
  <si>
    <t>POINT (4.678559609456776 51.8236378092581)</t>
  </si>
  <si>
    <t>POINT (4.728391083544531 51.83379650302742)</t>
  </si>
  <si>
    <t>POINT (4.677964663995617 51.82805993259953)</t>
  </si>
  <si>
    <t>POINT (4.701819655983633 51.831124765172916)</t>
  </si>
  <si>
    <t>POINT (4.679364007416205 51.83052230769171)</t>
  </si>
  <si>
    <t>POINT (4.690627275917048 51.82395217495153)</t>
  </si>
  <si>
    <t>POINT (4.706579850589055 51.82609762577707)</t>
  </si>
  <si>
    <t>POINT (4.696595154335709 51.82649623287848)</t>
  </si>
  <si>
    <t>POINT (4.699233792296961 51.82887689839268)</t>
  </si>
  <si>
    <t>POINT (4.690349054592252 51.8293854257869)</t>
  </si>
  <si>
    <t>POINT (4.7073728353633975 51.825864606799186)</t>
  </si>
  <si>
    <t>POINT (4.684070778522189 51.826953842467574)</t>
  </si>
  <si>
    <t>POINT (4.702185704809902 51.83098813537434)</t>
  </si>
  <si>
    <t>POINT (4.691153561614787 51.829274146691795)</t>
  </si>
  <si>
    <t>POINT (4.703861104094583 51.83548355684514)</t>
  </si>
  <si>
    <t>POINT (4.698898401404712 51.835652728036976)</t>
  </si>
  <si>
    <t>POINT (4.689889857327391 51.825168310606976)</t>
  </si>
  <si>
    <t>POINT (4.714794686752691 51.83531914346983)</t>
  </si>
  <si>
    <t>POINT (4.698378178064573 51.833067099970215)</t>
  </si>
  <si>
    <t>POINT (4.711692018135054 51.827540475061994)</t>
  </si>
  <si>
    <t>POINT (4.725764827463165 51.83488105972141)</t>
  </si>
  <si>
    <t>POINT (4.7023014687703935 51.834765598188206)</t>
  </si>
  <si>
    <t>POINT (4.719198021644297 51.83501768066024)</t>
  </si>
  <si>
    <t>POINT (4.6940158209293275 51.829542990681865)</t>
  </si>
  <si>
    <t>POINT (4.685246252809249 51.8290605538184)</t>
  </si>
  <si>
    <t>POINT (4.6933715220009775 51.842559332591215)</t>
  </si>
  <si>
    <t>POINT (4.678570580810684 51.829488374167866)</t>
  </si>
  <si>
    <t>POINT (4.729451274431933 51.83233137287829)</t>
  </si>
  <si>
    <t>POINT (4.7006934051831175 51.833349898762016)</t>
  </si>
  <si>
    <t>POINT (4.726344912120452 51.83231889728739)</t>
  </si>
  <si>
    <t>POINT (4.728500322164764 51.83014497302892)</t>
  </si>
  <si>
    <t>POINT (4.693511933214413 51.83013235621382)</t>
  </si>
  <si>
    <t>POINT (4.683151450567202 51.83140306914797)</t>
  </si>
  <si>
    <t>POINT (4.695515354085801 51.83305512046752)</t>
  </si>
  <si>
    <t>POINT (4.681831153601154 51.83866736731873)</t>
  </si>
  <si>
    <t>POINT (4.697315067804099 51.83619442796813)</t>
  </si>
  <si>
    <t>POINT (4.691218570931966 51.83372157963456)</t>
  </si>
  <si>
    <t>POINT (4.685300177676084 51.82544844695226)</t>
  </si>
  <si>
    <t>POINT (4.735926919428789 51.83275476956087)</t>
  </si>
  <si>
    <t>POINT (4.701627783374084 51.829148456123335)</t>
  </si>
  <si>
    <t>POINT (4.705074008133196 51.839642310270676)</t>
  </si>
  <si>
    <t>POINT (4.6905421614012415 51.82865717977888)</t>
  </si>
  <si>
    <t>POINT (4.705872437027136 51.834626146432385)</t>
  </si>
  <si>
    <t>POINT (4.677522277576117 51.822492148445086)</t>
  </si>
  <si>
    <t>POINT (4.6878746941046 51.82624077475573)</t>
  </si>
  <si>
    <t>POINT (4.692481774265915 51.8351645827111)</t>
  </si>
  <si>
    <t>POINT (4.700456367531534 51.83639586335256)</t>
  </si>
  <si>
    <t>POINT (4.674796651198121 51.83236963813954)</t>
  </si>
  <si>
    <t>POINT (4.688049132395813 51.843840601771355)</t>
  </si>
  <si>
    <t>POINT (4.686359701955387 51.833513977945664)</t>
  </si>
  <si>
    <t>POINT (4.681096977210107 51.84336200576021)</t>
  </si>
  <si>
    <t>POINT (4.698545962025378 51.832611839489346)</t>
  </si>
  <si>
    <t>POINT (4.683841312453557 51.834410067297014)</t>
  </si>
  <si>
    <t>POINT (4.693313411994292 51.83632782120961)</t>
  </si>
  <si>
    <t>POINT (4.679729363324791 51.83869650856675)</t>
  </si>
  <si>
    <t>POINT (4.699618638027849 51.83424392753304)</t>
  </si>
  <si>
    <t>POINT (4.684534512929935 51.83561797713624)</t>
  </si>
  <si>
    <t>POINT (4.692556896704079 51.83162266041012)</t>
  </si>
  <si>
    <t>POINT (4.682479412956167 51.827417937862265)</t>
  </si>
  <si>
    <t>POINT (4.689221806609033 51.83431793144826)</t>
  </si>
  <si>
    <t>POINT (4.67294124916082 51.830066895106775)</t>
  </si>
  <si>
    <t>POINT (4.677465024048527 51.82727205938475)</t>
  </si>
  <si>
    <t>POINT (4.683960403096692 51.82785065278215)</t>
  </si>
  <si>
    <t>POINT (4.687196744526426 51.83818720237366)</t>
  </si>
  <si>
    <t>POINT (4.6874608647403315 51.843726501208614)</t>
  </si>
  <si>
    <t>POINT (4.683303588652429 51.82707457301395)</t>
  </si>
  <si>
    <t>POINT (4.708163543243794 51.82737652289611)</t>
  </si>
  <si>
    <t>POINT (4.681469116037456 51.8270721958031)</t>
  </si>
  <si>
    <t>POINT (4.699204449858821 51.82913500581504)</t>
  </si>
  <si>
    <t>POINT (4.68721948552833 51.8229413341938)</t>
  </si>
  <si>
    <t>POINT (4.69581786130468 51.826794142714476)</t>
  </si>
  <si>
    <t>POINT (4.699241151107153 51.82620065629551)</t>
  </si>
  <si>
    <t>POINT (4.680500737036711 51.822680499858826)</t>
  </si>
  <si>
    <t>POINT (4.679248325851025 51.834593466797216)</t>
  </si>
  <si>
    <t>POINT (4.689929316946856 51.829435058372745)</t>
  </si>
  <si>
    <t>POINT (4.694364027906314 51.83290003652301)</t>
  </si>
  <si>
    <t>POINT (4.6851739493466065 51.82737873226799)</t>
  </si>
  <si>
    <t>POINT (4.701776482222702 51.82825663650113)</t>
  </si>
  <si>
    <t>POINT (4.68656391097402 51.84161535898956)</t>
  </si>
  <si>
    <t>POINT (4.695047547522545 51.8395906110117)</t>
  </si>
  <si>
    <t>POINT (4.691343814678236 51.827056599448504)</t>
  </si>
  <si>
    <t>POINT (4.697037806749837 51.83544330852026)</t>
  </si>
  <si>
    <t>POINT (4.720515057933512 51.832742239977776)</t>
  </si>
  <si>
    <t>POINT (4.691348598971117 51.83291166544141)</t>
  </si>
  <si>
    <t>POINT (4.708411271091043 51.827781113650865)</t>
  </si>
  <si>
    <t>POINT (4.7103675521596085 51.826776128985756)</t>
  </si>
  <si>
    <t>POINT (4.691044460597957 51.832134052991655)</t>
  </si>
  <si>
    <t>POINT (4.68261992285135 51.83065808308302)</t>
  </si>
  <si>
    <t>POINT (4.70065831789969 51.8367029543924)</t>
  </si>
  <si>
    <t>POINT (4.696119848566686 51.83492522380423)</t>
  </si>
  <si>
    <t>POINT (4.703930924805019 51.83110235004658)</t>
  </si>
  <si>
    <t>POINT (4.690753788844968 51.831793385305964)</t>
  </si>
  <si>
    <t>POINT (4.715244898528499 51.83256148827679)</t>
  </si>
  <si>
    <t>POINT (4.701193070314791 51.83056971556166)</t>
  </si>
  <si>
    <t>POINT (4.683413866142186 51.83809853713901)</t>
  </si>
  <si>
    <t>POINT (4.717155414281842 51.825530895229356)</t>
  </si>
  <si>
    <t>POINT (4.69264878992917 51.83932177865303)</t>
  </si>
  <si>
    <t>POINT (4.735770100922254 51.83306074330523)</t>
  </si>
  <si>
    <t>POINT (4.687499975780362 51.841078774199026)</t>
  </si>
  <si>
    <t>POINT (4.692193202079023 51.84038010907856)</t>
  </si>
  <si>
    <t>POINT (4.721103517270414 51.83424955490866)</t>
  </si>
  <si>
    <t>POINT (4.727856861736699 51.83361898998848)</t>
  </si>
  <si>
    <t>POINT (4.694241563284052 51.82620176333808)</t>
  </si>
  <si>
    <t>POINT (4.72851436322503 51.83404661960632)</t>
  </si>
  <si>
    <t>POINT (4.694557623112161 51.837494791708714)</t>
  </si>
  <si>
    <t>POINT (4.678678334338213 51.82300679422787)</t>
  </si>
  <si>
    <t>POINT (4.699672046628785 51.8318134634097)</t>
  </si>
  <si>
    <t>POINT (4.684175837968198 51.824129429046586)</t>
  </si>
  <si>
    <t>POINT (4.689964618815524 51.823480651016304)</t>
  </si>
  <si>
    <t>POINT (4.6944274073743095 51.83001861828341)</t>
  </si>
  <si>
    <t>POINT (4.684615071122322 51.82668433215551)</t>
  </si>
  <si>
    <t>POINT (4.682866567009928 51.82813814900513)</t>
  </si>
  <si>
    <t>POINT (4.692018074963916 51.83734070896629)</t>
  </si>
  <si>
    <t>POINT (4.726538461876467 51.833007848934514)</t>
  </si>
  <si>
    <t>POINT (4.701363387828218 51.83380594286415)</t>
  </si>
  <si>
    <t>POINT (4.679428909708454 51.83777407211352)</t>
  </si>
  <si>
    <t>POINT (4.687715953413286 51.82849687759002)</t>
  </si>
  <si>
    <t>POINT (4.678578115873598 51.83560072642672)</t>
  </si>
  <si>
    <t>POINT (4.7105894047930805 51.83806663928828)</t>
  </si>
  <si>
    <t>POINT (4.680435858336637 51.82231401921602)</t>
  </si>
  <si>
    <t>POINT (4.677457023792187 51.82321588017194)</t>
  </si>
  <si>
    <t>POINT (4.688304563767112 51.82584096736022)</t>
  </si>
  <si>
    <t>POINT (4.692797418893561 51.830331364693926)</t>
  </si>
  <si>
    <t>POINT (4.685715971512263 51.83560789250683)</t>
  </si>
  <si>
    <t>POINT (4.696769975890981 51.83990600673921)</t>
  </si>
  <si>
    <t>POINT (4.680610961197492 51.822300233227914)</t>
  </si>
  <si>
    <t>POINT (4.698148968323952 51.826151922370904)</t>
  </si>
  <si>
    <t>POINT (4.692183831455265 51.823950400174894)</t>
  </si>
  <si>
    <t>POINT (4.681058480664701 51.823849352697266)</t>
  </si>
  <si>
    <t>POINT (4.694999565487251 51.83166676102041)</t>
  </si>
  <si>
    <t>POINT (4.681707090409222 51.823508538221006)</t>
  </si>
  <si>
    <t>POINT (4.703346577572774 51.83027940911245)</t>
  </si>
  <si>
    <t>POINT (4.726365673634128 51.832380208609344)</t>
  </si>
  <si>
    <t>POINT (4.680277724781646 51.83506672011444)</t>
  </si>
  <si>
    <t>POINT (4.684282013353929 51.82656376885121)</t>
  </si>
  <si>
    <t>POINT (4.697973329286913 51.82526109689095)</t>
  </si>
  <si>
    <t>POINT (4.686051010760116 51.823921906878866)</t>
  </si>
  <si>
    <t>POINT (4.708565705337126 51.82872547086254)</t>
  </si>
  <si>
    <t>POINT (4.678289023292998 51.827065769537064)</t>
  </si>
  <si>
    <t>POINT (4.700107089971145 51.840896337451596)</t>
  </si>
  <si>
    <t>POINT (4.711016010331319 51.828565214100145)</t>
  </si>
  <si>
    <t>POINT (4.710068039929689 51.83814516908164)</t>
  </si>
  <si>
    <t>POINT (4.70990258441538 51.837928793512006)</t>
  </si>
  <si>
    <t>POINT (4.716517131457503 51.832630389730085)</t>
  </si>
  <si>
    <t>POINT (4.686572780136431 51.82606579503133)</t>
  </si>
  <si>
    <t>POINT (4.680136027314878 51.82315439648635)</t>
  </si>
  <si>
    <t>POINT (4.692721744859209 51.83115991203946)</t>
  </si>
  <si>
    <t>POINT (4.681187387772216 51.83402780406964)</t>
  </si>
  <si>
    <t>POINT (4.708992683839087 51.8360035001117)</t>
  </si>
  <si>
    <t>POINT (4.706493304434088 51.82825582422873)</t>
  </si>
  <si>
    <t>POINT (4.708861934856978 51.82814554705953)</t>
  </si>
  <si>
    <t>POINT (4.691962452880772 51.82583833126944)</t>
  </si>
  <si>
    <t>POINT (4.680873950076873 51.83173186369697)</t>
  </si>
  <si>
    <t>POINT (4.681761073232037 51.82728449195998)</t>
  </si>
  <si>
    <t>POINT (4.681301308204092 51.83837123396985)</t>
  </si>
  <si>
    <t>POINT (4.689039863271186 51.844032399956525)</t>
  </si>
  <si>
    <t>POINT (4.689272178134076 51.82316486324683)</t>
  </si>
  <si>
    <t>POINT (4.686568029515448 51.82548959437312)</t>
  </si>
  <si>
    <t>POINT (4.691176483051028 51.83770280908422)</t>
  </si>
  <si>
    <t>POINT (4.7071682499111995 51.826351450399784)</t>
  </si>
  <si>
    <t>POINT (4.695168639627639 51.84151655335875)</t>
  </si>
  <si>
    <t>POINT (4.680559413257222 51.831260224032114)</t>
  </si>
  <si>
    <t>POINT (4.678135374165946 51.83460999432866)</t>
  </si>
  <si>
    <t>POINT (4.691615396067099 51.83732488577292)</t>
  </si>
  <si>
    <t>POINT (4.710274772831965 51.82721435581021)</t>
  </si>
  <si>
    <t>POINT (4.689090360783888 51.82545698355281)</t>
  </si>
  <si>
    <t>POINT (4.677020167601335 51.83034830564381)</t>
  </si>
  <si>
    <t>POINT (4.6882490698062345 51.83869631431181)</t>
  </si>
  <si>
    <t>POINT (4.678893759510845 51.822253101191706)</t>
  </si>
  <si>
    <t>POINT (4.701978129657146 51.83602439286059)</t>
  </si>
  <si>
    <t>POINT (4.694987348391141 51.830876372270495)</t>
  </si>
  <si>
    <t>POINT (4.679885792265631 51.82222392012227)</t>
  </si>
  <si>
    <t>POINT (4.68239550597568 51.830455722768114)</t>
  </si>
  <si>
    <t>POINT (4.722910456400166 51.829573958519646)</t>
  </si>
  <si>
    <t>POINT (4.707702344386846 51.83467726427143)</t>
  </si>
  <si>
    <t>POINT (4.67556826510632 51.83042715194826)</t>
  </si>
  <si>
    <t>POINT (4.709631230422445 51.83782091935964)</t>
  </si>
  <si>
    <t>POINT (4.727211329911306 51.83187676815009)</t>
  </si>
  <si>
    <t>POINT (4.690842790825372 51.83825901521672)</t>
  </si>
  <si>
    <t>POINT (4.6907989432453405 51.83814436581417)</t>
  </si>
  <si>
    <t>POINT (4.679441715129595 51.827105291482525)</t>
  </si>
  <si>
    <t>POINT (4.683156578157896 51.834611676724265)</t>
  </si>
  <si>
    <t>POINT (4.690690737688224 51.8389996302527)</t>
  </si>
  <si>
    <t>POINT (4.7092663166091215 51.83848743087145)</t>
  </si>
  <si>
    <t>POINT (4.679927775840988 51.82593109435823)</t>
  </si>
  <si>
    <t>POINT (4.71175746904389 51.83040272158301)</t>
  </si>
  <si>
    <t>POINT (4.706440639656324 51.82743121658425)</t>
  </si>
  <si>
    <t>POINT (4.683244981024822 51.82724088906561)</t>
  </si>
  <si>
    <t>POINT (4.681546188438686 51.82421596676721)</t>
  </si>
  <si>
    <t>POINT (4.684555325186757 51.82982595588576)</t>
  </si>
  <si>
    <t>POINT (4.682904220845531 51.82560815105697)</t>
  </si>
  <si>
    <t>POINT (4.694153012684316 51.83701297734197)</t>
  </si>
  <si>
    <t>POINT (4.686712919119228 51.824679260625125)</t>
  </si>
  <si>
    <t>POINT (4.702490490985668 51.835242064234066)</t>
  </si>
  <si>
    <t>POINT (4.675937132313661 51.829763759959434)</t>
  </si>
  <si>
    <t>POINT (4.678014942519707 51.82234368539514)</t>
  </si>
  <si>
    <t>POINT (4.681747019638414 51.82945184933639)</t>
  </si>
  <si>
    <t>POINT (4.69171250717898 51.82862576537734)</t>
  </si>
  <si>
    <t>POINT (4.68848839075705 51.830112808993086)</t>
  </si>
  <si>
    <t>POINT (4.71403452139312 51.83286624301189)</t>
  </si>
  <si>
    <t>POINT (4.729729628108544 51.82881736186944)</t>
  </si>
  <si>
    <t>POINT (4.694627783843931 51.839935303202395)</t>
  </si>
  <si>
    <t>POINT (4.714683972848399 51.83386652434602)</t>
  </si>
  <si>
    <t>POINT (4.693383948497487 51.84251380673831)</t>
  </si>
  <si>
    <t>POINT (4.698423125817778 51.83241026787122)</t>
  </si>
  <si>
    <t>POINT (4.691145504399812 51.825772133058585)</t>
  </si>
  <si>
    <t>POINT (4.719799007436709 51.836349336752235)</t>
  </si>
  <si>
    <t>POINT (4.693657962691972 51.84120690674123)</t>
  </si>
  <si>
    <t>POINT (4.688229516125569 51.82561790767038)</t>
  </si>
  <si>
    <t>POINT (4.709256227029352 51.83765175494136)</t>
  </si>
  <si>
    <t>POINT (4.6940692425372195 51.829604869315524)</t>
  </si>
  <si>
    <t>POINT (4.680328166178078 51.835972530667775)</t>
  </si>
  <si>
    <t>POINT (4.680159394189311 51.83702368869432)</t>
  </si>
  <si>
    <t>POINT (4.7080564687566655 51.836641556026805)</t>
  </si>
  <si>
    <t>POINT (4.708838072251998 51.82837772920242)</t>
  </si>
  <si>
    <t>POINT (4.697344273823659 51.82622055203263)</t>
  </si>
  <si>
    <t>POINT (4.685078825351454 51.835195469036066)</t>
  </si>
  <si>
    <t>POINT (4.699634289041493 51.83412914454029)</t>
  </si>
  <si>
    <t>POINT (4.689780018369258 51.832172443559855)</t>
  </si>
  <si>
    <t>POINT (4.723806962461515 51.83435144149291)</t>
  </si>
  <si>
    <t>POINT (4.683262967747185 51.82761153598911)</t>
  </si>
  <si>
    <t>POINT (4.6791606724564385 51.83070670597339)</t>
  </si>
  <si>
    <t>POINT (4.6925213088582725 51.83924128628338)</t>
  </si>
  <si>
    <t>POINT (4.692739003336346 51.83121488976815)</t>
  </si>
  <si>
    <t>POINT (4.727333394697756 51.8293983509159)</t>
  </si>
  <si>
    <t>POINT (4.679367093658267 51.836735322624044)</t>
  </si>
  <si>
    <t>POINT (4.698462053895783 51.83251451270579)</t>
  </si>
  <si>
    <t>POINT (4.694420635432862 51.83750139902828)</t>
  </si>
  <si>
    <t>POINT (4.679111134292539 51.82873798283128)</t>
  </si>
  <si>
    <t>POINT (4.6903294031965554 51.83126219995991)</t>
  </si>
  <si>
    <t>POINT (4.683210728970202 51.82353754833652)</t>
  </si>
  <si>
    <t>POINT (4.703504728469868 51.83827937013709)</t>
  </si>
  <si>
    <t>POINT (4.69444737104202 51.839167311238334)</t>
  </si>
  <si>
    <t>POINT (4.70867817953373 51.83812012907337)</t>
  </si>
  <si>
    <t>POINT (4.6885831719259 51.829379864022634)</t>
  </si>
  <si>
    <t>POINT (4.697363817763707 51.82652450083542)</t>
  </si>
  <si>
    <t>POINT (4.735294253857166 51.831458310475526)</t>
  </si>
  <si>
    <t>POINT (4.679504971267548 51.838494547672916)</t>
  </si>
  <si>
    <t>POINT (4.697929903100483 51.8251564658134)</t>
  </si>
  <si>
    <t>POINT (4.686033085168398 51.83523781918013)</t>
  </si>
  <si>
    <t>POINT (4.679404600476686 51.83286363658711)</t>
  </si>
  <si>
    <t>POINT (4.693205523087793 51.83026311848648)</t>
  </si>
  <si>
    <t>POINT (4.693788754839604 51.836588190032586)</t>
  </si>
  <si>
    <t>POINT (4.735964556511276 51.832493589852376)</t>
  </si>
  <si>
    <t>POINT (4.678875469100966 51.83267416429921)</t>
  </si>
  <si>
    <t>POINT (4.695836681790897 51.84189528773393)</t>
  </si>
  <si>
    <t>POINT (4.691393406410924 51.836940888285945)</t>
  </si>
  <si>
    <t>POINT (4.680825621610957 51.84375159474825)</t>
  </si>
  <si>
    <t>POINT (4.7070099409356905 51.826227604624165)</t>
  </si>
  <si>
    <t>POINT (4.687283452536025 51.84097537273665)</t>
  </si>
  <si>
    <t>POINT (4.6976789371407905 51.83249395164142)</t>
  </si>
  <si>
    <t>POINT (4.722913655961033 51.82964624508317)</t>
  </si>
  <si>
    <t>POINT (4.6772247552376065 51.82264926858504)</t>
  </si>
  <si>
    <t>POINT (4.693342803352832 51.838228433877845)</t>
  </si>
  <si>
    <t>POINT (4.69225600627833 51.84274007597141)</t>
  </si>
  <si>
    <t>POINT (4.6784978418679115 51.83294009730937)</t>
  </si>
  <si>
    <t>POINT (4.698083400293399 51.82600961584347)</t>
  </si>
  <si>
    <t>POINT (4.68569347681469 51.824110302957116)</t>
  </si>
  <si>
    <t>POINT (4.715370578850473 51.833954256607655)</t>
  </si>
  <si>
    <t>POINT (4.7244669862148285 51.82793936842304)</t>
  </si>
  <si>
    <t>POINT (4.69248218650525 51.84013157608656)</t>
  </si>
  <si>
    <t>POINT (4.726637644201633 51.828976665087254)</t>
  </si>
  <si>
    <t>POINT (4.67743687639884 51.8352653240533)</t>
  </si>
  <si>
    <t>POINT (4.700149479500469 51.832197700189646)</t>
  </si>
  <si>
    <t>POINT (4.700480836079139 51.82434723188053)</t>
  </si>
  <si>
    <t>POINT (4.686570431393308 51.83828045361238)</t>
  </si>
  <si>
    <t>POINT (4.6838953358089945 51.83790636907179)</t>
  </si>
  <si>
    <t>POINT (4.694208622384228 51.82440535960544)</t>
  </si>
  <si>
    <t>POINT (4.685306250821794 51.83734165267594)</t>
  </si>
  <si>
    <t>POINT (4.68331751107175 51.83455597739455)</t>
  </si>
  <si>
    <t>POINT (4.676985478003105 51.836951802962865)</t>
  </si>
  <si>
    <t>POINT (4.718290019071218 51.82463432461237)</t>
  </si>
  <si>
    <t>POINT (4.6877148111913005 51.829120017464255)</t>
  </si>
  <si>
    <t>POINT (4.683604171970509 51.82782760143147)</t>
  </si>
  <si>
    <t>POINT (4.714825244223832 51.83353689407117)</t>
  </si>
  <si>
    <t>POINT (4.687666750654896 51.84367473112802)</t>
  </si>
  <si>
    <t>POINT (4.6943252253024665 51.830013350085366)</t>
  </si>
  <si>
    <t>POINT (4.684413269495775 51.82844173493497)</t>
  </si>
  <si>
    <t>POINT (4.708992994402257 51.838050407750856)</t>
  </si>
  <si>
    <t>POINT (4.701401293825375 51.834097018291196)</t>
  </si>
  <si>
    <t>POINT (4.702914484621753 51.832663075168014)</t>
  </si>
  <si>
    <t>POINT (4.696193306169166 51.8350057449057)</t>
  </si>
  <si>
    <t>POINT (4.694972143422929 51.82667567666385)</t>
  </si>
  <si>
    <t>POINT (4.696940456173615 51.82939577795723)</t>
  </si>
  <si>
    <t>POINT (4.687364988336804 51.82628278795706)</t>
  </si>
  <si>
    <t>POINT (4.706313240923211 51.834389417832575)</t>
  </si>
  <si>
    <t>POINT (4.679819521079586 51.82853608128081)</t>
  </si>
  <si>
    <t>POINT (4.7120400416278025 51.83118643812735)</t>
  </si>
  <si>
    <t>POINT (4.694252377636778 51.82997504195732)</t>
  </si>
  <si>
    <t>POINT (4.694681294597998 51.83591434056933)</t>
  </si>
  <si>
    <t>POINT (4.683547769154238 51.83068546405903)</t>
  </si>
  <si>
    <t>POINT (4.696960836546848 51.8348030004462)</t>
  </si>
  <si>
    <t>POINT (4.710436031275503 51.828216816350654)</t>
  </si>
  <si>
    <t>POINT (4.677932377235969 51.82872875387716)</t>
  </si>
  <si>
    <t>POINT (4.6886843148017014 51.83437575830752)</t>
  </si>
  <si>
    <t>POINT (4.6801202940106865 51.8223080646794)</t>
  </si>
  <si>
    <t>POINT (4.689135092518377 51.83884632990238)</t>
  </si>
  <si>
    <t>POINT (4.691753236254516 51.8283789629014)</t>
  </si>
  <si>
    <t>POINT (4.686646973664386 51.84133539140744)</t>
  </si>
  <si>
    <t>POINT (4.689384966884557 51.83175144101582)</t>
  </si>
  <si>
    <t>POINT (4.694010242222049 51.8296010333231)</t>
  </si>
  <si>
    <t>POINT (4.6854375829318755 51.82966825155965)</t>
  </si>
  <si>
    <t>POINT (4.689385335165432 51.823155396862504)</t>
  </si>
  <si>
    <t>POINT (4.67840933355366 51.83746533621068)</t>
  </si>
  <si>
    <t>POINT (4.7021839354496615 51.83501441866401)</t>
  </si>
  <si>
    <t>POINT (4.6929454290432515 51.838502475974146)</t>
  </si>
  <si>
    <t>POINT (4.6898397571953705 51.82826270412451)</t>
  </si>
  <si>
    <t>POINT (4.683410419354606 51.82849735253487)</t>
  </si>
  <si>
    <t>POINT (4.699765690142372 51.83865884184703)</t>
  </si>
  <si>
    <t>POINT (4.719587531761369 51.83376817832605)</t>
  </si>
  <si>
    <t>POINT (4.699490801798075 51.83038919582117)</t>
  </si>
  <si>
    <t>POINT (4.703726885590947 51.83412400121656)</t>
  </si>
  <si>
    <t>POINT (4.706248417128248 51.82850618433058)</t>
  </si>
  <si>
    <t>POINT (4.695712173677566 51.83901962399804)</t>
  </si>
  <si>
    <t>POINT (4.684798297781423 51.82600884419848)</t>
  </si>
  <si>
    <t>POINT (4.6867711787052775 51.823534643171016)</t>
  </si>
  <si>
    <t>POINT (4.692330633538635 51.8249924509717)</t>
  </si>
  <si>
    <t>POINT (4.698738239946136 51.841186102509404)</t>
  </si>
  <si>
    <t>POINT (4.707715281583838 51.82598868223848)</t>
  </si>
  <si>
    <t>POINT (4.683891797773401 51.83527206573019)</t>
  </si>
  <si>
    <t>POINT (4.692518306327921 51.82838909311829)</t>
  </si>
  <si>
    <t>POINT (4.679431558905069 51.826368295580764)</t>
  </si>
  <si>
    <t>POINT (4.687790968717587 51.834638786025565)</t>
  </si>
  <si>
    <t>POINT (4.676526725722648 51.83065248842436)</t>
  </si>
  <si>
    <t>POINT (4.678294503576787 51.83665193478932)</t>
  </si>
  <si>
    <t>POINT (4.695467194914164 51.82405444241269)</t>
  </si>
  <si>
    <t>POINT (4.693450330774295 51.82484695051658)</t>
  </si>
  <si>
    <t>POINT (4.696292766503988 51.83512870151058)</t>
  </si>
  <si>
    <t>POINT (4.69279266163012 51.83875126758001)</t>
  </si>
  <si>
    <t>POINT (4.69536137706417 51.83255330357495)</t>
  </si>
  <si>
    <t>POINT (4.685432891284337 51.83344607789486)</t>
  </si>
  <si>
    <t>POINT (4.694834972899964 51.824044881132465)</t>
  </si>
  <si>
    <t>POINT (4.697604777095968 51.83929241493815)</t>
  </si>
  <si>
    <t>POINT (4.7024009104832745 51.837298372396894)</t>
  </si>
  <si>
    <t>POINT (4.701993389004129 51.82925462527302)</t>
  </si>
  <si>
    <t>POINT (4.6981144025079855 51.83321968892247)</t>
  </si>
  <si>
    <t>POINT (4.703110995854069 51.83565630900437)</t>
  </si>
  <si>
    <t>POINT (4.703195134309488 51.83440626596278)</t>
  </si>
  <si>
    <t>POINT (4.683372609685093 51.8254184776546)</t>
  </si>
  <si>
    <t>POINT (4.702289921237934 51.82835324109722)</t>
  </si>
  <si>
    <t>POINT (4.7254042659460715 51.83500049969486)</t>
  </si>
  <si>
    <t>POINT (4.683701853736384 51.82713385879796)</t>
  </si>
  <si>
    <t>POINT (4.693518224228967 51.83132297423501)</t>
  </si>
  <si>
    <t>POINT (4.704035341281524 51.83831812587397)</t>
  </si>
  <si>
    <t>POINT (4.707467173891373 51.82594408231294)</t>
  </si>
  <si>
    <t>POINT (4.679261038958103 51.82965384168228)</t>
  </si>
  <si>
    <t>POINT (4.711526728692612 51.828423914528805)</t>
  </si>
  <si>
    <t>POINT (4.715716345900713 51.83276289728898)</t>
  </si>
  <si>
    <t>POINT (4.718412526262411 51.83583128887982)</t>
  </si>
  <si>
    <t>POINT (4.70887572717083 51.82770630761856)</t>
  </si>
  <si>
    <t>POINT (4.691178554511307 51.84354666069434)</t>
  </si>
  <si>
    <t>POINT (4.7293508360587655 51.83305670290241)</t>
  </si>
  <si>
    <t>POINT (4.7243938501449225 51.83293073621694)</t>
  </si>
  <si>
    <t>POINT (4.682735210057022 51.82536412863513)</t>
  </si>
  <si>
    <t>POINT (4.677061642122013 51.83537014549392)</t>
  </si>
  <si>
    <t>POINT (4.676931861669752 51.833897253861956)</t>
  </si>
  <si>
    <t>POINT (4.695658942198013 51.83700569627544)</t>
  </si>
  <si>
    <t>POINT (4.695826380753364 51.83330602766987)</t>
  </si>
  <si>
    <t>POINT (4.700581426247587 51.831327764133995)</t>
  </si>
  <si>
    <t>POINT (4.692660866049539 51.838747422831204)</t>
  </si>
  <si>
    <t>POINT (4.7040010124977565 51.83072434574486)</t>
  </si>
  <si>
    <t>POINT (4.691841778801861 51.827264428571866)</t>
  </si>
  <si>
    <t>POINT (4.688383767472806 51.82302966418963)</t>
  </si>
  <si>
    <t>POINT (4.716023735520065 51.8353682343776)</t>
  </si>
  <si>
    <t>POINT (4.704451295410277 51.83022301814917)</t>
  </si>
  <si>
    <t>POINT (4.681121497321505 51.83897029705568)</t>
  </si>
  <si>
    <t>POINT (4.675495860166424 51.828887487138054)</t>
  </si>
  <si>
    <t>POINT (4.689074479927721 51.83788299938923)</t>
  </si>
  <si>
    <t>POINT (4.693273718766335 51.840557266483664)</t>
  </si>
  <si>
    <t>POINT (4.6899965404811885 51.82689416182283)</t>
  </si>
  <si>
    <t>POINT (4.676941052513416 51.83198237695005)</t>
  </si>
  <si>
    <t>POINT (4.690109205633571 51.83898653392894)</t>
  </si>
  <si>
    <t>POINT (4.698964429829191 51.83892608018404)</t>
  </si>
  <si>
    <t>POINT (4.707620083151604 51.82596716063536)</t>
  </si>
  <si>
    <t>POINT (4.729997273357533 51.82844198622356)</t>
  </si>
  <si>
    <t>POINT (4.688229539728343 51.8356454917044)</t>
  </si>
  <si>
    <t>POINT (4.684399867665885 51.83444498966227)</t>
  </si>
  <si>
    <t>POINT (4.678347366008427 51.83258561135169)</t>
  </si>
  <si>
    <t>POINT (4.67832601597164 51.82889173197428)</t>
  </si>
  <si>
    <t>POINT (4.687016116616844 51.83852463715903)</t>
  </si>
  <si>
    <t>POINT (4.7065754840987 51.82628974142781)</t>
  </si>
  <si>
    <t>POINT (4.69368671989903 51.838929853141266)</t>
  </si>
  <si>
    <t>POINT (4.690832063249022 51.83754868795813)</t>
  </si>
  <si>
    <t>POINT (4.689708247242375 51.82765190852768)</t>
  </si>
  <si>
    <t>POINT (4.688271557178972 51.835690478307974)</t>
  </si>
  <si>
    <t>POINT (4.692613039158826 51.82381741012204)</t>
  </si>
  <si>
    <t>POINT (4.703965388592412 51.833073855294856)</t>
  </si>
  <si>
    <t>POINT (4.677787640653698 51.82241609964287)</t>
  </si>
  <si>
    <t>POINT (4.692486529159807 51.83762081721169)</t>
  </si>
  <si>
    <t>POINT (4.697980038856098 51.834121754035436)</t>
  </si>
  <si>
    <t>POINT (4.687967736462655 51.84141080550885)</t>
  </si>
  <si>
    <t>POINT (4.679389824980348 51.84156029138008)</t>
  </si>
  <si>
    <t>POINT (4.681183844141625 51.83700208823211)</t>
  </si>
  <si>
    <t>POINT (4.682226659958201 51.83852641015178)</t>
  </si>
  <si>
    <t>POINT (4.686173204959648 51.83518901175607)</t>
  </si>
  <si>
    <t>POINT (4.678934612053751 51.83732556006097)</t>
  </si>
  <si>
    <t>POINT (4.681794132447304 51.83940722430873)</t>
  </si>
  <si>
    <t>POINT (4.6939335724819475 51.82985837465124)</t>
  </si>
  <si>
    <t>POINT (4.725781006992368 51.83422464104165)</t>
  </si>
  <si>
    <t>POINT (4.676788919238465 51.833065541276056)</t>
  </si>
  <si>
    <t>POINT (4.684276230482733 51.837794332822064)</t>
  </si>
  <si>
    <t>POINT (4.6966569716575854 51.83325536676402)</t>
  </si>
  <si>
    <t>POINT (4.701901094683425 51.83438967639296)</t>
  </si>
  <si>
    <t>POINT (4.695622085863939 51.82458188280568)</t>
  </si>
  <si>
    <t>POINT (4.679827807195408 51.82935474551451)</t>
  </si>
  <si>
    <t>POINT (4.707977436803182 51.837366165660164)</t>
  </si>
  <si>
    <t>POINT (4.678242947012399 51.83472595935743)</t>
  </si>
  <si>
    <t>POINT (4.682274501789377 51.83857452596615)</t>
  </si>
  <si>
    <t>POINT (4.6830703882362235 51.82730162982482)</t>
  </si>
  <si>
    <t>POINT (4.683869175029774 51.82781872681924)</t>
  </si>
  <si>
    <t>POINT (4.699902338401478 51.834484893077594)</t>
  </si>
  <si>
    <t>POINT (4.685111835991147 51.837097554279595)</t>
  </si>
  <si>
    <t>POINT (4.702877146278645 51.82815454764955)</t>
  </si>
  <si>
    <t>POINT (4.7033442548980675 51.83128422535595)</t>
  </si>
  <si>
    <t>POINT (4.695188403924489 51.83845403860022)</t>
  </si>
  <si>
    <t>POINT (4.730233878468982 51.83336293706428)</t>
  </si>
  <si>
    <t>POINT (4.699996714507265 51.83893615406673)</t>
  </si>
  <si>
    <t>POINT (4.681072917234936 51.83225930995449)</t>
  </si>
  <si>
    <t>POINT (4.705541419805598 51.83946790436789)</t>
  </si>
  <si>
    <t>POINT (4.7010754967347665 51.83531390032)</t>
  </si>
  <si>
    <t>POINT (4.691937813852661 51.829690285356854)</t>
  </si>
  <si>
    <t>POINT (4.681890227225609 51.83769682350288)</t>
  </si>
  <si>
    <t>POINT (4.707870129554749 51.83480596361999)</t>
  </si>
  <si>
    <t>POINT (4.675577782981029 51.832662174643175)</t>
  </si>
  <si>
    <t>POINT (4.698667706274016 51.832695051273696)</t>
  </si>
  <si>
    <t>POINT (4.6802757557761305 51.83641470791429)</t>
  </si>
  <si>
    <t>POINT (4.680412586844234 51.82727966076727)</t>
  </si>
  <si>
    <t>POINT (4.682998106955377 51.82734772144999)</t>
  </si>
  <si>
    <t>POINT (4.70353589774425 51.82800184025311)</t>
  </si>
  <si>
    <t>POINT (4.7073585840080545 51.826300652594796)</t>
  </si>
  <si>
    <t>POINT (4.700887811743257 51.83096811403682)</t>
  </si>
  <si>
    <t>POINT (4.6986492024033195 51.8349825937212)</t>
  </si>
  <si>
    <t>POINT (4.68254333537355 51.82739434889467)</t>
  </si>
  <si>
    <t>POINT (4.726013095173731 51.83124122713693)</t>
  </si>
  <si>
    <t>POINT (4.67742183109157 51.834503598214525)</t>
  </si>
  <si>
    <t>POINT (4.715153678339874 51.8319549445195)</t>
  </si>
  <si>
    <t>POINT (4.69004474210898 51.82349218298643)</t>
  </si>
  <si>
    <t>POINT (4.688746256657706 51.84337822326244)</t>
  </si>
  <si>
    <t>POINT (4.692587273767618 51.84080912235636)</t>
  </si>
  <si>
    <t>POINT (4.6956874721129385 51.83176534884587)</t>
  </si>
  <si>
    <t>POINT (4.700385816652472 51.83823797465101)</t>
  </si>
  <si>
    <t>POINT (4.690694823587541 51.830081679589334)</t>
  </si>
  <si>
    <t>POINT (4.707750183570303 51.83698713094339)</t>
  </si>
  <si>
    <t>POINT (4.680470130883743 51.831302832040194)</t>
  </si>
  <si>
    <t>POINT (4.701839158116482 51.82812077974204)</t>
  </si>
  <si>
    <t>POINT (4.679677737488102 51.83281361641004)</t>
  </si>
  <si>
    <t>POINT (4.701704467944312 51.82904738636675)</t>
  </si>
  <si>
    <t>POINT (4.6898329967039185 51.82454847532804)</t>
  </si>
  <si>
    <t>POINT (4.691295857800143 51.82347626403022)</t>
  </si>
  <si>
    <t>POINT (4.703504314248416 51.839747559805446)</t>
  </si>
  <si>
    <t>POINT (4.690810824821134 51.8422118715024)</t>
  </si>
  <si>
    <t>POINT (4.703814377952479 51.8277267738304)</t>
  </si>
  <si>
    <t>POINT (4.701662909651849 51.8290985766167)</t>
  </si>
  <si>
    <t>POINT (4.694193741930998 51.82992010781218)</t>
  </si>
  <si>
    <t>POINT (4.684292504961847 51.8265123896444)</t>
  </si>
  <si>
    <t>POINT (4.691976534652447 51.83743183240234)</t>
  </si>
  <si>
    <t>POINT (4.706425409493557 51.828374125321425)</t>
  </si>
  <si>
    <t>POINT (4.677484993477176 51.833897192562226)</t>
  </si>
  <si>
    <t>POINT (4.731274415487215 51.83293518133543)</t>
  </si>
  <si>
    <t>POINT (4.701173329501827 51.835433175855854)</t>
  </si>
  <si>
    <t>POINT (4.719442878723372 51.82465649318428)</t>
  </si>
  <si>
    <t>POINT (4.703166310577872 51.83413831789577)</t>
  </si>
  <si>
    <t>POINT (4.67681051086602 51.83561806097855)</t>
  </si>
  <si>
    <t>POINT (4.6881648250053365 51.832132230042575)</t>
  </si>
  <si>
    <t>POINT (4.692751624110793 51.8317449523999)</t>
  </si>
  <si>
    <t>POINT (4.701153902630976 51.83387895587404)</t>
  </si>
  <si>
    <t>POINT (4.689950394032077 51.82583848607552)</t>
  </si>
  <si>
    <t>POINT (4.689506183705803 51.830127473939356)</t>
  </si>
  <si>
    <t>POINT (4.680349801984493 51.83010239277814)</t>
  </si>
  <si>
    <t>POINT (4.693211728317518 51.83020591553084)</t>
  </si>
  <si>
    <t>POINT (4.688396015876496 51.84165977870081)</t>
  </si>
  <si>
    <t>POINT (4.687914915458346 51.82587177878254)</t>
  </si>
  <si>
    <t>POINT (4.708059171587787 51.83755860841635)</t>
  </si>
  <si>
    <t>POINT (4.682486237832887 51.82733494169671)</t>
  </si>
  <si>
    <t>POINT (4.685491675562637 51.839102124617256)</t>
  </si>
  <si>
    <t>POINT (4.678453425413013 51.823528315487835)</t>
  </si>
  <si>
    <t>POINT (4.698553195279672 51.83042884896205)</t>
  </si>
  <si>
    <t>POINT (4.679597980841239 51.83526763780886)</t>
  </si>
  <si>
    <t>POINT (4.699810763083311 51.83545271962576)</t>
  </si>
  <si>
    <t>POINT (4.675836546371293 51.832323531629946)</t>
  </si>
  <si>
    <t>POINT (4.714540826646199 51.834200116671354)</t>
  </si>
  <si>
    <t>POINT (4.683163673103297 51.82748408367334)</t>
  </si>
  <si>
    <t>POINT (4.701000880874419 51.832328844551526)</t>
  </si>
  <si>
    <t>POINT (4.686948784040175 51.822899684021245)</t>
  </si>
  <si>
    <t>POINT (4.698164349782132 51.83593062884536)</t>
  </si>
  <si>
    <t>POINT (4.706564774153325 51.82751468576988)</t>
  </si>
  <si>
    <t>POINT (4.699904660864655 51.83719273913588)</t>
  </si>
  <si>
    <t>POINT (4.719328403515032 51.832707396342514)</t>
  </si>
  <si>
    <t>POINT (4.709503220227318 51.837341734429664)</t>
  </si>
  <si>
    <t>POINT (4.694490961921197 51.83921439020279)</t>
  </si>
  <si>
    <t>POINT (4.690320544110198 51.8239032806564)</t>
  </si>
  <si>
    <t>POINT (4.698734465969581 51.83031595437005)</t>
  </si>
  <si>
    <t>POINT (4.701438990034035 51.837924253122395)</t>
  </si>
  <si>
    <t>POINT (4.689997312013972 51.838109208325896)</t>
  </si>
  <si>
    <t>POINT (4.676253624825462 51.831164266411214)</t>
  </si>
  <si>
    <t>POINT (4.685776043748109 51.83395336223064)</t>
  </si>
  <si>
    <t>POINT (4.675741410451381 51.83127729643535)</t>
  </si>
  <si>
    <t>POINT (4.6978274121675545 51.83502131170955)</t>
  </si>
  <si>
    <t>POINT (4.680237971243221 51.83513690673316)</t>
  </si>
  <si>
    <t>POINT (4.684801784343904 51.82552359487321)</t>
  </si>
  <si>
    <t>POINT (4.693885042145007 51.829954751825305)</t>
  </si>
  <si>
    <t>POINT (4.676787093785536 51.835617083327755)</t>
  </si>
  <si>
    <t>POINT (4.683790845639147 51.82772625864227)</t>
  </si>
  <si>
    <t>POINT (4.69774535022661 51.837875195170135)</t>
  </si>
  <si>
    <t>POINT (4.6950488162532835 51.82693499263431)</t>
  </si>
  <si>
    <t>POINT (4.677388444022537 51.835253399913505)</t>
  </si>
  <si>
    <t>POINT (4.698253612348726 51.83232767434457)</t>
  </si>
  <si>
    <t>POINT (4.688455085409615 51.825398022148576)</t>
  </si>
  <si>
    <t>POINT (4.706940836414133 51.834864104939406)</t>
  </si>
  <si>
    <t>POINT (4.684785533384313 51.8257612024481)</t>
  </si>
  <si>
    <t>POINT (4.688939830809433 51.833519097322785)</t>
  </si>
  <si>
    <t>POINT (4.677131960528554 51.822729722011594)</t>
  </si>
  <si>
    <t>POINT (4.683911314827144 51.827826314045865)</t>
  </si>
  <si>
    <t>POINT (4.722181442437927 51.83469520914342)</t>
  </si>
  <si>
    <t>POINT (4.690788489176588 51.832302357027466)</t>
  </si>
  <si>
    <t>POINT (4.684705597259093 51.83482292224713)</t>
  </si>
  <si>
    <t>POINT (4.708166019733626 51.83016112387369)</t>
  </si>
  <si>
    <t>POINT (4.687286033000338 51.82860562125564)</t>
  </si>
  <si>
    <t>POINT (4.704152518869845 51.83932629703866)</t>
  </si>
  <si>
    <t>POINT (4.691511052646394 51.825823225408946)</t>
  </si>
  <si>
    <t>POINT (4.693524640393822 51.824314686762605)</t>
  </si>
  <si>
    <t>POINT (4.687010745794815 51.84453709071599)</t>
  </si>
  <si>
    <t>POINT (4.694676595407761 51.841306041796074)</t>
  </si>
  <si>
    <t>POINT (4.679295509706985 51.83058463539251)</t>
  </si>
  <si>
    <t>POINT (4.685843090246275 51.83298015830784)</t>
  </si>
  <si>
    <t>POINT (4.6852228272240914 51.8291190017177)</t>
  </si>
  <si>
    <t>POINT (4.6826861661840145 51.829515718153765)</t>
  </si>
  <si>
    <t>POINT (4.699329907463407 51.834714696294036)</t>
  </si>
  <si>
    <t>POINT (4.696465111209454 51.8289074246769)</t>
  </si>
  <si>
    <t>POINT (4.679455128884496 51.83115879497275)</t>
  </si>
  <si>
    <t>POINT (4.676833972948782 51.83054459674231)</t>
  </si>
  <si>
    <t>POINT (4.682073307925912 51.846979711722575)</t>
  </si>
  <si>
    <t>POINT (4.7051066217639645 51.83912518683802)</t>
  </si>
  <si>
    <t>POINT (4.681107836061591 51.826779294155855)</t>
  </si>
  <si>
    <t>POINT (4.688052364111989 51.841398734405054)</t>
  </si>
  <si>
    <t>POINT (4.700571182344532 51.83587976991083)</t>
  </si>
  <si>
    <t>POINT (4.731930594244111 51.83303229141117)</t>
  </si>
  <si>
    <t>POINT (4.729503332075267 51.82960865580719)</t>
  </si>
  <si>
    <t>POINT (4.677781874137023 51.82239633468339)</t>
  </si>
  <si>
    <t>POINT (4.706469342960017 51.827556414883055)</t>
  </si>
  <si>
    <t>POINT (4.6942368876419485 51.837485024912574)</t>
  </si>
  <si>
    <t>POINT (4.692695080084811 51.82532274735589)</t>
  </si>
  <si>
    <t>POINT (4.69925042425852 51.84029085397614)</t>
  </si>
  <si>
    <t>POINT (4.680518216378417 51.83848454360322)</t>
  </si>
  <si>
    <t>POINT (4.6997755975543525 51.83541531877842)</t>
  </si>
  <si>
    <t>POINT (4.707796595378825 51.83712310969981)</t>
  </si>
  <si>
    <t>POINT (4.699508639037824 51.83892230303496)</t>
  </si>
  <si>
    <t>POINT (4.7158776654576195 51.83195452983996)</t>
  </si>
  <si>
    <t>POINT (4.698653954095666 51.83601983724007)</t>
  </si>
  <si>
    <t>POINT (4.700608120782312 51.83543432991166)</t>
  </si>
  <si>
    <t>POINT (4.700587335664687 51.84076934237602)</t>
  </si>
  <si>
    <t>POINT (4.678730275786552 51.82297553061406)</t>
  </si>
  <si>
    <t>POINT (4.708147572733934 51.82834400234183)</t>
  </si>
  <si>
    <t>POINT (4.683790075301476 51.82894572578588)</t>
  </si>
  <si>
    <t>POINT (4.706523069718114 51.828330926042995)</t>
  </si>
  <si>
    <t>POINT (4.691438754962336 51.83253013785438)</t>
  </si>
  <si>
    <t>POINT (4.6882628780370466 51.827982623320054)</t>
  </si>
  <si>
    <t>POINT (4.690742113724558 51.83012701123783)</t>
  </si>
  <si>
    <t>POINT (4.69310991968126 51.824517517692854)</t>
  </si>
  <si>
    <t>POINT (4.691625461011576 51.83073320231247)</t>
  </si>
  <si>
    <t>POINT (4.710196284952883 51.830217083689064)</t>
  </si>
  <si>
    <t>POINT (4.7063503955833665 51.82843164892053)</t>
  </si>
  <si>
    <t>POINT (4.691927655540998 51.83280463514746)</t>
  </si>
  <si>
    <t>POINT (4.727828580726182 51.83357463416822)</t>
  </si>
  <si>
    <t>POINT (4.675181219245013 51.83164994007008)</t>
  </si>
  <si>
    <t>POINT (4.691794898828822 51.82618013858101)</t>
  </si>
  <si>
    <t>POINT (4.703741162743971 51.83105931340649)</t>
  </si>
  <si>
    <t>POINT (4.690592119021155 51.843805542714975)</t>
  </si>
  <si>
    <t>POINT (4.6814110715018495 51.82919545112454)</t>
  </si>
  <si>
    <t>POINT (4.685872744810285 51.835552856947835)</t>
  </si>
  <si>
    <t>POINT (4.684652300086511 51.830885353656186)</t>
  </si>
  <si>
    <t>POINT (4.703432078183426 51.82921667816538)</t>
  </si>
  <si>
    <t>POINT (4.691025361979485 51.840318844621684)</t>
  </si>
  <si>
    <t>POINT (4.693631701583416 51.832172441579836)</t>
  </si>
  <si>
    <t>POINT (4.685192569866829 51.82611445552606)</t>
  </si>
  <si>
    <t>POINT (4.677487348728142 51.82318307516847)</t>
  </si>
  <si>
    <t>POINT (4.714029688021452 51.83493487345416)</t>
  </si>
  <si>
    <t>POINT (4.693950728919236 51.831473185576165)</t>
  </si>
  <si>
    <t>POINT (4.706819832157249 51.8293151934278)</t>
  </si>
  <si>
    <t>POINT (4.689513044403345 51.83043021616291)</t>
  </si>
  <si>
    <t>POINT (4.677799995981032 51.83320122705161)</t>
  </si>
  <si>
    <t>POINT (4.710457857144549 51.830262357579485)</t>
  </si>
  <si>
    <t>POINT (4.699569323849974 51.835505408204625)</t>
  </si>
  <si>
    <t>POINT (4.706949154523217 51.829063065885535)</t>
  </si>
  <si>
    <t>POINT (4.68585604833262 51.82946220702715)</t>
  </si>
  <si>
    <t>POINT (4.728749596687863 51.832432003688005)</t>
  </si>
  <si>
    <t>POINT (4.710897049486469 51.82901882283398)</t>
  </si>
  <si>
    <t>POINT (4.690409571852356 51.83778555735778)</t>
  </si>
  <si>
    <t>POINT (4.6970189169814525 51.8331396903305)</t>
  </si>
  <si>
    <t>POINT (4.683833734545623 51.827027783098494)</t>
  </si>
  <si>
    <t>POINT (4.7036193478381065 51.839921062799505)</t>
  </si>
  <si>
    <t>POINT (4.688241008144077 51.82432505811763)</t>
  </si>
  <si>
    <t>POINT (4.683296868607614 51.82729862871424)</t>
  </si>
  <si>
    <t>POINT (4.732146225991177 51.832947896376474)</t>
  </si>
  <si>
    <t>POINT (4.693696367493755 51.83067624278553)</t>
  </si>
  <si>
    <t>POINT (4.702357543777109 51.836179440391284)</t>
  </si>
  <si>
    <t>POINT (4.693547184600094 51.84171206916937)</t>
  </si>
  <si>
    <t>POINT (4.704181988012034 51.830518112151566)</t>
  </si>
  <si>
    <t>POINT (4.693204219225985 51.836271877703595)</t>
  </si>
  <si>
    <t>POINT (4.680053342350818 51.83693125793287)</t>
  </si>
  <si>
    <t>POINT (4.706373586089729 51.82759856449576)</t>
  </si>
  <si>
    <t>POINT (4.678526679424509 51.83411287619671)</t>
  </si>
  <si>
    <t>POINT (4.699977236321595 51.83806517734299)</t>
  </si>
  <si>
    <t>POINT (4.689176180601136 51.82312282774408)</t>
  </si>
  <si>
    <t>POINT (4.698224348884537 51.836874517097186)</t>
  </si>
  <si>
    <t>POINT (4.681838312657795 51.82723033211301)</t>
  </si>
  <si>
    <t>POINT (4.6783568843705 51.83565199234739)</t>
  </si>
  <si>
    <t>POINT (4.693921899478051 51.83659730884515)</t>
  </si>
  <si>
    <t>POINT (4.706876371710565 51.829286038431384)</t>
  </si>
  <si>
    <t>POINT (4.692999189065016 51.82387203550559)</t>
  </si>
  <si>
    <t>POINT (4.712614112863649 51.83050728646743)</t>
  </si>
  <si>
    <t>POINT (4.691429279554951 51.83769219089971)</t>
  </si>
  <si>
    <t>POINT (4.684732823254547 51.8402412822744)</t>
  </si>
  <si>
    <t>POINT (4.680333442104602 51.835065644405034)</t>
  </si>
  <si>
    <t>POINT (4.697505812081782 51.82688049429845)</t>
  </si>
  <si>
    <t>POINT (4.699690653157699 51.83183581025539)</t>
  </si>
  <si>
    <t>POINT (4.67911601733766 51.82329747702329)</t>
  </si>
  <si>
    <t>POINT (4.722989532357357 51.83414006337078)</t>
  </si>
  <si>
    <t>POINT (4.6751174481931965 51.83125111331725)</t>
  </si>
  <si>
    <t>POINT (4.6861049468889995 51.823989679891575)</t>
  </si>
  <si>
    <t>POINT (4.6876952609970965 51.82301296079848)</t>
  </si>
  <si>
    <t>POINT (4.70431100246947 51.83289714548555)</t>
  </si>
  <si>
    <t>POINT (4.679917067308279 51.843337115246996)</t>
  </si>
  <si>
    <t>POINT (4.6884266450317735 51.83873195065251)</t>
  </si>
  <si>
    <t>POINT (4.716058991187603 51.82704289954865)</t>
  </si>
  <si>
    <t>POINT (4.719341608396429 51.82857053297593)</t>
  </si>
  <si>
    <t>POINT (4.67956167072388 51.83600073037994)</t>
  </si>
  <si>
    <t>POINT (4.6834460657897745 51.837792819888634)</t>
  </si>
  <si>
    <t>POINT (4.679843311602156 51.83064517741211)</t>
  </si>
  <si>
    <t>POINT (4.724782193637662 51.83388813864141)</t>
  </si>
  <si>
    <t>POINT (4.690107868712715 51.829614426516635)</t>
  </si>
  <si>
    <t>POINT (4.681895709091529 51.83041925608186)</t>
  </si>
  <si>
    <t>POINT (4.685813577627731 51.83993232377529)</t>
  </si>
  <si>
    <t>POINT (4.695700890930846 51.82653259438741)</t>
  </si>
  <si>
    <t>POINT (4.678621782028815 51.830251981403435)</t>
  </si>
  <si>
    <t>POINT (4.675919432643852 51.83140255346986)</t>
  </si>
  <si>
    <t>POINT (4.678713556062728 51.83560558879167)</t>
  </si>
  <si>
    <t>POINT (4.708249910238604 51.82736820464593)</t>
  </si>
  <si>
    <t>POINT (4.684040842171998 51.82599216535287)</t>
  </si>
  <si>
    <t>POINT (4.7040943769846795 51.82879735853755)</t>
  </si>
  <si>
    <t>POINT (4.6914875453892435 51.83258563522635)</t>
  </si>
  <si>
    <t>POINT (4.689702029704512 51.82513302875986)</t>
  </si>
  <si>
    <t>POINT (4.680846069990447 51.83658576996418)</t>
  </si>
  <si>
    <t>POINT (4.679307266778482 51.83324945357219)</t>
  </si>
  <si>
    <t>POINT (4.682088705731944 51.83113210055761)</t>
  </si>
  <si>
    <t>POINT (4.6779337586688055 51.82960694443543)</t>
  </si>
  <si>
    <t>POINT (4.676731696498132 51.83569994697383)</t>
  </si>
  <si>
    <t>POINT (4.696784379511888 51.83802691157594)</t>
  </si>
  <si>
    <t>POINT (4.683642083643797 51.82787278090111)</t>
  </si>
  <si>
    <t>POINT (4.677418380595026 51.83333650051161)</t>
  </si>
  <si>
    <t>POINT (4.68397868425989 51.83526705822385)</t>
  </si>
  <si>
    <t>POINT (4.706496601361973 51.828320876075104)</t>
  </si>
  <si>
    <t>POINT (4.6842441985467405 51.828147360087996)</t>
  </si>
  <si>
    <t>POINT (4.695185678225897 51.83158901901557)</t>
  </si>
  <si>
    <t>POINT (4.6983433925067715 51.83103204057107)</t>
  </si>
  <si>
    <t>POINT (4.696657699530668 51.83869762582809)</t>
  </si>
  <si>
    <t>POINT (4.717986292668044 51.8322985371867)</t>
  </si>
  <si>
    <t>POINT (4.6804553612251345 51.83221768841133)</t>
  </si>
  <si>
    <t>POINT (4.69156248947433 51.82618892759255)</t>
  </si>
  <si>
    <t>POINT (4.711794292474781 51.83023505296535)</t>
  </si>
  <si>
    <t>POINT (4.700979667327101 51.840221586587106)</t>
  </si>
  <si>
    <t>POINT (4.722591566004311 51.83477293713905)</t>
  </si>
  <si>
    <t>POINT (4.714584106030276 51.83536838124181)</t>
  </si>
  <si>
    <t>POINT (4.684022929394591 51.83928085758117)</t>
  </si>
  <si>
    <t>POINT (4.704211471184902 51.83770611780297)</t>
  </si>
  <si>
    <t>POINT (4.693722348173509 51.83919532697588)</t>
  </si>
  <si>
    <t>POINT (4.696405963182153 51.832966532395204)</t>
  </si>
  <si>
    <t>POINT (4.677520343515096 51.83446879651537)</t>
  </si>
  <si>
    <t>POINT (4.701075776173753 51.82850973454967)</t>
  </si>
  <si>
    <t>POINT (4.6789570814155494 51.83077344994278)</t>
  </si>
  <si>
    <t>POINT (4.687257091570955 51.84186317535995)</t>
  </si>
  <si>
    <t>POINT (4.703589452054393 51.83810347981353)</t>
  </si>
  <si>
    <t>POINT (4.682366205280951 51.82729722371066)</t>
  </si>
  <si>
    <t>POINT (4.694927234760343 51.8266594210212)</t>
  </si>
  <si>
    <t>POINT (4.67830625175724 51.83416515358169)</t>
  </si>
  <si>
    <t>POINT (4.704245941877242 51.83906754586159)</t>
  </si>
  <si>
    <t>POINT (4.682599283599462 51.82394208103873)</t>
  </si>
  <si>
    <t>POINT (4.686649786588272 51.82356148688045)</t>
  </si>
  <si>
    <t>POINT (4.67786428328334 51.82330839951568)</t>
  </si>
  <si>
    <t>POINT (4.68573371956762 51.82412027817723)</t>
  </si>
  <si>
    <t>POINT (4.676823271298788 51.822736510175396)</t>
  </si>
  <si>
    <t>POINT (4.680558039932707 51.832262746416)</t>
  </si>
  <si>
    <t>POINT (4.72693459900271 51.83286128924338)</t>
  </si>
  <si>
    <t>POINT (4.723650446415915 51.831919596422615)</t>
  </si>
  <si>
    <t>POINT (4.702133054751799 51.836078231036296)</t>
  </si>
  <si>
    <t>POINT (4.698491127965427 51.83116000668514)</t>
  </si>
  <si>
    <t>POINT (4.680919891423456 51.82460677469896)</t>
  </si>
  <si>
    <t>POINT (4.685311604973005 51.82905606377576)</t>
  </si>
  <si>
    <t>POINT (4.704219269888127 51.83060539292225)</t>
  </si>
  <si>
    <t>POINT (4.695712100253145 51.837603528405495)</t>
  </si>
  <si>
    <t>POINT (4.697169473765291 51.8291499999011)</t>
  </si>
  <si>
    <t>POINT (4.693354886060644 51.82550440891282)</t>
  </si>
  <si>
    <t>POINT (4.687442460673888 51.83531534223403)</t>
  </si>
  <si>
    <t>POINT (4.684638162847315 51.82867395457804)</t>
  </si>
  <si>
    <t>POINT (4.688308201831617 51.82803097344432)</t>
  </si>
  <si>
    <t>POINT (4.704035529433441 51.83305137846599)</t>
  </si>
  <si>
    <t>POINT (4.700587036666858 51.83635039018064)</t>
  </si>
  <si>
    <t>POINT (4.697746269709542 51.8405618912036)</t>
  </si>
  <si>
    <t>POINT (4.68138657397312 51.836627914698106)</t>
  </si>
  <si>
    <t>POINT (4.709393960989971 51.83722313706634)</t>
  </si>
  <si>
    <t>POINT (4.700663539102944 51.83197443697752)</t>
  </si>
  <si>
    <t>POINT (4.6822101443769055 51.82581250303914)</t>
  </si>
  <si>
    <t>POINT (4.697136101408731 51.826016436826066)</t>
  </si>
  <si>
    <t>POINT (4.723966473805889 51.83504525657349)</t>
  </si>
  <si>
    <t>POINT (4.70662633961288 51.82742347557614)</t>
  </si>
  <si>
    <t>POINT (4.697482348875094 51.83891069494708)</t>
  </si>
  <si>
    <t>POINT (4.678416362357163 51.83043506247083)</t>
  </si>
  <si>
    <t>POINT (4.692987970527804 51.83053699224888)</t>
  </si>
  <si>
    <t>POINT (4.69122712279909 51.82989630009298)</t>
  </si>
  <si>
    <t>POINT (4.697920134375892 51.825821756455134)</t>
  </si>
  <si>
    <t>POINT (4.6778935179892684 51.83430717991403)</t>
  </si>
  <si>
    <t>POINT (4.7095297592996275 51.82898372869179)</t>
  </si>
  <si>
    <t>POINT (4.696628506343825 51.82674129758733)</t>
  </si>
  <si>
    <t>POINT (4.702006407686412 51.83819015078797)</t>
  </si>
  <si>
    <t>POINT (4.692150218576918 51.83376368317032)</t>
  </si>
  <si>
    <t>POINT (4.6794031126611575 51.829588065587046)</t>
  </si>
  <si>
    <t>POINT (4.72896871574972 51.83366142661439)</t>
  </si>
  <si>
    <t>POINT (4.683385250648859 51.846190139110455)</t>
  </si>
  <si>
    <t>POINT (4.706662992154989 51.83623274687187)</t>
  </si>
  <si>
    <t>POINT (4.701912960927875 51.8411712384119)</t>
  </si>
  <si>
    <t>POINT (4.68519542353909 51.833528405218935)</t>
  </si>
  <si>
    <t>POINT (4.68734263826228 51.84101770246646)</t>
  </si>
  <si>
    <t>POINT (4.6780543782072055 51.834806787851484)</t>
  </si>
  <si>
    <t>POINT (4.707698618793722 51.828413861626004)</t>
  </si>
  <si>
    <t>POINT (4.689924595584886 51.82744125069777)</t>
  </si>
  <si>
    <t>POINT (4.692063979265054 51.83176336295843)</t>
  </si>
  <si>
    <t>POINT (4.705883820038792 51.83679024096771)</t>
  </si>
  <si>
    <t>POINT (4.686325633626786 51.83668909166109)</t>
  </si>
  <si>
    <t>POINT (4.678406495958505 51.829692666279485)</t>
  </si>
  <si>
    <t>POINT (4.689297706026679 51.824199140952494)</t>
  </si>
  <si>
    <t>POINT (4.689083822144698 51.825407120599806)</t>
  </si>
  <si>
    <t>POINT (4.685709720604639 51.82590262878488)</t>
  </si>
  <si>
    <t>POINT (4.695101141131747 51.83634008206671)</t>
  </si>
  <si>
    <t>POINT (4.694154982723343 51.829901883730955)</t>
  </si>
  <si>
    <t>POINT (4.7039312021249 51.83908925571387)</t>
  </si>
  <si>
    <t>POINT (4.691376496267717 51.84067192315879)</t>
  </si>
  <si>
    <t>POINT (4.704036002806611 51.83264025946524)</t>
  </si>
  <si>
    <t>POINT (4.703114020920166 51.83136030292419)</t>
  </si>
  <si>
    <t>POINT (4.693290293278036 51.830153661629424)</t>
  </si>
  <si>
    <t>POINT (4.692468424020198 51.83036004232134)</t>
  </si>
  <si>
    <t>POINT (4.700745060191674 51.83370290558425)</t>
  </si>
  <si>
    <t>POINT (4.720623573161878 51.83550149686482)</t>
  </si>
  <si>
    <t>POINT (4.6899365067706995 51.82512246699558)</t>
  </si>
  <si>
    <t>POINT (4.688851343851587 51.825577852251016)</t>
  </si>
  <si>
    <t>POINT (4.687608669904013 51.83444963051945)</t>
  </si>
  <si>
    <t>POINT (4.692677996347514 51.824980772219895)</t>
  </si>
  <si>
    <t>POINT (4.696071081866911 51.83574730640585)</t>
  </si>
  <si>
    <t>POINT (4.687807180069334 51.83556195264021)</t>
  </si>
  <si>
    <t>POINT (4.710801160103001 51.83028767970885)</t>
  </si>
  <si>
    <t>POINT (4.684822006838471 51.82611550156063)</t>
  </si>
  <si>
    <t>POINT (4.692263888574317 51.836667945112985)</t>
  </si>
  <si>
    <t>POINT (4.72203546517363 51.83207521782507)</t>
  </si>
  <si>
    <t>POINT (4.685207686279752 51.83727269577292)</t>
  </si>
  <si>
    <t>POINT (4.680267047793943 51.826875175906)</t>
  </si>
  <si>
    <t>POINT (4.688453010102913 51.84102400163567)</t>
  </si>
  <si>
    <t>POINT (4.73622936148934 51.83291729807766)</t>
  </si>
  <si>
    <t>POINT (4.6781121826390235 51.82314222302325)</t>
  </si>
  <si>
    <t>POINT (4.686920125787939 51.8414794727952)</t>
  </si>
  <si>
    <t>POINT (4.70341982578752 51.83120586227999)</t>
  </si>
  <si>
    <t>POINT (4.6938169803830165 51.83079623449414)</t>
  </si>
  <si>
    <t>POINT (4.6912380399420135 51.83092156399637)</t>
  </si>
  <si>
    <t>POINT (4.705876664156312 51.83679425330585)</t>
  </si>
  <si>
    <t>POINT (4.674995696173147 51.83082807885407)</t>
  </si>
  <si>
    <t>POINT (4.689760065354344 51.831659999603964)</t>
  </si>
  <si>
    <t>POINT (4.6929071009318255 51.841651387711025)</t>
  </si>
  <si>
    <t>POINT (4.6932113992589555 51.835759586165054)</t>
  </si>
  <si>
    <t>POINT (4.677085504045016 51.83535209681999)</t>
  </si>
  <si>
    <t>POINT (4.689165367299637 51.82314856085579)</t>
  </si>
  <si>
    <t>POINT (4.681571467545236 51.83785927425378)</t>
  </si>
  <si>
    <t>POINT (4.678692649009712 51.835585238165756)</t>
  </si>
  <si>
    <t>POINT (4.682555327080022 51.82541015839617)</t>
  </si>
  <si>
    <t>POINT (4.676512872406592 51.82778514138397)</t>
  </si>
  <si>
    <t>POINT (4.689673247596175 51.82319772794307)</t>
  </si>
  <si>
    <t>POINT (4.687723436839721 51.82781941213647)</t>
  </si>
  <si>
    <t>POINT (4.708083980390675 51.82807310372849)</t>
  </si>
  <si>
    <t>POINT (4.708877826464255 51.82912623509563)</t>
  </si>
  <si>
    <t>POINT (4.690823427359115 51.8273604664414)</t>
  </si>
  <si>
    <t>POINT (4.682276896029014 51.82724571276475)</t>
  </si>
  <si>
    <t>POINT (4.678265688312036 51.82672418562394)</t>
  </si>
  <si>
    <t>POINT (4.679001695263578 51.823155674362894)</t>
  </si>
  <si>
    <t>POINT (4.7204546996156385 51.833581793094766)</t>
  </si>
  <si>
    <t>POINT (4.692200588496441 51.84315097749084)</t>
  </si>
  <si>
    <t>POINT (4.692200879658629 51.83941216923484)</t>
  </si>
  <si>
    <t>POINT (4.723655968609766 51.831167244909224)</t>
  </si>
  <si>
    <t>POINT (4.701066154569549 51.833230084368935)</t>
  </si>
  <si>
    <t>POINT (4.692618304475765 51.8336126221958)</t>
  </si>
  <si>
    <t>POINT (4.703508047706664 51.83032808828567)</t>
  </si>
  <si>
    <t>POINT (4.707191782231711 51.83601207530049)</t>
  </si>
  <si>
    <t>POINT (4.693808621048633 51.84038359362602)</t>
  </si>
  <si>
    <t>POINT (4.691423782178227 51.83080227126621)</t>
  </si>
  <si>
    <t>POINT (4.692106712895142 51.837553419415705)</t>
  </si>
  <si>
    <t>POINT (4.706376892468416 51.82765625471896)</t>
  </si>
  <si>
    <t>POINT (4.7181208950416025 51.83494569607283)</t>
  </si>
  <si>
    <t>POINT (4.684549495318854 51.828440456114635)</t>
  </si>
  <si>
    <t>POINT (4.706619566369492 51.833906257976366)</t>
  </si>
  <si>
    <t>POINT (4.682939339969529 51.82864921274597)</t>
  </si>
  <si>
    <t>POINT (4.736224178154559 51.83298284117244)</t>
  </si>
  <si>
    <t>POINT (4.683308054914663 51.82539267063915)</t>
  </si>
  <si>
    <t>POINT (4.722954826502143 51.83326519439002)</t>
  </si>
  <si>
    <t>POINT (4.6913051761901405 51.82345051287598)</t>
  </si>
  <si>
    <t>POINT (4.695764335900823 51.826497984353765)</t>
  </si>
  <si>
    <t>POINT (4.693980161882386 51.84143822627637)</t>
  </si>
  <si>
    <t>POINT (4.707357937698902 51.834781641613574)</t>
  </si>
  <si>
    <t>POINT (4.695463457881385 51.831953149851685)</t>
  </si>
  <si>
    <t>POINT (4.6790444717965896 51.82995948875081)</t>
  </si>
  <si>
    <t>POINT (4.690093231152452 51.82386934696885)</t>
  </si>
  <si>
    <t>POINT (4.707884897485391 51.838097240742464)</t>
  </si>
  <si>
    <t>POINT (4.680003868392751 51.836884776275696)</t>
  </si>
  <si>
    <t>POINT (4.696882992301401 51.83464223950401)</t>
  </si>
  <si>
    <t>POINT (4.7009009603428815 51.83380927168947)</t>
  </si>
  <si>
    <t>POINT (4.702859138338101 51.83012756391472)</t>
  </si>
  <si>
    <t>POINT (4.724386245146747 51.835218141224544)</t>
  </si>
  <si>
    <t>POINT (4.679165758260913 51.83828546702887)</t>
  </si>
  <si>
    <t>POINT (4.685272088759963 51.837196749360174)</t>
  </si>
  <si>
    <t>POINT (4.691372575260661 51.82802751627187)</t>
  </si>
  <si>
    <t>POINT (4.69390188022614 51.83230677273416)</t>
  </si>
  <si>
    <t>POINT (4.707924323542781 51.82951640056874)</t>
  </si>
  <si>
    <t>POINT (4.691170380383919 51.823513290295985)</t>
  </si>
  <si>
    <t>POINT (4.69472024121525 51.8329186954183)</t>
  </si>
  <si>
    <t>POINT (4.697974779332339 51.83513617078228)</t>
  </si>
  <si>
    <t>POINT (4.688667281385383 51.829527032245224)</t>
  </si>
  <si>
    <t>POINT (4.686539447558239 51.82765088765829)</t>
  </si>
  <si>
    <t>POINT (4.6937976489667275 51.824746622199264)</t>
  </si>
  <si>
    <t>POINT (4.684755559018812 51.82553627987581)</t>
  </si>
  <si>
    <t>POINT (4.688758037477938 51.82723765260473)</t>
  </si>
  <si>
    <t>POINT (4.694446524955632 51.8387316454879)</t>
  </si>
  <si>
    <t>POINT (4.6912617058599295 51.833220862764506)</t>
  </si>
  <si>
    <t>POINT (4.721047824699387 51.82961507855879)</t>
  </si>
  <si>
    <t>POINT (4.706561426783612 51.82818391472735)</t>
  </si>
  <si>
    <t>POINT (4.688710694931101 51.82954806333608)</t>
  </si>
  <si>
    <t>POINT (4.680600791919505 51.83762799187593)</t>
  </si>
  <si>
    <t>POINT (4.679057903842701 51.83004453948345)</t>
  </si>
  <si>
    <t>POINT (4.6924711122107325 51.83515409280064)</t>
  </si>
  <si>
    <t>POINT (4.681375948220414 51.8380137551656)</t>
  </si>
  <si>
    <t>POINT (4.684311346736241 51.83098065059489)</t>
  </si>
  <si>
    <t>POINT (4.682311726881662 51.82714922204663)</t>
  </si>
  <si>
    <t>POINT (4.697390065727856 51.826495675724274)</t>
  </si>
  <si>
    <t>POINT (4.699353124274778 51.83938373077012)</t>
  </si>
  <si>
    <t>POINT (4.695284477492297 51.83104668789598)</t>
  </si>
  <si>
    <t>POINT (4.6907223390464265 51.823388413890086)</t>
  </si>
  <si>
    <t>POINT (4.731373802772445 51.832860070550666)</t>
  </si>
  <si>
    <t>POINT (4.675697908051334 51.82992805193475)</t>
  </si>
  <si>
    <t>POINT (4.696929080413595 51.83259608698924)</t>
  </si>
  <si>
    <t>POINT (4.673545624763187 51.83018916736546)</t>
  </si>
  <si>
    <t>POINT (4.697434484315002 51.83514977022734)</t>
  </si>
  <si>
    <t>POINT (4.677149021808117 51.822745168867854)</t>
  </si>
  <si>
    <t>POINT (4.707631594392759 51.835890597084486)</t>
  </si>
  <si>
    <t>POINT (4.68342011161692 51.82906388415799)</t>
  </si>
  <si>
    <t>POINT (4.678223713968039 51.82351566537162)</t>
  </si>
  <si>
    <t>POINT (4.678295701161332 51.83242981374444)</t>
  </si>
  <si>
    <t>POINT (4.691316068608198 51.83178921438176)</t>
  </si>
  <si>
    <t>POINT (4.68189684203603 51.82363602313096)</t>
  </si>
  <si>
    <t>POINT (4.682446984406793 51.82502409253162)</t>
  </si>
  <si>
    <t>POINT (4.699521741512563 51.83411317766363)</t>
  </si>
  <si>
    <t>POINT (4.680269107273836 51.829825218264396)</t>
  </si>
  <si>
    <t>POINT (4.676915536205146 51.83049941897028)</t>
  </si>
  <si>
    <t>POINT (4.692902134335333 51.84177873614397)</t>
  </si>
  <si>
    <t>POINT (4.679981496657562 51.82871787297137)</t>
  </si>
  <si>
    <t>POINT (4.7056026950215495 51.83909307524129)</t>
  </si>
  <si>
    <t>POINT (4.678306275533811 51.83045923333827)</t>
  </si>
  <si>
    <t>POINT (4.702800934732444 51.8295496332064)</t>
  </si>
  <si>
    <t>POINT (4.690423827611498 51.82792721993362)</t>
  </si>
  <si>
    <t>POINT (4.689681874497914 51.82916085492698)</t>
  </si>
  <si>
    <t>POINT (4.707998107274375 51.83741661251845)</t>
  </si>
  <si>
    <t>POINT (4.698581010233615 51.83445569384126)</t>
  </si>
  <si>
    <t>POINT (4.698320586856166 51.835088879921116)</t>
  </si>
  <si>
    <t>POINT (4.686958199112822 51.84368748689981)</t>
  </si>
  <si>
    <t>POINT (4.678595267976177 51.830704597578396)</t>
  </si>
  <si>
    <t>POINT (4.728368371980763 51.8309202820527)</t>
  </si>
  <si>
    <t>POINT (4.69097716688304 51.831910897492186)</t>
  </si>
  <si>
    <t>POINT (4.694073249126547 51.84001329679389)</t>
  </si>
  <si>
    <t>POINT (4.684000110358834 51.82709188925084)</t>
  </si>
  <si>
    <t>POINT (4.701427123090863 51.8368421693557)</t>
  </si>
  <si>
    <t>POINT (4.69929866949613 51.829113436981515)</t>
  </si>
  <si>
    <t>POINT (4.682976552817053 51.83432379634218)</t>
  </si>
  <si>
    <t>POINT (4.682400467695805 51.82998730027881)</t>
  </si>
  <si>
    <t>POINT (4.690711507760744 51.83117513863044)</t>
  </si>
  <si>
    <t>POINT (4.686679732360269 51.82318588611176)</t>
  </si>
  <si>
    <t>POINT (4.692109665961967 51.82910259219695)</t>
  </si>
  <si>
    <t>POINT (4.699772885520501 51.828976100260086)</t>
  </si>
  <si>
    <t>POINT (4.692114499649125 51.83984472094794)</t>
  </si>
  <si>
    <t>POINT (4.690727620360394 51.82825442067874)</t>
  </si>
  <si>
    <t>POINT (4.69360467084088 51.836551498619464)</t>
  </si>
  <si>
    <t>POINT (4.677773192721186 51.830967916388815)</t>
  </si>
  <si>
    <t>POINT (4.678143087249063 51.82236718294337)</t>
  </si>
  <si>
    <t>POINT (4.68420344378504 51.82654444012574)</t>
  </si>
  <si>
    <t>POINT (4.704423750324585 51.83031367004469)</t>
  </si>
  <si>
    <t>POINT (4.6768663728919 51.83131831108144)</t>
  </si>
  <si>
    <t>POINT (4.672771315419514 51.83066671653251)</t>
  </si>
  <si>
    <t>POINT (4.690325915787028 51.83010212347728)</t>
  </si>
  <si>
    <t>POINT (4.700380641942253 51.83360042502144)</t>
  </si>
  <si>
    <t>POINT (4.720114014025811 51.83300230334111)</t>
  </si>
  <si>
    <t>POINT (4.706875461196121 51.82901194294269)</t>
  </si>
  <si>
    <t>POINT (4.678888462808497 51.82351499576288)</t>
  </si>
  <si>
    <t>POINT (4.714955651366713 51.83201275801519)</t>
  </si>
  <si>
    <t>POINT (4.691885392492275 51.826191173412106)</t>
  </si>
  <si>
    <t>POINT (4.699079625105236 51.83402041301742)</t>
  </si>
  <si>
    <t>POINT (4.693699623517131 51.82755556870852)</t>
  </si>
  <si>
    <t>POINT (4.684146769040504 51.83104769106952)</t>
  </si>
  <si>
    <t>POINT (4.697930019712803 51.82953459760773)</t>
  </si>
  <si>
    <t>POINT (4.677314505664224 51.82315440775993)</t>
  </si>
  <si>
    <t>POINT (4.681290136608601 51.83780163767423)</t>
  </si>
  <si>
    <t>POINT (4.678773162617793 51.822260642912916)</t>
  </si>
  <si>
    <t>POINT (4.680340225535348 51.83291215901872)</t>
  </si>
  <si>
    <t>POINT (4.697944802194261 51.82579091747511)</t>
  </si>
  <si>
    <t>POINT (4.682569439058267 51.830598517913785)</t>
  </si>
  <si>
    <t>POINT (4.695662518728071 51.838966721095964)</t>
  </si>
  <si>
    <t>POINT (4.695827953733984 51.841946786086105)</t>
  </si>
  <si>
    <t>POINT (4.696024765641413 51.837705278203494)</t>
  </si>
  <si>
    <t>POINT (4.69173439607364 51.82585377102497)</t>
  </si>
  <si>
    <t>POINT (4.70558751343575 51.83227522577375)</t>
  </si>
  <si>
    <t>POINT (4.706847908322069 51.83920507825065)</t>
  </si>
  <si>
    <t>POINT (4.7188983951020465 51.834731099276524)</t>
  </si>
  <si>
    <t>POINT (4.7064421279961675 51.82830262785551)</t>
  </si>
  <si>
    <t>POINT (4.697129184921617 51.83253599695693)</t>
  </si>
  <si>
    <t>POINT (4.699825444199324 51.82736499764829)</t>
  </si>
  <si>
    <t>POINT (4.702454212724124 51.83067987290006)</t>
  </si>
  <si>
    <t>POINT (4.691230443565815 51.830872351108226)</t>
  </si>
  <si>
    <t>POINT (4.687213975046728 51.83807188206795)</t>
  </si>
  <si>
    <t>POINT (4.70915686363369 51.82879315575182)</t>
  </si>
  <si>
    <t>POINT (4.680889476456661 51.83157156372337)</t>
  </si>
  <si>
    <t>POINT (4.691568803527062 51.82624600694015)</t>
  </si>
  <si>
    <t>POINT (4.687559773280726 51.82421896925622)</t>
  </si>
  <si>
    <t>POINT (4.723945615556269 51.8335802023407)</t>
  </si>
  <si>
    <t>POINT (4.681170312708166 51.826755382635255)</t>
  </si>
  <si>
    <t>POINT (4.692166492767804 51.82437022001314)</t>
  </si>
  <si>
    <t>POINT (4.688779959997482 51.82536253596088)</t>
  </si>
  <si>
    <t>POINT (4.700136351791552 51.83090542687949)</t>
  </si>
  <si>
    <t>POINT (4.682828537339838 51.82913913029102)</t>
  </si>
  <si>
    <t>POINT (4.691274384494607 51.8255424014679)</t>
  </si>
  <si>
    <t>POINT (4.7066499260875885 51.8385414876773)</t>
  </si>
  <si>
    <t>POINT (4.680315757794535 51.82256922995581)</t>
  </si>
  <si>
    <t>POINT (4.701283476493013 51.83753320245441)</t>
  </si>
  <si>
    <t>POINT (4.690509879798195 51.82833085331292)</t>
  </si>
  <si>
    <t>POINT (4.696601703023761 51.82659521833944)</t>
  </si>
  <si>
    <t>POINT (4.681356555712292 51.829147141919606)</t>
  </si>
  <si>
    <t>POINT (4.698117174241905 51.83601732590046)</t>
  </si>
  <si>
    <t>POINT (4.695418109390627 51.83670051567825)</t>
  </si>
  <si>
    <t>POINT (4.677885277035618 51.82240208317054)</t>
  </si>
  <si>
    <t>POINT (4.672964472738053 51.830045113088296)</t>
  </si>
  <si>
    <t>POINT (4.690206119702941 51.84212095867184)</t>
  </si>
  <si>
    <t>POINT (4.67899295220386 51.82262648634618)</t>
  </si>
  <si>
    <t>POINT (4.702469763268275 51.83733249032463)</t>
  </si>
  <si>
    <t>POINT (4.701329435327657 51.83929795537613)</t>
  </si>
  <si>
    <t>POINT (4.69963211830712 51.83188301727249)</t>
  </si>
  <si>
    <t>POINT (4.733861086000644 51.83017904857304)</t>
  </si>
  <si>
    <t>POINT (4.692906640324834 51.84191100343826)</t>
  </si>
  <si>
    <t>POINT (4.691104454266722 51.832650419419885)</t>
  </si>
  <si>
    <t>POINT (4.719656832673334 51.83290586336166)</t>
  </si>
  <si>
    <t>POINT (4.6895533301391135 51.82842781333751)</t>
  </si>
  <si>
    <t>POINT (4.676964701263422 51.82298197445108)</t>
  </si>
  <si>
    <t>POINT (4.697596421745407 51.832523794575025)</t>
  </si>
  <si>
    <t>POINT (4.6994558226204095 51.83514296908403)</t>
  </si>
  <si>
    <t>POINT (4.677418982524116 51.83287369668743)</t>
  </si>
  <si>
    <t>POINT (4.6874793528298415 51.832831435247506)</t>
  </si>
  <si>
    <t>POINT (4.707124196634602 51.82634937946602)</t>
  </si>
  <si>
    <t>POINT (4.70187949617442 51.83296420584243)</t>
  </si>
  <si>
    <t>POINT (4.7036176204155655 51.83111343366287)</t>
  </si>
  <si>
    <t>POINT (4.691781454108132 51.83201033325014)</t>
  </si>
  <si>
    <t>POINT (4.675063612527523 51.83156303448545)</t>
  </si>
  <si>
    <t>POINT (4.677000160466774 51.8370485376788)</t>
  </si>
  <si>
    <t>POINT (4.676613595515368 51.832040897791465)</t>
  </si>
  <si>
    <t>POINT (4.701572658691617 51.833404672570104)</t>
  </si>
  <si>
    <t>POINT (4.694293286208294 51.84268898099955)</t>
  </si>
  <si>
    <t>POINT (4.681163077349472 51.82421063368548)</t>
  </si>
  <si>
    <t>POINT (4.680488082366586 51.82576234554)</t>
  </si>
  <si>
    <t>POINT (4.68072162352762 51.823926839238986)</t>
  </si>
  <si>
    <t>POINT (4.675873381978085 51.83230979547334)</t>
  </si>
  <si>
    <t>POINT (4.679872920537544 51.827001869586404)</t>
  </si>
  <si>
    <t>POINT (4.680513309920517 51.836963923898836)</t>
  </si>
  <si>
    <t>POINT (4.735878020629891 51.83301413399135)</t>
  </si>
  <si>
    <t>POINT (4.683227175385163 51.83009688893955)</t>
  </si>
  <si>
    <t>POINT (4.700770220251872 51.83205422370083)</t>
  </si>
  <si>
    <t>POINT (4.706813599255225 51.83545071102338)</t>
  </si>
  <si>
    <t>POINT (4.702495828831446 51.83723280572591)</t>
  </si>
  <si>
    <t>POINT (4.694334529079089 51.83750737167516)</t>
  </si>
  <si>
    <t>POINT (4.684965069610966 51.8355895066938)</t>
  </si>
  <si>
    <t>POINT (4.684031375416604 51.82796467648904)</t>
  </si>
  <si>
    <t>POINT (4.6897860273288465 51.827748773877246)</t>
  </si>
  <si>
    <t>POINT (4.680277220836858 51.84336112668841)</t>
  </si>
  <si>
    <t>POINT (4.684355227668132 51.82824636973696)</t>
  </si>
  <si>
    <t>POINT (4.6757054359392285 51.83151678772327)</t>
  </si>
  <si>
    <t>POINT (4.693884202205617 51.84272693389581)</t>
  </si>
  <si>
    <t>POINT (4.6959003526312255 51.82624418229944)</t>
  </si>
  <si>
    <t>POINT (4.692597748083275 51.83504395838547)</t>
  </si>
  <si>
    <t>POINT (4.690619994242599 51.82337214831752)</t>
  </si>
  <si>
    <t>POINT (4.70941631062535 51.83792304784035)</t>
  </si>
  <si>
    <t>POINT (4.730752626646787 51.829517025780724)</t>
  </si>
  <si>
    <t>POINT (4.702336977663821 51.836263849428114)</t>
  </si>
  <si>
    <t>POINT (4.695900380935959 51.82688257358128)</t>
  </si>
  <si>
    <t>POINT (4.688303828631409 51.838380357309866)</t>
  </si>
  <si>
    <t>POINT (4.693601416925141 51.84124058565345)</t>
  </si>
  <si>
    <t>POINT (4.689047113267205 51.83883249458048)</t>
  </si>
  <si>
    <t>POINT (4.706313448933675 51.827628794993046)</t>
  </si>
  <si>
    <t>POINT (4.7046994534756355 51.839327752025014)</t>
  </si>
  <si>
    <t>POINT (4.677872848165868 51.82300197401135)</t>
  </si>
  <si>
    <t>POINT (4.711719900982825 51.828999902729436)</t>
  </si>
  <si>
    <t>POINT (4.733402044933716 51.82816290114904)</t>
  </si>
  <si>
    <t>POINT (4.6807815844349685 51.83692662668864)</t>
  </si>
  <si>
    <t>POINT (4.693914573480767 51.83143274790594)</t>
  </si>
  <si>
    <t>POINT (4.703357817763451 51.833555748277114)</t>
  </si>
  <si>
    <t>POINT (4.684928388090849 51.82642596780962)</t>
  </si>
  <si>
    <t>POINT (4.680339018140338 51.82910847994331)</t>
  </si>
  <si>
    <t>POINT (4.703312126717662 51.8325083071822)</t>
  </si>
  <si>
    <t>POINT (4.699086901358909 51.83800619225702)</t>
  </si>
  <si>
    <t>POINT (4.676726109451669 51.835683445963475)</t>
  </si>
  <si>
    <t>POINT (4.6986159424011245 51.83610603993206)</t>
  </si>
  <si>
    <t>POINT (4.690234068632207 51.8287683200977)</t>
  </si>
  <si>
    <t>POINT (4.6947528067337245 51.824745879048514)</t>
  </si>
  <si>
    <t>POINT (4.697803901369441 51.835758501796946)</t>
  </si>
  <si>
    <t>POINT (4.687834303592965 51.84145679655943)</t>
  </si>
  <si>
    <t>POINT (4.690402248903039 51.823912026299176)</t>
  </si>
  <si>
    <t>POINT (4.703239706263284 51.83330896060226)</t>
  </si>
  <si>
    <t>POINT (4.702557027782782 51.83324371462292)</t>
  </si>
  <si>
    <t>POINT (4.692158723893116 51.838990056380894)</t>
  </si>
  <si>
    <t>POINT (4.701001056379244 51.83325095297611)</t>
  </si>
  <si>
    <t>POINT (4.701302308961977 51.83589494708124)</t>
  </si>
  <si>
    <t>POINT (4.698058974135974 51.834201892651635)</t>
  </si>
  <si>
    <t>POINT (4.703567772628341 51.83120995089371)</t>
  </si>
  <si>
    <t>POINT (4.681227689179115 51.82476786939737)</t>
  </si>
  <si>
    <t>POINT (4.686343488960043 51.83906512806462)</t>
  </si>
  <si>
    <t>POINT (4.688760680609001 51.82755103043576)</t>
  </si>
  <si>
    <t>POINT (4.695878421087549 51.82452009485443)</t>
  </si>
  <si>
    <t>POINT (4.691404184979617 51.84251319162462)</t>
  </si>
  <si>
    <t>POINT (4.695433556168962 51.84091739588455)</t>
  </si>
  <si>
    <t>POINT (4.6829501769747655 51.83616535655708)</t>
  </si>
  <si>
    <t>POINT (4.7022943668168935 51.83728584993023)</t>
  </si>
  <si>
    <t>POINT (4.729593098572224 51.83224938238288)</t>
  </si>
  <si>
    <t>POINT (4.70298851012425 51.833724308340294)</t>
  </si>
  <si>
    <t>POINT (4.709039735732183 51.82865035097024)</t>
  </si>
  <si>
    <t>POINT (4.698457630846972 51.83283330448157)</t>
  </si>
  <si>
    <t>POINT (4.697394417895427 51.82642173380022)</t>
  </si>
  <si>
    <t>POINT (4.702364861041657 51.82955146736685)</t>
  </si>
  <si>
    <t>POINT (4.686588632377071 51.83648305099023)</t>
  </si>
  <si>
    <t>POINT (4.6789729904396475 51.83283131694335)</t>
  </si>
  <si>
    <t>POINT (4.702697590954128 51.83008310804722)</t>
  </si>
  <si>
    <t>POINT (4.683888736987988 51.82612559840387)</t>
  </si>
  <si>
    <t>POINT (4.699070594082421 51.83623433982881)</t>
  </si>
  <si>
    <t>POINT (4.703602311453153 51.83109260774861)</t>
  </si>
  <si>
    <t>POINT (4.69350790347539 51.8389839329366)</t>
  </si>
  <si>
    <t>POINT (4.688934508661667 51.82555620798939)</t>
  </si>
  <si>
    <t>POINT (4.688220887201943 51.84167240789936)</t>
  </si>
  <si>
    <t>POINT (4.681369952750068 51.824051547309274)</t>
  </si>
  <si>
    <t>POINT (4.692398323351672 51.84205124807159)</t>
  </si>
  <si>
    <t>POINT (4.720953204820727 51.833496076548236)</t>
  </si>
  <si>
    <t>POINT (4.70434557084409 51.834040555807896)</t>
  </si>
  <si>
    <t>POINT (4.701525033493929 51.83403731955924)</t>
  </si>
  <si>
    <t>POINT (4.678230138244139 51.82710192579242)</t>
  </si>
  <si>
    <t>POINT (4.688097858924477 51.84424482280695)</t>
  </si>
  <si>
    <t>POINT (4.7071193645209926 51.83517012321445)</t>
  </si>
  <si>
    <t>POINT (4.703345582879545 51.83906982827293)</t>
  </si>
  <si>
    <t>POINT (4.703462051596374 51.824589738479254)</t>
  </si>
  <si>
    <t>POINT (4.691718557825769 51.84319676056586)</t>
  </si>
  <si>
    <t>POINT (4.6925672782277115 51.83099438918258)</t>
  </si>
  <si>
    <t>POINT (4.688801951537909 51.82929496483143)</t>
  </si>
  <si>
    <t>POINT (4.693492189543183 51.82798551003691)</t>
  </si>
  <si>
    <t>POINT (4.713586737002571 51.83357169879738)</t>
  </si>
  <si>
    <t>POINT (4.704094405011408 51.830658831834164)</t>
  </si>
  <si>
    <t>POINT (4.709913663016808 51.827459442016256)</t>
  </si>
  <si>
    <t>POINT (4.734073689937234 51.833401297562915)</t>
  </si>
  <si>
    <t>POINT (4.68478913312663 51.82917682898926)</t>
  </si>
  <si>
    <t>POINT (4.684811887000412 51.8250708251484)</t>
  </si>
  <si>
    <t>POINT (4.723440930630492 51.834337885037215)</t>
  </si>
  <si>
    <t>POINT (4.694976790530123 51.82586218720497)</t>
  </si>
  <si>
    <t>POINT (4.684816755563159 51.83655467324952)</t>
  </si>
  <si>
    <t>POINT (4.69057199436827 51.827170248959455)</t>
  </si>
  <si>
    <t>POINT (4.727743181326133 51.833047386183985)</t>
  </si>
  <si>
    <t>POINT (4.694313674186118 51.8300305400852)</t>
  </si>
  <si>
    <t>POINT (4.701092353883501 51.83326172465963)</t>
  </si>
  <si>
    <t>POINT (4.711076180280142 51.83032338491342)</t>
  </si>
  <si>
    <t>POINT (4.6821779891491415 51.8228262884795)</t>
  </si>
  <si>
    <t>POINT (4.700406045355689 51.830307993733875)</t>
  </si>
  <si>
    <t>POINT (4.722123477898542 51.83566644150074)</t>
  </si>
  <si>
    <t>POINT (4.695833035196754 51.83915168658832)</t>
  </si>
  <si>
    <t>POINT (4.706364295216367 51.828389267260434)</t>
  </si>
  <si>
    <t>POINT (4.697708680368655 51.8243396452343)</t>
  </si>
  <si>
    <t>POINT (4.708841024893434 51.827311326556575)</t>
  </si>
  <si>
    <t>POINT (4.690281018835653 51.842831549708166)</t>
  </si>
  <si>
    <t>POINT (4.714804740817941 51.83358472191275)</t>
  </si>
  <si>
    <t>POINT (4.727733314818721 51.832671732834974)</t>
  </si>
  <si>
    <t>POINT (4.693070192961123 51.83955972802249)</t>
  </si>
  <si>
    <t>POINT (4.6922773139813625 51.8382790927063)</t>
  </si>
  <si>
    <t>POINT (4.689194119949711 51.838489544566954)</t>
  </si>
  <si>
    <t>POINT (4.6768816716408335 51.835565143967)</t>
  </si>
  <si>
    <t>POINT (4.689062433405676 51.84408083004898)</t>
  </si>
  <si>
    <t>POINT (4.681371801247842 51.82238853150051)</t>
  </si>
  <si>
    <t>POINT (4.677580474809906 51.82327230235894)</t>
  </si>
  <si>
    <t>POINT (4.702912032908984 51.82939477760167)</t>
  </si>
  <si>
    <t>POINT (4.70186499697618 51.82873782042605)</t>
  </si>
  <si>
    <t>POINT (4.718886884075127 51.83420324941793)</t>
  </si>
  <si>
    <t>POINT (4.677222416436138 51.82304729020748)</t>
  </si>
  <si>
    <t>POINT (4.701325213805956 51.83152710265251)</t>
  </si>
  <si>
    <t>POINT (4.703299312368494 51.82917531206646)</t>
  </si>
  <si>
    <t>POINT (4.6975219675737065 51.8351539965183)</t>
  </si>
  <si>
    <t>POINT (4.7028442522680525 51.835812360848706)</t>
  </si>
  <si>
    <t>POINT (4.693901613193691 51.837010423306644)</t>
  </si>
  <si>
    <t>POINT (4.723067544901621 51.829859175219035)</t>
  </si>
  <si>
    <t>POINT (4.675983887490265 51.82979974618035)</t>
  </si>
  <si>
    <t>POINT (4.69207377589105 51.82618611399886)</t>
  </si>
  <si>
    <t>POINT (4.681689469162144 51.8251318639437)</t>
  </si>
  <si>
    <t>POINT (4.702967874785218 51.83577393598488)</t>
  </si>
  <si>
    <t>POINT (4.690583420626027 51.83122095770588)</t>
  </si>
  <si>
    <t>POINT (4.68661987418038 51.83438617944643)</t>
  </si>
  <si>
    <t>POINT (4.718250029554072 51.83566074796081)</t>
  </si>
  <si>
    <t>POINT (4.694476310466801 51.8261135142486)</t>
  </si>
  <si>
    <t>POINT (4.692289876991678 51.84192163745173)</t>
  </si>
  <si>
    <t>POINT (4.682088938993329 51.83970502703178)</t>
  </si>
  <si>
    <t>POINT (4.683231886650387 51.82752102266206)</t>
  </si>
  <si>
    <t>POINT (4.7015828206811525 51.83441211424528)</t>
  </si>
  <si>
    <t>POINT (4.694361227079112 51.826667775687866)</t>
  </si>
  <si>
    <t>POINT (4.688572672808679 51.84163281248416)</t>
  </si>
  <si>
    <t>POINT (4.714233464248259 51.831397151339914)</t>
  </si>
  <si>
    <t>POINT (4.686639363044397 51.8289857674288)</t>
  </si>
  <si>
    <t>POINT (4.6838488539757455 51.83401897178765)</t>
  </si>
  <si>
    <t>POINT (4.706301327969071 51.837727704313814)</t>
  </si>
  <si>
    <t>POINT (4.683437192550346 51.83412421547947)</t>
  </si>
  <si>
    <t>POINT (4.729456529275324 51.83319289724278)</t>
  </si>
  <si>
    <t>POINT (4.68389900489649 51.82768833645933)</t>
  </si>
  <si>
    <t>POINT (4.694242362058063 51.82412801648053)</t>
  </si>
  <si>
    <t>POINT (4.684627003240723 51.82924738135217)</t>
  </si>
  <si>
    <t>POINT (4.684271913511726 51.826294273624605)</t>
  </si>
  <si>
    <t>POINT (4.677379185757274 51.82252526927171)</t>
  </si>
  <si>
    <t>POINT (4.699193970955474 51.83590253772095)</t>
  </si>
  <si>
    <t>POINT (4.6819186404240725 51.82332291751109)</t>
  </si>
  <si>
    <t>POINT (4.689632036540769 51.83200741377726)</t>
  </si>
  <si>
    <t>POINT (4.708791345448374 51.8296256646913)</t>
  </si>
  <si>
    <t>POINT (4.695766457133034 51.838320934230616)</t>
  </si>
  <si>
    <t>POINT (4.727009633237641 51.83223862995176)</t>
  </si>
  <si>
    <t>POINT (4.689487448908626 51.825163636154294)</t>
  </si>
  <si>
    <t>POINT (4.685699115208296 51.82605742182918)</t>
  </si>
  <si>
    <t>POINT (4.682561613207208 51.82755024988309)</t>
  </si>
  <si>
    <t>POINT (4.698102403835733 51.8261376626907)</t>
  </si>
  <si>
    <t>POINT (4.716661381840427 51.83214717681148)</t>
  </si>
  <si>
    <t>POINT (4.678661937698609 51.830758599328796)</t>
  </si>
  <si>
    <t>POINT (4.683931903779533 51.83399004953056)</t>
  </si>
  <si>
    <t>POINT (4.694520670649555 51.84217351288079)</t>
  </si>
  <si>
    <t>POINT (4.689834889978862 51.82582014619537)</t>
  </si>
  <si>
    <t>POINT (4.685050253726325 51.829877563965795)</t>
  </si>
  <si>
    <t>POINT (4.694444822897575 51.83753351430922)</t>
  </si>
  <si>
    <t>POINT (4.735975980940639 51.832679861081736)</t>
  </si>
  <si>
    <t>POINT (4.694531872659719 51.82626335919083)</t>
  </si>
  <si>
    <t>POINT (4.730269149528575 51.833497217455644)</t>
  </si>
  <si>
    <t>POINT (4.707901479650418 51.83598124525839)</t>
  </si>
  <si>
    <t>POINT (4.695320966424883 51.83860537041572)</t>
  </si>
  <si>
    <t>POINT (4.679308459502333 51.822605729273405)</t>
  </si>
  <si>
    <t>POINT (4.689441062484201 51.83616745998857)</t>
  </si>
  <si>
    <t>POINT (4.692642137938658 51.84137298883818)</t>
  </si>
  <si>
    <t>POINT (4.707975400776767 51.829839990034486)</t>
  </si>
  <si>
    <t>POINT (4.707020655644786 51.82898743643392)</t>
  </si>
  <si>
    <t>POINT (4.677291803742212 51.83530739459574)</t>
  </si>
  <si>
    <t>POINT (4.687080155347593 51.84451201288047)</t>
  </si>
  <si>
    <t>POINT (4.685379078297024 51.82955624484316)</t>
  </si>
  <si>
    <t>POINT (4.701020345369067 51.83074768763291)</t>
  </si>
  <si>
    <t>POINT (4.695001794827431 51.82674082141265)</t>
  </si>
  <si>
    <t>POINT (4.722375127801917 51.83496326785692)</t>
  </si>
  <si>
    <t>POINT (4.679843731050788 51.83653690388094)</t>
  </si>
  <si>
    <t>POINT (4.676363878741457 51.828136127002615)</t>
  </si>
  <si>
    <t>POINT (4.686410991765166 51.82469262219482)</t>
  </si>
  <si>
    <t>POINT (4.674285398634548 51.8295836117016)</t>
  </si>
  <si>
    <t>POINT (4.681490577182704 51.829930589287336)</t>
  </si>
  <si>
    <t>POINT (4.691023581115741 51.83045237974628)</t>
  </si>
  <si>
    <t>POINT (4.686194539416461 51.83441274554845)</t>
  </si>
  <si>
    <t>POINT (4.692294680404927 51.842169967660574)</t>
  </si>
  <si>
    <t>POINT (4.693608291420397 51.832478375259086)</t>
  </si>
  <si>
    <t>POINT (4.709842994714094 51.83775971542574)</t>
  </si>
  <si>
    <t>POINT (4.734985107306036 51.831022174086776)</t>
  </si>
  <si>
    <t>POINT (4.718035049495275 51.833665623809885)</t>
  </si>
  <si>
    <t>POINT (4.735838111667936 51.832553210824614)</t>
  </si>
  <si>
    <t>POINT (4.6830196310856556 51.82985829888397)</t>
  </si>
  <si>
    <t>POINT (4.694443246177697 51.833021607898424)</t>
  </si>
  <si>
    <t>POINT (4.68978905197733 51.82563539090428)</t>
  </si>
  <si>
    <t>POINT (4.6863603884614955 51.82867809271512)</t>
  </si>
  <si>
    <t>POINT (4.693922012001152 51.83434580128588)</t>
  </si>
  <si>
    <t>POINT (4.673647575836202 51.83155750953579)</t>
  </si>
  <si>
    <t>POINT (4.685630989185909 51.829587557061934)</t>
  </si>
  <si>
    <t>POINT (4.713876981556985 51.834970734168486)</t>
  </si>
  <si>
    <t>POINT (4.704417857083419 51.83021238786002)</t>
  </si>
  <si>
    <t>POINT (4.679077736574713 51.82226444041011)</t>
  </si>
  <si>
    <t>POINT (4.692046967862763 51.82440115221183)</t>
  </si>
  <si>
    <t>POINT (4.693908041842336 51.83235137477351)</t>
  </si>
  <si>
    <t>POINT (4.686173434107662 51.839561705501225)</t>
  </si>
  <si>
    <t>POINT (4.688999688952564 51.82538548786479)</t>
  </si>
  <si>
    <t>POINT (4.707037451485324 51.828976127188284)</t>
  </si>
  <si>
    <t>POINT (4.708365689647659 51.827786980299074)</t>
  </si>
  <si>
    <t>POINT (4.735754046815211 51.83280538695162)</t>
  </si>
  <si>
    <t>POINT (4.679316559532401 51.82221651534274)</t>
  </si>
  <si>
    <t>POINT (4.699215766353675 51.833975377945656)</t>
  </si>
  <si>
    <t>POINT (4.679250144386135 51.83758123956343)</t>
  </si>
  <si>
    <t>POINT (4.684511510891429 51.82833100768999)</t>
  </si>
  <si>
    <t>POINT (4.724595118981279 51.8336217481548)</t>
  </si>
  <si>
    <t>POINT (4.714468502010612 51.83268017660094)</t>
  </si>
  <si>
    <t>POINT (4.729537504199056 51.83332785639794)</t>
  </si>
  <si>
    <t>POINT (4.6956500953347735 51.824101703820254)</t>
  </si>
  <si>
    <t>POINT (4.718483865654 51.83227206979816)</t>
  </si>
  <si>
    <t>POINT (4.688023032062003 51.83580051142079)</t>
  </si>
  <si>
    <t>POINT (4.704388618069062 51.83022429850151)</t>
  </si>
  <si>
    <t>POINT (4.708754146821345 51.838099417893226)</t>
  </si>
  <si>
    <t>POINT (4.682873379580889 51.825883917566564)</t>
  </si>
  <si>
    <t>POINT (4.706906605903148 51.83555238998081)</t>
  </si>
  <si>
    <t>POINT (4.693218014760752 51.8363295314351)</t>
  </si>
  <si>
    <t>POINT (4.693301432257076 51.83492753738046)</t>
  </si>
  <si>
    <t>POINT (4.725269622559687 51.83429532145508)</t>
  </si>
  <si>
    <t>POINT (4.698270797430631 51.82954779797297)</t>
  </si>
  <si>
    <t>POINT (4.687889817715023 51.830338634692716)</t>
  </si>
  <si>
    <t>POINT (4.693387280865867 51.83645400873762)</t>
  </si>
  <si>
    <t>POINT (4.704082306519957 51.828132273471866)</t>
  </si>
  <si>
    <t>POINT (4.687302922024056 51.822984132349816)</t>
  </si>
  <si>
    <t>POINT (4.688056654102897 51.82886034069171)</t>
  </si>
  <si>
    <t>POINT (4.701490395589774 51.84050607624993)</t>
  </si>
  <si>
    <t>POINT (4.690495626984187 51.82904914091228)</t>
  </si>
  <si>
    <t>POINT (4.68369240868278 51.83768922817786)</t>
  </si>
  <si>
    <t>POINT (4.680852563701014 51.8315033604858)</t>
  </si>
  <si>
    <t>POINT (4.723066490237231 51.83547359926861)</t>
  </si>
  <si>
    <t>POINT (4.716685947865507 51.82627253526631)</t>
  </si>
  <si>
    <t>POINT (4.681479844936579 51.83200816041544)</t>
  </si>
  <si>
    <t>POINT (4.67900263687061 51.83069398649269)</t>
  </si>
  <si>
    <t>POINT (4.687138231130845 51.834813966924585)</t>
  </si>
  <si>
    <t>POINT (4.677506533565743 51.828921485403384)</t>
  </si>
  <si>
    <t>POINT (4.689960230742574 51.824174997910944)</t>
  </si>
  <si>
    <t>POINT (4.6812380083874086 51.839775417829486)</t>
  </si>
  <si>
    <t>POINT (4.703308742828319 51.83455033237462)</t>
  </si>
  <si>
    <t>3351CM</t>
  </si>
  <si>
    <t>Herman Gorterstraat</t>
  </si>
  <si>
    <t>POINT (4.676625831963894 51.83254099241119)</t>
  </si>
  <si>
    <t>POINT (4.728098507472861 51.8338685672962)</t>
  </si>
  <si>
    <t>POINT (4.725788357317094 51.83395124004227)</t>
  </si>
  <si>
    <t>POINT (4.7078852790221575 51.835713299650976)</t>
  </si>
  <si>
    <t>POINT (4.736092556388455 51.83301008373964)</t>
  </si>
  <si>
    <t>POINT (4.693747950133687 51.829996961647204)</t>
  </si>
  <si>
    <t>POINT (4.679011897381466 51.837291950364545)</t>
  </si>
  <si>
    <t>POINT (4.693477395839767 51.83832476041266)</t>
  </si>
  <si>
    <t>POINT (4.710553248213901 51.82972006653449)</t>
  </si>
  <si>
    <t>POINT (4.730168896459854 51.82902462685204)</t>
  </si>
  <si>
    <t>POINT (4.683922882939278 51.82771901396194)</t>
  </si>
  <si>
    <t>POINT (4.677129652365239 51.83094699185574)</t>
  </si>
  <si>
    <t>POINT (4.681214722853986 51.837829759073244)</t>
  </si>
  <si>
    <t>POINT (4.691601763564008 51.8296396569311)</t>
  </si>
  <si>
    <t>POINT (4.708095886040654 51.83528845758788)</t>
  </si>
  <si>
    <t>POINT (4.731673834568794 51.82816883994967)</t>
  </si>
  <si>
    <t>POINT (4.708399225471942 51.83583471552712)</t>
  </si>
  <si>
    <t>POINT (4.674524517183366 51.83279085734355)</t>
  </si>
  <si>
    <t>POINT (4.707254175720368 51.825814589883)</t>
  </si>
  <si>
    <t>POINT (4.708716275651135 51.83762730566405)</t>
  </si>
  <si>
    <t>POINT (4.6960078141425 51.83243181905044)</t>
  </si>
  <si>
    <t>POINT (4.720008548025446 51.835126872405645)</t>
  </si>
  <si>
    <t>POINT (4.693194782154137 51.84009180028425)</t>
  </si>
  <si>
    <t>POINT (4.677819301842071 51.823358194482886)</t>
  </si>
  <si>
    <t>POINT (4.71843163138927 51.82470321138591)</t>
  </si>
  <si>
    <t>POINT (4.703118712997093 51.83461097702517)</t>
  </si>
  <si>
    <t>POINT (4.68976365359566 51.82579182218681)</t>
  </si>
  <si>
    <t>POINT (4.679891281796569 51.8222900467974)</t>
  </si>
  <si>
    <t>POINT (4.683032255169928 51.83082829440188)</t>
  </si>
  <si>
    <t>POINT (4.681049056876103 51.839360327768766)</t>
  </si>
  <si>
    <t>POINT (4.7290215517236085 51.82957642788544)</t>
  </si>
  <si>
    <t>POINT (4.695500800550277 51.83211105749084)</t>
  </si>
  <si>
    <t>POINT (4.711923877599829 51.82760825306073)</t>
  </si>
  <si>
    <t>POINT (4.693960343200548 51.832287298063235)</t>
  </si>
  <si>
    <t>3354ZA</t>
  </si>
  <si>
    <t>Van Galenstraat</t>
  </si>
  <si>
    <t>POINT (4.699339836571816 51.82502689617491)</t>
  </si>
  <si>
    <t>POINT (4.686140741338024 51.84090258722582)</t>
  </si>
  <si>
    <t>POINT (4.696230457033414 51.828702235288496)</t>
  </si>
  <si>
    <t>POINT (4.676073304865161 51.83293217632421)</t>
  </si>
  <si>
    <t>POINT (4.6841162650255095 51.82638887276204)</t>
  </si>
  <si>
    <t>POINT (4.73125788295741 51.82823545896428)</t>
  </si>
  <si>
    <t>POINT (4.688597402432784 51.82306134455047)</t>
  </si>
  <si>
    <t>POINT (4.698615090116317 51.84039115470999)</t>
  </si>
  <si>
    <t>3356LS</t>
  </si>
  <si>
    <t>Matenaweg</t>
  </si>
  <si>
    <t>POINT (4.737322543775686 51.84357232145281)</t>
  </si>
  <si>
    <t>POINT (4.704102228919819 51.839883038093994)</t>
  </si>
  <si>
    <t>POINT (4.706886636576608 51.828977023973856)</t>
  </si>
  <si>
    <t>POINT (4.695545617605884 51.833679945776375)</t>
  </si>
  <si>
    <t>POINT (4.697781271720514 51.83580180195132)</t>
  </si>
  <si>
    <t>POINT (4.6799930462214885 51.82831193422657)</t>
  </si>
  <si>
    <t>POINT (4.733141548569735 51.83107338081257)</t>
  </si>
  <si>
    <t>POINT (4.685186873390581 51.835829715319974)</t>
  </si>
  <si>
    <t>POINT (4.6914158120185165 51.831118318463794)</t>
  </si>
  <si>
    <t>POINT (4.675094102671792 51.83097860657573)</t>
  </si>
  <si>
    <t>POINT (4.695856303042135 51.841852608443865)</t>
  </si>
  <si>
    <t>POINT (4.692716245410706 51.843089894960976)</t>
  </si>
  <si>
    <t>POINT (4.708021496644213 51.8279674134722)</t>
  </si>
  <si>
    <t>POINT (4.702403439391266 51.83446288090094)</t>
  </si>
  <si>
    <t>POINT (4.684407045552881 51.83380714479371)</t>
  </si>
  <si>
    <t>POINT (4.684322512828546 51.83760396095154)</t>
  </si>
  <si>
    <t>POINT (4.71522251448057 51.83521915891387)</t>
  </si>
  <si>
    <t>POINT (4.698080478446174 51.835258524284505)</t>
  </si>
  <si>
    <t>POINT (4.692115480861974 51.8262604453649)</t>
  </si>
  <si>
    <t>POINT (4.683732670036193 51.83796731718691)</t>
  </si>
  <si>
    <t>POINT (4.690705406607925 51.832628610044864)</t>
  </si>
  <si>
    <t>POINT (4.686154468604437 51.824688178010796)</t>
  </si>
  <si>
    <t>POINT (4.688523685392597 51.838722874412184)</t>
  </si>
  <si>
    <t>POINT (4.691815641057375 51.83204473753339)</t>
  </si>
  <si>
    <t>POINT (4.678265156510853 51.823437237981636)</t>
  </si>
  <si>
    <t>POINT (4.692218663324203 51.82385794248405)</t>
  </si>
  <si>
    <t>POINT (4.678799840077811 51.82296001360566)</t>
  </si>
  <si>
    <t>POINT (4.6871274230212485 51.82843317207362)</t>
  </si>
  <si>
    <t>POINT (4.703054015616628 51.83530387459499)</t>
  </si>
  <si>
    <t>POINT (4.686394393400476 51.82745322430719)</t>
  </si>
  <si>
    <t>POINT (4.678808829327878 51.83016422159551)</t>
  </si>
  <si>
    <t>POINT (4.700103785915622 51.836030560971594)</t>
  </si>
  <si>
    <t>POINT (4.706774728002983 51.8263300510579)</t>
  </si>
  <si>
    <t>POINT (4.715106872316418 51.83289184775147)</t>
  </si>
  <si>
    <t>POINT (4.681358927145184 51.83591053586905)</t>
  </si>
  <si>
    <t>POINT (4.689503314039551 51.83891515149597)</t>
  </si>
  <si>
    <t>POINT (4.729050285721996 51.82975158822566)</t>
  </si>
  <si>
    <t>POINT (4.703291620104316 51.83357740274585)</t>
  </si>
  <si>
    <t>POINT (4.69206550408793 51.83050306618583)</t>
  </si>
  <si>
    <t>POINT (4.68235940862222 51.83739062094596)</t>
  </si>
  <si>
    <t>POINT (4.712345317645115 51.830469409463625)</t>
  </si>
  <si>
    <t>POINT (4.694496250443977 51.83101960354117)</t>
  </si>
  <si>
    <t>POINT (4.681327569136069 51.83740084360923)</t>
  </si>
  <si>
    <t>POINT (4.69849106389272 51.829475518548776)</t>
  </si>
  <si>
    <t>POINT (4.678302827162106 51.835021876589735)</t>
  </si>
  <si>
    <t>POINT (4.678751354225725 51.82322638743821)</t>
  </si>
  <si>
    <t>POINT (4.689191972784749 51.828473943083175)</t>
  </si>
  <si>
    <t>POINT (4.703433423816094 51.83124096118157)</t>
  </si>
  <si>
    <t>POINT (4.697328768526196 51.82824461208313)</t>
  </si>
  <si>
    <t>POINT (4.681549626100782 51.837349082664645)</t>
  </si>
  <si>
    <t>POINT (4.674834514611042 51.831123609466)</t>
  </si>
  <si>
    <t>POINT (4.675054388784442 51.82884742578255)</t>
  </si>
  <si>
    <t>POINT (4.696642246350926 51.82603488941162)</t>
  </si>
  <si>
    <t>POINT (4.6888447347287725 51.82752746794953)</t>
  </si>
  <si>
    <t>POINT (4.711269157409305 51.82791716304562)</t>
  </si>
  <si>
    <t>POINT (4.6923274954585255 51.824607017326755)</t>
  </si>
  <si>
    <t>POINT (4.678190912177105 51.836927152658106)</t>
  </si>
  <si>
    <t>POINT (4.689003045800466 51.843940685801115)</t>
  </si>
  <si>
    <t>POINT (4.73589857542242 51.832959174878454)</t>
  </si>
  <si>
    <t>POINT (4.684673944288459 51.82861766610616)</t>
  </si>
  <si>
    <t>POINT (4.69247605040963 51.83858829125125)</t>
  </si>
  <si>
    <t>POINT (4.691616366304421 51.82646896445326)</t>
  </si>
  <si>
    <t>POINT (4.684770085758943 51.83762442828936)</t>
  </si>
  <si>
    <t>POINT (4.70707810527434 51.83858582895837)</t>
  </si>
  <si>
    <t>POINT (4.718283722997701 51.834361725993766)</t>
  </si>
  <si>
    <t>POINT (4.685214333767374 51.83479641084609)</t>
  </si>
  <si>
    <t>POINT (4.681501609919057 51.829284452756745)</t>
  </si>
  <si>
    <t>POINT (4.685147666725521 51.83713626688777)</t>
  </si>
  <si>
    <t>POINT (4.683436688367508 51.82721004803223)</t>
  </si>
  <si>
    <t>POINT (4.683046399923471 51.82939763854076)</t>
  </si>
  <si>
    <t>POINT (4.693046243776034 51.82415276848174)</t>
  </si>
  <si>
    <t>POINT (4.717374341315097 51.824870914672424)</t>
  </si>
  <si>
    <t>POINT (4.704157439310669 51.83362017795093)</t>
  </si>
  <si>
    <t>POINT (4.683232309772843 51.827225550346434)</t>
  </si>
  <si>
    <t>POINT (4.700483689966578 51.84071470558927)</t>
  </si>
  <si>
    <t>POINT (4.709529434375688 51.836744951724114)</t>
  </si>
  <si>
    <t>POINT (4.697533145615683 51.835976359841354)</t>
  </si>
  <si>
    <t>POINT (4.707872538890579 51.827402649915726)</t>
  </si>
  <si>
    <t>POINT (4.688056953027162 51.833722055297436)</t>
  </si>
  <si>
    <t>POINT (4.678374774558682 51.83039689722827)</t>
  </si>
  <si>
    <t>POINT (4.701631203603821 51.82452562163441)</t>
  </si>
  <si>
    <t>POINT (4.728351764763272 51.83135163304829)</t>
  </si>
  <si>
    <t>POINT (4.6998944909020475 51.831738803114796)</t>
  </si>
  <si>
    <t>POINT (4.687782188368558 51.8292224580196)</t>
  </si>
  <si>
    <t>POINT (4.691911475239274 51.830851991736075)</t>
  </si>
  <si>
    <t>POINT (4.677203713471951 51.823062385881286)</t>
  </si>
  <si>
    <t>POINT (4.721050176389777 51.83496737027649)</t>
  </si>
  <si>
    <t>POINT (4.686362225674983 51.82637063742595)</t>
  </si>
  <si>
    <t>POINT (4.723610236049591 51.83508842018345)</t>
  </si>
  <si>
    <t>POINT (4.696438178966238 51.82631941052594)</t>
  </si>
  <si>
    <t>POINT (4.694549045261596 51.825230962310975)</t>
  </si>
  <si>
    <t>POINT (4.715595875738406 51.832541474672816)</t>
  </si>
  <si>
    <t>POINT (4.679540216984802 51.823281374934815)</t>
  </si>
  <si>
    <t>POINT (4.679501783621492 51.836281048711975)</t>
  </si>
  <si>
    <t>POINT (4.686607912645705 51.83429606887272)</t>
  </si>
  <si>
    <t>POINT (4.699705303658277 51.83235136701549)</t>
  </si>
  <si>
    <t>POINT (4.702823662344417 51.835854469370474)</t>
  </si>
  <si>
    <t>POINT (4.687758910017193 51.82732096048516)</t>
  </si>
  <si>
    <t>POINT (4.71134830480051 51.82986540865478)</t>
  </si>
  <si>
    <t>POINT (4.694570659421428 51.83004469473321)</t>
  </si>
  <si>
    <t>POINT (4.678594658046102 51.82266976273995)</t>
  </si>
  <si>
    <t>POINT (4.697164087586676 51.82458461224226)</t>
  </si>
  <si>
    <t>POINT (4.691613790406233 51.82774489588966)</t>
  </si>
  <si>
    <t>POINT (4.698060826467255 51.82622036574003)</t>
  </si>
  <si>
    <t>POINT (4.680625091614784 51.82275252858316)</t>
  </si>
  <si>
    <t>POINT (4.689226301908941 51.82689252353511)</t>
  </si>
  <si>
    <t>POINT (4.68822048807835 51.84442516364258)</t>
  </si>
  <si>
    <t>POINT (4.6877311385807 51.83274029887914)</t>
  </si>
  <si>
    <t>POINT (4.719142801582492 51.83237254807543)</t>
  </si>
  <si>
    <t>POINT (4.693867852413673 51.8328530986912)</t>
  </si>
  <si>
    <t>POINT (4.685832396713613 51.83460574378247)</t>
  </si>
  <si>
    <t>POINT (4.679042273229732 51.8335094877923)</t>
  </si>
  <si>
    <t>POINT (4.710582225411874 51.828912884334486)</t>
  </si>
  <si>
    <t>POINT (4.694351585994535 51.829980283678594)</t>
  </si>
  <si>
    <t>POINT (4.688672930728763 51.82793094362088)</t>
  </si>
  <si>
    <t>POINT (4.700890964314734 51.835757147376135)</t>
  </si>
  <si>
    <t>POINT (4.703905272497791 51.82775290260008)</t>
  </si>
  <si>
    <t>POINT (4.700760047066867 51.83380293776597)</t>
  </si>
  <si>
    <t>POINT (4.690667568829806 51.84355012015792)</t>
  </si>
  <si>
    <t>POINT (4.6921323950854115 51.83101871794965)</t>
  </si>
  <si>
    <t>POINT (4.682249961759569 51.8349294584786)</t>
  </si>
  <si>
    <t>POINT (4.6812495386338595 51.82693463442711)</t>
  </si>
  <si>
    <t>POINT (4.711317201726479 51.828017896567296)</t>
  </si>
  <si>
    <t>POINT (4.692373829068112 51.836797699564755)</t>
  </si>
  <si>
    <t>POINT (4.736098629181869 51.83298039212098)</t>
  </si>
  <si>
    <t>POINT (4.67878104266232 51.82229823609862)</t>
  </si>
  <si>
    <t>POINT (4.693048211161098 51.83199171881823)</t>
  </si>
  <si>
    <t>POINT (4.686720313391123 51.83962571492135)</t>
  </si>
  <si>
    <t>POINT (4.674550348715801 51.83249689654789)</t>
  </si>
  <si>
    <t>POINT (4.681771440839346 51.82604479465199)</t>
  </si>
  <si>
    <t>POINT (4.701860646679604 51.82827982422605)</t>
  </si>
  <si>
    <t>POINT (4.684457934399115 51.82830139294927)</t>
  </si>
  <si>
    <t>POINT (4.702438960071791 51.83311467737589)</t>
  </si>
  <si>
    <t>POINT (4.69386564382855 51.8247301791486)</t>
  </si>
  <si>
    <t>POINT (4.681834669261185 51.825542709023935)</t>
  </si>
  <si>
    <t>POINT (4.697514460972578 51.83312213565575)</t>
  </si>
  <si>
    <t>POINT (4.681622157858636 51.82262573731568)</t>
  </si>
  <si>
    <t>POINT (4.679702137079501 51.831013876888775)</t>
  </si>
  <si>
    <t>POINT (4.67855905848867 51.83360394579777)</t>
  </si>
  <si>
    <t>POINT (4.696044698362539 51.837370713019425)</t>
  </si>
  <si>
    <t>POINT (4.689517998390607 51.842847539060415)</t>
  </si>
  <si>
    <t>POINT (4.696053221626744 51.84123211469476)</t>
  </si>
  <si>
    <t>POINT (4.720432935702781 51.82940409428712)</t>
  </si>
  <si>
    <t>POINT (4.70142092107408 51.82809345648194)</t>
  </si>
  <si>
    <t>POINT (4.693151256007209 51.84004149430715)</t>
  </si>
  <si>
    <t>POINT (4.706894026030396 51.82913426890429)</t>
  </si>
  <si>
    <t>POINT (4.696265113968203 51.83756392663156)</t>
  </si>
  <si>
    <t>POINT (4.687410262331925 51.82563911124439)</t>
  </si>
  <si>
    <t>POINT (4.686090880288076 51.833837006426926)</t>
  </si>
  <si>
    <t>POINT (4.723570289039797 51.834407972475205)</t>
  </si>
  <si>
    <t>POINT (4.676636744129988 51.83400276537225)</t>
  </si>
  <si>
    <t>POINT (4.685130450320205 51.82542376475814)</t>
  </si>
  <si>
    <t>POINT (4.6825769436577165 51.83164757378571)</t>
  </si>
  <si>
    <t>POINT (4.687615502810424 51.83929375426628)</t>
  </si>
  <si>
    <t>POINT (4.687807689313431 51.82948529405292)</t>
  </si>
  <si>
    <t>POINT (4.6994077084677395 51.83053422594684)</t>
  </si>
  <si>
    <t>POINT (4.695185718941396 51.83098932453301)</t>
  </si>
  <si>
    <t>POINT (4.702650711411152 51.82851633209983)</t>
  </si>
  <si>
    <t>POINT (4.682459595938232 51.828285349316076)</t>
  </si>
  <si>
    <t>POINT (4.692453422963821 51.8330211201883)</t>
  </si>
  <si>
    <t>POINT (4.673048352855155 51.83013587851322)</t>
  </si>
  <si>
    <t>POINT (4.705753530663008 51.8364214007694)</t>
  </si>
  <si>
    <t>POINT (4.697269073552031 51.83451349091665)</t>
  </si>
  <si>
    <t>POINT (4.682591174716137 51.835356939341644)</t>
  </si>
  <si>
    <t>POINT (4.684144627786871 51.82968228516776)</t>
  </si>
  <si>
    <t>POINT (4.7089575671207395 51.836329548113)</t>
  </si>
  <si>
    <t>POINT (4.722136067546089 51.83457172725055)</t>
  </si>
  <si>
    <t>POINT (4.688054774560064 51.84170343631902)</t>
  </si>
  <si>
    <t>POINT (4.7061418539703395 51.833990668124294)</t>
  </si>
  <si>
    <t>POINT (4.70703808638111 51.837506486622374)</t>
  </si>
  <si>
    <t>POINT (4.677863737649736 51.82234305930774)</t>
  </si>
  <si>
    <t>POINT (4.6843623459360995 51.835135245344155)</t>
  </si>
  <si>
    <t>POINT (4.679882282887987 51.831520205374375)</t>
  </si>
  <si>
    <t>POINT (4.677577633184668 51.83129461330413)</t>
  </si>
  <si>
    <t>POINT (4.676317550441502 51.82817065050276)</t>
  </si>
  <si>
    <t>POINT (4.706909397071837 51.82904052570675)</t>
  </si>
  <si>
    <t>POINT (4.684657996100463 51.82579933304286)</t>
  </si>
  <si>
    <t>POINT (4.699431356407791 51.83788062618047)</t>
  </si>
  <si>
    <t>POINT (4.692881264538319 51.830414744885246)</t>
  </si>
  <si>
    <t>POINT (4.681023067297581 51.82719082394572)</t>
  </si>
  <si>
    <t>POINT (4.677122345286692 51.83539705615308)</t>
  </si>
  <si>
    <t>POINT (4.67718601522543 51.83092120277929)</t>
  </si>
  <si>
    <t>POINT (4.683910929223672 51.82623636366997)</t>
  </si>
  <si>
    <t>POINT (4.689430812837836 51.82986729916815)</t>
  </si>
  <si>
    <t>POINT (4.686434127839954 51.8238922042675)</t>
  </si>
  <si>
    <t>POINT (4.698777998831385 51.83418970716773)</t>
  </si>
  <si>
    <t>POINT (4.680645329557342 51.831780168094674)</t>
  </si>
  <si>
    <t>POINT (4.684975352042009 51.84052919191134)</t>
  </si>
  <si>
    <t>POINT (4.715347954524472 51.8323169945053)</t>
  </si>
  <si>
    <t>POINT (4.685158632468977 51.836241657489836)</t>
  </si>
  <si>
    <t>POINT (4.683596918675047 51.825505637122646)</t>
  </si>
  <si>
    <t>POINT (4.701853718127232 51.83731261720679)</t>
  </si>
  <si>
    <t>POINT (4.6992562059140015 51.83837667982951)</t>
  </si>
  <si>
    <t>POINT (4.719611028680706 51.83280801351625)</t>
  </si>
  <si>
    <t>POINT (4.678540703255356 51.83298784308312)</t>
  </si>
  <si>
    <t>POINT (4.696757466865842 51.83337216289852)</t>
  </si>
  <si>
    <t>POINT (4.683142777585659 51.828885639073434)</t>
  </si>
  <si>
    <t>POINT (4.691156940591963 51.830899087946776)</t>
  </si>
  <si>
    <t>POINT (4.727314672669626 51.833530075349024)</t>
  </si>
  <si>
    <t>POINT (4.680267665668713 51.82612833051839)</t>
  </si>
  <si>
    <t>POINT (4.691067278111399 51.82781910216596)</t>
  </si>
  <si>
    <t>POINT (4.684342732971467 51.826201269698544)</t>
  </si>
  <si>
    <t>POINT (4.68746198464841 51.83598086036893)</t>
  </si>
  <si>
    <t>POINT (4.7017838210228415 51.83730997996319)</t>
  </si>
  <si>
    <t>POINT (4.678607718689941 51.829106472859806)</t>
  </si>
  <si>
    <t>POINT (4.718088141247656 51.834146970045744)</t>
  </si>
  <si>
    <t>POINT (4.7198221182956885 51.83369593140672)</t>
  </si>
  <si>
    <t>POINT (4.684711387349061 51.82530274209065)</t>
  </si>
  <si>
    <t>POINT (4.684102527630093 51.83752681552458)</t>
  </si>
  <si>
    <t>POINT (4.732110609651807 51.833064540483235)</t>
  </si>
  <si>
    <t>POINT (4.682480465511774 51.83627369135122)</t>
  </si>
  <si>
    <t>POINT (4.704528488237667 51.83389558149539)</t>
  </si>
  <si>
    <t>POINT (4.721602242383432 51.83240796558809)</t>
  </si>
  <si>
    <t>POINT (4.688034879127496 51.82621881695809)</t>
  </si>
  <si>
    <t>POINT (4.680099370245942 51.83605371346466)</t>
  </si>
  <si>
    <t>POINT (4.680080092827914 51.82283463864141)</t>
  </si>
  <si>
    <t>POINT (4.687420822151231 51.82736654926171)</t>
  </si>
  <si>
    <t>POINT (4.6913509048305935 51.82586082840006)</t>
  </si>
  <si>
    <t>POINT (4.722593401243076 51.83558493345666)</t>
  </si>
  <si>
    <t>POINT (4.689329623887263 51.82338188516761)</t>
  </si>
  <si>
    <t>POINT (4.699486884764165 51.8340689381815)</t>
  </si>
  <si>
    <t>POINT (4.706344096210994 51.82846355796787)</t>
  </si>
  <si>
    <t>POINT (4.716713237160531 51.83466638848837)</t>
  </si>
  <si>
    <t>POINT (4.733760343850095 51.83222517496467)</t>
  </si>
  <si>
    <t>POINT (4.680584228819909 51.83722417641672)</t>
  </si>
  <si>
    <t>POINT (4.693047366748036 51.831507837589676)</t>
  </si>
  <si>
    <t>POINT (4.694774565841656 51.83620951105328)</t>
  </si>
  <si>
    <t>POINT (4.703061818680284 51.83462944967609)</t>
  </si>
  <si>
    <t>POINT (4.681385089961766 51.825811850231965)</t>
  </si>
  <si>
    <t>POINT (4.701452177046004 51.83125035643391)</t>
  </si>
  <si>
    <t>POINT (4.716169849445386 51.8322775524435)</t>
  </si>
  <si>
    <t>POINT (4.688385716769896 51.82856296038768)</t>
  </si>
  <si>
    <t>POINT (4.697478398787037 51.835101732344384)</t>
  </si>
  <si>
    <t>POINT (4.694033438245074 51.832260709868905)</t>
  </si>
  <si>
    <t>POINT (4.67308838184883 51.82997367009386)</t>
  </si>
  <si>
    <t>POINT (4.695947811102826 51.8256799482678)</t>
  </si>
  <si>
    <t>POINT (4.6809028381724715 51.82712780022122)</t>
  </si>
  <si>
    <t>POINT (4.703969708841748 51.829359626801555)</t>
  </si>
  <si>
    <t>POINT (4.701601715916743 51.83616720865937)</t>
  </si>
  <si>
    <t>POINT (4.688895034188052 51.82745506704704)</t>
  </si>
  <si>
    <t>POINT (4.677315876408222 51.835337661115666)</t>
  </si>
  <si>
    <t>POINT (4.690893851517675 51.83243355098318)</t>
  </si>
  <si>
    <t>POINT (4.709122022365108 51.828109279580865)</t>
  </si>
  <si>
    <t>POINT (4.692254627266868 51.82681532017785)</t>
  </si>
  <si>
    <t>POINT (4.6812743734728715 51.83219385282723)</t>
  </si>
  <si>
    <t>POINT (4.683922235566659 51.827008466453016)</t>
  </si>
  <si>
    <t>POINT (4.704132241996922 51.827881322849954)</t>
  </si>
  <si>
    <t>POINT (4.678436205078929 51.828978877169156)</t>
  </si>
  <si>
    <t>POINT (4.698205087826101 51.83237760902848)</t>
  </si>
  <si>
    <t>POINT (4.729934101351814 51.83279916561971)</t>
  </si>
  <si>
    <t>POINT (4.684280642886657 51.82963151390173)</t>
  </si>
  <si>
    <t>POINT (4.687984735748996 51.8403950747262)</t>
  </si>
  <si>
    <t>POINT (4.681456334476228 51.82924081032808)</t>
  </si>
  <si>
    <t>POINT (4.726857260245561 51.83191647512025)</t>
  </si>
  <si>
    <t>POINT (4.70253333933662 51.83003523848099)</t>
  </si>
  <si>
    <t>POINT (4.694445419810717 51.842180727196876)</t>
  </si>
  <si>
    <t>POINT (4.677673553061288 51.82334892708614)</t>
  </si>
  <si>
    <t>POINT (4.681001932681407 51.8300021664357)</t>
  </si>
  <si>
    <t>POINT (4.69836582360489 51.83301920796503)</t>
  </si>
  <si>
    <t>POINT (4.674243947322588 51.83333777589047)</t>
  </si>
  <si>
    <t>POINT (4.686267291267071 51.82394127484406)</t>
  </si>
  <si>
    <t>POINT (4.706690802242935 51.83419072937967)</t>
  </si>
  <si>
    <t>POINT (4.715006548269042 51.835269607042434)</t>
  </si>
  <si>
    <t>POINT (4.695813728732383 51.83548645110401)</t>
  </si>
  <si>
    <t>POINT (4.678821598843601 51.8328855488198)</t>
  </si>
  <si>
    <t>POINT (4.690618212710913 51.824216666002506)</t>
  </si>
  <si>
    <t>POINT (4.700344732453062 51.83242978764622)</t>
  </si>
  <si>
    <t>POINT (4.676512290702934 51.832258555876784)</t>
  </si>
  <si>
    <t>POINT (4.675790900621242 51.830596130801794)</t>
  </si>
  <si>
    <t>POINT (4.710493559015497 51.8289263505244)</t>
  </si>
  <si>
    <t>POINT (4.706603665449815 51.82741004992603)</t>
  </si>
  <si>
    <t>POINT (4.7229024867999785 51.83301772042895)</t>
  </si>
  <si>
    <t>POINT (4.708985998400713 51.83738547938997)</t>
  </si>
  <si>
    <t>POINT (4.715341803789717 51.83557072119898)</t>
  </si>
  <si>
    <t>POINT (4.729696887344197 51.82987916466708)</t>
  </si>
  <si>
    <t>POINT (4.682067474072219 51.83380721817627)</t>
  </si>
  <si>
    <t>POINT (4.693302668110234 51.830170624430714)</t>
  </si>
  <si>
    <t>POINT (4.6806060033771315 51.8366869575717)</t>
  </si>
  <si>
    <t>POINT (4.689270922701636 51.84284199873373)</t>
  </si>
  <si>
    <t>POINT (4.688983193080032 51.82988466420931)</t>
  </si>
  <si>
    <t>POINT (4.71265830042262 51.82990172527919)</t>
  </si>
  <si>
    <t>POINT (4.679826087400541 51.83651657312645)</t>
  </si>
  <si>
    <t>POINT (4.693167345166075 51.832604396468305)</t>
  </si>
  <si>
    <t>POINT (4.694869663275366 51.83253437787598)</t>
  </si>
  <si>
    <t>POINT (4.689645940086054 51.841124640101185)</t>
  </si>
  <si>
    <t>POINT (4.692841178539869 51.83507144753368)</t>
  </si>
  <si>
    <t>POINT (4.715375339200052 51.83518313533255)</t>
  </si>
  <si>
    <t>POINT (4.6824179161095865 51.82305837828431)</t>
  </si>
  <si>
    <t>POINT (4.685249263752923 51.834525899888035)</t>
  </si>
  <si>
    <t>POINT (4.678732752955295 51.83081653612243)</t>
  </si>
  <si>
    <t>POINT (4.719128005032873 51.835034045990206)</t>
  </si>
  <si>
    <t>POINT (4.6784890825020415 51.83037275178236)</t>
  </si>
  <si>
    <t>POINT (4.687901053361281 51.83835900181399)</t>
  </si>
  <si>
    <t>POINT (4.706888431058653 51.83592295737434)</t>
  </si>
  <si>
    <t>POINT (4.730589674774947 51.82963993248035)</t>
  </si>
  <si>
    <t>POINT (4.688449972887167 51.829971665381265)</t>
  </si>
  <si>
    <t>3352VH</t>
  </si>
  <si>
    <t>Vijzellaan</t>
  </si>
  <si>
    <t>POINT (4.687920423878926 51.842678801242876)</t>
  </si>
  <si>
    <t>POINT (4.688233869839492 51.823988435691426)</t>
  </si>
  <si>
    <t>POINT (4.688444464286027 51.826168204975446)</t>
  </si>
  <si>
    <t>POINT (4.680277972483021 51.83512306241775)</t>
  </si>
  <si>
    <t>POINT (4.706211279264896 51.827691140680315)</t>
  </si>
  <si>
    <t>POINT (4.715592395720175 51.83302706476359)</t>
  </si>
  <si>
    <t>POINT (4.704891891287618 51.83835815372979)</t>
  </si>
  <si>
    <t>POINT (4.686528655319056 51.82488249075924)</t>
  </si>
  <si>
    <t>POINT (4.67874038928436 51.827078984466624)</t>
  </si>
  <si>
    <t>POINT (4.6870697343130265 51.83415848449869)</t>
  </si>
  <si>
    <t>POINT (4.676702673437436 51.835682746829356)</t>
  </si>
  <si>
    <t>POINT (4.681280959702651 51.836255572430304)</t>
  </si>
  <si>
    <t>POINT (4.689972343153482 51.82948115601297)</t>
  </si>
  <si>
    <t>POINT (4.703918415717104 51.83962137043562)</t>
  </si>
  <si>
    <t>POINT (4.6911896045340535 51.82567903851459)</t>
  </si>
  <si>
    <t>POINT (4.718209852614465 51.83558849327484)</t>
  </si>
  <si>
    <t>POINT (4.71817826201901 51.83260945097476)</t>
  </si>
  <si>
    <t>POINT (4.703271872017246 51.83120223185931)</t>
  </si>
  <si>
    <t>POINT (4.68445669660689 51.838982794000806)</t>
  </si>
  <si>
    <t>POINT (4.683254030745094 51.83137276341168)</t>
  </si>
  <si>
    <t>POINT (4.676180595960736 51.8283772072062)</t>
  </si>
  <si>
    <t>POINT (4.680856674433047 51.83684133587065)</t>
  </si>
  <si>
    <t>POINT (4.678026512028175 51.83203269630476)</t>
  </si>
  <si>
    <t>POINT (4.699685427381399 51.83185121312739)</t>
  </si>
  <si>
    <t>POINT (4.69597305896668 51.83348212481197)</t>
  </si>
  <si>
    <t>POINT (4.70647199120718 51.83862095814462)</t>
  </si>
  <si>
    <t>POINT (4.6953262116721435 51.83659618242559)</t>
  </si>
  <si>
    <t>POINT (4.708581157216587 51.82960103437956)</t>
  </si>
  <si>
    <t>POINT (4.692322268158792 51.8307170328614)</t>
  </si>
  <si>
    <t>POINT (4.7238628310883515 51.83430052212607)</t>
  </si>
  <si>
    <t>POINT (4.684773905493476 51.82580549184531)</t>
  </si>
  <si>
    <t>POINT (4.700625422939865 51.83481210359388)</t>
  </si>
  <si>
    <t>POINT (4.704216194597331 51.83052783912536)</t>
  </si>
  <si>
    <t>POINT (4.702119892901625 51.83792571166747)</t>
  </si>
  <si>
    <t>POINT (4.679621178555715 51.8260601302783)</t>
  </si>
  <si>
    <t>POINT (4.730368438826615 51.8333235289457)</t>
  </si>
  <si>
    <t>POINT (4.693626560916719 51.83000108036147)</t>
  </si>
  <si>
    <t>POINT (4.683312430647545 51.82544036369375)</t>
  </si>
  <si>
    <t>POINT (4.723434731201787 51.8298263492841)</t>
  </si>
  <si>
    <t>POINT (4.707771894398939 51.83703302663736)</t>
  </si>
  <si>
    <t>POINT (4.701404605257676 51.83564198460601)</t>
  </si>
  <si>
    <t>POINT (4.725916528752105 51.833932339979484)</t>
  </si>
  <si>
    <t>POINT (4.7151885144719206 51.831921715280146)</t>
  </si>
  <si>
    <t>POINT (4.687846335870823 51.838644073945645)</t>
  </si>
  <si>
    <t>POINT (4.701608589607548 51.83761392274789)</t>
  </si>
  <si>
    <t>POINT (4.7216687655665925 51.83482807675045)</t>
  </si>
  <si>
    <t>POINT (4.699849255862783 51.83493534394704)</t>
  </si>
  <si>
    <t>POINT (4.6768908380014 51.83048232591487)</t>
  </si>
  <si>
    <t>POINT (4.690615851847843 51.841826046603174)</t>
  </si>
  <si>
    <t>POINT (4.680245005371123 51.83711776702894)</t>
  </si>
  <si>
    <t>POINT (4.702850479549494 51.833551101915845)</t>
  </si>
  <si>
    <t>POINT (4.70826735476038 51.837037034566244)</t>
  </si>
  <si>
    <t>POINT (4.734071579227032 51.83162210885607)</t>
  </si>
  <si>
    <t>POINT (4.686468750300949 51.823903538920966)</t>
  </si>
  <si>
    <t>POINT (4.696745859745326 51.82543674771558)</t>
  </si>
  <si>
    <t>POINT (4.718968002880344 51.833954744609684)</t>
  </si>
  <si>
    <t>POINT (4.693926202548245 51.830902262371225)</t>
  </si>
  <si>
    <t>POINT (4.7177212099382615 51.83183107386144)</t>
  </si>
  <si>
    <t>POINT (4.679263605095895 51.83610777677642)</t>
  </si>
  <si>
    <t>POINT (4.711379272494764 51.82817679531779)</t>
  </si>
  <si>
    <t>POINT (4.70725867779308 51.83555298250339)</t>
  </si>
  <si>
    <t>POINT (4.687115992231643 51.82294872582099)</t>
  </si>
  <si>
    <t>POINT (4.68985842376056 51.82784014209465)</t>
  </si>
  <si>
    <t>POINT (4.703862527382436 51.82809882392362)</t>
  </si>
  <si>
    <t>POINT (4.704194303352865 51.83060914872287)</t>
  </si>
  <si>
    <t>POINT (4.682529141187032 51.82538063526716)</t>
  </si>
  <si>
    <t>POINT (4.692243308761445 51.84332418946447)</t>
  </si>
  <si>
    <t>POINT (4.691170442953135 51.84348557984801)</t>
  </si>
  <si>
    <t>POINT (4.6932741706480545 51.837899655643035)</t>
  </si>
  <si>
    <t>POINT (4.687225640032238 51.840771831086506)</t>
  </si>
  <si>
    <t>POINT (4.689443566964439 51.83182531641542)</t>
  </si>
  <si>
    <t>POINT (4.695110497430052 51.83816509836676)</t>
  </si>
  <si>
    <t>POINT (4.698200145018223 51.82558743071709)</t>
  </si>
  <si>
    <t>POINT (4.69058089769915 51.82830696951559)</t>
  </si>
  <si>
    <t>POINT (4.687541586917158 51.82703128259532)</t>
  </si>
  <si>
    <t>POINT (4.682278209856423 51.8227712776376)</t>
  </si>
  <si>
    <t>POINT (4.6714945620261235 51.83010607378268)</t>
  </si>
  <si>
    <t>POINT (4.700470676202317 51.836906896413325)</t>
  </si>
  <si>
    <t>POINT (4.707334496271509 51.825900150501454)</t>
  </si>
  <si>
    <t>POINT (4.680686314394847 51.825746226766384)</t>
  </si>
  <si>
    <t>POINT (4.679509137988506 51.82717387692744)</t>
  </si>
  <si>
    <t>POINT (4.690089277135473 51.824716755066156)</t>
  </si>
  <si>
    <t>POINT (4.6779456775453 51.82336431545466)</t>
  </si>
  <si>
    <t>POINT (4.696234779539314 51.83702901467607)</t>
  </si>
  <si>
    <t>POINT (4.686974647024707 51.84092383321798)</t>
  </si>
  <si>
    <t>POINT (4.710293392817304 51.82970074391028)</t>
  </si>
  <si>
    <t>POINT (4.694165303880664 51.82995335068075)</t>
  </si>
  <si>
    <t>POINT (4.702348812826754 51.83728550239951)</t>
  </si>
  <si>
    <t>POINT (4.68640545722576 51.82386005147311)</t>
  </si>
  <si>
    <t>POINT (4.690702921330389 51.83717914527521)</t>
  </si>
  <si>
    <t>POINT (4.702251908884727 51.83605673164026)</t>
  </si>
  <si>
    <t>POINT (4.683042831596343 51.83882062558901)</t>
  </si>
  <si>
    <t>POINT (4.684209541150799 51.82820504840482)</t>
  </si>
  <si>
    <t>3351TA</t>
  </si>
  <si>
    <t>POINT (4.681911402969224 51.83158644511921)</t>
  </si>
  <si>
    <t>POINT (4.706272067695031 51.82847326135277)</t>
  </si>
  <si>
    <t>POINT (4.709475302856716 51.830158425298386)</t>
  </si>
  <si>
    <t>POINT (4.680890107534792 51.83234579551033)</t>
  </si>
  <si>
    <t>POINT (4.680727001252883 51.83716983644298)</t>
  </si>
  <si>
    <t>POINT (4.698879277431405 51.83472963670533)</t>
  </si>
  <si>
    <t>POINT (4.683015608687303 51.837724387928915)</t>
  </si>
  <si>
    <t>POINT (4.692197198183397 51.839025321825346)</t>
  </si>
  <si>
    <t>POINT (4.6762356170929325 51.83027808312493)</t>
  </si>
  <si>
    <t>POINT (4.6957650794436665 51.83218961105894)</t>
  </si>
  <si>
    <t>POINT (4.719107328746772 51.83334521080571)</t>
  </si>
  <si>
    <t>POINT (4.7075448352576155 51.83739158064819)</t>
  </si>
  <si>
    <t>POINT (4.692496466131985 51.83985015475908)</t>
  </si>
  <si>
    <t>POINT (4.69748598964218 51.83249504732863)</t>
  </si>
  <si>
    <t>POINT (4.688374615719081 51.828126288932985)</t>
  </si>
  <si>
    <t>POINT (4.681037727245574 51.82413517489765)</t>
  </si>
  <si>
    <t>POINT (4.674411090230834 51.832546926803914)</t>
  </si>
  <si>
    <t>POINT (4.7205599245671035 51.835959230932204)</t>
  </si>
  <si>
    <t>POINT (4.726963698134697 51.83214670578349)</t>
  </si>
  <si>
    <t>POINT (4.718265745762647 51.83410182568419)</t>
  </si>
  <si>
    <t>POINT (4.690986634474724 51.832520697824556)</t>
  </si>
  <si>
    <t>POINT (4.679810049988642 51.82295387288344)</t>
  </si>
  <si>
    <t>POINT (4.702288345887167 51.82886542210842)</t>
  </si>
  <si>
    <t>POINT (4.704205312558468 51.83051452657259)</t>
  </si>
  <si>
    <t>POINT (4.678749061650876 51.830718595361)</t>
  </si>
  <si>
    <t>POINT (4.681139323231975 51.83785697265658)</t>
  </si>
  <si>
    <t>POINT (4.723943106745753 51.834360749942)</t>
  </si>
  <si>
    <t>POINT (4.7029739822928 51.83591921874333)</t>
  </si>
  <si>
    <t>POINT (4.723182901543299 51.83222836310971)</t>
  </si>
  <si>
    <t>POINT (4.708640423198362 51.83754603263664)</t>
  </si>
  <si>
    <t>POINT (4.6811173781712325 51.83067651506794)</t>
  </si>
  <si>
    <t>POINT (4.695288085177537 51.83655147299909)</t>
  </si>
  <si>
    <t>POINT (4.693317049399076 51.83018635865929)</t>
  </si>
  <si>
    <t>POINT (4.67784048291323 51.8370076683277)</t>
  </si>
  <si>
    <t>POINT (4.691152643885113 51.84343629756514)</t>
  </si>
  <si>
    <t>POINT (4.724648336405437 51.83287383672674)</t>
  </si>
  <si>
    <t>POINT (4.693389563672081 51.830136990232134)</t>
  </si>
  <si>
    <t>3355EP</t>
  </si>
  <si>
    <t>POINT (4.6989531575220065 51.842092570556666)</t>
  </si>
  <si>
    <t>POINT (4.7086547436246 51.83580713248883)</t>
  </si>
  <si>
    <t>POINT (4.690629312996761 51.82334639721729)</t>
  </si>
  <si>
    <t>POINT (4.6953051650999145 51.83216164314053)</t>
  </si>
  <si>
    <t>POINT (4.691510269940617 51.83025771284596)</t>
  </si>
  <si>
    <t>POINT (4.687687927487646 51.84075419118142)</t>
  </si>
  <si>
    <t>POINT (4.693655069468076 51.82478919495686)</t>
  </si>
  <si>
    <t>POINT (4.6768729573974674 51.8356586450549)</t>
  </si>
  <si>
    <t>POINT (4.693275169237634 51.83826062689237)</t>
  </si>
  <si>
    <t>POINT (4.692661255492795 51.831603646728105)</t>
  </si>
  <si>
    <t>POINT (4.69807614128127 51.826167485612864)</t>
  </si>
  <si>
    <t>POINT (4.6863566144739615 51.833078190270285)</t>
  </si>
  <si>
    <t>POINT (4.694275095988547 51.82417080691068)</t>
  </si>
  <si>
    <t>POINT (4.684337227998014 51.82639519379687)</t>
  </si>
  <si>
    <t>POINT (4.686314946612785 51.82737634645922)</t>
  </si>
  <si>
    <t>POINT (4.701511513634219 51.83175474042286)</t>
  </si>
  <si>
    <t>POINT (4.700647887123247 51.83855099924098)</t>
  </si>
  <si>
    <t>POINT (4.682535909630308 51.83763161422065)</t>
  </si>
  <si>
    <t>POINT (4.690244845173277 51.82389168526368)</t>
  </si>
  <si>
    <t>POINT (4.677073511393143 51.823021149233746)</t>
  </si>
  <si>
    <t>POINT (4.692717146621582 51.842557989487155)</t>
  </si>
  <si>
    <t>POINT (4.678045778567741 51.82338738295726)</t>
  </si>
  <si>
    <t>POINT (4.685129279328313 51.82538719192969)</t>
  </si>
  <si>
    <t>POINT (4.678476321527456 51.83563652491924)</t>
  </si>
  <si>
    <t>POINT (4.683482446473575 51.82713544693099)</t>
  </si>
  <si>
    <t>POINT (4.688484760630197 51.84164705764221)</t>
  </si>
  <si>
    <t>POINT (4.679455341273169 51.82863466678691)</t>
  </si>
  <si>
    <t>POINT (4.682726156674228 51.83034758770491)</t>
  </si>
  <si>
    <t>POINT (4.686150234704221 51.84026831617402)</t>
  </si>
  <si>
    <t>POINT (4.67864350217346 51.82226066920847)</t>
  </si>
  <si>
    <t>POINT (4.7010559220223245 51.83331895804102)</t>
  </si>
  <si>
    <t>POINT (4.723941218644701 51.834281046274704)</t>
  </si>
  <si>
    <t>POINT (4.721291972094673 51.83449987821692)</t>
  </si>
  <si>
    <t>POINT (4.6881727985038895 51.83255719745642)</t>
  </si>
  <si>
    <t>POINT (4.694645285970734 51.83177495295896)</t>
  </si>
  <si>
    <t>3351RX</t>
  </si>
  <si>
    <t>POINT (4.680235423877069 51.83508195280887)</t>
  </si>
  <si>
    <t>POINT (4.681516093563643 51.82607039648767)</t>
  </si>
  <si>
    <t>POINT (4.694853496506493 51.82412419831559)</t>
  </si>
  <si>
    <t>POINT (4.69572158682333 51.83224236983079)</t>
  </si>
  <si>
    <t>POINT (4.703168111933653 51.83127582840474)</t>
  </si>
  <si>
    <t>POINT (4.702768213888276 51.83589226686335)</t>
  </si>
  <si>
    <t>POINT (4.716244746517473 51.83228494672789)</t>
  </si>
  <si>
    <t>POINT (4.6940874970514965 51.82957535055571)</t>
  </si>
  <si>
    <t>POINT (4.693070267759397 51.830616399153925)</t>
  </si>
  <si>
    <t>POINT (4.703804315528508 51.83340486764332)</t>
  </si>
  <si>
    <t>POINT (4.682782766822878 51.834109782647616)</t>
  </si>
  <si>
    <t>POINT (4.6895973574686325 51.83874072867085)</t>
  </si>
  <si>
    <t>POINT (4.685316908487007 51.833209585483736)</t>
  </si>
  <si>
    <t>POINT (4.684163058936011 51.82938242648371)</t>
  </si>
  <si>
    <t>POINT (4.683636464710394 51.83647815039882)</t>
  </si>
  <si>
    <t>POINT (4.695880813607223 51.83247218520244)</t>
  </si>
  <si>
    <t>POINT (4.7347170780757555 51.831745498580254)</t>
  </si>
  <si>
    <t>POINT (4.68330930313617 51.824536284398455)</t>
  </si>
  <si>
    <t>POINT (4.704859845429438 51.83844774580599)</t>
  </si>
  <si>
    <t>POINT (4.689918525944276 51.82509673355187)</t>
  </si>
  <si>
    <t>POINT (4.720535399023729 51.83517213890262)</t>
  </si>
  <si>
    <t>POINT (4.692123483304095 51.8263228469651)</t>
  </si>
  <si>
    <t>POINT (4.689673557274406 51.82561648463336)</t>
  </si>
  <si>
    <t>POINT (4.702871575242841 51.835874325897706)</t>
  </si>
  <si>
    <t>POINT (4.681430429481266 51.8399850122307)</t>
  </si>
  <si>
    <t>POINT (4.73185660287156 51.83080963464942)</t>
  </si>
  <si>
    <t>POINT (4.686837031637664 51.83556113056785)</t>
  </si>
  <si>
    <t>POINT (4.692290263346177 51.83335682376461)</t>
  </si>
  <si>
    <t>POINT (4.6792307372661215 51.83120580976658)</t>
  </si>
  <si>
    <t>POINT (4.68797112583543 51.83483141607221)</t>
  </si>
  <si>
    <t>POINT (4.6827903992165485 51.83794342925052)</t>
  </si>
  <si>
    <t>POINT (4.679859719202776 51.83655824936301)</t>
  </si>
  <si>
    <t>POINT (4.6917983307740965 51.82716765114341)</t>
  </si>
  <si>
    <t>POINT (4.67762545642845 51.8232225074831)</t>
  </si>
  <si>
    <t>POINT (4.728215432229269 51.83321584196261)</t>
  </si>
  <si>
    <t>POINT (4.68413873729136 51.837822012465246)</t>
  </si>
  <si>
    <t>POINT (4.701947958144217 51.8329386553343)</t>
  </si>
  <si>
    <t>POINT (4.678454984833139 51.831590606668605)</t>
  </si>
  <si>
    <t>POINT (4.698022540593222 51.825875327819354)</t>
  </si>
  <si>
    <t>POINT (4.680363827085852 51.83841430276584)</t>
  </si>
  <si>
    <t>POINT (4.719273454295537 51.835000051743734)</t>
  </si>
  <si>
    <t>POINT (4.719337726164786 51.8354554208824)</t>
  </si>
  <si>
    <t>POINT (4.6945583611159725 51.8300614219275)</t>
  </si>
  <si>
    <t>POINT (4.714845085794181 51.83349063544311)</t>
  </si>
  <si>
    <t>POINT (4.710493126489613 51.828478876307805)</t>
  </si>
  <si>
    <t>POINT (4.696914501549332 51.83301834109525)</t>
  </si>
  <si>
    <t>POINT (4.706171393673419 51.83746071674585)</t>
  </si>
  <si>
    <t>POINT (4.6824178374498 51.83826635719119)</t>
  </si>
  <si>
    <t>POINT (4.692594019256161 51.82730570890894)</t>
  </si>
  <si>
    <t>POINT (4.678324706221411 51.83418548947333)</t>
  </si>
  <si>
    <t>POINT (4.694039613616866 51.82990039355032)</t>
  </si>
  <si>
    <t>POINT (4.691189045487305 51.823459963479074)</t>
  </si>
  <si>
    <t>POINT (4.683270955015881 51.82358029104885)</t>
  </si>
  <si>
    <t>POINT (4.694832150785389 51.83120550168502)</t>
  </si>
  <si>
    <t>POINT (4.699855894819343 51.83929450604977)</t>
  </si>
  <si>
    <t>POINT (4.697852073420793 51.82944156594315)</t>
  </si>
  <si>
    <t>POINT (4.680012419656252 51.82219994637531)</t>
  </si>
  <si>
    <t>POINT (4.673802760480355 51.82958227043872)</t>
  </si>
  <si>
    <t>POINT (4.688690671772144 51.827279588252935)</t>
  </si>
  <si>
    <t>POINT (4.690178042984381 51.844048007257676)</t>
  </si>
  <si>
    <t>POINT (4.6817706320408945 51.830761664038775)</t>
  </si>
  <si>
    <t>POINT (4.703282762826986 51.83639571616942)</t>
  </si>
  <si>
    <t>POINT (4.686744827649235 51.82302562945169)</t>
  </si>
  <si>
    <t>POINT (4.6903272110540355 51.83131388959424)</t>
  </si>
  <si>
    <t>POINT (4.680373465773381 51.83637938663558)</t>
  </si>
  <si>
    <t>POINT (4.694563205501991 51.830994956289686)</t>
  </si>
  <si>
    <t>POINT (4.6794444104802535 51.835376966741315)</t>
  </si>
  <si>
    <t>POINT (4.700784523174163 51.83337246271401)</t>
  </si>
  <si>
    <t>POINT (4.696229283920236 51.8321090916521)</t>
  </si>
  <si>
    <t>POINT (4.686840547399567 51.84099407048878)</t>
  </si>
  <si>
    <t>POINT (4.6903047849917465 51.82934091189293)</t>
  </si>
  <si>
    <t>POINT (4.702747943796462 51.835151144525476)</t>
  </si>
  <si>
    <t>POINT (4.700040939903016 51.83804014837897)</t>
  </si>
  <si>
    <t>POINT (4.684729705501472 51.83922589855507)</t>
  </si>
  <si>
    <t>POINT (4.699748432846987 51.824967268371395)</t>
  </si>
  <si>
    <t>POINT (4.704057088790157 51.82884841267923)</t>
  </si>
  <si>
    <t>POINT (4.692379789216261 51.838685221234684)</t>
  </si>
  <si>
    <t>POINT (4.726916876260995 51.832919264953254)</t>
  </si>
  <si>
    <t>POINT (4.692516423654237 51.83094012046368)</t>
  </si>
  <si>
    <t>POINT (4.686428956311957 51.835903652235174)</t>
  </si>
  <si>
    <t>POINT (4.693917786332989 51.82998486839187)</t>
  </si>
  <si>
    <t>POINT (4.685568114563466 51.82592200686302)</t>
  </si>
  <si>
    <t>POINT (4.7040832376898924 51.832313240497676)</t>
  </si>
  <si>
    <t>POINT (4.689120484604812 51.82545263243694)</t>
  </si>
  <si>
    <t>POINT (4.693676153126514 51.82999316674381)</t>
  </si>
  <si>
    <t>POINT (4.6900645680398245 51.823374207899015)</t>
  </si>
  <si>
    <t>POINT (4.709982445928004 51.82890024818652)</t>
  </si>
  <si>
    <t>POINT (4.6808858400711175 51.83711151211809)</t>
  </si>
  <si>
    <t>POINT (4.702314607394092 51.83714844209338)</t>
  </si>
  <si>
    <t>POINT (4.691317988941915 51.82464336410862)</t>
  </si>
  <si>
    <t>POINT (4.696090675105117 51.83741454257492)</t>
  </si>
  <si>
    <t>POINT (4.694293744388979 51.837581736578706)</t>
  </si>
  <si>
    <t>POINT (4.695031416627591 51.82680695472883)</t>
  </si>
  <si>
    <t>POINT (4.7289408640476625 51.832763308759525)</t>
  </si>
  <si>
    <t>POINT (4.702635844009177 51.83045193794767)</t>
  </si>
  <si>
    <t>POINT (4.6769524276401215 51.8330104415138)</t>
  </si>
  <si>
    <t>POINT (4.676894727117784 51.83640466347705)</t>
  </si>
  <si>
    <t>POINT (4.69489698156832 51.82413475579447)</t>
  </si>
  <si>
    <t>POINT (4.700173144835069 51.836012216623786)</t>
  </si>
  <si>
    <t>POINT (4.684467947546398 51.826800600483054)</t>
  </si>
  <si>
    <t>POINT (4.7088429070293465 51.837208835317035)</t>
  </si>
  <si>
    <t>POINT (4.679754886862743 51.82704123864942)</t>
  </si>
  <si>
    <t>POINT (4.680935661187114 51.832266331321726)</t>
  </si>
  <si>
    <t>POINT (4.677866821571469 51.83600568365965)</t>
  </si>
  <si>
    <t>POINT (4.697284918539047 51.83469249371206)</t>
  </si>
  <si>
    <t>POINT (4.69851157219827 51.83824867552147)</t>
  </si>
  <si>
    <t>POINT (4.679346343368194 51.834577159215435)</t>
  </si>
  <si>
    <t>POINT (4.6802693021410136 51.829143268640074)</t>
  </si>
  <si>
    <t>POINT (4.6889096474044045 51.84355122846371)</t>
  </si>
  <si>
    <t>POINT (4.721063695179509 51.83527576528258)</t>
  </si>
  <si>
    <t>POINT (4.686263629503949 51.83416567391477)</t>
  </si>
  <si>
    <t>POINT (4.680372060460873 51.834994740816505)</t>
  </si>
  <si>
    <t>POINT (4.677550183134574 51.82330483792748)</t>
  </si>
  <si>
    <t>POINT (4.685283361100156 51.836617580036574)</t>
  </si>
  <si>
    <t>POINT (4.684280154367057 51.83952091137477)</t>
  </si>
  <si>
    <t>POINT (4.703165272748919 51.836259492211255)</t>
  </si>
  <si>
    <t>POINT (4.679470560987302 51.836697510997645)</t>
  </si>
  <si>
    <t>POINT (4.680171622731085 51.83602718271338)</t>
  </si>
  <si>
    <t>POINT (4.72842787033774 51.83165944358611)</t>
  </si>
  <si>
    <t>POINT (4.677975476093195 51.82308287189478)</t>
  </si>
  <si>
    <t>POINT (4.69075489085233 51.838107745480535)</t>
  </si>
  <si>
    <t>POINT (4.69424085064011 51.82460935836048)</t>
  </si>
  <si>
    <t>POINT (4.7036175235825715 51.83318837666246)</t>
  </si>
  <si>
    <t>POINT (4.693656231552723 51.84058605217296)</t>
  </si>
  <si>
    <t>POINT (4.722474098382406 51.83311503309936)</t>
  </si>
  <si>
    <t>POINT (4.684512580513407 51.84013791631213)</t>
  </si>
  <si>
    <t>POINT (4.706106226643741 51.82768218073113)</t>
  </si>
  <si>
    <t>POINT (4.713859002035936 51.833325291800335)</t>
  </si>
  <si>
    <t>POINT (4.681123365925112 51.82561677741144)</t>
  </si>
  <si>
    <t>POINT (4.722363694608696 51.83563191062439)</t>
  </si>
  <si>
    <t>POINT (4.6786960665388975 51.83792553265803)</t>
  </si>
  <si>
    <t>POINT (4.696695277828663 51.82918028958701)</t>
  </si>
  <si>
    <t>POINT (4.691247844689273 51.82544806109925)</t>
  </si>
  <si>
    <t>POINT (4.677035227695459 51.83207331859809)</t>
  </si>
  <si>
    <t>POINT (4.681092547776056 51.836138395973)</t>
  </si>
  <si>
    <t>POINT (4.684078046699619 51.83968485828782)</t>
  </si>
  <si>
    <t>POINT (4.690697256762489 51.823472120135136)</t>
  </si>
  <si>
    <t>POINT (4.708114623538748 51.83773604988561)</t>
  </si>
  <si>
    <t>POINT (4.679205688671033 51.83833449818061)</t>
  </si>
  <si>
    <t>POINT (4.687577278284288 51.84150188923618)</t>
  </si>
  <si>
    <t>POINT (4.703030216367346 51.831294835724044)</t>
  </si>
  <si>
    <t>POINT (4.704484733616778 51.83023365741659)</t>
  </si>
  <si>
    <t>POINT (4.693746388909717 51.83851208161901)</t>
  </si>
  <si>
    <t>POINT (4.6920829590846305 51.8331475095192)</t>
  </si>
  <si>
    <t>POINT (4.69429958967433 51.83744508100688)</t>
  </si>
  <si>
    <t>POINT (4.686665375327537 51.826325094888674)</t>
  </si>
  <si>
    <t>POINT (4.695838065925242 51.83193740641598)</t>
  </si>
  <si>
    <t>POINT (4.706910070942943 51.837217875392426)</t>
  </si>
  <si>
    <t>POINT (4.687924176502982 51.82320966617836)</t>
  </si>
  <si>
    <t>POINT (4.692968530659355 51.84068222883648)</t>
  </si>
  <si>
    <t>POINT (4.693244992183904 51.84303717505147)</t>
  </si>
  <si>
    <t>POINT (4.706345803479996 51.828373600687975)</t>
  </si>
  <si>
    <t>POINT (4.6844562749953536 51.828427340916754)</t>
  </si>
  <si>
    <t>POINT (4.684006602002873 51.83736138938389)</t>
  </si>
  <si>
    <t>POINT (4.694936293314487 51.840049660316836)</t>
  </si>
  <si>
    <t>POINT (4.677947084747582 51.83140562675625)</t>
  </si>
  <si>
    <t>POINT (4.7145762660585815 51.832250823596354)</t>
  </si>
  <si>
    <t>POINT (4.6959450905542175 51.83857159132289)</t>
  </si>
  <si>
    <t>POINT (4.686009434971476 51.833868285824)</t>
  </si>
  <si>
    <t>POINT (4.692182852243941 51.83326116902344)</t>
  </si>
  <si>
    <t>POINT (4.676986686288792 51.82754711327148)</t>
  </si>
  <si>
    <t>POINT (4.683716238781709 51.82953273626318)</t>
  </si>
  <si>
    <t>POINT (4.685139805321209 51.84003279842941)</t>
  </si>
  <si>
    <t>POINT (4.733194082722314 51.83178398895795)</t>
  </si>
  <si>
    <t>POINT (4.697789650524462 51.83792441636693)</t>
  </si>
  <si>
    <t>POINT (4.70845688543804 51.8277740247219)</t>
  </si>
  <si>
    <t>POINT (4.679567385683786 51.82241844794973)</t>
  </si>
  <si>
    <t>POINT (4.726881023797374 51.83196007770332)</t>
  </si>
  <si>
    <t>POINT (4.6869532647056085 51.83898446232192)</t>
  </si>
  <si>
    <t>POINT (4.727574205271477 51.83397679352357)</t>
  </si>
  <si>
    <t>POINT (4.676116964296061 51.83810405804445)</t>
  </si>
  <si>
    <t>POINT (4.695506416338302 51.84162142762954)</t>
  </si>
  <si>
    <t>POINT (4.6765309244043785 51.83290122222159)</t>
  </si>
  <si>
    <t>POINT (4.701025323629564 51.838375887320105)</t>
  </si>
  <si>
    <t>POINT (4.683804262270844 51.82774033436621)</t>
  </si>
  <si>
    <t>POINT (4.706809275295616 51.83699953299119)</t>
  </si>
  <si>
    <t>POINT (4.6793109294211215 51.83667328593545)</t>
  </si>
  <si>
    <t>POINT (4.710431195385871 51.83786616214872)</t>
  </si>
  <si>
    <t>POINT (4.691074854347514 51.84086280624415)</t>
  </si>
  <si>
    <t>POINT (4.697807757807357 51.836210068129894)</t>
  </si>
  <si>
    <t>POINT (4.720802380689976 51.83430984929831)</t>
  </si>
  <si>
    <t>POINT (4.732495209602782 51.83294991511443)</t>
  </si>
  <si>
    <t>POINT (4.67851376443315 51.822705651426425)</t>
  </si>
  <si>
    <t>POINT (4.678761661972162 51.8327150050772)</t>
  </si>
  <si>
    <t>POINT (4.685289515577916 51.82902873205039)</t>
  </si>
  <si>
    <t>POINT (4.695636113900038 51.83507857954073)</t>
  </si>
  <si>
    <t>POINT (4.701063352041566 51.83070061388151)</t>
  </si>
  <si>
    <t>POINT (4.6787240818252425 51.83272907022377)</t>
  </si>
  <si>
    <t>POINT (4.680398285224508 51.83192639129136)</t>
  </si>
  <si>
    <t>POINT (4.708888185484772 51.827420253625476)</t>
  </si>
  <si>
    <t>POINT (4.693351155805017 51.825163465635086)</t>
  </si>
  <si>
    <t>POINT (4.700297444252797 51.83094263876817)</t>
  </si>
  <si>
    <t>POINT (4.696905944497671 51.835259758455)</t>
  </si>
  <si>
    <t>POINT (4.679886485522024 51.83071732877251)</t>
  </si>
  <si>
    <t>POINT (4.678114546920265 51.836663530941955)</t>
  </si>
  <si>
    <t>POINT (4.693324499170164 51.83640212384013)</t>
  </si>
  <si>
    <t>POINT (4.698395536886512 51.82422190891942)</t>
  </si>
  <si>
    <t>POINT (4.734333745424361 51.83194499064304)</t>
  </si>
  <si>
    <t>POINT (4.684394615811567 51.82661931881624)</t>
  </si>
  <si>
    <t>POINT (4.706200376559955 51.82765424202413)</t>
  </si>
  <si>
    <t>POINT (4.699262195449401 51.837717417352515)</t>
  </si>
  <si>
    <t>POINT (4.685794537550998 51.835580038751274)</t>
  </si>
  <si>
    <t>POINT (4.69863500110879 51.8298137782824)</t>
  </si>
  <si>
    <t>POINT (4.683617332632366 51.82784320371251)</t>
  </si>
  <si>
    <t>POINT (4.691584648175548 51.82411608884775)</t>
  </si>
  <si>
    <t>POINT (4.72816159841126 51.8341101037564)</t>
  </si>
  <si>
    <t>POINT (4.683124269555229 51.82533753756999)</t>
  </si>
  <si>
    <t>POINT (4.678406285447731 51.831899333348645)</t>
  </si>
  <si>
    <t>POINT (4.6985994599602785 51.83297031426881)</t>
  </si>
  <si>
    <t>POINT (4.702251563799271 51.834992359683866)</t>
  </si>
  <si>
    <t>POINT (4.675796954268929 51.83004083961044)</t>
  </si>
  <si>
    <t>POINT (4.6752942091547665 51.83221734178282)</t>
  </si>
  <si>
    <t>POINT (4.695990460332103 51.82567228942566)</t>
  </si>
  <si>
    <t>POINT (4.68693991249979 51.82940274622268)</t>
  </si>
  <si>
    <t>POINT (4.673228432997778 51.829934549477926)</t>
  </si>
  <si>
    <t>POINT (4.687048801891627 51.835149815353574)</t>
  </si>
  <si>
    <t>POINT (4.69280603198972 51.84234508034304)</t>
  </si>
  <si>
    <t>POINT (4.688466658562001 51.82865324776525)</t>
  </si>
  <si>
    <t>POINT (4.688248453216493 51.82567453205707)</t>
  </si>
  <si>
    <t>POINT (4.707579482596675 51.835004314118976)</t>
  </si>
  <si>
    <t>POINT (4.70697917846309 51.83495767394082)</t>
  </si>
  <si>
    <t>POINT (4.706837236641952 51.83386614508693)</t>
  </si>
  <si>
    <t>POINT (4.680109111975348 51.83299224920662)</t>
  </si>
  <si>
    <t>POINT (4.694217469757406 51.8373862151524)</t>
  </si>
  <si>
    <t>POINT (4.688332935095516 51.82910023889055)</t>
  </si>
  <si>
    <t>POINT (4.688696381150707 51.8387559824648)</t>
  </si>
  <si>
    <t>POINT (4.677262511945917 51.83103740330213)</t>
  </si>
  <si>
    <t>POINT (4.680424650543144 51.83771897524592)</t>
  </si>
  <si>
    <t>POINT (4.73570597458861 51.83261716853111)</t>
  </si>
  <si>
    <t>POINT (4.706410933244478 51.82832312078299)</t>
  </si>
  <si>
    <t>POINT (4.7275787560125995 51.83209903623295)</t>
  </si>
  <si>
    <t>POINT (4.70281593663642 51.833509894427316)</t>
  </si>
  <si>
    <t>POINT (4.678151203511027 51.822386962079726)</t>
  </si>
  <si>
    <t>POINT (4.686468656671143 51.82755094279038)</t>
  </si>
  <si>
    <t>POINT (4.68311605787714 51.836401548279525)</t>
  </si>
  <si>
    <t>3355BJ</t>
  </si>
  <si>
    <t>Lupinehof</t>
  </si>
  <si>
    <t>POINT (4.705331590827091 51.83517433236572)</t>
  </si>
  <si>
    <t>POINT (4.694258919777241 51.83278932334393)</t>
  </si>
  <si>
    <t>POINT (4.694731918649794 51.83796566447469)</t>
  </si>
  <si>
    <t>POINT (4.710981252796958 51.83031402925848)</t>
  </si>
  <si>
    <t>POINT (4.688049564606322 51.83261707395077)</t>
  </si>
  <si>
    <t>POINT (4.692416159231527 51.83298199683372)</t>
  </si>
  <si>
    <t>POINT (4.69479804466669 51.83675977161117)</t>
  </si>
  <si>
    <t>POINT (4.722910973663584 51.834158342134096)</t>
  </si>
  <si>
    <t>POINT (4.709695351553089 51.83779958190878)</t>
  </si>
  <si>
    <t>POINT (4.68182002098092 51.82721079771963)</t>
  </si>
  <si>
    <t>POINT (4.675306012651935 51.830270013153815)</t>
  </si>
  <si>
    <t>POINT (4.679189825860567 51.83753604945391)</t>
  </si>
  <si>
    <t>POINT (4.692674249319304 51.8372458526277)</t>
  </si>
  <si>
    <t>POINT (4.718682872652765 51.82902355783018)</t>
  </si>
  <si>
    <t>POINT (4.684878035935507 51.8291989966139)</t>
  </si>
  <si>
    <t>POINT (4.706578296726071 51.83895399152476)</t>
  </si>
  <si>
    <t>POINT (4.677980899174991 51.833079768924854)</t>
  </si>
  <si>
    <t>POINT (4.684045616659719 51.826962698364035)</t>
  </si>
  <si>
    <t>POINT (4.681322570651196 51.82691385143808)</t>
  </si>
  <si>
    <t>POINT (4.679170699035601 51.83219036069269)</t>
  </si>
  <si>
    <t>POINT (4.693402446071207 51.82511274928357)</t>
  </si>
  <si>
    <t>POINT (4.6821540684388285 51.83797917742292)</t>
  </si>
  <si>
    <t>POINT (4.680485846598444 51.83548739223995)</t>
  </si>
  <si>
    <t>POINT (4.678218439328495 51.83504972614205)</t>
  </si>
  <si>
    <t>POINT (4.702542065276566 51.83801042036339)</t>
  </si>
  <si>
    <t>POINT (4.690839763083553 51.82684778826621)</t>
  </si>
  <si>
    <t>POINT (4.6893723975380155 51.82420461868532)</t>
  </si>
  <si>
    <t>POINT (4.726646309408447 51.833424044088666)</t>
  </si>
  <si>
    <t>POINT (4.707320703497322 51.82661348020064)</t>
  </si>
  <si>
    <t>POINT (4.6854870306882255 51.835687017509485)</t>
  </si>
  <si>
    <t>POINT (4.692718320328062 51.82489996021748)</t>
  </si>
  <si>
    <t>POINT (4.703144748534224 51.835623544402544)</t>
  </si>
  <si>
    <t>POINT (4.733967208156894 51.83211556870195)</t>
  </si>
  <si>
    <t>POINT (4.696200324864091 51.83237593750895)</t>
  </si>
  <si>
    <t>POINT (4.6784804977228145 51.8318723660499)</t>
  </si>
  <si>
    <t>POINT (4.693079673390037 51.83069332559348)</t>
  </si>
  <si>
    <t>POINT (4.702057317507229 51.82879597599303)</t>
  </si>
  <si>
    <t>POINT (4.689399007303362 51.82824404906872)</t>
  </si>
  <si>
    <t>POINT (4.704149745415547 51.82948297385057)</t>
  </si>
  <si>
    <t>POINT (4.685515162256695 51.83341579258348)</t>
  </si>
  <si>
    <t>POINT (4.676599325642152 51.8369135026528)</t>
  </si>
  <si>
    <t>POINT (4.703877695085415 51.83108038659913)</t>
  </si>
  <si>
    <t>POINT (4.706719870395438 51.82574366532966)</t>
  </si>
  <si>
    <t>POINT (4.715099750957387 51.834217448058745)</t>
  </si>
  <si>
    <t>POINT (4.68659839054386 51.836343524699025)</t>
  </si>
  <si>
    <t>POINT (4.693469629098094 51.83015970132482)</t>
  </si>
  <si>
    <t>POINT (4.700801206185996 51.83368592179188)</t>
  </si>
  <si>
    <t>POINT (4.687624515684544 51.82316457317)</t>
  </si>
  <si>
    <t>POINT (4.693043362631802 51.82491528503342)</t>
  </si>
  <si>
    <t>POINT (4.688698278385523 51.824137274867944)</t>
  </si>
  <si>
    <t>POINT (4.691707848629718 51.843088644875394)</t>
  </si>
  <si>
    <t>POINT (4.684567053213087 51.835765235014364)</t>
  </si>
  <si>
    <t>POINT (4.686133070563279 51.834850664472064)</t>
  </si>
  <si>
    <t>POINT (4.714241168707299 51.83585984587129)</t>
  </si>
  <si>
    <t>POINT (4.693143349700069 51.83020056750093)</t>
  </si>
  <si>
    <t>POINT (4.677295893814913 51.82316924332835)</t>
  </si>
  <si>
    <t>POINT (4.679996991941791 51.82382014852599)</t>
  </si>
  <si>
    <t>POINT (4.687349064676958 51.83475678889121)</t>
  </si>
  <si>
    <t>POINT (4.675927472486323 51.83279207661052)</t>
  </si>
  <si>
    <t>POINT (4.707005353285005 51.8358476001466)</t>
  </si>
  <si>
    <t>POINT (4.696137690538913 51.837714176567225)</t>
  </si>
  <si>
    <t>POINT (4.683941110787853 51.82945502857951)</t>
  </si>
  <si>
    <t>POINT (4.689778158028519 51.825686004155706)</t>
  </si>
  <si>
    <t>POINT (4.6854097691470225 51.82500790340353)</t>
  </si>
  <si>
    <t>POINT (4.690054072712765 51.828490248254106)</t>
  </si>
  <si>
    <t>POINT (4.6837680109190325 51.82785551338321)</t>
  </si>
  <si>
    <t>POINT (4.6983431094063945 51.82990888228347)</t>
  </si>
  <si>
    <t>POINT (4.727763456962372 51.828994149886185)</t>
  </si>
  <si>
    <t>POINT (4.687904782125818 51.82374915719509)</t>
  </si>
  <si>
    <t>POINT (4.723962709682924 51.833912167343044)</t>
  </si>
  <si>
    <t>POINT (4.693150470937394 51.83069708798187)</t>
  </si>
  <si>
    <t>POINT (4.693475285934916 51.83294820724719)</t>
  </si>
  <si>
    <t>POINT (4.691191438802708 51.84298986481372)</t>
  </si>
  <si>
    <t>POINT (4.68415174697742 51.82648840087121)</t>
  </si>
  <si>
    <t>POINT (4.676859658245703 51.832777757346754)</t>
  </si>
  <si>
    <t>POINT (4.691246482130173 51.839207354420466)</t>
  </si>
  <si>
    <t>POINT (4.681047773050903 51.830052365156725)</t>
  </si>
  <si>
    <t>POINT (4.7038808320774255 51.8333867875047)</t>
  </si>
  <si>
    <t>POINT (4.699305349763183 51.83656552628487)</t>
  </si>
  <si>
    <t>POINT (4.68216707235864 51.827128515321945)</t>
  </si>
  <si>
    <t>POINT (4.683558977340859 51.82552659592784)</t>
  </si>
  <si>
    <t>POINT (4.696074508989923 51.83230692817358)</t>
  </si>
  <si>
    <t>POINT (4.6970780014623426 51.83847041991943)</t>
  </si>
  <si>
    <t>POINT (4.683735662600183 51.82782008402428)</t>
  </si>
  <si>
    <t>POINT (4.70678600320482 51.83856642882579)</t>
  </si>
  <si>
    <t>POINT (4.692856559577977 51.83244362157626)</t>
  </si>
  <si>
    <t>POINT (4.722012140591671 51.835051762894516)</t>
  </si>
  <si>
    <t>POINT (4.695128549445725 51.83187972519999)</t>
  </si>
  <si>
    <t>POINT (4.67448996901926 51.832163698226054)</t>
  </si>
  <si>
    <t>POINT (4.706581329111899 51.827397309366205)</t>
  </si>
  <si>
    <t>POINT (4.694136153465547 51.84192417337208)</t>
  </si>
  <si>
    <t>POINT (4.7241914872496835 51.831035621338295)</t>
  </si>
  <si>
    <t>POINT (4.684710831646504 51.82856208535631)</t>
  </si>
  <si>
    <t>POINT (4.72984080604239 51.82950285362242)</t>
  </si>
  <si>
    <t>POINT (4.6826588635011746 51.83162017372285)</t>
  </si>
  <si>
    <t>POINT (4.706505836012662 51.827469391865144)</t>
  </si>
  <si>
    <t>POINT (4.68142606183132 51.830884696810436)</t>
  </si>
  <si>
    <t>POINT (4.6776515233797085 51.82977890845816)</t>
  </si>
  <si>
    <t>POINT (4.680326393437628 51.82855379526557)</t>
  </si>
  <si>
    <t>POINT (4.720711268357872 51.83304531756826)</t>
  </si>
  <si>
    <t>POINT (4.695860362004239 51.836604084193766)</t>
  </si>
  <si>
    <t>POINT (4.6847849180446755 51.83926775639778)</t>
  </si>
  <si>
    <t>POINT (4.684111216901557 51.83682962797145)</t>
  </si>
  <si>
    <t>POINT (4.689655380012105 51.82517887227757)</t>
  </si>
  <si>
    <t>POINT (4.703382499481188 51.83116555556817)</t>
  </si>
  <si>
    <t>POINT (4.681245497665719 51.822748387743246)</t>
  </si>
  <si>
    <t>POINT (4.68929191839869 51.82374668096251)</t>
  </si>
  <si>
    <t>POINT (4.693390183579559 51.83893100438606)</t>
  </si>
  <si>
    <t>POINT (4.706403164278162 51.82845135244162)</t>
  </si>
  <si>
    <t>POINT (4.702680434550152 51.83517395953012)</t>
  </si>
  <si>
    <t>POINT (4.720875401630041 51.828748999574344)</t>
  </si>
  <si>
    <t>POINT (4.688769180522215 51.83918737550946)</t>
  </si>
  <si>
    <t>POINT (4.715667030344899 51.832548847913124)</t>
  </si>
  <si>
    <t>POINT (4.687376385592969 51.825954257962934)</t>
  </si>
  <si>
    <t>POINT (4.698565998634671 51.83916004571681)</t>
  </si>
  <si>
    <t>POINT (4.67842395448764 51.83774695772116)</t>
  </si>
  <si>
    <t>POINT (4.6807869340418815 51.823968984629914)</t>
  </si>
  <si>
    <t>POINT (4.692665961345664 51.832524793996576)</t>
  </si>
  <si>
    <t>POINT (4.677053971417621 51.835584334453536)</t>
  </si>
  <si>
    <t>POINT (4.686586357300739 51.83532586732024)</t>
  </si>
  <si>
    <t>POINT (4.7239742059810945 51.8297807251978)</t>
  </si>
  <si>
    <t>POINT (4.696294370484121 51.83710379122824)</t>
  </si>
  <si>
    <t>POINT (4.701831155974636 51.84119263020153)</t>
  </si>
  <si>
    <t>POINT (4.706476154420319 51.828467299109825)</t>
  </si>
  <si>
    <t>POINT (4.706464936237974 51.828248621619984)</t>
  </si>
  <si>
    <t>POINT (4.6890693699014045 51.8231065252658)</t>
  </si>
  <si>
    <t>POINT (4.692323386204384 51.84030622912649)</t>
  </si>
  <si>
    <t>POINT (4.688426033104605 51.826992983208235)</t>
  </si>
  <si>
    <t>POINT (4.697107196529821 51.83716882280046)</t>
  </si>
  <si>
    <t>POINT (4.6790243559481315 51.82234305672834)</t>
  </si>
  <si>
    <t>POINT (4.704400614151533 51.839598477374686)</t>
  </si>
  <si>
    <t>POINT (4.6942433027889106 51.82992459808906)</t>
  </si>
  <si>
    <t>POINT (4.704790723004376 51.839460981536554)</t>
  </si>
  <si>
    <t>POINT (4.709719415117895 51.826967586950126)</t>
  </si>
  <si>
    <t>POINT (4.69917526593199 51.83017040617442)</t>
  </si>
  <si>
    <t>POINT (4.729679105063801 51.83239538068883)</t>
  </si>
  <si>
    <t>POINT (4.691702271767064 51.843405667581344)</t>
  </si>
  <si>
    <t>POINT (4.684650854063587 51.82927337544833)</t>
  </si>
  <si>
    <t>POINT (4.699838358273005 51.83175885167006)</t>
  </si>
  <si>
    <t>POINT (4.676579713855691 51.83068522228762)</t>
  </si>
  <si>
    <t>POINT (4.7253548473141045 51.83428543810285)</t>
  </si>
  <si>
    <t>POINT (4.689624499704867 51.824741022603526)</t>
  </si>
  <si>
    <t>POINT (4.6916966507684 51.83868776483545)</t>
  </si>
  <si>
    <t>POINT (4.676328163919477 51.83041123521118)</t>
  </si>
  <si>
    <t>POINT (4.701583246942037 51.829198954804156)</t>
  </si>
  <si>
    <t>POINT (4.6898012696790214 51.82821869178849)</t>
  </si>
  <si>
    <t>POINT (4.6757223357012165 51.82994477507092)</t>
  </si>
  <si>
    <t>POINT (4.68100581174521 51.82902979782878)</t>
  </si>
  <si>
    <t>POINT (4.694179515727141 51.829936724710606)</t>
  </si>
  <si>
    <t>POINT (4.689183922751063 51.83192418487665)</t>
  </si>
  <si>
    <t>POINT (4.686658230123087 51.82548478451186)</t>
  </si>
  <si>
    <t>POINT (4.67875753290321 51.83550874987466)</t>
  </si>
  <si>
    <t>POINT (4.684710572948462 51.825469458685724)</t>
  </si>
  <si>
    <t>POINT (4.700961206943071 51.83228177288684)</t>
  </si>
  <si>
    <t>POINT (4.685470750369602 51.82952175516829)</t>
  </si>
  <si>
    <t>POINT (4.6991664020197454 51.82967535920839)</t>
  </si>
  <si>
    <t>POINT (4.707563607888594 51.837442762652856)</t>
  </si>
  <si>
    <t>POINT (4.681297037036054 51.8320946466111)</t>
  </si>
  <si>
    <t>POINT (4.699624010951016 51.83419513277744)</t>
  </si>
  <si>
    <t>POINT (4.691765939572627 51.84009665741011)</t>
  </si>
  <si>
    <t>POINT (4.710148531620116 51.838233703755755)</t>
  </si>
  <si>
    <t>POINT (4.689374521975378 51.823181129993614)</t>
  </si>
  <si>
    <t>POINT (4.686780448246605 51.84478934916973)</t>
  </si>
  <si>
    <t>POINT (4.691334849354822 51.828989131102574)</t>
  </si>
  <si>
    <t>POINT (4.687126156256886 51.82566370887142)</t>
  </si>
  <si>
    <t>POINT (4.692862173012893 51.83813036672823)</t>
  </si>
  <si>
    <t>POINT (4.676018793227321 51.83219610719805)</t>
  </si>
  <si>
    <t>POINT (4.697124259562229 51.83326211456602)</t>
  </si>
  <si>
    <t>POINT (4.6890228786844546 51.827891578992656)</t>
  </si>
  <si>
    <t>POINT (4.694881885091561 51.82454434209454)</t>
  </si>
  <si>
    <t>POINT (4.706617801400928 51.82601772117457)</t>
  </si>
  <si>
    <t>POINT (4.6978288724670545 51.83571579065986)</t>
  </si>
  <si>
    <t>POINT (4.693136776412962 51.824557586082726)</t>
  </si>
  <si>
    <t>POINT (4.680852821954716 51.83050491217006)</t>
  </si>
  <si>
    <t>POINT (4.679642065904822 51.832490879807395)</t>
  </si>
  <si>
    <t>POINT (4.700240367710669 51.83598741489149)</t>
  </si>
  <si>
    <t>POINT (4.686435484171774 51.833484812786864)</t>
  </si>
  <si>
    <t>POINT (4.678713202304951 51.83020809333565)</t>
  </si>
  <si>
    <t>POINT (4.706602612825798 51.827486474137935)</t>
  </si>
  <si>
    <t>POINT (4.709998750458686 51.8380575888415)</t>
  </si>
  <si>
    <t>POINT (4.70696613803034 51.82577838666344)</t>
  </si>
  <si>
    <t>POINT (4.709942360376634 51.82705186550435)</t>
  </si>
  <si>
    <t>POINT (4.7150944216857384 51.835627128918695)</t>
  </si>
  <si>
    <t>POINT (4.69372732697066 51.82546392286609)</t>
  </si>
  <si>
    <t>POINT (4.676208626335839 51.830293218330404)</t>
  </si>
  <si>
    <t>POINT (4.677869345672158 51.82341070305266)</t>
  </si>
  <si>
    <t>POINT (4.681569972683386 51.82426260805993)</t>
  </si>
  <si>
    <t>POINT (4.676592221987266 51.83370988844677)</t>
  </si>
  <si>
    <t>POINT (4.690717951278233 51.82877679211576)</t>
  </si>
  <si>
    <t>POINT (4.72742869870982 51.832123819478454)</t>
  </si>
  <si>
    <t>POINT (4.729373207153972 51.82905075872431)</t>
  </si>
  <si>
    <t>POINT (4.715301297724059 51.83394758604377)</t>
  </si>
  <si>
    <t>POINT (4.695292751439057 51.8315840053147)</t>
  </si>
  <si>
    <t>POINT (4.69680323565746 51.83599160184124)</t>
  </si>
  <si>
    <t>POINT (4.686767331112463 51.84142110600522)</t>
  </si>
  <si>
    <t>POINT (4.679302036924185 51.83464801918654)</t>
  </si>
  <si>
    <t>POINT (4.70319046005801 51.83290114734327)</t>
  </si>
  <si>
    <t>POINT (4.680720589458787 51.83574106240235)</t>
  </si>
  <si>
    <t>POINT (4.6806304984277745 51.8369809885998)</t>
  </si>
  <si>
    <t>POINT (4.7210753789956925 51.83367386348778)</t>
  </si>
  <si>
    <t>POINT (4.688324208032357 51.829851916051375)</t>
  </si>
  <si>
    <t>POINT (4.72549387695652 51.82853008672034)</t>
  </si>
  <si>
    <t>POINT (4.708237481897992 51.83699546022994)</t>
  </si>
  <si>
    <t>POINT (4.706393237698667 51.82830756669914)</t>
  </si>
  <si>
    <t>POINT (4.674659784057064 51.82929037393271)</t>
  </si>
  <si>
    <t>POINT (4.6855438298667496 51.83899379970459)</t>
  </si>
  <si>
    <t>POINT (4.67896278712537 51.836983316733)</t>
  </si>
  <si>
    <t>POINT (4.706150711439796 51.83741790082714)</t>
  </si>
  <si>
    <t>POINT (4.6822200661199185 51.82718406886749)</t>
  </si>
  <si>
    <t>POINT (4.6912302974395805 51.82563466916631)</t>
  </si>
  <si>
    <t>POINT (4.6796367468270095 51.835915449234484)</t>
  </si>
  <si>
    <t>POINT (4.677222591214069 51.83539049851729)</t>
  </si>
  <si>
    <t>POINT (4.6797164199414585 51.83279955760261)</t>
  </si>
  <si>
    <t>POINT (4.713276457304635 51.831643198609456)</t>
  </si>
  <si>
    <t>POINT (4.67810043299165 51.82865646676813)</t>
  </si>
  <si>
    <t>POINT (4.709317604641921 51.82847277671314)</t>
  </si>
  <si>
    <t>POINT (4.688381481968534 51.829993261851385)</t>
  </si>
  <si>
    <t>POINT (4.693622751917455 51.82505398018904)</t>
  </si>
  <si>
    <t>POINT (4.684144574980491 51.82598199136279)</t>
  </si>
  <si>
    <t>POINT (4.688695862928891 51.82428096199901)</t>
  </si>
  <si>
    <t>POINT (4.704653249389901 51.837658584521115)</t>
  </si>
  <si>
    <t>POINT (4.68321285352072 51.8276296981221)</t>
  </si>
  <si>
    <t>POINT (4.68262415762481 51.82752666158766)</t>
  </si>
  <si>
    <t>POINT (4.698699567602757 51.83284120450917)</t>
  </si>
  <si>
    <t>POINT (4.703809045742644 51.8323506642148)</t>
  </si>
  <si>
    <t>POINT (4.711742521392513 51.82905384778461)</t>
  </si>
  <si>
    <t>POINT (4.710822055928835 51.82975864885475)</t>
  </si>
  <si>
    <t>POINT (4.687626112533972 51.82592413354826)</t>
  </si>
  <si>
    <t>POINT (4.706676846301697 51.82629215382954)</t>
  </si>
  <si>
    <t>POINT (4.68755715202295 51.832802128585385)</t>
  </si>
  <si>
    <t>POINT (4.674961629912525 51.83105033229784)</t>
  </si>
  <si>
    <t>POINT (4.6929937376730635 51.83060995116722)</t>
  </si>
  <si>
    <t>POINT (4.686813784379967 51.839372235853105)</t>
  </si>
  <si>
    <t>POINT (4.679218816388427 51.83605871632399)</t>
  </si>
  <si>
    <t>POINT (4.712654143379815 51.830073797543264)</t>
  </si>
  <si>
    <t>POINT (4.682740309597094 51.83475408535898)</t>
  </si>
  <si>
    <t>POINT (4.706752457472716 51.838550935775345)</t>
  </si>
  <si>
    <t>POINT (4.704142399052294 51.82773664702057)</t>
  </si>
  <si>
    <t>POINT (4.6840214535200415 51.826362732102616)</t>
  </si>
  <si>
    <t>POINT (4.690761509161903 51.8409310412251)</t>
  </si>
  <si>
    <t>POINT (4.685619208458369 51.83400434340168)</t>
  </si>
  <si>
    <t>POINT (4.684140557845251 51.82720563697549)</t>
  </si>
  <si>
    <t>POINT (4.711906523716268 51.82936465619036)</t>
  </si>
  <si>
    <t>POINT (4.690921781420744 51.838522994406716)</t>
  </si>
  <si>
    <t>POINT (4.698661978949569 51.83772397489809)</t>
  </si>
  <si>
    <t>POINT (4.682552794620313 51.828680177893666)</t>
  </si>
  <si>
    <t>POINT (4.731362194124748 51.832835287035735)</t>
  </si>
  <si>
    <t>POINT (4.690087448472076 51.843724256423044)</t>
  </si>
  <si>
    <t>POINT (4.68700571710628 51.8229780990921)</t>
  </si>
  <si>
    <t>POINT (4.68433491857999 51.83352560221273)</t>
  </si>
  <si>
    <t>POINT (4.680627750211943 51.83692400205719)</t>
  </si>
  <si>
    <t>POINT (4.69659982212814 51.839863541442156)</t>
  </si>
  <si>
    <t>POINT (4.695849093608211 51.82686128304379)</t>
  </si>
  <si>
    <t>POINT (4.715197597459913 51.831904140597466)</t>
  </si>
  <si>
    <t>POINT (4.686513149155092 51.83345585656738)</t>
  </si>
  <si>
    <t>POINT (4.686156767015585 51.828450596652395)</t>
  </si>
  <si>
    <t>POINT (4.684798899352477 51.83430487200303)</t>
  </si>
  <si>
    <t>POINT (4.694493820650577 51.83000552726345)</t>
  </si>
  <si>
    <t>POINT (4.694202439060832 51.825609378660836)</t>
  </si>
  <si>
    <t>POINT (4.724341961070418 51.83514926317553)</t>
  </si>
  <si>
    <t>POINT (4.677111790342851 51.822991709264564)</t>
  </si>
  <si>
    <t>POINT (4.691611716892582 51.842831566999756)</t>
  </si>
  <si>
    <t>POINT (4.706425891930174 51.839326755687196)</t>
  </si>
  <si>
    <t>POINT (4.684036606385113 51.828003179234926)</t>
  </si>
  <si>
    <t>POINT (4.681611917518164 51.83659396192493)</t>
  </si>
  <si>
    <t>POINT (4.692073685768989 51.83181128492608)</t>
  </si>
  <si>
    <t>POINT (4.7069458017845065 51.82911987255767)</t>
  </si>
  <si>
    <t>POINT (4.6823304374823635 51.836338605462416)</t>
  </si>
  <si>
    <t>POINT (4.706581555443643 51.8385942230424)</t>
  </si>
  <si>
    <t>POINT (4.689910715708975 51.82584906370838)</t>
  </si>
  <si>
    <t>POINT (4.676484411781177 51.83285422662192)</t>
  </si>
  <si>
    <t>POINT (4.686024621368871 51.841281294913365)</t>
  </si>
  <si>
    <t>POINT (4.677164094453289 51.835313804162446)</t>
  </si>
  <si>
    <t>POINT (4.710530474054538 51.83026770196665)</t>
  </si>
  <si>
    <t>POINT (4.701167770125977 51.835937414206825)</t>
  </si>
  <si>
    <t>POINT (4.689953340296074 51.82576618993101)</t>
  </si>
  <si>
    <t>POINT (4.699346314931377 51.83382908001593)</t>
  </si>
  <si>
    <t>POINT (4.695215854105522 51.837084441458124)</t>
  </si>
  <si>
    <t>POINT (4.685578407990735 51.82888170609936)</t>
  </si>
  <si>
    <t>3353SB</t>
  </si>
  <si>
    <t>Jachthavenweg</t>
  </si>
  <si>
    <t>POINT (4.68524289544142 51.82280607939445)</t>
  </si>
  <si>
    <t>POINT (4.683093039748096 51.82860107476981)</t>
  </si>
  <si>
    <t>POINT (4.708957196071409 51.8291107478978)</t>
  </si>
  <si>
    <t>POINT (4.693827261252549 51.840551808989154)</t>
  </si>
  <si>
    <t>POINT (4.680093589174812 51.843256642609475)</t>
  </si>
  <si>
    <t>POINT (4.715280319522119 51.833732476267805)</t>
  </si>
  <si>
    <t>POINT (4.699537739161598 51.82895997259536)</t>
  </si>
  <si>
    <t>POINT (4.68437003793099 51.825838228857684)</t>
  </si>
  <si>
    <t>POINT (4.703319635152866 51.82494532613343)</t>
  </si>
  <si>
    <t>POINT (4.708608686258976 51.83750197575622)</t>
  </si>
  <si>
    <t>POINT (4.692767937717005 51.82383658260961)</t>
  </si>
  <si>
    <t>POINT (4.697639318667818 51.83688498764692)</t>
  </si>
  <si>
    <t>POINT (4.679646700279643 51.836606529044325)</t>
  </si>
  <si>
    <t>POINT (4.694841535404929 51.83618818950599)</t>
  </si>
  <si>
    <t>POINT (4.7017789293806125 51.83108300889936)</t>
  </si>
  <si>
    <t>POINT (4.68354701655914 51.83513549362608)</t>
  </si>
  <si>
    <t>POINT (4.734936261320523 51.83164448028702)</t>
  </si>
  <si>
    <t>POINT (4.677600228071702 51.82973542589271)</t>
  </si>
  <si>
    <t>POINT (4.735225984997858 51.83290888041228)</t>
  </si>
  <si>
    <t>POINT (4.710821526857098 51.82722867150704)</t>
  </si>
  <si>
    <t>POINT (4.728058187198676 51.83297004660291)</t>
  </si>
  <si>
    <t>POINT (4.692568401581358 51.8272576478549)</t>
  </si>
  <si>
    <t>POINT (4.695104153683697 51.82679738826098)</t>
  </si>
  <si>
    <t>POINT (4.694036868080456 51.83996726697453)</t>
  </si>
  <si>
    <t>POINT (4.6970615320080285 51.83255689330927)</t>
  </si>
  <si>
    <t>POINT (4.692216368894178 51.8373264225701)</t>
  </si>
  <si>
    <t>POINT (4.676382145477275 51.830380964739476)</t>
  </si>
  <si>
    <t>POINT (4.706712624283812 51.82635519178039)</t>
  </si>
  <si>
    <t>POINT (4.7092742941849295 51.83796306313324)</t>
  </si>
  <si>
    <t>POINT (4.709240385037197 51.82825768235138)</t>
  </si>
  <si>
    <t>POINT (4.677578824944964 51.82888817007027)</t>
  </si>
  <si>
    <t>POINT (4.693628034429856 51.831277727117886)</t>
  </si>
  <si>
    <t>POINT (4.678474116392558 51.83664374298086)</t>
  </si>
  <si>
    <t>POINT (4.678680491053417 51.823610548348626)</t>
  </si>
  <si>
    <t>POINT (4.700472404243374 51.83174822572629)</t>
  </si>
  <si>
    <t>POINT (4.682758827851934 51.82575563623959)</t>
  </si>
  <si>
    <t>POINT (4.685054496236868 51.83397005515186)</t>
  </si>
  <si>
    <t>POINT (4.723046476179622 51.83456056705142)</t>
  </si>
  <si>
    <t>POINT (4.719153586851831 51.83663285185694)</t>
  </si>
  <si>
    <t>POINT (4.6888097811019325 51.829704309209546)</t>
  </si>
  <si>
    <t>POINT (4.716263020279574 51.83531368401603)</t>
  </si>
  <si>
    <t>POINT (4.684269455393083 51.827272169903544)</t>
  </si>
  <si>
    <t>POINT (4.680427263818444 51.82968483313489)</t>
  </si>
  <si>
    <t>POINT (4.685719066946566 51.836451881101425)</t>
  </si>
  <si>
    <t>POINT (4.719383148717971 51.83583267957389)</t>
  </si>
  <si>
    <t>POINT (4.708477366591956 51.83558854658879)</t>
  </si>
  <si>
    <t>POINT (4.678276671215033 51.83714342494106)</t>
  </si>
  <si>
    <t>POINT (4.695604100243686 51.835210397963436)</t>
  </si>
  <si>
    <t>POINT (4.680901608970601 51.83950884992651)</t>
  </si>
  <si>
    <t>POINT (4.707413549199953 51.83866102898334)</t>
  </si>
  <si>
    <t>POINT (4.682198992524375 51.837448731048575)</t>
  </si>
  <si>
    <t>POINT (4.691762602516951 51.83150119507284)</t>
  </si>
  <si>
    <t>POINT (4.692669602676123 51.831658850386205)</t>
  </si>
  <si>
    <t>POINT (4.691467909514359 51.838798740403334)</t>
  </si>
  <si>
    <t>POINT (4.6798656049737355 51.83274532026996)</t>
  </si>
  <si>
    <t>POINT (4.687323484306325 51.82793157939844)</t>
  </si>
  <si>
    <t>POINT (4.678533497253555 51.83457788197572)</t>
  </si>
  <si>
    <t>POINT (4.7017387637219255 51.831034900925715)</t>
  </si>
  <si>
    <t>POINT (4.690652467739356 51.84376090370294)</t>
  </si>
  <si>
    <t>POINT (4.696022821139054 51.83227823774874)</t>
  </si>
  <si>
    <t>POINT (4.704621425343213 51.8371866857009)</t>
  </si>
  <si>
    <t>POINT (4.712266604912788 51.828338096044135)</t>
  </si>
  <si>
    <t>POINT (4.691379259883837 51.832060164914154)</t>
  </si>
  <si>
    <t>POINT (4.702027257710281 51.82920347092137)</t>
  </si>
  <si>
    <t>POINT (4.714630756654008 51.83192242204883)</t>
  </si>
  <si>
    <t>POINT (4.693852752503777 51.830829488015716)</t>
  </si>
  <si>
    <t>POINT (4.681125491571497 51.836309207506666)</t>
  </si>
  <si>
    <t>POINT (4.706660274228845 51.83513125658917)</t>
  </si>
  <si>
    <t>POINT (4.7101738494021586 51.828257335268205)</t>
  </si>
  <si>
    <t>POINT (4.694592596610394 51.84038920995884)</t>
  </si>
  <si>
    <t>POINT (4.677651563164253 51.83636110611729)</t>
  </si>
  <si>
    <t>POINT (4.72680801955171 51.832886635205604)</t>
  </si>
  <si>
    <t>POINT (4.690888944854542 51.823383874379054)</t>
  </si>
  <si>
    <t>POINT (4.729102271996062 51.83391044065958)</t>
  </si>
  <si>
    <t>POINT (4.690653979426264 51.82828189344441)</t>
  </si>
  <si>
    <t>POINT (4.693555809285043 51.83012635041228)</t>
  </si>
  <si>
    <t>POINT (4.6910702412397685 51.82918058421867)</t>
  </si>
  <si>
    <t>POINT (4.695528761773481 51.83231116540162)</t>
  </si>
  <si>
    <t>POINT (4.712086554505373 51.82940655402025)</t>
  </si>
  <si>
    <t>POINT (4.676296259119592 51.83613571408479)</t>
  </si>
  <si>
    <t>POINT (4.695206184361071 51.837692276367896)</t>
  </si>
  <si>
    <t>POINT (4.707569479374436 51.83472002703829)</t>
  </si>
  <si>
    <t>POINT (4.694080636694778 51.841108154959564)</t>
  </si>
  <si>
    <t>POINT (4.683860260354337 51.82705702032302)</t>
  </si>
  <si>
    <t>POINT (4.6941257012462305 51.831749118195155)</t>
  </si>
  <si>
    <t>POINT (4.708299644308226 51.83707615100009)</t>
  </si>
  <si>
    <t>POINT (4.684236589574028 51.827050438864504)</t>
  </si>
  <si>
    <t>POINT (4.697914906490002 51.83502480070598)</t>
  </si>
  <si>
    <t>POINT (4.7018960398359075 51.83136037163813)</t>
  </si>
  <si>
    <t>POINT (4.727741707170693 51.83343559581137)</t>
  </si>
  <si>
    <t>POINT (4.684246589092313 51.8265284110916)</t>
  </si>
  <si>
    <t>POINT (4.69346588148405 51.84182116012071)</t>
  </si>
  <si>
    <t>POINT (4.706791042546437 51.829264753162235)</t>
  </si>
  <si>
    <t>POINT (4.680857804864028 51.837481855170246)</t>
  </si>
  <si>
    <t>POINT (4.682278391669479 51.82713711189517)</t>
  </si>
  <si>
    <t>POINT (4.702855164062947 51.82852166800614)</t>
  </si>
  <si>
    <t>POINT (4.714292811993681 51.834873470661265)</t>
  </si>
  <si>
    <t>POINT (4.692201091411858 51.84135859473269)</t>
  </si>
  <si>
    <t>POINT (4.706826591795685 51.82579361359082)</t>
  </si>
  <si>
    <t>POINT (4.685372869088521 51.82954786625689)</t>
  </si>
  <si>
    <t>POINT (4.689063338420795 51.8279393156296)</t>
  </si>
  <si>
    <t>POINT (4.697417954143404 51.83353986352826)</t>
  </si>
  <si>
    <t>POINT (4.69875903809839 51.83579812884089)</t>
  </si>
  <si>
    <t>POINT (4.68444542850028 51.8268158092839)</t>
  </si>
  <si>
    <t>POINT (4.704230341883964 51.83932032292646)</t>
  </si>
  <si>
    <t>POINT (4.707218076483902 51.83564653459906)</t>
  </si>
  <si>
    <t>POINT (4.687929336522762 51.82501993874145)</t>
  </si>
  <si>
    <t>POINT (4.708625345427894 51.82749120975283)</t>
  </si>
  <si>
    <t>POINT (4.702280926489399 51.83430825394405)</t>
  </si>
  <si>
    <t>POINT (4.687148141144328 51.83413225583994)</t>
  </si>
  <si>
    <t>POINT (4.69948823593486 51.828997371921055)</t>
  </si>
  <si>
    <t>POINT (4.692235980260858 51.84279463523599)</t>
  </si>
  <si>
    <t>POINT (4.688277362773242 51.82736483017955)</t>
  </si>
  <si>
    <t>POINT (4.6733029337887375 51.82996079104548)</t>
  </si>
  <si>
    <t>POINT (4.687595635358234 51.83466864188084)</t>
  </si>
  <si>
    <t>POINT (4.701889457613296 51.831885700576386)</t>
  </si>
  <si>
    <t>POINT (4.711627496160404 51.831146851737955)</t>
  </si>
  <si>
    <t>POINT (4.68842096532442 51.827630427690345)</t>
  </si>
  <si>
    <t>POINT (4.6950937866573295 51.826947248648196)</t>
  </si>
  <si>
    <t>POINT (4.687958211918496 51.822932524177524)</t>
  </si>
  <si>
    <t>POINT (4.702818536514274 51.83471709093164)</t>
  </si>
  <si>
    <t>POINT (4.7065836349030485 51.8262360636451)</t>
  </si>
  <si>
    <t>POINT (4.706089835603457 51.83869966618625)</t>
  </si>
  <si>
    <t>POINT (4.6795056028606625 51.8286821152961)</t>
  </si>
  <si>
    <t>POINT (4.718427746654775 51.83406395383836)</t>
  </si>
  <si>
    <t>POINT (4.697821458683452 51.83339057763382)</t>
  </si>
  <si>
    <t>POINT (4.710794458868843 51.828429971178785)</t>
  </si>
  <si>
    <t>POINT (4.700434972888177 51.8385513988541)</t>
  </si>
  <si>
    <t>POINT (4.725523477522334 51.83426012397703)</t>
  </si>
  <si>
    <t>POINT (4.69162371616673 51.833199610935644)</t>
  </si>
  <si>
    <t>POINT (4.689524453286586 51.827895154528576)</t>
  </si>
  <si>
    <t>POINT (4.692822273301037 51.831747150078805)</t>
  </si>
  <si>
    <t>POINT (4.680591125121833 51.83693619492899)</t>
  </si>
  <si>
    <t>POINT (4.700834902275027 51.83372546203222)</t>
  </si>
  <si>
    <t>POINT (4.683561308959451 51.82901469983279)</t>
  </si>
  <si>
    <t>POINT (4.677207691891631 51.835327784518874)</t>
  </si>
  <si>
    <t>POINT (4.700475451745484 51.83361020201651)</t>
  </si>
  <si>
    <t>POINT (4.7024263692313575 51.83358230013451)</t>
  </si>
  <si>
    <t>POINT (4.679266696308034 51.82886432179566)</t>
  </si>
  <si>
    <t>POINT (4.710190389980513 51.83027534990224)</t>
  </si>
  <si>
    <t>POINT (4.677501315700099 51.82923530160916)</t>
  </si>
  <si>
    <t>POINT (4.675368125892346 51.832434236717575)</t>
  </si>
  <si>
    <t>POINT (4.6762631441156435 51.828778825842946)</t>
  </si>
  <si>
    <t>POINT (4.68259848377077 51.825578010870785)</t>
  </si>
  <si>
    <t>POINT (4.69327323827843 51.83013915202362)</t>
  </si>
  <si>
    <t>POINT (4.685408600637661 51.83730641787834)</t>
  </si>
  <si>
    <t>POINT (4.689699703287622 51.82570888148192)</t>
  </si>
  <si>
    <t>POINT (4.695157042042041 51.831413149365154)</t>
  </si>
  <si>
    <t>POINT (4.686181874707712 51.83489756200619)</t>
  </si>
  <si>
    <t>POINT (4.691152285803958 51.83184755037734)</t>
  </si>
  <si>
    <t>POINT (4.677963952967466 51.832061270784344)</t>
  </si>
  <si>
    <t>POINT (4.724560612342835 51.829810966793254)</t>
  </si>
  <si>
    <t>POINT (4.706415148156038 51.82749193973991)</t>
  </si>
  <si>
    <t>POINT (4.697587431611274 51.829772429182114)</t>
  </si>
  <si>
    <t>POINT (4.702406292265406 51.836236928358275)</t>
  </si>
  <si>
    <t>POINT (4.719490633319952 51.834943715143964)</t>
  </si>
  <si>
    <t>POINT (4.682938415664867 51.837221298232485)</t>
  </si>
  <si>
    <t>POINT (4.676671367850631 51.822839922055635)</t>
  </si>
  <si>
    <t>POINT (4.6848493305423515 51.82917358474502)</t>
  </si>
  <si>
    <t>POINT (4.67783366999534 51.833829745911004)</t>
  </si>
  <si>
    <t>POINT (4.695539229969022 51.82460452235967)</t>
  </si>
  <si>
    <t>POINT (4.686389855070124 51.835139591409764)</t>
  </si>
  <si>
    <t>POINT (4.69114755288066 51.82648575359787)</t>
  </si>
  <si>
    <t>POINT (4.700780619804545 51.83502676967022)</t>
  </si>
  <si>
    <t>POINT (4.6906526457453985 51.82652953173071)</t>
  </si>
  <si>
    <t>POINT (4.684160554486815 51.83766152517445)</t>
  </si>
  <si>
    <t>POINT (4.691925562058474 51.84022516043461)</t>
  </si>
  <si>
    <t>POINT (4.700026192505532 51.84163921383598)</t>
  </si>
  <si>
    <t>POINT (4.690511632065962 51.826831531218694)</t>
  </si>
  <si>
    <t>POINT (4.721643605925428 51.83513558724145)</t>
  </si>
  <si>
    <t>POINT (4.726779187325983 51.8329294834917)</t>
  </si>
  <si>
    <t>POINT (4.713235227104071 51.83180897271297)</t>
  </si>
  <si>
    <t>POINT (4.681617864894073 51.829497014043376)</t>
  </si>
  <si>
    <t>POINT (4.6924996325327495 51.83901624456808)</t>
  </si>
  <si>
    <t>POINT (4.694438659892979 51.83000197481714)</t>
  </si>
  <si>
    <t>POINT (4.6872509436768 51.82712876647091)</t>
  </si>
  <si>
    <t>POINT (4.7037469388483535 51.83581399715813)</t>
  </si>
  <si>
    <t>POINT (4.696411511133153 51.83220339423002)</t>
  </si>
  <si>
    <t>POINT (4.690399244838059 51.840959039583865)</t>
  </si>
  <si>
    <t>POINT (4.694009779919454 51.82974803076466)</t>
  </si>
  <si>
    <t>POINT (4.692126993472649 51.82713833531703)</t>
  </si>
  <si>
    <t>POINT (4.706668589302979 51.828198297650076)</t>
  </si>
  <si>
    <t>POINT (4.682786183286784 51.82540315766382)</t>
  </si>
  <si>
    <t>POINT (4.703149822320868 51.83125544348255)</t>
  </si>
  <si>
    <t>POINT (4.6924899677898635 51.824499198502174)</t>
  </si>
  <si>
    <t>POINT (4.676588273505359 51.83176616824076)</t>
  </si>
  <si>
    <t>POINT (4.677810976622061 51.83436434331214)</t>
  </si>
  <si>
    <t>POINT (4.693811215395722 51.83000555997405)</t>
  </si>
  <si>
    <t>POINT (4.735623069923924 51.83278804911094)</t>
  </si>
  <si>
    <t>POINT (4.734397533786472 51.83190416859616)</t>
  </si>
  <si>
    <t>POINT (4.685279635229934 51.825318177460005)</t>
  </si>
  <si>
    <t>POINT (4.708105547627825 51.82812538052075)</t>
  </si>
  <si>
    <t>POINT (4.678858885915587 51.83211120416699)</t>
  </si>
  <si>
    <t>POINT (4.692834725022104 51.83901593484352)</t>
  </si>
  <si>
    <t>POINT (4.700420890974923 51.835267960873836)</t>
  </si>
  <si>
    <t>POINT (4.7038781656501385 51.82888047637419)</t>
  </si>
  <si>
    <t>POINT (4.680779626818782 51.83144540323565)</t>
  </si>
  <si>
    <t>POINT (4.693782381279078 51.836525276920774)</t>
  </si>
  <si>
    <t>POINT (4.701329728732793 51.836306885144175)</t>
  </si>
  <si>
    <t>POINT (4.6879205239883 51.83797304701924)</t>
  </si>
  <si>
    <t>POINT (4.684580026475864 51.83742120842703)</t>
  </si>
  <si>
    <t>POINT (4.7210292322415315 51.83426525895634)</t>
  </si>
  <si>
    <t>POINT (4.686580013401348 51.823643748011534)</t>
  </si>
  <si>
    <t>POINT (4.6956260013457785 51.827425489033374)</t>
  </si>
  <si>
    <t>POINT (4.706906874566595 51.826338097807195)</t>
  </si>
  <si>
    <t>POINT (4.691250212741297 51.832062815595734)</t>
  </si>
  <si>
    <t>POINT (4.701632294432644 51.83495954980164)</t>
  </si>
  <si>
    <t>POINT (4.700344826894476 51.83071038014722)</t>
  </si>
  <si>
    <t>POINT (4.735963329959363 51.83277420716075)</t>
  </si>
  <si>
    <t>POINT (4.701198691655857 51.83454025917522)</t>
  </si>
  <si>
    <t>POINT (4.703426740216504 51.82455657145243)</t>
  </si>
  <si>
    <t>POINT (4.694112670463803 51.83837999044301)</t>
  </si>
  <si>
    <t>POINT (4.68843424887164 51.84463393844791)</t>
  </si>
  <si>
    <t>POINT (4.690148194014004 51.84330795834895)</t>
  </si>
  <si>
    <t>POINT (4.683262989281202 51.82289224279195)</t>
  </si>
  <si>
    <t>POINT (4.683060138895 51.829906379455316)</t>
  </si>
  <si>
    <t>POINT (4.698916367510435 51.838876963231165)</t>
  </si>
  <si>
    <t>POINT (4.678302063615765 51.83164454099605)</t>
  </si>
  <si>
    <t>POINT (4.702473980927828 51.834966062112535)</t>
  </si>
  <si>
    <t>POINT (4.692707015272788 51.84283015902452)</t>
  </si>
  <si>
    <t>POINT (4.678463914802918 51.82964663154293)</t>
  </si>
  <si>
    <t>POINT (4.674428064303222 51.8321874389093)</t>
  </si>
  <si>
    <t>POINT (4.702825388736029 51.83595955643991)</t>
  </si>
  <si>
    <t>POINT (4.684491034359609 51.82586143391215)</t>
  </si>
  <si>
    <t>POINT (4.68624155636423 51.83939601130571)</t>
  </si>
  <si>
    <t>POINT (4.693231290152273 51.83168735845696)</t>
  </si>
  <si>
    <t>POINT (4.694976545239925 51.836785066595446)</t>
  </si>
  <si>
    <t>POINT (4.708581700086951 51.82749954157177)</t>
  </si>
  <si>
    <t>POINT (4.696266185678472 51.82447003724078)</t>
  </si>
  <si>
    <t>POINT (4.734749182488152 51.833251591402)</t>
  </si>
  <si>
    <t>POINT (4.736076573805712 51.83294443224248)</t>
  </si>
  <si>
    <t>POINT (4.727130400775254 51.83403312041793)</t>
  </si>
  <si>
    <t>POINT (4.713559740504806 51.83269414694099)</t>
  </si>
  <si>
    <t>POINT (4.693241889626282 51.830854974546995)</t>
  </si>
  <si>
    <t>POINT (4.685468790536443 51.83634576660248)</t>
  </si>
  <si>
    <t>POINT (4.716249534791879 51.835390118017635)</t>
  </si>
  <si>
    <t>POINT (4.677842598512241 51.83293822500833)</t>
  </si>
  <si>
    <t>POINT (4.67665229281252 51.83202775692351)</t>
  </si>
  <si>
    <t>POINT (4.695966743538935 51.83560841102994)</t>
  </si>
  <si>
    <t>POINT (4.691853003160883 51.823690978974405)</t>
  </si>
  <si>
    <t>POINT (4.680023047874071 51.82230928551211)</t>
  </si>
  <si>
    <t>POINT (4.693043653961429 51.83860477211153)</t>
  </si>
  <si>
    <t>POINT (4.700824394023771 51.838149718561596)</t>
  </si>
  <si>
    <t>POINT (4.683397505958189 51.82716547209825)</t>
  </si>
  <si>
    <t>POINT (4.70011326102898 51.824312191321155)</t>
  </si>
  <si>
    <t>POINT (4.706467865762464 51.82833703278213)</t>
  </si>
  <si>
    <t>POINT (4.692385275673658 51.83164752299702)</t>
  </si>
  <si>
    <t>POINT (4.724245383772787 51.83296442311334)</t>
  </si>
  <si>
    <t>POINT (4.683396612825593 51.82450657013758)</t>
  </si>
  <si>
    <t>POINT (4.694452013791552 51.82455251124425)</t>
  </si>
  <si>
    <t>POINT (4.676680673711426 51.83405355645154)</t>
  </si>
  <si>
    <t>POINT (4.703708668978019 51.82928289028205)</t>
  </si>
  <si>
    <t>POINT (4.707264267272506 51.83865050173945)</t>
  </si>
  <si>
    <t>POINT (4.691814076003694 51.84219266775328)</t>
  </si>
  <si>
    <t>POINT (4.684180989278517 51.8260049956948)</t>
  </si>
  <si>
    <t>POINT (4.702871978054031 51.83536539238468)</t>
  </si>
  <si>
    <t>POINT (4.702593274052533 51.828413481781176)</t>
  </si>
  <si>
    <t>POINT (4.69907948627954 51.83728707682556)</t>
  </si>
  <si>
    <t>POINT (4.679299221929896 51.83227379540667)</t>
  </si>
  <si>
    <t>POINT (4.730281964194399 51.83351886181568)</t>
  </si>
  <si>
    <t>POINT (4.67947710491584 51.82224856629559)</t>
  </si>
  <si>
    <t>POINT (4.680718578166859 51.83761352793072)</t>
  </si>
  <si>
    <t>POINT (4.7355080497922355 51.8330658055826)</t>
  </si>
  <si>
    <t>POINT (4.680486254233039 51.83764348198667)</t>
  </si>
  <si>
    <t>POINT (4.687506811347017 51.82626347192386)</t>
  </si>
  <si>
    <t>POINT (4.68280405492077 51.82966035185013)</t>
  </si>
  <si>
    <t>POINT (4.685578382228231 51.827812758245585)</t>
  </si>
  <si>
    <t>POINT (4.688018354389759 51.826958564938856)</t>
  </si>
  <si>
    <t>POINT (4.700703589641851 51.83818738464801)</t>
  </si>
  <si>
    <t>POINT (4.724566223545236 51.83341911664844)</t>
  </si>
  <si>
    <t>POINT (4.692323101677116 51.84259089339671)</t>
  </si>
  <si>
    <t>POINT (4.6755818487219205 51.83158897248872)</t>
  </si>
  <si>
    <t>POINT (4.723626242268866 51.834352316701626)</t>
  </si>
  <si>
    <t>POINT (4.736161849512885 51.83280415270746)</t>
  </si>
  <si>
    <t>POINT (4.700509023432806 51.836889880542536)</t>
  </si>
  <si>
    <t>POINT (4.686775243352068 51.83495498172599)</t>
  </si>
  <si>
    <t>POINT (4.677112717445731 51.82747180479218)</t>
  </si>
  <si>
    <t>POINT (4.6816158403014585 51.82249188523008)</t>
  </si>
  <si>
    <t>POINT (4.6793506825155005 51.82304175399664)</t>
  </si>
  <si>
    <t>POINT (4.686632861793473 51.8340267833321)</t>
  </si>
  <si>
    <t>POINT (4.692330691698635 51.84222303391244)</t>
  </si>
  <si>
    <t>POINT (4.706499428617964 51.83930865653891)</t>
  </si>
  <si>
    <t>POINT (4.706315914562668 51.82767203561379)</t>
  </si>
  <si>
    <t>POINT (4.693999409999635 51.83885206960845)</t>
  </si>
  <si>
    <t>POINT (4.698280141026046 51.83492910341836)</t>
  </si>
  <si>
    <t>POINT (4.693403938615184 51.830153137889816)</t>
  </si>
  <si>
    <t>POINT (4.716189260646458 51.83487690121642)</t>
  </si>
  <si>
    <t>POINT (4.701765706249478 51.83491750702572)</t>
  </si>
  <si>
    <t>POINT (4.704862609689023 51.83633284746435)</t>
  </si>
  <si>
    <t>POINT (4.688160758688475 51.83868519990269)</t>
  </si>
  <si>
    <t>POINT (4.69124446147184 51.82549430558957)</t>
  </si>
  <si>
    <t>POINT (4.714480567646459 51.83263291168576)</t>
  </si>
  <si>
    <t>POINT (4.6852599994290784 51.837147563168365)</t>
  </si>
  <si>
    <t>POINT (4.67840148091647 51.83227578484684)</t>
  </si>
  <si>
    <t>POINT (4.706251243471133 51.827630771187486)</t>
  </si>
  <si>
    <t>POINT (4.6784002312026844 51.828531303776856)</t>
  </si>
  <si>
    <t>POINT (4.712636165603654 51.83024553870168)</t>
  </si>
  <si>
    <t>POINT (4.703683350077874 51.832393482295416)</t>
  </si>
  <si>
    <t>POINT (4.680639969136183 51.84384514592978)</t>
  </si>
  <si>
    <t>POINT (4.706328514935718 51.82757353040501)</t>
  </si>
  <si>
    <t>POINT (4.7086681412721845 51.83697155055565)</t>
  </si>
  <si>
    <t>POINT (4.701231965207796 51.83870448747125)</t>
  </si>
  <si>
    <t>POINT (4.686779183029196 51.82915095916885)</t>
  </si>
  <si>
    <t>POINT (4.689295918699676 51.82752855143856)</t>
  </si>
  <si>
    <t>POINT (4.6890620937747585 51.82768348245277)</t>
  </si>
  <si>
    <t>POINT (4.6838238593828825 51.83529943358585)</t>
  </si>
  <si>
    <t>POINT (4.702606691114964 51.83379751485583)</t>
  </si>
  <si>
    <t>POINT (4.720731807943747 51.83610008757948)</t>
  </si>
  <si>
    <t>POINT (4.6917110514589435 51.82529662444798)</t>
  </si>
  <si>
    <t>POINT (4.682784156955042 51.82909012752731)</t>
  </si>
  <si>
    <t>POINT (4.705280434252 51.83959347881026)</t>
  </si>
  <si>
    <t>POINT (4.700659007206463 51.8336811532375)</t>
  </si>
  <si>
    <t>POINT (4.6997551930399855 51.83178677772955)</t>
  </si>
  <si>
    <t>POINT (4.70169852826409 51.83770314766541)</t>
  </si>
  <si>
    <t>POINT (4.681186747670927 51.8252673742536)</t>
  </si>
  <si>
    <t>POINT (4.692041477564291 51.839870409547125)</t>
  </si>
  <si>
    <t>POINT (4.685560507562461 51.83566081436485)</t>
  </si>
  <si>
    <t>POINT (4.676686640565213 51.822856562632175)</t>
  </si>
  <si>
    <t>POINT (4.689334869034401 51.83753313695889)</t>
  </si>
  <si>
    <t>POINT (4.689393271271887 51.844299521533934)</t>
  </si>
  <si>
    <t>POINT (4.706177661015161 51.827628196016185)</t>
  </si>
  <si>
    <t>POINT (4.709056161642788 51.837473613600054)</t>
  </si>
  <si>
    <t>POINT (4.720715227059883 51.83379778571388)</t>
  </si>
  <si>
    <t>POINT (4.679923396175368 51.83078553231649)</t>
  </si>
  <si>
    <t>POINT (4.682739930412083 51.831591644904016)</t>
  </si>
  <si>
    <t>POINT (4.679769005428498 51.82235469334604)</t>
  </si>
  <si>
    <t>POINT (4.697030878649125 51.83614185497086)</t>
  </si>
  <si>
    <t>POINT (4.709049648064195 51.82767834220153)</t>
  </si>
  <si>
    <t>POINT (4.68352018913839 51.82739300921655)</t>
  </si>
  <si>
    <t>POINT (4.6856512451366035 51.836282561361664)</t>
  </si>
  <si>
    <t>POINT (4.688917762226465 51.827195043937735)</t>
  </si>
  <si>
    <t>POINT (4.72428129290535 51.83002264454679)</t>
  </si>
  <si>
    <t>POINT (4.679866548360231 51.8358931400136)</t>
  </si>
  <si>
    <t>POINT (4.675671440711058 51.829910040041085)</t>
  </si>
  <si>
    <t>POINT (4.683425126338954 51.83036744763848)</t>
  </si>
  <si>
    <t>POINT (4.714149545251387 51.83391999092316)</t>
  </si>
  <si>
    <t>POINT (4.701263505132552 51.84049267913981)</t>
  </si>
  <si>
    <t>POINT (4.690709075599807 51.826603672333505)</t>
  </si>
  <si>
    <t>POINT (4.706451443146531 51.82850226538393)</t>
  </si>
  <si>
    <t>POINT (4.705176293705943 51.8379131618052)</t>
  </si>
  <si>
    <t>POINT (4.6857510287135735 51.839308444554646)</t>
  </si>
  <si>
    <t>POINT (4.698264146566054 51.83094028695872)</t>
  </si>
  <si>
    <t>POINT (4.683569127036943 51.82595428280622)</t>
  </si>
  <si>
    <t>POINT (4.709422992208763 51.82917725758113)</t>
  </si>
  <si>
    <t>POINT (4.694468287519386 51.837034172661646)</t>
  </si>
  <si>
    <t>POINT (4.709014544258083 51.82893038988754)</t>
  </si>
  <si>
    <t>POINT (4.689743583351958 51.823447086510214)</t>
  </si>
  <si>
    <t>POINT (4.6791244215737775 51.82231748548243)</t>
  </si>
  <si>
    <t>POINT (4.718259797532961 51.829454839437425)</t>
  </si>
  <si>
    <t>POINT (4.714514090229656 51.8324962880393)</t>
  </si>
  <si>
    <t>POINT (4.709206606387662 51.83016057698813)</t>
  </si>
  <si>
    <t>POINT (4.704339952130419 51.83047659585727)</t>
  </si>
  <si>
    <t>POINT (4.6996320748136196 51.830201999189555)</t>
  </si>
  <si>
    <t>POINT (4.694186238482911 51.826695011942654)</t>
  </si>
  <si>
    <t>POINT (4.701736110373265 51.828244185200795)</t>
  </si>
  <si>
    <t>POINT (4.690636634945043 51.83264940618199)</t>
  </si>
  <si>
    <t>POINT (4.690792648998741 51.8388284621087)</t>
  </si>
  <si>
    <t>POINT (4.682455226689221 51.82515841449791)</t>
  </si>
  <si>
    <t>POINT (4.690222409012835 51.84220863156274)</t>
  </si>
  <si>
    <t>POINT (4.698156619695793 51.8290025963469)</t>
  </si>
  <si>
    <t>POINT (4.692012887689209 51.831550470153054)</t>
  </si>
  <si>
    <t>POINT (4.706471441702507 51.83393254477194)</t>
  </si>
  <si>
    <t>POINT (4.678156695711705 51.82277547606339)</t>
  </si>
  <si>
    <t>POINT (4.701788914776185 51.83030349233806)</t>
  </si>
  <si>
    <t>POINT (4.693770307758983 51.84292446040823)</t>
  </si>
  <si>
    <t>POINT (4.690268200837154 51.829776895427266)</t>
  </si>
  <si>
    <t>POINT (4.680749886424755 51.831458302737275)</t>
  </si>
  <si>
    <t>POINT (4.6883951455157815 51.84459139625976)</t>
  </si>
  <si>
    <t>POINT (4.710222972662471 51.82912626133822)</t>
  </si>
  <si>
    <t>POINT (4.679884943634361 51.8309273931636)</t>
  </si>
  <si>
    <t>POINT (4.680553907958734 51.83182405765676)</t>
  </si>
  <si>
    <t>POINT (4.680949625576598 51.835988711309724)</t>
  </si>
  <si>
    <t>POINT (4.691719267000839 51.82959116734656)</t>
  </si>
  <si>
    <t>POINT (4.678137305937533 51.8223474269011)</t>
  </si>
  <si>
    <t>POINT (4.689894941495991 51.83027464486015)</t>
  </si>
  <si>
    <t>POINT (4.736046731061464 51.83266626728039)</t>
  </si>
  <si>
    <t>POINT (4.677166333175655 51.82911167733326)</t>
  </si>
  <si>
    <t>POINT (4.719972063041288 51.8350716457609)</t>
  </si>
  <si>
    <t>POINT (4.723679553428439 51.83426817904564)</t>
  </si>
  <si>
    <t>POINT (4.7013775630443115 51.83115790393322)</t>
  </si>
  <si>
    <t>POINT (4.702709396156575 51.83593312778309)</t>
  </si>
  <si>
    <t>POINT (4.697547260569577 51.83888843393369)</t>
  </si>
  <si>
    <t>POINT (4.676577699514134 51.83205579940273)</t>
  </si>
  <si>
    <t>POINT (4.693710753756631 51.838705198529)</t>
  </si>
  <si>
    <t>POINT (4.695644749323064 51.833015775539984)</t>
  </si>
  <si>
    <t>POINT (4.693605747866215 51.82719853356718)</t>
  </si>
  <si>
    <t>POINT (4.6854203049920535 51.82960209071791)</t>
  </si>
  <si>
    <t>POINT (4.6916398626451965 51.82421813157019)</t>
  </si>
  <si>
    <t>POINT (4.687884567122916 51.82865585765572)</t>
  </si>
  <si>
    <t>POINT (4.6847264890805835 51.830854876716685)</t>
  </si>
  <si>
    <t>POINT (4.684228368673377 51.826636318560745)</t>
  </si>
  <si>
    <t>POINT (4.684718859161157 51.83433339041628)</t>
  </si>
  <si>
    <t>POINT (4.698076859224399 51.83928770837484)</t>
  </si>
  <si>
    <t>POINT (4.67935774259548 51.83464765397496)</t>
  </si>
  <si>
    <t>POINT (4.691632413947972 51.842885846082424)</t>
  </si>
  <si>
    <t>POINT (4.7151707984328075 51.8319908981254)</t>
  </si>
  <si>
    <t>POINT (4.680762552681482 51.83751668828187)</t>
  </si>
  <si>
    <t>POINT (4.684326537815194 51.82654860196848)</t>
  </si>
  <si>
    <t>POINT (4.683201305832562 51.82959189548715)</t>
  </si>
  <si>
    <t>POINT (4.691648302115825 51.8383757707069)</t>
  </si>
  <si>
    <t>POINT (4.724875513923792 51.83490473735783)</t>
  </si>
  <si>
    <t>POINT (4.71911865100887 51.83212558328868)</t>
  </si>
  <si>
    <t>POINT (4.680627511674355 51.8232393687266)</t>
  </si>
  <si>
    <t>POINT (4.732954525007301 51.830192336195886)</t>
  </si>
  <si>
    <t>POINT (4.696580971098439 51.82904617183931)</t>
  </si>
  <si>
    <t>POINT (4.695410725634057 51.82465732835928)</t>
  </si>
  <si>
    <t>POINT (4.680503914410878 51.83766280600792)</t>
  </si>
  <si>
    <t>POINT (4.673936095249938 51.832163390254905)</t>
  </si>
  <si>
    <t>POINT (4.706989176884659 51.829227600929244)</t>
  </si>
  <si>
    <t>POINT (4.678531635552111 51.83156537988173)</t>
  </si>
  <si>
    <t>POINT (4.683409624678149 51.82545683844794)</t>
  </si>
  <si>
    <t>POINT (4.68677298750136 51.844839838720624)</t>
  </si>
  <si>
    <t>POINT (4.705376551202719 51.83690131658525)</t>
  </si>
  <si>
    <t>POINT (4.682474120288809 51.82870632096734)</t>
  </si>
  <si>
    <t>POINT (4.68950063152977 51.84359028288126)</t>
  </si>
  <si>
    <t>POINT (4.688114644409583 51.82740769879779)</t>
  </si>
  <si>
    <t>POINT (4.6999560753011815 51.83888641583697)</t>
  </si>
  <si>
    <t>POINT (4.684654265514906 51.82532304713248)</t>
  </si>
  <si>
    <t>POINT (4.704967211447325 51.838177183145234)</t>
  </si>
  <si>
    <t>POINT (4.687356637467364 51.840574277899655)</t>
  </si>
  <si>
    <t>POINT (4.69652399149874 51.83984164850076)</t>
  </si>
  <si>
    <t>POINT (4.6912525222852235 51.82540347819375)</t>
  </si>
  <si>
    <t>POINT (4.724592439377538 51.83288543114044)</t>
  </si>
  <si>
    <t>POINT (4.709927967802017 51.83796993702406)</t>
  </si>
  <si>
    <t>POINT (4.72196507940914 51.83322056133322)</t>
  </si>
  <si>
    <t>POINT (4.677337427370779 51.8295171205529)</t>
  </si>
  <si>
    <t>POINT (4.693541565266504 51.8301101765811)</t>
  </si>
  <si>
    <t>POINT (4.70416069555822 51.83059915556843)</t>
  </si>
  <si>
    <t>POINT (4.691788747997072 51.83209141800517)</t>
  </si>
  <si>
    <t>POINT (4.720594656102834 51.83546228615003)</t>
  </si>
  <si>
    <t>POINT (4.7069785173164 51.82906880899146)</t>
  </si>
  <si>
    <t>POINT (4.719909260656584 51.83556098828516)</t>
  </si>
  <si>
    <t>POINT (4.6988113458930885 51.83029002360927)</t>
  </si>
  <si>
    <t>POINT (4.6900347148314845 51.83802039805276)</t>
  </si>
  <si>
    <t>POINT (4.682600378369461 51.82745632648999)</t>
  </si>
  <si>
    <t>POINT (4.695922673558037 51.838495855996385)</t>
  </si>
  <si>
    <t>POINT (4.703185124477698 51.8351143674045)</t>
  </si>
  <si>
    <t>POINT (4.6836980880147845 51.82521262927184)</t>
  </si>
  <si>
    <t>POINT (4.705616802788526 51.83796300920503)</t>
  </si>
  <si>
    <t>POINT (4.693639191465632 51.83060657562881)</t>
  </si>
  <si>
    <t>POINT (4.6953071715611365 51.8324854435118)</t>
  </si>
  <si>
    <t>POINT (4.713261165824719 51.83202442602735)</t>
  </si>
  <si>
    <t>POINT (4.6793090059971565 51.841621627951454)</t>
  </si>
  <si>
    <t>POINT (4.70351441145781 51.83114788824742)</t>
  </si>
  <si>
    <t>POINT (4.678609549697641 51.82234808566985)</t>
  </si>
  <si>
    <t>POINT (4.673590681167597 51.82959670248508)</t>
  </si>
  <si>
    <t>POINT (4.704311632430738 51.83931437792086)</t>
  </si>
  <si>
    <t>POINT (4.694719486893416 51.824053862636916)</t>
  </si>
  <si>
    <t>POINT (4.684121453594211 51.827973629442724)</t>
  </si>
  <si>
    <t>POINT (4.686898119362532 51.825462162390735)</t>
  </si>
  <si>
    <t>POINT (4.676535762422955 51.83315836279684)</t>
  </si>
  <si>
    <t>POINT (4.696235062809678 51.83956684701169)</t>
  </si>
  <si>
    <t>POINT (4.698402711654435 51.841539391758836)</t>
  </si>
  <si>
    <t>POINT (4.685350262124357 51.83347140826668)</t>
  </si>
  <si>
    <t>POINT (4.683274446584365 51.82535539090418)</t>
  </si>
  <si>
    <t>POINT (4.721617173389369 51.83331832693717)</t>
  </si>
  <si>
    <t>POINT (4.675383410931383 51.83218669210452)</t>
  </si>
  <si>
    <t>POINT (4.680769835625653 51.83871602327133)</t>
  </si>
  <si>
    <t>POINT (4.696972439104449 51.83546533285686)</t>
  </si>
  <si>
    <t>POINT (4.691218778483581 51.843651095274055)</t>
  </si>
  <si>
    <t>POINT (4.708508932814064 51.832032722788405)</t>
  </si>
  <si>
    <t>POINT (4.682408332999098 51.831023243987936)</t>
  </si>
  <si>
    <t>POINT (4.677232206210844 51.827415800189364)</t>
  </si>
  <si>
    <t>POINT (4.6994423460274035 51.84104632145147)</t>
  </si>
  <si>
    <t>POINT (4.7161315391111245 51.83258403402406)</t>
  </si>
  <si>
    <t>POINT (4.690577942171018 51.83117180228627)</t>
  </si>
  <si>
    <t>POINT (4.6891071395151105 51.82837164221606)</t>
  </si>
  <si>
    <t>POINT (4.678799242236958 51.832700930930805)</t>
  </si>
  <si>
    <t>POINT (4.674276188147731 51.83224182379393)</t>
  </si>
  <si>
    <t>POINT (4.696896490241895 51.83826041219273)</t>
  </si>
  <si>
    <t>POINT (4.674511199586836 51.83155705723202)</t>
  </si>
  <si>
    <t>POINT (4.68564080813116 51.82602244008318)</t>
  </si>
  <si>
    <t>POINT (4.677810223315065 51.82247426691384)</t>
  </si>
  <si>
    <t>POINT (4.678285512485863 51.830438191360074)</t>
  </si>
  <si>
    <t>POINT (4.720980530243989 51.83471636362109)</t>
  </si>
  <si>
    <t>POINT (4.697652149442267 51.835110932699386)</t>
  </si>
  <si>
    <t>POINT (4.707428726672372 51.834758582250615)</t>
  </si>
  <si>
    <t>POINT (4.689508123746818 51.82519336764825)</t>
  </si>
  <si>
    <t>POINT (4.6988174130837566 51.834133130166094)</t>
  </si>
  <si>
    <t>POINT (4.690645151291248 51.83115058343976)</t>
  </si>
  <si>
    <t>POINT (4.694053678636738 51.83594258215856)</t>
  </si>
  <si>
    <t>POINT (4.712141914161554 51.83119621037762)</t>
  </si>
  <si>
    <t>POINT (4.689136853873916 51.82539133733979)</t>
  </si>
  <si>
    <t>POINT (4.697106823804534 51.839916562360344)</t>
  </si>
  <si>
    <t>POINT (4.69348901462298 51.84192844120962)</t>
  </si>
  <si>
    <t>POINT (4.684898701358631 51.830444955368705)</t>
  </si>
  <si>
    <t>POINT (4.704931769067204 51.83968107861548)</t>
  </si>
  <si>
    <t>POINT (4.681650520838298 51.8234676773304)</t>
  </si>
  <si>
    <t>POINT (4.678976785761529 51.82918743178599)</t>
  </si>
  <si>
    <t>POINT (4.707081608501905 51.82634730801651)</t>
  </si>
  <si>
    <t>POINT (4.678215149520923 51.836982084810415)</t>
  </si>
  <si>
    <t>POINT (4.695271147822944 51.84116218780842)</t>
  </si>
  <si>
    <t>POINT (4.68216841648097 51.8253187934238)</t>
  </si>
  <si>
    <t>POINT (4.681400523839372 51.82709569318694)</t>
  </si>
  <si>
    <t>POINT (4.68006424017639 51.835123887494355)</t>
  </si>
  <si>
    <t>POINT (4.684015477983833 51.82943253507698)</t>
  </si>
  <si>
    <t>POINT (4.6877037955129905 51.8345464836555)</t>
  </si>
  <si>
    <t>POINT (4.691071065784305 51.83124678057859)</t>
  </si>
  <si>
    <t>POINT (4.685020798009388 51.834609287427895)</t>
  </si>
  <si>
    <t>POINT (4.695176526475816 51.83642265557235)</t>
  </si>
  <si>
    <t>POINT (4.677966061315965 51.82286814788382)</t>
  </si>
  <si>
    <t>POINT (4.692174434521494 51.837916214953744)</t>
  </si>
  <si>
    <t>POINT (4.720286467107592 51.836177817805996)</t>
  </si>
  <si>
    <t>POINT (4.692868826541732 51.828077202832816)</t>
  </si>
  <si>
    <t>POINT (4.693284915380083 51.842775185908046)</t>
  </si>
  <si>
    <t>POINT (4.6800087698859825 51.83642461434343)</t>
  </si>
  <si>
    <t>POINT (4.692927394149957 51.83817566862721)</t>
  </si>
  <si>
    <t>POINT (4.6980038890649745 51.82905474164433)</t>
  </si>
  <si>
    <t>POINT (4.684175317061445 51.82800340785517)</t>
  </si>
  <si>
    <t>POINT (4.683590977498798 51.82781416521041)</t>
  </si>
  <si>
    <t>POINT (4.67709484730928 51.82914446695667)</t>
  </si>
  <si>
    <t>POINT (4.694139256267075 51.82998586159926)</t>
  </si>
  <si>
    <t>POINT (4.677283623861206 51.829471735060245)</t>
  </si>
  <si>
    <t>POINT (4.683786829828044 51.83694637073822)</t>
  </si>
  <si>
    <t>POINT (4.698776060367699 51.84095315945721)</t>
  </si>
  <si>
    <t>POINT (4.7228339596180255 51.83552717699257)</t>
  </si>
  <si>
    <t>POINT (4.715147849157705 51.83208314276595)</t>
  </si>
  <si>
    <t>POINT (4.693577731225189 51.838624602658506)</t>
  </si>
  <si>
    <t>POINT (4.680555404976278 51.837008176683156)</t>
  </si>
  <si>
    <t>POINT (4.686199949616293 51.82610819763604)</t>
  </si>
  <si>
    <t>POINT (4.6942849333258945 51.83001271675088)</t>
  </si>
  <si>
    <t>POINT (4.678392139057821 51.835693678816426)</t>
  </si>
  <si>
    <t>POINT (4.696933484243131 51.82861497509409)</t>
  </si>
  <si>
    <t>POINT (4.685842117991829 51.824004801587556)</t>
  </si>
  <si>
    <t>POINT (4.698610051413135 51.83420162982759)</t>
  </si>
  <si>
    <t>POINT (4.691248981487783 51.842064422448836)</t>
  </si>
  <si>
    <t>POINT (4.679411273769881 51.832572732333304)</t>
  </si>
  <si>
    <t>POINT (4.693316893456853 51.831063262164776)</t>
  </si>
  <si>
    <t>POINT (4.685301891065705 51.82751794053247)</t>
  </si>
  <si>
    <t>POINT (4.6813170011467715 51.82869013690559)</t>
  </si>
  <si>
    <t>POINT (4.695251721387101 51.826446317078215)</t>
  </si>
  <si>
    <t>POINT (4.684654458935202 51.82539997315248)</t>
  </si>
  <si>
    <t>POINT (4.707823575041769 51.83408684724262)</t>
  </si>
  <si>
    <t>POINT (4.687696761282718 51.838972283629346)</t>
  </si>
  <si>
    <t>POINT (4.69909209237702 51.8296993097891)</t>
  </si>
  <si>
    <t>POINT (4.686718626187402 51.82348141336696)</t>
  </si>
  <si>
    <t>POINT (4.692378325429317 51.83916774910966)</t>
  </si>
  <si>
    <t>POINT (4.694986161914334 51.8412256844026)</t>
  </si>
  <si>
    <t>POINT (4.696192315352484 51.83330881147903)</t>
  </si>
  <si>
    <t>POINT (4.696707221491922 51.826656809044685)</t>
  </si>
  <si>
    <t>POINT (4.688341580661209 51.8333490317783)</t>
  </si>
  <si>
    <t>POINT (4.708224262288941 51.82832915630854)</t>
  </si>
  <si>
    <t>POINT (4.7085591736531445 51.836834761121004)</t>
  </si>
  <si>
    <t>POINT (4.6982990768366895 51.833157331070126)</t>
  </si>
  <si>
    <t>POINT (4.693672333509692 51.830048109692356)</t>
  </si>
  <si>
    <t>POINT (4.692124545855148 51.83237592861522)</t>
  </si>
  <si>
    <t>POINT (4.696894533599213 51.82934699624268)</t>
  </si>
  <si>
    <t>POINT (4.676904647737024 51.835565561634866)</t>
  </si>
  <si>
    <t>POINT (4.7318243884318045 51.82693274010941)</t>
  </si>
  <si>
    <t>POINT (4.720838704141765 51.83375109871786)</t>
  </si>
  <si>
    <t>POINT (4.686920885219859 51.82286548654028)</t>
  </si>
  <si>
    <t>POINT (4.683575740366651 51.82998489493841)</t>
  </si>
  <si>
    <t>POINT (4.689661831696656 51.83155690948734)</t>
  </si>
  <si>
    <t>POINT (4.67820691220443 51.83420096665786)</t>
  </si>
  <si>
    <t>POINT (4.69151171758791 51.8258449908555)</t>
  </si>
  <si>
    <t>POINT (4.731580685459026 51.82633111078431)</t>
  </si>
  <si>
    <t>POINT (4.699741901602207 51.83187440195602)</t>
  </si>
  <si>
    <t>POINT (4.696830660520131 51.839126645403034)</t>
  </si>
  <si>
    <t>POINT (4.709960663109626 51.82802328209075)</t>
  </si>
  <si>
    <t>POINT (4.702638503370653 51.82975164033115)</t>
  </si>
  <si>
    <t>POINT (4.704238158070259 51.83960205371209)</t>
  </si>
  <si>
    <t>POINT (4.696072477285512 51.84106379024309)</t>
  </si>
  <si>
    <t>POINT (4.685349801950546 51.830207368968615)</t>
  </si>
  <si>
    <t>POINT (4.698140518223358 51.838414801268094)</t>
  </si>
  <si>
    <t>POINT (4.70316914041885 51.83565973989776)</t>
  </si>
  <si>
    <t>POINT (4.677854970165903 51.83426648909974)</t>
  </si>
  <si>
    <t>POINT (4.72510256558386 51.83169278839151)</t>
  </si>
  <si>
    <t>POINT (4.683841110128108 51.82778583098791)</t>
  </si>
  <si>
    <t>POINT (4.690599848759028 51.82342454941916)</t>
  </si>
  <si>
    <t>POINT (4.723631920060786 51.833989442713744)</t>
  </si>
  <si>
    <t>POINT (4.68120232078464 51.8227462224426)</t>
  </si>
  <si>
    <t>POINT (4.706487858868569 51.82743792628565)</t>
  </si>
  <si>
    <t>POINT (4.690968349380569 51.83112006980045)</t>
  </si>
  <si>
    <t>POINT (4.680960215669745 51.822910993105864)</t>
  </si>
  <si>
    <t>POINT (4.680761743274475 51.831756033104256)</t>
  </si>
  <si>
    <t>POINT (4.723267769845074 51.83316505185664)</t>
  </si>
  <si>
    <t>POINT (4.69058179195135 51.83250592771265)</t>
  </si>
  <si>
    <t>POINT (4.67697958172782 51.8304335062018)</t>
  </si>
  <si>
    <t>POINT (4.708509969245452 51.828064682299626)</t>
  </si>
  <si>
    <t>POINT (4.688900447753382 51.84145054052911)</t>
  </si>
  <si>
    <t>POINT (4.703117889227328 51.82800629918377)</t>
  </si>
  <si>
    <t>POINT (4.6833784445050215 51.83073689768243)</t>
  </si>
  <si>
    <t>POINT (4.680014099480734 51.82258192945583)</t>
  </si>
  <si>
    <t>POINT (4.692159726958062 51.82404704716663)</t>
  </si>
  <si>
    <t>POINT (4.679617669438328 51.8304911542875)</t>
  </si>
  <si>
    <t>POINT (4.690193012575875 51.83774979143321)</t>
  </si>
  <si>
    <t>POINT (4.6996737591671165 51.834175325574286)</t>
  </si>
  <si>
    <t>POINT (4.693886047610052 51.839713418493716)</t>
  </si>
  <si>
    <t>POINT (4.695286787846137 51.83597459312552)</t>
  </si>
  <si>
    <t>POINT (4.690487279133073 51.832937935962825)</t>
  </si>
  <si>
    <t>POINT (4.692551393023028 51.84054531859794)</t>
  </si>
  <si>
    <t>POINT (4.701698117692748 51.83672882351263)</t>
  </si>
  <si>
    <t>POINT (4.704276408645926 51.83036748177219)</t>
  </si>
  <si>
    <t>POINT (4.728677037200553 51.83244816267799)</t>
  </si>
  <si>
    <t>POINT (4.694033180802698 51.82981118828593)</t>
  </si>
  <si>
    <t>POINT (4.704598222186231 51.83707381551294)</t>
  </si>
  <si>
    <t>POINT (4.6852470005673865 51.84039382065973)</t>
  </si>
  <si>
    <t>POINT (4.70247483046662 51.82940034485497)</t>
  </si>
  <si>
    <t>POINT (4.692140340442897 51.82482631973632)</t>
  </si>
  <si>
    <t>POINT (4.679131971297865 51.832204553876316)</t>
  </si>
  <si>
    <t>POINT (4.690654407059474 51.82922938861627)</t>
  </si>
  <si>
    <t>POINT (4.694647831106092 51.832293720022804)</t>
  </si>
  <si>
    <t>POINT (4.690034171780864 51.83586415672317)</t>
  </si>
  <si>
    <t>POINT (4.680404173577575 51.82966135957362)</t>
  </si>
  <si>
    <t>POINT (4.688471923970052 51.82309836793076)</t>
  </si>
  <si>
    <t>POINT (4.696548609068877 51.8348861566865)</t>
  </si>
  <si>
    <t>POINT (4.735986792354987 51.8328101748672)</t>
  </si>
  <si>
    <t>POINT (4.726647119522391 51.82951887550144)</t>
  </si>
  <si>
    <t>POINT (4.681469234671663 51.8247088912609)</t>
  </si>
  <si>
    <t>POINT (4.688136205244476 51.84168794841351)</t>
  </si>
  <si>
    <t>POINT (4.6920155569511275 51.83277108880698)</t>
  </si>
  <si>
    <t>POINT (4.688652927840605 51.84162293511835)</t>
  </si>
  <si>
    <t>POINT (4.7063681921533345 51.82755806640054)</t>
  </si>
  <si>
    <t>POINT (4.707812609106184 51.835735925941314)</t>
  </si>
  <si>
    <t>POINT (4.720304180433934 51.83478506144384)</t>
  </si>
  <si>
    <t>POINT (4.733688206409725 51.832255397569135)</t>
  </si>
  <si>
    <t>POINT (4.702275182084754 51.833445357289825)</t>
  </si>
  <si>
    <t>POINT (4.687164696926884 51.843637456152514)</t>
  </si>
  <si>
    <t>POINT (4.690413679022845 51.83325592156344)</t>
  </si>
  <si>
    <t>POINT (4.719750235913881 51.83403625404538)</t>
  </si>
  <si>
    <t>POINT (4.681522580936424 51.82569870081821)</t>
  </si>
  <si>
    <t>POINT (4.685154264860499 51.82590082692461)</t>
  </si>
  <si>
    <t>POINT (4.706277194403159 51.82851032424164)</t>
  </si>
  <si>
    <t>POINT (4.69909625021873 51.83506747885686)</t>
  </si>
  <si>
    <t>POINT (4.6862906300004505 51.8365775853889)</t>
  </si>
  <si>
    <t>POINT (4.682617119886674 51.826372530684324)</t>
  </si>
  <si>
    <t>POINT (4.703993084578938 51.82729818450165)</t>
  </si>
  <si>
    <t>POINT (4.693074646769053 51.825205695344444)</t>
  </si>
  <si>
    <t>POINT (4.6911828269002065 51.82577318133366)</t>
  </si>
  <si>
    <t>POINT (4.684807129753756 51.8292051879906)</t>
  </si>
  <si>
    <t>POINT (4.69398371139033 51.83150957758868)</t>
  </si>
  <si>
    <t>POINT (4.728292141495146 51.83381984842642)</t>
  </si>
  <si>
    <t>POINT (4.706354359506557 51.839013483078)</t>
  </si>
  <si>
    <t>POINT (4.689808586625437 51.832211704870275)</t>
  </si>
  <si>
    <t>POINT (4.689746068007474 51.827701471919035)</t>
  </si>
  <si>
    <t>POINT (4.677580308245434 51.83439329484175)</t>
  </si>
  <si>
    <t>POINT (4.6957939432196385 51.82656512411775)</t>
  </si>
  <si>
    <t>POINT (4.685193971668783 51.825502948171625)</t>
  </si>
  <si>
    <t>POINT (4.699242862525211 51.824273466458436)</t>
  </si>
  <si>
    <t>POINT (4.694543809521144 51.8418738428546)</t>
  </si>
  <si>
    <t>POINT (4.7216027408379855 51.83484439427416)</t>
  </si>
  <si>
    <t>POINT (4.69773994364451 51.83501708573181)</t>
  </si>
  <si>
    <t>POINT (4.692092758695473 51.83273987002176)</t>
  </si>
  <si>
    <t>POINT (4.682936753650728 51.82267592431626)</t>
  </si>
  <si>
    <t>POINT (4.702479065313901 51.83714146445174)</t>
  </si>
  <si>
    <t>POINT (4.677825007239803 51.83099694825558)</t>
  </si>
  <si>
    <t>POINT (4.679155375847206 51.83330400646077)</t>
  </si>
  <si>
    <t>POINT (4.681365795124429 51.832149962706005)</t>
  </si>
  <si>
    <t>POINT (4.676908778054091 51.82281573236368)</t>
  </si>
  <si>
    <t>POINT (4.696837950658782 51.835507166125005)</t>
  </si>
  <si>
    <t>POINT (4.689659266967387 51.83244235600534)</t>
  </si>
  <si>
    <t>POINT (4.706886219609729 51.82910938808409)</t>
  </si>
  <si>
    <t>POINT (4.686401989620603 51.82550105241988)</t>
  </si>
  <si>
    <t>POINT (4.677079809339337 51.822682180083135)</t>
  </si>
  <si>
    <t>POINT (4.698135220477594 51.835970115693826)</t>
  </si>
  <si>
    <t>POINT (4.679480837290163 51.82230462408957)</t>
  </si>
  <si>
    <t>POINT (4.684561523901313 51.83439021879473)</t>
  </si>
  <si>
    <t>POINT (4.6876609683181485 51.825624300264096)</t>
  </si>
  <si>
    <t>POINT (4.703556644570174 51.83503593054381)</t>
  </si>
  <si>
    <t>POINT (4.685303602659931 51.83637538538696)</t>
  </si>
  <si>
    <t>POINT (4.677027812393818 51.837148182271456)</t>
  </si>
  <si>
    <t>POINT (4.675806949302025 51.83315059560398)</t>
  </si>
  <si>
    <t>POINT (4.685032358428245 51.83514947489641)</t>
  </si>
  <si>
    <t>POINT (4.685012408678569 51.82576958904003)</t>
  </si>
  <si>
    <t>POINT (4.6742796033250285 51.831851746073966)</t>
  </si>
  <si>
    <t>POINT (4.689937926653286 51.82329421172664)</t>
  </si>
  <si>
    <t>POINT (4.707198776804741 51.827698007072)</t>
  </si>
  <si>
    <t>POINT (4.695251173650069 51.833137076954294)</t>
  </si>
  <si>
    <t>POINT (4.691443173755301 51.82743595182544)</t>
  </si>
  <si>
    <t>POINT (4.707996727968844 51.82606676843943)</t>
  </si>
  <si>
    <t>POINT (4.700449969297497 51.83672804548212)</t>
  </si>
  <si>
    <t>POINT (4.703085063674683 51.831356448832295)</t>
  </si>
  <si>
    <t>POINT (4.688610795033519 51.83428333111599)</t>
  </si>
  <si>
    <t>POINT (4.710754163190634 51.829270480975886)</t>
  </si>
  <si>
    <t>POINT (4.728768071900322 51.83308984856484)</t>
  </si>
  <si>
    <t>POINT (4.685554615100028 51.834417111157144)</t>
  </si>
  <si>
    <t>POINT (4.700388093543454 51.83642105455941)</t>
  </si>
  <si>
    <t>POINT (4.706584686286858 51.82606942951612)</t>
  </si>
  <si>
    <t>POINT (4.703429271392062 51.83505492773668)</t>
  </si>
  <si>
    <t>POINT (4.691667089156841 51.82387507947547)</t>
  </si>
  <si>
    <t>POINT (4.686930297275978 51.82296643130579)</t>
  </si>
  <si>
    <t>POINT (4.690743702669187 51.827609922628106)</t>
  </si>
  <si>
    <t>POINT (4.736040112563808 51.83292849096309)</t>
  </si>
  <si>
    <t>POINT (4.707272405744724 51.826363891804995)</t>
  </si>
  <si>
    <t>POINT (4.682840206522095 51.83799297683561)</t>
  </si>
  <si>
    <t>POINT (4.693516298566192 51.824832167573845)</t>
  </si>
  <si>
    <t>POINT (4.6986485032123575 51.834433060865756)</t>
  </si>
  <si>
    <t>POINT (4.729734901535684 51.82898490313277)</t>
  </si>
  <si>
    <t>POINT (4.691406118221568 51.83391833802728)</t>
  </si>
  <si>
    <t>POINT (4.692883147076593 51.83783710192276)</t>
  </si>
  <si>
    <t>POINT (4.68228202362284 51.836064754503674)</t>
  </si>
  <si>
    <t>POINT (4.687276442501344 51.8345702911325)</t>
  </si>
  <si>
    <t>POINT (4.680113797839937 51.8369769697678)</t>
  </si>
  <si>
    <t>POINT (4.684727038443065 51.8261236342481)</t>
  </si>
  <si>
    <t>POINT (4.690119237803674 51.832533230892324)</t>
  </si>
  <si>
    <t>POINT (4.684423021912742 51.830614510659366)</t>
  </si>
  <si>
    <t>POINT (4.684921117278042 51.839338233119015)</t>
  </si>
  <si>
    <t>POINT (4.678381381161454 51.83411148661042)</t>
  </si>
  <si>
    <t>POINT (4.716162766425056 51.83541081722827)</t>
  </si>
  <si>
    <t>POINT (4.691239718277648 51.8255421959263)</t>
  </si>
  <si>
    <t>POINT (4.704551803265336 51.82494431014111)</t>
  </si>
  <si>
    <t>POINT (4.723210250865432 51.83228438202502)</t>
  </si>
  <si>
    <t>POINT (4.676954895010346 51.83041568514852)</t>
  </si>
  <si>
    <t>POINT (4.6939920592654705 51.82962589637958)</t>
  </si>
  <si>
    <t>POINT (4.692090948427765 51.83241143253655)</t>
  </si>
  <si>
    <t>POINT (4.680215096653575 51.822776108810345)</t>
  </si>
  <si>
    <t>POINT (4.702758920537279 51.834547945985086)</t>
  </si>
  <si>
    <t>POINT (4.703154695056748 51.82795359760327)</t>
  </si>
  <si>
    <t>POINT (4.7036275479534 51.83109689846676)</t>
  </si>
  <si>
    <t>POINT (4.686872413336855 51.828085390332376)</t>
  </si>
  <si>
    <t>POINT (4.698045974600557 51.838236172684155)</t>
  </si>
  <si>
    <t>POINT (4.691641408975755 51.83275178509774)</t>
  </si>
  <si>
    <t>POINT (4.675366243591105 51.83141276409047)</t>
  </si>
  <si>
    <t>POINT (4.712440367908084 51.83047641868816)</t>
  </si>
  <si>
    <t>POINT (4.682009737124988 51.82589441723212)</t>
  </si>
  <si>
    <t>POINT (4.680927808233142 51.83546545011593)</t>
  </si>
  <si>
    <t>POINT (4.725057898224741 51.83330488621317)</t>
  </si>
  <si>
    <t>POINT (4.691373759336466 51.827280000900345)</t>
  </si>
  <si>
    <t>POINT (4.700642441772621 51.83123855829914)</t>
  </si>
  <si>
    <t>POINT (4.722749551291827 51.83218750272889)</t>
  </si>
  <si>
    <t>POINT (4.688116539903825 51.83378191494299)</t>
  </si>
  <si>
    <t>POINT (4.68951164340666 51.84349675874776)</t>
  </si>
  <si>
    <t>POINT (4.6794127414096325 51.836636471106395)</t>
  </si>
  <si>
    <t>POINT (4.678503281809538 51.834095027315584)</t>
  </si>
  <si>
    <t>POINT (4.723843485206973 51.83426247189471)</t>
  </si>
  <si>
    <t>POINT (4.682249776587208 51.83636195001175)</t>
  </si>
  <si>
    <t>POINT (4.702752293804029 51.83157917080321)</t>
  </si>
  <si>
    <t>POINT (4.684461301291584 51.82592347533154)</t>
  </si>
  <si>
    <t>POINT (4.690112769765124 51.8320951042709)</t>
  </si>
  <si>
    <t>POINT (4.6798057688914225 51.83310688751275)</t>
  </si>
  <si>
    <t>POINT (4.706924299261111 51.83848767201021)</t>
  </si>
  <si>
    <t>POINT (4.735593926608109 51.832754674469065)</t>
  </si>
  <si>
    <t>POINT (4.681755275023572 51.82779390680309)</t>
  </si>
  <si>
    <t>POINT (4.695171967959849 51.83765273145548)</t>
  </si>
  <si>
    <t>POINT (4.695395900842415 51.82446643010134)</t>
  </si>
  <si>
    <t>POINT (4.6926048126044595 51.83240973720756)</t>
  </si>
  <si>
    <t>POINT (4.694672811771808 51.83715247419189)</t>
  </si>
  <si>
    <t>POINT (4.721891241546519 51.829814123793064)</t>
  </si>
  <si>
    <t>POINT (4.6859677757553255 51.83850366567225)</t>
  </si>
  <si>
    <t>POINT (4.720666172810068 51.83539748884586)</t>
  </si>
  <si>
    <t>POINT (4.6772467636763855 51.82942274869563)</t>
  </si>
  <si>
    <t>POINT (4.681753618394873 51.822707236653976)</t>
  </si>
  <si>
    <t>POINT (4.688714721120212 51.823167084126)</t>
  </si>
  <si>
    <t>POINT (4.7069799711762546 51.82636311432408)</t>
  </si>
  <si>
    <t>POINT (4.699387143659824 51.8242900241733)</t>
  </si>
  <si>
    <t>POINT (4.707907808978018 51.82766797362091)</t>
  </si>
  <si>
    <t>POINT (4.699594910193254 51.831838952792694)</t>
  </si>
  <si>
    <t>POINT (4.708037138339064 51.83751481425183)</t>
  </si>
  <si>
    <t>POINT (4.6926698089918775 51.83110517857206)</t>
  </si>
  <si>
    <t>POINT (4.708571700279265 51.83745865255704)</t>
  </si>
  <si>
    <t>POINT (4.692134311885691 51.82639576403364)</t>
  </si>
  <si>
    <t>POINT (4.692764727952055 51.83247621047495)</t>
  </si>
  <si>
    <t>POINT (4.698390563408192 51.8389525029257)</t>
  </si>
  <si>
    <t>POINT (4.698532460537271 51.83120748443614)</t>
  </si>
  <si>
    <t>POINT (4.693226768732062 51.83022124018995)</t>
  </si>
  <si>
    <t>POINT (4.733857579981425 51.82938822054728)</t>
  </si>
  <si>
    <t>POINT (4.689550441459751 51.83883002158911)</t>
  </si>
  <si>
    <t>POINT (4.709189740436791 51.828872930946794)</t>
  </si>
  <si>
    <t>POINT (4.704933125326536 51.83826354546044)</t>
  </si>
  <si>
    <t>POINT (4.6960692618044755 51.83489265681519)</t>
  </si>
  <si>
    <t>POINT (4.7033782779797235 51.83925984936332)</t>
  </si>
  <si>
    <t>POINT (4.682368781399813 51.827241958986306)</t>
  </si>
  <si>
    <t>POINT (4.710961955742964 51.82828786430147)</t>
  </si>
  <si>
    <t>POINT (4.704269646996869 51.8328545055575)</t>
  </si>
  <si>
    <t>POINT (4.681469121015834 51.82240114353272)</t>
  </si>
  <si>
    <t>POINT (4.708275361776831 51.838339944932905)</t>
  </si>
  <si>
    <t>POINT (4.680979391443453 51.832303196179026)</t>
  </si>
  <si>
    <t>POINT (4.684450688729124 51.828260891672386)</t>
  </si>
  <si>
    <t>POINT (4.6983838942145235 51.832420797065446)</t>
  </si>
  <si>
    <t>POINT (4.687122809118769 51.82292634878819)</t>
  </si>
  <si>
    <t>POINT (4.69009167014251 51.8275264846181)</t>
  </si>
  <si>
    <t>POINT (4.680665773068832 51.83238888536559)</t>
  </si>
  <si>
    <t>POINT (4.6870542971307305 51.82292754009888)</t>
  </si>
  <si>
    <t>POINT (4.729454809087568 51.83354927679974)</t>
  </si>
  <si>
    <t>POINT (4.7158768643210225 51.83278150495299)</t>
  </si>
  <si>
    <t>POINT (4.685365056681292 51.83476639112486)</t>
  </si>
  <si>
    <t>POINT (4.681350634730206 51.824489430240305)</t>
  </si>
  <si>
    <t>POINT (4.6996474637486205 51.839052264662286)</t>
  </si>
  <si>
    <t>POINT (4.680797825699269 51.83755836512513)</t>
  </si>
  <si>
    <t>POINT (4.684544476050399 51.82840137040086)</t>
  </si>
  <si>
    <t>POINT (4.697366423152458 51.82984939462607)</t>
  </si>
  <si>
    <t>POINT (4.690672971753963 51.84011492383623)</t>
  </si>
  <si>
    <t>POINT (4.6884937417130645 51.82708891758214)</t>
  </si>
  <si>
    <t>POINT (4.689831115268751 51.823277909940835)</t>
  </si>
  <si>
    <t>POINT (4.7273906620213655 51.831527112667004)</t>
  </si>
  <si>
    <t>POINT (4.695506718715701 51.831985431268855)</t>
  </si>
  <si>
    <t>POINT (4.699164054425282 51.83401831916348)</t>
  </si>
  <si>
    <t>POINT (4.700254636112505 51.834905034136284)</t>
  </si>
  <si>
    <t>POINT (4.693714317561119 51.838473681520284)</t>
  </si>
  <si>
    <t>POINT (4.713154077440885 51.8296145552823)</t>
  </si>
  <si>
    <t>POINT (4.6780343749672735 51.82868644034671)</t>
  </si>
  <si>
    <t>POINT (4.679774876847743 51.830950262175804)</t>
  </si>
  <si>
    <t>POINT (4.68239785555912 51.84505002195967)</t>
  </si>
  <si>
    <t>POINT (4.683334216708739 51.82852319639929)</t>
  </si>
  <si>
    <t>POINT (4.6852951937339204 51.83729512430809)</t>
  </si>
  <si>
    <t>POINT (4.691012652184958 51.83305283557354)</t>
  </si>
  <si>
    <t>POINT (4.690170757391325 51.8238781488536)</t>
  </si>
  <si>
    <t>POINT (4.685981749758192 51.824046660064894)</t>
  </si>
  <si>
    <t>POINT (4.702241707853063 51.835234105166485)</t>
  </si>
  <si>
    <t>POINT (4.694005644656423 51.83251130167581)</t>
  </si>
  <si>
    <t>POINT (4.701958743314109 51.83447139592654)</t>
  </si>
  <si>
    <t>POINT (4.675897208169564 51.830077150080115)</t>
  </si>
  <si>
    <t>POINT (4.684022515326695 51.82483222309343)</t>
  </si>
  <si>
    <t>POINT (4.735799188456276 51.832708605504564)</t>
  </si>
  <si>
    <t>POINT (4.693071663164828 51.82388585720861)</t>
  </si>
  <si>
    <t>POINT (4.680915611702125 51.837543900981615)</t>
  </si>
  <si>
    <t>POINT (4.696350124282127 51.839024170767175)</t>
  </si>
  <si>
    <t>POINT (4.703786002111006 51.82807311136505)</t>
  </si>
  <si>
    <t>POINT (4.720534812042712 51.835520695876205)</t>
  </si>
  <si>
    <t>POINT (4.683257649151924 51.82725549968408)</t>
  </si>
  <si>
    <t>POINT (4.707861296113844 51.83891859179632)</t>
  </si>
  <si>
    <t>POINT (4.6918212637995245 51.82721853687606)</t>
  </si>
  <si>
    <t>POINT (4.705170272321939 51.837425278495786)</t>
  </si>
  <si>
    <t>POINT (4.677191384859284 51.8226175884398)</t>
  </si>
  <si>
    <t>POINT (4.691710308929266 51.83380172433719)</t>
  </si>
  <si>
    <t>POINT (4.6949868039419265 51.835634780293034)</t>
  </si>
  <si>
    <t>POINT (4.685401243798203 51.834118895124284)</t>
  </si>
  <si>
    <t>POINT (4.718106433608375 51.832468621456535)</t>
  </si>
  <si>
    <t>POINT (4.6900521828205815 51.8439025251665)</t>
  </si>
  <si>
    <t>POINT (4.696987204100022 51.83875312670511)</t>
  </si>
  <si>
    <t>POINT (4.691887239559244 51.83992804809915)</t>
  </si>
  <si>
    <t>POINT (4.702483764992797 51.83551757127441)</t>
  </si>
  <si>
    <t>POINT (4.702704499115092 51.83341229338154)</t>
  </si>
  <si>
    <t>POINT (4.689470876526354 51.82991826920056)</t>
  </si>
  <si>
    <t>POINT (4.69443180218679 51.831036894867836)</t>
  </si>
  <si>
    <t>POINT (4.689634789716982 51.825628209142984)</t>
  </si>
  <si>
    <t>POINT (4.7055735687860905 51.8380546937869)</t>
  </si>
  <si>
    <t>POINT (4.68289107882958 51.83594174219005)</t>
  </si>
  <si>
    <t>POINT (4.6853717348089425 51.82758724714527)</t>
  </si>
  <si>
    <t>POINT (4.681531464736736 51.83795646166032)</t>
  </si>
  <si>
    <t>POINT (4.677131985351941 51.83543258365512)</t>
  </si>
  <si>
    <t>POINT (4.706760608019216 51.83387822210121)</t>
  </si>
  <si>
    <t>POINT (4.697166844758711 51.82536618167797)</t>
  </si>
  <si>
    <t>POINT (4.720355134956891 51.83487923693095)</t>
  </si>
  <si>
    <t>POINT (4.69297780480783 51.83946553822954)</t>
  </si>
  <si>
    <t>POINT (4.72818113502147 51.831987706878)</t>
  </si>
  <si>
    <t>POINT (4.72992224890275 51.829189598235345)</t>
  </si>
  <si>
    <t>POINT (4.710463999172154 51.837909847154094)</t>
  </si>
  <si>
    <t>POINT (4.698675200818213 51.83597583668644)</t>
  </si>
  <si>
    <t>POINT (4.706331627830315 51.828528347589256)</t>
  </si>
  <si>
    <t>POINT (4.699950489172359 51.83179224478547)</t>
  </si>
  <si>
    <t>POINT (4.719416475176706 51.831768137785765)</t>
  </si>
  <si>
    <t>POINT (4.695667280572442 51.831627092578174)</t>
  </si>
  <si>
    <t>POINT (4.679628717852452 51.83154482520838)</t>
  </si>
  <si>
    <t>POINT (4.683513018999356 51.82589563707393)</t>
  </si>
  <si>
    <t>POINT (4.7013709517670454 51.82462320996349)</t>
  </si>
  <si>
    <t>POINT (4.6898746743085935 51.833778043863546)</t>
  </si>
  <si>
    <t>POINT (4.6795878281522505 51.83103802351248)</t>
  </si>
  <si>
    <t>POINT (4.696408783236386 51.83232549773666)</t>
  </si>
  <si>
    <t>POINT (4.7072826568250505 51.8354504174122)</t>
  </si>
  <si>
    <t>POINT (4.704268614014017 51.83035051982653)</t>
  </si>
  <si>
    <t>POINT (4.683854332502639 51.8278030605571)</t>
  </si>
  <si>
    <t>POINT (4.685898312965224 51.82407188707831)</t>
  </si>
  <si>
    <t>POINT (4.681255705675305 51.83217413633023)</t>
  </si>
  <si>
    <t>POINT (4.685339980112524 51.837378366170114)</t>
  </si>
  <si>
    <t>POINT (4.7303768663047085 51.83352073214126)</t>
  </si>
  <si>
    <t>POINT (4.6931368860682205 51.841285003722405)</t>
  </si>
  <si>
    <t>POINT (4.69950815422282 51.833947284849856)</t>
  </si>
  <si>
    <t>POINT (4.677885888791771 51.8295338560994)</t>
  </si>
  <si>
    <t>POINT (4.688134195163072 51.82831696263557)</t>
  </si>
  <si>
    <t>POINT (4.691774874243644 51.82784635234354)</t>
  </si>
  <si>
    <t>POINT (4.690911594954387 51.83294618827662)</t>
  </si>
  <si>
    <t>POINT (4.679805597653373 51.83866618185427)</t>
  </si>
  <si>
    <t>POINT (4.684447759776152 51.837559479936985)</t>
  </si>
  <si>
    <t>POINT (4.67519650961476 51.83225140048188)</t>
  </si>
  <si>
    <t>POINT (4.694092683796602 51.82966540238238)</t>
  </si>
  <si>
    <t>POINT (4.710752590532051 51.82888622620356)</t>
  </si>
  <si>
    <t>POINT (4.706798000284272 51.82933431153475)</t>
  </si>
  <si>
    <t>POINT (4.682068230225949 51.83788626767347)</t>
  </si>
  <si>
    <t>POINT (4.719988422115478 51.829243243034476)</t>
  </si>
  <si>
    <t>POINT (4.694369535735075 51.84219231518749)</t>
  </si>
  <si>
    <t>POINT (4.6868968403760745 51.83593535171849)</t>
  </si>
  <si>
    <t>POINT (4.690463395009419 51.82953311372976)</t>
  </si>
  <si>
    <t>POINT (4.715304121128616 51.835644814402634)</t>
  </si>
  <si>
    <t>POINT (4.681439169906633 51.829879188745444)</t>
  </si>
  <si>
    <t>POINT (4.678154607859829 51.83463337311414)</t>
  </si>
  <si>
    <t>POINT (4.6917059692419745 51.84077604912328)</t>
  </si>
  <si>
    <t>POINT (4.68386887474208 51.836918035742386)</t>
  </si>
  <si>
    <t>POINT (4.689517323946031 51.82704287192638)</t>
  </si>
  <si>
    <t>POINT (4.682648589309234 51.82745691250399)</t>
  </si>
  <si>
    <t>POINT (4.707554972943582 51.8382585105787)</t>
  </si>
  <si>
    <t>POINT (4.681959077917961 51.82721284675776)</t>
  </si>
  <si>
    <t>POINT (4.685374710737934 51.83544506406988)</t>
  </si>
  <si>
    <t>POINT (4.6976620870405545 51.835933917922695)</t>
  </si>
  <si>
    <t>POINT (4.681711918892367 51.835335542034194)</t>
  </si>
  <si>
    <t>POINT (4.6987176122738115 51.83496077505863)</t>
  </si>
  <si>
    <t>POINT (4.685723095441426 51.84054323490209)</t>
  </si>
  <si>
    <t>POINT (4.724123181464847 51.833543039799125)</t>
  </si>
  <si>
    <t>POINT (4.679234891750605 51.828461105857706)</t>
  </si>
  <si>
    <t>POINT (4.703427131424783 51.828748179919614)</t>
  </si>
  <si>
    <t>POINT (4.707056435340342 51.833380654415485)</t>
  </si>
  <si>
    <t>POINT (4.673804038877039 51.83128294934552)</t>
  </si>
  <si>
    <t>POINT (4.679546812618464 51.830435824485605)</t>
  </si>
  <si>
    <t>POINT (4.690822063682225 51.83759670883155)</t>
  </si>
  <si>
    <t>POINT (4.678078880315219 51.822824039077574)</t>
  </si>
  <si>
    <t>POINT (4.690768186429918 51.83363190755709)</t>
  </si>
  <si>
    <t>POINT (4.730667794436788 51.828392373020165)</t>
  </si>
  <si>
    <t>POINT (4.688594856093649 51.844155737524744)</t>
  </si>
  <si>
    <t>POINT (4.72869928519884 51.82977909339102)</t>
  </si>
  <si>
    <t>POINT (4.684105916603447 51.826298097330714)</t>
  </si>
  <si>
    <t>POINT (4.708807480371302 51.83637103528145)</t>
  </si>
  <si>
    <t>POINT (4.704305132069645 51.83046714399798)</t>
  </si>
  <si>
    <t>POINT (4.705907680727851 51.83684352016048)</t>
  </si>
  <si>
    <t>POINT (4.686229335191456 51.83494783122395)</t>
  </si>
  <si>
    <t>POINT (4.697133186234821 51.837913233806525)</t>
  </si>
  <si>
    <t>POINT (4.7237743953237885 51.832815850214715)</t>
  </si>
  <si>
    <t>POINT (4.681810321813549 51.82977578510196)</t>
  </si>
  <si>
    <t>POINT (4.6805517428285475 51.83695118463737)</t>
  </si>
  <si>
    <t>POINT (4.707622632606081 51.83763812138593)</t>
  </si>
  <si>
    <t>POINT (4.680780181219802 51.83753803451506)</t>
  </si>
  <si>
    <t>POINT (4.718796062285814 51.83348808369909)</t>
  </si>
  <si>
    <t>POINT (4.682185852829843 51.825890926934285)</t>
  </si>
  <si>
    <t>POINT (4.716020599767628 51.834596948454866)</t>
  </si>
  <si>
    <t>POINT (4.676102232211617 51.83025432714593)</t>
  </si>
  <si>
    <t>POINT (4.712309370323406 51.82850670784262)</t>
  </si>
  <si>
    <t>POINT (4.700927491718482 51.834051553437206)</t>
  </si>
  <si>
    <t>POINT (4.702401849643582 51.83488727853984)</t>
  </si>
  <si>
    <t>POINT (4.69397374284955 51.829805605896425)</t>
  </si>
  <si>
    <t>POINT (4.673509118008204 51.83181724883559)</t>
  </si>
  <si>
    <t>POINT (4.693809289007036 51.83866868447385)</t>
  </si>
  <si>
    <t>POINT (4.69606125464162 51.83685424306337)</t>
  </si>
  <si>
    <t>POINT (4.681620411118614 51.83062319894503)</t>
  </si>
  <si>
    <t>POINT (4.695038470982035 51.840953907158365)</t>
  </si>
  <si>
    <t>POINT (4.683098105391313 51.83583547094539)</t>
  </si>
  <si>
    <t>POINT (4.678267780718117 51.832616501125294)</t>
  </si>
  <si>
    <t>POINT (4.695839282570421 51.83840514610265)</t>
  </si>
  <si>
    <t>POINT (4.702245085757071 51.82891600938268)</t>
  </si>
  <si>
    <t>POINT (4.699862930878662 51.83129496649791)</t>
  </si>
  <si>
    <t>POINT (4.699236060694555 51.82965291837887)</t>
  </si>
  <si>
    <t>POINT (4.680013469332128 51.822863378461044)</t>
  </si>
  <si>
    <t>POINT (4.704192553246759 51.8304231098958)</t>
  </si>
  <si>
    <t>POINT (4.703671321205751 51.8379167594983)</t>
  </si>
  <si>
    <t>POINT (4.703521580741883 51.82985970673048)</t>
  </si>
  <si>
    <t>POINT (4.683255403994039 51.8275097481185)</t>
  </si>
  <si>
    <t>POINT (4.726403415503473 51.83248663944996)</t>
  </si>
  <si>
    <t>POINT (4.728968883869554 51.83238064113902)</t>
  </si>
  <si>
    <t>POINT (4.692233961178776 51.82485545798004)</t>
  </si>
  <si>
    <t>POINT (4.693266008139583 51.82389430515323)</t>
  </si>
  <si>
    <t>POINT (4.678162514747046 51.83228694378859)</t>
  </si>
  <si>
    <t>POINT (4.721071066818035 51.83454947351156)</t>
  </si>
  <si>
    <t>POINT (4.6812245841632425 51.82427896686107)</t>
  </si>
  <si>
    <t>POINT (4.735796838111589 51.832871187259215)</t>
  </si>
  <si>
    <t>POINT (4.691949680161279 51.836916364161354)</t>
  </si>
  <si>
    <t>POINT (4.697516880221131 51.83254606851837)</t>
  </si>
  <si>
    <t>POINT (4.680147738986387 51.826622316615065)</t>
  </si>
  <si>
    <t>POINT (4.697671142393328 51.83433063354032)</t>
  </si>
  <si>
    <t>POINT (4.693962078663474 51.82962455979178)</t>
  </si>
  <si>
    <t>POINT (4.684039094913196 51.827781399271196)</t>
  </si>
  <si>
    <t>POINT (4.689369671025628 51.82338857712153)</t>
  </si>
  <si>
    <t>POINT (4.688407943906453 51.83583739150485)</t>
  </si>
  <si>
    <t>POINT (4.681622131075892 51.831081315630314)</t>
  </si>
  <si>
    <t>POINT (4.69065241906657 51.83310371361564)</t>
  </si>
  <si>
    <t>POINT (4.69899930870762 51.83615077717054)</t>
  </si>
  <si>
    <t>POINT (4.693114067482267 51.83857493270453)</t>
  </si>
  <si>
    <t>POINT (4.730163312041901 51.828959895586365)</t>
  </si>
  <si>
    <t>POINT (4.695512925966741 51.83623009719487)</t>
  </si>
  <si>
    <t>POINT (4.679276800064954 51.82812141682927)</t>
  </si>
  <si>
    <t>POINT (4.693727361990971 51.83270641926168)</t>
  </si>
  <si>
    <t>POINT (4.685933613528585 51.833896183077755)</t>
  </si>
  <si>
    <t>POINT (4.72007723361595 51.835225867800084)</t>
  </si>
  <si>
    <t>POINT (4.677192070882315 51.83023579191928)</t>
  </si>
  <si>
    <t>POINT (4.678890680618411 51.829945491358686)</t>
  </si>
  <si>
    <t>POINT (4.682443468063163 51.836009221223186)</t>
  </si>
  <si>
    <t>POINT (4.706993502104858 51.826343157079556)</t>
  </si>
  <si>
    <t>POINT (4.687153158681255 51.82330987774607)</t>
  </si>
  <si>
    <t>POINT (4.735906886182924 51.83306675161227)</t>
  </si>
  <si>
    <t>POINT (4.689348858044225 51.838280561945204)</t>
  </si>
  <si>
    <t>POINT (4.696443711161769 51.82442238166688)</t>
  </si>
  <si>
    <t>POINT (4.684157888636433 51.827117589109164)</t>
  </si>
  <si>
    <t>POINT (4.691872005965829 51.828869655257215)</t>
  </si>
  <si>
    <t>POINT (4.691161757775334 51.8430981725711)</t>
  </si>
  <si>
    <t>POINT (4.691299921401683 51.831489527380135)</t>
  </si>
  <si>
    <t>POINT (4.681536238298317 51.82382217695637)</t>
  </si>
  <si>
    <t>POINT (4.695333958207328 51.83343854025082)</t>
  </si>
  <si>
    <t>POINT (4.694448908153247 51.83751129156092)</t>
  </si>
  <si>
    <t>POINT (4.675967989309602 51.83283743612751)</t>
  </si>
  <si>
    <t>POINT (4.728896102488917 51.83154703410635)</t>
  </si>
  <si>
    <t>POINT (4.7149598465439535 51.837187069225834)</t>
  </si>
  <si>
    <t>POINT (4.70952116119578 51.827503575918996)</t>
  </si>
  <si>
    <t>POINT (4.724079559043626 51.8300093974543)</t>
  </si>
  <si>
    <t>POINT (4.67812964008946 51.822328522384616)</t>
  </si>
  <si>
    <t>POINT (4.68723065519946 51.8366929092897)</t>
  </si>
  <si>
    <t>POINT (4.685913454411747 51.83363279439248)</t>
  </si>
  <si>
    <t>POINT (4.694412882673429 51.83003578175488)</t>
  </si>
  <si>
    <t>POINT (4.7064251146440785 51.82752936327562)</t>
  </si>
  <si>
    <t>POINT (4.687383922511434 51.834745113716764)</t>
  </si>
  <si>
    <t>POINT (4.706730674901784 51.82632797098861)</t>
  </si>
  <si>
    <t>POINT (4.695877520320993 51.83844936161204)</t>
  </si>
  <si>
    <t>POINT (4.694607367890174 51.83006421891673)</t>
  </si>
  <si>
    <t>POINT (4.6757720032254095 51.83005726346614)</t>
  </si>
  <si>
    <t>POINT (4.708655229790235 51.836107229314685)</t>
  </si>
  <si>
    <t>POINT (4.679400947346574 51.83533776589635)</t>
  </si>
  <si>
    <t>POINT (4.698137531903238 51.841458933586786)</t>
  </si>
  <si>
    <t>POINT (4.688993524690992 51.838151026371406)</t>
  </si>
  <si>
    <t>POINT (4.680957504854399 51.82995256045674)</t>
  </si>
  <si>
    <t>POINT (4.7061869949468855 51.83826874920826)</t>
  </si>
  <si>
    <t>POINT (4.681145254186676 51.82279273702633)</t>
  </si>
  <si>
    <t>POINT (4.704016197077064 51.82892280728514)</t>
  </si>
  <si>
    <t>POINT (4.6944988781928965 51.832204833443996)</t>
  </si>
  <si>
    <t>POINT (4.7267679280111246 51.83291073283371)</t>
  </si>
  <si>
    <t>POINT (4.721341688857732 51.8348958837655)</t>
  </si>
  <si>
    <t>POINT (4.688196462501889 51.82620208967294)</t>
  </si>
  <si>
    <t>POINT (4.705243891635171 51.83885859087829)</t>
  </si>
  <si>
    <t>POINT (4.681049537289678 51.83158951523303)</t>
  </si>
  <si>
    <t>POINT (4.722773392399583 51.829337761989166)</t>
  </si>
  <si>
    <t>POINT (4.698904769702919 51.83075383655812)</t>
  </si>
  <si>
    <t>POINT (4.6844460009012066 51.83552344413027)</t>
  </si>
  <si>
    <t>POINT (4.716480694994959 51.83230721159082)</t>
  </si>
  <si>
    <t>POINT (4.688475076134718 51.82817397848202)</t>
  </si>
  <si>
    <t>POINT (4.697511546666029 51.8302281565182)</t>
  </si>
  <si>
    <t>POINT (4.677085672576075 51.83213591510021)</t>
  </si>
  <si>
    <t>POINT (4.700766260204931 51.83364557424505)</t>
  </si>
  <si>
    <t>POINT (4.702580338545613 51.83722007632059)</t>
  </si>
  <si>
    <t>POINT (4.726651864492431 51.83295900480673)</t>
  </si>
  <si>
    <t>POINT (4.719850700946975 51.835463066072)</t>
  </si>
  <si>
    <t>POINT (4.706748097718794 51.836220710054164)</t>
  </si>
  <si>
    <t>POINT (4.685686072083207 51.83304217651765)</t>
  </si>
  <si>
    <t>POINT (4.683367954976931 51.82725471398298)</t>
  </si>
  <si>
    <t>POINT (4.68507677473369 51.83054227102297)</t>
  </si>
  <si>
    <t>POINT (4.71381736327527 51.83282915992159)</t>
  </si>
  <si>
    <t>POINT (4.685566338540235 51.82612553519223)</t>
  </si>
  <si>
    <t>POINT (4.690215045678647 51.82925164322245)</t>
  </si>
  <si>
    <t>POINT (4.684572453118141 51.825828204898606)</t>
  </si>
  <si>
    <t>POINT (4.691455791861185 51.841126147976354)</t>
  </si>
  <si>
    <t>POINT (4.712365718519591 51.82943359704698)</t>
  </si>
  <si>
    <t>POINT (4.69498853231299 51.83138012032087)</t>
  </si>
  <si>
    <t>POINT (4.682528674012158 51.823606020840444)</t>
  </si>
  <si>
    <t>POINT (4.720325579014293 51.833601014385245)</t>
  </si>
  <si>
    <t>POINT (4.696122696603346 51.833227908459996)</t>
  </si>
  <si>
    <t>POINT (4.685180929759424 51.8255449190688)</t>
  </si>
  <si>
    <t>POINT (4.68791641777215 51.838303966047825)</t>
  </si>
  <si>
    <t>POINT (4.6945774705270695 51.83746850021592)</t>
  </si>
  <si>
    <t>POINT (4.694454912925337 51.83700186950671)</t>
  </si>
  <si>
    <t>POINT (4.6852335296993655 51.83726422121338)</t>
  </si>
  <si>
    <t>POINT (4.730003544943467 51.83290513456279)</t>
  </si>
  <si>
    <t>POINT (4.726798396874925 51.83380155834258)</t>
  </si>
  <si>
    <t>POINT (4.728332175724736 51.83167632644456)</t>
  </si>
  <si>
    <t>POINT (4.7064699516188435 51.82831131043518)</t>
  </si>
  <si>
    <t>POINT (4.68456815251863 51.83091529454273)</t>
  </si>
  <si>
    <t>POINT (4.728777413799153 51.82846501933677)</t>
  </si>
  <si>
    <t>POINT (4.715196055091241 51.83556415225089)</t>
  </si>
  <si>
    <t>POINT (4.710109304256282 51.829689489108866)</t>
  </si>
  <si>
    <t>POINT (4.680727393413142 51.832361804906476)</t>
  </si>
  <si>
    <t>POINT (4.67972921169071 51.83655138662701)</t>
  </si>
  <si>
    <t>POINT (4.723008296144001 51.8296220079954)</t>
  </si>
  <si>
    <t>POINT (4.701443637223519 51.835683793992374)</t>
  </si>
  <si>
    <t>POINT (4.694005654059864 51.824954598584334)</t>
  </si>
  <si>
    <t>POINT (4.693894727163419 51.83815092276106)</t>
  </si>
  <si>
    <t>POINT (4.7201616267399 51.8353762414113)</t>
  </si>
  <si>
    <t>POINT (4.691341593797404 51.82939037902379)</t>
  </si>
  <si>
    <t>POINT (4.679621379497852 51.835285486471115)</t>
  </si>
  <si>
    <t>POINT (4.684030540095341 51.832540296135534)</t>
  </si>
  <si>
    <t>POINT (4.680384456771197 51.837679282119474)</t>
  </si>
  <si>
    <t>POINT (4.677793961644771 51.82793922613939)</t>
  </si>
  <si>
    <t>POINT (4.678484827301479 51.83407469145174)</t>
  </si>
  <si>
    <t>POINT (4.677064110265558 51.82266589652448)</t>
  </si>
  <si>
    <t>POINT (4.705880464239921 51.83921510805712)</t>
  </si>
  <si>
    <t>POINT (4.70231501406587 51.83172492374079)</t>
  </si>
  <si>
    <t>POINT (4.6854073966919625 51.82958791036174)</t>
  </si>
  <si>
    <t>POINT (4.676527349529009 51.83645224614744)</t>
  </si>
  <si>
    <t>POINT (4.701754752022728 51.8412157343387)</t>
  </si>
  <si>
    <t>POINT (4.692035989740594 51.825820115380196)</t>
  </si>
  <si>
    <t>POINT (4.6871724836330015 51.84187484152339)</t>
  </si>
  <si>
    <t>POINT (4.689207600066721 51.82684588710422)</t>
  </si>
  <si>
    <t>POINT (4.693441784960821 51.838727303433394)</t>
  </si>
  <si>
    <t>POINT (4.699274105403973 51.83071874370247)</t>
  </si>
  <si>
    <t>POINT (4.682941535932415 51.84556573506556)</t>
  </si>
  <si>
    <t>POINT (4.706023351308284 51.83890396925106)</t>
  </si>
  <si>
    <t>POINT (4.699296906066153 51.82922895755194)</t>
  </si>
  <si>
    <t>POINT (4.700106727732368 51.83022508376293)</t>
  </si>
  <si>
    <t>POINT (4.708623490947927 51.82896219680881)</t>
  </si>
  <si>
    <t>POINT (4.684422698598103 51.839452543273026)</t>
  </si>
  <si>
    <t>POINT (4.679569148792641 51.83567795735456)</t>
  </si>
  <si>
    <t>POINT (4.677188172196622 51.835344663990156)</t>
  </si>
  <si>
    <t>POINT (4.69365808366407 51.83003231336359)</t>
  </si>
  <si>
    <t>POINT (4.679377084368298 51.826392524093514)</t>
  </si>
  <si>
    <t>POINT (4.6936805715682395 51.83125860408773)</t>
  </si>
  <si>
    <t>POINT (4.688774568276836 51.84032147609979)</t>
  </si>
  <si>
    <t>POINT (4.678797215625084 51.82887550270883)</t>
  </si>
  <si>
    <t>POINT (4.702417823832969 51.83411212078733)</t>
  </si>
  <si>
    <t>POINT (4.678181215688296 51.82948859371468)</t>
  </si>
  <si>
    <t>POINT (4.691362269366403 51.82583975448294)</t>
  </si>
  <si>
    <t>POINT (4.721055779579915 51.83470810764302)</t>
  </si>
  <si>
    <t>POINT (4.693990240548364 51.82730815622625)</t>
  </si>
  <si>
    <t>POINT (4.699409057004123 51.83719804323776)</t>
  </si>
  <si>
    <t>POINT (4.679069748025951 51.822226352214415)</t>
  </si>
  <si>
    <t>POINT (4.67854798202798 51.828305475118775)</t>
  </si>
  <si>
    <t>POINT (4.7019191641194285 51.827954732432836)</t>
  </si>
  <si>
    <t>POINT (4.702343162057507 51.83730597248214)</t>
  </si>
  <si>
    <t>POINT (4.711247209428075 51.82786295210075)</t>
  </si>
  <si>
    <t>POINT (4.704083732548606 51.83817840970732)</t>
  </si>
  <si>
    <t>POINT (4.700678418738913 51.83324985757901)</t>
  </si>
  <si>
    <t>POINT (4.677110074536531 51.83538206976848)</t>
  </si>
  <si>
    <t>POINT (4.729692442486505 51.83241595840235)</t>
  </si>
  <si>
    <t>POINT (4.7107056418301445 51.82714311510095)</t>
  </si>
  <si>
    <t>POINT (4.6999557372192955 51.84166036514001)</t>
  </si>
  <si>
    <t>POINT (4.6812534240119525 51.82524747891621)</t>
  </si>
  <si>
    <t>POINT (4.691162683514705 51.83039673801023)</t>
  </si>
  <si>
    <t>POINT (4.701021736424207 51.84137128812066)</t>
  </si>
  <si>
    <t>POINT (4.692737522354068 51.84303794072963)</t>
  </si>
  <si>
    <t>POINT (4.694739254900073 51.83038240371389)</t>
  </si>
  <si>
    <t>POINT (4.681042052852307 51.82287865893604)</t>
  </si>
  <si>
    <t>POINT (4.689661995134728 51.82343461979715)</t>
  </si>
  <si>
    <t>POINT (4.675042497190199 51.83194713524352)</t>
  </si>
  <si>
    <t>POINT (4.683060009316276 51.83050793479438)</t>
  </si>
  <si>
    <t>POINT (4.68691495825867 51.839097355776666)</t>
  </si>
  <si>
    <t>POINT (4.72058670616542 51.83445800652389)</t>
  </si>
  <si>
    <t>POINT (4.703545545418763 51.8312042934402)</t>
  </si>
  <si>
    <t>POINT (4.7065359362161585 51.82817348392646)</t>
  </si>
  <si>
    <t>POINT (4.693581231576545 51.824814870647934)</t>
  </si>
  <si>
    <t>POINT (4.708716983454014 51.837009917612725)</t>
  </si>
  <si>
    <t>POINT (4.684011137675832 51.839716511019276)</t>
  </si>
  <si>
    <t>POINT (4.688853564751747 51.83949588191386)</t>
  </si>
  <si>
    <t>POINT (4.678504666741926 51.83771878919609)</t>
  </si>
  <si>
    <t>POINT (4.690408737484811 51.82895853201576)</t>
  </si>
  <si>
    <t>POINT (4.700713366929828 51.83329098717906)</t>
  </si>
  <si>
    <t>POINT (4.67423794205189 51.82927571375862)</t>
  </si>
  <si>
    <t>POINT (4.7006602223573175 51.8360190390723)</t>
  </si>
  <si>
    <t>POINT (4.693791805460309 51.82803880323027)</t>
  </si>
  <si>
    <t>POINT (4.7207085565490505 51.835921091250704)</t>
  </si>
  <si>
    <t>POINT (4.685095789227976 51.8307101937383)</t>
  </si>
  <si>
    <t>POINT (4.699714110009292 51.83426458525527)</t>
  </si>
  <si>
    <t>POINT (4.681913632337293 51.825517251263044)</t>
  </si>
  <si>
    <t>POINT (4.677259249592662 51.822681422929364)</t>
  </si>
  <si>
    <t>POINT (4.69984593765132 51.83514524490314)</t>
  </si>
  <si>
    <t>POINT (4.687063043055138 51.82290517457654)</t>
  </si>
  <si>
    <t>POINT (4.706889571596178 51.829053597123824)</t>
  </si>
  <si>
    <t>POINT (4.677891990109654 51.823419819569615)</t>
  </si>
  <si>
    <t>POINT (4.6791092674749155 51.835464346761036)</t>
  </si>
  <si>
    <t>POINT (4.689210294656361 51.82964192827552)</t>
  </si>
  <si>
    <t>POINT (4.680898997793315 51.83174901193719)</t>
  </si>
  <si>
    <t>POINT (4.679476809540124 51.82226737777387)</t>
  </si>
  <si>
    <t>POINT (4.699257473441393 51.83588100458323)</t>
  </si>
  <si>
    <t>POINT (4.711336452746166 51.828070096494095)</t>
  </si>
  <si>
    <t>POINT (4.713331061274574 51.831326231781745)</t>
  </si>
  <si>
    <t>POINT (4.715367439376367 51.83226831580677)</t>
  </si>
  <si>
    <t>POINT (4.693347836874619 51.83964550278943)</t>
  </si>
  <si>
    <t>POINT (4.701586967697797 51.82867120003343)</t>
  </si>
  <si>
    <t>POINT (4.733403275034617 51.83154288439428)</t>
  </si>
  <si>
    <t>POINT (4.706106707254359 51.83872486927572)</t>
  </si>
  <si>
    <t>POINT (4.6949828961076205 51.82408954627516)</t>
  </si>
  <si>
    <t>POINT (4.70438363605109 51.83020266984847)</t>
  </si>
  <si>
    <t>POINT (4.684997752135801 51.83044820857554)</t>
  </si>
  <si>
    <t>POINT (4.699199885358405 51.83920945131977)</t>
  </si>
  <si>
    <t>POINT (4.6912347280492845 51.83231108881199)</t>
  </si>
  <si>
    <t>POINT (4.703227643896218 51.83132225099686)</t>
  </si>
  <si>
    <t>POINT (4.6732892220551685 51.829775038014)</t>
  </si>
  <si>
    <t>POINT (4.685595362252983 51.82616953732785)</t>
  </si>
  <si>
    <t>POINT (4.690319505003569 51.83436374221845)</t>
  </si>
  <si>
    <t>POINT (4.6850130457187955 51.82918838874543)</t>
  </si>
  <si>
    <t>POINT (4.702434802315915 51.83731575633258)</t>
  </si>
  <si>
    <t>POINT (4.681213771370959 51.823563530815946)</t>
  </si>
  <si>
    <t>POINT (4.708161798226584 51.82607513012571)</t>
  </si>
  <si>
    <t>POINT (4.70410639609463 51.83075115190053)</t>
  </si>
  <si>
    <t>POINT (4.7041230795584115 51.82808575189221)</t>
  </si>
  <si>
    <t>POINT (4.683952289923509 51.827810928285196)</t>
  </si>
  <si>
    <t>POINT (4.706620860307451 51.82744240981483)</t>
  </si>
  <si>
    <t>POINT (4.7362458493770925 51.83294798670105)</t>
  </si>
  <si>
    <t>POINT (4.680049817071311 51.8286860153265)</t>
  </si>
  <si>
    <t>POINT (4.6814326538265885 51.83920856918666)</t>
  </si>
  <si>
    <t>POINT (4.704483503735751 51.83824228924346)</t>
  </si>
  <si>
    <t>POINT (4.7180670858056395 51.835099741825864)</t>
  </si>
  <si>
    <t>POINT (4.688051719066064 51.82700626866357)</t>
  </si>
  <si>
    <t>POINT (4.692491252316484 51.835172818455774)</t>
  </si>
  <si>
    <t>POINT (4.68908591837401 51.833690426696116)</t>
  </si>
  <si>
    <t>POINT (4.701833924231489 51.83489293491344)</t>
  </si>
  <si>
    <t>POINT (4.738224710761198 51.84363784065552)</t>
  </si>
  <si>
    <t>POINT (4.729198119597821 51.83388636713432)</t>
  </si>
  <si>
    <t>POINT (4.695452030147298 51.837344247387996)</t>
  </si>
  <si>
    <t>POINT (4.6839360267088574 51.82773570373224)</t>
  </si>
  <si>
    <t>POINT (4.696186032307673 51.83819982896425)</t>
  </si>
  <si>
    <t>POINT (4.677774208288482 51.82237743913182)</t>
  </si>
  <si>
    <t>POINT (4.684081736933037 51.834943886724666)</t>
  </si>
  <si>
    <t>POINT (4.722085507757985 51.83503244859009)</t>
  </si>
  <si>
    <t>POINT (4.68819848619705 51.82738660738634)</t>
  </si>
  <si>
    <t>POINT (4.733233242558705 51.827812088267464)</t>
  </si>
  <si>
    <t>POINT (4.697513483911186 51.83986163155243)</t>
  </si>
  <si>
    <t>POINT (4.686970525551882 51.82600697380472)</t>
  </si>
  <si>
    <t>POINT (4.69683162941658 51.82542281646032)</t>
  </si>
  <si>
    <t>POINT (4.682742605175954 51.83789319261059)</t>
  </si>
  <si>
    <t>POINT (4.677050637522668 51.835567559452095)</t>
  </si>
  <si>
    <t>POINT (4.6997432719079795 51.835369620071035)</t>
  </si>
  <si>
    <t>POINT (4.6820953462731945 51.830668784752355)</t>
  </si>
  <si>
    <t>POINT (4.695817199720277 51.826257624929816)</t>
  </si>
  <si>
    <t>POINT (4.6797330085772515 51.82676694391408)</t>
  </si>
  <si>
    <t>POINT (4.686451390591533 51.835184218795796)</t>
  </si>
  <si>
    <t>POINT (4.687828975679901 51.82588615195344)</t>
  </si>
  <si>
    <t>POINT (4.6893175978758945 51.82767522218462)</t>
  </si>
  <si>
    <t>POINT (4.694518341639787 51.84178422883081)</t>
  </si>
  <si>
    <t>POINT (4.687375202745395 51.823021416808416)</t>
  </si>
  <si>
    <t>POINT (4.7178433509956 51.8342005848617)</t>
  </si>
  <si>
    <t>POINT (4.679489131079918 51.831431562728454)</t>
  </si>
  <si>
    <t>POINT (4.714315074389998 51.83580964562808)</t>
  </si>
  <si>
    <t>POINT (4.6819025432069346 51.829873245851964)</t>
  </si>
  <si>
    <t>POINT (4.677832463544932 51.82948467993602)</t>
  </si>
  <si>
    <t>POINT (4.688481980956864 51.82904789543814)</t>
  </si>
  <si>
    <t>POINT (4.6768596347539635 51.83357898726753)</t>
  </si>
  <si>
    <t>POINT (4.685195403081951 51.84008075266599)</t>
  </si>
  <si>
    <t>POINT (4.691187407185954 51.841559310121944)</t>
  </si>
  <si>
    <t>POINT (4.684897390772409 51.82914020982407)</t>
  </si>
  <si>
    <t>POINT (4.722190125631929 51.83266967502039)</t>
  </si>
  <si>
    <t>POINT (4.702355687318869 51.83122519554756)</t>
  </si>
  <si>
    <t>POINT (4.719905677270926 51.834007205641136)</t>
  </si>
  <si>
    <t>POINT (4.694738412769357 51.82726693700531)</t>
  </si>
  <si>
    <t>POINT (4.695891212290446 51.82695448262289)</t>
  </si>
  <si>
    <t>POINT (4.677633665097887 51.8224725974151)</t>
  </si>
  <si>
    <t>POINT (4.67630115297885 51.83042764670411)</t>
  </si>
  <si>
    <t>POINT (4.732211490501269 51.832996394508)</t>
  </si>
  <si>
    <t>POINT (4.68437192732659 51.828330873119974)</t>
  </si>
  <si>
    <t>POINT (4.678064601186325 51.82727266303064)</t>
  </si>
  <si>
    <t>POINT (4.718427032905685 51.83217167578661)</t>
  </si>
  <si>
    <t>POINT (4.679255409216888 51.83838380408274)</t>
  </si>
  <si>
    <t>POINT (4.67850071241902 51.82902260992682)</t>
  </si>
  <si>
    <t>POINT (4.693594734716858 51.83213286193043)</t>
  </si>
  <si>
    <t>POINT (4.684968007593619 51.82590351494505)</t>
  </si>
  <si>
    <t>POINT (4.695809451283376 51.83765148082455)</t>
  </si>
  <si>
    <t>POINT (4.676987238175985 51.83203168048)</t>
  </si>
  <si>
    <t>POINT (4.702204257494481 51.836109387612)</t>
  </si>
  <si>
    <t>POINT (4.6900997409466685 51.829906320295336)</t>
  </si>
  <si>
    <t>POINT (4.692286052488904 51.83145581027649)</t>
  </si>
  <si>
    <t>POINT (4.679724169281517 51.83810418884796)</t>
  </si>
  <si>
    <t>POINT (4.700342040727524 51.837653538948345)</t>
  </si>
  <si>
    <t>POINT (4.697446509423912 51.832487678385014)</t>
  </si>
  <si>
    <t>POINT (4.6998342750930435 51.83874761057158)</t>
  </si>
  <si>
    <t>POINT (4.684359178101871 51.82658481493246)</t>
  </si>
  <si>
    <t>POINT (4.691194322256998 51.825632801939825)</t>
  </si>
  <si>
    <t>POINT (4.693708129275258 51.82726678699823)</t>
  </si>
  <si>
    <t>POINT (4.69685504919821 51.839927953869214)</t>
  </si>
  <si>
    <t>POINT (4.709317762336906 51.837117584222476)</t>
  </si>
  <si>
    <t>POINT (4.687656708202566 51.82300628616549)</t>
  </si>
  <si>
    <t>POINT (4.701433029882143 51.840284261603756)</t>
  </si>
  <si>
    <t>POINT (4.728906325537387 51.833954608651055)</t>
  </si>
  <si>
    <t>POINT (4.7338170334353595 51.831739467751895)</t>
  </si>
  <si>
    <t>POINT (4.687621199232905 51.827131234448544)</t>
  </si>
  <si>
    <t>POINT (4.689080454591758 51.82536231014856)</t>
  </si>
  <si>
    <t>POINT (4.711282734192806 51.82913498410836)</t>
  </si>
  <si>
    <t>POINT (4.6871448236818205 51.822964915562466)</t>
  </si>
  <si>
    <t>POINT (4.686914159597618 51.8342133580056)</t>
  </si>
  <si>
    <t>POINT (4.686596340914904 51.823508799998024)</t>
  </si>
  <si>
    <t>POINT (4.715061335469021 51.832029776396354)</t>
  </si>
  <si>
    <t>POINT (4.707569166581487 51.82591137003122)</t>
  </si>
  <si>
    <t>POINT (4.7005149826207715 51.84061523179216)</t>
  </si>
  <si>
    <t>POINT (4.682154252649433 51.83016311375323)</t>
  </si>
  <si>
    <t>POINT (4.689527635316404 51.84401864348321)</t>
  </si>
  <si>
    <t>POINT (4.691516664717816 51.83201234179083)</t>
  </si>
  <si>
    <t>POINT (4.715794917292201 51.83277495998898)</t>
  </si>
  <si>
    <t>POINT (4.687435766866995 51.835718307837)</t>
  </si>
  <si>
    <t>POINT (4.720130970077654 51.83531834236375)</t>
  </si>
  <si>
    <t>POINT (4.689506708271659 51.84354367701336)</t>
  </si>
  <si>
    <t>POINT (4.714245165029002 51.833537713929395)</t>
  </si>
  <si>
    <t>POINT (4.71439801681974 51.835790696608484)</t>
  </si>
  <si>
    <t>POINT (4.689826149529509 51.82518785993831)</t>
  </si>
  <si>
    <t>POINT (4.680309463362879 51.838370461439396)</t>
  </si>
  <si>
    <t>POINT (4.697978509939945 51.824574206528396)</t>
  </si>
  <si>
    <t>POINT (4.678534638373107 51.83029328851083)</t>
  </si>
  <si>
    <t>POINT (4.6830841526923725 51.82945025083626)</t>
  </si>
  <si>
    <t>POINT (4.706351633653292 51.827585376687814)</t>
  </si>
  <si>
    <t>POINT (4.707904467162387 51.836447115690646)</t>
  </si>
  <si>
    <t>POINT (4.693920315456175 51.8393724845046)</t>
  </si>
  <si>
    <t>POINT (4.677123022012155 51.83408180566682)</t>
  </si>
  <si>
    <t>POINT (4.685631483607695 51.840861271576294)</t>
  </si>
  <si>
    <t>POINT (4.683585547572404 51.82568671722437)</t>
  </si>
  <si>
    <t>POINT (4.724606728037435 51.82860055079693)</t>
  </si>
  <si>
    <t>POINT (4.687154528330012 51.82630913708397)</t>
  </si>
  <si>
    <t>POINT (4.7118023890530205 51.829380263561404)</t>
  </si>
  <si>
    <t>POINT (4.702471137531636 51.837865487648614)</t>
  </si>
  <si>
    <t>POINT (4.699590139139119 51.834667232822376)</t>
  </si>
  <si>
    <t>POINT (4.688082594993567 51.84364811184059)</t>
  </si>
  <si>
    <t>POINT (4.693485133175991 51.8320155238248)</t>
  </si>
  <si>
    <t>POINT (4.694505064947078 51.83005831196946)</t>
  </si>
  <si>
    <t>POINT (4.684048557913494 51.833663480900476)</t>
  </si>
  <si>
    <t>POINT (4.6956361989148965 51.83142988760728)</t>
  </si>
  <si>
    <t>POINT (4.6954724012064295 51.83359810433545)</t>
  </si>
  <si>
    <t>POINT (4.700748288764556 51.83333289862472)</t>
  </si>
  <si>
    <t>POINT (4.68344054622668 51.823048370815265)</t>
  </si>
  <si>
    <t>POINT (4.70651063742851 51.82818493255424)</t>
  </si>
  <si>
    <t>POINT (4.685953887703549 51.84037376671432)</t>
  </si>
  <si>
    <t>POINT (4.698143315453089 51.839612264144186)</t>
  </si>
  <si>
    <t>POINT (4.6882481609739175 51.82418184863388)</t>
  </si>
  <si>
    <t>POINT (4.6818771673166255 51.83871545433428)</t>
  </si>
  <si>
    <t>POINT (4.6985906461738995 51.83047302307632)</t>
  </si>
  <si>
    <t>POINT (4.695164099268657 51.82709558025802)</t>
  </si>
  <si>
    <t>POINT (4.705661065695717 51.837490608634646)</t>
  </si>
  <si>
    <t>POINT (4.680673824115099 51.82278892038486)</t>
  </si>
  <si>
    <t>POINT (4.691104695512355 51.84116194491687)</t>
  </si>
  <si>
    <t>POINT (4.7243827315479034 51.83149009586526)</t>
  </si>
  <si>
    <t>POINT (4.714338452106822 51.83140724515212)</t>
  </si>
  <si>
    <t>POINT (4.6982485222046 51.828432312535654)</t>
  </si>
  <si>
    <t>POINT (4.678720503090037 51.82295775498119)</t>
  </si>
  <si>
    <t>POINT (4.6945433718836735 51.83595943181107)</t>
  </si>
  <si>
    <t>POINT (4.707955697840851 51.8356927366622)</t>
  </si>
  <si>
    <t>POINT (4.690575463612849 51.837912283810226)</t>
  </si>
  <si>
    <t>POINT (4.681288788121868 51.82225707653268)</t>
  </si>
  <si>
    <t>POINT (4.711095184881078 51.829775152421995)</t>
  </si>
  <si>
    <t>POINT (4.675418698697496 51.832491369618346)</t>
  </si>
  <si>
    <t>POINT (4.678993509825799 51.828647593450846)</t>
  </si>
  <si>
    <t>POINT (4.700814929027079 51.83567757597306)</t>
  </si>
  <si>
    <t>POINT (4.714443613787406 51.83277778518483)</t>
  </si>
  <si>
    <t>POINT (4.690540783989378 51.82638429452385)</t>
  </si>
  <si>
    <t>POINT (4.694686301408509 51.82607391796503)</t>
  </si>
  <si>
    <t>POINT (4.687468647380494 51.826939774847666)</t>
  </si>
  <si>
    <t>POINT (4.718571463901706 51.82470240804426)</t>
  </si>
  <si>
    <t>POINT (4.69406315254502 51.8298131090641)</t>
  </si>
  <si>
    <t>POINT (4.70179652922727 51.83426950821892)</t>
  </si>
  <si>
    <t>POINT (4.704795585752184 51.83971663709702)</t>
  </si>
  <si>
    <t>POINT (4.700408784977753 51.8395315806982)</t>
  </si>
  <si>
    <t>POINT (4.699222709068813 51.829151508100175)</t>
  </si>
  <si>
    <t>POINT (4.692925544391584 51.82823188224767)</t>
  </si>
  <si>
    <t>POINT (4.683179441939528 51.82500098286047)</t>
  </si>
  <si>
    <t>POINT (4.709340411603445 51.82919403889038)</t>
  </si>
  <si>
    <t>POINT (4.7040103579267 51.83073949204189)</t>
  </si>
  <si>
    <t>POINT (4.70329729975405 51.82957558200771)</t>
  </si>
  <si>
    <t>POINT (4.693080860381656 51.82447824524904)</t>
  </si>
  <si>
    <t>POINT (4.6781876389246415 51.8341801134493)</t>
  </si>
  <si>
    <t>POINT (4.704151011213498 51.830585310662165)</t>
  </si>
  <si>
    <t>POINT (4.696174392662288 51.83588512598886)</t>
  </si>
  <si>
    <t>POINT (4.70693271350273 51.83844357766749)</t>
  </si>
  <si>
    <t>POINT (4.716532882987763 51.827473160920846)</t>
  </si>
  <si>
    <t>POINT (4.679493240305436 51.83456184734949)</t>
  </si>
  <si>
    <t>POINT (4.7008207816536425 51.83105982861303)</t>
  </si>
  <si>
    <t>POINT (4.677372360357227 51.82311063234094)</t>
  </si>
  <si>
    <t>POINT (4.680071139171493 51.83901815871593)</t>
  </si>
  <si>
    <t>POINT (4.690382049232063 51.83124269253568)</t>
  </si>
  <si>
    <t>POINT (4.7069243536951255 51.829185652876)</t>
  </si>
  <si>
    <t>POINT (4.6907690300958595 51.84063134207138)</t>
  </si>
  <si>
    <t>POINT (4.683961877926925 51.82602887832419)</t>
  </si>
  <si>
    <t>POINT (4.699759616147675 51.83079788347139)</t>
  </si>
  <si>
    <t>POINT (4.675105137667882 51.83190892697438)</t>
  </si>
  <si>
    <t>POINT (4.704390311937079 51.83030303974769)</t>
  </si>
  <si>
    <t>POINT (4.7108402253762645 51.8288728527496)</t>
  </si>
  <si>
    <t>POINT (4.699303181747726 51.82555236384983)</t>
  </si>
  <si>
    <t>POINT (4.693277856499671 51.84295928512545)</t>
  </si>
  <si>
    <t>POINT (4.683899307374443 51.826006912693536)</t>
  </si>
  <si>
    <t>POINT (4.695064567061686 51.835716433086226)</t>
  </si>
  <si>
    <t>POINT (4.716992654133365 51.8272303616492)</t>
  </si>
  <si>
    <t>POINT (4.6802054012382035 51.830155580882334)</t>
  </si>
  <si>
    <t>POINT (4.698058264205346 51.83068529341142)</t>
  </si>
  <si>
    <t>POINT (4.699292368605417 51.84048511913753)</t>
  </si>
  <si>
    <t>POINT (4.704033364644883 51.8296296112239)</t>
  </si>
  <si>
    <t>POINT (4.703455201950164 51.82829501083033)</t>
  </si>
  <si>
    <t>POINT (4.728074867344726 51.8340811948546)</t>
  </si>
  <si>
    <t>POINT (4.688388362293756 51.83852457976051)</t>
  </si>
  <si>
    <t>POINT (4.6823017842310595 51.834977930802175)</t>
  </si>
  <si>
    <t>POINT (4.720040955813444 51.83625898321632)</t>
  </si>
  <si>
    <t>POINT (4.684398280170938 51.826816893267534)</t>
  </si>
  <si>
    <t>POINT (4.70418999787092 51.82825336577158)</t>
  </si>
  <si>
    <t>POINT (4.721251364402526 51.8328878191418)</t>
  </si>
  <si>
    <t>POINT (4.700407829980454 51.83363000386501)</t>
  </si>
  <si>
    <t>POINT (4.691288535272153 51.833255412336726)</t>
  </si>
  <si>
    <t>POINT (4.682532065991934 51.823903053264914)</t>
  </si>
  <si>
    <t>POINT (4.718039284228592 51.834418965634335)</t>
  </si>
  <si>
    <t>POINT (4.688966125559487 51.84097211588557)</t>
  </si>
  <si>
    <t>POINT (4.6819651925214325 51.828449919355315)</t>
  </si>
  <si>
    <t>POINT (4.682308866329681 51.836938341768544)</t>
  </si>
  <si>
    <t>POINT (4.695211443232115 51.836465665243445)</t>
  </si>
  <si>
    <t>POINT (4.693584320659379 51.838333266227934)</t>
  </si>
  <si>
    <t>POINT (4.682322264144383 51.83001658312074)</t>
  </si>
  <si>
    <t>POINT (4.690045158709937 51.83148672925326)</t>
  </si>
  <si>
    <t>POINT (4.699238922109257 51.83522684745268)</t>
  </si>
  <si>
    <t>POINT (4.702459907071317 51.83362565914622)</t>
  </si>
  <si>
    <t>POINT (4.684439312134943 51.83510670876793)</t>
  </si>
  <si>
    <t>POINT (4.693420320012296 51.83016805697249)</t>
  </si>
  <si>
    <t>POINT (4.691219721041958 51.83141159681585)</t>
  </si>
  <si>
    <t>POINT (4.690458073777921 51.8312143262252)</t>
  </si>
  <si>
    <t>POINT (4.693439753721188 51.836461132222446)</t>
  </si>
  <si>
    <t>POINT (4.714989450207105 51.83185068004652)</t>
  </si>
  <si>
    <t>POINT (4.691774508544597 51.84164714740918)</t>
  </si>
  <si>
    <t>POINT (4.723457663036362 51.83369743339873)</t>
  </si>
  <si>
    <t>POINT (4.687242791024873 51.822979908648115)</t>
  </si>
  <si>
    <t>POINT (4.68046676301986 51.83186536618859)</t>
  </si>
  <si>
    <t>POINT (4.6801635839060864 51.82844082512011)</t>
  </si>
  <si>
    <t>POINT (4.699218542297473 51.82907854990671)</t>
  </si>
  <si>
    <t>POINT (4.711179270996962 51.82886988905364)</t>
  </si>
  <si>
    <t>POINT (4.6879940453023705 51.826909701680044)</t>
  </si>
  <si>
    <t>POINT (4.692387649120219 51.833467555927264)</t>
  </si>
  <si>
    <t>POINT (4.684607360496276 51.82642056805143)</t>
  </si>
  <si>
    <t>POINT (4.724109408485652 51.83273786125713)</t>
  </si>
  <si>
    <t>POINT (4.7069118702614885 51.82898528694737)</t>
  </si>
  <si>
    <t>POINT (4.709572161457245 51.838081320189644)</t>
  </si>
  <si>
    <t>POINT (4.689345392280514 51.82758250778291)</t>
  </si>
  <si>
    <t>POINT (4.702375621934694 51.828375601471805)</t>
  </si>
  <si>
    <t>POINT (4.688323407779316 51.82299059967727)</t>
  </si>
  <si>
    <t>POINT (4.702936854032343 51.835736668118784)</t>
  </si>
  <si>
    <t>POINT (4.682153331887613 51.836730039876606)</t>
  </si>
  <si>
    <t>POINT (4.696454902494401 51.83647184662202)</t>
  </si>
  <si>
    <t>POINT (4.67967337134275 51.83590325665794)</t>
  </si>
  <si>
    <t>POINT (4.7164248574638235 51.834502676373006)</t>
  </si>
  <si>
    <t>POINT (4.728795615949897 51.83313702244775)</t>
  </si>
  <si>
    <t>POINT (4.693931807909252 51.82497231949865)</t>
  </si>
  <si>
    <t>POINT (4.67771953125425 51.82330032470204)</t>
  </si>
  <si>
    <t>POINT (4.685308978827172 51.83723546825157)</t>
  </si>
  <si>
    <t>POINT (4.690459013092738 51.83329752937886)</t>
  </si>
  <si>
    <t>POINT (4.67339815539909 51.83225075299216)</t>
  </si>
  <si>
    <t>POINT (4.6890659165358874 51.82551421269032)</t>
  </si>
  <si>
    <t>POINT (4.69521033699629 51.84213296923078)</t>
  </si>
  <si>
    <t>POINT (4.692983364838897 51.83198951963991)</t>
  </si>
  <si>
    <t>POINT (4.69235411871375 51.83998550804406)</t>
  </si>
  <si>
    <t>POINT (4.698880387904582 51.842022931582385)</t>
  </si>
  <si>
    <t>POINT (4.682176553321349 51.82879986768206)</t>
  </si>
  <si>
    <t>POINT (4.690431377563959 51.82835840495018)</t>
  </si>
  <si>
    <t>POINT (4.702876658774437 51.83510688886961)</t>
  </si>
  <si>
    <t>POINT (4.6971867349954515 51.82917478416101)</t>
  </si>
  <si>
    <t>POINT (4.7066770715493575 51.83855129880611)</t>
  </si>
  <si>
    <t>POINT (4.691534432297739 51.82923856234944)</t>
  </si>
  <si>
    <t>POINT (4.6805520459806 51.836288921393255)</t>
  </si>
  <si>
    <t>POINT (4.690778454524502 51.83055040298494)</t>
  </si>
  <si>
    <t>POINT (4.681288187183214 51.837361164662745)</t>
  </si>
  <si>
    <t>POINT (4.696065106871382 51.83870385544538)</t>
  </si>
  <si>
    <t>POINT (4.681944932214677 51.839767361143295)</t>
  </si>
  <si>
    <t>POINT (4.71988362059431 51.83551901853939)</t>
  </si>
  <si>
    <t>POINT (4.6961575060156395 51.83326835548081)</t>
  </si>
  <si>
    <t>POINT (4.679637915896149 51.83107362385417)</t>
  </si>
  <si>
    <t>POINT (4.684201580928203 51.83764713735434)</t>
  </si>
  <si>
    <t>POINT (4.696856699011747 51.832619732906835)</t>
  </si>
  <si>
    <t>POINT (4.692988623291472 51.82417094430423)</t>
  </si>
  <si>
    <t>POINT (4.697138077658232 51.835833752747305)</t>
  </si>
  <si>
    <t>POINT (4.683345086394868 51.825429970891385)</t>
  </si>
  <si>
    <t>POINT (4.697280539086383 51.833584673305495)</t>
  </si>
  <si>
    <t>POINT (4.687641588886123 51.829621210290874)</t>
  </si>
  <si>
    <t>POINT (4.706803849833802 51.83593778380298)</t>
  </si>
  <si>
    <t>POINT (4.692046720255358 51.833109677490725)</t>
  </si>
  <si>
    <t>POINT (4.695245619974473 51.83593333536499)</t>
  </si>
  <si>
    <t>POINT (4.681994903163088 51.82533039809706)</t>
  </si>
  <si>
    <t>POINT (4.7105247593029045 51.82820495053918)</t>
  </si>
  <si>
    <t>POINT (4.679532020613373 51.82796983412406)</t>
  </si>
  <si>
    <t>POINT (4.696874931920284 51.83607268740744)</t>
  </si>
  <si>
    <t>POINT (4.709044621289882 51.829099801498884)</t>
  </si>
  <si>
    <t>POINT (4.696958646965986 51.83305457317525)</t>
  </si>
  <si>
    <t>POINT (4.700539767133693 51.8366977217891)</t>
  </si>
  <si>
    <t>POINT (4.695154929403394 51.827167489238086)</t>
  </si>
  <si>
    <t>POINT (4.684788765437141 51.82926277621448)</t>
  </si>
  <si>
    <t>POINT (4.706861355510489 51.82633511042776)</t>
  </si>
  <si>
    <t>POINT (4.709074621840845 51.836786998894034)</t>
  </si>
  <si>
    <t>POINT (4.697174918651407 51.83616521820379)</t>
  </si>
  <si>
    <t>POINT (4.682703861712504 51.82819637182774)</t>
  </si>
  <si>
    <t>POINT (4.691744466033691 51.831971301191096)</t>
  </si>
  <si>
    <t>POINT (4.677402564483967 51.834483257269994)</t>
  </si>
  <si>
    <t>POINT (4.6881701643915505 51.83638823761389)</t>
  </si>
  <si>
    <t>POINT (4.691365645265271 51.841136741650025)</t>
  </si>
  <si>
    <t>POINT (4.688749287138036 51.82684565070308)</t>
  </si>
  <si>
    <t>POINT (4.680880002968947 51.823731938645494)</t>
  </si>
  <si>
    <t>POINT (4.673794969935946 51.829442988839666)</t>
  </si>
  <si>
    <t>POINT (4.695596588879938 51.836916233680604)</t>
  </si>
  <si>
    <t>POINT (4.69743009183826 51.832431384994734)</t>
  </si>
  <si>
    <t>POINT (4.681426069046826 51.82408803711911)</t>
  </si>
  <si>
    <t>POINT (4.686288490803026 51.8273285037188)</t>
  </si>
  <si>
    <t>POINT (4.676342674208245 51.83095273647902)</t>
  </si>
  <si>
    <t>POINT (4.693107930221853 51.824886885233084)</t>
  </si>
  <si>
    <t>POINT (4.705631425309075 51.83791049270082)</t>
  </si>
  <si>
    <t>POINT (4.6836054057069125 51.827149271512326)</t>
  </si>
  <si>
    <t>POINT (4.680317995836894 51.83510780700507)</t>
  </si>
  <si>
    <t>POINT (4.704342791858236 51.83039068109359)</t>
  </si>
  <si>
    <t>POINT (4.702260436518124 51.8310805700671)</t>
  </si>
  <si>
    <t>POINT (4.682407046518956 51.825820175320345)</t>
  </si>
  <si>
    <t>POINT (4.695739456534506 51.8421590256067)</t>
  </si>
  <si>
    <t>POINT (4.69246525012471 51.83137986531348)</t>
  </si>
  <si>
    <t>POINT (4.686996418888718 51.82471664612194)</t>
  </si>
  <si>
    <t>POINT (4.679128631178051 51.835964205134076)</t>
  </si>
  <si>
    <t>POINT (4.7181081061058965 51.83038134854229)</t>
  </si>
  <si>
    <t>POINT (4.698012229267343 51.82602219555117)</t>
  </si>
  <si>
    <t>POINT (4.674293405188208 51.83286655865772)</t>
  </si>
  <si>
    <t>POINT (4.681807286162611 51.829164341085615)</t>
  </si>
  <si>
    <t>POINT (4.682136537083616 51.82713865087831)</t>
  </si>
  <si>
    <t>POINT (4.703058603921578 51.82681824074341)</t>
  </si>
  <si>
    <t>POINT (4.734143421001706 51.83158216769369)</t>
  </si>
  <si>
    <t>POINT (4.6962249094166975 51.83504626290601)</t>
  </si>
  <si>
    <t>POINT (4.706256676214806 51.8376233751066)</t>
  </si>
  <si>
    <t>POINT (4.694561570857899 51.82609887153726)</t>
  </si>
  <si>
    <t>POINT (4.694076822099652 51.84169936819075)</t>
  </si>
  <si>
    <t>POINT (4.689467581136385 51.84320567890141)</t>
  </si>
  <si>
    <t>POINT (4.694087811806342 51.829879348117835)</t>
  </si>
  <si>
    <t>POINT (4.7068498082962185 51.82931971766699)</t>
  </si>
  <si>
    <t>POINT (4.685768575144123 51.83301090366739)</t>
  </si>
  <si>
    <t>POINT (4.688605790244543 51.833640407054915)</t>
  </si>
  <si>
    <t>POINT (4.67701731294399 51.822773845812435)</t>
  </si>
  <si>
    <t>POINT (4.682955146550312 51.83026854033296)</t>
  </si>
  <si>
    <t>POINT (4.682073906440625 51.82719836377876)</t>
  </si>
  <si>
    <t>POINT (4.69425549873314 51.83739384625537)</t>
  </si>
  <si>
    <t>POINT (4.699073978591466 51.83124462811715)</t>
  </si>
  <si>
    <t>POINT (4.681855716725362 51.83690478898912)</t>
  </si>
  <si>
    <t>POINT (4.691185343824439 51.828049533998225)</t>
  </si>
  <si>
    <t>POINT (4.686805631807031 51.82723640983432)</t>
  </si>
  <si>
    <t>POINT (4.706982970951161 51.82915050546663)</t>
  </si>
  <si>
    <t>POINT (4.678048789728414 51.822790365536086)</t>
  </si>
  <si>
    <t>POINT (4.687628540421854 51.832430676059786)</t>
  </si>
  <si>
    <t>POINT (4.706073399240137 51.8386744656196)</t>
  </si>
  <si>
    <t>POINT (4.702418340108211 51.83780792217861)</t>
  </si>
  <si>
    <t>POINT (4.679376541976015 51.82900022745535)</t>
  </si>
  <si>
    <t>POINT (4.7009346694483485 51.83327260501266)</t>
  </si>
  <si>
    <t>POINT (4.683736115011442 51.82704391697987)</t>
  </si>
  <si>
    <t>POINT (4.68438813746294 51.839013340453555)</t>
  </si>
  <si>
    <t>POINT (4.677960026079949 51.83423071085644)</t>
  </si>
  <si>
    <t>POINT (4.702020573108182 51.83291667953432)</t>
  </si>
  <si>
    <t>POINT (4.727775090990465 51.82921329465413)</t>
  </si>
  <si>
    <t>POINT (4.700057946473836 51.83088295478977)</t>
  </si>
  <si>
    <t>POINT (4.723551349755638 51.83401627667746)</t>
  </si>
  <si>
    <t>POINT (4.695785095834455 51.82672198667297)</t>
  </si>
  <si>
    <t>POINT (4.687058535542037 51.83587822262148)</t>
  </si>
  <si>
    <t>POINT (4.680566182733559 51.83852922721157)</t>
  </si>
  <si>
    <t>POINT (4.703618032463391 51.82802593173521)</t>
  </si>
  <si>
    <t>POINT (4.7065319592230175 51.8273898861178)</t>
  </si>
  <si>
    <t>POINT (4.701977244848084 51.83599193876428)</t>
  </si>
  <si>
    <t>POINT (4.702046219132292 51.8381055125739)</t>
  </si>
  <si>
    <t>POINT (4.689173901963573 51.82959657091486)</t>
  </si>
  <si>
    <t>POINT (4.6978945318768455 51.833368229545286)</t>
  </si>
  <si>
    <t>POINT (4.693633274679846 51.83007480887638)</t>
  </si>
  <si>
    <t>POINT (4.695734023153685 51.82627166061226)</t>
  </si>
  <si>
    <t>POINT (4.700917951801147 51.83088570271574)</t>
  </si>
  <si>
    <t>POINT (4.68183105817365 51.82270743241397)</t>
  </si>
  <si>
    <t>POINT (4.692426285359622 51.835100992328016)</t>
  </si>
  <si>
    <t>POINT (4.721418813701255 51.834876582202014)</t>
  </si>
  <si>
    <t>POINT (4.69739177389798 51.835197815168975)</t>
  </si>
  <si>
    <t>POINT (4.689419375960328 51.829360766208275)</t>
  </si>
  <si>
    <t>POINT (4.708128702010659 51.828179194557045)</t>
  </si>
  <si>
    <t>POINT (4.703352339003556 51.82743043334168)</t>
  </si>
  <si>
    <t>POINT (4.689502531220208 51.82317267762865)</t>
  </si>
  <si>
    <t>POINT (4.692731182845509 51.833572059158534)</t>
  </si>
  <si>
    <t>POINT (4.70630439899452 51.828518697655696)</t>
  </si>
  <si>
    <t>POINT (4.692448776981027 51.83771474071198)</t>
  </si>
  <si>
    <t>POINT (4.721865967830359 51.82946739753461)</t>
  </si>
  <si>
    <t>POINT (4.675911136777432 51.83229664913718)</t>
  </si>
  <si>
    <t>POINT (4.703188002586909 51.83405985674344)</t>
  </si>
  <si>
    <t>POINT (4.694227215116361 51.82489805596791)</t>
  </si>
  <si>
    <t>POINT (4.688394595544494 51.82300300540495)</t>
  </si>
  <si>
    <t>POINT (4.723760340001436 51.83209334718167)</t>
  </si>
  <si>
    <t>POINT (4.691636998364689 51.830779013855256)</t>
  </si>
  <si>
    <t>POINT (4.704585021278818 51.837898165999455)</t>
  </si>
  <si>
    <t>POINT (4.6845817248616575 51.82624490224965)</t>
  </si>
  <si>
    <t>POINT (4.699597850519292 51.834086819393555)</t>
  </si>
  <si>
    <t>POINT (4.694643273628808 51.82407659467941)</t>
  </si>
  <si>
    <t>POINT (4.708791466929028 51.82913480554381)</t>
  </si>
  <si>
    <t>POINT (4.691771340257843 51.84200089398491)</t>
  </si>
  <si>
    <t>POINT (4.676088241581001 51.82806483135317)</t>
  </si>
  <si>
    <t>POINT (4.701897888164142 51.83487236483224)</t>
  </si>
  <si>
    <t>POINT (4.694108736780605 51.82996766817446)</t>
  </si>
  <si>
    <t>POINT (4.7093020651979876 51.83853208599895)</t>
  </si>
  <si>
    <t>POINT (4.677372638014774 51.8272191508148)</t>
  </si>
  <si>
    <t>POINT (4.722841208145251 51.83444027055617)</t>
  </si>
  <si>
    <t>POINT (4.702824762913747 51.83600075663996)</t>
  </si>
  <si>
    <t>POINT (4.697443196643113 51.82982283493029)</t>
  </si>
  <si>
    <t>POINT (4.6933367381312525 51.838832334960614)</t>
  </si>
  <si>
    <t>POINT (4.696870261582892 51.83369567988857)</t>
  </si>
  <si>
    <t>POINT (4.68287795570706 51.83406729820492)</t>
  </si>
  <si>
    <t>POINT (4.691720126864283 51.833284091070375)</t>
  </si>
  <si>
    <t>POINT (4.681696195864888 51.8294669773903)</t>
  </si>
  <si>
    <t>POINT (4.73443694972484 51.83081969707536)</t>
  </si>
  <si>
    <t>POINT (4.680278501867415 51.843592043405195)</t>
  </si>
  <si>
    <t>POINT (4.692575432173582 51.83501108075502)</t>
  </si>
  <si>
    <t>POINT (4.686915087454621 51.82290628738677)</t>
  </si>
  <si>
    <t>POINT (4.684764947679219 51.829235586854665)</t>
  </si>
  <si>
    <t>POINT (4.6991060312774176 51.83019447639784)</t>
  </si>
  <si>
    <t>POINT (4.687339664327492 51.832855842624646)</t>
  </si>
  <si>
    <t>POINT (4.703953208038931 51.834674146073596)</t>
  </si>
  <si>
    <t>POINT (4.709152812711213 51.83835859773064)</t>
  </si>
  <si>
    <t>POINT (4.677387821696237 51.82955698435057)</t>
  </si>
  <si>
    <t>POINT (4.681045177570314 51.83608635444742)</t>
  </si>
  <si>
    <t>POINT (4.691473970073889 51.82748865499638)</t>
  </si>
  <si>
    <t>POINT (4.695155793956305 51.84243678677301)</t>
  </si>
  <si>
    <t>POINT (4.680538422729981 51.843572673583424)</t>
  </si>
  <si>
    <t>POINT (4.6949671060988 51.831351661796305)</t>
  </si>
  <si>
    <t>POINT (4.685315185545526 51.83738750319433)</t>
  </si>
  <si>
    <t>POINT (4.706616081587224 51.828201669569594)</t>
  </si>
  <si>
    <t>POINT (4.704116205615053 51.830575858831324)</t>
  </si>
  <si>
    <t>POINT (4.727747529174061 51.82880869726957)</t>
  </si>
  <si>
    <t>POINT (4.689524632427512 51.82665698794261)</t>
  </si>
  <si>
    <t>POINT (4.70309460813637 51.83628170481099)</t>
  </si>
  <si>
    <t>POINT (4.673425006974149 51.82974234507276)</t>
  </si>
  <si>
    <t>POINT (4.692258954729584 51.841867936148645)</t>
  </si>
  <si>
    <t>POINT (4.680033955703933 51.83153550102157)</t>
  </si>
  <si>
    <t>POINT (4.689856831205429 51.82934366273129)</t>
  </si>
  <si>
    <t>POINT (4.6973408002306005 51.833563373840306)</t>
  </si>
  <si>
    <t>POINT (4.689217393985032 51.83843711742452)</t>
  </si>
  <si>
    <t>POINT (4.6896296759168585 51.82680019911361)</t>
  </si>
  <si>
    <t>POINT (4.7017173263188035 51.833577092324354)</t>
  </si>
  <si>
    <t>POINT (4.695969929193061 51.82686999458013)</t>
  </si>
  <si>
    <t>POINT (4.6866485705775665 51.827805568406866)</t>
  </si>
  <si>
    <t>POINT (4.722996670729627 51.82893828618499)</t>
  </si>
  <si>
    <t>POINT (4.693402562669562 51.831023643261)</t>
  </si>
  <si>
    <t>POINT (4.677880805875998 51.832086215255934)</t>
  </si>
  <si>
    <t>POINT (4.714947540220618 51.83203033824484)</t>
  </si>
  <si>
    <t>POINT (4.67864753579224 51.82295353028562)</t>
  </si>
  <si>
    <t>POINT (4.692922752935948 51.83908979366397)</t>
  </si>
  <si>
    <t>POINT (4.7083153140815694 51.828766880762906)</t>
  </si>
  <si>
    <t>POINT (4.703178185951918 51.830229889395135)</t>
  </si>
  <si>
    <t>POINT (4.684167222320208 51.82796248799502)</t>
  </si>
  <si>
    <t>POINT (4.698803082170114 51.83788484483305)</t>
  </si>
  <si>
    <t>POINT (4.679258918240906 51.83262653649136)</t>
  </si>
  <si>
    <t>POINT (4.680820931401291 51.83691388385102)</t>
  </si>
  <si>
    <t>POINT (4.69817624306938 51.83541953339807)</t>
  </si>
  <si>
    <t>POINT (4.679862008582521 51.83583388649741)</t>
  </si>
  <si>
    <t>POINT (4.697447462059281 51.825377583712125)</t>
  </si>
  <si>
    <t>POINT (4.702320980742208 51.836137394038566)</t>
  </si>
  <si>
    <t>POINT (4.700394760278855 51.84082080840094)</t>
  </si>
  <si>
    <t>POINT (4.686796502414987 51.82294862644656)</t>
  </si>
  <si>
    <t>POINT (4.6867541187822095 51.823487144213374)</t>
  </si>
  <si>
    <t>POINT (4.703288588525656 51.82824542069035)</t>
  </si>
  <si>
    <t>POINT (4.695560775371393 51.84133599055822)</t>
  </si>
  <si>
    <t>POINT (4.675291356293369 51.828995656908475)</t>
  </si>
  <si>
    <t>POINT (4.6944634742401 51.82518570286729)</t>
  </si>
  <si>
    <t>POINT (4.694739680353496 51.8317576224387)</t>
  </si>
  <si>
    <t>POINT (4.675634320195113 51.82846185091192)</t>
  </si>
  <si>
    <t>POINT (4.700708976276353 51.84020400434978)</t>
  </si>
  <si>
    <t>POINT (4.681034211737134 51.8370562976078)</t>
  </si>
  <si>
    <t>POINT (4.694205867964309 51.82997307752721)</t>
  </si>
  <si>
    <t>POINT (4.691010274046174 51.840820976749185)</t>
  </si>
  <si>
    <t>POINT (4.725859539443786 51.833458795731765)</t>
  </si>
  <si>
    <t>POINT (4.707287739766929 51.8369105851374)</t>
  </si>
  <si>
    <t>POINT (4.711003911303661 51.82839700318942)</t>
  </si>
  <si>
    <t>POINT (4.68583277579109 51.82402907803873)</t>
  </si>
  <si>
    <t>POINT (4.681147946592884 51.82281809224153)</t>
  </si>
  <si>
    <t>POINT (4.67893631791898 51.8307524080797)</t>
  </si>
  <si>
    <t>POINT (4.724317355747235 51.828604624795545)</t>
  </si>
  <si>
    <t>POINT (4.695825113972654 51.826636264037916)</t>
  </si>
  <si>
    <t>POINT (4.694154983692502 51.8312582689136)</t>
  </si>
  <si>
    <t>POINT (4.709820784116663 51.82828609339274)</t>
  </si>
  <si>
    <t>POINT (4.699188597303632 51.83404816143437)</t>
  </si>
  <si>
    <t>POINT (4.7062947724821536 51.82844148342846)</t>
  </si>
  <si>
    <t>POINT (4.703409147248482 51.83945259234499)</t>
  </si>
  <si>
    <t>POINT (4.709101252577439 51.82891789326212)</t>
  </si>
  <si>
    <t>POINT (4.682374212800268 51.83711304179613)</t>
  </si>
  <si>
    <t>POINT (4.696963660568799 51.837028062010866)</t>
  </si>
  <si>
    <t>POINT (4.67793721373214 51.82344127912385)</t>
  </si>
  <si>
    <t>POINT (4.686625175373481 51.82488072984916)</t>
  </si>
  <si>
    <t>POINT (4.677184137652725 51.823076721224766)</t>
  </si>
  <si>
    <t>POINT (4.687669098607002 51.828449039456316)</t>
  </si>
  <si>
    <t>POINT (4.677176375036719 51.835329087226235)</t>
  </si>
  <si>
    <t>POINT (4.713845425720231 51.83448619263072)</t>
  </si>
  <si>
    <t>POINT (4.69817941057331 51.8289893011083)</t>
  </si>
  <si>
    <t>POINT (4.687435906625401 51.82627269405292)</t>
  </si>
  <si>
    <t>POINT (4.680931746717754 51.8366794077514)</t>
  </si>
  <si>
    <t>POINT (4.723666706508832 51.83311295331859)</t>
  </si>
  <si>
    <t>POINT (4.714672902440541 51.83175523252109)</t>
  </si>
  <si>
    <t>POINT (4.681647059746179 51.83783179189218)</t>
  </si>
  <si>
    <t>POINT (4.684752447131394 51.82573593510364)</t>
  </si>
  <si>
    <t>POINT (4.701296354053861 51.8363747430251)</t>
  </si>
  <si>
    <t>POINT (4.682497414247805 51.831676111722615)</t>
  </si>
  <si>
    <t>POINT (4.692044867482608 51.83364166785387)</t>
  </si>
  <si>
    <t>POINT (4.70207968118873 51.83323245341393)</t>
  </si>
  <si>
    <t>POINT (4.6763105617533585 51.83214956049657)</t>
  </si>
  <si>
    <t>POINT (4.684082072979112 51.8251457714254)</t>
  </si>
  <si>
    <t>POINT (4.674603885591261 51.832759186767774)</t>
  </si>
  <si>
    <t>POINT (4.704126488794665 51.830589437566296)</t>
  </si>
  <si>
    <t>POINT (4.6799460065732665 51.83068893272244)</t>
  </si>
  <si>
    <t>POINT (4.694112178847981 51.841831871485304)</t>
  </si>
  <si>
    <t>POINT (4.6984489024828235 51.83504729638289)</t>
  </si>
  <si>
    <t>POINT (4.685043560650651 51.84049705202886)</t>
  </si>
  <si>
    <t>POINT (4.703032777676206 51.83566100366457)</t>
  </si>
  <si>
    <t>POINT (4.689358075252873 51.82772557452067)</t>
  </si>
  <si>
    <t>POINT (4.6867083181549605 51.83448430586539)</t>
  </si>
  <si>
    <t>POINT (4.679675926450707 51.833109125189544)</t>
  </si>
  <si>
    <t>POINT (4.6770353380272285 51.8230503291583)</t>
  </si>
  <si>
    <t>POINT (4.699457041947598 51.82904799291673)</t>
  </si>
  <si>
    <t>POINT (4.6845879930293 51.82610709884345)</t>
  </si>
  <si>
    <t>POINT (4.689243391254443 51.828060501614274)</t>
  </si>
  <si>
    <t>POINT (4.678872033951878 51.83549528369086)</t>
  </si>
  <si>
    <t>POINT (4.683097967725521 51.83716451226123)</t>
  </si>
  <si>
    <t>POINT (4.68732625646785 51.840448813257986)</t>
  </si>
  <si>
    <t>POINT (4.697916479604617 51.82884444265497)</t>
  </si>
  <si>
    <t>POINT (4.6916612853400705 51.83139176037695)</t>
  </si>
  <si>
    <t>POINT (4.700410542621222 51.83773345306891)</t>
  </si>
  <si>
    <t>POINT (4.6757610182141045 51.8323509926545)</t>
  </si>
  <si>
    <t>POINT (4.6892526187928425 51.82913010602807)</t>
  </si>
  <si>
    <t>POINT (4.720066404972898 51.83454712122262)</t>
  </si>
  <si>
    <t>POINT (4.694067193818548 51.83833201032061)</t>
  </si>
  <si>
    <t>POINT (4.684438489837105 51.83733983205497)</t>
  </si>
  <si>
    <t>POINT (4.678268772175362 51.822763793666724)</t>
  </si>
  <si>
    <t>POINT (4.714020084584101 51.83137661133381)</t>
  </si>
  <si>
    <t>POINT (4.676178626668766 51.82800735712946)</t>
  </si>
  <si>
    <t>POINT (4.683642120914941 51.82493128162882)</t>
  </si>
  <si>
    <t>POINT (4.70410308307638 51.82778755455014)</t>
  </si>
  <si>
    <t>POINT (4.689720933111204 51.82515819244602)</t>
  </si>
  <si>
    <t>POINT (4.7196838541414685 51.83637619618593)</t>
  </si>
  <si>
    <t>POINT (4.710201718976368 51.829995401639565)</t>
  </si>
  <si>
    <t>POINT (4.69500185571726 51.84242172221995)</t>
  </si>
  <si>
    <t>POINT (4.687565423479657 51.83791396138641)</t>
  </si>
  <si>
    <t>POINT (4.679653324077748 51.8288717854429)</t>
  </si>
  <si>
    <t>POINT (4.68348666307606 51.82904206322235)</t>
  </si>
  <si>
    <t>POINT (4.678822312165648 51.83482890719297)</t>
  </si>
  <si>
    <t>POINT (4.697354281956394 51.829282589868825)</t>
  </si>
  <si>
    <t>POINT (4.680674504595098 51.82690113450929)</t>
  </si>
  <si>
    <t>POINT (4.690335789476722 51.83777518697977)</t>
  </si>
  <si>
    <t>POINT (4.700033873663966 51.83635916241344)</t>
  </si>
  <si>
    <t>POINT (4.686840316162495 51.841890972607594)</t>
  </si>
  <si>
    <t>POINT (4.721774092913065 51.83438356686635)</t>
  </si>
  <si>
    <t>POINT (4.698052150124277 51.82594346475836)</t>
  </si>
  <si>
    <t>POINT (4.6982075746202305 51.83249867351405)</t>
  </si>
  <si>
    <t>POINT (4.686102869283711 51.8261215592044)</t>
  </si>
  <si>
    <t>POINT (4.696189104289738 51.82566768832729)</t>
  </si>
  <si>
    <t>POINT (4.6774252761419595 51.83529895234651)</t>
  </si>
  <si>
    <t>POINT (4.690875242993611 51.83745210056605)</t>
  </si>
  <si>
    <t>POINT (4.703081629275129 51.83486126489281)</t>
  </si>
  <si>
    <t>POINT (4.708588417599556 51.83644318822817)</t>
  </si>
  <si>
    <t>POINT (4.707534892210407 51.838969205127626)</t>
  </si>
  <si>
    <t>POINT (4.680706500044228 51.836953248638316)</t>
  </si>
  <si>
    <t>POINT (4.691632260383313 51.82396820218523)</t>
  </si>
  <si>
    <t>POINT (4.69139820308701 51.82349252901402)</t>
  </si>
  <si>
    <t>POINT (4.682204933924327 51.82346467172031)</t>
  </si>
  <si>
    <t>POINT (4.684657165543109 51.825223551151)</t>
  </si>
  <si>
    <t>POINT (4.688790452735836 51.840980715781185)</t>
  </si>
  <si>
    <t>POINT (4.700553608165053 51.830005751359955)</t>
  </si>
  <si>
    <t>POINT (4.691267162487706 51.83282811869746)</t>
  </si>
  <si>
    <t>POINT (4.725099717296892 51.82851470479971)</t>
  </si>
  <si>
    <t>POINT (4.691151651908251 51.837750067902896)</t>
  </si>
  <si>
    <t>POINT (4.714921681658193 51.83472621774618)</t>
  </si>
  <si>
    <t>POINT (4.723793453078612 51.832158989381234)</t>
  </si>
  <si>
    <t>POINT (4.708122999244126 51.8261402619909)</t>
  </si>
  <si>
    <t>POINT (4.673441847529743 51.831978231066664)</t>
  </si>
  <si>
    <t>POINT (4.683440873837636 51.8354648662803)</t>
  </si>
  <si>
    <t>POINT (4.682301230696766 51.827255458782425)</t>
  </si>
  <si>
    <t>POINT (4.732325052894211 51.83292414847989)</t>
  </si>
  <si>
    <t>POINT (4.72727661472993 51.8321522495029)</t>
  </si>
  <si>
    <t>POINT (4.681306303084844 51.82229827800697)</t>
  </si>
  <si>
    <t>POINT (4.690956304300329 51.840155534197315)</t>
  </si>
  <si>
    <t>POINT (4.676500323092746 51.83208092165131)</t>
  </si>
  <si>
    <t>POINT (4.689721710881067 51.82417716724985)</t>
  </si>
  <si>
    <t>POINT (4.700375618287976 51.8348351633232)</t>
  </si>
  <si>
    <t>POINT (4.677549642531619 51.82968833415754)</t>
  </si>
  <si>
    <t>POINT (4.708539041094996 51.827507879077295)</t>
  </si>
  <si>
    <t>POINT (4.687356590394616 51.823071066996164)</t>
  </si>
  <si>
    <t>POINT (4.675469468074761 51.83215764124966)</t>
  </si>
  <si>
    <t>POINT (4.684100066375368 51.82785209167917)</t>
  </si>
  <si>
    <t>POINT (4.713821943247979 51.831357686417455)</t>
  </si>
  <si>
    <t>POINT (4.7237083109630955 51.82795225978635)</t>
  </si>
  <si>
    <t>POINT (4.681246764418773 51.82963892475006)</t>
  </si>
  <si>
    <t>POINT (4.686251677698769 51.84098745510933)</t>
  </si>
  <si>
    <t>POINT (4.679386895028912 51.83054204994481)</t>
  </si>
  <si>
    <t>POINT (4.697054896152763 51.82953079498811)</t>
  </si>
  <si>
    <t>POINT (4.675696759905481 51.823757288133834)</t>
  </si>
  <si>
    <t>BU05900903</t>
  </si>
  <si>
    <t>Sportpark Slobbengors</t>
  </si>
  <si>
    <t>POINT (4.6846823108693565 51.82865886620069)</t>
  </si>
  <si>
    <t>POINT (4.686721552918381 51.82308403362839)</t>
  </si>
  <si>
    <t>POINT (4.71909045628306 51.83207702812547)</t>
  </si>
  <si>
    <t>POINT (4.707184633237419 51.82623954698412)</t>
  </si>
  <si>
    <t>POINT (4.688995065602817 51.83407615505153)</t>
  </si>
  <si>
    <t>POINT (4.679445384672702 51.83598367003819)</t>
  </si>
  <si>
    <t>POINT (4.708901192683386 51.836035941776224)</t>
  </si>
  <si>
    <t>POINT (4.698029591305078 51.826153225989025)</t>
  </si>
  <si>
    <t>POINT (4.69518117915485 51.82713866462644)</t>
  </si>
  <si>
    <t>POINT (4.684099323924999 51.82998244130232)</t>
  </si>
  <si>
    <t>POINT (4.6933927472101375 51.83884839607152)</t>
  </si>
  <si>
    <t>POINT (4.695238695861613 51.83182862696152)</t>
  </si>
  <si>
    <t>POINT (4.682243411663897 51.82725704410575)</t>
  </si>
  <si>
    <t>POINT (4.699968153044422 51.840399451295596)</t>
  </si>
  <si>
    <t>POINT (4.67806530181269 51.83317243941441)</t>
  </si>
  <si>
    <t>POINT (4.722547576707543 51.83402136620887)</t>
  </si>
  <si>
    <t>POINT (4.686494299856051 51.83695083185435)</t>
  </si>
  <si>
    <t>POINT (4.701603232907836 51.83145249417493)</t>
  </si>
  <si>
    <t>POINT (4.698452672625366 51.839024308891645)</t>
  </si>
  <si>
    <t>POINT (4.700261031571912 51.83233766779003)</t>
  </si>
  <si>
    <t>POINT (4.697815243849008 51.84048007730586)</t>
  </si>
  <si>
    <t>POINT (4.715784067272243 51.8322451358401)</t>
  </si>
  <si>
    <t>POINT (4.683185195681249 51.83005292538903)</t>
  </si>
  <si>
    <t>POINT (4.682322176094362 51.83515928222339)</t>
  </si>
  <si>
    <t>POINT (4.721700401037493 51.83440429933359)</t>
  </si>
  <si>
    <t>POINT (4.688699745792777 51.82307761188506)</t>
  </si>
  <si>
    <t>POINT (4.699609367274092 51.83900422207574)</t>
  </si>
  <si>
    <t>POINT (4.70212579427365 51.83327601175745)</t>
  </si>
  <si>
    <t>POINT (4.6793321466985764 51.82961921477988)</t>
  </si>
  <si>
    <t>POINT (4.681575450615824 51.830573248438704)</t>
  </si>
  <si>
    <t>POINT (4.720309048096415 51.83557368682235)</t>
  </si>
  <si>
    <t>POINT (4.710206846170031 51.830161091542664)</t>
  </si>
  <si>
    <t>POINT (4.725169084540651 51.83274544208562)</t>
  </si>
  <si>
    <t>POINT (4.679699535586238 51.83160276141772)</t>
  </si>
  <si>
    <t>POINT (4.686442334953064 51.823870006359286)</t>
  </si>
  <si>
    <t>POINT (4.698121762497367 51.82436585501073)</t>
  </si>
  <si>
    <t>POINT (4.689944042179478 51.82472353274741)</t>
  </si>
  <si>
    <t>POINT (4.684754053809656 51.82545415955681)</t>
  </si>
  <si>
    <t>POINT (4.688700604446692 51.823987187285354)</t>
  </si>
  <si>
    <t>POINT (4.68036865611651 51.84365265722787)</t>
  </si>
  <si>
    <t>POINT (4.682130679724673 51.836123844808036)</t>
  </si>
  <si>
    <t>POINT (4.704424774050408 51.838374898366126)</t>
  </si>
  <si>
    <t>POINT (4.701114988349864 51.829119581776546)</t>
  </si>
  <si>
    <t>POINT (4.681256766237177 51.835809626321804)</t>
  </si>
  <si>
    <t>POINT (4.685793808638256 51.84050863767668)</t>
  </si>
  <si>
    <t>POINT (4.678587090013511 51.82869958491983)</t>
  </si>
  <si>
    <t>POINT (4.6920215124377425 51.83089644507566)</t>
  </si>
  <si>
    <t>POINT (4.677830925514446 51.82731250898107)</t>
  </si>
  <si>
    <t>POINT (4.698635675960671 51.83052061237197)</t>
  </si>
  <si>
    <t>POINT (4.680668035051106 51.83696711133722)</t>
  </si>
  <si>
    <t>POINT (4.728420535541689 51.82858367113433)</t>
  </si>
  <si>
    <t>POINT (4.700747976253756 51.835598992445014)</t>
  </si>
  <si>
    <t>POINT (4.689100756177128 51.827429567492835)</t>
  </si>
  <si>
    <t>POINT (4.715186877955949 51.83560647204305)</t>
  </si>
  <si>
    <t>POINT (4.7059908764806435 51.838317686995666)</t>
  </si>
  <si>
    <t>POINT (4.684200054590331 51.82816314045012)</t>
  </si>
  <si>
    <t>POINT (4.6905827325354625 51.843917970669594)</t>
  </si>
  <si>
    <t>POINT (4.729283672733476 51.82939334317386)</t>
  </si>
  <si>
    <t>POINT (4.6838845599615 51.82555945923496)</t>
  </si>
  <si>
    <t>POINT (4.692409834575277 51.8303821941114)</t>
  </si>
  <si>
    <t>POINT (4.721708100554189 51.832578459504106)</t>
  </si>
  <si>
    <t>POINT (4.691091694466322 51.83042513463362)</t>
  </si>
  <si>
    <t>POINT (4.731230386449267 51.832866154517575)</t>
  </si>
  <si>
    <t>POINT (4.693263537589289 51.8362320761411)</t>
  </si>
  <si>
    <t>POINT (4.682052092073745 51.83615379933452)</t>
  </si>
  <si>
    <t>POINT (4.692777078776737 51.83326670811624)</t>
  </si>
  <si>
    <t>POINT (4.7279171718616 51.8317499771348)</t>
  </si>
  <si>
    <t>POINT (4.706524966599121 51.82754454886882)</t>
  </si>
  <si>
    <t>POINT (4.701480586792928 51.834681247800205)</t>
  </si>
  <si>
    <t>POINT (4.693431590829117 51.839016146671966)</t>
  </si>
  <si>
    <t>POINT (4.694996598738724 51.82612332514643)</t>
  </si>
  <si>
    <t>POINT (4.712478828743333 51.831562483129176)</t>
  </si>
  <si>
    <t>POINT (4.677912768755993 51.834328536399)</t>
  </si>
  <si>
    <t>POINT (4.690857454669431 51.83238914694696)</t>
  </si>
  <si>
    <t>POINT (4.6757909881733335 51.82832999317578)</t>
  </si>
  <si>
    <t>POINT (4.720601942069775 51.83453046933116)</t>
  </si>
  <si>
    <t>POINT (4.703213773920894 51.83641267127062)</t>
  </si>
  <si>
    <t>POINT (4.706527390141614 51.827483017777624)</t>
  </si>
  <si>
    <t>POINT (4.69246044152413 51.83514510393975)</t>
  </si>
  <si>
    <t>POINT (4.706942557344304 51.83451755862082)</t>
  </si>
  <si>
    <t>POINT (4.6867168342574885 51.82319071872191)</t>
  </si>
  <si>
    <t>POINT (4.6841304637936325 51.82801816822554)</t>
  </si>
  <si>
    <t>POINT (4.693956499876375 51.82968260242973)</t>
  </si>
  <si>
    <t>POINT (4.677834988392363 51.82334212768366)</t>
  </si>
  <si>
    <t>POINT (4.693471414403193 51.842018771762675)</t>
  </si>
  <si>
    <t>POINT (4.728915807039718 51.83159748979454)</t>
  </si>
  <si>
    <t>POINT (4.690177599380608 51.823276282726624)</t>
  </si>
  <si>
    <t>POINT (4.692777293006445 51.83127397387536)</t>
  </si>
  <si>
    <t>POINT (4.685854841390796 51.828111727844856)</t>
  </si>
  <si>
    <t>POINT (4.689488373628991 51.84373988863144)</t>
  </si>
  <si>
    <t>POINT (4.6922493487518215 51.841641213122514)</t>
  </si>
  <si>
    <t>POINT (4.687043363433207 51.82951855278449)</t>
  </si>
  <si>
    <t>POINT (4.698822286078459 51.83066315196248)</t>
  </si>
  <si>
    <t>POINT (4.684623692798763 51.82859155893868)</t>
  </si>
  <si>
    <t>POINT (4.708843684360947 51.82896188751)</t>
  </si>
  <si>
    <t>POINT (4.687206732185315 51.84445959087534)</t>
  </si>
  <si>
    <t>POINT (4.680188927574136 51.8286192856188)</t>
  </si>
  <si>
    <t>POINT (4.688209409955702 51.828411656479524)</t>
  </si>
  <si>
    <t>POINT (4.6871298899712635 51.83835663496814)</t>
  </si>
  <si>
    <t>POINT (4.699880679388455 51.83553569850904)</t>
  </si>
  <si>
    <t>POINT (4.698501506191264 51.834281684000935)</t>
  </si>
  <si>
    <t>POINT (4.687909408595856 51.843500538881976)</t>
  </si>
  <si>
    <t>POINT (4.678138303522304 51.83135833313725)</t>
  </si>
  <si>
    <t>POINT (4.682518414108496 51.83835960682404)</t>
  </si>
  <si>
    <t>POINT (4.687863241871678 51.83585652960966)</t>
  </si>
  <si>
    <t>POINT (4.677961143377547 51.832349456819095)</t>
  </si>
  <si>
    <t>POINT (4.734470960212784 51.83121400050521)</t>
  </si>
  <si>
    <t>POINT (4.677715744691618 51.83439815835193)</t>
  </si>
  <si>
    <t>POINT (4.682347774684112 51.83105310020191)</t>
  </si>
  <si>
    <t>POINT (4.706433267384702 51.82759850615271)</t>
  </si>
  <si>
    <t>POINT (4.678671868136454 51.83028758215774)</t>
  </si>
  <si>
    <t>POINT (4.706737796533287 51.83848886529639)</t>
  </si>
  <si>
    <t>POINT (4.706515947547601 51.82737524067678)</t>
  </si>
  <si>
    <t>POINT (4.711339154812972 51.82992220002412)</t>
  </si>
  <si>
    <t>POINT (4.67721126344084 51.835375517846394)</t>
  </si>
  <si>
    <t>POINT (4.682567046460164 51.82746810827098)</t>
  </si>
  <si>
    <t>POINT (4.677092721148793 51.830202777878114)</t>
  </si>
  <si>
    <t>POINT (4.712660595066607 51.82985310103215)</t>
  </si>
  <si>
    <t>POINT (4.681275452343791 51.83028210915322)</t>
  </si>
  <si>
    <t>POINT (4.707373691118062 51.82580787552011)</t>
  </si>
  <si>
    <t>POINT (4.681993100596464 51.839181034103284)</t>
  </si>
  <si>
    <t>POINT (4.69352670618837 51.83009437663622)</t>
  </si>
  <si>
    <t>POINT (4.735935633398306 51.83303019266637)</t>
  </si>
  <si>
    <t>POINT (4.6793875539305345 51.83772434930286)</t>
  </si>
  <si>
    <t>POINT (4.680973327226495 51.822932357134825)</t>
  </si>
  <si>
    <t>POINT (4.67829676951639 51.823580735077115)</t>
  </si>
  <si>
    <t>POINT (4.699645145201189 51.83507685212311)</t>
  </si>
  <si>
    <t>POINT (4.707293347989289 51.83861766395848)</t>
  </si>
  <si>
    <t>POINT (4.683618077064772 51.82716461019155)</t>
  </si>
  <si>
    <t>POINT (4.695483429268107 51.836785726253865)</t>
  </si>
  <si>
    <t>POINT (4.683334327988436 51.83134422956927)</t>
  </si>
  <si>
    <t>POINT (4.680510063780618 51.823288305978416)</t>
  </si>
  <si>
    <t>POINT (4.704057289463465 51.83827447901335)</t>
  </si>
  <si>
    <t>3351HB</t>
  </si>
  <si>
    <t>POINT (4.698996042949565 51.83963500041971)</t>
  </si>
  <si>
    <t>POINT (4.690618609825728 51.84215537927497)</t>
  </si>
  <si>
    <t>POINT (4.678896759456245 51.8328574094653)</t>
  </si>
  <si>
    <t>POINT (4.690523995006474 51.82333011391531)</t>
  </si>
  <si>
    <t>POINT (4.6881495391853285 51.82296407245678)</t>
  </si>
  <si>
    <t>POINT (4.691600118331951 51.82635624047437)</t>
  </si>
  <si>
    <t>POINT (4.683829024664561 51.83118117454598)</t>
  </si>
  <si>
    <t>POINT (4.702413661622252 51.835435132187214)</t>
  </si>
  <si>
    <t>POINT (4.693244649899599 51.830183045318016)</t>
  </si>
  <si>
    <t>POINT (4.716420732882171 51.83531282349923)</t>
  </si>
  <si>
    <t>POINT (4.680676755772883 51.829482562422115)</t>
  </si>
  <si>
    <t>POINT (4.7256947719363795 51.83423318869578)</t>
  </si>
  <si>
    <t>POINT (4.697128480363362 51.8296224802144)</t>
  </si>
  <si>
    <t>POINT (4.693000496029055 51.83984523516154)</t>
  </si>
  <si>
    <t>POINT (4.6938660025141425 51.83319395472924)</t>
  </si>
  <si>
    <t>POINT (4.673361566533646 51.8298064259188)</t>
  </si>
  <si>
    <t>POINT (4.681454361241918 51.83798406969266)</t>
  </si>
  <si>
    <t>POINT (4.7019399236084904 51.83443143949477)</t>
  </si>
  <si>
    <t>POINT (4.694027577237727 51.829570933869704)</t>
  </si>
  <si>
    <t>POINT (4.696016477331097 51.8413779095698)</t>
  </si>
  <si>
    <t>POINT (4.723466419363665 51.8343903068975)</t>
  </si>
  <si>
    <t>POINT (4.7022012957303865 51.83336099936825)</t>
  </si>
  <si>
    <t>POINT (4.6868939958284495 51.84193468991375)</t>
  </si>
  <si>
    <t>POINT (4.6785022013300965 51.82268736159891)</t>
  </si>
  <si>
    <t>POINT (4.7066650489389055 51.83857297258055)</t>
  </si>
  <si>
    <t>POINT (4.676657685829772 51.83064149709125)</t>
  </si>
  <si>
    <t>POINT (4.694975671134974 51.83815839793797)</t>
  </si>
  <si>
    <t>POINT (4.683763650708274 51.83443859931229)</t>
  </si>
  <si>
    <t>POINT (4.700305729746266 51.83596475051442)</t>
  </si>
  <si>
    <t>POINT (4.6942858512477725 51.84273836555642)</t>
  </si>
  <si>
    <t>POINT (4.692145258086428 51.83047636579516)</t>
  </si>
  <si>
    <t>POINT (4.707106647739248 51.825831002348856)</t>
  </si>
  <si>
    <t>POINT (4.693670937861378 51.83914819254211)</t>
  </si>
  <si>
    <t>POINT (4.7023032320020635 51.830473664829746)</t>
  </si>
  <si>
    <t>POINT (4.693991931507536 51.82992278131774)</t>
  </si>
  <si>
    <t>POINT (4.680261364029707 51.83204713823148)</t>
  </si>
  <si>
    <t>POINT (4.682681800062017 51.83545430888159)</t>
  </si>
  <si>
    <t>POINT (4.681969531666291 51.83052257467618)</t>
  </si>
  <si>
    <t>POINT (4.690344401831877 51.82783253847445)</t>
  </si>
  <si>
    <t>POINT (4.725731301833281 51.8281868373983)</t>
  </si>
  <si>
    <t>POINT (4.708751812617359 51.82896948226717)</t>
  </si>
  <si>
    <t>POINT (4.683002118647218 51.82388808582088)</t>
  </si>
  <si>
    <t>POINT (4.703995115732869 51.83933928655165)</t>
  </si>
  <si>
    <t>POINT (4.695154395618352 51.82699158741443)</t>
  </si>
  <si>
    <t>POINT (4.694947523062639 51.83168862909055)</t>
  </si>
  <si>
    <t>POINT (4.695245176730652 51.837737350459726)</t>
  </si>
  <si>
    <t>POINT (4.69013160562215 51.827575341352315)</t>
  </si>
  <si>
    <t>POINT (4.675060651135605 51.82846307297893)</t>
  </si>
  <si>
    <t>POINT (4.691376630133276 51.83087192337833)</t>
  </si>
  <si>
    <t>POINT (4.697796576894766 51.83554876309213)</t>
  </si>
  <si>
    <t>POINT (4.69408099004723 51.82963338771842)</t>
  </si>
  <si>
    <t>POINT (4.7091068802599025 51.83683207437831)</t>
  </si>
  <si>
    <t>POINT (4.721277207921031 51.832259248282234)</t>
  </si>
  <si>
    <t>POINT (4.692948858201399 51.84154443629846)</t>
  </si>
  <si>
    <t>POINT (4.701263814576313 51.8304769348527)</t>
  </si>
  <si>
    <t>POINT (4.703355854063539 51.8391464441716)</t>
  </si>
  <si>
    <t>POINT (4.708401457220039 51.826152973600706)</t>
  </si>
  <si>
    <t>POINT (4.720904227828344 51.83473205614318)</t>
  </si>
  <si>
    <t>POINT (4.68047757228761 51.83697781194196)</t>
  </si>
  <si>
    <t>POINT (4.695229261777418 51.82715892983535)</t>
  </si>
  <si>
    <t>POINT (4.7091868404694734 51.82891140349172)</t>
  </si>
  <si>
    <t>POINT (4.691777790313464 51.84194309937331)</t>
  </si>
  <si>
    <t>POINT (4.6775533289197355 51.831089408325596)</t>
  </si>
  <si>
    <t>POINT (4.708869669672636 51.83725947002755)</t>
  </si>
  <si>
    <t>POINT (4.680886264035637 51.835412967170875)</t>
  </si>
  <si>
    <t>POINT (4.673289819806591 51.8298691708358)</t>
  </si>
  <si>
    <t>POINT (4.703230145878015 51.82785029947553)</t>
  </si>
  <si>
    <t>POINT (4.703397598598666 51.831200204798485)</t>
  </si>
  <si>
    <t>POINT (4.70746748805423 51.83720566169473)</t>
  </si>
  <si>
    <t>POINT (4.708946571843235 51.83261086559343)</t>
  </si>
  <si>
    <t>POINT (4.681970424100105 51.836184022940664)</t>
  </si>
  <si>
    <t>POINT (4.720945815838801 51.83372301502442)</t>
  </si>
  <si>
    <t>POINT (4.685703918121082 51.82408810946396)</t>
  </si>
  <si>
    <t>POINT (4.691718342687528 51.841493486727224)</t>
  </si>
  <si>
    <t>POINT (4.699553616883341 51.83462466448289)</t>
  </si>
  <si>
    <t>POINT (4.683237903386322 51.82762061701477)</t>
  </si>
  <si>
    <t>POINT (4.702250961030779 51.83726245098923)</t>
  </si>
  <si>
    <t>POINT (4.677808571337745 51.831400493196746)</t>
  </si>
  <si>
    <t>POINT (4.691133071685235 51.83402115827822)</t>
  </si>
  <si>
    <t>POINT (4.702561719549283 51.82805457043778)</t>
  </si>
  <si>
    <t>POINT (4.690504709694842 51.83151597408153)</t>
  </si>
  <si>
    <t>POINT (4.6780436792833395 51.82242189855842)</t>
  </si>
  <si>
    <t>POINT (4.7063200593114205 51.83561841764744)</t>
  </si>
  <si>
    <t>POINT (4.680376606638468 51.83134670880425)</t>
  </si>
  <si>
    <t>POINT (4.706683531985277 51.82623846754602)</t>
  </si>
  <si>
    <t>POINT (4.689600112728556 51.82702411929518)</t>
  </si>
  <si>
    <t>POINT (4.680976468026461 51.83551199840543)</t>
  </si>
  <si>
    <t>POINT (4.680747466652377 51.839366153698705)</t>
  </si>
  <si>
    <t>POINT (4.685496900914656 51.829012533996874)</t>
  </si>
  <si>
    <t>POINT (4.694520014790242 51.826105205994615)</t>
  </si>
  <si>
    <t>POINT (4.676840927978912 51.82275190674856)</t>
  </si>
  <si>
    <t>POINT (4.692264714877761 51.82489864173712)</t>
  </si>
  <si>
    <t>POINT (4.685160854990012 51.83326359988454)</t>
  </si>
  <si>
    <t>POINT (4.698618656170937 51.83450346450675)</t>
  </si>
  <si>
    <t>POINT (4.702410500475911 51.83280975197286)</t>
  </si>
  <si>
    <t>POINT (4.6980802787889635 51.829027550078614)</t>
  </si>
  <si>
    <t>POINT (4.703455636982562 51.83124754440315)</t>
  </si>
  <si>
    <t>POINT (4.679746822421626 51.82298802621348)</t>
  </si>
  <si>
    <t>POINT (4.699597149367894 51.82905291253361)</t>
  </si>
  <si>
    <t>POINT (4.723784499177411 51.834316214035674)</t>
  </si>
  <si>
    <t>POINT (4.692950962670005 51.83049925480918)</t>
  </si>
  <si>
    <t>POINT (4.736203504682623 51.8329486327697)</t>
  </si>
  <si>
    <t>POINT (4.679994213100107 51.83084346835183)</t>
  </si>
  <si>
    <t>POINT (4.727808068831055 51.832053565792485)</t>
  </si>
  <si>
    <t>POINT (4.697684134975248 51.829077636500294)</t>
  </si>
  <si>
    <t>POINT (4.6827242018040165 51.825541264830754)</t>
  </si>
  <si>
    <t>POINT (4.692199169033833 51.83846772390866)</t>
  </si>
  <si>
    <t>POINT (4.6843573867858534 51.83776351129839)</t>
  </si>
  <si>
    <t>POINT (4.697273652954193 51.83938120966946)</t>
  </si>
  <si>
    <t>POINT (4.697416865622589 51.83893332110017)</t>
  </si>
  <si>
    <t>POINT (4.707107001323825 51.82580757103736)</t>
  </si>
  <si>
    <t>POINT (4.692146123396888 51.82718751758847)</t>
  </si>
  <si>
    <t>POINT (4.685405665469443 51.834470296452835)</t>
  </si>
  <si>
    <t>POINT (4.699312708874042 51.824276194891205)</t>
  </si>
  <si>
    <t>POINT (4.718499935503589 51.83123906383918)</t>
  </si>
  <si>
    <t>POINT (4.680121606316198 51.83264445490781)</t>
  </si>
  <si>
    <t>POINT (4.683259672013896 51.83815118494494)</t>
  </si>
  <si>
    <t>POINT (4.7144991419013165 51.83576185638299)</t>
  </si>
  <si>
    <t>POINT (4.691921541020592 51.82529138167525)</t>
  </si>
  <si>
    <t>POINT (4.680544624850628 51.83217639264097)</t>
  </si>
  <si>
    <t>POINT (4.699000089972312 51.83803645145732)</t>
  </si>
  <si>
    <t>POINT (4.692280867146249 51.837136263389986)</t>
  </si>
  <si>
    <t>POINT (4.6904133124740905 51.84016306319419)</t>
  </si>
  <si>
    <t>POINT (4.6903409256271695 51.833167302192386)</t>
  </si>
  <si>
    <t>POINT (4.67302074137419 51.8301718089589)</t>
  </si>
  <si>
    <t>POINT (4.67712032061225 51.830186738299055)</t>
  </si>
  <si>
    <t>POINT (4.679398900781799 51.83463311582085)</t>
  </si>
  <si>
    <t>POINT (4.698027895046357 51.834160236666655)</t>
  </si>
  <si>
    <t>POINT (4.673503548368343 51.82977634132661)</t>
  </si>
  <si>
    <t>POINT (4.684913483422511 51.83620236702176)</t>
  </si>
  <si>
    <t>POINT (4.732709986190223 51.82984379710839)</t>
  </si>
  <si>
    <t>POINT (4.701538317951973 51.833078535388026)</t>
  </si>
  <si>
    <t>POINT (4.6790074580347625 51.8355011523488)</t>
  </si>
  <si>
    <t>POINT (4.6802184217586555 51.83895698818086)</t>
  </si>
  <si>
    <t>POINT (4.730363461079223 51.83349978559857)</t>
  </si>
  <si>
    <t>POINT (4.708545729952138 51.835672625853924)</t>
  </si>
  <si>
    <t>POINT (4.69350195427869 51.84188538125706)</t>
  </si>
  <si>
    <t>POINT (4.693410094754485 51.842422636829674)</t>
  </si>
  <si>
    <t>POINT (4.69269654607083 51.83899878516858)</t>
  </si>
  <si>
    <t>POINT (4.69889071687043 51.8341090300261)</t>
  </si>
  <si>
    <t>POINT (4.703333460231288 51.82872040767099)</t>
  </si>
  <si>
    <t>POINT (4.718853215770573 51.835614242781645)</t>
  </si>
  <si>
    <t>POINT (4.693569151978355 51.830536607717576)</t>
  </si>
  <si>
    <t>POINT (4.6822625983609685 51.82709510297395)</t>
  </si>
  <si>
    <t>POINT (4.685319998755601 51.83728531320299)</t>
  </si>
  <si>
    <t>POINT (4.691169724377846 51.84177584916506)</t>
  </si>
  <si>
    <t>POINT (4.683899912941143 51.82688186242115)</t>
  </si>
  <si>
    <t>POINT (4.731393918955803 51.82602698048088)</t>
  </si>
  <si>
    <t>POINT (4.708711235196724 51.82773139698767)</t>
  </si>
  <si>
    <t>POINT (4.70704753682193 51.829049946301545)</t>
  </si>
  <si>
    <t>POINT (4.69874079167079 51.83584519414946)</t>
  </si>
  <si>
    <t>POINT (4.680703044586561 51.82238870559578)</t>
  </si>
  <si>
    <t>POINT (4.6877603660389715 51.833506215144205)</t>
  </si>
  <si>
    <t>POINT (4.719111536932632 51.835921568588134)</t>
  </si>
  <si>
    <t>POINT (4.690555480156937 51.83205884754137)</t>
  </si>
  <si>
    <t>POINT (4.685522903810497 51.84077519472954)</t>
  </si>
  <si>
    <t>POINT (4.706327693285194 51.837780458620486)</t>
  </si>
  <si>
    <t>POINT (4.697347001073013 51.835145543871235)</t>
  </si>
  <si>
    <t>POINT (4.6932162018298955 51.835791614082574)</t>
  </si>
  <si>
    <t>POINT (4.679871119488467 51.82327905499919)</t>
  </si>
  <si>
    <t>POINT (4.694529884582521 51.84182532999839)</t>
  </si>
  <si>
    <t>POINT (4.689500833382492 51.84397168943507)</t>
  </si>
  <si>
    <t>POINT (4.70110443954491 51.83065761872415)</t>
  </si>
  <si>
    <t>POINT (4.702479029404175 51.832789307087324)</t>
  </si>
  <si>
    <t>POINT (4.701280506189644 51.8355562991013)</t>
  </si>
  <si>
    <t>POINT (4.704660910063314 51.83901576672006)</t>
  </si>
  <si>
    <t>POINT (4.706817316104751 51.8263321226188)</t>
  </si>
  <si>
    <t>POINT (4.683592737496566 51.82713466093106)</t>
  </si>
  <si>
    <t>POINT (4.692203344664752 51.84294224200171)</t>
  </si>
  <si>
    <t>POINT (4.694285484025105 51.842196205607166)</t>
  </si>
  <si>
    <t>POINT (4.70288037886117 51.83573222213883)</t>
  </si>
  <si>
    <t>POINT (4.7087513444075855 51.83864587358092)</t>
  </si>
  <si>
    <t>POINT (4.684278737178704 51.834208492389585)</t>
  </si>
  <si>
    <t>POINT (4.676951009803734 51.822670758171)</t>
  </si>
  <si>
    <t>POINT (4.707958639576063 51.83651296515355)</t>
  </si>
  <si>
    <t>POINT (4.686863763706128 51.84054985601113)</t>
  </si>
  <si>
    <t>POINT (4.691685101744474 51.827876732385185)</t>
  </si>
  <si>
    <t>POINT (4.6963879814975575 51.83906393449412)</t>
  </si>
  <si>
    <t>POINT (4.734646697806575 51.83178972679117)</t>
  </si>
  <si>
    <t>POINT (4.676737462998074 51.82290372815711)</t>
  </si>
  <si>
    <t>POINT (4.686745558359861 51.82714225484559)</t>
  </si>
  <si>
    <t>POINT (4.679092826038173 51.83726470857386)</t>
  </si>
  <si>
    <t>POINT (4.684283654486422 51.837617031476896)</t>
  </si>
  <si>
    <t>POINT (4.6949490686822735 51.83196765439418)</t>
  </si>
  <si>
    <t>POINT (4.694243049394294 51.83530144449654)</t>
  </si>
  <si>
    <t>POINT (4.6833125653297945 51.82719549720376)</t>
  </si>
  <si>
    <t>POINT (4.71126327819371 51.82908094932138)</t>
  </si>
  <si>
    <t>POINT (4.693710707226613 51.83325122983097)</t>
  </si>
  <si>
    <t>POINT (4.71396880327546 51.832071613874376)</t>
  </si>
  <si>
    <t>POINT (4.713985068158072 51.83257356867081)</t>
  </si>
  <si>
    <t>POINT (4.710547892762007 51.83801825701505)</t>
  </si>
  <si>
    <t>POINT (4.7272629139397155 51.833441381448125)</t>
  </si>
  <si>
    <t>POINT (4.688152469564366 51.84324040827433)</t>
  </si>
  <si>
    <t>POINT (4.693163927172125 51.83862562670915)</t>
  </si>
  <si>
    <t>POINT (4.72060283680032 51.83288910003307)</t>
  </si>
  <si>
    <t>POINT (4.693935610577083 51.83705466835876)</t>
  </si>
  <si>
    <t>POINT (4.672453638979168 51.831226564519426)</t>
  </si>
  <si>
    <t>POINT (4.6820402428070285 51.82715810812447)</t>
  </si>
  <si>
    <t>POINT (4.706478905222563 51.828392754389824)</t>
  </si>
  <si>
    <t>POINT (4.716345752519083 51.83200135787397)</t>
  </si>
  <si>
    <t>POINT (4.724272926399185 51.827959296984325)</t>
  </si>
  <si>
    <t>POINT (4.688797920302088 51.825513121750724)</t>
  </si>
  <si>
    <t>POINT (4.697847423532692 51.835046696254444)</t>
  </si>
  <si>
    <t>POINT (4.684309825360331 51.82672260302167)</t>
  </si>
  <si>
    <t>POINT (4.682962828388065 51.834966096215865)</t>
  </si>
  <si>
    <t>POINT (4.690030966267754 51.82333530320085)</t>
  </si>
  <si>
    <t>POINT (4.686766836400884 51.82322602791951)</t>
  </si>
  <si>
    <t>POINT (4.684724428606109 51.82674243313025)</t>
  </si>
  <si>
    <t>POINT (4.685167568056091 51.826028338560526)</t>
  </si>
  <si>
    <t>POINT (4.696641688002777 51.82651249744158)</t>
  </si>
  <si>
    <t>POINT (4.683895454958971 51.83372067530346)</t>
  </si>
  <si>
    <t>POINT (4.704082597862631 51.83056586565452)</t>
  </si>
  <si>
    <t>POINT (4.726389521579837 51.83299875908671)</t>
  </si>
  <si>
    <t>POINT (4.715689473091564 51.83467415463699)</t>
  </si>
  <si>
    <t>POINT (4.691092199902092 51.82365488321567)</t>
  </si>
  <si>
    <t>POINT (4.697290462226105 51.82636416183096)</t>
  </si>
  <si>
    <t>POINT (4.676008295176626 51.82981773653605)</t>
  </si>
  <si>
    <t>POINT (4.679340819457939 51.83118294135455)</t>
  </si>
  <si>
    <t>POINT (4.735851560403742 51.83289247928015)</t>
  </si>
  <si>
    <t>POINT (4.678668576300616 51.82298900969055)</t>
  </si>
  <si>
    <t>POINT (4.692705875482506 51.838113100902085)</t>
  </si>
  <si>
    <t>POINT (4.719529676743594 51.82915704049816)</t>
  </si>
  <si>
    <t>POINT (4.6788368078300495 51.83268686567249)</t>
  </si>
  <si>
    <t>POINT (4.692195684034739 51.84309827512252)</t>
  </si>
  <si>
    <t>POINT (4.697838188424017 51.839552478301194)</t>
  </si>
  <si>
    <t>POINT (4.681724405190327 51.83796661887156)</t>
  </si>
  <si>
    <t>POINT (4.696914322431295 51.82540707830962)</t>
  </si>
  <si>
    <t>POINT (4.686784446324338 51.827185452628335)</t>
  </si>
  <si>
    <t>POINT (4.684053072553015 51.83741187825231)</t>
  </si>
  <si>
    <t>POINT (4.701602878982438 51.831986848109175)</t>
  </si>
  <si>
    <t>POINT (4.68034848892384 51.832007142072364)</t>
  </si>
  <si>
    <t>POINT (4.677603948753004 51.833592369610706)</t>
  </si>
  <si>
    <t>POINT (4.704147167952573 51.83050866024548)</t>
  </si>
  <si>
    <t>POINT (4.690923604880643 51.84118682125352)</t>
  </si>
  <si>
    <t>POINT (4.686322042678464 51.823883885678114)</t>
  </si>
  <si>
    <t>POINT (4.676842666015888 51.830445935989786)</t>
  </si>
  <si>
    <t>POINT (4.691413183907995 51.82358200091608)</t>
  </si>
  <si>
    <t>POINT (4.683996093692931 51.82698115200731)</t>
  </si>
  <si>
    <t>POINT (4.7205009968686 51.83437503131818)</t>
  </si>
  <si>
    <t>POINT (4.68535780924277 51.82553698819275)</t>
  </si>
  <si>
    <t>POINT (4.690974449974595 51.83345856276276)</t>
  </si>
  <si>
    <t>POINT (4.701430663539545 51.83166207176633)</t>
  </si>
  <si>
    <t>POINT (4.6813178687089145 51.827011215190375)</t>
  </si>
  <si>
    <t>POINT (4.7013992911345 51.83787179732904)</t>
  </si>
  <si>
    <t>POINT (4.698112114116483 51.826241655313126)</t>
  </si>
  <si>
    <t>POINT (4.679898615661078 51.82931786930562)</t>
  </si>
  <si>
    <t>POINT (4.677597965907071 51.834412619303194)</t>
  </si>
  <si>
    <t>POINT (4.679548175375372 51.82985850079248)</t>
  </si>
  <si>
    <t>POINT (4.686602275469454 51.8300257388571)</t>
  </si>
  <si>
    <t>POINT (4.704315563018899 51.83380243439427)</t>
  </si>
  <si>
    <t>POINT (4.678709235377068 51.82294004223228)</t>
  </si>
  <si>
    <t>POINT (4.706977143332593 51.829265553089705)</t>
  </si>
  <si>
    <t>POINT (4.684972550423445 51.826033697754646)</t>
  </si>
  <si>
    <t>POINT (4.686279869963458 51.833103969902744)</t>
  </si>
  <si>
    <t>POINT (4.6948799821610905 51.83261157918432)</t>
  </si>
  <si>
    <t>POINT (4.680461168955463 51.836738714231025)</t>
  </si>
  <si>
    <t>POINT (4.684685690055095 51.82618541744479)</t>
  </si>
  <si>
    <t>POINT (4.686831038099051 51.82928309602184)</t>
  </si>
  <si>
    <t>POINT (4.692126958442206 51.83174174069273)</t>
  </si>
  <si>
    <t>POINT (4.683469323967431 51.83515383214758)</t>
  </si>
  <si>
    <t>POINT (4.697301610150873 51.83739451032049)</t>
  </si>
  <si>
    <t>POINT (4.719947879078228 51.83629514573485)</t>
  </si>
  <si>
    <t>POINT (4.702256526446393 51.83611567001956)</t>
  </si>
  <si>
    <t>POINT (4.683411337665781 51.82718081775745)</t>
  </si>
  <si>
    <t>POINT (4.6871295054996125 51.83512248581056)</t>
  </si>
  <si>
    <t>POINT (4.704835242233127 51.832057321563646)</t>
  </si>
  <si>
    <t>POINT (4.681091913019871 51.82969909818569)</t>
  </si>
  <si>
    <t>POINT (4.707492635706046 51.82623528160115)</t>
  </si>
  <si>
    <t>POINT (4.689917072543571 51.825190674239195)</t>
  </si>
  <si>
    <t>POINT (4.696027909611172 51.84079358154541)</t>
  </si>
  <si>
    <t>POINT (4.697932073193679 51.83616369768422)</t>
  </si>
  <si>
    <t>POINT (4.6758696088491405 51.83225104077485)</t>
  </si>
  <si>
    <t>POINT (4.707969010787845 51.834938614564244)</t>
  </si>
  <si>
    <t>POINT (4.676936290323233 51.83009575638842)</t>
  </si>
  <si>
    <t>POINT (4.686999668406929 51.83677559353353)</t>
  </si>
  <si>
    <t>POINT (4.704285052060363 51.83054765517265)</t>
  </si>
  <si>
    <t>POINT (4.675643052345793 51.832331662160556)</t>
  </si>
  <si>
    <t>POINT (4.693483450822676 51.839073629780216)</t>
  </si>
  <si>
    <t>POINT (4.729709777255378 51.832294826167015)</t>
  </si>
  <si>
    <t>POINT (4.679586224633331 51.82334532795461)</t>
  </si>
  <si>
    <t>POINT (4.70330619895169 51.824853806466635)</t>
  </si>
  <si>
    <t>POINT (4.720113326040454 51.829261076234246)</t>
  </si>
  <si>
    <t>POINT (4.693339163379534 51.8333479902004)</t>
  </si>
  <si>
    <t>POINT (4.72322077331043 51.83374521652904)</t>
  </si>
  <si>
    <t>POINT (4.714135923641598 51.83173058222687)</t>
  </si>
  <si>
    <t>POINT (4.692395046739106 51.840035798944946)</t>
  </si>
  <si>
    <t>POINT (4.677581686985818 51.8319483103142)</t>
  </si>
  <si>
    <t>POINT (4.701741494328975 51.83459586949369)</t>
  </si>
  <si>
    <t>POINT (4.682537875244481 51.827478207177144)</t>
  </si>
  <si>
    <t>POINT (4.697964100211486 51.82600591317384)</t>
  </si>
  <si>
    <t>POINT (4.680516049112096 51.83702147667445)</t>
  </si>
  <si>
    <t>POINT (4.690509727136116 51.838402475212995)</t>
  </si>
  <si>
    <t>POINT (4.709179655984589 51.82884606861626)</t>
  </si>
  <si>
    <t>POINT (4.677539367457772 51.83190221237421)</t>
  </si>
  <si>
    <t>POINT (4.689531348452553 51.82420189622786)</t>
  </si>
  <si>
    <t>POINT (4.706484665823735 51.827455318743745)</t>
  </si>
  <si>
    <t>POINT (4.6991284340650825 51.83477562699781)</t>
  </si>
  <si>
    <t>POINT (4.69619159799366 51.83884920004575)</t>
  </si>
  <si>
    <t>POINT (4.694169604304589 51.836102266447696)</t>
  </si>
  <si>
    <t>POINT (4.679760810730085 51.83263168352552)</t>
  </si>
  <si>
    <t>POINT (4.7030417406030764 51.83338425528255)</t>
  </si>
  <si>
    <t>POINT (4.693268193267235 51.83172443900826)</t>
  </si>
  <si>
    <t>POINT (4.699626892368123 51.831898429129566)</t>
  </si>
  <si>
    <t>POINT (4.684823910079552 51.825625721476854)</t>
  </si>
  <si>
    <t>POINT (4.6822882994299455 51.829072652131536)</t>
  </si>
  <si>
    <t>POINT (4.676763740526206 51.835697633067824)</t>
  </si>
  <si>
    <t>POINT (4.687153876047444 51.82698523218207)</t>
  </si>
  <si>
    <t>POINT (4.6844355461204055 51.82519643601659)</t>
  </si>
  <si>
    <t>POINT (4.719502152044744 51.834068514620846)</t>
  </si>
  <si>
    <t>POINT (4.711485177691229 51.828323506116504)</t>
  </si>
  <si>
    <t>POINT (4.678218360494606 51.82675696003254)</t>
  </si>
  <si>
    <t>POINT (4.681771327824322 51.825256857765474)</t>
  </si>
  <si>
    <t>POINT (4.683349888108175 51.834826693645745)</t>
  </si>
  <si>
    <t>POINT (4.6918567423209865 51.82731755019971)</t>
  </si>
  <si>
    <t>POINT (4.6796541830200615 51.83796309485651)</t>
  </si>
  <si>
    <t>POINT (4.697380267697923 51.825818459085596)</t>
  </si>
  <si>
    <t>POINT (4.68526041331991 51.82603449376022)</t>
  </si>
  <si>
    <t>POINT (4.685365838205521 51.82954194564606)</t>
  </si>
  <si>
    <t>POINT (4.686169044310069 51.82390870647268)</t>
  </si>
  <si>
    <t>POINT (4.6967245917040215 51.82601825048171)</t>
  </si>
  <si>
    <t>POINT (4.691178836796185 51.832086976335034)</t>
  </si>
  <si>
    <t>POINT (4.67663782240101 51.822808321590706)</t>
  </si>
  <si>
    <t>POINT (4.681209767722704 51.837416323787885)</t>
  </si>
  <si>
    <t>POINT (4.697313134102006 51.83814382493077)</t>
  </si>
  <si>
    <t>POINT (4.706376771842193 51.837875123738904)</t>
  </si>
  <si>
    <t>POINT (4.73281443840823 51.83176297921325)</t>
  </si>
  <si>
    <t>POINT (4.6773640170965445 51.83444255730808)</t>
  </si>
  <si>
    <t>POINT (4.704454451654842 51.83024546313375)</t>
  </si>
  <si>
    <t>POINT (4.690453595437905 51.829003444866224)</t>
  </si>
  <si>
    <t>POINT (4.678177516151173 51.826841422387744)</t>
  </si>
  <si>
    <t>POINT (4.69637393476353 51.82542673920044)</t>
  </si>
  <si>
    <t>POINT (4.702596320699424 51.830498079789656)</t>
  </si>
  <si>
    <t>POINT (4.6881485727275365 51.83284316156291)</t>
  </si>
  <si>
    <t>POINT (4.692069586730544 51.82473849515861)</t>
  </si>
  <si>
    <t>POINT (4.684184111989092 51.83615928742168)</t>
  </si>
  <si>
    <t>POINT (4.704148547489243 51.838037827294066)</t>
  </si>
  <si>
    <t>POINT (4.704664683399403 51.837603020428624)</t>
  </si>
  <si>
    <t>POINT (4.695142860828278 51.8363813251507)</t>
  </si>
  <si>
    <t>POINT (4.682473189395268 51.84455375346354)</t>
  </si>
  <si>
    <t>POINT (4.692732392354369 51.824860331651244)</t>
  </si>
  <si>
    <t>POINT (4.691409015197851 51.82346679569546)</t>
  </si>
  <si>
    <t>POINT (4.683452188337974 51.828783253175246)</t>
  </si>
  <si>
    <t>POINT (4.701272705760312 51.836465138274576)</t>
  </si>
  <si>
    <t>POINT (4.7207073773681385 51.82910631394789)</t>
  </si>
  <si>
    <t>POINT (4.678877560792823 51.83022085136829)</t>
  </si>
  <si>
    <t>POINT (4.701012772094147 51.82432339491838)</t>
  </si>
  <si>
    <t>POINT (4.695534213743819 51.84148005653718)</t>
  </si>
  <si>
    <t>POINT (4.691177536408097 51.825011146649835)</t>
  </si>
  <si>
    <t>POINT (4.714620088513834 51.834015414316895)</t>
  </si>
  <si>
    <t>POINT (4.714239013340082 51.83488605194834)</t>
  </si>
  <si>
    <t>POINT (4.701370424727374 51.82429370143727)</t>
  </si>
  <si>
    <t>POINT (4.68531705530202 51.83498096855593)</t>
  </si>
  <si>
    <t>POINT (4.691021856360728 51.82340552544893)</t>
  </si>
  <si>
    <t>POINT (4.680750058754097 51.82346384300012)</t>
  </si>
  <si>
    <t>POINT (4.68833558280413 51.83950149163653)</t>
  </si>
  <si>
    <t>POINT (4.6799630882481384 51.83560140202143)</t>
  </si>
  <si>
    <t>POINT (4.678121533038112 51.822308159039416)</t>
  </si>
  <si>
    <t>POINT (4.691915234316668 51.8334977201724)</t>
  </si>
  <si>
    <t>POINT (4.719004721559376 51.8319414682344)</t>
  </si>
  <si>
    <t>POINT (4.680575445544729 51.83630676986476)</t>
  </si>
  <si>
    <t>POINT (4.695127420212143 51.83698695983047)</t>
  </si>
  <si>
    <t>POINT (4.706226537361179 51.82853712210105)</t>
  </si>
  <si>
    <t>POINT (4.689591798236147 51.83419601563967)</t>
  </si>
  <si>
    <t>POINT (4.680308129512979 51.831407733859436)</t>
  </si>
  <si>
    <t>POINT (4.706086207815413 51.83883212837191)</t>
  </si>
  <si>
    <t>POINT (4.686174441522551 51.835446175068945)</t>
  </si>
  <si>
    <t>POINT (4.6875933792289075 51.835662385114034)</t>
  </si>
  <si>
    <t>POINT (4.675685499190008 51.832377869423865)</t>
  </si>
  <si>
    <t>POINT (4.679419402783615 51.83535810161474)</t>
  </si>
  <si>
    <t>POINT (4.705717163510553 51.837676522304854)</t>
  </si>
  <si>
    <t>POINT (4.67987844791687 51.82292299558312)</t>
  </si>
  <si>
    <t>POINT (4.677977683841359 51.83425003526133)</t>
  </si>
  <si>
    <t>POINT (4.684571814635031 51.826757735200005)</t>
  </si>
  <si>
    <t>POINT (4.694817529918118 51.842133853337224)</t>
  </si>
  <si>
    <t>POINT (4.687314463346125 51.84483268582975)</t>
  </si>
  <si>
    <t>POINT (4.67839853500758 51.82361698969898)</t>
  </si>
  <si>
    <t>POINT (4.715469340618396 51.83565046992542)</t>
  </si>
  <si>
    <t>POINT (4.706685169710833 51.826324066780835)</t>
  </si>
  <si>
    <t>POINT (4.685576704865025 51.83374580081829)</t>
  </si>
  <si>
    <t>POINT (4.689690610855548 51.82751201235316)</t>
  </si>
  <si>
    <t>POINT (4.715308929779063 51.83241900768083)</t>
  </si>
  <si>
    <t>POINT (4.686596685611154 51.82360140312597)</t>
  </si>
  <si>
    <t>POINT (4.692092564150616 51.82632513574357)</t>
  </si>
  <si>
    <t>POINT (4.714578857570571 51.83033453682357)</t>
  </si>
  <si>
    <t>POINT (4.691346005496241 51.8272294460455)</t>
  </si>
  <si>
    <t>POINT (4.679685863249885 51.82943082389423)</t>
  </si>
  <si>
    <t>POINT (4.6931554472200885 51.8359180934882)</t>
  </si>
  <si>
    <t>POINT (4.726957343674539 51.82860685652133)</t>
  </si>
  <si>
    <t>POINT (4.7109250747070455 51.82857914393856)</t>
  </si>
  <si>
    <t>POINT (4.692739994432122 51.82481978391631)</t>
  </si>
  <si>
    <t>POINT (4.703052532451997 51.83390614384067)</t>
  </si>
  <si>
    <t>POINT (4.709185018854712 51.83840240548334)</t>
  </si>
  <si>
    <t>POINT (4.707542994024905 51.829126253152246)</t>
  </si>
  <si>
    <t>POINT (4.680643502722032 51.826704150367405)</t>
  </si>
  <si>
    <t>POINT (4.679569700267695 51.830455566703336)</t>
  </si>
  <si>
    <t>POINT (4.7093315889530984 51.82852584542181)</t>
  </si>
  <si>
    <t>POINT (4.714053063258945 51.83240686917364)</t>
  </si>
  <si>
    <t>POINT (4.68494170846958 51.839847355657064)</t>
  </si>
  <si>
    <t>POINT (4.687163318315114 51.844861635988316)</t>
  </si>
  <si>
    <t>POINT (4.704194024852801 51.83365976099349)</t>
  </si>
  <si>
    <t>POINT (4.685325735141754 51.82954039352108)</t>
  </si>
  <si>
    <t>POINT (4.68048031143428 51.83703536471823)</t>
  </si>
  <si>
    <t>POINT (4.708217342698371 51.827718698595234)</t>
  </si>
  <si>
    <t>POINT (4.728299911314913 51.83335300588741)</t>
  </si>
  <si>
    <t>POINT (4.719364848275678 51.833851719271294)</t>
  </si>
  <si>
    <t>POINT (4.701290726237259 51.83383181905383)</t>
  </si>
  <si>
    <t>POINT (4.6817325476288 51.83986048377333)</t>
  </si>
  <si>
    <t>POINT (4.708405747256891 51.82613203692639)</t>
  </si>
  <si>
    <t>POINT (4.690278117627859 51.842778014208484)</t>
  </si>
  <si>
    <t>POINT (4.686865363018766 51.82311170494797)</t>
  </si>
  <si>
    <t>POINT (4.679130820819431 51.83469206464546)</t>
  </si>
  <si>
    <t>POINT (4.688952044599504 51.828263116687474)</t>
  </si>
  <si>
    <t>POINT (4.69467069661945 51.831490351920515)</t>
  </si>
  <si>
    <t>POINT (4.71507990379235 51.831903466792795)</t>
  </si>
  <si>
    <t>POINT (4.703367150238089 51.83453157179405)</t>
  </si>
  <si>
    <t>POINT (4.688842524302936 51.833898980524665)</t>
  </si>
  <si>
    <t>POINT (4.69187685031387 51.827370082083426)</t>
  </si>
  <si>
    <t>POINT (4.690095357321201 51.84350952917247)</t>
  </si>
  <si>
    <t>POINT (4.679823567545266 51.8358471917671)</t>
  </si>
  <si>
    <t>POINT (4.690739486901741 51.83806325925211)</t>
  </si>
  <si>
    <t>POINT (4.699437437588896 51.83831394941564)</t>
  </si>
  <si>
    <t>POINT (4.701727531998065 51.83516743756398)</t>
  </si>
  <si>
    <t>POINT (4.707352454143254 51.8370989658559)</t>
  </si>
  <si>
    <t>POINT (4.719765347170836 51.83310719610234)</t>
  </si>
  <si>
    <t>POINT (4.698400945659421 51.83294726231968)</t>
  </si>
  <si>
    <t>POINT (4.681506151493548 51.83731037693045)</t>
  </si>
  <si>
    <t>POINT (4.699068158857879 51.84086814965242)</t>
  </si>
  <si>
    <t>POINT (4.687574760754373 51.82708003699106)</t>
  </si>
  <si>
    <t>POINT (4.690342989779009 51.838250575496424)</t>
  </si>
  <si>
    <t>POINT (4.701865777015288 51.83374505764193)</t>
  </si>
  <si>
    <t>POINT (4.691835476780812 51.830772531440196)</t>
  </si>
  <si>
    <t>POINT (4.684056818084713 51.83524368837032)</t>
  </si>
  <si>
    <t>POINT (4.6773451562113895 51.83127635398691)</t>
  </si>
  <si>
    <t>POINT (4.716060433550915 51.83257433329473)</t>
  </si>
  <si>
    <t>POINT (4.691230893709449 51.83181821912261)</t>
  </si>
  <si>
    <t>POINT (4.689838577161876 51.82857051315608)</t>
  </si>
  <si>
    <t>POINT (4.729583456407019 51.83237027006118)</t>
  </si>
  <si>
    <t>POINT (4.697623381302236 51.83534391974357)</t>
  </si>
  <si>
    <t>POINT (4.693715601452995 51.840290623160314)</t>
  </si>
  <si>
    <t>POINT (4.692846023696622 51.840201538684774)</t>
  </si>
  <si>
    <t>POINT (4.689457781719569 51.82655801211425)</t>
  </si>
  <si>
    <t>POINT (4.684944460272542 51.829108033434814)</t>
  </si>
  <si>
    <t>POINT (4.6877031437663526 51.82317610682084)</t>
  </si>
  <si>
    <t>POINT (4.681972644678262 51.83706087806416)</t>
  </si>
  <si>
    <t>POINT (4.69218561051911 51.83981217165515)</t>
  </si>
  <si>
    <t>POINT (4.7297398406224245 51.82904012984648)</t>
  </si>
  <si>
    <t>POINT (4.691884859584223 51.825859021926256)</t>
  </si>
  <si>
    <t>POINT (4.694819677490544 51.83111180249402)</t>
  </si>
  <si>
    <t>POINT (4.702125509731011 51.82991283386355)</t>
  </si>
  <si>
    <t>POINT (4.714960826603968 51.83199455873495)</t>
  </si>
  <si>
    <t>POINT (4.714746106377635 51.83144630858728)</t>
  </si>
  <si>
    <t>POINT (4.684158450289042 51.82641299030402)</t>
  </si>
  <si>
    <t>POINT (4.686337343617548 51.834555888357244)</t>
  </si>
  <si>
    <t>POINT (4.693537265479491 51.83003608480281)</t>
  </si>
  <si>
    <t>POINT (4.684182234347733 51.827108979982505)</t>
  </si>
  <si>
    <t>POINT (4.702342495223947 51.83535391829635)</t>
  </si>
  <si>
    <t>POINT (4.700594923021918 51.83692304762141)</t>
  </si>
  <si>
    <t>POINT (4.7039617470932145 51.82853656353487)</t>
  </si>
  <si>
    <t>POINT (4.697852407327629 51.838990233501534)</t>
  </si>
  <si>
    <t>POINT (4.716157167864081 51.835339568444795)</t>
  </si>
  <si>
    <t>POINT (4.676338359088278 51.836297054521324)</t>
  </si>
  <si>
    <t>POINT (4.690853077409439 51.83371727285567)</t>
  </si>
  <si>
    <t>POINT (4.6992497897854655 51.830146726453776)</t>
  </si>
  <si>
    <t>POINT (4.689562109940537 51.82526771003127)</t>
  </si>
  <si>
    <t>POINT (4.691021232468977 51.84117291952118)</t>
  </si>
  <si>
    <t>POINT (4.682901106204616 51.830562765030784)</t>
  </si>
  <si>
    <t>POINT (4.685918869551959 51.83861503035663)</t>
  </si>
  <si>
    <t>POINT (4.692149714180005 51.82723781232186)</t>
  </si>
  <si>
    <t>POINT (4.683257466858425 51.82767579880006)</t>
  </si>
  <si>
    <t>POINT (4.704128012835718 51.83066882500759)</t>
  </si>
  <si>
    <t>POINT (4.6757871655007355 51.8298788676984)</t>
  </si>
  <si>
    <t>POINT (4.69479666637327 51.83721766219695)</t>
  </si>
  <si>
    <t>POINT (4.676615303302467 51.837112976467274)</t>
  </si>
  <si>
    <t>POINT (4.680020722184056 51.83607911801967)</t>
  </si>
  <si>
    <t>POINT (4.686305082572878 51.840212135938685)</t>
  </si>
  <si>
    <t>POINT (4.7042595867893455 51.834405604975785)</t>
  </si>
  <si>
    <t>POINT (4.729034352568516 51.82963366721393)</t>
  </si>
  <si>
    <t>POINT (4.692525410742462 51.82912339913315)</t>
  </si>
  <si>
    <t>POINT (4.699899297616643 51.83619559959847)</t>
  </si>
  <si>
    <t>POINT (4.7299476932716615 51.832966429772625)</t>
  </si>
  <si>
    <t>POINT (4.688681120668987 51.82312817904278)</t>
  </si>
  <si>
    <t>POINT (4.696811463055894 51.83289427630572)</t>
  </si>
  <si>
    <t>POINT (4.684026257724247 51.83000238987834)</t>
  </si>
  <si>
    <t>POINT (4.697947089439087 51.82563567015857)</t>
  </si>
  <si>
    <t>POINT (4.699472352201601 51.84077749477984)</t>
  </si>
  <si>
    <t>POINT (4.684453679298134 51.82670997240682)</t>
  </si>
  <si>
    <t>POINT (4.708697671288875 51.83770070704889)</t>
  </si>
  <si>
    <t>POINT (4.691976626169913 51.832218497596536)</t>
  </si>
  <si>
    <t>POINT (4.679361603813084 51.83120267991522)</t>
  </si>
  <si>
    <t>POINT (4.690380895804751 51.838781192611116)</t>
  </si>
  <si>
    <t>POINT (4.683955126651947 51.83931588465371)</t>
  </si>
  <si>
    <t>POINT (4.68345172075799 51.827224681793474)</t>
  </si>
  <si>
    <t>POINT (4.709600991242362 51.83753248891027)</t>
  </si>
  <si>
    <t>POINT (4.706440478904328 51.82823989564137)</t>
  </si>
  <si>
    <t>POINT (4.691311103749113 51.8320411813854)</t>
  </si>
  <si>
    <t>POINT (4.698310859733625 51.832559350697075)</t>
  </si>
  <si>
    <t>POINT (4.706868679938218 51.83619706772686)</t>
  </si>
  <si>
    <t>POINT (4.6774402919795595 51.82960597517041)</t>
  </si>
  <si>
    <t>POINT (4.684739143498315 51.82921019232004)</t>
  </si>
  <si>
    <t>POINT (4.699453407854433 51.83043249070794)</t>
  </si>
  <si>
    <t>POINT (4.680581110717639 51.84384964557078)</t>
  </si>
  <si>
    <t>POINT (4.734039911679402 51.830301695500275)</t>
  </si>
  <si>
    <t>POINT (4.680500403963973 51.839115007338364)</t>
  </si>
  <si>
    <t>POINT (4.692702990091205 51.842774981018536)</t>
  </si>
  <si>
    <t>POINT (4.686999490908507 51.82822932856414)</t>
  </si>
  <si>
    <t>POINT (4.7259997694624944 51.83483077063596)</t>
  </si>
  <si>
    <t>POINT (4.68280939300828 51.82262153373136)</t>
  </si>
  <si>
    <t>POINT (4.681504423638769 51.837717111443894)</t>
  </si>
  <si>
    <t>POINT (4.715794555016645 51.83305145673649)</t>
  </si>
  <si>
    <t>POINT (4.690196517582394 51.82417464851076)</t>
  </si>
  <si>
    <t>POINT (4.708267376272608 51.836535883290274)</t>
  </si>
  <si>
    <t>POINT (4.706894953531949 51.829181419629634)</t>
  </si>
  <si>
    <t>POINT (4.681483947170242 51.82243436486287)</t>
  </si>
  <si>
    <t>POINT (4.73459699119986 51.83894320654518)</t>
  </si>
  <si>
    <t>POINT (4.685400418675149 51.828991732742246)</t>
  </si>
  <si>
    <t>POINT (4.681735661654437 51.8297066092286)</t>
  </si>
  <si>
    <t>POINT (4.702838891664675 51.836055426912345)</t>
  </si>
  <si>
    <t>POINT (4.728143621124047 51.828150573483185)</t>
  </si>
  <si>
    <t>POINT (4.697456235118897 51.83246364599884)</t>
  </si>
  <si>
    <t>POINT (4.682725368529926 51.829564671897586)</t>
  </si>
  <si>
    <t>POINT (4.71186377229781 51.82982631758932)</t>
  </si>
  <si>
    <t>POINT (4.723880056663898 51.83392872477361)</t>
  </si>
  <si>
    <t>POINT (4.709177928748824 51.83692497760421)</t>
  </si>
  <si>
    <t>POINT (4.679068847367208 51.83819115796715)</t>
  </si>
  <si>
    <t>POINT (4.681157958895445 51.83221798832325)</t>
  </si>
  <si>
    <t>POINT (4.716516063956845 51.82929733230377)</t>
  </si>
  <si>
    <t>POINT (4.693889903340656 51.842346146562875)</t>
  </si>
  <si>
    <t>POINT (4.676156213732201 51.83022405677753)</t>
  </si>
  <si>
    <t>POINT (4.682576545765004 51.837681178782255)</t>
  </si>
  <si>
    <t>POINT (4.685519034847047 51.8296155886284)</t>
  </si>
  <si>
    <t>POINT (4.680976600014504 51.83153155810516)</t>
  </si>
  <si>
    <t>POINT (4.685430868380728 51.82961313799424)</t>
  </si>
  <si>
    <t>POINT (4.691286426043527 51.841151993215185)</t>
  </si>
  <si>
    <t>POINT (4.717455439136815 51.82795090623984)</t>
  </si>
  <si>
    <t>POINT (4.681408775200683 51.836490737709866)</t>
  </si>
  <si>
    <t>POINT (4.693761400352137 51.84034228165222)</t>
  </si>
  <si>
    <t>POINT (4.700782547580641 51.83374405000784)</t>
  </si>
  <si>
    <t>POINT (4.683311078648906 51.82292444990731)</t>
  </si>
  <si>
    <t>POINT (4.702976860483385 51.83489561106056)</t>
  </si>
  <si>
    <t>POINT (4.684162015144399 51.827923383158286)</t>
  </si>
  <si>
    <t>POINT (4.695452356054456 51.83674467187019)</t>
  </si>
  <si>
    <t>POINT (4.695369241998963 51.839878129693595)</t>
  </si>
  <si>
    <t>POINT (4.685409358560005 51.82763145354341)</t>
  </si>
  <si>
    <t>POINT (4.687551458878974 51.82541426601743)</t>
  </si>
  <si>
    <t>POINT (4.691370216406719 51.833877469632704)</t>
  </si>
  <si>
    <t>POINT (4.6743669386920725 51.83284148642922)</t>
  </si>
  <si>
    <t>POINT (4.683313063637664 51.827593616418376)</t>
  </si>
  <si>
    <t>POINT (4.699836944091657 51.83810952386122)</t>
  </si>
  <si>
    <t>POINT (4.68570562055748 51.826120372254195)</t>
  </si>
  <si>
    <t>POINT (4.7056551934167725 51.83781548615542)</t>
  </si>
  <si>
    <t>POINT (4.684062373575056 51.827905357335354)</t>
  </si>
  <si>
    <t>POINT (4.711573926989701 51.82852793290141)</t>
  </si>
  <si>
    <t>POINT (4.691180882432487 51.84161250208711)</t>
  </si>
  <si>
    <t>POINT (4.695410898598818 51.83188015803152)</t>
  </si>
  <si>
    <t>POINT (4.687374947500735 51.82971720161717)</t>
  </si>
  <si>
    <t>POINT (4.695767694195403 51.82659394886977)</t>
  </si>
  <si>
    <t>POINT (4.6856866858385615 51.82559596023636)</t>
  </si>
  <si>
    <t>POINT (4.694914742289718 51.83139447147458)</t>
  </si>
  <si>
    <t>POINT (4.731307088751437 51.82556025603614)</t>
  </si>
  <si>
    <t>POINT (4.72477972073995 51.832043086856906)</t>
  </si>
  <si>
    <t>POINT (4.682082429474968 51.82587018009338)</t>
  </si>
  <si>
    <t>POINT (4.726664885477224 51.83297832268209)</t>
  </si>
  <si>
    <t>POINT (4.690193543878858 51.83166787754915)</t>
  </si>
  <si>
    <t>POINT (4.69257294007002 51.83947917918951)</t>
  </si>
  <si>
    <t>POINT (4.6775998252800015 51.82244032129647)</t>
  </si>
  <si>
    <t>POINT (4.681317639354681 51.822381131702876)</t>
  </si>
  <si>
    <t>POINT (4.678957349576787 51.82999949294479)</t>
  </si>
  <si>
    <t>POINT (4.727854550819047 51.833021396492796)</t>
  </si>
  <si>
    <t>POINT (4.6925556561444814 51.83134739405788)</t>
  </si>
  <si>
    <t>POINT (4.691865993426804 51.832172944093855)</t>
  </si>
  <si>
    <t>POINT (4.693121650224599 51.83923084175158)</t>
  </si>
  <si>
    <t>POINT (4.680575040809979 51.82424169232083)</t>
  </si>
  <si>
    <t>POINT (4.724472929328867 51.83343618969825)</t>
  </si>
  <si>
    <t>POINT (4.700512147276055 51.83179450696802)</t>
  </si>
  <si>
    <t>POINT (4.678773507152684 51.82264016408938)</t>
  </si>
  <si>
    <t>POINT (4.672926282311571 51.83009129811782)</t>
  </si>
  <si>
    <t>POINT (4.685324564127038 51.834498017934266)</t>
  </si>
  <si>
    <t>POINT (4.687955787629317 51.82744849584127)</t>
  </si>
  <si>
    <t>POINT (4.703035648162725 51.83128011704343)</t>
  </si>
  <si>
    <t>POINT (4.6788837740302345 51.828561125661146)</t>
  </si>
  <si>
    <t>POINT (4.684276482013652 51.839908784907976)</t>
  </si>
  <si>
    <t>POINT (4.704406519342799 51.83842570373841)</t>
  </si>
  <si>
    <t>POINT (4.7043461920630305 51.839063841427695)</t>
  </si>
  <si>
    <t>POINT (4.688814530481615 51.82694156123369)</t>
  </si>
  <si>
    <t>POINT (4.706543353229668 51.828256779613056)</t>
  </si>
  <si>
    <t>POINT (4.729922049115345 51.83292420154507)</t>
  </si>
  <si>
    <t>POINT (4.680325966982107 51.82397149470651)</t>
  </si>
  <si>
    <t>POINT (4.694039279919407 51.82960236433077)</t>
  </si>
  <si>
    <t>POINT (4.701829651215663 51.833703040632386)</t>
  </si>
  <si>
    <t>POINT (4.708526190905786 51.83816705200742)</t>
  </si>
  <si>
    <t>POINT (4.704137866434438 51.830682032707855)</t>
  </si>
  <si>
    <t>POINT (4.699084398216686 51.838436076490964)</t>
  </si>
  <si>
    <t>POINT (4.6931569889303875 51.830771237829055)</t>
  </si>
  <si>
    <t>POINT (4.683587482290707 51.83642507554831)</t>
  </si>
  <si>
    <t>POINT (4.692693453694543 51.82382518474798)</t>
  </si>
  <si>
    <t>POINT (4.702939450383672 51.83015727210741)</t>
  </si>
  <si>
    <t>POINT (4.6998266790280745 51.832488336426266)</t>
  </si>
  <si>
    <t>POINT (4.713614227986547 51.83133771748185)</t>
  </si>
  <si>
    <t>POINT (4.689082386966217 51.828837295438625)</t>
  </si>
  <si>
    <t>POINT (4.6889702505359026 51.8416075555626)</t>
  </si>
  <si>
    <t>POINT (4.695728333362814 51.8331906114173)</t>
  </si>
  <si>
    <t>POINT (4.696458494526961 51.82636250476168)</t>
  </si>
  <si>
    <t>POINT (4.692928983291151 51.83774488000283)</t>
  </si>
  <si>
    <t>POINT (4.68517352044165 51.83712712724408)</t>
  </si>
  <si>
    <t>POINT (4.687658346232328 51.83987537627097)</t>
  </si>
  <si>
    <t>POINT (4.703430324668825 51.838465531576055)</t>
  </si>
  <si>
    <t>POINT (4.702286047628939 51.82996254298266)</t>
  </si>
  <si>
    <t>POINT (4.694392863711948 51.841088784676224)</t>
  </si>
  <si>
    <t>POINT (4.720692715568482 51.83544027251847)</t>
  </si>
  <si>
    <t>POINT (4.688628883131018 51.83601670836938)</t>
  </si>
  <si>
    <t>POINT (4.67571856209292 51.832305369624535)</t>
  </si>
  <si>
    <t>POINT (4.68343184771462 51.83479523040477)</t>
  </si>
  <si>
    <t>POINT (4.727497744863003 51.83015163933492)</t>
  </si>
  <si>
    <t>POINT (4.681080460638577 51.82288989212263)</t>
  </si>
  <si>
    <t>POINT (4.693352615077438 51.83016229956874)</t>
  </si>
  <si>
    <t>POINT (4.674570453958448 51.83159901644612)</t>
  </si>
  <si>
    <t>POINT (4.6765726162654 51.836797405450454)</t>
  </si>
  <si>
    <t>POINT (4.6791593674080225 51.82877786878636)</t>
  </si>
  <si>
    <t>POINT (4.712359125951616 51.82864060978988)</t>
  </si>
  <si>
    <t>POINT (4.706588439672384 51.828192484714684)</t>
  </si>
  <si>
    <t>POINT (4.707994071659608 51.826111156899415)</t>
  </si>
  <si>
    <t>POINT (4.68233010332414 51.82578139466644)</t>
  </si>
  <si>
    <t>POINT (4.680822802859682 51.83151756323658)</t>
  </si>
  <si>
    <t>POINT (4.679057208409142 51.832232390163796)</t>
  </si>
  <si>
    <t>POINT (4.692452737699011 51.838657581462066)</t>
  </si>
  <si>
    <t>POINT (4.687603832987337 51.838958525600816)</t>
  </si>
  <si>
    <t>POINT (4.687812667560705 51.832712767057295)</t>
  </si>
  <si>
    <t>POINT (4.692694934257306 51.84319489085311)</t>
  </si>
  <si>
    <t>POINT (4.696102159953387 51.83874492687361)</t>
  </si>
  <si>
    <t>POINT (4.6807908939567575 51.8437173997889)</t>
  </si>
  <si>
    <t>POINT (4.706125273581265 51.83518355082894)</t>
  </si>
  <si>
    <t>POINT (4.705147789896168 51.83548005529842)</t>
  </si>
  <si>
    <t>POINT (4.732071590088247 51.83300511480452)</t>
  </si>
  <si>
    <t>POINT (4.684260865435675 51.828233948658635)</t>
  </si>
  <si>
    <t>POINT (4.697455560276474 51.83622017895996)</t>
  </si>
  <si>
    <t>POINT (4.693933290983747 51.83316673006037)</t>
  </si>
  <si>
    <t>POINT (4.695724345799643 51.83517108891646)</t>
  </si>
  <si>
    <t>POINT (4.690592398073806 51.84165361344857)</t>
  </si>
  <si>
    <t>POINT (4.678689460110125 51.82878763547343)</t>
  </si>
  <si>
    <t>POINT (4.704214718274644 51.82790585634489)</t>
  </si>
  <si>
    <t>POINT (4.7189594485505655 51.83310324056847)</t>
  </si>
  <si>
    <t>POINT (4.710448305233467 51.8284205693649)</t>
  </si>
  <si>
    <t>POINT (4.718816027133171 51.83282780394346)</t>
  </si>
  <si>
    <t>POINT (4.6777464343596815 51.83103925038513)</t>
  </si>
  <si>
    <t>POINT (4.703431056211941 51.83478817375583)</t>
  </si>
  <si>
    <t>POINT (4.6932270928720214 51.83109982741199)</t>
  </si>
  <si>
    <t>POINT (4.682216829299759 51.83609743222154)</t>
  </si>
  <si>
    <t>POINT (4.701276811274571 51.82857089061501)</t>
  </si>
  <si>
    <t>POINT (4.69073580767008 51.83319421159479)</t>
  </si>
  <si>
    <t>POINT (4.694341767303426 51.82700034836385)</t>
  </si>
  <si>
    <t>POINT (4.695730329657272 51.83827915804184)</t>
  </si>
  <si>
    <t>POINT (4.6963388838601245 51.832104945785474)</t>
  </si>
  <si>
    <t>POINT (4.718190353249285 51.831795070469795)</t>
  </si>
  <si>
    <t>POINT (4.692681514169262 51.8244493844276)</t>
  </si>
  <si>
    <t>POINT (4.706275898931472 51.839357381947515)</t>
  </si>
  <si>
    <t>POINT (4.681263899828365 51.82575851983029)</t>
  </si>
  <si>
    <t>POINT (4.6795353528097285 51.832714736966444)</t>
  </si>
  <si>
    <t>POINT (4.692939463502482 51.83941687178988)</t>
  </si>
  <si>
    <t>POINT (4.680150399072323 51.82345879399286)</t>
  </si>
  <si>
    <t>POINT (4.718177123436527 51.83412254277532)</t>
  </si>
  <si>
    <t>POINT (4.730580644386091 51.828987264053566)</t>
  </si>
  <si>
    <t>POINT (4.708262211684716 51.82614723350386)</t>
  </si>
  <si>
    <t>POINT (4.687954362721115 51.826232341640015)</t>
  </si>
  <si>
    <t>POINT (4.687729943457474 51.824980396116096)</t>
  </si>
  <si>
    <t>POINT (4.678310301292782 51.82356332487956)</t>
  </si>
  <si>
    <t>POINT (4.704957764929028 51.83220381123636)</t>
  </si>
  <si>
    <t>POINT (4.689323033089597 51.838333755960896)</t>
  </si>
  <si>
    <t>POINT (4.675974571233648 51.83012988785549)</t>
  </si>
  <si>
    <t>POINT (4.689156560833425 51.82842714436733)</t>
  </si>
  <si>
    <t>POINT (4.693618430087255 51.83005900902876)</t>
  </si>
  <si>
    <t>POINT (4.691584597298622 51.82587030335265)</t>
  </si>
  <si>
    <t>POINT (4.735851227273673 51.83281816867138)</t>
  </si>
  <si>
    <t>POINT (4.722272507636133 51.82935902426851)</t>
  </si>
  <si>
    <t>POINT (4.678156589280435 51.823445193310306)</t>
  </si>
  <si>
    <t>POINT (4.7232047064096125 51.834344216444315)</t>
  </si>
  <si>
    <t>POINT (4.704115343624299 51.8307667093504)</t>
  </si>
  <si>
    <t>POINT (4.70188171803033 51.82807328960387)</t>
  </si>
  <si>
    <t>POINT (4.679748475502618 51.83587437934054)</t>
  </si>
  <si>
    <t>POINT (4.698726538669791 51.829805497347365)</t>
  </si>
  <si>
    <t>POINT (4.681163733299903 51.822746466727025)</t>
  </si>
  <si>
    <t>POINT (4.697170290609739 51.83723855889552)</t>
  </si>
  <si>
    <t>POINT (4.718067810326746 51.83505095576992)</t>
  </si>
  <si>
    <t>POINT (4.697456955535154 51.82825760791197)</t>
  </si>
  <si>
    <t>POINT (4.676236929276526 51.83217644904336)</t>
  </si>
  <si>
    <t>POINT (4.68416051039336 51.83910278973517)</t>
  </si>
  <si>
    <t>POINT (4.69914374004545 51.824277640427894)</t>
  </si>
  <si>
    <t>POINT (4.733345722684546 51.83230172331457)</t>
  </si>
  <si>
    <t>POINT (4.701984003448456 51.83727147275498)</t>
  </si>
  <si>
    <t>POINT (4.710729464227132 51.82904968589486)</t>
  </si>
  <si>
    <t>POINT (4.684975466471475 51.8393815059099)</t>
  </si>
  <si>
    <t>POINT (4.71795716891029 51.83443818259927)</t>
  </si>
  <si>
    <t>POINT (4.701820526731421 51.8373531688634)</t>
  </si>
  <si>
    <t>POINT (4.6992375784163105 51.83655108892158)</t>
  </si>
  <si>
    <t>POINT (4.7065483964464 51.833920020405635)</t>
  </si>
  <si>
    <t>POINT (4.685870495103902 51.83997663618964)</t>
  </si>
  <si>
    <t>POINT (4.710625244002808 51.8302759424898)</t>
  </si>
  <si>
    <t>POINT (4.69409821581768 51.83262299273947)</t>
  </si>
  <si>
    <t>POINT (4.692030950531437 51.82588724867494)</t>
  </si>
  <si>
    <t>POINT (4.692415691888892 51.8287499189852)</t>
  </si>
  <si>
    <t>POINT (4.690064314693302 51.829570545987444)</t>
  </si>
  <si>
    <t>POINT (4.67932594909809 51.82229101603235)</t>
  </si>
  <si>
    <t>POINT (4.687618176681539 51.83592302355407)</t>
  </si>
  <si>
    <t>POINT (4.715097097883642 51.831868311878736)</t>
  </si>
  <si>
    <t>POINT (4.680665304407089 51.83690900132133)</t>
  </si>
  <si>
    <t>POINT (4.7190496589184905 51.835941827315736)</t>
  </si>
  <si>
    <t>POINT (4.681942729892686 51.827193324061604)</t>
  </si>
  <si>
    <t>POINT (4.698443601167202 51.834500954448536)</t>
  </si>
  <si>
    <t>POINT (4.703774301351567 51.82930190585102)</t>
  </si>
  <si>
    <t>POINT (4.707000815030542 51.82900151450816)</t>
  </si>
  <si>
    <t>POINT (4.695737679481673 51.834115066311014)</t>
  </si>
  <si>
    <t>POINT (4.6854998568319175 51.83377626240769)</t>
  </si>
  <si>
    <t>POINT (4.689137999667146 51.82419819123259)</t>
  </si>
  <si>
    <t>POINT (4.709683425826606 51.838210517524814)</t>
  </si>
  <si>
    <t>POINT (4.69419165611601 51.82998970350047)</t>
  </si>
  <si>
    <t>POINT (4.700782243240144 51.835636387742504)</t>
  </si>
  <si>
    <t>POINT (4.7065651413494685 51.838562730642266)</t>
  </si>
  <si>
    <t>POINT (4.722274630038676 51.82921518249776)</t>
  </si>
  <si>
    <t>POINT (4.701327226792378 51.833147683197495)</t>
  </si>
  <si>
    <t>POINT (4.68399427940858 51.82779375085788)</t>
  </si>
  <si>
    <t>POINT (4.686268713015896 51.83499444771845)</t>
  </si>
  <si>
    <t>POINT (4.678635966213385 51.82293564492276)</t>
  </si>
  <si>
    <t>POINT (4.6997678452312615 51.8381343773054)</t>
  </si>
  <si>
    <t>POINT (4.688602286505063 51.82832279657811)</t>
  </si>
  <si>
    <t>POINT (4.7358149081034755 51.83308546789779)</t>
  </si>
  <si>
    <t>POINT (4.686756801685021 51.82309050008972)</t>
  </si>
  <si>
    <t>POINT (4.729684112375052 51.832253065173106)</t>
  </si>
  <si>
    <t>POINT (4.688979918806011 51.82743312736134)</t>
  </si>
  <si>
    <t>POINT (4.691654812319806 51.826977185394995)</t>
  </si>
  <si>
    <t>POINT (4.693967639599695 51.829567676581995)</t>
  </si>
  <si>
    <t>POINT (4.729647145535733 51.832235177524545)</t>
  </si>
  <si>
    <t>POINT (4.681492578231953 51.82251770563796)</t>
  </si>
  <si>
    <t>POINT (4.717514059293388 51.827446313931944)</t>
  </si>
  <si>
    <t>POINT (4.683946592904719 51.82699911138703)</t>
  </si>
  <si>
    <t>POINT (4.692144762422379 51.83322293056762)</t>
  </si>
  <si>
    <t>POINT (4.686571935532996 51.83430695512507)</t>
  </si>
  <si>
    <t>POINT (4.681032343755986 51.82933632653855)</t>
  </si>
  <si>
    <t>POINT (4.679862055607984 51.830907651007806)</t>
  </si>
  <si>
    <t>POINT (4.684060302686597 51.83785228385573)</t>
  </si>
  <si>
    <t>POINT (4.69483354020988 51.83908681302225)</t>
  </si>
  <si>
    <t>POINT (4.700545535021984 51.83184465208629)</t>
  </si>
  <si>
    <t>POINT (4.679144152255054 51.83748596793391)</t>
  </si>
  <si>
    <t>POINT (4.720347869859697 51.83245756480256)</t>
  </si>
  <si>
    <t>POINT (4.699206523433369 51.84050026530089)</t>
  </si>
  <si>
    <t>POINT (4.7072207478040395 51.82721772809398)</t>
  </si>
  <si>
    <t>POINT (4.678082767022261 51.823490652397886)</t>
  </si>
  <si>
    <t>POINT (4.684946419707347 51.83463570056709)</t>
  </si>
  <si>
    <t>POINT (4.68728396512635 51.83507046375053)</t>
  </si>
  <si>
    <t>POINT (4.70192934797666 51.82425121378257)</t>
  </si>
  <si>
    <t>POINT (4.702995043057951 51.83393328701258)</t>
  </si>
  <si>
    <t>POINT (4.688285650222834 51.82578188023549)</t>
  </si>
  <si>
    <t>POINT (4.679794186910359 51.83243532095566)</t>
  </si>
  <si>
    <t>POINT (4.686226354743047 51.840247090105784)</t>
  </si>
  <si>
    <t>POINT (4.701848703312372 51.824255560834224)</t>
  </si>
  <si>
    <t>POINT (4.684044320758258 51.82781929974762)</t>
  </si>
  <si>
    <t>POINT (4.690670863612929 51.84094857961385)</t>
  </si>
  <si>
    <t>POINT (4.691179727167803 51.82348570563608)</t>
  </si>
  <si>
    <t>POINT (4.678785304806351 51.8223168413793)</t>
  </si>
  <si>
    <t>POINT (4.68101888645855 51.836774150888154)</t>
  </si>
  <si>
    <t>POINT (4.692630823523955 51.83153644739772)</t>
  </si>
  <si>
    <t>POINT (4.689471282565091 51.83712237627464)</t>
  </si>
  <si>
    <t>POINT (4.728417101854189 51.8340700913939)</t>
  </si>
  <si>
    <t>POINT (4.685271826161764 51.834936545933715)</t>
  </si>
  <si>
    <t>POINT (4.708494450348572 51.82751252006046)</t>
  </si>
  <si>
    <t>POINT (4.689412967047999 51.83178518901451)</t>
  </si>
  <si>
    <t>POINT (4.693780682642864 51.830027833228655)</t>
  </si>
  <si>
    <t>POINT (4.711796167809404 51.83006637428153)</t>
  </si>
  <si>
    <t>POINT (4.700418373847307 51.83354268710123)</t>
  </si>
  <si>
    <t>POINT (4.723794019105038 51.83439785743103)</t>
  </si>
  <si>
    <t>POINT (4.679330181866786 51.83669464218491)</t>
  </si>
  <si>
    <t>POINT (4.679025580021604 51.830711113454534)</t>
  </si>
  <si>
    <t>POINT (4.695949675811686 51.83199419770679)</t>
  </si>
  <si>
    <t>POINT (4.688930483677143 51.827504994122826)</t>
  </si>
  <si>
    <t>POINT (4.721219670441282 51.834516834064736)</t>
  </si>
  <si>
    <t>POINT (4.709336833491079 51.83858017809447)</t>
  </si>
  <si>
    <t>POINT (4.68817344750102 51.83913831149028)</t>
  </si>
  <si>
    <t>POINT (4.705523067881011 51.83911762824692)</t>
  </si>
  <si>
    <t>POINT (4.681436865698007 51.82243054023462)</t>
  </si>
  <si>
    <t>POINT (4.724063035927897 51.83520958347978)</t>
  </si>
  <si>
    <t>POINT (4.677724082851854 51.83322732073701)</t>
  </si>
  <si>
    <t>POINT (4.704071575871246 51.83074169997203)</t>
  </si>
  <si>
    <t>POINT (4.7290087511075685 51.829518181832114)</t>
  </si>
  <si>
    <t>POINT (4.6932222733778195 51.84298871792873)</t>
  </si>
  <si>
    <t>POINT (4.7081639008189455 51.835268509772725)</t>
  </si>
  <si>
    <t>POINT (4.6766826725150485 51.83202317682448)</t>
  </si>
  <si>
    <t>POINT (4.678141402909624 51.83490177518514)</t>
  </si>
  <si>
    <t>POINT (4.6789437804077725 51.833027290944884)</t>
  </si>
  <si>
    <t>POINT (4.6945319412499 51.83926145374229)</t>
  </si>
  <si>
    <t>POINT (4.6833378612902115 51.829091408598735)</t>
  </si>
  <si>
    <t>POINT (4.692036084679077 51.829776933586984)</t>
  </si>
  <si>
    <t>POINT (4.695966744484403 51.83543528104886)</t>
  </si>
  <si>
    <t>POINT (4.706502115297205 51.82754669047821)</t>
  </si>
  <si>
    <t>POINT (4.691409870620802 51.83792860269026)</t>
  </si>
  <si>
    <t>POINT (4.703752224923897 51.83428518893543)</t>
  </si>
  <si>
    <t>POINT (4.687887711881837 51.83473710480333)</t>
  </si>
  <si>
    <t>POINT (4.714161408858471 51.83387269792108)</t>
  </si>
  <si>
    <t>POINT (4.706525442661439 51.834846883889696)</t>
  </si>
  <si>
    <t>POINT (4.690058595513592 51.829052182051925)</t>
  </si>
  <si>
    <t>POINT (4.679560098746752 51.83457562549317)</t>
  </si>
  <si>
    <t>POINT (4.699531701658782 51.829095135259784)</t>
  </si>
  <si>
    <t>POINT (4.690872197118422 51.84007029958046)</t>
  </si>
  <si>
    <t>POINT (4.723606840837548 51.83431805032095)</t>
  </si>
  <si>
    <t>POINT (4.692402765402825 51.83506810753859)</t>
  </si>
  <si>
    <t>POINT (4.70318714153473 51.83129620864721)</t>
  </si>
  <si>
    <t>POINT (4.69996490155425 51.83627696218511)</t>
  </si>
  <si>
    <t>POINT (4.7055241896526026 51.837175410012435)</t>
  </si>
  <si>
    <t>POINT (4.693886346169575 51.84257443658855)</t>
  </si>
  <si>
    <t>POINT (4.694102494484957 51.83831708188293)</t>
  </si>
  <si>
    <t>POINT (4.683349995544409 51.836654138596124)</t>
  </si>
  <si>
    <t>POINT (4.719797146167881 51.8321994101062)</t>
  </si>
  <si>
    <t>POINT (4.692119873848262 51.839445621736175)</t>
  </si>
  <si>
    <t>POINT (4.679647000726532 51.83267184200406)</t>
  </si>
  <si>
    <t>POINT (4.697006270140267 51.833652758920906)</t>
  </si>
  <si>
    <t>POINT (4.690922071603355 51.83833710226794)</t>
  </si>
  <si>
    <t>POINT (4.6789882062497306 51.83547979604451)</t>
  </si>
  <si>
    <t>POINT (4.687143147351525 51.844483400164165)</t>
  </si>
  <si>
    <t>POINT (4.714868114047749 51.8334369434997)</t>
  </si>
  <si>
    <t>3354AT</t>
  </si>
  <si>
    <t>P. Zandtstraat</t>
  </si>
  <si>
    <t>POINT (4.701157611318134 51.82960837201151)</t>
  </si>
  <si>
    <t>POINT (4.681795723742744 51.83793778041428)</t>
  </si>
  <si>
    <t>POINT (4.679566589550619 51.82246915715166)</t>
  </si>
  <si>
    <t>POINT (4.704079190965615 51.833698876466045)</t>
  </si>
  <si>
    <t>POINT (4.7241905370507515 51.834903261798964)</t>
  </si>
  <si>
    <t>POINT (4.708361619375052 51.82753136513139)</t>
  </si>
  <si>
    <t>POINT (4.725104914109517 51.83250552475656)</t>
  </si>
  <si>
    <t>POINT (4.685969843917802 51.82394576325025)</t>
  </si>
  <si>
    <t>POINT (4.726286181389241 51.831507910971574)</t>
  </si>
  <si>
    <t>POINT (4.697606418436869 51.83243465012454)</t>
  </si>
  <si>
    <t>POINT (4.714281140387748 51.83339335623187)</t>
  </si>
  <si>
    <t>POINT (4.72227326554411 51.8293076586277)</t>
  </si>
  <si>
    <t>POINT (4.696399723760139 51.82547896217036)</t>
  </si>
  <si>
    <t>POINT (4.693856847187419 51.842255579735095)</t>
  </si>
  <si>
    <t>POINT (4.71245704623245 51.831233473295136)</t>
  </si>
  <si>
    <t>POINT (4.712966973908544 51.83053297177701)</t>
  </si>
  <si>
    <t>POINT (4.703709223813819 51.833961707645564)</t>
  </si>
  <si>
    <t>POINT (4.6958798051795565 51.833364390884505)</t>
  </si>
  <si>
    <t>POINT (4.690905901552955 51.82476222199736)</t>
  </si>
  <si>
    <t>POINT (4.706166620264537 51.82766475163574)</t>
  </si>
  <si>
    <t>POINT (4.678022608322177 51.82236258991903)</t>
  </si>
  <si>
    <t>POINT (4.693538592508079 51.83869181308719)</t>
  </si>
  <si>
    <t>POINT (4.700724502183633 51.83339336085636)</t>
  </si>
  <si>
    <t>POINT (4.723238426681767 51.82980013390615)</t>
  </si>
  <si>
    <t>POINT (4.707672392104346 51.838305418729796)</t>
  </si>
  <si>
    <t>POINT (4.6759029102761955 51.82984641897468)</t>
  </si>
  <si>
    <t>POINT (4.680304568524329 51.83509434206312)</t>
  </si>
  <si>
    <t>POINT (4.689348253591574 51.84282897546106)</t>
  </si>
  <si>
    <t>POINT (4.6898404343146245 51.823252167891575)</t>
  </si>
  <si>
    <t>POINT (4.707168685921205 51.83404793688921)</t>
  </si>
  <si>
    <t>POINT (4.680654455166849 51.83230385657012)</t>
  </si>
  <si>
    <t>POINT (4.6893904447357535 51.84319861383112)</t>
  </si>
  <si>
    <t>POINT (4.719955387163081 51.83366800630443)</t>
  </si>
  <si>
    <t>POINT (4.6887533443958445 51.83380411421816)</t>
  </si>
  <si>
    <t>POINT (4.690099593173196 51.829112173028484)</t>
  </si>
  <si>
    <t>POINT (4.709007791457497 51.836705005185536)</t>
  </si>
  <si>
    <t>POINT (4.700768235787772 51.83327399593511)</t>
  </si>
  <si>
    <t>POINT (4.7351169291788295 51.83293371242645)</t>
  </si>
  <si>
    <t>POINT (4.677664305173262 51.829365166216164)</t>
  </si>
  <si>
    <t>POINT (4.693048248122351 51.82443891583091)</t>
  </si>
  <si>
    <t>POINT (4.730358252441901 51.833335570611986)</t>
  </si>
  <si>
    <t>POINT (4.720033279015757 51.832546382526274)</t>
  </si>
  <si>
    <t>POINT (4.7187478683222706 51.83476509111118)</t>
  </si>
  <si>
    <t>POINT (4.68681171455276 51.839430703547805)</t>
  </si>
  <si>
    <t>POINT (4.732052985670202 51.832974503658036)</t>
  </si>
  <si>
    <t>POINT (4.675723245018431 51.83236529836692)</t>
  </si>
  <si>
    <t>POINT (4.721632669072984 51.8324716066913)</t>
  </si>
  <si>
    <t>POINT (4.680755664097088 51.82697266030718)</t>
  </si>
  <si>
    <t>POINT (4.689819700210961 51.832815375878916)</t>
  </si>
  <si>
    <t>POINT (4.693094278032305 51.83918881988535)</t>
  </si>
  <si>
    <t>POINT (4.683475891007676 51.82548266465699)</t>
  </si>
  <si>
    <t>POINT (4.697060733919551 51.83575193302674)</t>
  </si>
  <si>
    <t>POINT (4.698116123172497 51.82608476420281)</t>
  </si>
  <si>
    <t>POINT (4.695800505462136 51.826663111970696)</t>
  </si>
  <si>
    <t>POINT (4.690837444373455 51.83052681619871)</t>
  </si>
  <si>
    <t>POINT (4.719575119611782 51.83144698707861)</t>
  </si>
  <si>
    <t>POINT (4.678939476808789 51.833409992526455)</t>
  </si>
  <si>
    <t>POINT (4.7226575150647525 51.834226569350335)</t>
  </si>
  <si>
    <t>POINT (4.695774867743133 51.825780312517004)</t>
  </si>
  <si>
    <t>POINT (4.686792028974428 51.8230974158447)</t>
  </si>
  <si>
    <t>POINT (4.694494094733218 51.838782271475644)</t>
  </si>
  <si>
    <t>POINT (4.721278727112242 51.83522523781506)</t>
  </si>
  <si>
    <t>POINT (4.691810213370852 51.83337695601184)</t>
  </si>
  <si>
    <t>POINT (4.682606366986978 51.82999134082122)</t>
  </si>
  <si>
    <t>POINT (4.689189324313755 51.83744953132449)</t>
  </si>
  <si>
    <t>POINT (4.703071572662946 51.82458878452801)</t>
  </si>
  <si>
    <t>POINT (4.726961553967672 51.83159101794938)</t>
  </si>
  <si>
    <t>POINT (4.688956492507226 51.838820576037676)</t>
  </si>
  <si>
    <t>POINT (4.692173794003169 51.824001171524806)</t>
  </si>
  <si>
    <t>POINT (4.683918739384953 51.83670829697747)</t>
  </si>
  <si>
    <t>POINT (4.676715983499006 51.83569622945389)</t>
  </si>
  <si>
    <t>POINT (4.697210664414311 51.82609783582568)</t>
  </si>
  <si>
    <t>POINT (4.704858947137165 51.839698848361046)</t>
  </si>
  <si>
    <t>POINT (4.716438594775024 51.83261599965992)</t>
  </si>
  <si>
    <t>POINT (4.6922421313909775 51.83722528220373)</t>
  </si>
  <si>
    <t>POINT (4.707017997233551 51.838521886262804)</t>
  </si>
  <si>
    <t>POINT (4.6870337852222566 51.84156391572083)</t>
  </si>
  <si>
    <t>POINT (4.693283246465124 51.84282606064134)</t>
  </si>
  <si>
    <t>POINT (4.692553003497013 51.82720066762204)</t>
  </si>
  <si>
    <t>POINT (4.708514620740432 51.83563033433053)</t>
  </si>
  <si>
    <t>POINT (4.675941471028529 51.8291147875724)</t>
  </si>
  <si>
    <t>POINT (4.678691698716001 51.83074439712502)</t>
  </si>
  <si>
    <t>POINT (4.69043365421423 51.832862059205624)</t>
  </si>
  <si>
    <t>POINT (4.688597150660966 51.82728314848259)</t>
  </si>
  <si>
    <t>POINT (4.68885577917104 51.825500378535345)</t>
  </si>
  <si>
    <t>POINT (4.704153471680633 51.82803213179428)</t>
  </si>
  <si>
    <t>POINT (4.698421205014798 51.83263083759221)</t>
  </si>
  <si>
    <t>POINT (4.716369117403072 51.8319433979673)</t>
  </si>
  <si>
    <t>POINT (4.69951425416822 51.8410250081831)</t>
  </si>
  <si>
    <t>POINT (4.682478476358925 51.83422558169929)</t>
  </si>
  <si>
    <t>POINT (4.704168931508572 51.83379906451358)</t>
  </si>
  <si>
    <t>POINT (4.733791296032648 51.83962033036291)</t>
  </si>
  <si>
    <t>POINT (4.718262368901082 51.83487850345288)</t>
  </si>
  <si>
    <t>POINT (4.719745192049775 51.831468771841045)</t>
  </si>
  <si>
    <t>POINT (4.688715318387421 51.8409889068739)</t>
  </si>
  <si>
    <t>POINT (4.6832466312168055 51.83391637910244)</t>
  </si>
  <si>
    <t>POINT (4.717231700788163 51.82807096683195)</t>
  </si>
  <si>
    <t>POINT (4.688094187008495 51.82772116378893)</t>
  </si>
  <si>
    <t>POINT (4.695975862591841 51.832249575148566)</t>
  </si>
  <si>
    <t>POINT (4.727612855333199 51.83180727785057)</t>
  </si>
  <si>
    <t>POINT (4.686896989199083 51.82327103769866)</t>
  </si>
  <si>
    <t>POINT (4.688120285615876 51.82620986960038)</t>
  </si>
  <si>
    <t>POINT (4.729664951374281 51.83235120331127)</t>
  </si>
  <si>
    <t>POINT (4.686565766698424 51.83605283525643)</t>
  </si>
  <si>
    <t>POINT (4.682634487382126 51.828652111337355)</t>
  </si>
  <si>
    <t>POINT (4.686993879897388 51.822991232802075)</t>
  </si>
  <si>
    <t>POINT (4.685155190207522 51.82912488027457)</t>
  </si>
  <si>
    <t>POINT (4.688934894636797 51.84360012393849)</t>
  </si>
  <si>
    <t>POINT (4.6869867851951215 51.82748319524773)</t>
  </si>
  <si>
    <t>POINT (4.704572256296656 51.83691537492455)</t>
  </si>
  <si>
    <t>POINT (4.6772427629474445 51.8353930114905)</t>
  </si>
  <si>
    <t>POINT (4.687986358353293 51.823034964708484)</t>
  </si>
  <si>
    <t>POINT (4.706680175039389 51.82626576453193)</t>
  </si>
  <si>
    <t>POINT (4.6993373088190316 51.840277934061135)</t>
  </si>
  <si>
    <t>POINT (4.6978843013722935 51.84074557522661)</t>
  </si>
  <si>
    <t>POINT (4.689492205482971 51.82660859808844)</t>
  </si>
  <si>
    <t>POINT (4.7006490158451815 51.83547378645508)</t>
  </si>
  <si>
    <t>POINT (4.7233102100876225 51.835255359141236)</t>
  </si>
  <si>
    <t>POINT (4.674891877244874 51.83267288182738)</t>
  </si>
  <si>
    <t>POINT (4.7215109808321305 51.8344440786015)</t>
  </si>
  <si>
    <t>POINT (4.734641170138238 51.83138099328204)</t>
  </si>
  <si>
    <t>POINT (4.69360091717758 51.83009780837133)</t>
  </si>
  <si>
    <t>POINT (4.687075936108746 51.828325900123666)</t>
  </si>
  <si>
    <t>POINT (4.698091410483359 51.840451838403766)</t>
  </si>
  <si>
    <t>POINT (4.70793072194675 51.83489431282949)</t>
  </si>
  <si>
    <t>POINT (4.6864630562804175 51.825707472765345)</t>
  </si>
  <si>
    <t>POINT (4.682362069504247 51.83603431420428)</t>
  </si>
  <si>
    <t>POINT (4.697363275351119 51.82634859899275)</t>
  </si>
  <si>
    <t>POINT (4.7249900499608355 51.82454067755829)</t>
  </si>
  <si>
    <t>POINT (4.719784817869314 51.83475272612985)</t>
  </si>
  <si>
    <t>POINT (4.6912349112010165 51.82489533559767)</t>
  </si>
  <si>
    <t>POINT (4.720824066199231 51.833516547700285)</t>
  </si>
  <si>
    <t>POINT (4.685907127947375 51.834578990624195)</t>
  </si>
  <si>
    <t>POINT (4.695863286050618 51.84179851109041)</t>
  </si>
  <si>
    <t>POINT (4.678385130731078 51.82699372162637)</t>
  </si>
  <si>
    <t>POINT (4.728822170174807 51.83241488295093)</t>
  </si>
  <si>
    <t>POINT (4.697889149064073 51.83903754962201)</t>
  </si>
  <si>
    <t>POINT (4.684433340948997 51.825989041918874)</t>
  </si>
  <si>
    <t>POINT (4.698326038664598 51.82851923814636)</t>
  </si>
  <si>
    <t>POINT (4.681525658460409 51.83204634094738)</t>
  </si>
  <si>
    <t>POINT (4.6817098025486095 51.824475095434025)</t>
  </si>
  <si>
    <t>POINT (4.706971437772465 51.828995771323754)</t>
  </si>
  <si>
    <t>POINT (4.684707772727887 51.83571446440734)</t>
  </si>
  <si>
    <t>POINT (4.695627755869769 51.83525161535983)</t>
  </si>
  <si>
    <t>POINT (4.684652743842163 51.83679165703092)</t>
  </si>
  <si>
    <t>POINT (4.6963352163012075 51.82445217865587)</t>
  </si>
  <si>
    <t>POINT (4.706983064111908 51.82919815471911)</t>
  </si>
  <si>
    <t>POINT (4.727922483259072 51.83142760357237)</t>
  </si>
  <si>
    <t>POINT (4.713768440069101 51.831846827781064)</t>
  </si>
  <si>
    <t>POINT (4.706458638135703 51.834604262162046)</t>
  </si>
  <si>
    <t>POINT (4.701727102847959 51.82870761343964)</t>
  </si>
  <si>
    <t>POINT (4.708227505122779 51.83560862949053)</t>
  </si>
  <si>
    <t>POINT (4.678674990420436 51.83556591387004)</t>
  </si>
  <si>
    <t>POINT (4.679016849779754 51.82997240059337)</t>
  </si>
  <si>
    <t>POINT (4.68675976675441 51.82313118243773)</t>
  </si>
  <si>
    <t>POINT (4.683198607497938 51.83077772433662)</t>
  </si>
  <si>
    <t>POINT (4.676441584502937 51.830699118402556)</t>
  </si>
  <si>
    <t>POINT (4.697193800569715 51.826145709055474)</t>
  </si>
  <si>
    <t>POINT (4.685450172545663 51.827673881272375)</t>
  </si>
  <si>
    <t>POINT (4.691986633955194 51.8308561312143)</t>
  </si>
  <si>
    <t>POINT (4.703284715452039 51.831237335370744)</t>
  </si>
  <si>
    <t>POINT (4.705442044417518 51.83913568330844)</t>
  </si>
  <si>
    <t>POINT (4.696924010778915 51.83829957565416)</t>
  </si>
  <si>
    <t>POINT (4.687974749552332 51.836560302828225)</t>
  </si>
  <si>
    <t>POINT (4.727387799582263 51.83399152097921)</t>
  </si>
  <si>
    <t>POINT (4.6826394431694816 51.83540449131446)</t>
  </si>
  <si>
    <t>POINT (4.681360076794864 51.830910870498855)</t>
  </si>
  <si>
    <t>POINT (4.706488879922199 51.82823853141514)</t>
  </si>
  <si>
    <t>POINT (4.698141821551114 51.83537816344889)</t>
  </si>
  <si>
    <t>POINT (4.686841596468329 51.834240717986276)</t>
  </si>
  <si>
    <t>POINT (4.674447664239164 51.82916163599737)</t>
  </si>
  <si>
    <t>POINT (4.701468590951229 51.82862159241736)</t>
  </si>
  <si>
    <t>POINT (4.709351615813128 51.8379458469717)</t>
  </si>
  <si>
    <t>POINT (4.689067424959535 51.834158292101854)</t>
  </si>
  <si>
    <t>POINT (4.689973603765962 51.84085059061607)</t>
  </si>
  <si>
    <t>POINT (4.69243353041342 51.82815650468794)</t>
  </si>
  <si>
    <t>POINT (4.71251119418168 51.83138237540857)</t>
  </si>
  <si>
    <t>POINT (4.716176583800652 51.83543973167868)</t>
  </si>
  <si>
    <t>POINT (4.690713020475477 51.82341415600983)</t>
  </si>
  <si>
    <t>POINT (4.693409390952809 51.83960025826858)</t>
  </si>
  <si>
    <t>POINT (4.711213563089062 51.82897547815663)</t>
  </si>
  <si>
    <t>POINT (4.6769166182437 51.835606954862634)</t>
  </si>
  <si>
    <t>POINT (4.683967516369586 51.82789216901733)</t>
  </si>
  <si>
    <t>POINT (4.696778077238557 51.83509583592855)</t>
  </si>
  <si>
    <t>POINT (4.6809900361637355 51.831616608607995)</t>
  </si>
  <si>
    <t>POINT (4.703913374748495 51.831081969548805)</t>
  </si>
  <si>
    <t>POINT (4.684563965190269 51.826625707892426)</t>
  </si>
  <si>
    <t>POINT (4.686864049859868 51.82296377089708)</t>
  </si>
  <si>
    <t>POINT (4.698321608746061 51.8379457769307)</t>
  </si>
  <si>
    <t>POINT (4.686256907709702 51.82728107978617)</t>
  </si>
  <si>
    <t>POINT (4.6841431193201615 51.83964720809075)</t>
  </si>
  <si>
    <t>POINT (4.709416305810805 51.82871900581341)</t>
  </si>
  <si>
    <t>POINT (4.680045712520341 51.83646427903824)</t>
  </si>
  <si>
    <t>POINT (4.68687919595877 51.84455184746871)</t>
  </si>
  <si>
    <t>POINT (4.676310886377724 51.830332084381205)</t>
  </si>
  <si>
    <t>POINT (4.686702518299005 51.84175090765722)</t>
  </si>
  <si>
    <t>POINT (4.709771602641184 51.83777729870341)</t>
  </si>
  <si>
    <t>POINT (4.707786807638229 51.83777215708213)</t>
  </si>
  <si>
    <t>POINT (4.698956683923515 51.834087466563545)</t>
  </si>
  <si>
    <t>POINT (4.693594050614847 51.84011682912041)</t>
  </si>
  <si>
    <t>POINT (4.679319562758944 51.822234942226)</t>
  </si>
  <si>
    <t>POINT (4.692219967623628 51.83906653464792)</t>
  </si>
  <si>
    <t>POINT (4.704147843143615 51.8282398173053)</t>
  </si>
  <si>
    <t>POINT (4.699308128758573 51.829624693959495)</t>
  </si>
  <si>
    <t>POINT (4.682867185306125 51.829187343594725)</t>
  </si>
  <si>
    <t>POINT (4.6838647519185175 51.830570861925985)</t>
  </si>
  <si>
    <t>POINT (4.677381867040366 51.83105678552638)</t>
  </si>
  <si>
    <t>POINT (4.704556109024472 51.839551553175866)</t>
  </si>
  <si>
    <t>POINT (4.685331819101693 51.840326580435026)</t>
  </si>
  <si>
    <t>POINT (4.719602637166946 51.83099679599157)</t>
  </si>
  <si>
    <t>POINT (4.689063482758776 51.82997607084734)</t>
  </si>
  <si>
    <t>POINT (4.692944375538745 51.82828641983898)</t>
  </si>
  <si>
    <t>POINT (4.680371249661346 51.838892866620995)</t>
  </si>
  <si>
    <t>POINT (4.693747688098727 51.82398977093123)</t>
  </si>
  <si>
    <t>POINT (4.6791694559451225 51.837235858800845)</t>
  </si>
  <si>
    <t>POINT (4.707321427398963 51.833147406611474)</t>
  </si>
  <si>
    <t>POINT (4.677297461169714 51.83452105717612)</t>
  </si>
  <si>
    <t>POINT (4.694647504520452 51.8378766015871)</t>
  </si>
  <si>
    <t>POINT (4.702214430327828 51.83720868363725)</t>
  </si>
  <si>
    <t>POINT (4.688878100347097 51.82865834786369)</t>
  </si>
  <si>
    <t>POINT (4.679030079104259 51.83270773489032)</t>
  </si>
  <si>
    <t>POINT (4.698158685832913 51.83238361073524)</t>
  </si>
  <si>
    <t>POINT (4.688328708581452 51.82363004775048)</t>
  </si>
  <si>
    <t>POINT (4.678386484175302 51.83741253380336)</t>
  </si>
  <si>
    <t>POINT (4.679139888417266 51.83068696737647)</t>
  </si>
  <si>
    <t>POINT (4.682867405018926 51.83591725892109)</t>
  </si>
  <si>
    <t>POINT (4.6995969460972224 51.83024803094556)</t>
  </si>
  <si>
    <t>POINT (4.688828770343377 51.828119544793644)</t>
  </si>
  <si>
    <t>POINT (4.685179663877103 51.83480902132096)</t>
  </si>
  <si>
    <t>POINT (4.728966614679028 51.833410965330074)</t>
  </si>
  <si>
    <t>POINT (4.708643846926474 51.838603868728974)</t>
  </si>
  <si>
    <t>POINT (4.677919644477758 51.82723991343204)</t>
  </si>
  <si>
    <t>POINT (4.7064501428894925 51.83627183576046)</t>
  </si>
  <si>
    <t>POINT (4.688588082717269 51.82308708650037)</t>
  </si>
  <si>
    <t>POINT (4.6799923655210005 51.831497336352925)</t>
  </si>
  <si>
    <t>POINT (4.684629199993558 51.835996704846124)</t>
  </si>
  <si>
    <t>POINT (4.690123237423224 51.83773833012203)</t>
  </si>
  <si>
    <t>POINT (4.690486425304232 51.83240108456422)</t>
  </si>
  <si>
    <t>POINT (4.706688289364913 51.83389311951169)</t>
  </si>
  <si>
    <t>POINT (4.70788442576021 51.82761590200512)</t>
  </si>
  <si>
    <t>POINT (4.6809014841098815 51.83790268740666)</t>
  </si>
  <si>
    <t>POINT (4.682090240019432 51.827217886369624)</t>
  </si>
  <si>
    <t>POINT (4.701981496352958 51.83823864282282)</t>
  </si>
  <si>
    <t>POINT (4.683350511997854 51.83415425717681)</t>
  </si>
  <si>
    <t>POINT (4.685401512845221 51.833178505226435)</t>
  </si>
  <si>
    <t>POINT (4.7051219361221905 51.83916984137911)</t>
  </si>
  <si>
    <t>POINT (4.702311943461787 51.833489481209355)</t>
  </si>
  <si>
    <t>POINT (4.689605649142409 51.83782197801811)</t>
  </si>
  <si>
    <t>POINT (4.72425542581772 51.830452621541426)</t>
  </si>
  <si>
    <t>POINT (4.689807228527919 51.82516382873427)</t>
  </si>
  <si>
    <t>POINT (4.694284246702924 51.83944928356708)</t>
  </si>
  <si>
    <t>POINT (4.694053369938019 51.83256928153013)</t>
  </si>
  <si>
    <t>POINT (4.697014917486963 51.824502720576056)</t>
  </si>
  <si>
    <t>POINT (4.727369187738197 51.83105766074652)</t>
  </si>
  <si>
    <t>POINT (4.680091072678428 51.835152219527096)</t>
  </si>
  <si>
    <t>POINT (4.679565725158993 51.82951232787494)</t>
  </si>
  <si>
    <t>POINT (4.7113705424541354 51.829759147345726)</t>
  </si>
  <si>
    <t>POINT (4.695569329733444 51.83748115215757)</t>
  </si>
  <si>
    <t>POINT (4.730383897239989 51.83337779874321)</t>
  </si>
  <si>
    <t>POINT (4.706965276923051 51.82930300285431)</t>
  </si>
  <si>
    <t>POINT (4.6918328119607295 51.8316155329777)</t>
  </si>
  <si>
    <t>POINT (4.702310719391759 51.83712263105388)</t>
  </si>
  <si>
    <t>POINT (4.693151890910713 51.835853201512606)</t>
  </si>
  <si>
    <t>POINT (4.676907851399992 51.83653394565271)</t>
  </si>
  <si>
    <t>POINT (4.696010298287053 51.84142785892356)</t>
  </si>
  <si>
    <t>POINT (4.690289479620359 51.84288591819581)</t>
  </si>
  <si>
    <t>POINT (4.678644704177032 51.83027042065818)</t>
  </si>
  <si>
    <t>POINT (4.6844849809673095 51.835571290287945)</t>
  </si>
  <si>
    <t>POINT (4.712034188403852 51.829840007809466)</t>
  </si>
  <si>
    <t>POINT (4.698022348001258 51.830062709595666)</t>
  </si>
  <si>
    <t>POINT (4.716024858268344 51.83307212619232)</t>
  </si>
  <si>
    <t>POINT (4.678402303228318 51.83413083066125)</t>
  </si>
  <si>
    <t>POINT (4.696391521563828 51.83228176533534)</t>
  </si>
  <si>
    <t>POINT (4.677353657416761 51.82312572803864)</t>
  </si>
  <si>
    <t>POINT (4.693043392220112 51.838455073948445)</t>
  </si>
  <si>
    <t>POINT (4.72212486879356 51.83255162642681)</t>
  </si>
  <si>
    <t>POINT (4.694971324649109 51.84038945712028)</t>
  </si>
  <si>
    <t>POINT (4.6776881435855815 51.823332458179806)</t>
  </si>
  <si>
    <t>POINT (4.682664730579841 51.83595578153778)</t>
  </si>
  <si>
    <t>POINT (4.675043219706851 51.829242067773585)</t>
  </si>
  <si>
    <t>POINT (4.673969691454974 51.83236533566736)</t>
  </si>
  <si>
    <t>POINT (4.703750722413651 51.834328766026665)</t>
  </si>
  <si>
    <t>POINT (4.690908173867642 51.84242267486305)</t>
  </si>
  <si>
    <t>POINT (4.680813456426023 51.825366097846235)</t>
  </si>
  <si>
    <t>POINT (4.728740578904272 51.83304414909267)</t>
  </si>
  <si>
    <t>POINT (4.696842874864834 51.835179164068236)</t>
  </si>
  <si>
    <t>POINT (4.719218329839407 51.834653919253945)</t>
  </si>
  <si>
    <t>POINT (4.706329246955242 51.82751547709352)</t>
  </si>
  <si>
    <t>POINT (4.703638456878701 51.82926357834816)</t>
  </si>
  <si>
    <t>POINT (4.690088864694818 51.84395343881181)</t>
  </si>
  <si>
    <t>POINT (4.67824710096519 51.83424066053749)</t>
  </si>
  <si>
    <t>POINT (4.695881528337522 51.827598066014836)</t>
  </si>
  <si>
    <t>POINT (4.707575772219049 51.826001438398144)</t>
  </si>
  <si>
    <t>POINT (4.696526989391063 51.838084425910736)</t>
  </si>
  <si>
    <t>POINT (4.70817026816579 51.83690239883616)</t>
  </si>
  <si>
    <t>POINT (4.693233091270159 51.84288466664711)</t>
  </si>
  <si>
    <t>POINT (4.69277287737373 51.83814923603201)</t>
  </si>
  <si>
    <t>POINT (4.698520233679681 51.83284664235707)</t>
  </si>
  <si>
    <t>POINT (4.698290859670318 51.84088845370061)</t>
  </si>
  <si>
    <t>POINT (4.706687701382157 51.825764440317414)</t>
  </si>
  <si>
    <t>POINT (4.685623714734141 51.82893568405313)</t>
  </si>
  <si>
    <t>POINT (4.732354444328885 51.83296025786118)</t>
  </si>
  <si>
    <t>POINT (4.731344377732169 51.83281137668668)</t>
  </si>
  <si>
    <t>POINT (4.676708897103494 51.835716842471875)</t>
  </si>
  <si>
    <t>POINT (4.721859830792735 51.82936917111859)</t>
  </si>
  <si>
    <t>POINT (4.6804220044601195 51.82610290523408)</t>
  </si>
  <si>
    <t>POINT (4.68445948944215 51.82627503750633)</t>
  </si>
  <si>
    <t>POINT (4.696077158724566 51.83317938939552)</t>
  </si>
  <si>
    <t>POINT (4.6845567735795 51.8260551283558)</t>
  </si>
  <si>
    <t>POINT (4.6975946355909475 51.83249925410793)</t>
  </si>
  <si>
    <t>POINT (4.712248581952014 51.83120644156481)</t>
  </si>
  <si>
    <t>POINT (4.6805203525312935 51.835035776872736)</t>
  </si>
  <si>
    <t>POINT (4.7033408960827385 51.83865400540932)</t>
  </si>
  <si>
    <t>POINT (4.735812572689847 51.83256355881269)</t>
  </si>
  <si>
    <t>POINT (4.679963053900465 51.836837555764575)</t>
  </si>
  <si>
    <t>POINT (4.693230287599885 51.830166079749446)</t>
  </si>
  <si>
    <t>POINT (4.683116712719653 51.829490742242854)</t>
  </si>
  <si>
    <t>POINT (4.688321623385356 51.8382069736488)</t>
  </si>
  <si>
    <t>POINT (4.68685424149596 51.82308437601164)</t>
  </si>
  <si>
    <t>POINT (4.677289518201603 51.82904693108807)</t>
  </si>
  <si>
    <t>POINT (4.678013297944119 51.83175044483712)</t>
  </si>
  <si>
    <t>POINT (4.686294251393377 51.83450743399985)</t>
  </si>
  <si>
    <t>POINT (4.724017426364158 51.83512531831197)</t>
  </si>
  <si>
    <t>POINT (4.688096404685576 51.82827020336036)</t>
  </si>
  <si>
    <t>POINT (4.6874200058197895 51.83473207057557)</t>
  </si>
  <si>
    <t>POINT (4.677497016684747 51.82964828615501)</t>
  </si>
  <si>
    <t>POINT (4.73035064637959 51.833478141247326)</t>
  </si>
  <si>
    <t>POINT (4.677679169359353 51.83130964485944)</t>
  </si>
  <si>
    <t>POINT (4.720716408385417 51.835480532183006)</t>
  </si>
  <si>
    <t>POINT (4.707230493061056 51.83413639238956)</t>
  </si>
  <si>
    <t>POINT (4.687624943874536 51.8249695862106)</t>
  </si>
  <si>
    <t>POINT (4.72143667729611 51.834461023230666)</t>
  </si>
  <si>
    <t>POINT (4.700863631521282 51.828858017306565)</t>
  </si>
  <si>
    <t>POINT (4.729555318914798 51.833526784136104)</t>
  </si>
  <si>
    <t>POINT (4.681189816140962 51.82219624825001)</t>
  </si>
  <si>
    <t>POINT (4.723941962760987 51.82978126210925)</t>
  </si>
  <si>
    <t>POINT (4.69306219260673 51.83851848302954)</t>
  </si>
  <si>
    <t>POINT (4.73141599314936 51.83301258218338)</t>
  </si>
  <si>
    <t>POINT (4.70081366630215 51.83378515718174)</t>
  </si>
  <si>
    <t>POINT (4.721816853076661 51.83275834484522)</t>
  </si>
  <si>
    <t>POINT (4.7040777269689995 51.83960988423509)</t>
  </si>
  <si>
    <t>POINT (4.6959903561608565 51.83547939244904)</t>
  </si>
  <si>
    <t>POINT (4.706841044532111 51.83707301929417)</t>
  </si>
  <si>
    <t>POINT (4.695727201035789 51.82768444565604)</t>
  </si>
  <si>
    <t>POINT (4.682990235436604 51.82601610468633)</t>
  </si>
  <si>
    <t>POINT (4.685083133121099 51.82534173895135)</t>
  </si>
  <si>
    <t>POINT (4.678553896880026 51.83184451290834)</t>
  </si>
  <si>
    <t>POINT (4.6767691813333405 51.834148077406795)</t>
  </si>
  <si>
    <t>POINT (4.6970379071668695 51.83709718061482)</t>
  </si>
  <si>
    <t>POINT (4.691775594263863 51.84088592505385)</t>
  </si>
  <si>
    <t>POINT (4.680106675399921 51.83147318933827)</t>
  </si>
  <si>
    <t>POINT (4.685805581319247 51.82806106113762)</t>
  </si>
  <si>
    <t>POINT (4.692407398337736 51.835080044896834)</t>
  </si>
  <si>
    <t>POINT (4.6793016060692 51.835373579890756)</t>
  </si>
  <si>
    <t>POINT (4.6945631557455485 51.837066965638506)</t>
  </si>
  <si>
    <t>POINT (4.687438794212695 51.84103413156475)</t>
  </si>
  <si>
    <t>POINT (4.725670623522545 51.83396973137592)</t>
  </si>
  <si>
    <t>POINT (4.6944872159551885 51.8400298791631)</t>
  </si>
  <si>
    <t>POINT (4.696445705975376 51.82624948725722)</t>
  </si>
  <si>
    <t>POINT (4.693473849728121 51.83894799293397)</t>
  </si>
  <si>
    <t>POINT (4.67316288276478 51.82999990276237)</t>
  </si>
  <si>
    <t>POINT (4.697014347501479 51.839926032075155)</t>
  </si>
  <si>
    <t>POINT (4.6806018110676355 51.82665790446761)</t>
  </si>
  <si>
    <t>POINT (4.701658628960843 51.82868954190595)</t>
  </si>
  <si>
    <t>POINT (4.683380863180258 51.82762828769685)</t>
  </si>
  <si>
    <t>POINT (4.713822394534856 51.83238472858848)</t>
  </si>
  <si>
    <t>POINT (4.695060666093888 51.82584605284062)</t>
  </si>
  <si>
    <t>POINT (4.704150137248767 51.8327772720901)</t>
  </si>
  <si>
    <t>POINT (4.710938577481435 51.82901051390752)</t>
  </si>
  <si>
    <t>POINT (4.691277793221611 51.825494503217826)</t>
  </si>
  <si>
    <t>POINT (4.706919784965389 51.82905681038123)</t>
  </si>
  <si>
    <t>POINT (4.692615259771212 51.830346565395814)</t>
  </si>
  <si>
    <t>POINT (4.697525401693707 51.83766991539699)</t>
  </si>
  <si>
    <t>POINT (4.698767389110661 51.83936985276197)</t>
  </si>
  <si>
    <t>POINT (4.704043211602237 51.82855996767607)</t>
  </si>
  <si>
    <t>POINT (4.695729476280561 51.83188330243225)</t>
  </si>
  <si>
    <t>POINT (4.692965898232246 51.82834233961869)</t>
  </si>
  <si>
    <t>POINT (4.727119898918844 51.83321390269934)</t>
  </si>
  <si>
    <t>POINT (4.733024946462409 51.83031810173179)</t>
  </si>
  <si>
    <t>POINT (4.687260276557222 51.82293557303853)</t>
  </si>
  <si>
    <t>POINT (4.7159030693129775 51.83256413928368)</t>
  </si>
  <si>
    <t>POINT (4.722969577946016 51.833816594237256)</t>
  </si>
  <si>
    <t>POINT (4.72630204148922 51.831206998697574)</t>
  </si>
  <si>
    <t>POINT (4.676552625020969 51.830668851758325)</t>
  </si>
  <si>
    <t>POINT (4.678059885622674 51.8298558471464)</t>
  </si>
  <si>
    <t>POINT (4.679276596498917 51.826884909715304)</t>
  </si>
  <si>
    <t>POINT (4.687932301723853 51.83478360796431)</t>
  </si>
  <si>
    <t>POINT (4.696548111403389 51.82630305990393)</t>
  </si>
  <si>
    <t>POINT (4.703604124140543 51.836027220691356)</t>
  </si>
  <si>
    <t>POINT (4.683646820401947 51.82955137614366)</t>
  </si>
  <si>
    <t>POINT (4.696475359234534 51.826314631640344)</t>
  </si>
  <si>
    <t>POINT (4.687241181035843 51.82795346137574)</t>
  </si>
  <si>
    <t>POINT (4.694045448598196 51.82968893436678)</t>
  </si>
  <si>
    <t>POINT (4.690017911371857 51.824723153571846)</t>
  </si>
  <si>
    <t>POINT (4.687357653430872 51.827273580619156)</t>
  </si>
  <si>
    <t>POINT (4.678599724657214 51.82230966276191)</t>
  </si>
  <si>
    <t>POINT (4.718317520703896 51.83199314917341)</t>
  </si>
  <si>
    <t>POINT (4.673338915166724 51.83256964268238)</t>
  </si>
  <si>
    <t>POINT (4.70572811050004 51.83872935979713)</t>
  </si>
  <si>
    <t>POINT (4.708925209606975 51.83807217308425)</t>
  </si>
  <si>
    <t>POINT (4.679856724897746 51.83073153128002)</t>
  </si>
  <si>
    <t>POINT (4.67292164305568 51.830122217824375)</t>
  </si>
  <si>
    <t>POINT (4.688729186379764 51.83620577887764)</t>
  </si>
  <si>
    <t>POINT (4.692743235950379 51.83495700917715)</t>
  </si>
  <si>
    <t>POINT (4.700259851112808 51.83645960249256)</t>
  </si>
  <si>
    <t>POINT (4.697324313272758 51.83521821843721)</t>
  </si>
  <si>
    <t>POINT (4.7077806331418985 51.82740788868448)</t>
  </si>
  <si>
    <t>POINT (4.706554821922027 51.82747727131769)</t>
  </si>
  <si>
    <t>POINT (4.6877221233332085 51.825403885577565)</t>
  </si>
  <si>
    <t>POINT (4.695233648058332 51.82708300169451)</t>
  </si>
  <si>
    <t>POINT (4.684518215186834 51.83770490634773)</t>
  </si>
  <si>
    <t>POINT (4.703935832101883 51.838656732333405)</t>
  </si>
  <si>
    <t>POINT (4.674832893146493 51.83140420734228)</t>
  </si>
  <si>
    <t>POINT (4.6854902809348165 51.84019217682808)</t>
  </si>
  <si>
    <t>POINT (4.682967614336889 51.8257175637535)</t>
  </si>
  <si>
    <t>POINT (4.731826157562175 51.84257946933525)</t>
  </si>
  <si>
    <t>POINT (4.687554924625594 51.8411173662649)</t>
  </si>
  <si>
    <t>POINT (4.692196978509465 51.82463958345848)</t>
  </si>
  <si>
    <t>POINT (4.691813503309619 51.84099737486173)</t>
  </si>
  <si>
    <t>POINT (4.688031509396193 51.837637506197865)</t>
  </si>
  <si>
    <t>POINT (4.680752743789654 51.824424341810335)</t>
  </si>
  <si>
    <t>POINT (4.691720887139045 51.83625116258699)</t>
  </si>
  <si>
    <t>POINT (4.707498397395019 51.82871854945282)</t>
  </si>
  <si>
    <t>POINT (4.690078129611059 51.84378253726855)</t>
  </si>
  <si>
    <t>POINT (4.685859187042406 51.824061918587965)</t>
  </si>
  <si>
    <t>POINT (4.68890681265152 51.82556208359385)</t>
  </si>
  <si>
    <t>POINT (4.695301697188742 51.8334003551623)</t>
  </si>
  <si>
    <t>POINT (4.676059414910591 51.83223939094592)</t>
  </si>
  <si>
    <t>POINT (4.689724275449339 51.82326345056118)</t>
  </si>
  <si>
    <t>POINT (4.680565817886583 51.82753421609124)</t>
  </si>
  <si>
    <t>POINT (4.735855965413616 51.8329781740718)</t>
  </si>
  <si>
    <t>POINT (4.689931166645798 51.8323391818202)</t>
  </si>
  <si>
    <t>POINT (4.689769070969513 51.82573890226933)</t>
  </si>
  <si>
    <t>POINT (4.69902790311178 51.834064001298)</t>
  </si>
  <si>
    <t>POINT (4.721743969766389 51.834811092135524)</t>
  </si>
  <si>
    <t>POINT (4.6806210895836875 51.83857824914105)</t>
  </si>
  <si>
    <t>POINT (4.685701998248923 51.824067936447676)</t>
  </si>
  <si>
    <t>POINT (4.700628071707298 51.836669213985445)</t>
  </si>
  <si>
    <t>POINT (4.721324435414089 51.8341999686187)</t>
  </si>
  <si>
    <t>POINT (4.697028126096773 51.834780475065486)</t>
  </si>
  <si>
    <t>POINT (4.695662809745388 51.83226534909223)</t>
  </si>
  <si>
    <t>POINT (4.718375712675758 51.83578460803507)</t>
  </si>
  <si>
    <t>POINT (4.682175870849982 51.82457150369592)</t>
  </si>
  <si>
    <t>POINT (4.680821328864966 51.825659759557695)</t>
  </si>
  <si>
    <t>POINT (4.6894279353248525 51.83015431632108)</t>
  </si>
  <si>
    <t>POINT (4.684115919966408 51.825957226779)</t>
  </si>
  <si>
    <t>POINT (4.6858884762687945 51.841150928594054)</t>
  </si>
  <si>
    <t>POINT (4.693368316444488 51.830178041593776)</t>
  </si>
  <si>
    <t>POINT (4.72402574326191 51.834145256495816)</t>
  </si>
  <si>
    <t>POINT (4.684119528019266 51.83767591298015)</t>
  </si>
  <si>
    <t>POINT (4.683327583310223 51.827210121906084)</t>
  </si>
  <si>
    <t>POINT (4.733384261597235 51.83194839822471)</t>
  </si>
  <si>
    <t>POINT (4.679103989195101 51.83466373239318)</t>
  </si>
  <si>
    <t>POINT (4.684298846240569 51.826371818188235)</t>
  </si>
  <si>
    <t>POINT (4.700346985915569 51.8349040913736)</t>
  </si>
  <si>
    <t>POINT (4.729464588303454 51.83235256171161)</t>
  </si>
  <si>
    <t>POINT (4.695984231907098 51.841544467670786)</t>
  </si>
  <si>
    <t>POINT (4.688198090179862 51.840296751178336)</t>
  </si>
  <si>
    <t>POINT (4.699164199099426 51.83916798440714)</t>
  </si>
  <si>
    <t>POINT (4.694548424957469 51.83007925967248)</t>
  </si>
  <si>
    <t>POINT (4.709535298172536 51.82979716830021)</t>
  </si>
  <si>
    <t>POINT (4.706618983835323 51.828220823186975)</t>
  </si>
  <si>
    <t>POINT (4.701606485211353 51.83305235415266)</t>
  </si>
  <si>
    <t>POINT (4.7145597066442875 51.8341561087257)</t>
  </si>
  <si>
    <t>POINT (4.685416467903012 51.8373509406782)</t>
  </si>
  <si>
    <t>POINT (4.70928765330227 51.83707524476186)</t>
  </si>
  <si>
    <t>POINT (4.728711831665919 51.834000618139896)</t>
  </si>
  <si>
    <t>POINT (4.678741704672405 51.828832561481214)</t>
  </si>
  <si>
    <t>POINT (4.693897451655256 51.840521545325814)</t>
  </si>
  <si>
    <t>POINT (4.695633681511532 51.8313037083101)</t>
  </si>
  <si>
    <t>POINT (4.6890447498929895 51.842880069162426)</t>
  </si>
  <si>
    <t>POINT (4.703114893012607 51.829106777785945)</t>
  </si>
  <si>
    <t>POINT (4.693848036527064 51.84252347856707)</t>
  </si>
  <si>
    <t>POINT (4.684635424945878 51.83435997388262)</t>
  </si>
  <si>
    <t>POINT (4.691220472470304 51.82885310205543)</t>
  </si>
  <si>
    <t>POINT (4.684863560994561 51.836499915852556)</t>
  </si>
  <si>
    <t>POINT (4.691502286563448 51.83196727744202)</t>
  </si>
  <si>
    <t>POINT (4.687892027722681 51.822981882039855)</t>
  </si>
  <si>
    <t>POINT (4.684525912419885 51.83894549198519)</t>
  </si>
  <si>
    <t>POINT (4.676003587192105 51.830116041362324)</t>
  </si>
  <si>
    <t>POINT (4.692160162206538 51.83241551871218)</t>
  </si>
  <si>
    <t>POINT (4.722976188056259 51.829220673452554)</t>
  </si>
  <si>
    <t>POINT (4.683179180809561 51.82460725140117)</t>
  </si>
  <si>
    <t>POINT (4.720455511159763 51.8355437956749)</t>
  </si>
  <si>
    <t>POINT (4.686276772803595 51.8335408981661)</t>
  </si>
  <si>
    <t>POINT (4.67853138844459 51.82226281476702)</t>
  </si>
  <si>
    <t>POINT (4.676856591011025 51.83124767301183)</t>
  </si>
  <si>
    <t>POINT (4.698069589411489 51.82606850022335)</t>
  </si>
  <si>
    <t>POINT (4.711935749910616 51.83117642715672)</t>
  </si>
  <si>
    <t>POINT (4.725184659264043 51.83430715674769)</t>
  </si>
  <si>
    <t>POINT (4.6906815391569605 51.83802818339831)</t>
  </si>
  <si>
    <t>POINT (4.694826292500905 51.824730798154796)</t>
  </si>
  <si>
    <t>POINT (4.708545117794708 51.8374201534533)</t>
  </si>
  <si>
    <t>POINT (4.695074548059087 51.82672925059223)</t>
  </si>
  <si>
    <t>POINT (4.700376338222693 51.837690916551296)</t>
  </si>
  <si>
    <t>POINT (4.691186195698429 51.825726936760795)</t>
  </si>
  <si>
    <t>POINT (4.706783701479273 51.839229946185235)</t>
  </si>
  <si>
    <t>POINT (4.691835540495221 51.83283763512205)</t>
  </si>
  <si>
    <t>POINT (4.696240790551897 51.83934382800097)</t>
  </si>
  <si>
    <t>POINT (4.698027961842388 51.82961880292637)</t>
  </si>
  <si>
    <t>POINT (4.69752157424036 51.832380624383894)</t>
  </si>
  <si>
    <t>POINT (4.719136473193847 51.834144895775445)</t>
  </si>
  <si>
    <t>POINT (4.6880099268302935 51.827744868331)</t>
  </si>
  <si>
    <t>BB</t>
  </si>
  <si>
    <t>POINT (4.68240008270098 51.82508372926294)</t>
  </si>
  <si>
    <t>POINT (4.702429905433748 51.83678830238098)</t>
  </si>
  <si>
    <t>POINT (4.6959531766481195 51.83291789020025)</t>
  </si>
  <si>
    <t>POINT (4.680034471963824 51.833023304791986)</t>
  </si>
  <si>
    <t>POINT (4.678466160365803 51.830354312497455)</t>
  </si>
  <si>
    <t>POINT (4.6905975597006595 51.84325573182723)</t>
  </si>
  <si>
    <t>POINT (4.683762949627031 51.82924109194231)</t>
  </si>
  <si>
    <t>POINT (4.696302172956917 51.833428090047775)</t>
  </si>
  <si>
    <t>POINT (4.694675564696745 51.824765629805164)</t>
  </si>
  <si>
    <t>POINT (4.689262633847445 51.8320119235768)</t>
  </si>
  <si>
    <t>POINT (4.699702140624468 51.83479419698358)</t>
  </si>
  <si>
    <t>POINT (4.693634276472528 51.8244662809391)</t>
  </si>
  <si>
    <t>POINT (4.686839051586012 51.82728516590706)</t>
  </si>
  <si>
    <t>POINT (4.684216996762293 51.8374849308432)</t>
  </si>
  <si>
    <t>POINT (4.687238786988634 51.844846373809425)</t>
  </si>
  <si>
    <t>POINT (4.686277008427057 51.835739879996886)</t>
  </si>
  <si>
    <t>POINT (4.710611936055972 51.827822942097505)</t>
  </si>
  <si>
    <t>POINT (4.683482976730677 51.82557698909174)</t>
  </si>
  <si>
    <t>POINT (4.692038353521819 51.83729220954382)</t>
  </si>
  <si>
    <t>POINT (4.679710864011945 51.8284491983031)</t>
  </si>
  <si>
    <t>POINT (4.698158390084399 51.83432417326623)</t>
  </si>
  <si>
    <t>POINT (4.708567838578058 51.828278433850514)</t>
  </si>
  <si>
    <t>POINT (4.682741847472222 51.83701090830487)</t>
  </si>
  <si>
    <t>POINT (4.689377199229824 51.824560606628296)</t>
  </si>
  <si>
    <t>POINT (4.68871979634537 51.82896461980325)</t>
  </si>
  <si>
    <t>POINT (4.6817921701619065 51.83531138641901)</t>
  </si>
  <si>
    <t>POINT (4.673107767948447 51.83006404310495)</t>
  </si>
  <si>
    <t>POINT (4.701892707553828 51.829841399602714)</t>
  </si>
  <si>
    <t>POINT (4.697177357641688 51.82822488193672)</t>
  </si>
  <si>
    <t>POINT (4.6932140737712755 51.83144308038674)</t>
  </si>
  <si>
    <t>POINT (4.727655766550682 51.83208603995388)</t>
  </si>
  <si>
    <t>POINT (4.699130912518282 51.8359215925663)</t>
  </si>
  <si>
    <t>POINT (4.704294250019044 51.8304538314534)</t>
  </si>
  <si>
    <t>POINT (4.710185583901225 51.82870936001994)</t>
  </si>
  <si>
    <t>POINT (4.706631296674032 51.835075736673666)</t>
  </si>
  <si>
    <t>POINT (4.6874589892254965 51.82594362248834)</t>
  </si>
  <si>
    <t>POINT (4.694111319591933 51.83905539690489)</t>
  </si>
  <si>
    <t>POINT (4.680025756016184 51.827332224553025)</t>
  </si>
  <si>
    <t>POINT (4.684638917404555 51.82577068887611)</t>
  </si>
  <si>
    <t>POINT (4.67929528457397 51.83126110170095)</t>
  </si>
  <si>
    <t>POINT (4.699789155351624 51.83244303872406)</t>
  </si>
  <si>
    <t>POINT (4.718332034103158 51.83408632950154)</t>
  </si>
  <si>
    <t>POINT (4.6844761553999685 51.82985032657273)</t>
  </si>
  <si>
    <t>POINT (4.67835183181515 51.8303797701393)</t>
  </si>
  <si>
    <t>POINT (4.699076655614621 51.83906933353994)</t>
  </si>
  <si>
    <t>POINT (4.685205276385433 51.82596550872033)</t>
  </si>
  <si>
    <t>POINT (4.692760091703815 51.83123881643464)</t>
  </si>
  <si>
    <t>POINT (4.706333730531607 51.83444105945289)</t>
  </si>
  <si>
    <t>POINT (4.690384068358453 51.83905077146789)</t>
  </si>
  <si>
    <t>POINT (4.694705975399205 51.84243817938582)</t>
  </si>
  <si>
    <t>POINT (4.675797839359461 51.83233725643381)</t>
  </si>
  <si>
    <t>POINT (4.6942677743208785 51.83737307408206)</t>
  </si>
  <si>
    <t>POINT (4.682295517269853 51.82834134313428)</t>
  </si>
  <si>
    <t>POINT (4.709879372063597 51.83723461262108)</t>
  </si>
  <si>
    <t>POINT (4.681884394684142 51.829394958753376)</t>
  </si>
  <si>
    <t>POINT (4.723685272124101 51.83198418767979)</t>
  </si>
  <si>
    <t>POINT (4.696769318295747 51.83594957828402)</t>
  </si>
  <si>
    <t>POINT (4.695332953389068 51.83107562938604)</t>
  </si>
  <si>
    <t>POINT (4.68381258505963 51.83793425941791)</t>
  </si>
  <si>
    <t>POINT (4.685964376273155 51.835265372428644)</t>
  </si>
  <si>
    <t>POINT (4.6830753840650345 51.83463965677211)</t>
  </si>
  <si>
    <t>POINT (4.677097310528601 51.835367080398946)</t>
  </si>
  <si>
    <t>POINT (4.687232301048451 51.83452393420928)</t>
  </si>
  <si>
    <t>POINT (4.701136082508174 51.82444072533076)</t>
  </si>
  <si>
    <t>POINT (4.702773513042778 51.835980880639696)</t>
  </si>
  <si>
    <t>POINT (4.696068275857187 51.828519188698706)</t>
  </si>
  <si>
    <t>POINT (4.699184068344181 51.83147144534985)</t>
  </si>
  <si>
    <t>POINT (4.681426897379359 51.83736604353472)</t>
  </si>
  <si>
    <t>POINT (4.695363668840373 51.83864891129163)</t>
  </si>
  <si>
    <t>POINT (4.72832572015041 51.82976726254294)</t>
  </si>
  <si>
    <t>POINT (4.719445740038652 51.83645739342889)</t>
  </si>
  <si>
    <t>POINT (4.690699212519236 51.829278669536905)</t>
  </si>
  <si>
    <t>POINT (4.716367179264744 51.83260956920213)</t>
  </si>
  <si>
    <t>POINT (4.68340417903349 51.829794223992955)</t>
  </si>
  <si>
    <t>POINT (4.694100650344462 51.83117252911811)</t>
  </si>
  <si>
    <t>POINT (4.703325965202062 51.8312638404611)</t>
  </si>
  <si>
    <t>POINT (4.700213708576948 51.837466507819876)</t>
  </si>
  <si>
    <t>POINT (4.683725768155267 51.823889998307614)</t>
  </si>
  <si>
    <t>POINT (4.696043896994793 51.83592948968318)</t>
  </si>
  <si>
    <t>POINT (4.700730775358098 51.833232060661366)</t>
  </si>
  <si>
    <t>POINT (4.703916319058677 51.82978177261926)</t>
  </si>
  <si>
    <t>POINT (4.678340471907736 51.8373065765237)</t>
  </si>
  <si>
    <t>POINT (4.702861722697675 51.82904221089293)</t>
  </si>
  <si>
    <t>POINT (4.675110343060321 51.830680767251295)</t>
  </si>
  <si>
    <t>POINT (4.6895980324025865 51.82379505294286)</t>
  </si>
  <si>
    <t>POINT (4.689657826115547 51.84321715523994)</t>
  </si>
  <si>
    <t>POINT (4.6890617481392045 51.824202591583216)</t>
  </si>
  <si>
    <t>POINT (4.6955841101498565 51.83888603572771)</t>
  </si>
  <si>
    <t>POINT (4.693385832456737 51.83283667793779)</t>
  </si>
  <si>
    <t>POINT (4.695121585107424 51.826922424136946)</t>
  </si>
  <si>
    <t>POINT (4.721350206356063 51.835207063801136)</t>
  </si>
  <si>
    <t>POINT (4.7015408818701 51.82864144813096)</t>
  </si>
  <si>
    <t>POINT (4.683459065039094 51.82309417117557)</t>
  </si>
  <si>
    <t>POINT (4.681102157494099 51.83009799508965)</t>
  </si>
  <si>
    <t>POINT (4.694838101160873 51.84099276103417)</t>
  </si>
  <si>
    <t>POINT (4.6913933614128895 51.823699976234636)</t>
  </si>
  <si>
    <t>POINT (4.697279529083031 51.83516669310297)</t>
  </si>
  <si>
    <t>POINT (4.702925296329432 51.83363925804404)</t>
  </si>
  <si>
    <t>POINT (4.706546436983882 51.82827543991011)</t>
  </si>
  <si>
    <t>POINT (4.6843735401026185 51.82601735765008)</t>
  </si>
  <si>
    <t>POINT (4.735787399170916 51.83303636333606)</t>
  </si>
  <si>
    <t>POINT (4.69187849675996 51.83826259219751)</t>
  </si>
  <si>
    <t>POINT (4.683685098500107 51.82927024296821)</t>
  </si>
  <si>
    <t>POINT (4.690839205870054 51.83870122556707)</t>
  </si>
  <si>
    <t>POINT (4.684260648714957 51.836134218000815)</t>
  </si>
  <si>
    <t>POINT (4.6927171419675 51.840276667347375)</t>
  </si>
  <si>
    <t>POINT (4.683826865215688 51.82498160172368)</t>
  </si>
  <si>
    <t>POINT (4.70093986483163 51.84139604963433)</t>
  </si>
  <si>
    <t>POINT (4.6876865275321 51.82906827208479)</t>
  </si>
  <si>
    <t>POINT (4.6841234916020245 51.8270461210807)</t>
  </si>
  <si>
    <t>POINT (4.704310121788673 51.8303791294148)</t>
  </si>
  <si>
    <t>POINT (4.695237535890128 51.83850974307976)</t>
  </si>
  <si>
    <t>POINT (4.683189977160354 51.83607791520193)</t>
  </si>
  <si>
    <t>POINT (4.67704248676258 51.83036538427954)</t>
  </si>
  <si>
    <t>POINT (4.691948378154863 51.82426540602109)</t>
  </si>
  <si>
    <t>POINT (4.69375270843328 51.83072853893476)</t>
  </si>
  <si>
    <t>POINT (4.692379466656684 51.83294723633547)</t>
  </si>
  <si>
    <t>POINT (4.692260507958486 51.827489467136374)</t>
  </si>
  <si>
    <t>POINT (4.707323846687312 51.837009165686)</t>
  </si>
  <si>
    <t>POINT (4.727590849743309 51.83148000481944)</t>
  </si>
  <si>
    <t>POINT (4.691387013503929 51.832475027457946)</t>
  </si>
  <si>
    <t>POINT (4.686928990537498 51.834896511029044)</t>
  </si>
  <si>
    <t>POINT (4.678876420028042 51.831807035275105)</t>
  </si>
  <si>
    <t>POINT (4.691405112478798 51.83295279085201)</t>
  </si>
  <si>
    <t>POINT (4.701388700658542 51.836600114980264)</t>
  </si>
  <si>
    <t>POINT (4.696234326744849 51.83889582385272)</t>
  </si>
  <si>
    <t>POINT (4.685800112045145 51.841055345942806)</t>
  </si>
  <si>
    <t>POINT (4.6954394493651765 51.833557650080614)</t>
  </si>
  <si>
    <t>POINT (4.69543650489009 51.837958474650534)</t>
  </si>
  <si>
    <t>POINT (4.692625875156017 51.835089526388366)</t>
  </si>
  <si>
    <t>POINT (4.691809978061365 51.82583369775663)</t>
  </si>
  <si>
    <t>POINT (4.715697260067872 51.8330369588858)</t>
  </si>
  <si>
    <t>POINT (4.7039522520316135 51.835087374493426)</t>
  </si>
  <si>
    <t>POINT (4.673703775206126 51.83140753391185)</t>
  </si>
  <si>
    <t>POINT (4.685492265486681 51.827723615413056)</t>
  </si>
  <si>
    <t>POINT (4.699196245184104 51.83475307646972)</t>
  </si>
  <si>
    <t>POINT (4.677564773689527 51.82328836903645)</t>
  </si>
  <si>
    <t>POINT (4.7014213478988305 51.825302712735954)</t>
  </si>
  <si>
    <t>POINT (4.681001968414026 51.8287927440406)</t>
  </si>
  <si>
    <t>POINT (4.7062277381360635 51.82761859006278)</t>
  </si>
  <si>
    <t>POINT (4.702182292365282 51.83419203077378)</t>
  </si>
  <si>
    <t>POINT (4.689845792658635 51.82576896670683)</t>
  </si>
  <si>
    <t>POINT (4.686350705949519 51.8239174406784)</t>
  </si>
  <si>
    <t>POINT (4.689680526542578 51.82381182165421)</t>
  </si>
  <si>
    <t>POINT (4.684268143596052 51.828272355787945)</t>
  </si>
  <si>
    <t>POINT (4.685132035323021 51.83997364271311)</t>
  </si>
  <si>
    <t>POINT (4.679409817638007 51.83056048905032)</t>
  </si>
  <si>
    <t>POINT (4.693306529542037 51.84024438656599)</t>
  </si>
  <si>
    <t>POINT (4.687921097779003 51.82681118302442)</t>
  </si>
  <si>
    <t>POINT (4.682364905172118 51.82499658877686)</t>
  </si>
  <si>
    <t>POINT (4.681015429853234 51.827271810681076)</t>
  </si>
  <si>
    <t>POINT (4.684713470528019 51.82555158733866)</t>
  </si>
  <si>
    <t>POINT (4.706189205789714 51.827677322935806)</t>
  </si>
  <si>
    <t>POINT (4.694566177364096 51.83709598977038)</t>
  </si>
  <si>
    <t>POINT (4.692995709637826 51.839061641250744)</t>
  </si>
  <si>
    <t>POINT (4.695207123600046 51.83161624616851)</t>
  </si>
  <si>
    <t>POINT (4.689783140606756 51.83456156980604)</t>
  </si>
  <si>
    <t>POINT (4.691335893251415 51.837478966398805)</t>
  </si>
  <si>
    <t>POINT (4.696149667871143 51.83397713481111)</t>
  </si>
  <si>
    <t>POINT (4.727796226068698 51.82941963907362)</t>
  </si>
  <si>
    <t>POINT (4.678521662766226 51.83494009784643)</t>
  </si>
  <si>
    <t>POINT (4.6995552720539004 51.82498731412943)</t>
  </si>
  <si>
    <t>POINT (4.686440471873178 51.83568567462581)</t>
  </si>
  <si>
    <t>POINT (4.703900922535464 51.83310002348405)</t>
  </si>
  <si>
    <t>POINT (4.679153985874397 51.83466473507059)</t>
  </si>
  <si>
    <t>POINT (4.694397935333594 51.83746975093958)</t>
  </si>
  <si>
    <t>POINT (4.689928860536663 51.82793067166922)</t>
  </si>
  <si>
    <t>POINT (4.703766111726591 51.82483230583787)</t>
  </si>
  <si>
    <t>POINT (4.675852015115303 51.82981169301048)</t>
  </si>
  <si>
    <t>POINT (4.706779356841841 51.83692744165272)</t>
  </si>
  <si>
    <t>POINT (4.696732199242969 51.82671092375981)</t>
  </si>
  <si>
    <t>POINT (4.728928986428235 51.83164274942824)</t>
  </si>
  <si>
    <t>POINT (4.7054987104868795 51.83688005781207)</t>
  </si>
  <si>
    <t>POINT (4.685604928352578 51.82597437006305)</t>
  </si>
  <si>
    <t>POINT (4.691009208199025 51.84026553615442)</t>
  </si>
  <si>
    <t>POINT (4.694526504822433 51.83742649228379)</t>
  </si>
  <si>
    <t>POINT (4.7238590210463265 51.83424198475748)</t>
  </si>
  <si>
    <t>POINT (4.6842052225007285 51.82643041179346)</t>
  </si>
  <si>
    <t>POINT (4.7165555085025295 51.83231925231359)</t>
  </si>
  <si>
    <t>POINT (4.7314554355399965 51.83281459480958)</t>
  </si>
  <si>
    <t>POINT (4.704024769646045 51.8282042251821)</t>
  </si>
  <si>
    <t>POINT (4.675237773364053 51.830606727662804)</t>
  </si>
  <si>
    <t>POINT (4.6973130245957515 51.82615440075409)</t>
  </si>
  <si>
    <t>POINT (4.6945409431365075 51.83746040168007)</t>
  </si>
  <si>
    <t>POINT (4.707539389526553 51.82799648766097)</t>
  </si>
  <si>
    <t>POINT (4.7005877017893125 51.837935762568414)</t>
  </si>
  <si>
    <t>POINT (4.679480418560115 51.83049817396386)</t>
  </si>
  <si>
    <t>POINT (4.681165676149308 51.82966990630582)</t>
  </si>
  <si>
    <t>POINT (4.696409203112532 51.83472549164874)</t>
  </si>
  <si>
    <t>POINT (4.679177147677773 51.822238047203115)</t>
  </si>
  <si>
    <t>POINT (4.700197277594718 51.82431884931266)</t>
  </si>
  <si>
    <t>POINT (4.691740105568183 51.82580903242249)</t>
  </si>
  <si>
    <t>POINT (4.699678158821173 51.82894440885057)</t>
  </si>
  <si>
    <t>POINT (4.705453555718655 51.83835965490114)</t>
  </si>
  <si>
    <t>POINT (4.7061406696555785 51.827655989962786)</t>
  </si>
  <si>
    <t>POINT (4.687215440269708 51.82597477214229)</t>
  </si>
  <si>
    <t>POINT (4.703107858463222 51.82859732412618)</t>
  </si>
  <si>
    <t>POINT (4.7056807569768955 51.83907222539501)</t>
  </si>
  <si>
    <t>POINT (4.707109323485901 51.825785382574225)</t>
  </si>
  <si>
    <t>POINT (4.72935694645648 51.83357130781586)</t>
  </si>
  <si>
    <t>POINT (4.707347668163543 51.82634247638667)</t>
  </si>
  <si>
    <t>POINT (4.716375331021085 51.83310670421025)</t>
  </si>
  <si>
    <t>POINT (4.678159468820507 51.83370675403553)</t>
  </si>
  <si>
    <t>POINT (4.731390377889467 51.83288154703751)</t>
  </si>
  <si>
    <t>POINT (4.682304120295437 51.82732112923022)</t>
  </si>
  <si>
    <t>POINT (4.700936382166905 51.83917851876219)</t>
  </si>
  <si>
    <t>POINT (4.6842161848717545 51.833603416012764)</t>
  </si>
  <si>
    <t>POINT (4.684076665437176 51.826477964748136)</t>
  </si>
  <si>
    <t>POINT (4.706864748506792 51.829176687336584)</t>
  </si>
  <si>
    <t>POINT (4.684702118135911 51.82538556196239)</t>
  </si>
  <si>
    <t>POINT (4.681384243220611 51.83732683932367)</t>
  </si>
  <si>
    <t>POINT (4.723147983701038 51.832982247103715)</t>
  </si>
  <si>
    <t>POINT (4.69843160493919 51.82990221965701)</t>
  </si>
  <si>
    <t>POINT (4.7356866224018015 51.8328819462052)</t>
  </si>
  <si>
    <t>POINT (4.674769216132789 51.83303948559399)</t>
  </si>
  <si>
    <t>POINT (4.716328988389874 51.83211975900203)</t>
  </si>
  <si>
    <t>POINT (4.680031275020714 51.82350447576698)</t>
  </si>
  <si>
    <t>POINT (4.718611183037329 51.836092658677494)</t>
  </si>
  <si>
    <t>POINT (4.694069464060934 51.83900213487778)</t>
  </si>
  <si>
    <t>POINT (4.686923180771695 51.822883917980775)</t>
  </si>
  <si>
    <t>POINT (4.695804594972206 51.83836503232426)</t>
  </si>
  <si>
    <t>POINT (4.735361399132496 51.833102905292066)</t>
  </si>
  <si>
    <t>POINT (4.678108687307838 51.829522186635124)</t>
  </si>
  <si>
    <t>POINT (4.68803772588374 51.827426683101635)</t>
  </si>
  <si>
    <t>POINT (4.673694098020226 51.83001213954246)</t>
  </si>
  <si>
    <t>POINT (4.680306898040419 51.83196897751603)</t>
  </si>
  <si>
    <t>POINT (4.698255720825812 51.833235448493056)</t>
  </si>
  <si>
    <t>POINT (4.712172618714198 51.82813444864998)</t>
  </si>
  <si>
    <t>POINT (4.704876076782866 51.83210656490926)</t>
  </si>
  <si>
    <t>POINT (4.676816990464438 51.83215282404402)</t>
  </si>
  <si>
    <t>POINT (4.693035464105954 51.83238030303795)</t>
  </si>
  <si>
    <t>POINT (4.689371375138159 51.83723060782827)</t>
  </si>
  <si>
    <t>POINT (4.691375387593235 51.83738323786757)</t>
  </si>
  <si>
    <t>POINT (4.690470839344328 51.838364042753135)</t>
  </si>
  <si>
    <t>POINT (4.719994714709312 51.83447278247005)</t>
  </si>
  <si>
    <t>POINT (4.682239883518506 51.838073588070664)</t>
  </si>
  <si>
    <t>POINT (4.701939522457816 51.838324248152105)</t>
  </si>
  <si>
    <t>POINT (4.679015091734407 51.8323449705691)</t>
  </si>
  <si>
    <t>POINT (4.689168932247369 51.835879374452325)</t>
  </si>
  <si>
    <t>POINT (4.690729673641523 51.84046540324836)</t>
  </si>
  <si>
    <t>POINT (4.682616342771572 51.83844684505489)</t>
  </si>
  <si>
    <t>POINT (4.724708391541395 51.82980553584627)</t>
  </si>
  <si>
    <t>POINT (4.688869986807561 51.83880435837061)</t>
  </si>
  <si>
    <t>POINT (4.680348040174434 51.82961817267889)</t>
  </si>
  <si>
    <t>POINT (4.6991714809439955 51.83514626466982)</t>
  </si>
  <si>
    <t>POINT (4.683100764885269 51.83782854666397)</t>
  </si>
  <si>
    <t>POINT (4.705919356733329 51.839016181953006)</t>
  </si>
  <si>
    <t>POINT (4.678561973005415 51.83222028712116)</t>
  </si>
  <si>
    <t>POINT (4.694608771217461 51.83225338229272)</t>
  </si>
  <si>
    <t>POINT (4.677719616852873 51.83674875715502)</t>
  </si>
  <si>
    <t>POINT (4.700534183713241 51.838247408693015)</t>
  </si>
  <si>
    <t>POINT (4.689058542203455 51.82313318411309)</t>
  </si>
  <si>
    <t>POINT (4.724852772202773 51.82797139709788)</t>
  </si>
  <si>
    <t>POINT (4.7301212536972 51.83339047701258)</t>
  </si>
  <si>
    <t>POINT (4.683242108750538 51.834582868704175)</t>
  </si>
  <si>
    <t>POINT (4.6976085692658 51.83505940557465)</t>
  </si>
  <si>
    <t>POINT (4.700027145569883 51.84048846933902)</t>
  </si>
  <si>
    <t>POINT (4.686699448504703 51.84068106253196)</t>
  </si>
  <si>
    <t>POINT (4.695733088803977 51.82643183266055)</t>
  </si>
  <si>
    <t>POINT (4.709165640339405 51.82881919256579)</t>
  </si>
  <si>
    <t>POINT (4.713271485668187 51.83170303427279)</t>
  </si>
  <si>
    <t>POINT (4.6902119036616154 51.82767359663257)</t>
  </si>
  <si>
    <t>POINT (4.676916343136097 51.83129038010553)</t>
  </si>
  <si>
    <t>POINT (4.694706577473807 51.836232920903505)</t>
  </si>
  <si>
    <t>POINT (4.707319049702997 51.83427133013279)</t>
  </si>
  <si>
    <t>POINT (4.694024194066351 51.83155071493689)</t>
  </si>
  <si>
    <t>POINT (4.6995658848968835 51.833958661061665)</t>
  </si>
  <si>
    <t>POINT (4.685728057529329 51.82608429108279)</t>
  </si>
  <si>
    <t>POINT (4.699830204509045 51.836116607518235)</t>
  </si>
  <si>
    <t>POINT (4.679525933564566 51.8360146181358)</t>
  </si>
  <si>
    <t>POINT (4.726118360179903 51.83416662321489)</t>
  </si>
  <si>
    <t>POINT (4.680849304560987 51.82400991679988)</t>
  </si>
  <si>
    <t>POINT (4.677648403164057 51.83325516857068)</t>
  </si>
  <si>
    <t>POINT (4.69954603121833 51.82902311238981)</t>
  </si>
  <si>
    <t>POINT (4.722235758855092 51.828606073501405)</t>
  </si>
  <si>
    <t>POINT (4.687888372732651 51.82380362052499)</t>
  </si>
  <si>
    <t>POINT (4.707656279647255 51.826074667472334)</t>
  </si>
  <si>
    <t>POINT (4.681208444681611 51.83096808821221)</t>
  </si>
  <si>
    <t>POINT (4.689740747167225 51.82518450309807)</t>
  </si>
  <si>
    <t>POINT (4.687524663015632 51.83469444774116)</t>
  </si>
  <si>
    <t>POINT (4.702369764156482 51.834843766198915)</t>
  </si>
  <si>
    <t>POINT (4.689432327156356 51.82828918136545)</t>
  </si>
  <si>
    <t>POINT (4.682368608269929 51.82904500890223)</t>
  </si>
  <si>
    <t>POINT (4.689144581741663 51.83187985267752)</t>
  </si>
  <si>
    <t>POINT (4.693064090200221 51.83994732647655)</t>
  </si>
  <si>
    <t>POINT (4.6897712668715315 51.825112370792795)</t>
  </si>
  <si>
    <t>POINT (4.688422700626927 51.83632100497265)</t>
  </si>
  <si>
    <t>POINT (4.689381207386131 51.82930174460745)</t>
  </si>
  <si>
    <t>POINT (4.677849626469553 51.823325398373804)</t>
  </si>
  <si>
    <t>POINT (4.699939412321176 51.83623485406681)</t>
  </si>
  <si>
    <t>POINT (4.720795321386721 51.829541763390715)</t>
  </si>
  <si>
    <t>POINT (4.679437523728712 51.83456291367345)</t>
  </si>
  <si>
    <t>POINT (4.689891672084791 51.82788521990564)</t>
  </si>
  <si>
    <t>POINT (4.684880375389605 51.82911125446812)</t>
  </si>
  <si>
    <t>POINT (4.718992630844684 51.83556853831878)</t>
  </si>
  <si>
    <t>POINT (4.702550688418273 51.8352173011072)</t>
  </si>
  <si>
    <t>POINT (4.6803984744355 51.836398251558286)</t>
  </si>
  <si>
    <t>POINT (4.677011573912381 51.830147042708255)</t>
  </si>
  <si>
    <t>POINT (4.683825596007895 51.83660924145577)</t>
  </si>
  <si>
    <t>POINT (4.689027414940819 51.82537860568879)</t>
  </si>
  <si>
    <t>POINT (4.684549183501417 51.8258004075288)</t>
  </si>
  <si>
    <t>POINT (4.6846993664629775 51.82609626898401)</t>
  </si>
  <si>
    <t>POINT (4.690610675616629 51.82339789042905)</t>
  </si>
  <si>
    <t>POINT (4.682960070056956 51.83568652816119)</t>
  </si>
  <si>
    <t>POINT (4.692622512513157 51.827356384689935)</t>
  </si>
  <si>
    <t>POINT (4.682870401148802 51.83619616741084)</t>
  </si>
  <si>
    <t>POINT (4.678948048312612 51.8223262369288)</t>
  </si>
  <si>
    <t>POINT (4.689927099423177 51.823320870654335)</t>
  </si>
  <si>
    <t>POINT (4.721962179281267 51.834755439952396)</t>
  </si>
  <si>
    <t>POINT (4.692511216100706 51.82400999146218)</t>
  </si>
  <si>
    <t>POINT (4.68677680634478 51.82325465334584)</t>
  </si>
  <si>
    <t>POINT (4.695112812048349 51.82707428939952)</t>
  </si>
  <si>
    <t>POINT (4.694898362387566 51.824708733678094)</t>
  </si>
  <si>
    <t>POINT (4.728992949640858 51.833456514434886)</t>
  </si>
  <si>
    <t>POINT (4.67744133715154 51.8232319469207)</t>
  </si>
  <si>
    <t>POINT (4.7018119430845955 51.82981862726872)</t>
  </si>
  <si>
    <t>POINT (4.703549482861031 51.831189566033366)</t>
  </si>
  <si>
    <t>POINT (4.701642522636341 51.83439031493697)</t>
  </si>
  <si>
    <t>POINT (4.675799608824177 51.831320947481665)</t>
  </si>
  <si>
    <t>POINT (4.6897591116612265 51.82584816299055)</t>
  </si>
  <si>
    <t>POINT (4.692041503717728 51.82469428448292)</t>
  </si>
  <si>
    <t>POINT (4.674638895363092 51.83163801121044)</t>
  </si>
  <si>
    <t>POINT (4.6926401962232545 51.83901988968671)</t>
  </si>
  <si>
    <t>POINT (4.705688178015785 51.83414240583376)</t>
  </si>
  <si>
    <t>POINT (4.681114159357253 51.82290635533086)</t>
  </si>
  <si>
    <t>POINT (4.6885536351610275 51.82779004675174)</t>
  </si>
  <si>
    <t>POINT (4.72318151502023 51.8294840509716)</t>
  </si>
  <si>
    <t>POINT (4.683144763377166 51.83048004803549)</t>
  </si>
  <si>
    <t>POINT (4.719466274410493 51.83267420369157)</t>
  </si>
  <si>
    <t>POINT (4.681347277009312 51.822350317060796)</t>
  </si>
  <si>
    <t>POINT (4.678286184931442 51.822347454324884)</t>
  </si>
  <si>
    <t>POINT (4.69800563539308 51.82894150409024)</t>
  </si>
  <si>
    <t>POINT (4.703155261030751 51.831240266416785)</t>
  </si>
  <si>
    <t>POINT (4.67836185629626 51.82271830697556)</t>
  </si>
  <si>
    <t>POINT (4.707275836867543 51.83550718599179)</t>
  </si>
  <si>
    <t>POINT (4.679451292519318 51.83667717039142)</t>
  </si>
  <si>
    <t>POINT (4.703401528996674 51.83118594476407)</t>
  </si>
  <si>
    <t>POINT (4.727177124270605 51.83330375996779)</t>
  </si>
  <si>
    <t>POINT (4.702474047038771 51.83816572456566)</t>
  </si>
  <si>
    <t>POINT (4.722930224407804 51.834591522241375)</t>
  </si>
  <si>
    <t>POINT (4.70657454708746 51.83496078476979)</t>
  </si>
  <si>
    <t>POINT (4.687465413269008 51.84480320398556)</t>
  </si>
  <si>
    <t>POINT (4.696439387855019 51.83476768211934)</t>
  </si>
  <si>
    <t>POINT (4.678943353834886 51.8222889865698)</t>
  </si>
  <si>
    <t>POINT (4.676511822093197 51.83179246461974)</t>
  </si>
  <si>
    <t>POINT (4.687494718840925 51.83947866768803)</t>
  </si>
  <si>
    <t>POINT (4.684501662699482 51.82595755923341)</t>
  </si>
  <si>
    <t>POINT (4.683046310022535 51.82586703175277)</t>
  </si>
  <si>
    <t>POINT (4.6983321172855295 51.83230482753772)</t>
  </si>
  <si>
    <t>POINT (4.695583552447293 51.841162428581335)</t>
  </si>
  <si>
    <t>POINT (4.70073988373238 51.83115236990669)</t>
  </si>
  <si>
    <t>POINT (4.677966936828807 51.83471156422859)</t>
  </si>
  <si>
    <t>POINT (4.682561971928232 51.822570997505515)</t>
  </si>
  <si>
    <t>POINT (4.695832250267441 51.83295848083167)</t>
  </si>
  <si>
    <t>POINT (4.715501912732661 51.83375369012985)</t>
  </si>
  <si>
    <t>POINT (4.697532590930413 51.83846661947591)</t>
  </si>
  <si>
    <t>POINT (4.6859906771599 51.838451182996586)</t>
  </si>
  <si>
    <t>POINT (4.694333330737818 51.83033348326776)</t>
  </si>
  <si>
    <t>POINT (4.7071438144631 51.82574241900664)</t>
  </si>
  <si>
    <t>POINT (4.677806532470754 51.832117019961025)</t>
  </si>
  <si>
    <t>POINT (4.688344757636472 51.82689915225933)</t>
  </si>
  <si>
    <t>POINT (4.694771278483831 51.824132728920596)</t>
  </si>
  <si>
    <t>POINT (4.690937003672741 51.82618275609674)</t>
  </si>
  <si>
    <t>POINT (4.677218469213458 51.83022048212147)</t>
  </si>
  <si>
    <t>POINT (4.706000287436114 51.83939672624807)</t>
  </si>
  <si>
    <t>POINT (4.6941460434583036 51.841967053556516)</t>
  </si>
  <si>
    <t>POINT (4.685477422108841 51.83916108575877)</t>
  </si>
  <si>
    <t>POINT (4.682357776724139 51.836988540356494)</t>
  </si>
  <si>
    <t>POINT (4.702920082794416 51.83585503142879)</t>
  </si>
  <si>
    <t>POINT (4.680801959869749 51.829552510567545)</t>
  </si>
  <si>
    <t>POINT (4.688915239224372 51.83398716015198)</t>
  </si>
  <si>
    <t>POINT (4.723493438779737 51.834427465759966)</t>
  </si>
  <si>
    <t>POINT (4.690360049436791 51.828911762727564)</t>
  </si>
  <si>
    <t>POINT (4.691590106714233 51.833158765174836)</t>
  </si>
  <si>
    <t>POINT (4.689667208339214 51.82567054056957)</t>
  </si>
  <si>
    <t>POINT (4.681870213962433 51.83814751043473)</t>
  </si>
  <si>
    <t>POINT (4.7027275906550745 51.828102314618924)</t>
  </si>
  <si>
    <t>POINT (4.68651540726289 51.83565801444418)</t>
  </si>
  <si>
    <t>POINT (4.682645068827928 51.835930827926326)</t>
  </si>
  <si>
    <t>POINT (4.683194008519985 51.83818309635962)</t>
  </si>
  <si>
    <t>POINT (4.7347734599106 51.831362457032505)</t>
  </si>
  <si>
    <t>POINT (4.687941265514555 51.82297020251109)</t>
  </si>
  <si>
    <t>POINT (4.677026280369548 51.835540616955925)</t>
  </si>
  <si>
    <t>POINT (4.726679866992735 51.83350920220974)</t>
  </si>
  <si>
    <t>POINT (4.709347815945929 51.837162646905746)</t>
  </si>
  <si>
    <t>POINT (4.710255582083039 51.82886375684102)</t>
  </si>
  <si>
    <t>POINT (4.681780646068367 51.83640143252521)</t>
  </si>
  <si>
    <t>POINT (4.6776823970286525 51.836527798104136)</t>
  </si>
  <si>
    <t>POINT (4.68909233320534 51.827669891701426)</t>
  </si>
  <si>
    <t>POINT (4.684015620798187 51.8339564840845)</t>
  </si>
  <si>
    <t>POINT (4.72231257695246 51.82964807340054)</t>
  </si>
  <si>
    <t>POINT (4.68876916088575 51.8344432644289)</t>
  </si>
  <si>
    <t>POINT (4.689325353859311 51.8443145693062)</t>
  </si>
  <si>
    <t>POINT (4.698834242086027 51.83567737618242)</t>
  </si>
  <si>
    <t>POINT (4.735909215373463 51.83251514310841)</t>
  </si>
  <si>
    <t>POINT (4.701976936996171 51.82986337414185)</t>
  </si>
  <si>
    <t>POINT (4.68967336962325 51.825204030540675)</t>
  </si>
  <si>
    <t>POINT (4.68225988121712 51.829609517183336)</t>
  </si>
  <si>
    <t>POINT (4.703691765322465 51.83503798473535)</t>
  </si>
  <si>
    <t>POINT (4.684465443745893 51.83648993799052)</t>
  </si>
  <si>
    <t>POINT (4.67590534204685 51.830676697470665)</t>
  </si>
  <si>
    <t>POINT (4.697618791806884 51.83886693085612)</t>
  </si>
  <si>
    <t>POINT (4.702900963702516 51.83612892917011)</t>
  </si>
  <si>
    <t>POINT (4.689704421482921 51.82967898630442)</t>
  </si>
  <si>
    <t>POINT (4.709832188500738 51.83717366723117)</t>
  </si>
  <si>
    <t>POINT (4.684897023290071 51.829226157050414)</t>
  </si>
  <si>
    <t>POINT (4.675896826119734 51.828195184558524)</t>
  </si>
  <si>
    <t>POINT (4.692018923254965 51.826874795528006)</t>
  </si>
  <si>
    <t>POINT (4.6906437546746895 51.83799066539082)</t>
  </si>
  <si>
    <t>POINT (4.704669824293856 51.83927787271867)</t>
  </si>
  <si>
    <t>POINT (4.710201062124962 51.830046848733204)</t>
  </si>
  <si>
    <t>POINT (4.686926052647231 51.83851431135224)</t>
  </si>
  <si>
    <t>POINT (4.677204100621088 51.829383893384595)</t>
  </si>
  <si>
    <t>POINT (4.682890270207742 51.829757937571316)</t>
  </si>
  <si>
    <t>POINT (4.689054509521987 51.82541248325945)</t>
  </si>
  <si>
    <t>POINT (4.678610738325643 51.83153828921916)</t>
  </si>
  <si>
    <t>POINT (4.714989285322362 51.831927864363685)</t>
  </si>
  <si>
    <t>POINT (4.688998181785116 51.823094119947)</t>
  </si>
  <si>
    <t>POINT (4.703594070002139 51.828368115206125)</t>
  </si>
  <si>
    <t>POINT (4.705699922051162 51.83567676886193)</t>
  </si>
  <si>
    <t>POINT (4.682258786081085 51.82877255068694)</t>
  </si>
  <si>
    <t>POINT (4.677036417082249 51.828046859687895)</t>
  </si>
  <si>
    <t>POINT (4.703690214199843 51.831182511515294)</t>
  </si>
  <si>
    <t>POINT (4.682205635557238 51.83678033980757)</t>
  </si>
  <si>
    <t>POINT (4.695728997908986 51.842206028435996)</t>
  </si>
  <si>
    <t>POINT (4.704687544222877 51.83659872893758)</t>
  </si>
  <si>
    <t>POINT (4.7185860287294705 51.83480367442361)</t>
  </si>
  <si>
    <t>POINT (4.71905227706539 51.834164587046956)</t>
  </si>
  <si>
    <t>POINT (4.707982528493345 51.82786365697904)</t>
  </si>
  <si>
    <t>POINT (4.726726966244934 51.82817872725418)</t>
  </si>
  <si>
    <t>POINT (4.686795021870291 51.82313630961636)</t>
  </si>
  <si>
    <t>POINT (4.68957319845574 51.83048795715467)</t>
  </si>
  <si>
    <t>POINT (4.708494027648369 51.82621034400117)</t>
  </si>
  <si>
    <t>POINT (4.687463113294153 51.824216757112346)</t>
  </si>
  <si>
    <t>POINT (4.706271087652096 51.827601071021874)</t>
  </si>
  <si>
    <t>POINT (4.702925407939955 51.831345711683284)</t>
  </si>
  <si>
    <t>POINT (4.6804980885571945 51.8241538053681)</t>
  </si>
  <si>
    <t>POINT (4.691503593185118 51.829333263658334)</t>
  </si>
  <si>
    <t>POINT (4.678337601993421 51.8235254138142)</t>
  </si>
  <si>
    <t>POINT (4.686435976039 51.84123130226271)</t>
  </si>
  <si>
    <t>POINT (4.699844905067916 51.82433896128878)</t>
  </si>
  <si>
    <t>POINT (4.6990334919437124 51.84052619908611)</t>
  </si>
  <si>
    <t>POINT (4.688486123868102 51.83510551676622)</t>
  </si>
  <si>
    <t>POINT (4.6862676533057135 51.824661366689)</t>
  </si>
  <si>
    <t>POINT (4.685519088513566 51.82494899818823)</t>
  </si>
  <si>
    <t>POINT (4.706515711295973 51.82824759474104)</t>
  </si>
  <si>
    <t>POINT (4.686772110879128 51.83363144001283)</t>
  </si>
  <si>
    <t>POINT (4.675710278879603 51.83305597947771)</t>
  </si>
  <si>
    <t>POINT (4.678411767770338 51.83238273995116)</t>
  </si>
  <si>
    <t>POINT (4.679072372915013 51.83542265061645)</t>
  </si>
  <si>
    <t>POINT (4.683405265402731 51.82540808483541)</t>
  </si>
  <si>
    <t>POINT (4.6879058364401756 51.83293175501637)</t>
  </si>
  <si>
    <t>POINT (4.715088986818964 51.831885892118535)</t>
  </si>
  <si>
    <t>POINT (4.6973143234039485 51.832889547347804)</t>
  </si>
  <si>
    <t>POINT (4.718805362103117 51.83399277535016)</t>
  </si>
  <si>
    <t>POINT (4.70351121384097 51.83116261996207)</t>
  </si>
  <si>
    <t>POINT (4.679486681904201 51.83254170874071)</t>
  </si>
  <si>
    <t>POINT (4.683648355347205 51.826972991897826)</t>
  </si>
  <si>
    <t>POINT (4.69270486407099 51.84314193468912)</t>
  </si>
  <si>
    <t>POINT (4.69799133562379 51.825807181504)</t>
  </si>
  <si>
    <t>POINT (4.706768356206829 51.83853009343295)</t>
  </si>
  <si>
    <t>POINT (4.703369649348542 51.82858217561252)</t>
  </si>
  <si>
    <t>POINT (4.691976653154813 51.833036706288404)</t>
  </si>
  <si>
    <t>POINT (4.675807697703671 51.832560099847974)</t>
  </si>
  <si>
    <t>POINT (4.692032296705377 51.82586486593834)</t>
  </si>
  <si>
    <t>POINT (4.688808798239195 51.82544020765901)</t>
  </si>
  <si>
    <t>POINT (4.714601073773534 51.83405970913624)</t>
  </si>
  <si>
    <t>POINT (4.688787332449652 51.84294813710826)</t>
  </si>
  <si>
    <t>POINT (4.684254067125782 51.82597364950269)</t>
  </si>
  <si>
    <t>POINT (4.704397629787758 51.833994495292906)</t>
  </si>
  <si>
    <t>POINT (4.69376545417999 51.82995778470778)</t>
  </si>
  <si>
    <t>POINT (4.708399102623384 51.82617639334061)</t>
  </si>
  <si>
    <t>POINT (4.69241805749491 51.83508977975095)</t>
  </si>
  <si>
    <t>POINT (4.690694586700133 51.8331446194158)</t>
  </si>
  <si>
    <t>POINT (4.696031114344642 51.8348531429226)</t>
  </si>
  <si>
    <t>POINT (4.700486212570397 51.83861300098608)</t>
  </si>
  <si>
    <t>POINT (4.679117404045069 51.830017447081204)</t>
  </si>
  <si>
    <t>POINT (4.696516908372552 51.826234913203486)</t>
  </si>
  <si>
    <t>POINT (4.690470758906112 51.84129091964269)</t>
  </si>
  <si>
    <t>POINT (4.681481564059281 51.83113879795561)</t>
  </si>
  <si>
    <t>POINT (4.7079720276625565 51.83595791451177)</t>
  </si>
  <si>
    <t>POINT (4.699775066168969 51.83485483884956)</t>
  </si>
  <si>
    <t>POINT (4.689572383249498 51.83878583802569)</t>
  </si>
  <si>
    <t>POINT (4.697565859120286 51.83510745058064)</t>
  </si>
  <si>
    <t>POINT (4.683282699539088 51.825483618555495)</t>
  </si>
  <si>
    <t>POINT (4.6912084608617155 51.82549409212661)</t>
  </si>
  <si>
    <t>POINT (4.699768583315533 51.83182390727794)</t>
  </si>
  <si>
    <t>POINT (4.691259270944223 51.84370059295916)</t>
  </si>
  <si>
    <t>POINT (4.67952549188393 51.833165233378914)</t>
  </si>
  <si>
    <t>POINT (4.673640327868629 51.83282874840767)</t>
  </si>
  <si>
    <t>POINT (4.6959000056181734 51.83665965163921)</t>
  </si>
  <si>
    <t>POINT (4.700912147742466 51.83841091959895)</t>
  </si>
  <si>
    <t>POINT (4.703264470591295 51.83025418505728)</t>
  </si>
  <si>
    <t>POINT (4.678654015344688 51.829153259603544)</t>
  </si>
  <si>
    <t>POINT (4.691807943360439 51.839297925043915)</t>
  </si>
  <si>
    <t>POINT (4.700540321667798 51.84051887817106)</t>
  </si>
  <si>
    <t>POINT (4.6798857808194185 51.83787971857806)</t>
  </si>
  <si>
    <t>POINT (4.6996617339515145 51.83190172528913)</t>
  </si>
  <si>
    <t>POINT (4.686736199991826 51.82343797722697)</t>
  </si>
  <si>
    <t>POINT (4.700778959822109 51.83110527327358)</t>
  </si>
  <si>
    <t>POINT (4.684921765165287 51.827110701346854)</t>
  </si>
  <si>
    <t>POINT (4.702311247855323 51.8353134759533)</t>
  </si>
  <si>
    <t>POINT (4.689985559125551 51.82851725667941)</t>
  </si>
  <si>
    <t>POINT (4.686482477897558 51.83826228399146)</t>
  </si>
  <si>
    <t>POINT (4.702532292670307 51.83165286199442)</t>
  </si>
  <si>
    <t>POINT (4.676198231730945 51.832189589773634)</t>
  </si>
  <si>
    <t>POINT (4.680452364399362 51.824108640715394)</t>
  </si>
  <si>
    <t>POINT (4.713509530856127 51.83132760671165)</t>
  </si>
  <si>
    <t>POINT (4.69523567900591 51.84244248899746)</t>
  </si>
  <si>
    <t>POINT (4.695700875390566 51.83124174100972)</t>
  </si>
  <si>
    <t>POINT (4.679193322083884 51.829689630552764)</t>
  </si>
  <si>
    <t>POINT (4.694147891462609 51.83650924229952)</t>
  </si>
  <si>
    <t>POINT (4.680744613037514 51.82634875442739)</t>
  </si>
  <si>
    <t>POINT (4.687997894176222 51.823058071337776)</t>
  </si>
  <si>
    <t>POINT (4.683112612217313 51.830801450936725)</t>
  </si>
  <si>
    <t>POINT (4.687504031927774 51.82825511438916)</t>
  </si>
  <si>
    <t>POINT (4.70337856907897 51.83117981560202)</t>
  </si>
  <si>
    <t>POINT (4.677491792077136 51.831852684933125)</t>
  </si>
  <si>
    <t>POINT (4.6957591252373305 51.835210726888)</t>
  </si>
  <si>
    <t>POINT (4.7056076617386635 51.83535519563818)</t>
  </si>
  <si>
    <t>POINT (4.69526366614052 51.8333571653408)</t>
  </si>
  <si>
    <t>POINT (4.699099117601185 51.83403988878068)</t>
  </si>
  <si>
    <t>POINT (4.694139605638943 51.824423208035924)</t>
  </si>
  <si>
    <t>POINT (4.695072938245104 51.84243364671641)</t>
  </si>
  <si>
    <t>POINT (4.6888075197479075 51.827479139310476)</t>
  </si>
  <si>
    <t>POINT (4.686702298910603 51.823616370386404)</t>
  </si>
  <si>
    <t>POINT (4.6939714031662465 51.82652403780646)</t>
  </si>
  <si>
    <t>POINT (4.698678946536657 51.837390362728215)</t>
  </si>
  <si>
    <t>POINT (4.709523181895397 51.82997870451877)</t>
  </si>
  <si>
    <t>POINT (4.694269679356534 51.83189531439575)</t>
  </si>
  <si>
    <t>POINT (4.695779726519588 51.83324896271444)</t>
  </si>
  <si>
    <t>POINT (4.682777485643842 51.83555471091857)</t>
  </si>
  <si>
    <t>POINT (4.693929811699951 51.83656024151803)</t>
  </si>
  <si>
    <t>POINT (4.718826857467755 51.83474928045536)</t>
  </si>
  <si>
    <t>POINT (4.713711512039511 51.833811368100186)</t>
  </si>
  <si>
    <t>POINT (4.700351401652688 51.833565566827964)</t>
  </si>
  <si>
    <t>POINT (4.679761155431392 51.831575681462475)</t>
  </si>
  <si>
    <t>POINT (4.692448944744331 51.8391415876652)</t>
  </si>
  <si>
    <t>POINT (4.697836837565197 51.828756129031945)</t>
  </si>
  <si>
    <t>POINT (4.6848402295859435 51.834962332640956)</t>
  </si>
  <si>
    <t>POINT (4.67954863285989 51.83140447011503)</t>
  </si>
  <si>
    <t>POINT (4.698281548129693 51.83258339405156)</t>
  </si>
  <si>
    <t>POINT (4.706990778893818 51.83325799277339)</t>
  </si>
  <si>
    <t>POINT (4.687388272984098 51.827316800808966)</t>
  </si>
  <si>
    <t>POINT (4.725249110198924 51.833848723687076)</t>
  </si>
  <si>
    <t>POINT (4.683926868877249 51.826039463937605)</t>
  </si>
  <si>
    <t>POINT (4.729353538230205 51.82871069927358)</t>
  </si>
  <si>
    <t>POINT (4.693863753527261 51.82499260937588)</t>
  </si>
  <si>
    <t>POINT (4.704366570084983 51.8378600962105)</t>
  </si>
  <si>
    <t>POINT (4.7296543911542335 51.83350337548538)</t>
  </si>
  <si>
    <t>POINT (4.702379799627043 51.83728304050423)</t>
  </si>
  <si>
    <t>POINT (4.706691477882196 51.83518925228312)</t>
  </si>
  <si>
    <t>POINT (4.694798407425159 51.83107225288216)</t>
  </si>
  <si>
    <t>POINT (4.700486065385175 51.83033012448554)</t>
  </si>
  <si>
    <t>POINT (4.680066103779819 51.84201054446464)</t>
  </si>
  <si>
    <t>POINT (4.702203722885381 51.83605388873105)</t>
  </si>
  <si>
    <t>POINT (4.695752537056516 51.839058674614776)</t>
  </si>
  <si>
    <t>POINT (4.70026642159951 51.83753225345059)</t>
  </si>
  <si>
    <t>POINT (4.703415873794885 51.83122058959787)</t>
  </si>
  <si>
    <t>POINT (4.693266003683524 51.836309356986746)</t>
  </si>
  <si>
    <t>POINT (4.677039126234169 51.83555409673568)</t>
  </si>
  <si>
    <t>POINT (4.692150806416042 51.8305229777683)</t>
  </si>
  <si>
    <t>POINT (4.6837015256406005 51.83013415026157)</t>
  </si>
  <si>
    <t>POINT (4.691211831346668 51.825448674516934)</t>
  </si>
  <si>
    <t>POINT (4.692290827331654 51.8249474338873)</t>
  </si>
  <si>
    <t>POINT (4.702433154818438 51.83131808652819)</t>
  </si>
  <si>
    <t>POINT (4.686784016481338 51.82468642639659)</t>
  </si>
  <si>
    <t>POINT (4.677199959530753 51.835359944068145)</t>
  </si>
  <si>
    <t>POINT (4.700802606588159 51.836180705119766)</t>
  </si>
  <si>
    <t>POINT (4.715474317549116 51.8355716233203)</t>
  </si>
  <si>
    <t>POINT (4.683990499744684 51.82605483823702)</t>
  </si>
  <si>
    <t>POINT (4.688809021180287 51.836176519442766)</t>
  </si>
  <si>
    <t>POINT (4.70639758597656 51.828365433743414)</t>
  </si>
  <si>
    <t>POINT (4.685404059648445 51.8350791952139)</t>
  </si>
  <si>
    <t>POINT (4.701894951929867 51.83730137045427)</t>
  </si>
  <si>
    <t>POINT (4.728640456468675 51.831906537723896)</t>
  </si>
  <si>
    <t>POINT (4.702479957893251 51.83315593161913)</t>
  </si>
  <si>
    <t>POINT (4.692242699934777 51.83837363695045)</t>
  </si>
  <si>
    <t>POINT (4.687727657057404 51.83490199159087)</t>
  </si>
  <si>
    <t>POINT (4.697788301171482 51.83444537834957)</t>
  </si>
  <si>
    <t>POINT (4.698322291094824 51.83304245778003)</t>
  </si>
  <si>
    <t>POINT (4.6805622389597135 51.83758729296975)</t>
  </si>
  <si>
    <t>POINT (4.701665829362257 51.83399039426486)</t>
  </si>
  <si>
    <t>POINT (4.695186337980147 51.83144781146206)</t>
  </si>
  <si>
    <t>POINT (4.688892955595598 51.83486421961469)</t>
  </si>
  <si>
    <t>POINT (4.684641782785493 51.826771457208935)</t>
  </si>
  <si>
    <t>POINT (4.69596554417519 51.826945922752714)</t>
  </si>
  <si>
    <t>POINT (4.688676697205919 51.82841608310455)</t>
  </si>
  <si>
    <t>POINT (4.7267994183709146 51.834088228721946)</t>
  </si>
  <si>
    <t>POINT (4.681869577874969 51.83586183948932)</t>
  </si>
  <si>
    <t>POINT (4.6835077971961185 51.827164677190524)</t>
  </si>
  <si>
    <t>POINT (4.6907534879289186 51.840516896550824)</t>
  </si>
  <si>
    <t>POINT (4.704106807135883 51.8282280730601)</t>
  </si>
  <si>
    <t>POINT (4.717295584165269 51.82979860247932)</t>
  </si>
  <si>
    <t>POINT (4.686114281908581 51.8239667876284)</t>
  </si>
  <si>
    <t>POINT (4.685965129760915 51.83321915825274)</t>
  </si>
  <si>
    <t>POINT (4.693888871987889 51.83086374131625)</t>
  </si>
  <si>
    <t>POINT (4.702697659032255 51.828531410155)</t>
  </si>
  <si>
    <t>POINT (4.709933774323301 51.82874679221465)</t>
  </si>
  <si>
    <t>POINT (4.6855061446691995 51.8259927905536)</t>
  </si>
  <si>
    <t>POINT (4.694327401395365 51.829945417826345)</t>
  </si>
  <si>
    <t>POINT (4.686522542411686 51.82886599759411)</t>
  </si>
  <si>
    <t>POINT (4.684858261159988 51.82582673344475)</t>
  </si>
  <si>
    <t>POINT (4.688274165328656 51.82680118716748)</t>
  </si>
  <si>
    <t>POINT (4.702518954192894 51.833200967374)</t>
  </si>
  <si>
    <t>POINT (4.685132296402968 51.827336182568864)</t>
  </si>
  <si>
    <t>POINT (4.680353683234279 51.8313282698878)</t>
  </si>
  <si>
    <t>POINT (4.677157301312292 51.83346986819841)</t>
  </si>
  <si>
    <t>POINT (4.676587917709163 51.82835541342695)</t>
  </si>
  <si>
    <t>POINT (4.69210459212036 51.83151757547777)</t>
  </si>
  <si>
    <t>POINT (4.6869082972601825 51.82292787356596)</t>
  </si>
  <si>
    <t>POINT (4.6883649626711 51.82299637512335)</t>
  </si>
  <si>
    <t>POINT (4.688306293600888 51.82367895634813)</t>
  </si>
  <si>
    <t>POINT (4.6920517729947555 51.82775647916181)</t>
  </si>
  <si>
    <t>POINT (4.680623418854674 51.83563847448387)</t>
  </si>
  <si>
    <t>POINT (4.686323672116507 51.84147676756521)</t>
  </si>
  <si>
    <t>POINT (4.694999959439361 51.83684012517386)</t>
  </si>
  <si>
    <t>POINT (4.693320517853515 51.830131638361536)</t>
  </si>
  <si>
    <t>POINT (4.705751319184516 51.83905410944835)</t>
  </si>
  <si>
    <t>POINT (4.720839882862043 51.83475152878577)</t>
  </si>
  <si>
    <t>POINT (4.697945899230309 51.83320936948562)</t>
  </si>
  <si>
    <t>POINT (4.676978945984672 51.83551241186612)</t>
  </si>
  <si>
    <t>POINT (4.694894415774611 51.82403171284112)</t>
  </si>
  <si>
    <t>POINT (4.70250599695835 51.82934559713028)</t>
  </si>
  <si>
    <t>POINT (4.7200636949593955 51.832180422199244)</t>
  </si>
  <si>
    <t>POINT (4.706438220737097 51.827504918305536)</t>
  </si>
  <si>
    <t>POINT (4.6887913913433765 51.837164993495776)</t>
  </si>
  <si>
    <t>POINT (4.688758357273078 51.84046202475018)</t>
  </si>
  <si>
    <t>POINT (4.686490588684714 51.84127653542053)</t>
  </si>
  <si>
    <t>POINT (4.707584940113507 51.83363634050268)</t>
  </si>
  <si>
    <t>POINT (4.728938350167608 51.83336541438786)</t>
  </si>
  <si>
    <t>POINT (4.684559016902081 51.829252385577064)</t>
  </si>
  <si>
    <t>POINT (4.679962780136946 51.84335832514661)</t>
  </si>
  <si>
    <t>POINT (4.708518516975678 51.82912599189358)</t>
  </si>
  <si>
    <t>POINT (4.688579389750268 51.83008983632896)</t>
  </si>
  <si>
    <t>POINT (4.693731869722363 51.829982278092835)</t>
  </si>
  <si>
    <t>POINT (4.697469408428815 51.82914912899711)</t>
  </si>
  <si>
    <t>POINT (4.684624752297426 51.826751912827426)</t>
  </si>
  <si>
    <t>POINT (4.682377961338787 51.83563338144266)</t>
  </si>
  <si>
    <t>POINT (4.682428521574434 51.827296555205585)</t>
  </si>
  <si>
    <t>POINT (4.6763946983807925 51.833214334956104)</t>
  </si>
  <si>
    <t>POINT (4.682050136342942 51.83833680435133)</t>
  </si>
  <si>
    <t>POINT (4.722364336495587 51.82456336199421)</t>
  </si>
  <si>
    <t>POINT (4.709214699648499 51.836967175795344)</t>
  </si>
  <si>
    <t>POINT (4.689948318767023 51.82995935279975)</t>
  </si>
  <si>
    <t>POINT (4.697475578133062 51.824355551859206)</t>
  </si>
  <si>
    <t>POINT (4.678229319370897 51.83703503258943)</t>
  </si>
  <si>
    <t>POINT (4.721853405600039 51.829322888275186)</t>
  </si>
  <si>
    <t>POINT (4.685743367782659 51.82601678794765)</t>
  </si>
  <si>
    <t>POINT (4.681260275577735 51.82864309973806)</t>
  </si>
  <si>
    <t>POINT (4.675306988885576 51.83137171313099)</t>
  </si>
  <si>
    <t>POINT (4.700764574194447 51.824327651443184)</t>
  </si>
  <si>
    <t>POINT (4.714174910090659 51.83546415576196)</t>
  </si>
  <si>
    <t>POINT (4.6917891791086035 51.83780812836606)</t>
  </si>
  <si>
    <t>POINT (4.698047969132433 51.82898595874325)</t>
  </si>
  <si>
    <t>POINT (4.69330341460849 51.83176239049265)</t>
  </si>
  <si>
    <t>POINT (4.6782202330679326 51.823221481557255)</t>
  </si>
  <si>
    <t>POINT (4.684215236165959 51.82717783292876)</t>
  </si>
  <si>
    <t>POINT (4.687962475847373 51.840066021191866)</t>
  </si>
  <si>
    <t>POINT (4.6981029491351505 51.82631356453962)</t>
  </si>
  <si>
    <t>POINT (4.692178320145322 51.82683434676011)</t>
  </si>
  <si>
    <t>POINT (4.69589640031852 51.831963106898016)</t>
  </si>
  <si>
    <t>POINT (4.677091845442098 51.83040104423212)</t>
  </si>
  <si>
    <t>POINT (4.711950748067191 51.829829919017676)</t>
  </si>
  <si>
    <t>POINT (4.69400371016128 51.82980781430005)</t>
  </si>
  <si>
    <t>POINT (4.687568394627858 51.83440282036522)</t>
  </si>
  <si>
    <t>POINT (4.684244775366702 51.83763143218329)</t>
  </si>
  <si>
    <t>POINT (4.718731634201552 51.834010018170396)</t>
  </si>
  <si>
    <t>POINT (4.679795661286577 51.83097000066035)</t>
  </si>
  <si>
    <t>POINT (4.692222212263074 51.84147476291807)</t>
  </si>
  <si>
    <t>POINT (4.681655015527199 51.82948050048599)</t>
  </si>
  <si>
    <t>POINT (4.689956564758237 51.82324271862241)</t>
  </si>
  <si>
    <t>POINT (4.688506637675976 51.82870579065223)</t>
  </si>
  <si>
    <t>POINT (4.6971662142256445 51.835874295049784)</t>
  </si>
  <si>
    <t>POINT (4.725596986680972 51.82750872546179)</t>
  </si>
  <si>
    <t>POINT (4.688577254739527 51.82311374530281)</t>
  </si>
  <si>
    <t>POINT (4.677863123303556 51.83180678616968)</t>
  </si>
  <si>
    <t>POINT (4.691513227710505 51.83750560802693)</t>
  </si>
  <si>
    <t>POINT (4.704028058770912 51.838229033241205)</t>
  </si>
  <si>
    <t>POINT (4.699128680268803 51.835106284082606)</t>
  </si>
  <si>
    <t>POINT (4.689593013423502 51.83346905791636)</t>
  </si>
  <si>
    <t>POINT (4.691490758115211 51.83875208998975)</t>
  </si>
  <si>
    <t>POINT (4.6824502150483 51.82742974442973)</t>
  </si>
  <si>
    <t>POINT (4.693130705746649 51.84035532756109)</t>
  </si>
  <si>
    <t>POINT (4.6954297830705745 51.83262515735084)</t>
  </si>
  <si>
    <t>POINT (4.676917499295323 51.835579598758436)</t>
  </si>
  <si>
    <t>POINT (4.680947452386956 51.83795078351382)</t>
  </si>
  <si>
    <t>POINT (4.69171219695259 51.83863663972385)</t>
  </si>
  <si>
    <t>POINT (4.7013301098732 51.837789677613415)</t>
  </si>
  <si>
    <t>POINT (4.699665608354271 51.830154969330465)</t>
  </si>
  <si>
    <t>POINT (4.689932284674102 51.834525503480435)</t>
  </si>
  <si>
    <t>POINT (4.696045078937192 51.84128047948231)</t>
  </si>
  <si>
    <t>POINT (4.676838670256175 51.835661511702)</t>
  </si>
  <si>
    <t>POINT (4.718378711807279 51.83210190950829)</t>
  </si>
  <si>
    <t>POINT (4.701780497226571 51.8378012247176)</t>
  </si>
  <si>
    <t>POINT (4.708396284657455 51.8382006015256)</t>
  </si>
  <si>
    <t>POINT (4.707327402310385 51.82632232334972)</t>
  </si>
  <si>
    <t>POINT (4.695517146112821 51.841570947816706)</t>
  </si>
  <si>
    <t>POINT (4.725128885997123 51.83275406016913)</t>
  </si>
  <si>
    <t>POINT (4.69087441922465 51.83335303612112)</t>
  </si>
  <si>
    <t>POINT (4.681285371095521 51.830940838848434)</t>
  </si>
  <si>
    <t>POINT (4.687884556829377 51.84466103826108)</t>
  </si>
  <si>
    <t>POINT (4.6853361835592136 51.82899622951307)</t>
  </si>
  <si>
    <t>POINT (4.694597423323929 51.842163943368256)</t>
  </si>
  <si>
    <t>POINT (4.695615776530794 51.83376155343024)</t>
  </si>
  <si>
    <t>POINT (4.680925457872863 51.822519651605624)</t>
  </si>
  <si>
    <t>POINT (4.707751145028352 51.83522425259125)</t>
  </si>
  <si>
    <t>POINT (4.715069819789056 51.831921035735085)</t>
  </si>
  <si>
    <t>POINT (4.698695086427202 51.840580205149)</t>
  </si>
  <si>
    <t>POINT (4.687441203623666 51.844194349925374)</t>
  </si>
  <si>
    <t>POINT (4.686718468095398 51.82366331572735)</t>
  </si>
  <si>
    <t>POINT (4.680189339243846 51.832966638389344)</t>
  </si>
  <si>
    <t>POINT (4.702665058523558 51.82430937568918)</t>
  </si>
  <si>
    <t>POINT (4.685620231510874 51.82620738436638)</t>
  </si>
  <si>
    <t>POINT (4.693762013331833 51.832743773982095)</t>
  </si>
  <si>
    <t>POINT (4.690556519674953 51.83157308076654)</t>
  </si>
  <si>
    <t>POINT (4.732531190491636 51.82741166935936)</t>
  </si>
  <si>
    <t>POINT (4.691685140231078 51.83828010724173)</t>
  </si>
  <si>
    <t>POINT (4.680284268173252 51.837716107568646)</t>
  </si>
  <si>
    <t>POINT (4.702491991372804 51.83063495237142)</t>
  </si>
  <si>
    <t>POINT (4.701492185009205 51.830213383151055)</t>
  </si>
  <si>
    <t>POINT (4.69637374770428 51.83221277185983)</t>
  </si>
  <si>
    <t>POINT (4.732811867560869 51.83204290596148)</t>
  </si>
  <si>
    <t>POINT (4.680022858802329 51.83254209062645)</t>
  </si>
  <si>
    <t>POINT (4.722273904492802 51.8292643551004)</t>
  </si>
  <si>
    <t>POINT (4.693683070917087 51.83861735992823)</t>
  </si>
  <si>
    <t>POINT (4.694032717758783 51.832307545387756)</t>
  </si>
  <si>
    <t>POINT (4.679599708332567 51.82226842438639)</t>
  </si>
  <si>
    <t>POINT (4.723007249078973 51.831909630978885)</t>
  </si>
  <si>
    <t>POINT (4.6905925888037086 51.84320650758863)</t>
  </si>
  <si>
    <t>POINT (4.705975021215747 51.83935377585041)</t>
  </si>
  <si>
    <t>POINT (4.6993111677809 51.82924789029313)</t>
  </si>
  <si>
    <t>POINT (4.718922485903417 51.83559153639296)</t>
  </si>
  <si>
    <t>POINT (4.679155389289055 51.8347203832413)</t>
  </si>
  <si>
    <t>POINT (4.69873189821698 51.838525630901344)</t>
  </si>
  <si>
    <t>POINT (4.735748665077771 51.83298194713282)</t>
  </si>
  <si>
    <t>POINT (4.692942330611802 51.832411715853766)</t>
  </si>
  <si>
    <t>POINT (4.694284904489427 51.8321685149333)</t>
  </si>
  <si>
    <t>POINT (4.686767843958466 51.83995648353894)</t>
  </si>
  <si>
    <t>POINT (4.689360601402072 51.82927400900093)</t>
  </si>
  <si>
    <t>POINT (4.698539890838482 51.8342251010511)</t>
  </si>
  <si>
    <t>POINT (4.695164879915541 51.82645998019739)</t>
  </si>
  <si>
    <t>POINT (4.672627833526857 51.82744549553833)</t>
  </si>
  <si>
    <t>POINT (4.680617562608795 51.83223435003365)</t>
  </si>
  <si>
    <t>POINT (4.727293167132749 51.8327734823007)</t>
  </si>
  <si>
    <t>POINT (4.707407595733178 51.83862477038626)</t>
  </si>
  <si>
    <t>POINT (4.684994999062858 51.825204611215135)</t>
  </si>
  <si>
    <t>POINT (4.686506568019825 51.826348874752014)</t>
  </si>
  <si>
    <t>POINT (4.689688274644623 51.830598437236624)</t>
  </si>
  <si>
    <t>POINT (4.694816286833089 51.832883756849114)</t>
  </si>
  <si>
    <t>POINT (4.682478177199905 51.82735038973363)</t>
  </si>
  <si>
    <t>POINT (4.684317787745784 51.829899921540445)</t>
  </si>
  <si>
    <t>POINT (4.7084265205501445 51.82785219401377)</t>
  </si>
  <si>
    <t>POINT (4.684189053861366 51.825922285503324)</t>
  </si>
  <si>
    <t>POINT (4.676161867715779 51.83302573631408)</t>
  </si>
  <si>
    <t>POINT (4.7220575991797205 51.83402555722703)</t>
  </si>
  <si>
    <t>POINT (4.69186999852783 51.82425544072463)</t>
  </si>
  <si>
    <t>POINT (4.6960660367577125 51.832447829039694)</t>
  </si>
  <si>
    <t>POINT (4.69500439635984 51.83193688896995)</t>
  </si>
  <si>
    <t>POINT (4.678350041316652 51.822700357180636)</t>
  </si>
  <si>
    <t>POINT (4.691810136740485 51.82665355279129)</t>
  </si>
  <si>
    <t>POINT (4.686708387745055 51.82709030336842)</t>
  </si>
  <si>
    <t>POINT (4.703896585996681 51.83106113505975)</t>
  </si>
  <si>
    <t>POINT (4.692164206629423 51.82639594105473)</t>
  </si>
  <si>
    <t>POINT (4.712899151621752 51.83390486042659)</t>
  </si>
  <si>
    <t>POINT (4.695477679161469 51.84001899118843)</t>
  </si>
  <si>
    <t>POINT (4.691208516441676 51.82679239410772)</t>
  </si>
  <si>
    <t>POINT (4.701854197771283 51.83512347667306)</t>
  </si>
  <si>
    <t>POINT (4.699528339873557 51.83188982499445)</t>
  </si>
  <si>
    <t>POINT (4.689553543055353 51.84427137779129)</t>
  </si>
  <si>
    <t>POINT (4.701866469947117 51.83032461900422)</t>
  </si>
  <si>
    <t>POINT (4.692066464227303 51.83368065360784)</t>
  </si>
  <si>
    <t>POINT (4.709257375334211 51.82830957294516)</t>
  </si>
  <si>
    <t>POINT (4.688599022872721 51.827833345527104)</t>
  </si>
  <si>
    <t>POINT (4.736073818109367 51.83264718191967)</t>
  </si>
  <si>
    <t>POINT (4.6934395337867985 51.830129042992915)</t>
  </si>
  <si>
    <t>POINT (4.694607629336883 51.841325526799125)</t>
  </si>
  <si>
    <t>POINT (4.679982736817944 51.82993946481979)</t>
  </si>
  <si>
    <t>POINT (4.709538238702062 51.837390511054366)</t>
  </si>
  <si>
    <t>POINT (4.685183507884925 51.837174314387816)</t>
  </si>
  <si>
    <t>POINT (4.700031054029846 51.84091241352204)</t>
  </si>
  <si>
    <t>POINT (4.679924556861327 51.83241044393553)</t>
  </si>
  <si>
    <t>POINT (4.683414031450484 51.825503480011974)</t>
  </si>
  <si>
    <t>POINT (4.678614655531465 51.8327699372996)</t>
  </si>
  <si>
    <t>POINT (4.706386425337368 51.83461879147062)</t>
  </si>
  <si>
    <t>POINT (4.710718384561696 51.83028448814811)</t>
  </si>
  <si>
    <t>POINT (4.706847769710052 51.82635869874587)</t>
  </si>
  <si>
    <t>POINT (4.692256841126453 51.838324184324414)</t>
  </si>
  <si>
    <t>POINT (4.715126781638168 51.83568617162083)</t>
  </si>
  <si>
    <t>POINT (4.700939761486641 51.83905098099205)</t>
  </si>
  <si>
    <t>POINT (4.695181759832894 51.84118107639133)</t>
  </si>
  <si>
    <t>POINT (4.694939442821434 51.84015443232372)</t>
  </si>
  <si>
    <t>POINT (4.702575076613663 51.833754553615854)</t>
  </si>
  <si>
    <t>POINT (4.690143846191934 51.84199938631936)</t>
  </si>
  <si>
    <t>POINT (4.695328521087579 51.838256116910784)</t>
  </si>
  <si>
    <t>POINT (4.7218747047616505 51.83571246476793)</t>
  </si>
  <si>
    <t>POINT (4.685821033250598 51.835282601240266)</t>
  </si>
  <si>
    <t>POINT (4.7022944562251485 51.83615943220495)</t>
  </si>
  <si>
    <t>POINT (4.689383625231578 51.83472441575888)</t>
  </si>
  <si>
    <t>POINT (4.688792224818275 51.8236527795221)</t>
  </si>
  <si>
    <t>POINT (4.691888552904005 51.82581426238516)</t>
  </si>
  <si>
    <t>POINT (4.72936553697372 51.82929495423775)</t>
  </si>
  <si>
    <t>POINT (4.692184442835411 51.82545059948792)</t>
  </si>
  <si>
    <t>POINT (4.722269529562332 51.82956085573159)</t>
  </si>
  <si>
    <t>POINT (4.700839236898957 51.82919097540384)</t>
  </si>
  <si>
    <t>POINT (4.701964066767895 51.83186127357317)</t>
  </si>
  <si>
    <t>POINT (4.692715315526577 51.83024509141855)</t>
  </si>
  <si>
    <t>POINT (4.699897499641824 51.83257736100183)</t>
  </si>
  <si>
    <t>POINT (4.682716948808601 51.82469028365276)</t>
  </si>
  <si>
    <t>POINT (4.707519237288185 51.837351361193114)</t>
  </si>
  <si>
    <t>POINT (4.714990308298165 51.8320567130681)</t>
  </si>
  <si>
    <t>POINT (4.706968964655205 51.829051010084456)</t>
  </si>
  <si>
    <t>POINT (4.721367635538735 51.83179985885266)</t>
  </si>
  <si>
    <t>POINT (4.680807742295298 51.82694860549666)</t>
  </si>
  <si>
    <t>POINT (4.69188719709243 51.82583726527978)</t>
  </si>
  <si>
    <t>POINT (4.680263903331445 51.832940409151206)</t>
  </si>
  <si>
    <t>POINT (4.694651077771643 51.82728333837345)</t>
  </si>
  <si>
    <t>POINT (4.684793583869496 51.83491666991339)</t>
  </si>
  <si>
    <t>POINT (4.703672746767697 51.82876465737711)</t>
  </si>
  <si>
    <t>POINT (4.706509811409112 51.827451105080485)</t>
  </si>
  <si>
    <t>POINT (4.685581590925742 51.82896611951121)</t>
  </si>
  <si>
    <t>POINT (4.718678935227696 51.82886456270606)</t>
  </si>
  <si>
    <t>POINT (4.694796913231631 51.83253002076028)</t>
  </si>
  <si>
    <t>POINT (4.706680442448469 51.82615102621253)</t>
  </si>
  <si>
    <t>POINT (4.684722661227131 51.83024704171426)</t>
  </si>
  <si>
    <t>POINT (4.677410886075348 51.82324788842756)</t>
  </si>
  <si>
    <t>POINT (4.728173489048008 51.83256803134637)</t>
  </si>
  <si>
    <t>POINT (4.730146204983167 51.83336782156847)</t>
  </si>
  <si>
    <t>POINT (4.692954421545481 51.83580688399947)</t>
  </si>
  <si>
    <t>POINT (4.7151101125778485 51.835657824979364)</t>
  </si>
  <si>
    <t>POINT (4.731766227850421 51.83306926078511)</t>
  </si>
  <si>
    <t>POINT (4.68143637543575 51.832088949685264)</t>
  </si>
  <si>
    <t>POINT (4.6892767301383 51.82856711996292)</t>
  </si>
  <si>
    <t>POINT (4.710216502352105 51.82988336280631)</t>
  </si>
  <si>
    <t>POINT (4.7243462227610165 51.82977545582868)</t>
  </si>
  <si>
    <t>POINT (4.689987486990321 51.82581592918644)</t>
  </si>
  <si>
    <t>POINT (4.697765755690019 51.83946310155169)</t>
  </si>
  <si>
    <t>POINT (4.686359957504955 51.83508978665721)</t>
  </si>
  <si>
    <t>POINT (4.702991502382537 51.83532445376061)</t>
  </si>
  <si>
    <t>POINT (4.68484258465416 51.82603400776651)</t>
  </si>
  <si>
    <t>POINT (4.697430396517091 51.83255269735283)</t>
  </si>
  <si>
    <t>POINT (4.729801120770377 51.832883516122266)</t>
  </si>
  <si>
    <t>POINT (4.686224119089592 51.82397509299006)</t>
  </si>
  <si>
    <t>POINT (4.678447419506864 51.83416903514292)</t>
  </si>
  <si>
    <t>POINT (4.691874127489503 51.840179643026104)</t>
  </si>
  <si>
    <t>POINT (4.677171419232193 51.83142951250552)</t>
  </si>
  <si>
    <t>POINT (4.68351634583989 51.83632078545191)</t>
  </si>
  <si>
    <t>POINT (4.694200902317948 51.83182230718959)</t>
  </si>
  <si>
    <t>POINT (4.682334798181072 51.839030405148456)</t>
  </si>
  <si>
    <t>POINT (4.683882368045018 51.82949703112701)</t>
  </si>
  <si>
    <t>POINT (4.680809694338556 51.831792923430584)</t>
  </si>
  <si>
    <t>POINT (4.714442370170145 51.83483852618205)</t>
  </si>
  <si>
    <t>POINT (4.700549441049451 51.83349911291816)</t>
  </si>
  <si>
    <t>POINT (4.6860867499674965 51.82393324831646)</t>
  </si>
  <si>
    <t>POINT (4.68969120661978 51.841235738826306)</t>
  </si>
  <si>
    <t>POINT (4.704034100417927 51.835693872768154)</t>
  </si>
  <si>
    <t>POINT (4.687975629350986 51.823590974570294)</t>
  </si>
  <si>
    <t>POINT (4.690414782457318 51.83869361077462)</t>
  </si>
  <si>
    <t>POINT (4.700541162933637 51.83137657957392)</t>
  </si>
  <si>
    <t>POINT (4.679341814108418 51.83767845616992)</t>
  </si>
  <si>
    <t>POINT (4.677683227900743 51.82252057288293)</t>
  </si>
  <si>
    <t>POINT (4.687709049001471 51.83591460337663)</t>
  </si>
  <si>
    <t>POINT (4.702584741445319 51.83328843287065)</t>
  </si>
  <si>
    <t>POINT (4.689109381876433 51.82670228468891)</t>
  </si>
  <si>
    <t>POINT (4.680821737200424 51.83876240233795)</t>
  </si>
  <si>
    <t>POINT (4.703970920815249 51.83587512020235)</t>
  </si>
  <si>
    <t>POINT (4.701925013716163 51.83036430401975)</t>
  </si>
  <si>
    <t>POINT (4.706771210043519 51.834379030693874)</t>
  </si>
  <si>
    <t>POINT (4.688247520381481 51.828462120942696)</t>
  </si>
  <si>
    <t>POINT (4.674817992855846 51.831756633831496)</t>
  </si>
  <si>
    <t>POINT (4.680810028846981 51.8228665752315)</t>
  </si>
  <si>
    <t>POINT (4.715883316017498 51.83189466200977)</t>
  </si>
  <si>
    <t>POINT (4.69878055834816 51.83816430391184)</t>
  </si>
  <si>
    <t>POINT (4.694714889373078 51.830943645207185)</t>
  </si>
  <si>
    <t>POINT (4.682290037845045 51.82390515047632)</t>
  </si>
  <si>
    <t>POINT (4.693571227872101 51.830066217653886)</t>
  </si>
  <si>
    <t>POINT (4.677226638391983 51.8313621709544)</t>
  </si>
  <si>
    <t>POINT (4.680525427408995 51.82297544945805)</t>
  </si>
  <si>
    <t>POINT (4.680485102205495 51.83220478898658)</t>
  </si>
  <si>
    <t>POINT (4.736046508746723 51.832779037029155)</t>
  </si>
  <si>
    <t>POINT (4.692868028410106 51.82420078338113)</t>
  </si>
  <si>
    <t>POINT (4.685221402052581 51.82476537782603)</t>
  </si>
  <si>
    <t>POINT (4.694005927281599 51.82988719705714)</t>
  </si>
  <si>
    <t>POINT (4.734089135181395 51.829828260910396)</t>
  </si>
  <si>
    <t>POINT (4.694690812833673 51.84045293442172)</t>
  </si>
  <si>
    <t>POINT (4.680181576484748 51.83583854410472)</t>
  </si>
  <si>
    <t>POINT (4.682829777304966 51.83586188785642)</t>
  </si>
  <si>
    <t>POINT (4.735955998601796 51.83298834685983)</t>
  </si>
  <si>
    <t>POINT (4.730148780007318 51.833456886083844)</t>
  </si>
  <si>
    <t>POINT (4.6907373184914105 51.823477885877075)</t>
  </si>
  <si>
    <t>POINT (4.709232007322973 51.83844645139931)</t>
  </si>
  <si>
    <t>POINT (4.680262289602142 51.83510817267135)</t>
  </si>
  <si>
    <t>POINT (4.676745240607181 51.8305926703571)</t>
  </si>
  <si>
    <t>POINT (4.707989428304722 51.82615552487251)</t>
  </si>
  <si>
    <t>POINT (4.686233955944256 51.82854123171138)</t>
  </si>
  <si>
    <t>POINT (4.6890234600591905 51.83763879843001)</t>
  </si>
  <si>
    <t>POINT (4.684674714441913 51.829298758368786)</t>
  </si>
  <si>
    <t>POINT (4.683984142122755 51.82916387448245)</t>
  </si>
  <si>
    <t>POINT (4.731100640553777 51.83289789628121)</t>
  </si>
  <si>
    <t>POINT (4.6762818703738835 51.830345930949946)</t>
  </si>
  <si>
    <t>POINT (4.687117931899538 51.82837363760892)</t>
  </si>
  <si>
    <t>POINT (4.694152432531554 51.83655548864092)</t>
  </si>
  <si>
    <t>POINT (4.683529862159856 51.83555756023805)</t>
  </si>
  <si>
    <t>POINT (4.704923018237169 51.83215396511142)</t>
  </si>
  <si>
    <t>POINT (4.692780933673744 51.83971546223866)</t>
  </si>
  <si>
    <t>POINT (4.7008083125397615 51.83210128618487)</t>
  </si>
  <si>
    <t>POINT (4.707994406228538 51.82608895692011)</t>
  </si>
  <si>
    <t>POINT (4.68668125621417 51.83999677530631)</t>
  </si>
  <si>
    <t>POINT (4.707404185355118 51.82629818415965)</t>
  </si>
  <si>
    <t>POINT (4.6885079875977835 51.82940936668695)</t>
  </si>
  <si>
    <t>POINT (4.677316651723212 51.83528845297362)</t>
  </si>
  <si>
    <t>POINT (4.678898559741552 51.833364029398936)</t>
  </si>
  <si>
    <t>POINT (4.693689570008797 51.83843082137356)</t>
  </si>
  <si>
    <t>POINT (4.692153382484514 51.82632179257143)</t>
  </si>
  <si>
    <t>POINT (4.69103879793914 51.82633744320134)</t>
  </si>
  <si>
    <t>POINT (4.691594810708361 51.826301620993185)</t>
  </si>
  <si>
    <t>POINT (4.718981210680238 51.83471065419934)</t>
  </si>
  <si>
    <t>POINT (4.707553605410859 51.82601980864995)</t>
  </si>
  <si>
    <t>POINT (4.683161760138113 51.82954259827685)</t>
  </si>
  <si>
    <t>POINT (4.700657589225617 51.836334668216935)</t>
  </si>
  <si>
    <t>POINT (4.706932545462462 51.82897070137296)</t>
  </si>
  <si>
    <t>POINT (4.689664640498814 51.84118395930115)</t>
  </si>
  <si>
    <t>POINT (4.683772399366881 51.835051973612615)</t>
  </si>
  <si>
    <t>POINT (4.700516646954324 51.83478843850878)</t>
  </si>
  <si>
    <t>POINT (4.686158570980827 51.82393297619341)</t>
  </si>
  <si>
    <t>POINT (4.704673625158473 51.83750221110994)</t>
  </si>
  <si>
    <t>POINT (4.680447207463428 51.83128439314191)</t>
  </si>
  <si>
    <t>POINT (4.686755391431342 51.823576993361996)</t>
  </si>
  <si>
    <t>POINT (4.689020064123603 51.82532873790048)</t>
  </si>
  <si>
    <t>POINT (4.716196387924939 51.83403394478197)</t>
  </si>
  <si>
    <t>POINT (4.701878182047156 51.82940378420767)</t>
  </si>
  <si>
    <t>POINT (4.678460573581555 51.83801193023278)</t>
  </si>
  <si>
    <t>POINT (4.682147182982109 51.824497965993395)</t>
  </si>
  <si>
    <t>POINT (4.702127357729834 51.828303556083085)</t>
  </si>
  <si>
    <t>POINT (4.708259574317145 51.82619038164715)</t>
  </si>
  <si>
    <t>POINT (4.693323700449912 51.836374847614636)</t>
  </si>
  <si>
    <t>POINT (4.706578826604889 51.82626244436099)</t>
  </si>
  <si>
    <t>POINT (4.681456600823383 51.83831535043067)</t>
  </si>
  <si>
    <t>POINT (4.689855728889955 51.825117429867284)</t>
  </si>
  <si>
    <t>POINT (4.6886464827976235 51.83022111921979)</t>
  </si>
  <si>
    <t>POINT (4.677026728324147 51.8329826397173)</t>
  </si>
  <si>
    <t>POINT (4.718563958944218 51.834278757593836)</t>
  </si>
  <si>
    <t>POINT (4.721865491542968 51.8350846031856)</t>
  </si>
  <si>
    <t>POINT (4.681695008229421 51.82391251457056)</t>
  </si>
  <si>
    <t>POINT (4.69258006214151 51.83502227203226)</t>
  </si>
  <si>
    <t>POINT (4.698879659153376 51.83648254699468)</t>
  </si>
  <si>
    <t>POINT (4.691090767282855 51.833976818175486)</t>
  </si>
  <si>
    <t>POINT (4.694051128434192 51.84153207303679)</t>
  </si>
  <si>
    <t>POINT (4.728230426511119 51.831694523528846)</t>
  </si>
  <si>
    <t>POINT (4.718847065510261 51.831682067155334)</t>
  </si>
  <si>
    <t>POINT (4.677327230246826 51.83108259412345)</t>
  </si>
  <si>
    <t>POINT (4.704270650640746 51.83045640872466)</t>
  </si>
  <si>
    <t>POINT (4.700918187373999 51.83518251989447)</t>
  </si>
  <si>
    <t>POINT (4.693528950054375 51.84146571806615)</t>
  </si>
  <si>
    <t>POINT (4.677139239468181 51.830268613506355)</t>
  </si>
  <si>
    <t>POINT (4.697107848774786 51.82880128306255)</t>
  </si>
  <si>
    <t>POINT (4.683909713441641 51.826083738109936)</t>
  </si>
  <si>
    <t>POINT (4.677667514160866 51.8225042893167)</t>
  </si>
  <si>
    <t>POINT (4.693406185840816 51.831364046342415)</t>
  </si>
  <si>
    <t>POINT (4.71364925030226 51.83330506859404)</t>
  </si>
  <si>
    <t>POINT (4.701212966712916 51.83547618434568)</t>
  </si>
  <si>
    <t>POINT (4.6981383385459345 51.83476629609219)</t>
  </si>
  <si>
    <t>POINT (4.6970788755667305 51.82875787738822)</t>
  </si>
  <si>
    <t>POINT (4.678198944617947 51.83227220671457)</t>
  </si>
  <si>
    <t>POINT (4.685138682891372 51.8244957898699)</t>
  </si>
  <si>
    <t>POINT (4.718076155707527 51.835246173066054)</t>
  </si>
  <si>
    <t>POINT (4.688693619250022 51.82423011784592)</t>
  </si>
  <si>
    <t>POINT (4.719862086522399 51.831679095857446)</t>
  </si>
  <si>
    <t>POINT (4.7031742975692366 51.831260188281924)</t>
  </si>
  <si>
    <t>POINT (4.691791708622763 51.84213567322795)</t>
  </si>
  <si>
    <t>POINT (4.679853838996585 51.827489290064236)</t>
  </si>
  <si>
    <t>POINT (4.67887726940176 51.82985913737599)</t>
  </si>
  <si>
    <t>POINT (4.688037104581913 51.823023294125534)</t>
  </si>
  <si>
    <t>POINT (4.679118117950493 51.82229863419353)</t>
  </si>
  <si>
    <t>POINT (4.721025101489666 51.83604213081233)</t>
  </si>
  <si>
    <t>POINT (4.691052562781387 51.833530018253775)</t>
  </si>
  <si>
    <t>POINT (4.701571418786939 51.834982151227784)</t>
  </si>
  <si>
    <t>POINT (4.677035583239976 51.83818506919053)</t>
  </si>
  <si>
    <t>POINT (4.682108272001916 51.83793299740596)</t>
  </si>
  <si>
    <t>POINT (4.7253011653058445 51.83324934222355)</t>
  </si>
  <si>
    <t>POINT (4.709178456408558 51.83766991225041)</t>
  </si>
  <si>
    <t>POINT (4.681060140213938 51.83102401340615)</t>
  </si>
  <si>
    <t>POINT (4.718764409934548 51.83511903098071)</t>
  </si>
  <si>
    <t>POINT (4.696605913011763 51.83919170457117)</t>
  </si>
  <si>
    <t>POINT (4.680427223712937 51.83914487648997)</t>
  </si>
  <si>
    <t>POINT (4.701995877960427 51.83451199857516)</t>
  </si>
  <si>
    <t>POINT (4.734787869661182 51.83078704179451)</t>
  </si>
  <si>
    <t>POINT (4.68755839377426 51.83468153435436)</t>
  </si>
  <si>
    <t>POINT (4.691760027267186 51.83853576503074)</t>
  </si>
  <si>
    <t>POINT (4.702323351624077 51.837274774258795)</t>
  </si>
  <si>
    <t>POINT (4.6951037882608135 51.83138450322592)</t>
  </si>
  <si>
    <t>POINT (4.692998408349246 51.825034936651996)</t>
  </si>
  <si>
    <t>POINT (4.709650486143588 51.83816625624503)</t>
  </si>
  <si>
    <t>POINT (4.697299735558143 51.83948590962786)</t>
  </si>
  <si>
    <t>POINT (4.706935304865245 51.829297247226386)</t>
  </si>
  <si>
    <t>POINT (4.681638340554803 51.82961431312783)</t>
  </si>
  <si>
    <t>POINT (4.682367606942947 51.82731705209899)</t>
  </si>
  <si>
    <t>POINT (4.682423721327812 51.82735768515294)</t>
  </si>
  <si>
    <t>POINT (4.708183909391035 51.827639441227646)</t>
  </si>
  <si>
    <t>POINT (4.676342853888322 51.832707052274394)</t>
  </si>
  <si>
    <t>POINT (4.68511287251279 51.825428198884985)</t>
  </si>
  <si>
    <t>POINT (4.699528528000204 51.83034028497408)</t>
  </si>
  <si>
    <t>POINT (4.6871402420378026 51.82767334851863)</t>
  </si>
  <si>
    <t>POINT (4.693311467468746 51.84261530039442)</t>
  </si>
  <si>
    <t>POINT (4.712254187388362 51.83046511029904)</t>
  </si>
  <si>
    <t>POINT (4.6880004888127695 51.825862320155586)</t>
  </si>
  <si>
    <t>POINT (4.697173484401911 51.826102614944794)</t>
  </si>
  <si>
    <t>POINT (4.682220554110886 51.830831575094784)</t>
  </si>
  <si>
    <t>POINT (4.7004796800436175 51.83146786798427)</t>
  </si>
  <si>
    <t>POINT (4.687042759065568 51.825666627117364)</t>
  </si>
  <si>
    <t>POINT (4.700778753291574 51.838521562696855)</t>
  </si>
  <si>
    <t>POINT (4.7161305299723955 51.833654212828485)</t>
  </si>
  <si>
    <t>POINT (4.714430402279608 51.83584797788247)</t>
  </si>
  <si>
    <t>POINT (4.682332459259065 51.83817087066543)</t>
  </si>
  <si>
    <t>POINT (4.692171417218556 51.83106035066367)</t>
  </si>
  <si>
    <t>POINT (4.704293341533335 51.837725865669825)</t>
  </si>
  <si>
    <t>POINT (4.70310226871887 51.833959628370664)</t>
  </si>
  <si>
    <t>POINT (4.686079736285231 51.83630979502297)</t>
  </si>
  <si>
    <t>POINT (4.673564052644238 51.831659238724406)</t>
  </si>
  <si>
    <t>POINT (4.703903480756754 51.82816575796698)</t>
  </si>
  <si>
    <t>POINT (4.703699182009536 51.828048030935406)</t>
  </si>
  <si>
    <t>POINT (4.679679249089647 51.830994134697534)</t>
  </si>
  <si>
    <t>POINT (4.726034635634501 51.83418503676845)</t>
  </si>
  <si>
    <t>POINT (4.701473435126694 51.83170674342998)</t>
  </si>
  <si>
    <t>POINT (4.693896534507498 51.83657670991859)</t>
  </si>
  <si>
    <t>POINT (4.678294605391387 51.828445561361804)</t>
  </si>
  <si>
    <t>POINT (4.679412331639635 51.83573248988679)</t>
  </si>
  <si>
    <t>POINT (4.683707140236005 51.83697718267788)</t>
  </si>
  <si>
    <t>POINT (4.707448981401275 51.82596247556027)</t>
  </si>
  <si>
    <t>POINT (4.694029229456657 51.82987566741131)</t>
  </si>
  <si>
    <t>POINT (4.679983416609544 51.823224703143644)</t>
  </si>
  <si>
    <t>POINT (4.707195093092837 51.837802869994235)</t>
  </si>
  <si>
    <t>POINT (4.678926156421691 51.826361094227074)</t>
  </si>
  <si>
    <t>POINT (4.6787894205818485 51.832137984624346)</t>
  </si>
  <si>
    <t>POINT (4.70948696902498 51.83786069723618)</t>
  </si>
  <si>
    <t>POINT (4.689802435765493 51.82578009772125)</t>
  </si>
  <si>
    <t>POINT (4.674935513487601 51.830788900697456)</t>
  </si>
  <si>
    <t>POINT (4.690007333338385 51.831975459555736)</t>
  </si>
  <si>
    <t>POINT (4.691469909370747 51.83117296642797)</t>
  </si>
  <si>
    <t>POINT (4.685372769403987 51.837267714337784)</t>
  </si>
  <si>
    <t>POINT (4.719456748597604 51.835808595276966)</t>
  </si>
  <si>
    <t>POINT (4.6759451459942145 51.83222299547331)</t>
  </si>
  <si>
    <t>POINT (4.687532637861824 51.82889246288413)</t>
  </si>
  <si>
    <t>POINT (4.733319124114372 51.83101434418208)</t>
  </si>
  <si>
    <t>POINT (4.687365708904312 51.835342318028104)</t>
  </si>
  <si>
    <t>POINT (4.72184660346582 51.82922156600312)</t>
  </si>
  <si>
    <t>POINT (4.690615481981817 51.832541470953686)</t>
  </si>
  <si>
    <t>POINT (4.685690223549194 51.82893049959938)</t>
  </si>
  <si>
    <t>POINT (4.6940889211114065 51.841740140107625)</t>
  </si>
  <si>
    <t>POINT (4.716136868574619 51.833596847767055)</t>
  </si>
  <si>
    <t>POINT (4.690888780280529 51.842310426738806)</t>
  </si>
  <si>
    <t>POINT (4.681122475076756 51.8222542334641)</t>
  </si>
  <si>
    <t>POINT (4.700697894174323 51.83605962728769)</t>
  </si>
  <si>
    <t>POINT (4.687234695767758 51.823001478073884)</t>
  </si>
  <si>
    <t>POINT (4.709592044422298 51.829154090123524)</t>
  </si>
  <si>
    <t>POINT (4.682471979791285 51.83831334222773)</t>
  </si>
  <si>
    <t>POINT (4.7144961394266955 51.83482596261089)</t>
  </si>
  <si>
    <t>POINT (4.685437970053858 51.839699385943824)</t>
  </si>
  <si>
    <t>POINT (4.680466970394421 51.837623141460604)</t>
  </si>
  <si>
    <t>POINT (4.691793812628284 51.84014848914367)</t>
  </si>
  <si>
    <t>POINT (4.691811382782575 51.833906600257194)</t>
  </si>
  <si>
    <t>POINT (4.691731043154651 51.825875521652264)</t>
  </si>
  <si>
    <t>POINT (4.707727090949023 51.83693857560512)</t>
  </si>
  <si>
    <t>POINT (4.680856654228787 51.83690000460344)</t>
  </si>
  <si>
    <t>POINT (4.699033916633905 51.830888767048314)</t>
  </si>
  <si>
    <t>POINT (4.694302420495835 51.840988522145906)</t>
  </si>
  <si>
    <t>POINT (4.6934218305603235 51.83011328914577)</t>
  </si>
  <si>
    <t>POINT (4.6869034113534065 51.822951062097815)</t>
  </si>
  <si>
    <t>POINT (4.679653108143498 51.83872815643424)</t>
  </si>
  <si>
    <t>POINT (4.702962717843585 51.83368200135507)</t>
  </si>
  <si>
    <t>POINT (4.716134556215359 51.83381737920521)</t>
  </si>
  <si>
    <t>POINT (4.707678446440766 51.82605629720124)</t>
  </si>
  <si>
    <t>POINT (4.6882316085750055 51.824085607487014)</t>
  </si>
  <si>
    <t>POINT (4.699354148264824 51.837799878463514)</t>
  </si>
  <si>
    <t>POINT (4.696279769710783 51.83280847968394)</t>
  </si>
  <si>
    <t>POINT (4.696562403122629 51.82642307940064)</t>
  </si>
  <si>
    <t>POINT (4.684102712683009 51.83458155444587)</t>
  </si>
  <si>
    <t>POINT (4.733669844848571 51.82980418388985)</t>
  </si>
  <si>
    <t>POINT (4.676782687873685 51.82804162099721)</t>
  </si>
  <si>
    <t>POINT (4.681512577676381 51.82416694731677)</t>
  </si>
  <si>
    <t>POINT (4.695135400107358 51.82686354011751)</t>
  </si>
  <si>
    <t>POINT (4.684331554717884 51.839949401689914)</t>
  </si>
  <si>
    <t>POINT (4.694025333063504 51.83888080650436)</t>
  </si>
  <si>
    <t>POINT (4.69203564440057 51.82584250404435)</t>
  </si>
  <si>
    <t>POINT (4.696454621766321 51.837289854997856)</t>
  </si>
  <si>
    <t>POINT (4.680832499999338 51.82705442506771)</t>
  </si>
  <si>
    <t>POINT (4.71755199769918 51.829699294122335)</t>
  </si>
  <si>
    <t>POINT (4.6773179380811385 51.83134826936844)</t>
  </si>
  <si>
    <t>POINT (4.6892414702968335 51.83838066814002)</t>
  </si>
  <si>
    <t>POINT (4.688969771386507 51.84369437036054)</t>
  </si>
  <si>
    <t>POINT (4.682250620387054 51.8271727199358)</t>
  </si>
  <si>
    <t>POINT (4.708039275643474 51.82737006021922)</t>
  </si>
  <si>
    <t>POINT (4.6971952718984795 51.835917224745444)</t>
  </si>
  <si>
    <t>POINT (4.6910822189541586 51.82344458857659)</t>
  </si>
  <si>
    <t>POINT (4.6764625503575505 51.832095227603006)</t>
  </si>
  <si>
    <t>POINT (4.7237213124438595 51.83282648035954)</t>
  </si>
  <si>
    <t>POINT (4.680052478712938 51.83569392129281)</t>
  </si>
  <si>
    <t>POINT (4.69021746188626 51.832638082316905)</t>
  </si>
  <si>
    <t>POINT (4.6981025538342305 51.835333960590525)</t>
  </si>
  <si>
    <t>POINT (4.690170614350811 51.82977752946287)</t>
  </si>
  <si>
    <t>POINT (4.692427685031298 51.83776142867357)</t>
  </si>
  <si>
    <t>POINT (4.680306594993443 51.8350373123398)</t>
  </si>
  <si>
    <t>POINT (4.680089682604669 51.83509657145576)</t>
  </si>
  <si>
    <t>3356LW</t>
  </si>
  <si>
    <t>Loswal</t>
  </si>
  <si>
    <t>POINT (4.715198586435474 51.82745323328263)</t>
  </si>
  <si>
    <t>POINT (4.702803333648069 51.83538459640517)</t>
  </si>
  <si>
    <t>POINT (4.679808459712486 51.83649522674887)</t>
  </si>
  <si>
    <t>POINT (4.704072971089956 51.83933118242925)</t>
  </si>
  <si>
    <t>POINT (4.683823412986457 51.82701245852333)</t>
  </si>
  <si>
    <t>POINT (4.702564446346807 51.83054303478786)</t>
  </si>
  <si>
    <t>POINT (4.693480779058445 51.841708440911184)</t>
  </si>
  <si>
    <t>POINT (4.676277268620803 51.83186430183669)</t>
  </si>
  <si>
    <t>POINT (4.718348858926683 51.83486273585872)</t>
  </si>
  <si>
    <t>POINT (4.706638731971374 51.839271945655305)</t>
  </si>
  <si>
    <t>POINT (4.685695402967996 51.84096759353409)</t>
  </si>
  <si>
    <t>POINT (4.694803647462591 51.831735824796965)</t>
  </si>
  <si>
    <t>POINT (4.729747323423163 51.82910197743441)</t>
  </si>
  <si>
    <t>POINT (4.70174811887894 51.8314070128916)</t>
  </si>
  <si>
    <t>POINT (4.694763993538529 51.83800197895498)</t>
  </si>
  <si>
    <t>POINT (4.680121827222711 51.84327432253229)</t>
  </si>
  <si>
    <t>POINT (4.702443328906035 51.829446587372274)</t>
  </si>
  <si>
    <t>POINT (4.693322764644294 51.824156461910825)</t>
  </si>
  <si>
    <t>POINT (4.679621547624295 51.83146373135792)</t>
  </si>
  <si>
    <t>POINT (4.732369091539613 51.83298165154437)</t>
  </si>
  <si>
    <t>POINT (4.716265577226465 51.83453982394802)</t>
  </si>
  <si>
    <t>POINT (4.707928252161085 51.8372773881472)</t>
  </si>
  <si>
    <t>POINT (4.704104089354412 51.830672676744975)</t>
  </si>
  <si>
    <t>POINT (4.722850552027756 51.83237085777823)</t>
  </si>
  <si>
    <t>POINT (4.678789101369317 51.832424981204284)</t>
  </si>
  <si>
    <t>POINT (4.6923085967865505 51.83708630692542)</t>
  </si>
  <si>
    <t>POINT (4.68139422332647 51.82983304044285)</t>
  </si>
  <si>
    <t>POINT (4.6964666825116606 51.839815576909075)</t>
  </si>
  <si>
    <t>POINT (4.68351831351176 51.82561321846616)</t>
  </si>
  <si>
    <t>POINT (4.687865774237499 51.83858739955889)</t>
  </si>
  <si>
    <t>POINT (4.725142345249561 51.83328955153788)</t>
  </si>
  <si>
    <t>POINT (4.6795841677762375 51.828905102969486)</t>
  </si>
  <si>
    <t>POINT (4.724727374779201 51.83379770052804)</t>
  </si>
  <si>
    <t>POINT (4.684353158416128 51.8358125651678)</t>
  </si>
  <si>
    <t>POINT (4.7062844765028595 51.83823976904985)</t>
  </si>
  <si>
    <t>POINT (4.678593523810052 51.83491349379451)</t>
  </si>
  <si>
    <t>POINT (4.695172492457036 51.83584833928697)</t>
  </si>
  <si>
    <t>POINT (4.734888109515636 51.83088881952134)</t>
  </si>
  <si>
    <t>POINT (4.688909120572338 51.84139281320869)</t>
  </si>
  <si>
    <t>POINT (4.693007063994247 51.83195136820389)</t>
  </si>
  <si>
    <t>POINT (4.727798626008491 51.83352667349697)</t>
  </si>
  <si>
    <t>POINT (4.69840894849778 51.83457059277439)</t>
  </si>
  <si>
    <t>POINT (4.693792145813157 51.839232871260556)</t>
  </si>
  <si>
    <t>POINT (4.699634834470939 51.833817673801356)</t>
  </si>
  <si>
    <t>POINT (4.677502019994191 51.82316608543093)</t>
  </si>
  <si>
    <t>POINT (4.704238631451378 51.83426328303713)</t>
  </si>
  <si>
    <t>POINT (4.720999987453541 51.82910230316722)</t>
  </si>
  <si>
    <t>POINT (4.687447783535522 51.84404076452134)</t>
  </si>
  <si>
    <t>POINT (4.694473440384879 51.83598278511791)</t>
  </si>
  <si>
    <t>POINT (4.704628319861364 51.837904817646574)</t>
  </si>
  <si>
    <t>POINT (4.6831982773790415 51.834880004016945)</t>
  </si>
  <si>
    <t>POINT (4.709838475517748 51.82833964185242)</t>
  </si>
  <si>
    <t>POINT (4.692703031299516 51.83162481943777)</t>
  </si>
  <si>
    <t>POINT (4.694369915467516 51.83003458435404)</t>
  </si>
  <si>
    <t>POINT (4.683824391079365 51.829212993083495)</t>
  </si>
  <si>
    <t>POINT (4.709122085248797 51.83831681195909)</t>
  </si>
  <si>
    <t>POINT (4.709932332189405 51.828558957578245)</t>
  </si>
  <si>
    <t>POINT (4.685012828076879 51.825948429702514)</t>
  </si>
  <si>
    <t>POINT (4.678794372301485 51.830789456671276)</t>
  </si>
  <si>
    <t>POINT (4.683772939591716 51.82708993483153)</t>
  </si>
  <si>
    <t>POINT (4.6989423506275685 51.83957537873714)</t>
  </si>
  <si>
    <t>POINT (4.684520243999316 51.82619394609541)</t>
  </si>
  <si>
    <t>POINT (4.699392442344276 51.83783679438655)</t>
  </si>
  <si>
    <t>POINT (4.70678520283604 51.838988349863264)</t>
  </si>
  <si>
    <t>POINT (4.680675183466647 51.823498915473365)</t>
  </si>
  <si>
    <t>POINT (4.709061620635441 51.830148872246184)</t>
  </si>
  <si>
    <t>POINT (4.707004526627545 51.82913237447404)</t>
  </si>
  <si>
    <t>POINT (4.69152244009331 51.838654912898356)</t>
  </si>
  <si>
    <t>POINT (4.7216571341074305 51.83575204879063)</t>
  </si>
  <si>
    <t>POINT (4.693200330954417 51.83873598855951)</t>
  </si>
  <si>
    <t>POINT (4.724009830798774 51.82796331186763)</t>
  </si>
  <si>
    <t>POINT (4.6786116180565624 51.83060404138667)</t>
  </si>
  <si>
    <t>POINT (4.6977184202582665 51.83509051326706)</t>
  </si>
  <si>
    <t>POINT (4.684768401082069 51.82606186011082)</t>
  </si>
  <si>
    <t>POINT (4.722361167058879 51.83341577269864)</t>
  </si>
  <si>
    <t>POINT (4.69101855445919 51.82989316669994)</t>
  </si>
  <si>
    <t>POINT (4.676472034897234 51.83318727098268)</t>
  </si>
  <si>
    <t>POINT (4.682395801626432 51.82728405328187)</t>
  </si>
  <si>
    <t>POINT (4.686001076063858 51.82395776991301)</t>
  </si>
  <si>
    <t>POINT (4.687212167107541 51.82708023924167)</t>
  </si>
  <si>
    <t>POINT (4.683536279783984 51.829315993037135)</t>
  </si>
  <si>
    <t>POINT (4.685273101883948 51.82514996076486)</t>
  </si>
  <si>
    <t>POINT (4.685715584455429 51.834005638436885)</t>
  </si>
  <si>
    <t>POINT (4.7217427069601134 51.832641045637885)</t>
  </si>
  <si>
    <t>POINT (4.69972732591249 51.838609341570915)</t>
  </si>
  <si>
    <t>POINT (4.710366947649626 51.8284700141176)</t>
  </si>
  <si>
    <t>POINT (4.691027073015919 51.824584426262156)</t>
  </si>
  <si>
    <t>POINT (4.686908561842992 51.82299393273487)</t>
  </si>
  <si>
    <t>POINT (4.68094897758321 51.83154447039924)</t>
  </si>
  <si>
    <t>POINT (4.686102851361039 51.83521411035427)</t>
  </si>
  <si>
    <t>POINT (4.69082797692661 51.828906081332754)</t>
  </si>
  <si>
    <t>POINT (4.7130787119952 51.82945745081574)</t>
  </si>
  <si>
    <t>POINT (4.702739537351657 51.835409392610366)</t>
  </si>
  <si>
    <t>POINT (4.691071989792833 51.82352929983093)</t>
  </si>
  <si>
    <t>POINT (4.688990210584264 51.82784562349627)</t>
  </si>
  <si>
    <t>POINT (4.684251521873864 51.829925699662745)</t>
  </si>
  <si>
    <t>POINT (4.700954189910395 51.83522503082955)</t>
  </si>
  <si>
    <t>POINT (4.735716936857199 51.8327369934856)</t>
  </si>
  <si>
    <t>POINT (4.699507727049044 51.831868706800506)</t>
  </si>
  <si>
    <t>POINT (4.685993967601965 51.82398205972132)</t>
  </si>
  <si>
    <t>POINT (4.7002769474733554 51.82432137399793)</t>
  </si>
  <si>
    <t>POINT (4.707773624395762 51.83465625694921)</t>
  </si>
  <si>
    <t>POINT (4.705326801670296 51.83883761662251)</t>
  </si>
  <si>
    <t>POINT (4.707966514765563 51.8353303601325)</t>
  </si>
  <si>
    <t>POINT (4.6863180453036035 51.828631269726024)</t>
  </si>
  <si>
    <t>POINT (4.696936515883524 51.83367527878147)</t>
  </si>
  <si>
    <t>POINT (4.696330442231071 51.83966892584838)</t>
  </si>
  <si>
    <t>POINT (4.684224019501362 51.83101723278158)</t>
  </si>
  <si>
    <t>POINT (4.689514674366367 51.82996137837522)</t>
  </si>
  <si>
    <t>POINT (4.706712231818376 51.835243618913495)</t>
  </si>
  <si>
    <t>POINT (4.715423706290223 51.83347570113668)</t>
  </si>
  <si>
    <t>POINT (4.697892538512743 51.834997919211574)</t>
  </si>
  <si>
    <t>POINT (4.693408830371455 51.831933851575556)</t>
  </si>
  <si>
    <t>POINT (4.6895085294456615 51.83411186354596)</t>
  </si>
  <si>
    <t>POINT (4.708026111977759 51.835671517435124)</t>
  </si>
  <si>
    <t>POINT (4.708182456357025 51.83589536655436)</t>
  </si>
  <si>
    <t>POINT (4.696416546423884 51.825589972000664)</t>
  </si>
  <si>
    <t>POINT (4.735732933412437 51.832605956551305)</t>
  </si>
  <si>
    <t>POINT (4.694093048837463 51.829519051547706)</t>
  </si>
  <si>
    <t>POINT (4.699584688401114 51.84100803673072)</t>
  </si>
  <si>
    <t>POINT (4.681324328444976 51.83032562947634)</t>
  </si>
  <si>
    <t>POINT (4.697384876092456 51.83620747619001)</t>
  </si>
  <si>
    <t>POINT (4.686165163599247 51.832866335410415)</t>
  </si>
  <si>
    <t>POINT (4.693680120529896 51.82503337563193)</t>
  </si>
  <si>
    <t>POINT (4.684717859142963 51.82926896753699)</t>
  </si>
  <si>
    <t>POINT (4.680214555612041 51.83510718409506)</t>
  </si>
  <si>
    <t>POINT (4.690545973490961 51.838444703164505)</t>
  </si>
  <si>
    <t>POINT (4.693037908727688 51.838490771323485)</t>
  </si>
  <si>
    <t>POINT (4.691353313694206 51.823693284970545)</t>
  </si>
  <si>
    <t>POINT (4.689240643873919 51.834770010030496)</t>
  </si>
  <si>
    <t>POINT (4.682914304822702 51.83563659137534)</t>
  </si>
  <si>
    <t>POINT (4.707246003276289 51.837865707667596)</t>
  </si>
  <si>
    <t>POINT (4.686276615291557 51.82391908361727)</t>
  </si>
  <si>
    <t>POINT (4.682949148306181 51.83826956358645)</t>
  </si>
  <si>
    <t>POINT (4.67838027463811 51.836647023554086)</t>
  </si>
  <si>
    <t>POINT (4.695681579545334 51.83172390349893)</t>
  </si>
  <si>
    <t>POINT (4.728136955163037 51.83140167128145)</t>
  </si>
  <si>
    <t>POINT (4.686673529282544 51.841697432115396)</t>
  </si>
  <si>
    <t>POINT (4.715525459759258 51.83471240670296)</t>
  </si>
  <si>
    <t>POINT (4.723368657946435 51.83437362856066)</t>
  </si>
  <si>
    <t>POINT (4.70986017085805 51.828389330326914)</t>
  </si>
  <si>
    <t>POINT (4.703427314734861 51.83030408581282)</t>
  </si>
  <si>
    <t>POINT (4.723469858340626 51.8344690755392)</t>
  </si>
  <si>
    <t>POINT (4.728113918248125 51.83200066860213)</t>
  </si>
  <si>
    <t>POINT (4.6815093566953205 51.83995606687322)</t>
  </si>
  <si>
    <t>POINT (4.685632160561627 51.82596664979034)</t>
  </si>
  <si>
    <t>POINT (4.69284328744711 51.83037307364288)</t>
  </si>
  <si>
    <t>POINT (4.693037739037701 51.824957363567975)</t>
  </si>
  <si>
    <t>POINT (4.692666285077616 51.84078752271692)</t>
  </si>
  <si>
    <t>POINT (4.688665531840735 51.844135007796915)</t>
  </si>
  <si>
    <t>POINT (4.695235119371121 51.83101662659436)</t>
  </si>
  <si>
    <t>POINT (4.706369500161736 51.828339536402225)</t>
  </si>
  <si>
    <t>POINT (4.685739310807179 51.826110614174645)</t>
  </si>
  <si>
    <t>POINT (4.704042620000283 51.83365929347243)</t>
  </si>
  <si>
    <t>POINT (4.681486333395425 51.82540020346367)</t>
  </si>
  <si>
    <t>POINT (4.681761755741986 51.82911844109199)</t>
  </si>
  <si>
    <t>POINT (4.691844234596955 51.84223941644248)</t>
  </si>
  <si>
    <t>POINT (4.683222944609913 51.824038900769)</t>
  </si>
  <si>
    <t>POINT (4.703889556536101 51.83411165401742)</t>
  </si>
  <si>
    <t>POINT (4.693145109082098 51.83311739917223)</t>
  </si>
  <si>
    <t>POINT (4.678743105119634 51.83165941918612)</t>
  </si>
  <si>
    <t>POINT (4.692917198316703 51.82518223859668)</t>
  </si>
  <si>
    <t>POINT (4.679246311808732 51.83291824988988)</t>
  </si>
  <si>
    <t>POINT (4.705568381581535 51.839511934349424)</t>
  </si>
  <si>
    <t>POINT (4.703718551400316 51.83910081770335)</t>
  </si>
  <si>
    <t>POINT (4.678558833768192 51.83558038558532)</t>
  </si>
  <si>
    <t>POINT (4.679518940523633 51.834590172691875)</t>
  </si>
  <si>
    <t>POINT (4.6803249235191 51.829595462977544)</t>
  </si>
  <si>
    <t>POINT (4.683448586575601 51.83627619112729)</t>
  </si>
  <si>
    <t>POINT (4.690611490790184 51.831629361254336)</t>
  </si>
  <si>
    <t>POINT (4.6932784929317775 51.825185318921946)</t>
  </si>
  <si>
    <t>POINT (4.703765466380822 51.8338053453873)</t>
  </si>
  <si>
    <t>POINT (4.706565110680133 51.828203180742086)</t>
  </si>
  <si>
    <t>POINT (4.696373631360029 51.839712082696366)</t>
  </si>
  <si>
    <t>POINT (4.71487955481379 51.82928245157544)</t>
  </si>
  <si>
    <t>POINT (4.67770289154727 51.836692279306206)</t>
  </si>
  <si>
    <t>POINT (4.689847854111077 51.82563574027201)</t>
  </si>
  <si>
    <t>POINT (4.6823917662937 51.827368621229596)</t>
  </si>
  <si>
    <t>POINT (4.70996597554675 51.83801490160836)</t>
  </si>
  <si>
    <t>POINT (4.697466528114868 51.825803775203184)</t>
  </si>
  <si>
    <t>POINT (4.701322415896235 51.834100422574416)</t>
  </si>
  <si>
    <t>POINT (4.692357829580621 51.82429635161389)</t>
  </si>
  <si>
    <t>POINT (4.694530671683332 51.832171403559556)</t>
  </si>
  <si>
    <t>POINT (4.694800716503261 51.83143938032346)</t>
  </si>
  <si>
    <t>POINT (4.733674708222609 51.82876758199531)</t>
  </si>
  <si>
    <t>POINT (4.681443241002083 51.83619397821889)</t>
  </si>
  <si>
    <t>POINT (4.7303972879316225 51.83339874520264)</t>
  </si>
  <si>
    <t>POINT (4.706959807214077 51.8292213454349)</t>
  </si>
  <si>
    <t>POINT (4.729697426333224 51.8322742539804)</t>
  </si>
  <si>
    <t>POINT (4.684219940027968 51.827290120322836)</t>
  </si>
  <si>
    <t>POINT (4.732081525864321 51.8330252418036)</t>
  </si>
  <si>
    <t>POINT (4.707704550427077 51.826040412602865)</t>
  </si>
  <si>
    <t>POINT (4.678264693803436 51.830419764738984)</t>
  </si>
  <si>
    <t>POINT (4.678830369252195 51.83175549513572)</t>
  </si>
  <si>
    <t>POINT (4.680603997338966 51.83185965758572)</t>
  </si>
  <si>
    <t>POINT (4.678099455248891 51.83485396289256)</t>
  </si>
  <si>
    <t>POINT (4.6951597131665 51.84146190384462)</t>
  </si>
  <si>
    <t>POINT (4.68730063452986 51.83407956586984)</t>
  </si>
  <si>
    <t>POINT (4.695399550583335 51.8379157766437)</t>
  </si>
  <si>
    <t>POINT (4.691032538671619 51.84087230799477)</t>
  </si>
  <si>
    <t>POINT (4.687287009760876 51.83854878698331)</t>
  </si>
  <si>
    <t>POINT (4.703983169831216 51.8281913989763)</t>
  </si>
  <si>
    <t>POINT (4.695354037453924 51.83663799072849)</t>
  </si>
  <si>
    <t>POINT (4.69038547822686 51.82788176143723)</t>
  </si>
  <si>
    <t>POINT (4.699151813999937 51.84112184938443)</t>
  </si>
  <si>
    <t>POINT (4.699693261807554 51.83715321877862)</t>
  </si>
  <si>
    <t>POINT (4.71252879467216 51.831346360289615)</t>
  </si>
  <si>
    <t>POINT (4.688366593133538 51.82308299945206)</t>
  </si>
  <si>
    <t>POINT (4.706334967823593 51.827686042554156)</t>
  </si>
  <si>
    <t>POINT (4.682725924372373 51.83550523365305)</t>
  </si>
  <si>
    <t>POINT (4.687283450601098 51.827176546198864)</t>
  </si>
  <si>
    <t>POINT (4.680132711769582 51.829882337584124)</t>
  </si>
  <si>
    <t>POINT (4.6850966068438975 51.826074700034084)</t>
  </si>
  <si>
    <t>POINT (4.70020427937461 51.84014495417965)</t>
  </si>
  <si>
    <t>POINT (4.695515004267442 51.838043520153136)</t>
  </si>
  <si>
    <t>POINT (4.685281460274528 51.83735146386472)</t>
  </si>
  <si>
    <t>POINT (4.711833051805873 51.831166569079706)</t>
  </si>
  <si>
    <t>POINT (4.683652590310639 51.833802706516515)</t>
  </si>
  <si>
    <t>POINT (4.7180693796543505 51.835197344259335)</t>
  </si>
  <si>
    <t>POINT (4.702495037154906 51.833671175716496)</t>
  </si>
  <si>
    <t>POINT (4.692777956395609 51.824735973688185)</t>
  </si>
  <si>
    <t>POINT (4.69203975175572 51.82658908007087)</t>
  </si>
  <si>
    <t>POINT (4.696444992934674 51.832183717386805)</t>
  </si>
  <si>
    <t>POINT (4.6782515490644885 51.83708938632415)</t>
  </si>
  <si>
    <t>POINT (4.6868183035165485 51.823077456034476)</t>
  </si>
  <si>
    <t>POINT (4.703058853604667 51.83569617530558)</t>
  </si>
  <si>
    <t>POINT (4.702500347855611 51.835557748267945)</t>
  </si>
  <si>
    <t>POINT (4.6765242481585645 51.82900384688753)</t>
  </si>
  <si>
    <t>POINT (4.710257609864718 51.828242996100435)</t>
  </si>
  <si>
    <t>POINT (4.701370641437792 51.83751100643349)</t>
  </si>
  <si>
    <t>POINT (4.67848909017936 51.83452130902287)</t>
  </si>
  <si>
    <t>POINT (4.687160755759002 51.84032212053943)</t>
  </si>
  <si>
    <t>POINT (4.691364795815563 51.83082656846969)</t>
  </si>
  <si>
    <t>POINT (4.6892793002847455 51.83389112429303)</t>
  </si>
  <si>
    <t>POINT (4.693423116172269 51.83287360787352)</t>
  </si>
  <si>
    <t>POINT (4.684049227441441 51.827073424185535)</t>
  </si>
  <si>
    <t>POINT (4.67890281161142 51.829228162447734)</t>
  </si>
  <si>
    <t>POINT (4.7082258612125605 51.827744491299455)</t>
  </si>
  <si>
    <t>POINT (4.683845230889304 51.827043123700804)</t>
  </si>
  <si>
    <t>POINT (4.693360330499988 51.836378093281255)</t>
  </si>
  <si>
    <t>POINT (4.7075971513295505 51.83584140073507)</t>
  </si>
  <si>
    <t>POINT (4.6995693153662055 51.82897080910392)</t>
  </si>
  <si>
    <t>POINT (4.68418261903295 51.82721636966334)</t>
  </si>
  <si>
    <t>POINT (4.706131948736348 51.82657913743479)</t>
  </si>
  <si>
    <t>POINT (4.6836835198629325 51.836525496904706)</t>
  </si>
  <si>
    <t>POINT (4.695921939899825 51.83724150680374)</t>
  </si>
  <si>
    <t>POINT (4.684059707232855 51.83592411867436)</t>
  </si>
  <si>
    <t>POINT (4.694630500553703 51.831001043149925)</t>
  </si>
  <si>
    <t>POINT (4.685767051659828 51.828019087631205)</t>
  </si>
  <si>
    <t>POINT (4.676620253837291 51.83716156308371)</t>
  </si>
  <si>
    <t>POINT (4.721936953076424 51.835067597234584)</t>
  </si>
  <si>
    <t>POINT (4.6794760774123985 51.83528409823318)</t>
  </si>
  <si>
    <t>POINT (4.699074280903714 51.83093887260126)</t>
  </si>
  <si>
    <t>POINT (4.706010417141893 51.839441737095484)</t>
  </si>
  <si>
    <t>POINT (4.678842927829439 51.82925848833921)</t>
  </si>
  <si>
    <t>POINT (4.6807212524576345 51.8386708596393)</t>
  </si>
  <si>
    <t>POINT (4.7003825262763215 51.8306631857017)</t>
  </si>
  <si>
    <t>POINT (4.730023981801605 51.832783147762484)</t>
  </si>
  <si>
    <t>POINT (4.693527537010494 51.838249749962735)</t>
  </si>
  <si>
    <t>POINT (4.689895747748995 51.83229352488057)</t>
  </si>
  <si>
    <t>POINT (4.694848352883095 51.831989415151575)</t>
  </si>
  <si>
    <t>POINT (4.709599695685314 51.83684393544233)</t>
  </si>
  <si>
    <t>POINT (4.681653444071567 51.82264527796393)</t>
  </si>
  <si>
    <t>POINT (4.6839086340900336 51.82919163746401)</t>
  </si>
  <si>
    <t>POINT (4.6875255966309055 51.82495909754143)</t>
  </si>
  <si>
    <t>POINT (4.721404109412872 51.83361335638072)</t>
  </si>
  <si>
    <t>POINT (4.690033880416314 51.82902653449036)</t>
  </si>
  <si>
    <t>POINT (4.733304932292721 51.83198134902773)</t>
  </si>
  <si>
    <t>POINT (4.685670199620524 51.826012063079126)</t>
  </si>
  <si>
    <t>POINT (4.714898846540326 51.83419808673438)</t>
  </si>
  <si>
    <t>POINT (4.6895183789475094 51.83467512303036)</t>
  </si>
  <si>
    <t>POINT (4.69909903753768 51.8355927456042)</t>
  </si>
  <si>
    <t>POINT (4.704593184741711 51.837813306964144)</t>
  </si>
  <si>
    <t>POINT (4.684268762533153 51.82634934618283)</t>
  </si>
  <si>
    <t>POINT (4.716331518118124 51.835371162155404)</t>
  </si>
  <si>
    <t>POINT (4.680741311651005 51.8368818186672)</t>
  </si>
  <si>
    <t>POINT (4.685589654942248 51.82591556491921)</t>
  </si>
  <si>
    <t>POINT (4.722902710519848 51.832502620372665)</t>
  </si>
  <si>
    <t>POINT (4.732943823619344 51.82978729491534)</t>
  </si>
  <si>
    <t>POINT (4.686642898671678 51.83428360368324)</t>
  </si>
  <si>
    <t>POINT (4.679523790393753 51.841709132801064)</t>
  </si>
  <si>
    <t>POINT (4.694281111421014 51.82526083214883)</t>
  </si>
  <si>
    <t>POINT (4.721147372693775 51.834532540473504)</t>
  </si>
  <si>
    <t>POINT (4.692634354676515 51.82421793542294)</t>
  </si>
  <si>
    <t>POINT (4.694950574635329 51.82416341307775)</t>
  </si>
  <si>
    <t>POINT (4.679562045809552 51.83149082400804)</t>
  </si>
  <si>
    <t>POINT (4.69825038754398 51.84043498293834)</t>
  </si>
  <si>
    <t>POINT (4.683699059777683 51.83508053148624)</t>
  </si>
  <si>
    <t>POINT (4.681660755307576 51.826021837529964)</t>
  </si>
  <si>
    <t>POINT (4.681933350023946 51.8247040405525)</t>
  </si>
  <si>
    <t>POINT (4.691526784841605 51.83404535247397)</t>
  </si>
  <si>
    <t>POINT (4.692918830741573 51.82386060304401)</t>
  </si>
  <si>
    <t>POINT (4.683360251745799 51.829745853378114)</t>
  </si>
  <si>
    <t>POINT (4.6940323408004 51.83657220857363)</t>
  </si>
  <si>
    <t>POINT (4.680152229542923 51.83139372544624)</t>
  </si>
  <si>
    <t>POINT (4.683085191389656 51.83398608858174)</t>
  </si>
  <si>
    <t>POINT (4.6903662614194515 51.83279272532124)</t>
  </si>
  <si>
    <t>POINT (4.6837548642731415 51.83120974550057)</t>
  </si>
  <si>
    <t>POINT (4.677696462144538 51.83437882408771)</t>
  </si>
  <si>
    <t>POINT (4.692958413292034 51.83912879946121)</t>
  </si>
  <si>
    <t>POINT (4.707268984671416 51.83539687391374)</t>
  </si>
  <si>
    <t>POINT (4.691208830708655 51.834108878116034)</t>
  </si>
  <si>
    <t>POINT (4.718867088797992 51.832955481293)</t>
  </si>
  <si>
    <t>POINT (4.706504337470037 51.838977049987236)</t>
  </si>
  <si>
    <t>POINT (4.688746264887965 51.82460328021744)</t>
  </si>
  <si>
    <t>POINT (4.6901785131289815 51.8344093584249)</t>
  </si>
  <si>
    <t>POINT (4.696646678650701 51.83804588565356)</t>
  </si>
  <si>
    <t>POINT (4.6900798542673865 51.832501869367064)</t>
  </si>
  <si>
    <t>POINT (4.716129587214687 51.83376427302944)</t>
  </si>
  <si>
    <t>POINT (4.706768451659449 51.82933414025609)</t>
  </si>
  <si>
    <t>POINT (4.726707533781678 51.833576574677956)</t>
  </si>
  <si>
    <t>POINT (4.68879565894412 51.84308499353964)</t>
  </si>
  <si>
    <t>POINT (4.70438828724452 51.8348848090569)</t>
  </si>
  <si>
    <t>POINT (4.679542118871142 51.83534164614728)</t>
  </si>
  <si>
    <t>POINT (4.675475240725327 51.826610724678524)</t>
  </si>
  <si>
    <t>POINT (4.734113891968682 51.83204701081312)</t>
  </si>
  <si>
    <t>POINT (4.679476290963168 51.83782540424517)</t>
  </si>
  <si>
    <t>POINT (4.692926879252005 51.82418560811371)</t>
  </si>
  <si>
    <t>POINT (4.718809486889839 51.83422135228286)</t>
  </si>
  <si>
    <t>POINT (4.687880170579727 51.83646157458701)</t>
  </si>
  <si>
    <t>POINT (4.687662920901434 51.84175153739172)</t>
  </si>
  <si>
    <t>POINT (4.699497039745726 51.82887107027902)</t>
  </si>
  <si>
    <t>POINT (4.687817334715152 51.844689185733614)</t>
  </si>
  <si>
    <t>POINT (4.683347750621374 51.825477653681055)</t>
  </si>
  <si>
    <t>POINT (4.68089873434642 51.83688784446874)</t>
  </si>
  <si>
    <t>POINT (4.710914364247908 51.82886170256408)</t>
  </si>
  <si>
    <t>POINT (4.7018605127908835 51.83117322770928)</t>
  </si>
  <si>
    <t>POINT (4.699940315175534 51.834528188913836)</t>
  </si>
  <si>
    <t>POINT (4.685750839307926 51.82597199722237)</t>
  </si>
  <si>
    <t>POINT (4.6939184605032915 51.8425206675206)</t>
  </si>
  <si>
    <t>POINT (4.68104999308252 51.83224087117475)</t>
  </si>
  <si>
    <t>POINT (4.679328286966286 51.82231024788141)</t>
  </si>
  <si>
    <t>POINT (4.706627403387497 51.82596495965345)</t>
  </si>
  <si>
    <t>POINT (4.701233286266117 51.82896380803139)</t>
  </si>
  <si>
    <t>POINT (4.681242971748718 51.822282697281786)</t>
  </si>
  <si>
    <t>POINT (4.700977319601449 51.83170294544172)</t>
  </si>
  <si>
    <t>POINT (4.676563562072662 51.82800205685066)</t>
  </si>
  <si>
    <t>POINT (4.678294286890474 51.82236722437609)</t>
  </si>
  <si>
    <t>POINT (4.707221441547318 51.83904890783164)</t>
  </si>
  <si>
    <t>POINT (4.6896126041098745 51.82798837830952)</t>
  </si>
  <si>
    <t>POINT (4.718200195445149 51.834381285636915)</t>
  </si>
  <si>
    <t>POINT (4.684845360740531 51.82548355053103)</t>
  </si>
  <si>
    <t>POINT (4.684602405253233 51.835751738925595)</t>
  </si>
  <si>
    <t>POINT (4.735774745088037 51.83283785178484)</t>
  </si>
  <si>
    <t>POINT (4.67749680302167 51.82314919116381)</t>
  </si>
  <si>
    <t>POINT (4.704324282085889 51.830278548145685)</t>
  </si>
  <si>
    <t>POINT (4.688639979706693 51.82899259388265)</t>
  </si>
  <si>
    <t>POINT (4.6811724751684425 51.826854396642574)</t>
  </si>
  <si>
    <t>POINT (4.6837784238436155 51.83766505180659)</t>
  </si>
  <si>
    <t>POINT (4.720714550432538 51.82950705819335)</t>
  </si>
  <si>
    <t>POINT (4.701804655267568 51.834572742005825)</t>
  </si>
  <si>
    <t>POINT (4.707543690966851 51.83336709920115)</t>
  </si>
  <si>
    <t>POINT (4.728247644058647 51.832549940083624)</t>
  </si>
  <si>
    <t>POINT (4.695215586315605 51.83589077694873)</t>
  </si>
  <si>
    <t>POINT (4.693089800327661 51.83854518967856)</t>
  </si>
  <si>
    <t>POINT (4.725348056403108 51.8349334424078)</t>
  </si>
  <si>
    <t>POINT (4.728406260997931 51.83194869255378)</t>
  </si>
  <si>
    <t>POINT (4.6973744196544205 51.83824365317875)</t>
  </si>
  <si>
    <t>POINT (4.686701936955203 51.82352486377214)</t>
  </si>
  <si>
    <t>POINT (4.682622612673887 51.82549694325125)</t>
  </si>
  <si>
    <t>POINT (4.6809757397838085 51.839030525097286)</t>
  </si>
  <si>
    <t>POINT (4.687395785167768 51.844101604232534)</t>
  </si>
  <si>
    <t>POINT (4.693544324080351 51.83302125236383)</t>
  </si>
  <si>
    <t>POINT (4.678225692525968 51.831671342336136)</t>
  </si>
  <si>
    <t>POINT (4.698473898985929 51.83424731131642)</t>
  </si>
  <si>
    <t>POINT (4.718637779513832 51.83568486205219)</t>
  </si>
  <si>
    <t>POINT (4.683568351998065 51.8252299637438)</t>
  </si>
  <si>
    <t>POINT (4.703446041148636 51.83323472106361)</t>
  </si>
  <si>
    <t>POINT (4.676462196848349 51.83104056023867)</t>
  </si>
  <si>
    <t>POINT (4.707593316430696 51.82589424270047)</t>
  </si>
  <si>
    <t>POINT (4.68231642345903 51.83428796070462)</t>
  </si>
  <si>
    <t>POINT (4.7161574031752025 51.83392579564772)</t>
  </si>
  <si>
    <t>POINT (4.6861163689390715 51.828405591921815)</t>
  </si>
  <si>
    <t>POINT (4.699382173784314 51.83388653869735)</t>
  </si>
  <si>
    <t>POINT (4.6932653395461 51.838310024223986)</t>
  </si>
  <si>
    <t>POINT (4.708450832713325 51.82751900932235)</t>
  </si>
  <si>
    <t>POINT (4.7217682945459245 51.83409831641738)</t>
  </si>
  <si>
    <t>POINT (4.722725625601369 51.833873927256704)</t>
  </si>
  <si>
    <t>POINT (4.683620991462233 51.83065560223771)</t>
  </si>
  <si>
    <t>POINT (4.696117382402864 51.82564997192735)</t>
  </si>
  <si>
    <t>POINT (4.73609215275664 51.832842228379896)</t>
  </si>
  <si>
    <t>POINT (4.6856647432292835 51.828903848793956)</t>
  </si>
  <si>
    <t>POINT (4.717065611185114 51.827756918127406)</t>
  </si>
  <si>
    <t>POINT (4.688644117945822 51.82935265856813)</t>
  </si>
  <si>
    <t>POINT (4.684556773757877 51.828478863225605)</t>
  </si>
  <si>
    <t>POINT (4.70338000576674 51.82873428762063)</t>
  </si>
  <si>
    <t>POINT (4.693096839574817 51.82555050506971)</t>
  </si>
  <si>
    <t>POINT (4.714959432329691 51.83528062695129)</t>
  </si>
  <si>
    <t>POINT (4.676145224012356 51.830839604936905)</t>
  </si>
  <si>
    <t>POINT (4.7069058406586715 51.82929148554535)</t>
  </si>
  <si>
    <t>POINT (4.676104442521779 51.82925559344945)</t>
  </si>
  <si>
    <t>POINT (4.679331720114891 51.82698656224803)</t>
  </si>
  <si>
    <t>POINT (4.697456960514164 51.839118893109784)</t>
  </si>
  <si>
    <t>POINT (4.686589255635208 51.82633569660059)</t>
  </si>
  <si>
    <t>POINT (4.733691609759374 51.82994496774655)</t>
  </si>
  <si>
    <t>POINT (4.719314637261693 51.835855093926455)</t>
  </si>
  <si>
    <t>POINT (4.710561885690769 51.829079119564675)</t>
  </si>
  <si>
    <t>POINT (4.690715317353281 51.83112577765535)</t>
  </si>
  <si>
    <t>POINT (4.698367767574538 51.83747585280826)</t>
  </si>
  <si>
    <t>POINT (4.715202084579041 51.83372499036209)</t>
  </si>
  <si>
    <t>POINT (4.690680033021744 51.826814912883776)</t>
  </si>
  <si>
    <t>POINT (4.684244699678182 51.82728101928648)</t>
  </si>
  <si>
    <t>POINT (4.721469779353346 51.83221866033507)</t>
  </si>
  <si>
    <t>POINT (4.710219484349786 51.83010107548118)</t>
  </si>
  <si>
    <t>POINT (4.693411173357497 51.840697150858404)</t>
  </si>
  <si>
    <t>POINT (4.685754194435316 51.83463270985782)</t>
  </si>
  <si>
    <t>POINT (4.706416310474557 51.82762626356973)</t>
  </si>
  <si>
    <t>POINT (4.684234715535787 51.8281061532716)</t>
  </si>
  <si>
    <t>POINT (4.691490373178049 51.83400366313043)</t>
  </si>
  <si>
    <t>POINT (4.692857133275287 51.83178875793565)</t>
  </si>
  <si>
    <t>POINT (4.697452547856939 51.838347526353736)</t>
  </si>
  <si>
    <t>POINT (4.727469552495069 51.83397888404535)</t>
  </si>
  <si>
    <t>POINT (4.692620810068824 51.83105003999289)</t>
  </si>
  <si>
    <t>POINT (4.6907331515176764 51.82336268063417)</t>
  </si>
  <si>
    <t>POINT (4.732379323307794 51.83299839146554)</t>
  </si>
  <si>
    <t>POINT (4.685732528163514 51.825937793851)</t>
  </si>
  <si>
    <t>POINT (4.705872737666146 51.83678716546307)</t>
  </si>
  <si>
    <t>POINT (4.67674642072299 51.83217871572636)</t>
  </si>
  <si>
    <t>POINT (4.685089577496448 51.82728756813021)</t>
  </si>
  <si>
    <t>POINT (4.684528220050025 51.82857773819214)</t>
  </si>
  <si>
    <t>POINT (4.691156958795793 51.833646986187546)</t>
  </si>
  <si>
    <t>POINT (4.7003720212368805 51.83594773639554)</t>
  </si>
  <si>
    <t>POINT (4.69663861129951 51.838342166224464)</t>
  </si>
  <si>
    <t>POINT (4.684126643905414 51.82693239760852)</t>
  </si>
  <si>
    <t>POINT (4.695756524558344 51.842107801094286)</t>
  </si>
  <si>
    <t>POINT (4.680839148273367 51.83141700673582)</t>
  </si>
  <si>
    <t>POINT (4.702331039253594 51.83480465549565)</t>
  </si>
  <si>
    <t>POINT (4.698515835192451 51.83861051960807)</t>
  </si>
  <si>
    <t>POINT (4.681511109410369 51.830523208370025)</t>
  </si>
  <si>
    <t>POINT (4.683576345826235 51.82779986645106)</t>
  </si>
  <si>
    <t>POINT (4.683975288412431 51.83369049331494)</t>
  </si>
  <si>
    <t>POINT (4.699640246378412 51.83756374235442)</t>
  </si>
  <si>
    <t>POINT (4.679222201252349 51.82656238338766)</t>
  </si>
  <si>
    <t>POINT (4.685132849143006 51.83719326510455)</t>
  </si>
  <si>
    <t>POINT (4.6910230315561545 51.832565101820414)</t>
  </si>
  <si>
    <t>POINT (4.699904949895075 51.83808593137336)</t>
  </si>
  <si>
    <t>POINT (4.679827716650156 51.83931642741371)</t>
  </si>
  <si>
    <t>POINT (4.680929679619484 51.83047923563986)</t>
  </si>
  <si>
    <t>POINT (4.706570646882038 51.828335129954894)</t>
  </si>
  <si>
    <t>POINT (4.683720893683413 51.83533901380706)</t>
  </si>
  <si>
    <t>POINT (4.692392854123403 51.839111053930644)</t>
  </si>
  <si>
    <t>POINT (4.718908654560345 51.83598798122066)</t>
  </si>
  <si>
    <t>POINT (4.690026572913114 51.840569030774134)</t>
  </si>
  <si>
    <t>POINT (4.7070277046086915 51.82906250535096)</t>
  </si>
  <si>
    <t>POINT (4.68315098263939 51.82455890309028)</t>
  </si>
  <si>
    <t>POINT (4.689607278321825 51.82752928768164)</t>
  </si>
  <si>
    <t>POINT (4.695548024538828 51.841379177685035)</t>
  </si>
  <si>
    <t>POINT (4.701478488882077 51.83572285539447)</t>
  </si>
  <si>
    <t>POINT (4.695318196751555 51.83311762509778)</t>
  </si>
  <si>
    <t>POINT (4.696449687186864 51.8392678539638)</t>
  </si>
  <si>
    <t>POINT (4.684937204097005 51.82575128765867)</t>
  </si>
  <si>
    <t>POINT (4.701714148144901 51.83028121338239)</t>
  </si>
  <si>
    <t>POINT (4.692113750422686 51.83372281165147)</t>
  </si>
  <si>
    <t>POINT (4.685111139849684 51.84046432408189)</t>
  </si>
  <si>
    <t>POINT (4.692850501454247 51.837932071463136)</t>
  </si>
  <si>
    <t>POINT (4.727150354963992 51.833258279913906)</t>
  </si>
  <si>
    <t>POINT (4.698018444780444 51.83063854346085)</t>
  </si>
  <si>
    <t>POINT (4.679546167892658 51.82831884085907)</t>
  </si>
  <si>
    <t>POINT (4.723049551849526 51.83379577067788)</t>
  </si>
  <si>
    <t>POINT (4.698438379400166 51.83863426259358)</t>
  </si>
  <si>
    <t>POINT (4.6997013987557965 51.83468497183228)</t>
  </si>
  <si>
    <t>POINT (4.677281458949602 51.83450072696358)</t>
  </si>
  <si>
    <t>POINT (4.682419651683389 51.824088362527895)</t>
  </si>
  <si>
    <t>POINT (4.688951388116968 51.843646414578)</t>
  </si>
  <si>
    <t>POINT (4.699645802236673 51.8341847347255)</t>
  </si>
  <si>
    <t>POINT (4.6818691756585045 51.830917840668626)</t>
  </si>
  <si>
    <t>POINT (4.687750137047108 51.84174196278803)</t>
  </si>
  <si>
    <t>POINT (4.730099206993454 51.82913687302215)</t>
  </si>
  <si>
    <t>POINT (4.689967313359251 51.83896280627617)</t>
  </si>
  <si>
    <t>POINT (4.708935369486222 51.82858596467355)</t>
  </si>
  <si>
    <t>POINT (4.676594033264533 51.832233504993354)</t>
  </si>
  <si>
    <t>POINT (4.707390211669174 51.82850935983488)</t>
  </si>
  <si>
    <t>POINT (4.676408964284706 51.83351942413034)</t>
  </si>
  <si>
    <t>POINT (4.684600251132999 51.82922137887385)</t>
  </si>
  <si>
    <t>POINT (4.690612366349789 51.829185202666615)</t>
  </si>
  <si>
    <t>POINT (4.710890719278829 51.830294164176145)</t>
  </si>
  <si>
    <t>POINT (4.675537119067286 51.83081009540186)</t>
  </si>
  <si>
    <t>POINT (4.686773097103197 51.84489065208)</t>
  </si>
  <si>
    <t>POINT (4.693314606437084 51.840603682717884)</t>
  </si>
  <si>
    <t>POINT (4.689723093680175 51.82812673190419)</t>
  </si>
  <si>
    <t>POINT (4.679337648899372 51.82854857391754)</t>
  </si>
  <si>
    <t>POINT (4.708937694107488 51.829633449620815)</t>
  </si>
  <si>
    <t>POINT (4.727522824724893 51.83310012469259)</t>
  </si>
  <si>
    <t>POINT (4.685371759418679 51.83973284134817)</t>
  </si>
  <si>
    <t>POINT (4.6822782366775355 51.83742054213465)</t>
  </si>
  <si>
    <t>POINT (4.689283874992841 51.83164934031781)</t>
  </si>
  <si>
    <t>POINT (4.693454582394617 51.83014478114848)</t>
  </si>
  <si>
    <t>POINT (4.690336014799106 51.824712404574576)</t>
  </si>
  <si>
    <t>POINT (4.697333548212787 51.832483886551785)</t>
  </si>
  <si>
    <t>POINT (4.686835972790737 51.83850501008554)</t>
  </si>
  <si>
    <t>POINT (4.691416385887273 51.83940645288655)</t>
  </si>
  <si>
    <t>POINT (4.686962461629659 51.82567263791386)</t>
  </si>
  <si>
    <t>POINT (4.68402583373444 51.83461570023433)</t>
  </si>
  <si>
    <t>POINT (4.680127460224561 51.831492927763506)</t>
  </si>
  <si>
    <t>POINT (4.7073958723996 51.825789505385764)</t>
  </si>
  <si>
    <t>POINT (4.684469615212687 51.828346801612554)</t>
  </si>
  <si>
    <t>POINT (4.691154952717218 51.82567883303383)</t>
  </si>
  <si>
    <t>POINT (4.682383979939037 51.82403565459544)</t>
  </si>
  <si>
    <t>POINT (4.697361141127649 51.83251527521023)</t>
  </si>
  <si>
    <t>POINT (4.686138009080672 51.8352027878955)</t>
  </si>
  <si>
    <t>POINT (4.692594642912478 51.83161253784793)</t>
  </si>
  <si>
    <t>POINT (4.705484315094019 51.83180640902478)</t>
  </si>
  <si>
    <t>POINT (4.684689623541401 51.825990773822824)</t>
  </si>
  <si>
    <t>POINT (4.687658585519392 51.82901695120021)</t>
  </si>
  <si>
    <t>POINT (4.67815173846024 51.831706805305764)</t>
  </si>
  <si>
    <t>POINT (4.684707794014039 51.826045120079705)</t>
  </si>
  <si>
    <t>POINT (4.682950433482375 51.83085601890112)</t>
  </si>
  <si>
    <t>POINT (4.719956631210527 51.835654199760526)</t>
  </si>
  <si>
    <t>POINT (4.676256919337138 51.83036235490815)</t>
  </si>
  <si>
    <t>POINT (4.685530339435029 51.83539270972767)</t>
  </si>
  <si>
    <t>POINT (4.699741222617647 51.8365499404572)</t>
  </si>
  <si>
    <t>POINT (4.678092344884114 51.83132591211196)</t>
  </si>
  <si>
    <t>POINT (4.725467584067292 51.833212330530415)</t>
  </si>
  <si>
    <t>POINT (4.683769216317485 51.82580707050444)</t>
  </si>
  <si>
    <t>POINT (4.694877383755636 51.824057373829284)</t>
  </si>
  <si>
    <t>POINT (4.703861507283862 51.831019924743856)</t>
  </si>
  <si>
    <t>POINT (4.681945965854779 51.83954654352676)</t>
  </si>
  <si>
    <t>POINT (4.677890746430087 51.83298742317383)</t>
  </si>
  <si>
    <t>POINT (4.718321558500937 51.82946827880554)</t>
  </si>
  <si>
    <t>POINT (4.695694016414369 51.83180781374705)</t>
  </si>
  <si>
    <t>POINT (4.7004343957496095 51.8359230679824)</t>
  </si>
  <si>
    <t>POINT (4.699613648945392 51.828925181828815)</t>
  </si>
  <si>
    <t>POINT (4.676423843731933 51.83210895261444)</t>
  </si>
  <si>
    <t>POINT (4.680242334846323 51.822574666310864)</t>
  </si>
  <si>
    <t>POINT (4.735950421493352 51.8327889937064)</t>
  </si>
  <si>
    <t>POINT (4.690347795256395 51.83183846286848)</t>
  </si>
  <si>
    <t>POINT (4.68917251568445 51.83860370656465)</t>
  </si>
  <si>
    <t>POINT (4.703976306101222 51.830729118728364)</t>
  </si>
  <si>
    <t>POINT (4.69584043075325 51.826584381944386)</t>
  </si>
  <si>
    <t>POINT (4.675755392295979 51.83229105819856)</t>
  </si>
  <si>
    <t>POINT (4.686664056410022 51.83339590412733)</t>
  </si>
  <si>
    <t>POINT (4.720882668043 51.83429542887939)</t>
  </si>
  <si>
    <t>POINT (4.6776188719229275 51.8344329701251)</t>
  </si>
  <si>
    <t>POINT (4.7041114523274565 51.829533294080974)</t>
  </si>
  <si>
    <t>POINT (4.688939037674915 51.84380187132254)</t>
  </si>
  <si>
    <t>POINT (4.697265092170248 51.83898134535948)</t>
  </si>
  <si>
    <t>POINT (4.6956569484415 51.838194313621635)</t>
  </si>
  <si>
    <t>POINT (4.679969421602598 51.83148020958029)</t>
  </si>
  <si>
    <t>POINT (4.6961414274211695 51.83878921127494)</t>
  </si>
  <si>
    <t>POINT (4.682482062797004 51.83510387437375)</t>
  </si>
  <si>
    <t>POINT (4.698216287169541 51.824273422429485)</t>
  </si>
  <si>
    <t>POINT (4.685628059678571 51.83439191450951)</t>
  </si>
  <si>
    <t>POINT (4.688521417715379 51.82822407837638)</t>
  </si>
  <si>
    <t>POINT (4.677616505695447 51.822456008476216)</t>
  </si>
  <si>
    <t>POINT (4.702335103552749 51.83620578097746)</t>
  </si>
  <si>
    <t>POINT (4.689755825067392 51.83748283033619)</t>
  </si>
  <si>
    <t>POINT (4.6848128465586925 51.830831133127234)</t>
  </si>
  <si>
    <t>POINT (4.6952791964755605 51.831780821444006)</t>
  </si>
  <si>
    <t>POINT (4.716431779714272 51.834820292635776)</t>
  </si>
  <si>
    <t>POINT (4.703830152534046 51.83505139243987)</t>
  </si>
  <si>
    <t>POINT (4.686701606546499 51.82343226072987)</t>
  </si>
  <si>
    <t>POINT (4.723360019666023 51.83433658260039)</t>
  </si>
  <si>
    <t>POINT (4.684335262246992 51.83610500224239)</t>
  </si>
  <si>
    <t>POINT (4.692134637098562 51.82618091943069)</t>
  </si>
  <si>
    <t>POINT (4.690017650653801 51.83806542863492)</t>
  </si>
  <si>
    <t>POINT (4.730256319412253 51.83347663366295)</t>
  </si>
  <si>
    <t>POINT (4.696646456520711 51.835580151094085)</t>
  </si>
  <si>
    <t>POINT (4.677413287260621 51.83523475486771)</t>
  </si>
  <si>
    <t>POINT (4.718910631458936 51.8350848528184)</t>
  </si>
  <si>
    <t>POINT (4.679322674103915 51.83060179674161)</t>
  </si>
  <si>
    <t>POINT (4.683768089879744 51.82500189642621)</t>
  </si>
  <si>
    <t>POINT (4.6800141630137615 51.83808970258748)</t>
  </si>
  <si>
    <t>POINT (4.6874954529582755 51.84180157688664)</t>
  </si>
  <si>
    <t>POINT (4.7020649460747705 51.82915393883069)</t>
  </si>
  <si>
    <t>POINT (4.680139949320151 51.835152513921535)</t>
  </si>
  <si>
    <t>POINT (4.705352379630853 51.836255982013085)</t>
  </si>
  <si>
    <t>POINT (4.693371847866895 51.83012205426902)</t>
  </si>
  <si>
    <t>POINT (4.67665350999178 51.835628840991106)</t>
  </si>
  <si>
    <t>POINT (4.728961397147356 51.83169141571643)</t>
  </si>
  <si>
    <t>POINT (4.694699227907109 51.83894643646714)</t>
  </si>
  <si>
    <t>POINT (4.722013315294101 51.83237470072843)</t>
  </si>
  <si>
    <t>POINT (4.693339420365475 51.831799339875424)</t>
  </si>
  <si>
    <t>POINT (4.673968019962749 51.8307670173983)</t>
  </si>
  <si>
    <t>POINT (4.72223031658894 51.834998438071)</t>
  </si>
  <si>
    <t>POINT (4.680799077505814 51.8394116860873)</t>
  </si>
  <si>
    <t>POINT (4.69064940592507 51.830038165748846)</t>
  </si>
  <si>
    <t>POINT (4.676990902596641 51.8355261559307)</t>
  </si>
  <si>
    <t>POINT (4.692658069912721 51.82502753907472)</t>
  </si>
  <si>
    <t>POINT (4.678600552657589 51.828347149271714)</t>
  </si>
  <si>
    <t>POINT (4.68087085709001 51.838812216282115)</t>
  </si>
  <si>
    <t>POINT (4.728687659079104 51.82972190555859)</t>
  </si>
  <si>
    <t>POINT (4.676965176328883 51.82272630392122)</t>
  </si>
  <si>
    <t>POINT (4.6808570699463345 51.839458344472604)</t>
  </si>
  <si>
    <t>POINT (4.6819980103622765 51.83527347758263)</t>
  </si>
  <si>
    <t>POINT (4.690041090638795 51.83897362627785)</t>
  </si>
  <si>
    <t>POINT (4.719927351278885 51.83560523417593)</t>
  </si>
  <si>
    <t>POINT (4.696659108301294 51.82663853074986)</t>
  </si>
  <si>
    <t>POINT (4.689156979458302 51.82880938886852)</t>
  </si>
  <si>
    <t>POINT (4.698954083380682 51.82426787243586)</t>
  </si>
  <si>
    <t>POINT (4.725099659868223 51.83432144566517)</t>
  </si>
  <si>
    <t>POINT (4.694738694959472 51.83146488376835)</t>
  </si>
  <si>
    <t>POINT (4.696024949420883 51.83354309461693)</t>
  </si>
  <si>
    <t>POINT (4.724233442570669 51.833726715558164)</t>
  </si>
  <si>
    <t>POINT (4.693479835903096 51.8301016950499)</t>
  </si>
  <si>
    <t>POINT (4.686694634430925 51.82310435810856)</t>
  </si>
  <si>
    <t>POINT (4.683567409468989 51.827103974664894)</t>
  </si>
  <si>
    <t>POINT (4.700892398641013 51.834007501757135)</t>
  </si>
  <si>
    <t>POINT (4.719052339343291 51.83505172741896)</t>
  </si>
  <si>
    <t>POINT (4.714640621999457 51.83396754173778)</t>
  </si>
  <si>
    <t>POINT (4.72534620977227 51.83358546451939)</t>
  </si>
  <si>
    <t>POINT (4.719770259197988 51.83532319541982)</t>
  </si>
  <si>
    <t>POINT (4.719765823460697 51.83153431727136)</t>
  </si>
  <si>
    <t>POINT (4.690058662196649 51.84106562730687)</t>
  </si>
  <si>
    <t>POINT (4.693531723505696 51.84164841925833)</t>
  </si>
  <si>
    <t>POINT (4.685945654274506 51.8355276569011)</t>
  </si>
  <si>
    <t>POINT (4.735799726572136 51.8330617795934)</t>
  </si>
  <si>
    <t>POINT (4.695369115108428 51.833478998543306)</t>
  </si>
  <si>
    <t>POINT (4.686667011564438 51.834435763425844)</t>
  </si>
  <si>
    <t>POINT (4.7023206036629706 51.83717492160131)</t>
  </si>
  <si>
    <t>POINT (4.687164895372008 51.83824133077779)</t>
  </si>
  <si>
    <t>POINT (4.708781870459985 51.828159115594964)</t>
  </si>
  <si>
    <t>POINT (4.6796105234199965 51.83268591408048)</t>
  </si>
  <si>
    <t>POINT (4.733510060470453 51.83095832994835)</t>
  </si>
  <si>
    <t>POINT (4.69235039096539 51.828171598866874)</t>
  </si>
  <si>
    <t>POINT (4.726836653944995 51.83186533087295)</t>
  </si>
  <si>
    <t>POINT (4.707165447807456 51.83596400442625)</t>
  </si>
  <si>
    <t>POINT (4.7060301762796115 51.837156998974905)</t>
  </si>
  <si>
    <t>POINT (4.68736140998446 51.834663497514676)</t>
  </si>
  <si>
    <t>POINT (4.6791155547294006 51.82912509673071)</t>
  </si>
  <si>
    <t>POINT (4.699518250164471 51.83458434106875)</t>
  </si>
  <si>
    <t>POINT (4.695505402521539 51.833636284748295)</t>
  </si>
  <si>
    <t>POINT (4.692144335467733 51.82414776367324)</t>
  </si>
  <si>
    <t>POINT (4.692711236028613 51.839744856253205)</t>
  </si>
  <si>
    <t>POINT (4.6985883387644165 51.832928101346994)</t>
  </si>
  <si>
    <t>POINT (4.7287154018148945 51.829869510334305)</t>
  </si>
  <si>
    <t>POINT (4.679944350088131 51.835867101258536)</t>
  </si>
  <si>
    <t>POINT (4.6917102326894105 51.843350605485284)</t>
  </si>
  <si>
    <t>POINT (4.6917525765161345 51.84205075061002)</t>
  </si>
  <si>
    <t>POINT (4.704479169723385 51.83956621564916)</t>
  </si>
  <si>
    <t>POINT (4.711697625579475 51.828948107935794)</t>
  </si>
  <si>
    <t>POINT (4.722086635743726 51.83248701539864)</t>
  </si>
  <si>
    <t>POINT (4.7194129732955465 51.8349618618574)</t>
  </si>
  <si>
    <t>POINT (4.697244091554676 51.83618090543159)</t>
  </si>
  <si>
    <t>POINT (4.674765004938648 51.83135868129719)</t>
  </si>
  <si>
    <t>POINT (4.691269679632107 51.82558781116705)</t>
  </si>
  <si>
    <t>POINT (4.718518501561072 51.833092963527434)</t>
  </si>
  <si>
    <t>POINT (4.715577003823778 51.83376087920176)</t>
  </si>
  <si>
    <t>POINT (4.6846168124418615 51.833701058088195)</t>
  </si>
  <si>
    <t>POINT (4.6879584745329295 51.823643941354014)</t>
  </si>
  <si>
    <t>POINT (4.697637069122256 51.83777425514341)</t>
  </si>
  <si>
    <t>POINT (4.683188017132732 51.83421901672006)</t>
  </si>
  <si>
    <t>POINT (4.677746228071441 51.83373562770266)</t>
  </si>
  <si>
    <t>POINT (4.678276265106973 51.823458608194606)</t>
  </si>
  <si>
    <t>POINT (4.681354924238654 51.83923709922445)</t>
  </si>
  <si>
    <t>POINT (4.683213111712646 51.8274645871896)</t>
  </si>
  <si>
    <t>POINT (4.728055301223147 51.83393002249567)</t>
  </si>
  <si>
    <t>POINT (4.6851366409435755 51.83708774321284)</t>
  </si>
  <si>
    <t>POINT (4.682170411661782 51.83007517600518)</t>
  </si>
  <si>
    <t>POINT (4.678326784901452 51.83364852034381)</t>
  </si>
  <si>
    <t>POINT (4.706857455302849 51.82934458857634)</t>
  </si>
  <si>
    <t>POINT (4.706576493455518 51.826124931748204)</t>
  </si>
  <si>
    <t>POINT (4.702243979493893 51.8317509178675)</t>
  </si>
  <si>
    <t>POINT (4.678193319436389 51.832639844364095)</t>
  </si>
  <si>
    <t>POINT (4.712395086985512 51.82986626243218)</t>
  </si>
  <si>
    <t>POINT (4.707887406526802 51.837184083658464)</t>
  </si>
  <si>
    <t>POINT (4.700102813884282 51.83733875071107)</t>
  </si>
  <si>
    <t>POINT (4.679382408798851 51.831221106254006)</t>
  </si>
  <si>
    <t>POINT (4.684777806903844 51.83594261960647)</t>
  </si>
  <si>
    <t>POINT (4.701579190354197 51.828143054479355)</t>
  </si>
  <si>
    <t>POINT (4.691985845362582 51.83093169401906)</t>
  </si>
  <si>
    <t>POINT (4.691307319721453 51.83963412660803)</t>
  </si>
  <si>
    <t>POINT (4.686901462885433 51.82936948357752)</t>
  </si>
  <si>
    <t>POINT (4.682006930914028 51.8242650454054)</t>
  </si>
  <si>
    <t>POINT (4.706928309150536 51.838466194473284)</t>
  </si>
  <si>
    <t>POINT (4.674202062358549 51.83226587664852)</t>
  </si>
  <si>
    <t>POINT (4.711730382624852 51.83115672006771)</t>
  </si>
  <si>
    <t>POINT (4.683651174837061 51.82707394233173)</t>
  </si>
  <si>
    <t>POINT (4.67666520876973 51.83220509125843)</t>
  </si>
  <si>
    <t>POINT (4.686733492294667 51.823151133246824)</t>
  </si>
  <si>
    <t>POINT (4.7213987201003285 51.83418427337158)</t>
  </si>
  <si>
    <t>POINT (4.704397313305867 51.83502545260767)</t>
  </si>
  <si>
    <t>POINT (4.680631712098063 51.830589045521094)</t>
  </si>
  <si>
    <t>POINT (4.701257274948022 51.83768832782116)</t>
  </si>
  <si>
    <t>POINT (4.682340910732295 51.82722363455484)</t>
  </si>
  <si>
    <t>POINT (4.712646683915122 51.829962520483996)</t>
  </si>
  <si>
    <t>POINT (4.690801816537713 51.83185025371099)</t>
  </si>
  <si>
    <t>POINT (4.678178746473887 51.834655774792715)</t>
  </si>
  <si>
    <t>POINT (4.684748629882145 51.8348676645272)</t>
  </si>
  <si>
    <t>POINT (4.690285175672181 51.82776843041077)</t>
  </si>
  <si>
    <t>POINT (4.68739726862196 51.83602690091212)</t>
  </si>
  <si>
    <t>POINT (4.688752779011162 51.84332726059629)</t>
  </si>
  <si>
    <t>POINT (4.704356781457167 51.83511406040295)</t>
  </si>
  <si>
    <t>POINT (4.6838475797600045 51.8251916557856)</t>
  </si>
  <si>
    <t>POINT (4.693864327134911 51.82627541776258)</t>
  </si>
  <si>
    <t>POINT (4.680206443144553 51.82668262452608)</t>
  </si>
  <si>
    <t>POINT (4.69659383799212 51.836703321188004)</t>
  </si>
  <si>
    <t>POINT (4.698019154313095 51.83922585150628)</t>
  </si>
  <si>
    <t>POINT (4.679729704862119 51.82364607241181)</t>
  </si>
  <si>
    <t>POINT (4.683944923276896 51.83054469991847)</t>
  </si>
  <si>
    <t>POINT (4.702457486703089 51.83167787246962)</t>
  </si>
  <si>
    <t>POINT (4.690280650024882 51.831753229488676)</t>
  </si>
  <si>
    <t>POINT (4.724798372276871 51.829790313565255)</t>
  </si>
  <si>
    <t>POINT (4.688702105013123 51.82408691627139)</t>
  </si>
  <si>
    <t>POINT (4.688228621791384 51.82413135090676)</t>
  </si>
  <si>
    <t>POINT (4.681538064110725 51.82998035727067)</t>
  </si>
  <si>
    <t>POINT (4.681022275013951 51.839591462288276)</t>
  </si>
  <si>
    <t>POINT (4.697587107806613 51.83237967906768)</t>
  </si>
  <si>
    <t>POINT (4.702024343565573 51.834829768803125)</t>
  </si>
  <si>
    <t>POINT (4.691072886417488 51.82347124748299)</t>
  </si>
  <si>
    <t>POINT (4.684139238684066 51.83751373219965)</t>
  </si>
  <si>
    <t>POINT (4.6834385293212755 51.83668318132849)</t>
  </si>
  <si>
    <t>POINT (4.683318002958023 51.82552196911301)</t>
  </si>
  <si>
    <t>POINT (4.680907232358611 51.83076271935517)</t>
  </si>
  <si>
    <t>POINT (4.679605626185869 51.84159044572489)</t>
  </si>
  <si>
    <t>POINT (4.675440699834814 51.831079260228414)</t>
  </si>
  <si>
    <t>POINT (4.689662840204285 51.8320447109082)</t>
  </si>
  <si>
    <t>POINT (4.674906337922621 51.830768741890566)</t>
  </si>
  <si>
    <t>POINT (4.68567149879494 51.835338704691544)</t>
  </si>
  <si>
    <t>POINT (4.689243723296937 51.82456867580722)</t>
  </si>
  <si>
    <t>POINT (4.695561014668919 51.8368734719376)</t>
  </si>
  <si>
    <t>POINT (4.698041113322729 51.83964574911412)</t>
  </si>
  <si>
    <t>POINT (4.701896543623185 51.83658336855492)</t>
  </si>
  <si>
    <t>POINT (4.691473106326823 51.8379717543446)</t>
  </si>
  <si>
    <t>POINT (4.696744140423509 51.828226667008884)</t>
  </si>
  <si>
    <t>POINT (4.69870561053235 51.836384242484364)</t>
  </si>
  <si>
    <t>POINT (4.702317004595277 51.83846351837478)</t>
  </si>
  <si>
    <t>POINT (4.68876656620167 51.833346131931876)</t>
  </si>
  <si>
    <t>POINT (4.702126773461432 51.836038069165795)</t>
  </si>
  <si>
    <t>POINT (4.6805402915615595 51.82419503873833)</t>
  </si>
  <si>
    <t>POINT (4.675959479965245 51.82978174683175)</t>
  </si>
  <si>
    <t>POINT (4.706274749344607 51.83428378500137)</t>
  </si>
  <si>
    <t>POINT (4.690004694777266 51.8234854912626)</t>
  </si>
  <si>
    <t>POINT (4.690744084381982 51.83886779589874)</t>
  </si>
  <si>
    <t>POINT (4.697899334880411 51.830500210149)</t>
  </si>
  <si>
    <t>POINT (4.693720715943841 51.83004056643093)</t>
  </si>
  <si>
    <t>POINT (4.714093812022763 51.83189826614005)</t>
  </si>
  <si>
    <t>POINT (4.695185535014048 51.82706472279673)</t>
  </si>
  <si>
    <t>POINT (4.726424669667332 51.83247973898538)</t>
  </si>
  <si>
    <t>POINT (4.707979180102218 51.83428423891214)</t>
  </si>
  <si>
    <t>POINT (4.689801806250555 51.83031193374291)</t>
  </si>
  <si>
    <t>POINT (4.67671369009434 51.83567052602673)</t>
  </si>
  <si>
    <t>POINT (4.678264630542246 51.822288430446754)</t>
  </si>
  <si>
    <t>POINT (4.6854864678108905 51.82582457621108)</t>
  </si>
  <si>
    <t>POINT (4.699738080112901 51.82910846977522)</t>
  </si>
  <si>
    <t>POINT (4.6912208365185055 51.82572879607744)</t>
  </si>
  <si>
    <t>POINT (4.709754713545312 51.837079594761775)</t>
  </si>
  <si>
    <t>POINT (4.675593794720572 51.8308527395841)</t>
  </si>
  <si>
    <t>POINT (4.681690857415645 51.838523524062765)</t>
  </si>
  <si>
    <t>POINT (4.678104915257065 51.82481285574293)</t>
  </si>
  <si>
    <t>POINT (4.687211390267086 51.82296290361807)</t>
  </si>
  <si>
    <t>POINT (4.70099333591106 51.8333406323264)</t>
  </si>
  <si>
    <t>POINT (4.684321676331591 51.828304765823155)</t>
  </si>
  <si>
    <t>POINT (4.703728938222221 51.83376199631111)</t>
  </si>
  <si>
    <t>POINT (4.67680979717012 51.82283214885075)</t>
  </si>
  <si>
    <t>POINT (4.679038649057056 51.82320034623625)</t>
  </si>
  <si>
    <t>POINT (4.682669730605272 51.83727650327471)</t>
  </si>
  <si>
    <t>POINT (4.715063417384606 51.832988298490655)</t>
  </si>
  <si>
    <t>POINT (4.683231940491165 51.82544941793494)</t>
  </si>
  <si>
    <t>POINT (4.699805401174202 51.83445848319875)</t>
  </si>
  <si>
    <t>POINT (4.689145663962397 51.8267480728924)</t>
  </si>
  <si>
    <t>POINT (4.701513484590214 51.838016713753305)</t>
  </si>
  <si>
    <t>POINT (4.689257382184019 51.83087667217618)</t>
  </si>
  <si>
    <t>POINT (4.688791853855866 51.82807439092194)</t>
  </si>
  <si>
    <t>POINT (4.68667608399031 51.82903501064448)</t>
  </si>
  <si>
    <t>POINT (4.708838151076858 51.83777429069711)</t>
  </si>
  <si>
    <t>POINT (4.723794609713727 51.83394781013352)</t>
  </si>
  <si>
    <t>POINT (4.732239703025313 51.83303375574456)</t>
  </si>
  <si>
    <t>POINT (4.729912438918666 51.83283109769742)</t>
  </si>
  <si>
    <t>POINT (4.734724365915026 51.83067407961356)</t>
  </si>
  <si>
    <t>POINT (4.679259116948695 51.8357885809931)</t>
  </si>
  <si>
    <t>POINT (4.692689668378464 51.83862886242921)</t>
  </si>
  <si>
    <t>POINT (4.697154800464059 51.8347342901006)</t>
  </si>
  <si>
    <t>POINT (4.691191515567196 51.83765395511262)</t>
  </si>
  <si>
    <t>POINT (4.689745680694235 51.825646521811926)</t>
  </si>
  <si>
    <t>POINT (4.706803689031976 51.82635844323627)</t>
  </si>
  <si>
    <t>POINT (4.699579370169427 51.82891842831746)</t>
  </si>
  <si>
    <t>POINT (4.6802327848383465 51.8222615338884)</t>
  </si>
  <si>
    <t>POINT (4.693609419613218 51.833097842631325)</t>
  </si>
  <si>
    <t>POINT (4.701696284426426 51.828232087631164)</t>
  </si>
  <si>
    <t>POINT (4.701654215605005 51.828219617403576)</t>
  </si>
  <si>
    <t>POINT (4.711225623373495 51.82932331746335)</t>
  </si>
  <si>
    <t>POINT (4.680343844471314 51.82637300198929)</t>
  </si>
  <si>
    <t>POINT (4.676411379060702 51.82792519926801)</t>
  </si>
  <si>
    <t>POINT (4.6860797508299585 51.8328953619765)</t>
  </si>
  <si>
    <t>POINT (4.69332548940279 51.83139819359888)</t>
  </si>
  <si>
    <t>POINT (4.694625595147953 51.82511848971422)</t>
  </si>
  <si>
    <t>POINT (4.675248714810632 51.83133287929667)</t>
  </si>
  <si>
    <t>POINT (4.689984368510763 51.83023885295883)</t>
  </si>
  <si>
    <t>POINT (4.708451880127559 51.82790504996713)</t>
  </si>
  <si>
    <t>POINT (4.687465241469686 51.83857944000734)</t>
  </si>
  <si>
    <t>POINT (4.681401847326388 51.84614557749949)</t>
  </si>
  <si>
    <t>POINT (4.70399190751921 51.83259559003909)</t>
  </si>
  <si>
    <t>POINT (4.684521092676507 51.826781476199955)</t>
  </si>
  <si>
    <t>POINT (4.691436817012295 51.82582091575526)</t>
  </si>
  <si>
    <t>POINT (4.699686505349485 51.84022025008319)</t>
  </si>
  <si>
    <t>POINT (4.6831883996659585 51.82747433547762)</t>
  </si>
  <si>
    <t>POINT (4.683872074562555 51.83665915517968)</t>
  </si>
  <si>
    <t>POINT (4.677093087223245 51.823006813908655)</t>
  </si>
  <si>
    <t>POINT (4.700418812285188 51.83061734025831)</t>
  </si>
  <si>
    <t>POINT (4.696592955114814 51.83541771746261)</t>
  </si>
  <si>
    <t>POINT (4.735928983554285 51.83270932565917)</t>
  </si>
  <si>
    <t>POINT (4.727206099236131 51.830042828751)</t>
  </si>
  <si>
    <t>POINT (4.686394921097909 51.82578117737817)</t>
  </si>
  <si>
    <t>POINT (4.68899474270494 51.82886583443137)</t>
  </si>
  <si>
    <t>POINT (4.681449370794249 51.836010143439594)</t>
  </si>
  <si>
    <t>POINT (4.696262338267967 51.83508819044516)</t>
  </si>
  <si>
    <t>POINT (4.690755776893435 51.827152472376326)</t>
  </si>
  <si>
    <t>POINT (4.681170146153578 51.822829704294946)</t>
  </si>
  <si>
    <t>POINT (4.691072726340389 51.824772946223256)</t>
  </si>
  <si>
    <t>POINT (4.690175566937948 51.839014316299945)</t>
  </si>
  <si>
    <t>POINT (4.690040271031217 51.823310477893486)</t>
  </si>
  <si>
    <t>POINT (4.684155950649144 51.834915999007656)</t>
  </si>
  <si>
    <t>POINT (4.727883178205787 51.832637510068814)</t>
  </si>
  <si>
    <t>POINT (4.728489845369656 51.83193256863161)</t>
  </si>
  <si>
    <t>POINT (4.697901775512607 51.83804255607932)</t>
  </si>
  <si>
    <t>POINT (4.6875732348641925 51.82893878963309)</t>
  </si>
  <si>
    <t>POINT (4.683521640168204 51.82717930381223)</t>
  </si>
  <si>
    <t>POINT (4.696702837738802 51.82673273724905)</t>
  </si>
  <si>
    <t>POINT (4.682635642655587 51.82396104064071)</t>
  </si>
  <si>
    <t>POINT (4.712640156161021 51.83002063036641)</t>
  </si>
  <si>
    <t>POINT (4.676394246408459 51.832757385303424)</t>
  </si>
  <si>
    <t>POINT (4.706514672956926 51.83863488629469)</t>
  </si>
  <si>
    <t>POINT (4.6926765598827656 51.83278033168622)</t>
  </si>
  <si>
    <t>POINT (4.687183695122466 51.82703326556839)</t>
  </si>
  <si>
    <t>POINT (4.692196546895057 51.84298967967475)</t>
  </si>
  <si>
    <t>POINT (4.67730406520197 51.823205768725494)</t>
  </si>
  <si>
    <t>POINT (4.68839560949013 51.8380433265781)</t>
  </si>
  <si>
    <t>POINT (4.697458079081849 51.83517516690499)</t>
  </si>
  <si>
    <t>POINT (4.6799229776101665 51.83648175064511)</t>
  </si>
  <si>
    <t>POINT (4.691064702208087 51.831881259750425)</t>
  </si>
  <si>
    <t>POINT (4.685096997786707 51.837155873698464)</t>
  </si>
  <si>
    <t>POINT (4.693168263113051 51.8357379202353)</t>
  </si>
  <si>
    <t>POINT (4.721848359431419 51.834369111659555)</t>
  </si>
  <si>
    <t>POINT (4.6864339528806465 51.83436128581001)</t>
  </si>
  <si>
    <t>POINT (4.6975868199286115 51.83530209661657)</t>
  </si>
  <si>
    <t>POINT (4.697263521119994 51.83944113121517)</t>
  </si>
  <si>
    <t>POINT (4.692237436402406 51.83202115937442)</t>
  </si>
  <si>
    <t>POINT (4.680399760061598 51.83700441727488)</t>
  </si>
  <si>
    <t>POINT (4.676752210559041 51.83170476133073)</t>
  </si>
  <si>
    <t>POINT (4.683760266582878 51.8258609397784)</t>
  </si>
  <si>
    <t>POINT (4.679800917160913 51.8268378511942)</t>
  </si>
  <si>
    <t>POINT (4.680293805810265 51.82712435865502)</t>
  </si>
  <si>
    <t>POINT (4.675367153327484 51.830312810371865)</t>
  </si>
  <si>
    <t>POINT (4.676822044733555 51.83565861562977)</t>
  </si>
  <si>
    <t>POINT (4.692085520130367 51.83793483430997)</t>
  </si>
  <si>
    <t>POINT (4.703760205057905 51.835624297600496)</t>
  </si>
  <si>
    <t>POINT (4.680217634609771 51.83201027310702)</t>
  </si>
  <si>
    <t>POINT (4.697950990480984 51.82520985631681)</t>
  </si>
  <si>
    <t>POINT (4.682842934382273 51.8358917731273)</t>
  </si>
  <si>
    <t>POINT (4.686807211104983 51.82344776716453)</t>
  </si>
  <si>
    <t>POINT (4.692441258295922 51.84008128521624)</t>
  </si>
  <si>
    <t>POINT (4.702794766616431 51.82902156913851)</t>
  </si>
  <si>
    <t>POINT (4.689632975982049 51.83771860034272)</t>
  </si>
  <si>
    <t>POINT (4.677146730551939 51.8301706915182)</t>
  </si>
  <si>
    <t>POINT (4.681125711880446 51.83813756103765)</t>
  </si>
  <si>
    <t>POINT (4.675667350039594 51.8320829047452)</t>
  </si>
  <si>
    <t>POINT (4.705888569405414 51.838690678256754)</t>
  </si>
  <si>
    <t>POINT (4.7361412518802695 51.83276470435909)</t>
  </si>
  <si>
    <t>POINT (4.704639500382889 51.83734977245406)</t>
  </si>
  <si>
    <t>POINT (4.691305843566166 51.830339484233114)</t>
  </si>
  <si>
    <t>POINT (4.714546861543029 51.83537709353807)</t>
  </si>
  <si>
    <t>POINT (4.699315641848556 51.83933633886852)</t>
  </si>
  <si>
    <t>POINT (4.682051026081104 51.82593492545426)</t>
  </si>
  <si>
    <t>POINT (4.699023100022637 51.83651012010267)</t>
  </si>
  <si>
    <t>POINT (4.684197622601934 51.826474958962216)</t>
  </si>
  <si>
    <t>POINT (4.696739236354894 51.83590723570682)</t>
  </si>
  <si>
    <t>POINT (4.709509439624711 51.82969823403226)</t>
  </si>
  <si>
    <t>POINT (4.714661365521478 51.83391920295018)</t>
  </si>
  <si>
    <t>POINT (4.689667256114525 51.82684932066552)</t>
  </si>
  <si>
    <t>POINT (4.688883996680658 51.82703926761153)</t>
  </si>
  <si>
    <t>POINT (4.699006341331445 51.83404321902958)</t>
  </si>
  <si>
    <t>POINT (4.678375050838401 51.82273615723684)</t>
  </si>
  <si>
    <t>POINT (4.700511454789901 51.83785559651525)</t>
  </si>
  <si>
    <t>POINT (4.67886595679872 51.82717965115688)</t>
  </si>
  <si>
    <t>POINT (4.689524285564576 51.825218524058585)</t>
  </si>
  <si>
    <t>POINT (4.687433371753739 51.83500932385643)</t>
  </si>
  <si>
    <t>POINT (4.704817627549518 51.838538312440534)</t>
  </si>
  <si>
    <t>POINT (4.6809130726709895 51.832361618872014)</t>
  </si>
  <si>
    <t>POINT (4.730792353942947 51.828391146059126)</t>
  </si>
  <si>
    <t>POINT (4.706758170761586 51.8263563636731)</t>
  </si>
  <si>
    <t>POINT (4.675853806707765 51.83135885747439)</t>
  </si>
  <si>
    <t>POINT (4.699258730496242 51.83864940945213)</t>
  </si>
  <si>
    <t>POINT (4.711199664266931 51.8289223562451)</t>
  </si>
  <si>
    <t>POINT (4.694027562308406 51.82971997437407)</t>
  </si>
  <si>
    <t>POINT (4.691684202423685 51.84143774376226)</t>
  </si>
  <si>
    <t>POINT (4.714189895397657 51.83209276445882)</t>
  </si>
  <si>
    <t>POINT (4.689867458002658 51.824726879977)</t>
  </si>
  <si>
    <t>POINT (4.681858586625956 51.827249267186986)</t>
  </si>
  <si>
    <t>POINT (4.718631132365099 51.833277637911074)</t>
  </si>
  <si>
    <t>POINT (4.694997317534138 51.826489256918045)</t>
  </si>
  <si>
    <t>POINT (4.707229294562372 51.83559926550346)</t>
  </si>
  <si>
    <t>POINT (4.6890535319952935 51.82537070720809)</t>
  </si>
  <si>
    <t>POINT (4.703770991553573 51.83110326169088)</t>
  </si>
  <si>
    <t>POINT (4.679489889855123 51.835705326384044)</t>
  </si>
  <si>
    <t>POINT (4.728256207883501 51.83197226341556)</t>
  </si>
  <si>
    <t>POINT (4.67987519369559 51.82857800725405)</t>
  </si>
  <si>
    <t>POINT (4.691538814560703 51.8275948625962)</t>
  </si>
  <si>
    <t>POINT (4.720596012001511 51.83382704089913)</t>
  </si>
  <si>
    <t>POINT (4.6863829052872035 51.84151976321926)</t>
  </si>
  <si>
    <t>POINT (4.70624553703828 51.82768008565864)</t>
  </si>
  <si>
    <t>POINT (4.678478526287409 51.83224675827688)</t>
  </si>
  <si>
    <t>POINT (4.689783759573979 51.84280844448088)</t>
  </si>
  <si>
    <t>POINT (4.683256917387009 51.83710539440502)</t>
  </si>
  <si>
    <t>POINT (4.699460883483749 51.83581328060233)</t>
  </si>
  <si>
    <t>POINT (4.706871346715517 51.829253731147745)</t>
  </si>
  <si>
    <t>POINT (4.691902814137971 51.82741917004606)</t>
  </si>
  <si>
    <t>POINT (4.727804227321892 51.82960450782593)</t>
  </si>
  <si>
    <t>POINT (4.68449927593515 51.826296704640484)</t>
  </si>
  <si>
    <t>POINT (4.694152585886154 51.82996905963944)</t>
  </si>
  <si>
    <t>POINT (4.688333486741952 51.82310860874219)</t>
  </si>
  <si>
    <t>POINT (4.704249802487451 51.830537823276096)</t>
  </si>
  <si>
    <t>POINT (4.700963395548358 51.833305042114404)</t>
  </si>
  <si>
    <t>POINT (4.6953901623786365 51.83610435996681)</t>
  </si>
  <si>
    <t>POINT (4.677528843743866 51.822512709254504)</t>
  </si>
  <si>
    <t>POINT (4.708338599715095 51.827361715467134)</t>
  </si>
  <si>
    <t>POINT (4.68925424125407 51.826941237334964)</t>
  </si>
  <si>
    <t>POINT (4.699791419087356 51.8318296049652)</t>
  </si>
  <si>
    <t>POINT (4.684189706745511 51.82522388931415)</t>
  </si>
  <si>
    <t>POINT (4.69685458569443 51.834599502309736)</t>
  </si>
  <si>
    <t>POINT (4.709097079289325 51.83596972170165)</t>
  </si>
  <si>
    <t>POINT (4.6784344411803085 51.82356500041083)</t>
  </si>
  <si>
    <t>POINT (4.683495114507977 51.82715006651186)</t>
  </si>
  <si>
    <t>POINT (4.7003909804470885 51.83522369667805)</t>
  </si>
  <si>
    <t>POINT (4.703564575024443 51.831224682609744)</t>
  </si>
  <si>
    <t>POINT (4.677802944796702 51.82245564336519)</t>
  </si>
  <si>
    <t>POINT (4.706046280033698 51.838879815039896)</t>
  </si>
  <si>
    <t>POINT (4.713317502449543 51.831377245260825)</t>
  </si>
  <si>
    <t>POINT (4.68375042118415 51.83030760054538)</t>
  </si>
  <si>
    <t>POINT (4.698984291400368 51.83412183913563)</t>
  </si>
  <si>
    <t>POINT (4.682693671360835 51.845469615784296)</t>
  </si>
  <si>
    <t>POINT (4.688896188381738 51.84442690122876)</t>
  </si>
  <si>
    <t>POINT (4.6835038678755705 51.82319382733202)</t>
  </si>
  <si>
    <t>POINT (4.675880591243063 51.838090509402576)</t>
  </si>
  <si>
    <t>POINT (4.702092151568867 51.834808286235706)</t>
  </si>
  <si>
    <t>POINT (4.685258588598669 51.82747044624919)</t>
  </si>
  <si>
    <t>POINT (4.70192128188376 51.83652425995732)</t>
  </si>
  <si>
    <t>POINT (4.6996124567115425 51.83847285077272)</t>
  </si>
  <si>
    <t>POINT (4.696625304683963 51.829094467935086)</t>
  </si>
  <si>
    <t>POINT (4.683402013634808 51.82521967221017)</t>
  </si>
  <si>
    <t>POINT (4.683540443676703 51.83637761224929)</t>
  </si>
  <si>
    <t>POINT (4.686614615515474 51.82364891628784)</t>
  </si>
  <si>
    <t>POINT (4.6904171833223565 51.82331381266242)</t>
  </si>
  <si>
    <t>POINT (4.686803264073836 51.82316317194388)</t>
  </si>
  <si>
    <t>POINT (4.6828826665701255 51.822649775360716)</t>
  </si>
  <si>
    <t>POINT (4.681860247403729 51.82982825521506)</t>
  </si>
  <si>
    <t>POINT (4.678020969265252 51.833127848582684)</t>
  </si>
  <si>
    <t>POINT (4.690551047514578 51.828073914635105)</t>
  </si>
  <si>
    <t>POINT (4.676672040385286 51.832588867003594)</t>
  </si>
  <si>
    <t>POINT (4.697224973247601 51.82621684861086)</t>
  </si>
  <si>
    <t>POINT (4.700711364535181 51.83494034355466)</t>
  </si>
  <si>
    <t>POINT (4.734426098847222 51.83144456939285)</t>
  </si>
  <si>
    <t>POINT (4.697640218774736 51.83252970570138)</t>
  </si>
  <si>
    <t>POINT (4.698346528053144 51.83320612116078)</t>
  </si>
  <si>
    <t>POINT (4.683384707526115 51.83032104860944)</t>
  </si>
  <si>
    <t>POINT (4.676761822908203 51.835590126258275)</t>
  </si>
  <si>
    <t>POINT (4.711309845177214 51.82931024759243)</t>
  </si>
  <si>
    <t>POINT (4.694058971122943 51.83658978577343)</t>
  </si>
  <si>
    <t>POINT (4.690156463628187 51.83016995237591)</t>
  </si>
  <si>
    <t>POINT (4.702402337403027 51.837204494562805)</t>
  </si>
  <si>
    <t>POINT (4.686737438242385 51.82353003737903)</t>
  </si>
  <si>
    <t>POINT (4.699768962363151 51.83441614911826)</t>
  </si>
  <si>
    <t>POINT (4.712878013266103 51.83052715749364)</t>
  </si>
  <si>
    <t>POINT (4.723883798431578 51.834332900715445)</t>
  </si>
  <si>
    <t>POINT (4.696508621965897 51.83484831300144)</t>
  </si>
  <si>
    <t>POINT (4.734505114293218 51.83093335947201)</t>
  </si>
  <si>
    <t>POINT (4.678467740714856 51.83350620028484)</t>
  </si>
  <si>
    <t>POINT (4.689355059403353 51.82708187983718)</t>
  </si>
  <si>
    <t>POINT (4.698434177475744 51.84063739744876)</t>
  </si>
  <si>
    <t>POINT (4.6762090415873425 51.830880188736636)</t>
  </si>
  <si>
    <t>POINT (4.7214075886289315 51.83580412501455)</t>
  </si>
  <si>
    <t>POINT (4.6923172262547235 51.83908281348428)</t>
  </si>
  <si>
    <t>POINT (4.681071169692016 51.82875555184611)</t>
  </si>
  <si>
    <t>POINT (4.697186972047837 51.828895913146475)</t>
  </si>
  <si>
    <t>POINT (4.708755247223759 51.83705027292146)</t>
  </si>
  <si>
    <t>POINT (4.685525181798992 51.83471676925695)</t>
  </si>
  <si>
    <t>POINT (4.689829547676635 51.82383390238503)</t>
  </si>
  <si>
    <t>POINT (4.704968368378392 51.838929618141094)</t>
  </si>
  <si>
    <t>POINT (4.730548254716735 51.828751985803365)</t>
  </si>
  <si>
    <t>POINT (4.706411698859593 51.827584871151146)</t>
  </si>
  <si>
    <t>POINT (4.703420712810906 51.83952902701151)</t>
  </si>
  <si>
    <t>POINT (4.691255603302892 51.834152327823034)</t>
  </si>
  <si>
    <t>POINT (4.6801317015338855 51.82375652943338)</t>
  </si>
  <si>
    <t>POINT (4.701608543406976 51.83344629275467)</t>
  </si>
  <si>
    <t>POINT (4.680486059974359 51.82736031787667)</t>
  </si>
  <si>
    <t>POINT (4.708450711740728 51.82896506297951)</t>
  </si>
  <si>
    <t>POINT (4.680466160807187 51.82651828503468)</t>
  </si>
  <si>
    <t>POINT (4.7028194649849855 51.83591110019346)</t>
  </si>
  <si>
    <t>POINT (4.694098289224386 51.829605616100245)</t>
  </si>
  <si>
    <t>POINT (4.684237489909169 51.82657979863353)</t>
  </si>
  <si>
    <t>POINT (4.693785885085467 51.83322799786285)</t>
  </si>
  <si>
    <t>POINT (4.679904262221799 51.83273193539755)</t>
  </si>
  <si>
    <t>POINT (4.677010003174308 51.83710436276478)</t>
  </si>
  <si>
    <t>POINT (4.706959156957565 51.82584494297179)</t>
  </si>
  <si>
    <t>POINT (4.6904553132192035 51.83126807088596)</t>
  </si>
  <si>
    <t>POINT (4.694702344883529 51.8262353766904)</t>
  </si>
  <si>
    <t>POINT (4.708234707542973 51.836240813742904)</t>
  </si>
  <si>
    <t>POINT (4.735165403259953 51.832922566154316)</t>
  </si>
  <si>
    <t>POINT (4.68683673587089 51.82630376271658)</t>
  </si>
  <si>
    <t>POINT (4.695265718004765 51.825865373904705)</t>
  </si>
  <si>
    <t>POINT (4.688883845711007 51.84290905336559)</t>
  </si>
  <si>
    <t>POINT (4.682307426399623 51.8272349659142)</t>
  </si>
  <si>
    <t>POINT (4.68113448234385 51.83968237409566)</t>
  </si>
  <si>
    <t>POINT (4.691124661660849 51.83361605355234)</t>
  </si>
  <si>
    <t>POINT (4.6928873466797265 51.83322883506788)</t>
  </si>
  <si>
    <t>POINT (4.702704640735234 51.83456813255676)</t>
  </si>
  <si>
    <t>POINT (4.7137822145539845 51.83409082530469)</t>
  </si>
  <si>
    <t>POINT (4.681769719167985 51.82457095999073)</t>
  </si>
  <si>
    <t>POINT (4.684752972177782 51.82614991046505)</t>
  </si>
  <si>
    <t>POINT (4.719762217389773 51.835706415046545)</t>
  </si>
  <si>
    <t>POINT (4.691870377909654 51.84229622658081)</t>
  </si>
  <si>
    <t>POINT (4.675027739542725 51.83101377206585)</t>
  </si>
  <si>
    <t>POINT (4.693789733933136 51.83076235717587)</t>
  </si>
  <si>
    <t>POINT (4.708440528626571 51.83725176727428)</t>
  </si>
  <si>
    <t>POINT (4.693218988770843 51.83599029728049)</t>
  </si>
  <si>
    <t>POINT (4.679234255213488 51.831971780582855)</t>
  </si>
  <si>
    <t>POINT (4.678950180789833 51.82991839904081)</t>
  </si>
  <si>
    <t>POINT (4.735982151019144 51.83303394729117)</t>
  </si>
  <si>
    <t>POINT (4.7073042674863945 51.83902865977263)</t>
  </si>
  <si>
    <t>POINT (4.67718446722645 51.832960340258914)</t>
  </si>
  <si>
    <t>POINT (4.691692351783094 51.84345414738738)</t>
  </si>
  <si>
    <t>POINT (4.692756523602762 51.830376452465416)</t>
  </si>
  <si>
    <t>POINT (4.699449933085259 51.83375037146194)</t>
  </si>
  <si>
    <t>POINT (4.708861071910625 51.82842839617514)</t>
  </si>
  <si>
    <t>POINT (4.684295696827058 51.825911526570835)</t>
  </si>
  <si>
    <t>POINT (4.677690770682832 51.836582976061095)</t>
  </si>
  <si>
    <t>POINT (4.701617842472724 51.83090228662511)</t>
  </si>
  <si>
    <t>POINT (4.678581857106954 51.830618243570484)</t>
  </si>
  <si>
    <t>POINT (4.69676723977907 51.8328593560508)</t>
  </si>
  <si>
    <t>POINT (4.682630761140815 51.82318858941293)</t>
  </si>
  <si>
    <t>POINT (4.725583327329408 51.832619824643636)</t>
  </si>
  <si>
    <t>POINT (4.680419509580249 51.82233909799405)</t>
  </si>
  <si>
    <t>POINT (4.688968657223792 51.832852617498055)</t>
  </si>
  <si>
    <t>POINT (4.70133790439471 51.828582051932564)</t>
  </si>
  <si>
    <t>POINT (4.684531174951617 51.837372629086964)</t>
  </si>
  <si>
    <t>POINT (4.69771503853116 51.8286270379806)</t>
  </si>
  <si>
    <t>POINT (4.703646751763429 51.837998314016296)</t>
  </si>
  <si>
    <t>POINT (4.697652681209188 51.83017850549346)</t>
  </si>
  <si>
    <t>POINT (4.6931747794281 51.83023123379876)</t>
  </si>
  <si>
    <t>POINT (4.706621130152173 51.82599133187784)</t>
  </si>
  <si>
    <t>POINT (4.682972199285464 51.827317013600165)</t>
  </si>
  <si>
    <t>POINT (4.702639543895744 51.83404737450064)</t>
  </si>
  <si>
    <t>POINT (4.688601775453736 51.83243861126174)</t>
  </si>
  <si>
    <t>POINT (4.675229865302601 51.83090890512844)</t>
  </si>
  <si>
    <t>POINT (4.690454618145457 51.82623218960623)</t>
  </si>
  <si>
    <t>POINT (4.688332518304834 51.827652858116494)</t>
  </si>
  <si>
    <t>POINT (4.673582042486368 51.8296814129756)</t>
  </si>
  <si>
    <t>POINT (4.6916537217461025 51.82669349738721)</t>
  </si>
  <si>
    <t>POINT (4.700574395328107 51.836732404687815)</t>
  </si>
  <si>
    <t>POINT (4.69337142573374 51.842603268414315)</t>
  </si>
  <si>
    <t>POINT (4.687774217712034 51.823003301126185)</t>
  </si>
  <si>
    <t>POINT (4.687570632963541 51.825626566306504)</t>
  </si>
  <si>
    <t>POINT (4.707714409447722 51.835179896857085)</t>
  </si>
  <si>
    <t>POINT (4.701411584139046 51.836281610935465)</t>
  </si>
  <si>
    <t>POINT (4.71176597025547 51.829820065079204)</t>
  </si>
  <si>
    <t>POINT (4.691409555009829 51.83175278928709)</t>
  </si>
  <si>
    <t>POINT (4.692327586050081 51.83794265823876)</t>
  </si>
  <si>
    <t>POINT (4.726823072979159 51.83386908473904)</t>
  </si>
  <si>
    <t>POINT (4.678235401981966 51.83225664283982)</t>
  </si>
  <si>
    <t>POINT (4.698345849799067 51.832542522573064)</t>
  </si>
  <si>
    <t>POINT (4.69854716918274 51.84040417633938)</t>
  </si>
  <si>
    <t>POINT (4.6844196372063305 51.8263459620347)</t>
  </si>
  <si>
    <t>POINT (4.677472710421628 51.82319981342102)</t>
  </si>
  <si>
    <t>POINT (4.693195834793333 51.83073487475865)</t>
  </si>
  <si>
    <t>POINT (4.684467750411504 51.825833627451736)</t>
  </si>
  <si>
    <t>POINT (4.687875862883824 51.82747236094235)</t>
  </si>
  <si>
    <t>POINT (4.6934561572418545 51.83291094417863)</t>
  </si>
  <si>
    <t>POINT (4.682567520079318 51.82392144117011)</t>
  </si>
  <si>
    <t>POINT (4.680208576818 51.835053620721375)</t>
  </si>
  <si>
    <t>POINT (4.69308534598358 51.838192943937926)</t>
  </si>
  <si>
    <t>POINT (4.683468304004901 51.835519178281096)</t>
  </si>
  <si>
    <t>POINT (4.683784543287633 51.83059940564651)</t>
  </si>
  <si>
    <t>POINT (4.692287245596897 51.83047720643683)</t>
  </si>
  <si>
    <t>POINT (4.698315684114057 51.83557655610087)</t>
  </si>
  <si>
    <t>POINT (4.682554167980946 51.83419873755942)</t>
  </si>
  <si>
    <t>POINT (4.692255737630674 51.84211127514321)</t>
  </si>
  <si>
    <t>POINT (4.675519106116194 51.832605549978474)</t>
  </si>
  <si>
    <t>POINT (4.68375770338185 51.826145046640114)</t>
  </si>
  <si>
    <t>POINT (4.709463198878406 51.82882372439989)</t>
  </si>
  <si>
    <t>POINT (4.687016613753596 51.83389170848361)</t>
  </si>
  <si>
    <t>POINT (4.700932331132398 51.83846713557313)</t>
  </si>
  <si>
    <t>POINT (4.69488006171643 51.8391367764962)</t>
  </si>
  <si>
    <t>POINT (4.690117748617015 51.83068633554222)</t>
  </si>
  <si>
    <t>POINT (4.699773845864085 51.84070900541404)</t>
  </si>
  <si>
    <t>POINT (4.70520003941981 51.8372532114934)</t>
  </si>
  <si>
    <t>POINT (4.684704766542305 51.82655947736665)</t>
  </si>
  <si>
    <t>POINT (4.703986514730279 51.83841093686985)</t>
  </si>
  <si>
    <t>POINT (4.689610575470377 51.82522358518498)</t>
  </si>
  <si>
    <t>POINT (4.705004921340746 51.83897934884561)</t>
  </si>
  <si>
    <t>POINT (4.714508858169707 51.83587491691305)</t>
  </si>
  <si>
    <t>POINT (4.715062621474696 51.83559281708807)</t>
  </si>
  <si>
    <t>POINT (4.69504334696666 51.826661103507)</t>
  </si>
  <si>
    <t>POINT (4.6931230435941345 51.838688323384055)</t>
  </si>
  <si>
    <t>POINT (4.731404933374893 51.832904225701064)</t>
  </si>
  <si>
    <t>POINT (4.680330794799235 51.8313085278236)</t>
  </si>
  <si>
    <t>POINT (4.734791562038336 51.83171142328936)</t>
  </si>
  <si>
    <t>POINT (4.707443630492962 51.838221435086204)</t>
  </si>
  <si>
    <t>POINT (4.6811850005457885 51.83972823231793)</t>
  </si>
  <si>
    <t>POINT (4.700414221356637 51.83828120531187)</t>
  </si>
  <si>
    <t>POINT (4.707957169354611 51.82781080991283)</t>
  </si>
  <si>
    <t>POINT (4.694291513856079 51.83623236839972)</t>
  </si>
  <si>
    <t>POINT (4.68457861152732 51.83566418201169)</t>
  </si>
  <si>
    <t>POINT (4.683075579195894 51.827461479136375)</t>
  </si>
  <si>
    <t>POINT (4.680239373854676 51.831352417144416)</t>
  </si>
  <si>
    <t>POINT (4.702431438498731 51.836214882127365)</t>
  </si>
  <si>
    <t>POINT (4.68627133878686 51.83928458625449)</t>
  </si>
  <si>
    <t>POINT (4.69321758341005 51.83804460435804)</t>
  </si>
  <si>
    <t>POINT (4.699044751681557 51.83902725056646)</t>
  </si>
  <si>
    <t>POINT (4.728579315093198 51.83375107915104)</t>
  </si>
  <si>
    <t>POINT (4.720955878368223 51.8275985358526)</t>
  </si>
  <si>
    <t>POINT (4.694404428486381 51.8363615092868)</t>
  </si>
  <si>
    <t>POINT (4.699912613693127 51.83501164182391)</t>
  </si>
  <si>
    <t>POINT (4.695081580696731 51.82700714887766)</t>
  </si>
  <si>
    <t>POINT (4.678645394875497 51.82358519521266)</t>
  </si>
  <si>
    <t>POINT (4.68732262806467 51.83605425779997)</t>
  </si>
  <si>
    <t>POINT (4.680993906250809 51.825846845137235)</t>
  </si>
  <si>
    <t>POINT (4.725221732139297 51.83327102427775)</t>
  </si>
  <si>
    <t>POINT (4.680983108896649 51.829291716298115)</t>
  </si>
  <si>
    <t>POINT (4.724615066551832 51.834965666576096)</t>
  </si>
  <si>
    <t>POINT (4.690325431509425 51.83276104968154)</t>
  </si>
  <si>
    <t>POINT (4.691100862212604 51.83945390310957)</t>
  </si>
  <si>
    <t>POINT (4.701075571763094 51.834220901831934)</t>
  </si>
  <si>
    <t>POINT (4.691735403675519 51.84083767872907)</t>
  </si>
  <si>
    <t>POINT (4.70237138566877 51.82998796635042)</t>
  </si>
  <si>
    <t>POINT (4.687209374409047 51.82565737381262)</t>
  </si>
  <si>
    <t>POINT (4.686760563851742 51.826043329558395)</t>
  </si>
  <si>
    <t>POINT (4.704633936333043 51.837291799458484)</t>
  </si>
  <si>
    <t>POINT (4.719881964831705 51.83325617118628)</t>
  </si>
  <si>
    <t>POINT (4.706272411632101 51.82764497916835)</t>
  </si>
  <si>
    <t>POINT (4.684565107554696 51.82852215748806)</t>
  </si>
  <si>
    <t>POINT (4.682158630975194 51.834829082147735)</t>
  </si>
  <si>
    <t>POINT (4.701037249662414 51.83418403121434)</t>
  </si>
  <si>
    <t>POINT (4.694935387250572 51.82586898113017)</t>
  </si>
  <si>
    <t>POINT (4.681249848749717 51.82683149152581)</t>
  </si>
  <si>
    <t>POINT (4.680755016269058 51.8323489016547)</t>
  </si>
  <si>
    <t>POINT (4.706460441609009 51.82744367281407)</t>
  </si>
  <si>
    <t>POINT (4.703659617034925 51.83113948456521)</t>
  </si>
  <si>
    <t>POINT (4.694606389806971 51.837832755205376)</t>
  </si>
  <si>
    <t>POINT (4.695444234175408 51.838737447602924)</t>
  </si>
  <si>
    <t>POINT (4.6777879830372635 51.83378360975368)</t>
  </si>
  <si>
    <t>POINT (4.694786580422135 51.826221356973626)</t>
  </si>
  <si>
    <t>POINT (4.679083257858297 51.83202790278255)</t>
  </si>
  <si>
    <t>POINT (4.700632442331416 51.83192912319904)</t>
  </si>
  <si>
    <t>POINT (4.68231379251614 51.82965761559075)</t>
  </si>
  <si>
    <t>POINT (4.689869186358401 51.8258602056043)</t>
  </si>
  <si>
    <t>POINT (4.712304717813063 51.82986062837215)</t>
  </si>
  <si>
    <t>POINT (4.72803233803233 51.83173001299654)</t>
  </si>
  <si>
    <t>POINT (4.680828137425111 51.831693682910796)</t>
  </si>
  <si>
    <t>POINT (4.723069520736351 51.82964537424149)</t>
  </si>
  <si>
    <t>POINT (4.6775055826765515 51.82247646116434)</t>
  </si>
  <si>
    <t>POINT (4.701963823329578 51.834852875869046)</t>
  </si>
  <si>
    <t>POINT (4.68467511771879 51.82669799475765)</t>
  </si>
  <si>
    <t>POINT (4.689474610235259 51.84378900158814)</t>
  </si>
  <si>
    <t>POINT (4.687330149733203 51.8286550701616)</t>
  </si>
  <si>
    <t>POINT (4.677630646407704 51.82287257445597)</t>
  </si>
  <si>
    <t>POINT (4.682109341082572 51.836677039325934)</t>
  </si>
  <si>
    <t>POINT (4.729359283268224 51.828761364309976)</t>
  </si>
  <si>
    <t>POINT (4.678935410119902 51.83284539114507)</t>
  </si>
  <si>
    <t>POINT (4.692602366559682 51.835055895650264)</t>
  </si>
  <si>
    <t>POINT (4.702280156303452 51.83527328619211)</t>
  </si>
  <si>
    <t>POINT (4.691564809216561 51.823487988544024)</t>
  </si>
  <si>
    <t>POINT (4.720333263554458 51.82936832866762)</t>
  </si>
  <si>
    <t>POINT (4.684433865510286 51.826124710737616)</t>
  </si>
  <si>
    <t>POINT (4.688267496296875 51.8257252605194)</t>
  </si>
  <si>
    <t>POINT (4.677067158839469 51.830383214214564)</t>
  </si>
  <si>
    <t>POINT (4.68425802302463 51.8374705430027)</t>
  </si>
  <si>
    <t>POINT (4.684608074176727 51.826319890472256)</t>
  </si>
  <si>
    <t>POINT (4.690932214980495 51.82423452888902)</t>
  </si>
  <si>
    <t>POINT (4.703922785033701 51.8288951179164)</t>
  </si>
  <si>
    <t>POINT (4.697388734218484 51.83254665487432)</t>
  </si>
  <si>
    <t>POINT (4.691404971467424 51.842571253815954)</t>
  </si>
  <si>
    <t>POINT (4.700198152771006 51.836481739979526)</t>
  </si>
  <si>
    <t>POINT (4.724705106864687 51.83375014197847)</t>
  </si>
  <si>
    <t>POINT (4.702221617915622 51.84043306958928)</t>
  </si>
  <si>
    <t>POINT (4.69343264412222 51.83884975542352)</t>
  </si>
  <si>
    <t>POINT (4.72662070691132 51.83335541582644)</t>
  </si>
  <si>
    <t>POINT (4.687730633612353 51.82293761301736)</t>
  </si>
  <si>
    <t>POINT (4.687437947297682 51.82689147561136)</t>
  </si>
  <si>
    <t>POINT (4.697535354531773 51.8362311105149)</t>
  </si>
  <si>
    <t>POINT (4.696386294805224 51.82545317562601)</t>
  </si>
  <si>
    <t>POINT (4.726984373974949 51.83219312238889)</t>
  </si>
  <si>
    <t>POINT (4.706554235059096 51.82740374991499)</t>
  </si>
  <si>
    <t>POINT (4.695603112207004 51.83503845762972)</t>
  </si>
  <si>
    <t>POINT (4.687201674268595 51.82422078916147)</t>
  </si>
  <si>
    <t>POINT (4.678220463670124 51.8347025519725)</t>
  </si>
  <si>
    <t>POINT (4.680321181660487 51.837756787705786)</t>
  </si>
  <si>
    <t>POINT (4.6960755333073 51.83359750399361)</t>
  </si>
  <si>
    <t>POINT (4.680362499731667 51.827190605220935)</t>
  </si>
  <si>
    <t>POINT (4.685602474318747 51.82411740836774)</t>
  </si>
  <si>
    <t>POINT (4.708445394235689 51.83554095575923)</t>
  </si>
  <si>
    <t>POINT (4.701141216627304 51.83539437305827)</t>
  </si>
  <si>
    <t>POINT (4.707370259824563 51.828454863086996)</t>
  </si>
  <si>
    <t>POINT (4.697871337371005 51.834972536676595)</t>
  </si>
  <si>
    <t>POINT (4.702713109706344 51.83590739702966)</t>
  </si>
  <si>
    <t>POINT (4.708501572264819 51.83736824413688)</t>
  </si>
  <si>
    <t>POINT (4.730597467714509 51.82849773064719)</t>
  </si>
  <si>
    <t>POINT (4.67324156723681 51.83002488443986)</t>
  </si>
  <si>
    <t>POINT (4.7196770957529 51.832958112540986)</t>
  </si>
  <si>
    <t>POINT (4.677343883370454 51.83290339949579)</t>
  </si>
  <si>
    <t>POINT (4.684320123063261 51.83447777917879)</t>
  </si>
  <si>
    <t>POINT (4.719466221593379 51.83380365854836)</t>
  </si>
  <si>
    <t>POINT (4.6809602958573135 51.83162949917482)</t>
  </si>
  <si>
    <t>POINT (4.706901059472906 51.82921035345334)</t>
  </si>
  <si>
    <t>POINT (4.700758885750692 51.82900784755345)</t>
  </si>
  <si>
    <t>POINT (4.704165647556473 51.82859748862004)</t>
  </si>
  <si>
    <t>POINT (4.687101747195931 51.82299267624938)</t>
  </si>
  <si>
    <t>POINT (4.716210179364446 51.832591458714894)</t>
  </si>
  <si>
    <t>POINT (4.694426955286824 51.837480115295946)</t>
  </si>
  <si>
    <t>POINT (4.690661511815301 51.84349698841789)</t>
  </si>
  <si>
    <t>POINT (4.686470064806445 51.835955672165255)</t>
  </si>
  <si>
    <t>POINT (4.691793927505022 51.82424251381208)</t>
  </si>
  <si>
    <t>POINT (4.702388079441221 51.831701808790925)</t>
  </si>
  <si>
    <t>POINT (4.699038082809913 51.834079557367716)</t>
  </si>
  <si>
    <t>POINT (4.72832748544316 51.83339909242753)</t>
  </si>
  <si>
    <t>POINT (4.693556840053514 51.832092297025355)</t>
  </si>
  <si>
    <t>POINT (4.67952319569319 51.83595706533248)</t>
  </si>
  <si>
    <t>POINT (4.723841507247799 51.83228096672621)</t>
  </si>
  <si>
    <t>POINT (4.683814518616538 51.827755200129204)</t>
  </si>
  <si>
    <t>POINT (4.708813756270742 51.836056371040755)</t>
  </si>
  <si>
    <t>POINT (4.707561155933576 51.82805571391907)</t>
  </si>
  <si>
    <t>POINT (4.6921583361235415 51.82843768510393)</t>
  </si>
  <si>
    <t>POINT (4.6946303494770465 51.82410678318031)</t>
  </si>
  <si>
    <t>POINT (4.691379580815652 51.82354309660267)</t>
  </si>
  <si>
    <t>POINT (4.706920279980495 51.83481586973142)</t>
  </si>
  <si>
    <t>POINT (4.679272587132542 51.830566196264776)</t>
  </si>
  <si>
    <t>POINT (4.678889676773027 51.83551561458978)</t>
  </si>
  <si>
    <t>POINT (4.685209361615691 51.837165174736306)</t>
  </si>
  <si>
    <t>POINT (4.684362506727249 51.82960554152184)</t>
  </si>
  <si>
    <t>POINT (4.702617198674287 51.830059655305924)</t>
  </si>
  <si>
    <t>POINT (4.683469923459516 51.83041683016559)</t>
  </si>
  <si>
    <t>POINT (4.687017386829928 51.82293372882264)</t>
  </si>
  <si>
    <t>POINT (4.719789700008128 51.82468361591394)</t>
  </si>
  <si>
    <t>POINT (4.681167026277351 51.83571146101168)</t>
  </si>
  <si>
    <t>POINT (4.705404386824463 51.83881661138485)</t>
  </si>
  <si>
    <t>POINT (4.684330206426657 51.83384069776641)</t>
  </si>
  <si>
    <t>POINT (4.680010166694803 51.83564696142554)</t>
  </si>
  <si>
    <t>POINT (4.702015072582828 51.833873756387966)</t>
  </si>
  <si>
    <t>POINT (4.7165690285867345 51.83293153518526)</t>
  </si>
  <si>
    <t>POINT (4.698777489615325 51.834936182766036)</t>
  </si>
  <si>
    <t>POINT (4.695624906522915 51.83754327637758)</t>
  </si>
  <si>
    <t>POINT (4.693777301857307 51.841155046170655)</t>
  </si>
  <si>
    <t>POINT (4.700355762147956 51.836760159011845)</t>
  </si>
  <si>
    <t>POINT (4.695921816075713 51.82685171598361)</t>
  </si>
  <si>
    <t>POINT (4.686747799687756 51.82306586240945)</t>
  </si>
  <si>
    <t>POINT (4.702224292668648 51.830452898911375)</t>
  </si>
  <si>
    <t>POINT (4.683247655360571 51.830178907308714)</t>
  </si>
  <si>
    <t>POINT (4.699335315259157 51.82913905360904)</t>
  </si>
  <si>
    <t>POINT (4.683175633296889 51.82280718055365)</t>
  </si>
  <si>
    <t>POINT (4.714710883012887 51.83477567021633)</t>
  </si>
  <si>
    <t>POINT (4.700547369961088 51.83687195680417)</t>
  </si>
  <si>
    <t>POINT (4.68225250400682 51.83108171423478)</t>
  </si>
  <si>
    <t>POINT (4.702276567381554 51.838536836351864)</t>
  </si>
  <si>
    <t>POINT (4.688790640029239 51.83016615754782)</t>
  </si>
  <si>
    <t>POINT (4.681441192171833 51.83774563879597)</t>
  </si>
  <si>
    <t>POINT (4.718474964344391 51.835919939685525)</t>
  </si>
  <si>
    <t>POINT (4.686629590158137 51.82569321311969)</t>
  </si>
  <si>
    <t>POINT (4.687571727663681 51.83761452464956)</t>
  </si>
  <si>
    <t>POINT (4.6897561194970825 51.82382368644189)</t>
  </si>
  <si>
    <t>POINT (4.695287675639759 51.837778022799995)</t>
  </si>
  <si>
    <t>POINT (4.6767822788064555 51.83360725585807)</t>
  </si>
  <si>
    <t>POINT (4.682019225190779 51.83784114698512)</t>
  </si>
  <si>
    <t>POINT (4.681829513034109 51.83810210698001)</t>
  </si>
  <si>
    <t>POINT (4.719188232650163 51.82471413542064)</t>
  </si>
  <si>
    <t>POINT (4.6895703280951775 51.8279417276845)</t>
  </si>
  <si>
    <t>POINT (4.694063983148871 51.829890209507305)</t>
  </si>
  <si>
    <t>POINT (4.690376272391485 51.82354500047671)</t>
  </si>
  <si>
    <t>POINT (4.69196901750956 51.8277570676763)</t>
  </si>
  <si>
    <t>POINT (4.7194599810995115 51.829143556629006)</t>
  </si>
  <si>
    <t>POINT (4.6799418527261984 51.832717186799975)</t>
  </si>
  <si>
    <t>POINT (4.6876528153653965 51.84450475675613)</t>
  </si>
  <si>
    <t>POINT (4.719047755714928 51.83324842393432)</t>
  </si>
  <si>
    <t>POINT (4.703604743861947 51.829884127783174)</t>
  </si>
  <si>
    <t>POINT (4.727368875547039 51.832757350851)</t>
  </si>
  <si>
    <t>POINT (4.680289462463121 51.83138801720823)</t>
  </si>
  <si>
    <t>POINT (4.698606617654397 51.83822086493909)</t>
  </si>
  <si>
    <t>POINT (4.699122630418596 51.83406972502766)</t>
  </si>
  <si>
    <t>POINT (4.691578937407674 51.83023024602035)</t>
  </si>
  <si>
    <t>POINT (4.680896358142461 51.83752254499239)</t>
  </si>
  <si>
    <t>POINT (4.694846326274107 51.83915369189625)</t>
  </si>
  <si>
    <t>POINT (4.676940939203812 51.83560765930827)</t>
  </si>
  <si>
    <t>POINT (4.70694659110126 51.825754840021496)</t>
  </si>
  <si>
    <t>POINT (4.699731000355553 51.8343728533114)</t>
  </si>
  <si>
    <t>POINT (4.678736089472897 51.83022783571558)</t>
  </si>
  <si>
    <t>POINT (4.6978910164434105 51.82948483221408)</t>
  </si>
  <si>
    <t>POINT (4.6803469975402825 51.83917804694724)</t>
  </si>
  <si>
    <t>POINT (4.701107950293233 51.83535128492472)</t>
  </si>
  <si>
    <t>POINT (4.67623667929227 51.833270860432215)</t>
  </si>
  <si>
    <t>POINT (4.7344762393318485 51.83187214840431)</t>
  </si>
  <si>
    <t>POINT (4.699788481410821 51.834352129560656)</t>
  </si>
  <si>
    <t>POINT (4.676129222980974 51.8302391919649)</t>
  </si>
  <si>
    <t>POINT (4.699544232218002 51.840757044236994)</t>
  </si>
  <si>
    <t>POINT (4.677347529037594 51.82730652148914)</t>
  </si>
  <si>
    <t>POINT (4.708904609489934 51.82853426412532)</t>
  </si>
  <si>
    <t>POINT (4.680426422594196 51.8312646547727)</t>
  </si>
  <si>
    <t>POINT (4.676179595819592 51.83030706478604)</t>
  </si>
  <si>
    <t>POINT (4.70133938435385 51.83038544969279)</t>
  </si>
  <si>
    <t>POINT (4.6846531751884 51.82918683767483)</t>
  </si>
  <si>
    <t>POINT (4.684834881881521 51.82922939867602)</t>
  </si>
  <si>
    <t>POINT (4.697951605583673 51.83810213760974)</t>
  </si>
  <si>
    <t>POINT (4.696625031549197 51.82519774805599)</t>
  </si>
  <si>
    <t>POINT (4.679508517130055 51.83223685561481)</t>
  </si>
  <si>
    <t>POINT (4.696014911535382 51.836789881308114)</t>
  </si>
  <si>
    <t>POINT (4.685086436364376 51.82913074312369)</t>
  </si>
  <si>
    <t>POINT (4.6894913841870025 51.83227233595455)</t>
  </si>
  <si>
    <t>POINT (4.7250318929677 51.83433501376011)</t>
  </si>
  <si>
    <t>POINT (4.719704937966886 51.8337239478387)</t>
  </si>
  <si>
    <t>POINT (4.693160027337303 51.83146409088794)</t>
  </si>
  <si>
    <t>POINT (4.700600137659201 51.83947143349453)</t>
  </si>
  <si>
    <t>POINT (4.693014860512264 51.82499710188165)</t>
  </si>
  <si>
    <t>POINT (4.692439523223521 51.826937842273615)</t>
  </si>
  <si>
    <t>POINT (4.684103013906732 51.83746125532016)</t>
  </si>
  <si>
    <t>POINT (4.69830508388057 51.83098322321385)</t>
  </si>
  <si>
    <t>POINT (4.679251556706182 51.831224236215895)</t>
  </si>
  <si>
    <t>POINT (4.706865659623654 51.835500584979386)</t>
  </si>
  <si>
    <t>POINT (4.7023463752109285 51.832835417936046)</t>
  </si>
  <si>
    <t>POINT (4.718565940641979 51.82936217620193)</t>
  </si>
  <si>
    <t>POINT (4.684382719544311 51.826672406452396)</t>
  </si>
  <si>
    <t>POINT (4.693763398338663 51.8300131335784)</t>
  </si>
  <si>
    <t>POINT (4.688046858479958 51.82536246807909)</t>
  </si>
  <si>
    <t>POINT (4.708259890070792 51.826169421989796)</t>
  </si>
  <si>
    <t>POINT (4.722561832712939 51.83309818184021)</t>
  </si>
  <si>
    <t>POINT (4.686194583913949 51.839507108992095)</t>
  </si>
  <si>
    <t>POINT (4.681314727816903 51.82614574202314)</t>
  </si>
  <si>
    <t>POINT (4.681847991270756 51.823132508769405)</t>
  </si>
  <si>
    <t>POINT (4.677014796517725 51.83555394955325)</t>
  </si>
  <si>
    <t>POINT (4.68766019656733 51.84148871161517)</t>
  </si>
  <si>
    <t>POINT (4.701549602561952 51.82924868114759)</t>
  </si>
  <si>
    <t>POINT (4.678510322250158 51.83355516683055)</t>
  </si>
  <si>
    <t>POINT (4.7305557052623435 51.82888083424836)</t>
  </si>
  <si>
    <t>POINT (4.680754181422623 51.82950105964684)</t>
  </si>
  <si>
    <t>POINT (4.681063457260585 51.83681876893937)</t>
  </si>
  <si>
    <t>POINT (4.714967960392178 51.831976361681534)</t>
  </si>
  <si>
    <t>POINT (4.686815282273535 51.82303945197042)</t>
  </si>
  <si>
    <t>POINT (4.735790899606419 51.83279422986281)</t>
  </si>
  <si>
    <t>POINT (4.687612912248276 51.84446330615051)</t>
  </si>
  <si>
    <t>POINT (4.691306117533946 51.831572115757425)</t>
  </si>
  <si>
    <t>POINT (4.6932521175298705 51.836258525095985)</t>
  </si>
  <si>
    <t>POINT (4.702463424961545 51.828460103468764)</t>
  </si>
  <si>
    <t>POINT (4.6809495598261135 51.82710861193061)</t>
  </si>
  <si>
    <t>POINT (4.699040076645088 51.83619090767591)</t>
  </si>
  <si>
    <t>POINT (4.6922671507456455 51.832676723677444)</t>
  </si>
  <si>
    <t>POINT (4.680927414607469 51.82376754037081)</t>
  </si>
  <si>
    <t>POINT (4.694971791823422 51.82607241101162)</t>
  </si>
  <si>
    <t>POINT (4.693742444864349 51.84297257373596)</t>
  </si>
  <si>
    <t>POINT (4.684838390840767 51.84032679354214)</t>
  </si>
  <si>
    <t>POINT (4.693924695472214 51.82992805606921)</t>
  </si>
  <si>
    <t>POINT (4.701517568192261 51.83201089777287)</t>
  </si>
  <si>
    <t>POINT (4.692610451322682 51.8275252638093)</t>
  </si>
  <si>
    <t>POINT (4.704343809068259 51.83022686027589)</t>
  </si>
  <si>
    <t>POINT (4.687749255462534 51.837941699093975)</t>
  </si>
  <si>
    <t>POINT (4.7293712925666185 51.82965000060054)</t>
  </si>
  <si>
    <t>POINT (4.685199398878959 51.83711733157212)</t>
  </si>
  <si>
    <t>POINT (4.689282016853287 51.83768252844294)</t>
  </si>
  <si>
    <t>POINT (4.69146792450343 51.84065438886614)</t>
  </si>
  <si>
    <t>POINT (4.67410457641206 51.831736329338696)</t>
  </si>
  <si>
    <t>POINT (4.69857497734472 51.831253423074386)</t>
  </si>
  <si>
    <t>POINT (4.684894281294503 51.83501038569069)</t>
  </si>
  <si>
    <t>POINT (4.732360715937883 51.832891098578976)</t>
  </si>
  <si>
    <t>POINT (4.693318553978556 51.838717577539406)</t>
  </si>
  <si>
    <t>POINT (4.676871081168479 51.83303421865843)</t>
  </si>
  <si>
    <t>POINT (4.701815363360431 51.83190965414142)</t>
  </si>
  <si>
    <t>POINT (4.7065917748853074 51.828212746444535)</t>
  </si>
  <si>
    <t>POINT (4.708490863619039 51.83646770252295)</t>
  </si>
  <si>
    <t>POINT (4.703942143101778 51.828180005283755)</t>
  </si>
  <si>
    <t>POINT (4.698383070590769 51.83506750307451)</t>
  </si>
  <si>
    <t>POINT (4.678876416181306 51.828151513375765)</t>
  </si>
  <si>
    <t>POINT (4.701598186905892 51.83401250675459)</t>
  </si>
  <si>
    <t>POINT (4.7236342392277 51.82980152711838)</t>
  </si>
  <si>
    <t>POINT (4.707360320393583 51.82842519698207)</t>
  </si>
  <si>
    <t>POINT (4.715525947026743 51.83348549949623)</t>
  </si>
  <si>
    <t>POINT (4.729985714030262 51.83279075361379)</t>
  </si>
  <si>
    <t>POINT (4.688748233483871 51.82802654549832)</t>
  </si>
  <si>
    <t>POINT (4.686980304068952 51.841522383896354)</t>
  </si>
  <si>
    <t>POINT (4.685540873875803 51.82580728370433)</t>
  </si>
  <si>
    <t>POINT (4.704673342671557 51.833481832479585)</t>
  </si>
  <si>
    <t>POINT (4.676210452562854 51.827968871731485)</t>
  </si>
  <si>
    <t>POINT (4.693659901770463 51.84007996927806)</t>
  </si>
  <si>
    <t>POINT (4.685106503982506 51.82907088192615)</t>
  </si>
  <si>
    <t>POINT (4.68803792660613 51.82306568050308)</t>
  </si>
  <si>
    <t>POINT (4.6865083239786784 51.841571162735825)</t>
  </si>
  <si>
    <t>POINT (4.697247671714975 51.82924636829286)</t>
  </si>
  <si>
    <t>POINT (4.70821106901554 51.836945744232075)</t>
  </si>
  <si>
    <t>POINT (4.699996998557839 51.84044048241037)</t>
  </si>
  <si>
    <t>POINT (4.707322360955561 51.82636418116499)</t>
  </si>
  <si>
    <t>POINT (4.690486853044932 51.840942741787785)</t>
  </si>
  <si>
    <t>POINT (4.684774985445187 51.8253843890851)</t>
  </si>
  <si>
    <t>POINT (4.693519088174055 51.83205188575815)</t>
  </si>
  <si>
    <t>POINT (4.688020317802425 51.82817564806404)</t>
  </si>
  <si>
    <t>POINT (4.695379675682083 51.84115653533314)</t>
  </si>
  <si>
    <t>POINT (4.708602377070306 51.8368766011921)</t>
  </si>
  <si>
    <t>POINT (4.692347171165573 51.83290676710352)</t>
  </si>
  <si>
    <t>POINT (4.702266324997143 51.837305524219)</t>
  </si>
  <si>
    <t>POINT (4.682053553010806 51.83009006038643)</t>
  </si>
  <si>
    <t>POINT (4.6846508668552165 51.825840710065954)</t>
  </si>
  <si>
    <t>POINT (4.680548559218188 51.83029546113709)</t>
  </si>
  <si>
    <t>POINT (4.693532010933933 51.84141866272331)</t>
  </si>
  <si>
    <t>POINT (4.681893522535648 51.839498489829325)</t>
  </si>
  <si>
    <t>POINT (4.689637399184971 51.82515314777904)</t>
  </si>
  <si>
    <t>POINT (4.683672165390806 51.825351123831005)</t>
  </si>
  <si>
    <t>POINT (4.690317045792953 51.83179763370523)</t>
  </si>
  <si>
    <t>POINT (4.687502990994979 51.82698512055302)</t>
  </si>
  <si>
    <t>POINT (4.693675251102083 51.82397351394422)</t>
  </si>
  <si>
    <t>POINT (4.6974594409125645 51.83971982414304)</t>
  </si>
  <si>
    <t>POINT (4.684462359759163 51.83603742251265)</t>
  </si>
  <si>
    <t>POINT (4.685238434582094 51.826101669318504)</t>
  </si>
  <si>
    <t>POINT (4.687577918671497 51.84067486718547)</t>
  </si>
  <si>
    <t>POINT (4.683758349373402 51.825921502798536)</t>
  </si>
  <si>
    <t>POINT (4.731264591462908 51.828382532117026)</t>
  </si>
  <si>
    <t>POINT (4.729023505120808 51.831832498577526)</t>
  </si>
  <si>
    <t>POINT (4.68315216410965 51.82349804248341)</t>
  </si>
  <si>
    <t>POINT (4.7020512566397485 51.83505597181809)</t>
  </si>
  <si>
    <t>POINT (4.679565196341965 51.831135926262235)</t>
  </si>
  <si>
    <t>POINT (4.699933109546543 51.83175508291343)</t>
  </si>
  <si>
    <t>POINT (4.681080689847193 51.82330764123707)</t>
  </si>
  <si>
    <t>POINT (4.699605223983335 51.837523519882055)</t>
  </si>
  <si>
    <t>POINT (4.69606004631247 51.83597297287027)</t>
  </si>
  <si>
    <t>POINT (4.68918064857586 51.82750702135741)</t>
  </si>
  <si>
    <t>POINT (4.683371625913173 51.82537186560264)</t>
  </si>
  <si>
    <t>POINT (4.689809711366836 51.829300560909424)</t>
  </si>
  <si>
    <t>POINT (4.6984443788447905 51.83293050168385)</t>
  </si>
  <si>
    <t>POINT (4.729003544983155 51.833932978888626)</t>
  </si>
  <si>
    <t>POINT (4.701697469609048 51.836656982651306)</t>
  </si>
  <si>
    <t>POINT (4.676355134574454 51.83039737624501)</t>
  </si>
  <si>
    <t>POINT (4.703308436820429 51.83124300157865)</t>
  </si>
  <si>
    <t>POINT (4.679761146381615 51.84185725779232)</t>
  </si>
  <si>
    <t>POINT (4.697463784951036 51.833063241033024)</t>
  </si>
  <si>
    <t>POINT (4.6973216964307465 51.82643130177529)</t>
  </si>
  <si>
    <t>POINT (4.703139998853243 51.82977806913969)</t>
  </si>
  <si>
    <t>POINT (4.683399511300245 51.82300840390467)</t>
  </si>
  <si>
    <t>POINT (4.697251182414756 51.82535101924353)</t>
  </si>
  <si>
    <t>POINT (4.697334585775683 51.839525969973764)</t>
  </si>
  <si>
    <t>POINT (4.7033092091364335 51.833278858133575)</t>
  </si>
  <si>
    <t>POINT (4.685196650037062 51.83722483720141)</t>
  </si>
  <si>
    <t>POINT (4.681859608552401 51.83036956565717)</t>
  </si>
  <si>
    <t>POINT (4.698917269886062 51.8341440436126)</t>
  </si>
  <si>
    <t>POINT (4.676078890575102 51.83016876658881)</t>
  </si>
  <si>
    <t>POINT (4.695815649722405 51.83249724824519)</t>
  </si>
  <si>
    <t>POINT (4.73099965912225 51.83297484058926)</t>
  </si>
  <si>
    <t>POINT (4.704547227895207 51.83810754287519)</t>
  </si>
  <si>
    <t>POINT (4.713814455744568 51.83205677824972)</t>
  </si>
  <si>
    <t>POINT (4.682646310066525 51.830375224968996)</t>
  </si>
  <si>
    <t>POINT (4.6758514313061506 51.83063718925558)</t>
  </si>
  <si>
    <t>POINT (4.67826542918819 51.83475036447035)</t>
  </si>
  <si>
    <t>POINT (4.684339587463603 51.82668758169431)</t>
  </si>
  <si>
    <t>POINT (4.682029345697087 51.82931188465005)</t>
  </si>
  <si>
    <t>POINT (4.681550706599859 51.83206348904862)</t>
  </si>
  <si>
    <t>POINT (4.678248486356179 51.823428238521146)</t>
  </si>
  <si>
    <t>POINT (4.709508912706939 51.82916507969506)</t>
  </si>
  <si>
    <t>POINT (4.684706843520706 51.83367189842096)</t>
  </si>
  <si>
    <t>POINT (4.677645045571589 51.83279029140592)</t>
  </si>
  <si>
    <t>POINT (4.705942864855545 51.839309715819844)</t>
  </si>
  <si>
    <t>POINT (4.686666789038019 51.82361174502562)</t>
  </si>
  <si>
    <t>POINT (4.71115846252204 51.82881899247605)</t>
  </si>
  <si>
    <t>POINT (4.699126439774527 51.84204016685547)</t>
  </si>
  <si>
    <t>POINT (4.680772735243111 51.84375006308761)</t>
  </si>
  <si>
    <t>POINT (4.733929656495498 51.8295340033953)</t>
  </si>
  <si>
    <t>POINT (4.709431449745644 51.82877022055812)</t>
  </si>
  <si>
    <t>POINT (4.701457869378784 51.834060405534125)</t>
  </si>
  <si>
    <t>POINT (4.685300306616882 51.835473059281455)</t>
  </si>
  <si>
    <t>POINT (4.698265218521178 51.835704815299266)</t>
  </si>
  <si>
    <t>POINT (4.689789265283158 51.825136962805836)</t>
  </si>
  <si>
    <t>POINT (4.691158321536532 51.825632588461296)</t>
  </si>
  <si>
    <t>POINT (4.702916320201304 51.82905798063671)</t>
  </si>
  <si>
    <t>POINT (4.721203539184348 51.835241062696184)</t>
  </si>
  <si>
    <t>POINT (4.691805340674883 51.83064021095304)</t>
  </si>
  <si>
    <t>POINT (4.721496904945464 51.8351719053711)</t>
  </si>
  <si>
    <t>POINT (4.6803973606906935 51.83035099953544)</t>
  </si>
  <si>
    <t>POINT (4.677159048193839 51.82258474601261)</t>
  </si>
  <si>
    <t>POINT (4.701504632552207 51.82930001320883)</t>
  </si>
  <si>
    <t>POINT (4.676694642969519 51.83055922295682)</t>
  </si>
  <si>
    <t>POINT (4.706596118371671 51.8282997635753)</t>
  </si>
  <si>
    <t>POINT (4.686756895220593 51.82319648582151)</t>
  </si>
  <si>
    <t>POINT (4.702770138467871 51.83576557444944)</t>
  </si>
  <si>
    <t>POINT (4.686059610993311 51.8342707552017)</t>
  </si>
  <si>
    <t>POINT (4.6844810714236385 51.826700410683834)</t>
  </si>
  <si>
    <t>POINT (4.7280267314106 51.83260519321843)</t>
  </si>
  <si>
    <t>POINT (4.701027243751683 51.83328337522224)</t>
  </si>
  <si>
    <t>POINT (4.68830509699197 51.84165923751153)</t>
  </si>
  <si>
    <t>POINT (4.720488492689239 51.835078885351464)</t>
  </si>
  <si>
    <t>POINT (4.713583613014336 51.83379910187019)</t>
  </si>
  <si>
    <t>POINT (4.7052043752817845 51.83760036818278)</t>
  </si>
  <si>
    <t>POINT (4.6764330282426325 51.832285491359315)</t>
  </si>
  <si>
    <t>POINT (4.697949789489893 51.82588690047236)</t>
  </si>
  <si>
    <t>POINT (4.6954042715026745 51.83351854896994)</t>
  </si>
  <si>
    <t>POINT (4.673365152211461 51.82971103316022)</t>
  </si>
  <si>
    <t>POINT (4.692321859459503 51.83965449966849)</t>
  </si>
  <si>
    <t>POINT (4.691292319576722 51.828940888621034)</t>
  </si>
  <si>
    <t>POINT (4.684944083496309 51.82919458284491)</t>
  </si>
  <si>
    <t>POINT (4.7034238694623705 51.83617380006796)</t>
  </si>
  <si>
    <t>POINT (4.7218602944169055 51.82941834147118)</t>
  </si>
  <si>
    <t>POINT (4.724846907693499 51.83282971761645)</t>
  </si>
  <si>
    <t>POINT (4.6887592662084385 51.83769103290662)</t>
  </si>
  <si>
    <t>POINT (4.687746964630767 51.834591953719396)</t>
  </si>
  <si>
    <t>POINT (4.680807686928931 51.8358383582359)</t>
  </si>
  <si>
    <t>POINT (4.692218281468694 51.838420529896915)</t>
  </si>
  <si>
    <t>POINT (4.699672058755054 51.83657064970338)</t>
  </si>
  <si>
    <t>POINT (4.702892149959912 51.836161839074855)</t>
  </si>
  <si>
    <t>POINT (4.6914307307105165 51.827381218139756)</t>
  </si>
  <si>
    <t>POINT (4.6803753615176005 51.83190795237991)</t>
  </si>
  <si>
    <t>POINT (4.6943903859629135 51.82999964050283)</t>
  </si>
  <si>
    <t>POINT (4.691545488516155 51.84111085950448)</t>
  </si>
  <si>
    <t>POINT (4.708038686882546 51.83502403205023)</t>
  </si>
  <si>
    <t>POINT (4.686667347191226 51.82605452141883)</t>
  </si>
  <si>
    <t>POINT (4.696637673767948 51.82666938848409)</t>
  </si>
  <si>
    <t>POINT (4.679934793929485 51.82354921522727)</t>
  </si>
  <si>
    <t>POINT (4.674792245683388 51.83270517568336)</t>
  </si>
  <si>
    <t>POINT (4.677110261327484 51.83543097811521)</t>
  </si>
  <si>
    <t>POINT (4.6814082919248605 51.83116521549856)</t>
  </si>
  <si>
    <t>POINT (4.686391906724417 51.838249159279215)</t>
  </si>
  <si>
    <t>POINT (4.687887782403937 51.835534621972705)</t>
  </si>
  <si>
    <t>POINT (4.709864436360353 51.838432672933855)</t>
  </si>
  <si>
    <t>POINT (4.677145964311026 51.823105901185166)</t>
  </si>
  <si>
    <t>POINT (4.683055404434125 51.82728482105292)</t>
  </si>
  <si>
    <t>POINT (4.727952604450233 51.832620363202466)</t>
  </si>
  <si>
    <t>POINT (4.685420950066582 51.833803826286406)</t>
  </si>
  <si>
    <t>POINT (4.7356957435042615 51.8329344453103)</t>
  </si>
  <si>
    <t>POINT (4.733934404134591 51.831021850645634)</t>
  </si>
  <si>
    <t>POINT (4.679261865585845 51.841868675022425)</t>
  </si>
  <si>
    <t>POINT (4.698794839761578 51.83873573154287)</t>
  </si>
  <si>
    <t>POINT (4.679225507850259 51.82807868104087)</t>
  </si>
  <si>
    <t>POINT (4.684316046097264 51.82659999016599)</t>
  </si>
  <si>
    <t>POINT (4.694149579811421 51.82991926282114)</t>
  </si>
  <si>
    <t>POINT (4.680063325659706 51.836485634280805)</t>
  </si>
  <si>
    <t>POINT (4.688054287994654 51.84379266916036)</t>
  </si>
  <si>
    <t>POINT (4.688871125009569 51.828167634338044)</t>
  </si>
  <si>
    <t>POINT (4.6987396738529785 51.83443136639919)</t>
  </si>
  <si>
    <t>POINT (4.7004426852110965 51.83777608537841)</t>
  </si>
  <si>
    <t>POINT (4.688726046671487 51.825381846351775)</t>
  </si>
  <si>
    <t>POINT (4.685395348078502 51.82568993877608)</t>
  </si>
  <si>
    <t>POINT (4.6777483618707345 51.82796441539288)</t>
  </si>
  <si>
    <t>POINT (4.690171314199313 51.8431971040634)</t>
  </si>
  <si>
    <t>POINT (4.686756142341514 51.83628537474172)</t>
  </si>
  <si>
    <t>POINT (4.6958448903014265 51.83569853256825)</t>
  </si>
  <si>
    <t>POINT (4.677734169360583 51.823283595406544)</t>
  </si>
  <si>
    <t>POINT (4.687745288931339 51.82916967256792)</t>
  </si>
  <si>
    <t>POINT (4.687271050700448 51.840408143172276)</t>
  </si>
  <si>
    <t>POINT (4.703094991461738 51.8313399136822)</t>
  </si>
  <si>
    <t>POINT (4.681392665566148 51.832050772778416)</t>
  </si>
  <si>
    <t>POINT (4.683801757701876 51.8262417768343)</t>
  </si>
  <si>
    <t>POINT (4.701737026140906 51.83396352952987)</t>
  </si>
  <si>
    <t>POINT (4.697519660195581 51.82537650685373)</t>
  </si>
  <si>
    <t>POINT (4.68904064031508 51.830637651740155)</t>
  </si>
  <si>
    <t>POINT (4.700902456715947 51.82880439341376)</t>
  </si>
  <si>
    <t>POINT (4.726636899827439 51.829120478686626)</t>
  </si>
  <si>
    <t>POINT (4.693477965727924 51.839571180797286)</t>
  </si>
  <si>
    <t>POINT (4.692726660186447 51.8429414734914)</t>
  </si>
  <si>
    <t>POINT (4.6839142919123935 51.82975866614176)</t>
  </si>
  <si>
    <t>POINT (4.704445123660393 51.838330433161964)</t>
  </si>
  <si>
    <t>POINT (4.727632994095465 51.83307486553254)</t>
  </si>
  <si>
    <t>POINT (4.683023474281977 51.828623632446735)</t>
  </si>
  <si>
    <t>POINT (4.680283953762805 51.831951850805225)</t>
  </si>
  <si>
    <t>POINT (4.691985557293858 51.82898691948061)</t>
  </si>
  <si>
    <t>POINT (4.675679864286039 51.83231851018321)</t>
  </si>
  <si>
    <t>POINT (4.68410301084171 51.83618768221806)</t>
  </si>
  <si>
    <t>POINT (4.695864411237969 51.82680840321447)</t>
  </si>
  <si>
    <t>POINT (4.69259806637295 51.837437327130736)</t>
  </si>
  <si>
    <t>POINT (4.6926304377801555 51.8333412911667)</t>
  </si>
  <si>
    <t>POINT (4.693044036328025 51.83989554128092)</t>
  </si>
  <si>
    <t>POINT (4.687983500643665 51.833645070576935)</t>
  </si>
  <si>
    <t>POINT (4.687535353683812 51.835307527490244)</t>
  </si>
  <si>
    <t>POINT (4.734188335595914 51.832015785065266)</t>
  </si>
  <si>
    <t>POINT (4.7194113525794394 51.83473249923662)</t>
  </si>
  <si>
    <t>POINT (4.696078745993383 51.83399909898487)</t>
  </si>
  <si>
    <t>POINT (4.723922631087132 51.83496714955524)</t>
  </si>
  <si>
    <t>POINT (4.685157629271324 51.83718411904392)</t>
  </si>
  <si>
    <t>POINT (4.6842176902476655 51.8259482454481)</t>
  </si>
  <si>
    <t>POINT (4.7092130031874175 51.82810003447586)</t>
  </si>
  <si>
    <t>POINT (4.6918615830203745 51.83209490559553)</t>
  </si>
  <si>
    <t>POINT (4.689784784281948 51.82507032132897)</t>
  </si>
  <si>
    <t>POINT (4.693526662109478 51.84151063868282)</t>
  </si>
  <si>
    <t>POINT (4.677303404242487 51.83527375732817)</t>
  </si>
  <si>
    <t>POINT (4.696812712800483 51.836897603362424)</t>
  </si>
  <si>
    <t>POINT (4.69608173405507 51.84101374214968)</t>
  </si>
  <si>
    <t>POINT (4.691427148179869 51.82907716466283)</t>
  </si>
  <si>
    <t>POINT (4.721597218283795 51.83442857684651)</t>
  </si>
  <si>
    <t>POINT (4.7026793622094285 51.83409757445801)</t>
  </si>
  <si>
    <t>POINT (4.697696040949932 51.83506437772466)</t>
  </si>
  <si>
    <t>POINT (4.722489810240224 51.834588346222596)</t>
  </si>
  <si>
    <t>POINT (4.678997511859205 51.83345702069642)</t>
  </si>
  <si>
    <t>POINT (4.681178017032029 51.822265192173305)</t>
  </si>
  <si>
    <t>POINT (4.702149560848132 51.83042925416679)</t>
  </si>
  <si>
    <t>POINT (4.680473279522408 51.830325982810606)</t>
  </si>
  <si>
    <t>POINT (4.716514354070765 51.83448181278831)</t>
  </si>
  <si>
    <t>POINT (4.689716435917092 51.82329012722419)</t>
  </si>
  <si>
    <t>POINT (4.7070375690692625 51.82634432029013)</t>
  </si>
  <si>
    <t>POINT (4.705206670909853 51.83719183077799)</t>
  </si>
  <si>
    <t>POINT (4.706840234044039 51.82912077980873)</t>
  </si>
  <si>
    <t>POINT (4.689156047890088 51.82317430285109)</t>
  </si>
  <si>
    <t>POINT (4.684609432797145 51.82533574041253)</t>
  </si>
  <si>
    <t>POINT (4.703757197686852 51.83108106036934)</t>
  </si>
  <si>
    <t>POINT (4.684021083896306 51.82607961440823)</t>
  </si>
  <si>
    <t>POINT (4.692087389859847 51.83233457660609)</t>
  </si>
  <si>
    <t>POINT (4.701837000158593 51.82945883283788)</t>
  </si>
  <si>
    <t>POINT (4.726529873664976 51.83298800768728)</t>
  </si>
  <si>
    <t>POINT (4.691751089932933 51.83790027889008)</t>
  </si>
  <si>
    <t>POINT (4.68433578095259 51.83744174156713)</t>
  </si>
  <si>
    <t>POINT (4.678718042067585 51.832447913849144)</t>
  </si>
  <si>
    <t>POINT (4.735828045757858 51.83285912693959)</t>
  </si>
  <si>
    <t>POINT (4.677397083521509 51.82254010093363)</t>
  </si>
  <si>
    <t>POINT (4.6939932960401185 51.82948419781675)</t>
  </si>
  <si>
    <t>POINT (4.679713654358786 51.83594636626752)</t>
  </si>
  <si>
    <t>POINT (4.703408326863525 51.828529466881996)</t>
  </si>
  <si>
    <t>POINT (4.706685379013623 51.82578662877189)</t>
  </si>
  <si>
    <t>POINT (4.6881926216416225 51.84057530323457)</t>
  </si>
  <si>
    <t>POINT (4.676815862134978 51.83567896446383)</t>
  </si>
  <si>
    <t>POINT (4.678862006028928 51.82891785272363)</t>
  </si>
  <si>
    <t>POINT (4.69991159010559 51.83083935703563)</t>
  </si>
  <si>
    <t>POINT (4.72227170622751 51.82941333792822)</t>
  </si>
  <si>
    <t>POINT (4.719600771095089 51.83204715892604)</t>
  </si>
  <si>
    <t>POINT (4.731027181716667 51.82838683210892)</t>
  </si>
  <si>
    <t>POINT (4.675294261348616 51.83173010332965)</t>
  </si>
  <si>
    <t>POINT (4.706938781948896 51.82904576558761)</t>
  </si>
  <si>
    <t>POINT (4.69399854854779 51.829569018650815)</t>
  </si>
  <si>
    <t>POINT (4.693406069323687 51.83868999630551)</t>
  </si>
  <si>
    <t>POINT (4.6863582593774105 51.83571383962293)</t>
  </si>
  <si>
    <t>POINT (4.679890902312268 51.8222680133128)</t>
  </si>
  <si>
    <t>POINT (4.683852498723977 51.83763520391655)</t>
  </si>
  <si>
    <t>POINT (4.728347538141002 51.83020095057826)</t>
  </si>
  <si>
    <t>POINT (4.706711559695042 51.83456185506798)</t>
  </si>
  <si>
    <t>POINT (4.703915566064358 51.83934525045897)</t>
  </si>
  <si>
    <t>POINT (4.67693499429948 51.833553106515915)</t>
  </si>
  <si>
    <t>POINT (4.677938127330355 51.83700068087045)</t>
  </si>
  <si>
    <t>POINT (4.713462737572134 51.832569008004924)</t>
  </si>
  <si>
    <t>POINT (4.685427070331966 51.8402295512621)</t>
  </si>
  <si>
    <t>POINT (4.679745199793464 51.836572732124566)</t>
  </si>
  <si>
    <t>POINT (4.678776626174493 51.83790154274284)</t>
  </si>
  <si>
    <t>POINT (4.688606810277108 51.83317878366841)</t>
  </si>
  <si>
    <t>POINT (4.675022235295398 51.828906537842386)</t>
  </si>
  <si>
    <t>POINT (4.69196674704753 51.83354708522954)</t>
  </si>
  <si>
    <t>POINT (4.701185219554806 51.84133691821428)</t>
  </si>
  <si>
    <t>POINT (4.702811537816574 51.833842483885554)</t>
  </si>
  <si>
    <t>POINT (4.710615838665135 51.82738230619319)</t>
  </si>
  <si>
    <t>POINT (4.681680778896479 51.82442862042896)</t>
  </si>
  <si>
    <t>POINT (4.6769518806072945 51.836770954936256)</t>
  </si>
  <si>
    <t>POINT (4.703919300994395 51.83427515943818)</t>
  </si>
  <si>
    <t>POINT (4.677098111532797 51.82269803894452)</t>
  </si>
  <si>
    <t>POINT (4.720012301047463 51.831907460515566)</t>
  </si>
  <si>
    <t>POINT (4.68661494477421 51.841659348273815)</t>
  </si>
  <si>
    <t>POINT (4.718541229238513 51.836003965140975)</t>
  </si>
  <si>
    <t>POINT (4.679497000492495 51.835303442088005)</t>
  </si>
  <si>
    <t>POINT (4.689661088104946 51.83755043726598)</t>
  </si>
  <si>
    <t>POINT (4.694275676840257 51.82438871301678)</t>
  </si>
  <si>
    <t>POINT (4.6785533392032495 51.830311702298665)</t>
  </si>
  <si>
    <t>POINT (4.6754211370928385 51.83145529866827)</t>
  </si>
  <si>
    <t>POINT (4.684214096264183 51.8358705182102)</t>
  </si>
  <si>
    <t>POINT (4.685775760923448 51.824086453452324)</t>
  </si>
  <si>
    <t>POINT (4.70890718743816 51.8286617736966)</t>
  </si>
  <si>
    <t>POINT (4.6898650535196005 51.82504916257158)</t>
  </si>
  <si>
    <t>POINT (4.683812006064801 51.82436663502409)</t>
  </si>
  <si>
    <t>POINT (4.705175353313051 51.83691998577894)</t>
  </si>
  <si>
    <t>POINT (4.701066407651689 51.82916887911473)</t>
  </si>
  <si>
    <t>POINT (4.690571498441212 51.840926606119076)</t>
  </si>
  <si>
    <t>POINT (4.706738560655121 51.83428325644468)</t>
  </si>
  <si>
    <t>POINT (4.698352647092137 51.83266541007199)</t>
  </si>
  <si>
    <t>POINT (4.6977316203841015 51.829731658802025)</t>
  </si>
  <si>
    <t>POINT (4.699742406610774 51.832396653293216)</t>
  </si>
  <si>
    <t>POINT (4.677089341218977 51.83728395938097)</t>
  </si>
  <si>
    <t>POINT (4.692417437608907 51.83043011259676)</t>
  </si>
  <si>
    <t>POINT (4.700990517405637 51.830794379988426)</t>
  </si>
  <si>
    <t>POINT (4.680597315068264 51.843815766062654)</t>
  </si>
  <si>
    <t>POINT (4.699710265087572 51.83185692255527)</t>
  </si>
  <si>
    <t>POINT (4.678966863000147 51.830176941334436)</t>
  </si>
  <si>
    <t>POINT (4.694165023642641 51.83221284929183)</t>
  </si>
  <si>
    <t>POINT (4.673991993816882 51.83189674897237)</t>
  </si>
  <si>
    <t>POINT (4.694582509408652 51.830027875006046)</t>
  </si>
  <si>
    <t>POINT (4.683115455606703 51.82750434250752)</t>
  </si>
  <si>
    <t>POINT (4.7304142989535105 51.83134283175974)</t>
  </si>
  <si>
    <t>POINT (4.682350216464566 51.83949359226043)</t>
  </si>
  <si>
    <t>POINT (4.680867484828315 51.82622543251856)</t>
  </si>
  <si>
    <t>POINT (4.6806711866809305 51.838624015177146)</t>
  </si>
  <si>
    <t>POINT (4.693950433773212 51.8398131949342)</t>
  </si>
  <si>
    <t>POINT (4.700777481477137 51.83926405135871)</t>
  </si>
  <si>
    <t>POINT (4.701394910554486 51.83447826953168)</t>
  </si>
  <si>
    <t>POINT (4.700190531309428 51.83224664084314)</t>
  </si>
  <si>
    <t>POINT (4.707352045139865 51.83431540367026)</t>
  </si>
  <si>
    <t>POINT (4.699207318823429 51.835188047103934)</t>
  </si>
  <si>
    <t>POINT (4.689871858848353 51.82514371860935)</t>
  </si>
  <si>
    <t>POINT (4.692887979091168 51.840713401444795)</t>
  </si>
  <si>
    <t>POINT (4.686572419616914 51.82770045010999)</t>
  </si>
  <si>
    <t>POINT (4.704448174812975 51.8397874160701)</t>
  </si>
  <si>
    <t>POINT (4.69946772655047 51.8379257194431)</t>
  </si>
  <si>
    <t>POINT (4.707108805285922 51.83764408060467)</t>
  </si>
  <si>
    <t>POINT (4.693042767797428 51.83265113784039)</t>
  </si>
  <si>
    <t>POINT (4.686328319259592 51.83539066319346)</t>
  </si>
  <si>
    <t>POINT (4.6863115574558805 51.83675822910761)</t>
  </si>
  <si>
    <t>POINT (4.681696030097165 51.826065662493434)</t>
  </si>
  <si>
    <t>POINT (4.720956916492262 51.83428220557306)</t>
  </si>
  <si>
    <t>POINT (4.702107449548413 51.83594915778468)</t>
  </si>
  <si>
    <t>POINT (4.689049976845267 51.84439857579303)</t>
  </si>
  <si>
    <t>POINT (4.702180222875848 51.83178964636526)</t>
  </si>
  <si>
    <t>POINT (4.680977178416671 51.82255233995948)</t>
  </si>
  <si>
    <t>POINT (4.6938655562806835 51.83543586977393)</t>
  </si>
  <si>
    <t>POINT (4.707908020355603 51.83722865165076)</t>
  </si>
  <si>
    <t>POINT (4.7037502795348445 51.83109622884876)</t>
  </si>
  <si>
    <t>POINT (4.720167316982275 51.83309644734166)</t>
  </si>
  <si>
    <t>POINT (4.693780307488412 51.82997396211117)</t>
  </si>
  <si>
    <t>POINT (4.6813735487210115 51.8257966709073)</t>
  </si>
  <si>
    <t>POINT (4.696020988007926 51.83866274240637)</t>
  </si>
  <si>
    <t>POINT (4.686816351203177 51.835959050975724)</t>
  </si>
  <si>
    <t>POINT (4.684133389928039 51.83521627321135)</t>
  </si>
  <si>
    <t>POINT (4.679317719327573 51.834662909061194)</t>
  </si>
  <si>
    <t>POINT (4.680627495815271 51.84364117271856)</t>
  </si>
  <si>
    <t>POINT (4.723920293093308 51.8342458275314)</t>
  </si>
  <si>
    <t>POINT (4.679115431013949 51.83823784729239)</t>
  </si>
  <si>
    <t>POINT (4.677936527968021 51.8317786008662)</t>
  </si>
  <si>
    <t>POINT (4.691731095566102 51.82831900333236)</t>
  </si>
  <si>
    <t>POINT (4.726245106037401 51.82843995663412)</t>
  </si>
  <si>
    <t>POINT (4.689450896988063 51.82420211911197)</t>
  </si>
  <si>
    <t>POINT (4.686392412409954 51.826088034822945)</t>
  </si>
  <si>
    <t>POINT (4.696119338190676 51.83691469195013)</t>
  </si>
  <si>
    <t>POINT (4.7082599193590395 51.83586856108168)</t>
  </si>
  <si>
    <t>POINT (4.703104426542673 51.833356899678996)</t>
  </si>
  <si>
    <t>POINT (4.689731217130977 51.825750632240094)</t>
  </si>
  <si>
    <t>POINT (4.730029189165481 51.83294736277274)</t>
  </si>
  <si>
    <t>POINT (4.678594782565768 51.82229187133695)</t>
  </si>
  <si>
    <t>POINT (4.720912680439096 51.83500130399598)</t>
  </si>
  <si>
    <t>POINT (4.702246268585805 51.83615573538491)</t>
  </si>
  <si>
    <t>POINT (4.67628516999645 51.8309220964815)</t>
  </si>
  <si>
    <t>POINT (4.700074437834975 51.841649015151994)</t>
  </si>
  <si>
    <t>POINT (4.685923897396197 51.83294970217157)</t>
  </si>
  <si>
    <t>POINT (4.686882538128253 51.82307337195966)</t>
  </si>
  <si>
    <t>POINT (4.681917246618617 51.838196286697844)</t>
  </si>
  <si>
    <t>POINT (4.722913317883961 51.82952647887582)</t>
  </si>
  <si>
    <t>POINT (4.68684154964881 51.82301995053343)</t>
  </si>
  <si>
    <t>POINT (4.688522504691401 51.82386092438677)</t>
  </si>
  <si>
    <t>POINT (4.685856862341847 51.840472026142564)</t>
  </si>
  <si>
    <t>POINT (4.682567543267865 51.8362473110451)</t>
  </si>
  <si>
    <t>POINT (4.72619769888653 51.83250970558391)</t>
  </si>
  <si>
    <t>POINT (4.735642360901409 51.832820506156835)</t>
  </si>
  <si>
    <t>POINT (4.68248048406585 51.845460300571965)</t>
  </si>
  <si>
    <t>POINT (4.687522554849408 51.82399826484103)</t>
  </si>
  <si>
    <t>POINT (4.690931654147189 51.827588143587626)</t>
  </si>
  <si>
    <t>POINT (4.716625672334499 51.82963811482247)</t>
  </si>
  <si>
    <t>POINT (4.711782618273445 51.830177656362224)</t>
  </si>
  <si>
    <t>POINT (4.683060966587139 51.83689535927195)</t>
  </si>
  <si>
    <t>POINT (4.676992830976066 51.83394857038729)</t>
  </si>
  <si>
    <t>POINT (4.69512555395115 51.831619459620455)</t>
  </si>
  <si>
    <t>POINT (4.67957407204564 51.837992723953995)</t>
  </si>
  <si>
    <t>POINT (4.68005233602083 51.826121811035016)</t>
  </si>
  <si>
    <t>POINT (4.682172228443513 51.83110699357941)</t>
  </si>
  <si>
    <t>POINT (4.716323400774856 51.83229237142511)</t>
  </si>
  <si>
    <t>POINT (4.6886829763561755 51.82674656079007)</t>
  </si>
  <si>
    <t>POINT (4.682404347609543 51.83703989340101)</t>
  </si>
  <si>
    <t>POINT (4.696607151887225 51.83319746555468)</t>
  </si>
  <si>
    <t>POINT (4.678130017787809 51.82982521502358)</t>
  </si>
  <si>
    <t>POINT (4.686825704343677 51.83681810575088)</t>
  </si>
  <si>
    <t>POINT (4.682837939079494 51.829707080411175)</t>
  </si>
  <si>
    <t>POINT (4.714455279748362 51.832732028069785)</t>
  </si>
  <si>
    <t>POINT (4.731143313992838 51.83296634929017)</t>
  </si>
  <si>
    <t>POINT (4.72010137060293 51.83527038172909)</t>
  </si>
  <si>
    <t>POINT (4.686789363614329 51.84508955056672)</t>
  </si>
  <si>
    <t>POINT (4.686553663145308 51.834055406887934)</t>
  </si>
  <si>
    <t>POINT (4.69088535200995 51.83829637272752)</t>
  </si>
  <si>
    <t>POINT (4.710855521476244 51.829027131745725)</t>
  </si>
  <si>
    <t>POINT (4.705157707901963 51.83796769564644)</t>
  </si>
  <si>
    <t>POINT (4.703926756362068 51.82782087384704)</t>
  </si>
  <si>
    <t>POINT (4.690110178229199 51.82417384813123)</t>
  </si>
  <si>
    <t>POINT (4.683919437364469 51.827865436362494)</t>
  </si>
  <si>
    <t>POINT (4.696080748474349 51.83939436383055)</t>
  </si>
  <si>
    <t>POINT (4.688349276910483 51.82577046597739)</t>
  </si>
  <si>
    <t>POINT (4.698181762267052 51.83588500589868)</t>
  </si>
  <si>
    <t>POINT (4.693424675266903 51.84237857985772)</t>
  </si>
  <si>
    <t>POINT (4.687284765463907 51.82421591845178)</t>
  </si>
  <si>
    <t>POINT (4.725557992860791 51.832427361580955)</t>
  </si>
  <si>
    <t>POINT (4.692041366387353 51.82885430802527)</t>
  </si>
  <si>
    <t>POINT (4.6861052200158095 51.83432060892993)</t>
  </si>
  <si>
    <t>POINT (4.679512621310106 51.82893819031788)</t>
  </si>
  <si>
    <t>POINT (4.687135413766338 51.83585438481359)</t>
  </si>
  <si>
    <t>POINT (4.688694891750156 51.823285058982)</t>
  </si>
  <si>
    <t>POINT (4.690216195452495 51.82328019727102)</t>
  </si>
  <si>
    <t>POINT (4.676785702898452 51.83559027077152)</t>
  </si>
  <si>
    <t>POINT (4.687984154857783 51.83290357474484)</t>
  </si>
  <si>
    <t>POINT (4.707847565457421 51.826059739022384)</t>
  </si>
  <si>
    <t>POINT (4.676834418044609 51.83564500978538)</t>
  </si>
  <si>
    <t>POINT (4.697375921286209 51.83248993322695)</t>
  </si>
  <si>
    <t>POINT (4.68224860770392 51.83004731342485)</t>
  </si>
  <si>
    <t>POINT (4.711606698142158 51.828739857547596)</t>
  </si>
  <si>
    <t>POINT (4.683511227709443 51.82551889403378)</t>
  </si>
  <si>
    <t>POINT (4.691932869911707 51.83217334020838)</t>
  </si>
  <si>
    <t>POINT (4.68369416209825 51.82777433476805)</t>
  </si>
  <si>
    <t>POINT (4.703969856410296 51.834477562892495)</t>
  </si>
  <si>
    <t>POINT (4.703966621785485 51.83071527380718)</t>
  </si>
  <si>
    <t>POINT (4.678395558128777 51.83041663596048)</t>
  </si>
  <si>
    <t>POINT (4.688398988027693 51.82501930211931)</t>
  </si>
  <si>
    <t>POINT (4.707198998740745 51.838583311326225)</t>
  </si>
  <si>
    <t>POINT (4.7248218667429756 51.83135714315303)</t>
  </si>
  <si>
    <t>POINT (4.692699141022722 51.82836330513071)</t>
  </si>
  <si>
    <t>POINT (4.718837193164756 51.8351020164607)</t>
  </si>
  <si>
    <t>POINT (4.683381375665616 51.82551387283333)</t>
  </si>
  <si>
    <t>POINT (4.682652919989197 51.822584837699935)</t>
  </si>
  <si>
    <t>POINT (4.7205778403672625 51.833558798443235)</t>
  </si>
  <si>
    <t>POINT (4.711443028981386 51.830348759881204)</t>
  </si>
  <si>
    <t>POINT (4.686537950179633 51.83432037906175)</t>
  </si>
  <si>
    <t>POINT (4.69523987344596 51.84092715771568)</t>
  </si>
  <si>
    <t>POINT (4.687842639746391 51.83347846301974)</t>
  </si>
  <si>
    <t>POINT (4.695992243287851 51.83861734240747)</t>
  </si>
  <si>
    <t>POINT (4.691429001720337 51.83339666542376)</t>
  </si>
  <si>
    <t>POINT (4.676874929151249 51.82278404923273)</t>
  </si>
  <si>
    <t>POINT (4.707142557856618 51.83660190200677)</t>
  </si>
  <si>
    <t>POINT (4.676808609344633 51.834196369315535)</t>
  </si>
  <si>
    <t>POINT (4.684095945220476 51.826943746161234)</t>
  </si>
  <si>
    <t>POINT (4.682002230355763 51.83828911052267)</t>
  </si>
  <si>
    <t>POINT (4.68982914325191 51.83893672756274)</t>
  </si>
  <si>
    <t>POINT (4.699773809060206 51.83180850440213)</t>
  </si>
  <si>
    <t>POINT (4.715275556403786 51.835585200223754)</t>
  </si>
  <si>
    <t>POINT (4.687651910556694 51.82717883258672)</t>
  </si>
  <si>
    <t>POINT (4.682358367842679 51.82272195290122)</t>
  </si>
  <si>
    <t>POINT (4.691275713054853 51.82352866524858)</t>
  </si>
  <si>
    <t>POINT (4.680683304042927 51.837572848796114)</t>
  </si>
  <si>
    <t>POINT (4.691398432009478 51.84245911791508)</t>
  </si>
  <si>
    <t>POINT (4.700500183402781 51.84066556240118)</t>
  </si>
  <si>
    <t>POINT (4.702536358517649 51.833712180140544)</t>
  </si>
  <si>
    <t>POINT (4.687517592000899 51.8436993880124)</t>
  </si>
  <si>
    <t>POINT (4.71776421018291 51.82991223143428)</t>
  </si>
  <si>
    <t>POINT (4.710106383127204 51.827912295242506)</t>
  </si>
  <si>
    <t>POINT (4.7060068690244465 51.83892882601953)</t>
  </si>
  <si>
    <t>POINT (4.69993623926351 51.840362653829715)</t>
  </si>
  <si>
    <t>POINT (4.693935147041378 51.83975613475385)</t>
  </si>
  <si>
    <t>POINT (4.685141620715192 51.83577744543362)</t>
  </si>
  <si>
    <t>POINT (4.697655853107602 51.83538466716827)</t>
  </si>
  <si>
    <t>POINT (4.693997559382965 51.82972008483431)</t>
  </si>
  <si>
    <t>POINT (4.70714853767803 51.8352127274916)</t>
  </si>
  <si>
    <t>POINT (4.7074972153583605 51.83473796342015)</t>
  </si>
  <si>
    <t>POINT (4.680118055876491 51.83970938891523)</t>
  </si>
  <si>
    <t>POINT (4.695052839210113 51.83133615857606)</t>
  </si>
  <si>
    <t>POINT (4.698622303213648 51.83922527382338)</t>
  </si>
  <si>
    <t>POINT (4.695373069571661 51.83214233128077)</t>
  </si>
  <si>
    <t>POINT (4.695168601556101 51.83838198589474)</t>
  </si>
  <si>
    <t>POINT (4.685237662482401 51.8398039037639)</t>
  </si>
  <si>
    <t>POINT (4.729765731205784 51.82924131408835)</t>
  </si>
  <si>
    <t>POINT (4.679790477322802 51.832771411029434)</t>
  </si>
  <si>
    <t>POINT (4.713646071639584 51.83407772984595)</t>
  </si>
  <si>
    <t>POINT (4.6859720108478475 51.83041929148859)</t>
  </si>
  <si>
    <t>POINT (4.678515487914426 51.82661446849446)</t>
  </si>
  <si>
    <t>POINT (4.686761492550372 51.84179380269604)</t>
  </si>
  <si>
    <t>POINT (4.67711430375744 51.822714325482)</t>
  </si>
  <si>
    <t>POINT (4.725301345128708 51.83485884327383)</t>
  </si>
  <si>
    <t>POINT (4.683404889343654 51.82526310463591)</t>
  </si>
  <si>
    <t>POINT (4.736023033720417 51.83274394115883)</t>
  </si>
  <si>
    <t>POINT (4.694152520801534 51.83910781012282)</t>
  </si>
  <si>
    <t>POINT (4.683653472177717 51.83536671724181)</t>
  </si>
  <si>
    <t>POINT (4.699923880644667 51.8317723230052)</t>
  </si>
  <si>
    <t>POINT (4.707897336838666 51.82960707446586)</t>
  </si>
  <si>
    <t>POINT (4.67789339319055 51.82242186232445)</t>
  </si>
  <si>
    <t>POINT (4.718504380962159 51.83595960320257)</t>
  </si>
  <si>
    <t>POINT (4.694057510635941 51.82972247028844)</t>
  </si>
  <si>
    <t>POINT (4.698545337507848 51.82437465996899)</t>
  </si>
  <si>
    <t>POINT (4.714513836808039 51.83579607035378)</t>
  </si>
  <si>
    <t>POINT (4.689573700203582 51.8251721217528)</t>
  </si>
  <si>
    <t>POINT (4.706965901624883 51.82622461687107)</t>
  </si>
  <si>
    <t>POINT (4.699515787494534 51.82901146571582)</t>
  </si>
  <si>
    <t>POINT (4.683478553319929 51.82553140809205)</t>
  </si>
  <si>
    <t>POINT (4.6905398621684435 51.829095874726235)</t>
  </si>
  <si>
    <t>POINT (4.679326588005378 51.83288954786159)</t>
  </si>
  <si>
    <t>POINT (4.686147822694546 51.834367864946955)</t>
  </si>
  <si>
    <t>POINT (4.676999656194914 51.82275844926577)</t>
  </si>
  <si>
    <t>POINT (4.687644655969612 51.84071494067608)</t>
  </si>
  <si>
    <t>POINT (4.686876044859618 51.823027302339014)</t>
  </si>
  <si>
    <t>POINT (4.709881221654075 51.82844715877261)</t>
  </si>
  <si>
    <t>POINT (4.6883204028339325 51.8357386425798)</t>
  </si>
  <si>
    <t>POINT (4.682973944791092 51.83760408576765)</t>
  </si>
  <si>
    <t>POINT (4.678732119826727 51.83310921263005)</t>
  </si>
  <si>
    <t>POINT (4.723707649298482 51.83433569847351)</t>
  </si>
  <si>
    <t>POINT (4.713920877760757 51.831367035778875)</t>
  </si>
  <si>
    <t>POINT (4.721180861333988 51.83602237673064)</t>
  </si>
  <si>
    <t>POINT (4.68212474243047 51.8259119977954)</t>
  </si>
  <si>
    <t>POINT (4.706530647860301 51.836259880285766)</t>
  </si>
  <si>
    <t>POINT (4.7041062545870584 51.83571112832642)</t>
  </si>
  <si>
    <t>POINT (4.693601827619978 51.830571191316615)</t>
  </si>
  <si>
    <t>POINT (4.714984751621616 51.83391712714568)</t>
  </si>
  <si>
    <t>POINT (4.692637738507959 51.83509926834714)</t>
  </si>
  <si>
    <t>POINT (4.685084289263398 51.82526752659084)</t>
  </si>
  <si>
    <t>POINT (4.707692946444414 51.83684066271085)</t>
  </si>
  <si>
    <t>POINT (4.691710436924808 51.843143760474916)</t>
  </si>
  <si>
    <t>POINT (4.704583460050124 51.83696310672535)</t>
  </si>
  <si>
    <t>POINT (4.706564958233167 51.8262077220583)</t>
  </si>
  <si>
    <t>POINT (4.686933425972159 51.83624760146809)</t>
  </si>
  <si>
    <t>POINT (4.700868574327855 51.833766584120276)</t>
  </si>
  <si>
    <t>POINT (4.683173249608646 51.827421732926155)</t>
  </si>
  <si>
    <t>POINT (4.720724620513934 51.83468603063821)</t>
  </si>
  <si>
    <t>POINT (4.703218165642256 51.82967381608511)</t>
  </si>
  <si>
    <t>POINT (4.723713284751519 51.833967772646126)</t>
  </si>
  <si>
    <t>POINT (4.690807024193192 51.838787451364446)</t>
  </si>
  <si>
    <t>POINT (4.706302772225394 51.827562531804936)</t>
  </si>
  <si>
    <t>POINT (4.728530322747621 51.832481433352726)</t>
  </si>
  <si>
    <t>POINT (4.729065495503567 51.8336400550066)</t>
  </si>
  <si>
    <t>POINT (4.704839136719729 51.83849199326599)</t>
  </si>
  <si>
    <t>POINT (4.721252101415248 51.834218164729926)</t>
  </si>
  <si>
    <t>POINT (4.735085520952061 51.83157817366574)</t>
  </si>
  <si>
    <t>POINT (4.685156414912892 51.8342059783041)</t>
  </si>
  <si>
    <t>POINT (4.683850752457782 51.825955035891766)</t>
  </si>
  <si>
    <t>POINT (4.721036615471848 51.82925262092646)</t>
  </si>
  <si>
    <t>POINT (4.6925239214660195 51.827147732189076)</t>
  </si>
  <si>
    <t>POINT (4.686268762764157 51.839226324532376)</t>
  </si>
  <si>
    <t>POINT (4.69260629644587 51.83869166711404)</t>
  </si>
  <si>
    <t>POINT (4.729466212698531 51.832282028232974)</t>
  </si>
  <si>
    <t>POINT (4.675669002038685 51.828851692308774)</t>
  </si>
  <si>
    <t>POINT (4.6888277548665185 51.82306916025582)</t>
  </si>
  <si>
    <t>POINT (4.684463509764237 51.828468543241456)</t>
  </si>
  <si>
    <t>POINT (4.736188103059626 51.83284276052339)</t>
  </si>
  <si>
    <t>POINT (4.684097559491563 51.82807506702126)</t>
  </si>
  <si>
    <t>POINT (4.696370515857033 51.83631565804821)</t>
  </si>
  <si>
    <t>POINT (4.711318904198105 51.83003622095958)</t>
  </si>
  <si>
    <t>POINT (4.7013316484921335 51.828067559979125)</t>
  </si>
  <si>
    <t>POINT (4.699562511583111 51.83029324879221)</t>
  </si>
  <si>
    <t>POINT (4.691468275667819 51.8291241673385)</t>
  </si>
  <si>
    <t>POINT (4.688246923173426 51.839709140528)</t>
  </si>
  <si>
    <t>POINT (4.6931054091119915 51.831486428301595)</t>
  </si>
  <si>
    <t>POINT (4.68460223185145 51.8266602106696)</t>
  </si>
  <si>
    <t>POINT (4.719785370860681 51.82969148359869)</t>
  </si>
  <si>
    <t>POINT (4.7057016855151925 51.83758512606485)</t>
  </si>
  <si>
    <t>POINT (4.693603576670822 51.83004284059292)</t>
  </si>
  <si>
    <t>POINT (4.707073213751942 51.83757094976098)</t>
  </si>
  <si>
    <t>POINT (4.693931543691218 51.824710361932404)</t>
  </si>
  <si>
    <t>POINT (4.690749787062205 51.829320757801945)</t>
  </si>
  <si>
    <t>POINT (4.697674862583236 51.83503751216416)</t>
  </si>
  <si>
    <t>POINT (4.684606872403646 51.826732884700604)</t>
  </si>
  <si>
    <t>POINT (4.681982890865371 51.83342514219374)</t>
  </si>
  <si>
    <t>POINT (4.697376852842916 51.839569696303805)</t>
  </si>
  <si>
    <t>POINT (4.676893623702738 51.8355791756506)</t>
  </si>
  <si>
    <t>POINT (4.688716794717816 51.82797803547738)</t>
  </si>
  <si>
    <t>POINT (4.692043028754309 51.82995029363871)</t>
  </si>
  <si>
    <t>POINT (4.684966449528278 51.82715604675137)</t>
  </si>
  <si>
    <t>POINT (4.677376182709664 51.83523781137457)</t>
  </si>
  <si>
    <t>POINT (4.684326861802553 51.82811646674842)</t>
  </si>
  <si>
    <t>POINT (4.678574122953948 51.83033143201175)</t>
  </si>
  <si>
    <t>POINT (4.691526212847533 51.823484074442774)</t>
  </si>
  <si>
    <t>POINT (4.70430407330157 51.83224196919706)</t>
  </si>
  <si>
    <t>POINT (4.729407757546793 51.83314778880445)</t>
  </si>
  <si>
    <t>POINT (4.686444700913807 51.83690449601218)</t>
  </si>
  <si>
    <t>POINT (4.679746827718512 51.83840582234034)</t>
  </si>
  <si>
    <t>POINT (4.69127118793682 51.82941869831167)</t>
  </si>
  <si>
    <t>POINT (4.692805588527555 51.83504221272737)</t>
  </si>
  <si>
    <t>POINT (4.687880120639394 51.839533655382226)</t>
  </si>
  <si>
    <t>POINT (4.68303731486672 51.82739157857842)</t>
  </si>
  <si>
    <t>POINT (4.679639458305153 51.835974691740525)</t>
  </si>
  <si>
    <t>POINT (4.696964915914194 51.838343069422)</t>
  </si>
  <si>
    <t>POINT (4.686080239786837 51.84079757129875)</t>
  </si>
  <si>
    <t>POINT (4.69195773472906 51.825883704958606)</t>
  </si>
  <si>
    <t>POINT (4.694136250067809 51.82993607376856)</t>
  </si>
  <si>
    <t>POINT (4.695928137650742 51.83342556449683)</t>
  </si>
  <si>
    <t>POINT (4.706602079259563 51.83861204960102)</t>
  </si>
  <si>
    <t>POINT (4.693090938033963 51.83865217006894)</t>
  </si>
  <si>
    <t>POINT (4.704161620811207 51.83067880918357)</t>
  </si>
  <si>
    <t>POINT (4.689737557099186 51.825697151521226)</t>
  </si>
  <si>
    <t>POINT (4.687351330566872 51.8230268024883)</t>
  </si>
  <si>
    <t>POINT (4.687271133094716 51.837907317383994)</t>
  </si>
  <si>
    <t>POINT (4.707734685444814 51.838048444165025)</t>
  </si>
  <si>
    <t>POINT (4.708533940836377 51.828117242571786)</t>
  </si>
  <si>
    <t>POINT (4.6857522729373215 51.82496650860758)</t>
  </si>
  <si>
    <t>POINT (4.68698739202016 51.82545638495512)</t>
  </si>
  <si>
    <t>POINT (4.7002703740678005 51.836789591528174)</t>
  </si>
  <si>
    <t>POINT (4.681907015887439 51.83695158643668)</t>
  </si>
  <si>
    <t>POINT (4.6839722330143605 51.83552793280839)</t>
  </si>
  <si>
    <t>POINT (4.692836193666254 51.8304558979287)</t>
  </si>
  <si>
    <t>POINT (4.6827666636872305 51.82961153484362)</t>
  </si>
  <si>
    <t>POINT (4.698570626950025 51.83425885388174)</t>
  </si>
  <si>
    <t>POINT (4.683773344143607 51.8395841580387)</t>
  </si>
  <si>
    <t>POINT (4.682833435584535 51.82546865389489)</t>
  </si>
  <si>
    <t>POINT (4.72315763367644 51.83410442173656)</t>
  </si>
  <si>
    <t>POINT (4.676893151142308 51.835552090004256)</t>
  </si>
  <si>
    <t>POINT (4.695138251201906 51.83760805697166)</t>
  </si>
  <si>
    <t>POINT (4.683160187291046 51.82755028213829)</t>
  </si>
  <si>
    <t>POINT (4.706070010679746 51.83726414972083)</t>
  </si>
  <si>
    <t>POINT (4.703759471661716 51.82841826413688)</t>
  </si>
  <si>
    <t>POINT (4.693261560951511 51.8430779105471)</t>
  </si>
  <si>
    <t>POINT (4.6995982119242825 51.82898327482707)</t>
  </si>
  <si>
    <t>POINT (4.6836635852868875 51.82604758490949)</t>
  </si>
  <si>
    <t>POINT (4.7285564241229565 51.83191659192973)</t>
  </si>
  <si>
    <t>POINT (4.694356955707976 51.838584287702886)</t>
  </si>
  <si>
    <t>POINT (4.69001156660697 51.83144587413516)</t>
  </si>
  <si>
    <t>POINT (4.695267990280202 51.832418004560786)</t>
  </si>
  <si>
    <t>POINT (4.711634184062251 51.82879050483865)</t>
  </si>
  <si>
    <t>POINT (4.6974656895568785 51.836001131693145)</t>
  </si>
  <si>
    <t>POINT (4.681922378686767 51.83186959045645)</t>
  </si>
  <si>
    <t>POINT (4.725383128570185 51.83322924738615)</t>
  </si>
  <si>
    <t>POINT (4.723512410799751 51.83286464263787)</t>
  </si>
  <si>
    <t>POINT (4.709110456709386 51.837692503400724)</t>
  </si>
  <si>
    <t>POINT (4.690345994503958 51.823301408160326)</t>
  </si>
  <si>
    <t>POINT (4.677421670382592 51.82257689638231)</t>
  </si>
  <si>
    <t>POINT (4.7032508808549 51.82533415137416)</t>
  </si>
  <si>
    <t>POINT (4.700626062078437 51.833267654473175)</t>
  </si>
  <si>
    <t>POINT (4.677218995796379 51.83534335829647)</t>
  </si>
  <si>
    <t>POINT (4.722033640255747 51.8347384339409)</t>
  </si>
  <si>
    <t>POINT (4.694089012875025 51.83223942035207)</t>
  </si>
  <si>
    <t>POINT (4.677994100386126 51.8233806528076)</t>
  </si>
  <si>
    <t>POINT (4.69540977943109 51.83497888341303)</t>
  </si>
  <si>
    <t>POINT (4.716639047237558 51.83288270451971)</t>
  </si>
  <si>
    <t>POINT (4.682452415202421 51.84559583343357)</t>
  </si>
  <si>
    <t>POINT (4.700304056345099 51.83238377954058)</t>
  </si>
  <si>
    <t>POINT (4.686914741977037 51.82813595231385)</t>
  </si>
  <si>
    <t>POINT (4.684990185250027 51.829161205157995)</t>
  </si>
  <si>
    <t>POINT (4.7023860016076116 51.83354156190408)</t>
  </si>
  <si>
    <t>POINT (4.682585807754865 51.82940325206714)</t>
  </si>
  <si>
    <t>POINT (4.727441464423879 51.83273925129268)</t>
  </si>
  <si>
    <t>POINT (4.694816349094358 51.83729081987555)</t>
  </si>
  <si>
    <t>POINT (4.692456356983652 51.840454339659736)</t>
  </si>
  <si>
    <t>POINT (4.684671146424715 51.83572593944708)</t>
  </si>
  <si>
    <t>POINT (4.687698327771736 51.822911623063426)</t>
  </si>
  <si>
    <t>POINT (4.684006895997831 51.8252178325066)</t>
  </si>
  <si>
    <t>POINT (4.677368396285894 51.82898782233415)</t>
  </si>
  <si>
    <t>POINT (4.6842670417743655 51.82588676202365)</t>
  </si>
  <si>
    <t>POINT (4.693325107469041 51.82488147275933)</t>
  </si>
  <si>
    <t>POINT (4.683267081340471 51.834852938338514)</t>
  </si>
  <si>
    <t>POINT (4.684547689852286 51.82676986927933)</t>
  </si>
  <si>
    <t>POINT (4.690573580117559 51.82913976861727)</t>
  </si>
  <si>
    <t>POINT (4.694021070156951 51.829628971028995)</t>
  </si>
  <si>
    <t>POINT (4.6803827749995826 51.836763581242)</t>
  </si>
  <si>
    <t>POINT (4.710349965568836 51.82822624355198)</t>
  </si>
  <si>
    <t>POINT (4.6862506463760365 51.835418972069064)</t>
  </si>
  <si>
    <t>POINT (4.698950501279529 51.84053875509445)</t>
  </si>
  <si>
    <t>POINT (4.6919667872431 51.82581783587051)</t>
  </si>
  <si>
    <t>POINT (4.682625450654618 51.83773179968244)</t>
  </si>
  <si>
    <t>POINT (4.703825723570158 51.839096129308714)</t>
  </si>
  <si>
    <t>POINT (4.699656264817519 51.829078660680544)</t>
  </si>
  <si>
    <t>POINT (4.686197707622507 51.82394225252227)</t>
  </si>
  <si>
    <t>POINT (4.703529922911917 51.82831727044871)</t>
  </si>
  <si>
    <t>POINT (4.716180579050757 51.834559652400266)</t>
  </si>
  <si>
    <t>POINT (4.6833385014572055 51.82758477132101)</t>
  </si>
  <si>
    <t>POINT (4.725210124120404 51.833757961602394)</t>
  </si>
  <si>
    <t>POINT (4.680453580335223 51.82229479133131)</t>
  </si>
  <si>
    <t>POINT (4.679779202991595 51.8274134614424)</t>
  </si>
  <si>
    <t>POINT (4.683716256136122 51.83953792000495)</t>
  </si>
  <si>
    <t>POINT (4.695209581462107 51.83148737263282)</t>
  </si>
  <si>
    <t>POINT (4.708072289778413 51.83763264264471)</t>
  </si>
  <si>
    <t>POINT (4.686099537885498 51.83547180379066)</t>
  </si>
  <si>
    <t>POINT (4.704814394049345 51.83951050258929)</t>
  </si>
  <si>
    <t>POINT (4.702663724532032 51.83437911487608)</t>
  </si>
  <si>
    <t>POINT (4.680649424499665 51.83719621864259)</t>
  </si>
  <si>
    <t>POINT (4.690648977802699 51.83168202341264)</t>
  </si>
  <si>
    <t>POINT (4.679069935904922 51.822340877832254)</t>
  </si>
  <si>
    <t>POINT (4.697875225494143 51.82580550193857)</t>
  </si>
  <si>
    <t>POINT (4.693931618590271 51.83813633634828)</t>
  </si>
  <si>
    <t>POINT (4.6975921320731935 51.82537270800168)</t>
  </si>
  <si>
    <t>POINT (4.683883845311794 51.83543574615141)</t>
  </si>
  <si>
    <t>POINT (4.681793872555513 51.82270986058478)</t>
  </si>
  <si>
    <t>POINT (4.676985152322899 51.83016382645776)</t>
  </si>
  <si>
    <t>POINT (4.683006324550274 51.83573580270398)</t>
  </si>
  <si>
    <t>POINT (4.695127609564379 51.84213285014366)</t>
  </si>
  <si>
    <t>POINT (4.687457935074262 51.84424018377517)</t>
  </si>
  <si>
    <t>POINT (4.692748335870769 51.831666489121055)</t>
  </si>
  <si>
    <t>POINT (4.691127173485604 51.84332656624193)</t>
  </si>
  <si>
    <t>POINT (4.691119095033968 51.827574990315014)</t>
  </si>
  <si>
    <t>POINT (4.696154095602218 51.82861023650046)</t>
  </si>
  <si>
    <t>POINT (4.68300367878693 51.8227001547914)</t>
  </si>
  <si>
    <t>POINT (4.687512938300286 51.83569050754257)</t>
  </si>
  <si>
    <t>POINT (4.706738640369491 51.838519458451685)</t>
  </si>
  <si>
    <t>POINT (4.678166556595065 51.831285102490966)</t>
  </si>
  <si>
    <t>POINT (4.702872138496959 51.83583724212162)</t>
  </si>
  <si>
    <t>POINT (4.698243715640972 51.83488595996473)</t>
  </si>
  <si>
    <t>POINT (4.715390884541271 51.83562353153584)</t>
  </si>
  <si>
    <t>POINT (4.676492158860886 51.83073403990926)</t>
  </si>
  <si>
    <t>POINT (4.7186474382831705 51.834029700164095)</t>
  </si>
  <si>
    <t>POINT (4.680114237389695 51.83512488976363)</t>
  </si>
  <si>
    <t>POINT (4.700000864682942 51.83723432639279)</t>
  </si>
  <si>
    <t>POINT (4.6892920620259115 51.83114978245271)</t>
  </si>
  <si>
    <t>POINT (4.706395140240187 51.827612190432355)</t>
  </si>
  <si>
    <t>POINT (4.67759616141515 51.82325623559158)</t>
  </si>
  <si>
    <t>POINT (4.6825507472625185 51.83891129870984)</t>
  </si>
  <si>
    <t>POINT (4.6897547647410205 51.825594756250894)</t>
  </si>
  <si>
    <t>POINT (4.685109203784515 51.834833507460196)</t>
  </si>
  <si>
    <t>POINT (4.692099585372893 51.83097971073661)</t>
  </si>
  <si>
    <t>POINT (4.720623901060725 51.835268478011706)</t>
  </si>
  <si>
    <t>POINT (4.691996296992789 51.837389523096654)</t>
  </si>
  <si>
    <t>POINT (4.690313949205658 51.84097311287336)</t>
  </si>
  <si>
    <t>POINT (4.715370405533202 51.8355957473887)</t>
  </si>
  <si>
    <t>POINT (4.728652769730702 51.8295511060214)</t>
  </si>
  <si>
    <t>POINT (4.6859577664668715 51.8282441792346)</t>
  </si>
  <si>
    <t>POINT (4.68569983338291 51.839850009424005)</t>
  </si>
  <si>
    <t>POINT (4.703828427273381 51.831017206367896)</t>
  </si>
  <si>
    <t>POINT (4.6780921943735 51.83249523541524)</t>
  </si>
  <si>
    <t>POINT (4.704126312518216 51.83808604771103)</t>
  </si>
  <si>
    <t>POINT (4.68045955435073 51.84372876287293)</t>
  </si>
  <si>
    <t>POINT (4.6897154754260075 51.841288754116206)</t>
  </si>
  <si>
    <t>POINT (4.707271372852001 51.82730829415321)</t>
  </si>
  <si>
    <t>POINT (4.6781975271271845 51.82350766009169)</t>
  </si>
  <si>
    <t>POINT (4.706480945073236 51.82753261735622)</t>
  </si>
  <si>
    <t>POINT (4.684083210380535 51.827145393119714)</t>
  </si>
  <si>
    <t>POINT (4.696012100230162 51.82583612695221)</t>
  </si>
  <si>
    <t>POINT (4.694589304995136 51.83651369902024)</t>
  </si>
  <si>
    <t>POINT (4.709272143911158 51.828362574282934)</t>
  </si>
  <si>
    <t>POINT (4.684188508851399 51.826052078333404)</t>
  </si>
  <si>
    <t>POINT (4.683962149388223 51.827769423849084)</t>
  </si>
  <si>
    <t>POINT (4.689250210807786 51.844326715703794)</t>
  </si>
  <si>
    <t>POINT (4.706640831418673 51.8282140825451)</t>
  </si>
  <si>
    <t>POINT (4.681796499279674 51.822632852589074)</t>
  </si>
  <si>
    <t>POINT (4.6824486150323255 51.829020905331696)</t>
  </si>
  <si>
    <t>POINT (4.678852535180668 51.830202399465996)</t>
  </si>
  <si>
    <t>POINT (4.6922390383806105 51.82375291395734)</t>
  </si>
  <si>
    <t>POINT (4.701863148810128 51.83847254604152)</t>
  </si>
  <si>
    <t>POINT (4.685234646987611 51.82519744254079)</t>
  </si>
  <si>
    <t>POINT (4.73589316425155 51.83304044674664)</t>
  </si>
  <si>
    <t>POINT (4.715087386910395 51.83294052640209)</t>
  </si>
  <si>
    <t>POINT (4.6804278506763985 51.83007012608143)</t>
  </si>
  <si>
    <t>POINT (4.69730191962252 51.83519208273509)</t>
  </si>
  <si>
    <t>POINT (4.689139440407684 51.82543412968748)</t>
  </si>
  <si>
    <t>POINT (4.709134108120247 51.828737798188975)</t>
  </si>
  <si>
    <t>POINT (4.682707300165238 51.83600223861536)</t>
  </si>
  <si>
    <t>POINT (4.689644664691728 51.82803426709804)</t>
  </si>
  <si>
    <t>POINT (4.687413946792589 51.843947018212106)</t>
  </si>
  <si>
    <t>POINT (4.683945447827585 51.834643991336584)</t>
  </si>
  <si>
    <t>POINT (4.699711065527223 51.828953617182485)</t>
  </si>
  <si>
    <t>POINT (4.685198683490144 51.8290065621871)</t>
  </si>
  <si>
    <t>POINT (4.6811685012662485 51.823593082865386)</t>
  </si>
  <si>
    <t>POINT (4.68809893079969 51.82705160095123)</t>
  </si>
  <si>
    <t>POINT (4.6870943939598915 51.83386562893111)</t>
  </si>
  <si>
    <t>POINT (4.692963505955223 51.83119834830414)</t>
  </si>
  <si>
    <t>POINT (4.701752226966217 51.83361665730988)</t>
  </si>
  <si>
    <t>POINT (4.713443931926454 51.83328527494474)</t>
  </si>
  <si>
    <t>POINT (4.695521076223644 51.841524796414326)</t>
  </si>
  <si>
    <t>POINT (4.698983329353882 51.84032854188683)</t>
  </si>
  <si>
    <t>POINT (4.723520459017622 51.83432273044842)</t>
  </si>
  <si>
    <t>POINT (4.691628722159331 51.82652370659734)</t>
  </si>
  <si>
    <t>POINT (4.683977008070691 51.82778405649985)</t>
  </si>
  <si>
    <t>POINT (4.697351337303619 51.834669963029526)</t>
  </si>
  <si>
    <t>POINT (4.696862028545294 51.82864490051171)</t>
  </si>
  <si>
    <t>POINT (4.699562964499885 51.83404449434033)</t>
  </si>
  <si>
    <t>POINT (4.701989469268904 51.83507842432139)</t>
  </si>
  <si>
    <t>POINT (4.685743159321051 51.835311699579854)</t>
  </si>
  <si>
    <t>POINT (4.681027173234156 51.822585008918416)</t>
  </si>
  <si>
    <t>POINT (4.683985397954201 51.824071551857486)</t>
  </si>
  <si>
    <t>POINT (4.69246634252494 51.83167129235892)</t>
  </si>
  <si>
    <t>POINT (4.680577705555799 51.83558909438401)</t>
  </si>
  <si>
    <t>POINT (4.703528024049376 51.83118298722288)</t>
  </si>
  <si>
    <t>POINT (4.696248160700714 51.825793382563084)</t>
  </si>
  <si>
    <t>POINT (4.699484583070693 51.82906372258878)</t>
  </si>
  <si>
    <t>POINT (4.696567356959888 51.826521057741985)</t>
  </si>
  <si>
    <t>POINT (4.68037025338945 51.84342601845618)</t>
  </si>
  <si>
    <t>POINT (4.683912335629707 51.83597988229547)</t>
  </si>
  <si>
    <t>POINT (4.693158383721812 51.830216305608445)</t>
  </si>
  <si>
    <t>POINT (4.684666698234605 51.82857717383156)</t>
  </si>
  <si>
    <t>POINT (4.683116444075795 51.82585051785626)</t>
  </si>
  <si>
    <t>POINT (4.695428401747165 51.83614831498394)</t>
  </si>
  <si>
    <t>POINT (4.710981437026708 51.82834306781326)</t>
  </si>
  <si>
    <t>POINT (4.689766803447183 51.82698872381499)</t>
  </si>
  <si>
    <t>POINT (4.676925494116069 51.822979184415054)</t>
  </si>
  <si>
    <t>POINT (4.721718810648547 51.83511860264421)</t>
  </si>
  <si>
    <t>POINT (4.71068795046009 51.82905704203542)</t>
  </si>
  <si>
    <t>POINT (4.71513003133969 51.832847828255424)</t>
  </si>
  <si>
    <t>POINT (4.725258868142422 51.834785400559845)</t>
  </si>
  <si>
    <t>POINT (4.698856650779919 51.837337023618915)</t>
  </si>
  <si>
    <t>POINT (4.687156257264268 51.84080490004768)</t>
  </si>
  <si>
    <t>POINT (4.703502094872544 51.83350673773187)</t>
  </si>
  <si>
    <t>POINT (4.673431842744743 51.82983650683584)</t>
  </si>
  <si>
    <t>POINT (4.678640149940926 51.828744309157415)</t>
  </si>
  <si>
    <t>POINT (4.690781080763522 51.828858801509675)</t>
  </si>
  <si>
    <t>POINT (4.7083078946273655 51.83829750005872)</t>
  </si>
  <si>
    <t>POINT (4.697555859450955 51.832492329780194)</t>
  </si>
  <si>
    <t>POINT (4.687809722108535 51.829276733703246)</t>
  </si>
  <si>
    <t>POINT (4.6911734578932025 51.828803134084765)</t>
  </si>
  <si>
    <t>POINT (4.681803173664758 51.82462165930165)</t>
  </si>
  <si>
    <t>POINT (4.6867411425848795 51.836841403141364)</t>
  </si>
  <si>
    <t>POINT (4.690777551184165 51.82619683915549)</t>
  </si>
  <si>
    <t>POINT (4.6823981061287325 51.83936806582975)</t>
  </si>
  <si>
    <t>POINT (4.701638948350051 51.82427490188568)</t>
  </si>
  <si>
    <t>POINT (4.719301144998135 51.8346334829382)</t>
  </si>
  <si>
    <t>POINT (4.706965802957818 51.82580058663976)</t>
  </si>
  <si>
    <t>POINT (4.6892628587820875 51.82319060525066)</t>
  </si>
  <si>
    <t>POINT (4.71252658841974 51.83050245094177)</t>
  </si>
  <si>
    <t>POINT (4.716466523744962 51.83301459760737)</t>
  </si>
  <si>
    <t>POINT (4.706374219098386 51.83575305770138)</t>
  </si>
  <si>
    <t>POINT (4.687558890566872 51.833077928365476)</t>
  </si>
  <si>
    <t>POINT (4.684525358268575 51.83373029006621)</t>
  </si>
  <si>
    <t>POINT (4.684453951428203 51.84009828505695)</t>
  </si>
  <si>
    <t>POINT (4.695689707379287 51.84235214078182)</t>
  </si>
  <si>
    <t>POINT (4.726322081329352 51.82895325329342)</t>
  </si>
  <si>
    <t>POINT (4.71506585103574 51.834692580919345)</t>
  </si>
  <si>
    <t>POINT (4.687384304413187 51.825430276052465)</t>
  </si>
  <si>
    <t>POINT (4.685471151034576 51.83444470176507)</t>
  </si>
  <si>
    <t>POINT (4.700685365654661 51.829124845087584)</t>
  </si>
  <si>
    <t>POINT (4.6796882196987415 51.8315177325247)</t>
  </si>
  <si>
    <t>POINT (4.692448852689234 51.83224295597939)</t>
  </si>
  <si>
    <t>POINT (4.6994099054677445 51.829104255240466)</t>
  </si>
  <si>
    <t>POINT (4.691256850084908 51.82572818265739)</t>
  </si>
  <si>
    <t>POINT (4.692657875650438 51.835117247899575)</t>
  </si>
  <si>
    <t>POINT (4.680809387484997 51.83143120948344)</t>
  </si>
  <si>
    <t>POINT (4.681777395161683 51.83026755385098)</t>
  </si>
  <si>
    <t>POINT (4.686870733279716 51.824186905310974)</t>
  </si>
  <si>
    <t>POINT (4.688408790108368 51.84138073084238)</t>
  </si>
  <si>
    <t>POINT (4.70157397629159 51.83647025091231)</t>
  </si>
  <si>
    <t>POINT (4.695435617046214 51.825836802705275)</t>
  </si>
  <si>
    <t>POINT (4.694482406283012 51.82730810451782)</t>
  </si>
  <si>
    <t>POINT (4.698040878405307 51.82904076576166)</t>
  </si>
  <si>
    <t>POINT (4.694663051354132 51.82448303396652)</t>
  </si>
  <si>
    <t>POINT (4.69200781131385 51.82371502377885)</t>
  </si>
  <si>
    <t>POINT (4.684427546160596 51.83578569403482)</t>
  </si>
  <si>
    <t>POINT (4.723869835206889 51.833052097857724)</t>
  </si>
  <si>
    <t>POINT (4.690031194536097 51.82952834536651)</t>
  </si>
  <si>
    <t>POINT (4.688778872284135 51.84318117985235)</t>
  </si>
  <si>
    <t>POINT (4.685135606110729 51.82605099653555)</t>
  </si>
  <si>
    <t>POINT (4.6780616755485145 51.822807548806885)</t>
  </si>
  <si>
    <t>POINT (4.70765135167347 51.83593418041447)</t>
  </si>
  <si>
    <t>POINT (4.692997350841967 51.838555869845365)</t>
  </si>
  <si>
    <t>POINT (4.68855005706547 51.828755396737805)</t>
  </si>
  <si>
    <t>POINT (4.689938556041996 51.82887732313475)</t>
  </si>
  <si>
    <t>POINT (4.68414873056525 51.828134231181934)</t>
  </si>
  <si>
    <t>POINT (4.690434889290369 51.83192557639032)</t>
  </si>
  <si>
    <t>POINT (4.700796269814053 51.8338432927788)</t>
  </si>
  <si>
    <t>POINT (4.673383882956184 51.83209025472918)</t>
  </si>
  <si>
    <t>POINT (4.713339838539342 51.833275239417446)</t>
  </si>
  <si>
    <t>POINT (4.6836269219780355 51.82584634298829)</t>
  </si>
  <si>
    <t>POINT (4.696758490784627 51.839148099304644)</t>
  </si>
  <si>
    <t>POINT (4.699901166760391 51.835572770697176)</t>
  </si>
  <si>
    <t>POINT (4.684878905328421 51.83549509592507)</t>
  </si>
  <si>
    <t>POINT (4.676724640603408 51.832636231955085)</t>
  </si>
  <si>
    <t>POINT (4.692761733796524 51.838939953697206)</t>
  </si>
  <si>
    <t>POINT (4.707145466636615 51.82576463049682)</t>
  </si>
  <si>
    <t>POINT (4.727299996862498 51.834004132837464)</t>
  </si>
  <si>
    <t>POINT (4.6875329606730025 51.82756541736122)</t>
  </si>
  <si>
    <t>POINT (4.694785877376067 51.831240949582025)</t>
  </si>
  <si>
    <t>POINT (4.680991787387321 51.82380935641443)</t>
  </si>
  <si>
    <t>POINT (4.685170781760983 51.83723397676322)</t>
  </si>
  <si>
    <t>POINT (4.72090806957871 51.831856504231865)</t>
  </si>
  <si>
    <t>POINT (4.689714802854107 51.82320350291167)</t>
  </si>
  <si>
    <t>POINT (4.692505130984729 51.840503067981864)</t>
  </si>
  <si>
    <t>POINT (4.693766886644399 51.83871227156554)</t>
  </si>
  <si>
    <t>POINT (4.687565796553074 51.82964589081913)</t>
  </si>
  <si>
    <t>POINT (4.729296860919319 51.83386382882247)</t>
  </si>
  <si>
    <t>POINT (4.693691612646749 51.83000860168317)</t>
  </si>
  <si>
    <t>POINT (4.67602915171144 51.83194517989564)</t>
  </si>
  <si>
    <t>POINT (4.6816103268793805 51.837846204628576)</t>
  </si>
  <si>
    <t>POINT (4.685654234795877 51.82583552049944)</t>
  </si>
  <si>
    <t>POINT (4.720378170148959 51.835557010093375)</t>
  </si>
  <si>
    <t>POINT (4.6935883174716375 51.82438931825514)</t>
  </si>
  <si>
    <t>POINT (4.6767699304274855 51.827602133463564)</t>
  </si>
  <si>
    <t>POINT (4.703000693305515 51.835693777957665)</t>
  </si>
  <si>
    <t>POINT (4.719620195436975 51.83456693032077)</t>
  </si>
  <si>
    <t>POINT (4.680058308413335 51.82990973622032)</t>
  </si>
  <si>
    <t>POINT (4.71075195120328 51.82843786093044)</t>
  </si>
  <si>
    <t>POINT (4.676931806076622 51.82269462370263)</t>
  </si>
  <si>
    <t>POINT (4.6975684854501685 51.832467433537914)</t>
  </si>
  <si>
    <t>POINT (4.696793245007273 51.824788478107386)</t>
  </si>
  <si>
    <t>POINT (4.6825457442445835 51.82825433433089)</t>
  </si>
  <si>
    <t>POINT (4.715224106136583 51.83394016005777)</t>
  </si>
  <si>
    <t>POINT (4.699323319556421 51.83387654005966)</t>
  </si>
  <si>
    <t>POINT (4.679054714225965 51.83540332637728)</t>
  </si>
  <si>
    <t>POINT (4.690416334143566 51.823550766328204)</t>
  </si>
  <si>
    <t>POINT (4.686737817450867 51.823620438491865)</t>
  </si>
  <si>
    <t>POINT (4.681190261621974 51.82610332204945)</t>
  </si>
  <si>
    <t>POINT (4.704531312238748 51.83814955302155)</t>
  </si>
  <si>
    <t>POINT (4.689015399586756 51.8274819759602)</t>
  </si>
  <si>
    <t>POINT (4.698191247712433 51.83436529134721)</t>
  </si>
  <si>
    <t>POINT (4.681012016151095 51.82972439698865)</t>
  </si>
  <si>
    <t>POINT (4.710731372275988 51.82974596468854)</t>
  </si>
  <si>
    <t>POINT (4.69392420235819 51.8424012246454)</t>
  </si>
  <si>
    <t>POINT (4.6831982990483505 51.82541425930131)</t>
  </si>
  <si>
    <t>POINT (4.704185063107127 51.83059567493721)</t>
  </si>
  <si>
    <t>POINT (4.676769142790783 51.82291474226035)</t>
  </si>
  <si>
    <t>POINT (4.694747929488988 51.82409652874084)</t>
  </si>
  <si>
    <t>POINT (4.734068540947626 51.83128621480843)</t>
  </si>
  <si>
    <t>POINT (4.695471092357563 51.83799845312294)</t>
  </si>
  <si>
    <t>POINT (4.6771656494492895 51.83025256672145)</t>
  </si>
  <si>
    <t>POINT (4.682567146314526 51.838407395284364)</t>
  </si>
  <si>
    <t>POINT (4.70718675415014 51.8352579459019)</t>
  </si>
  <si>
    <t>POINT (4.707201903000988 51.83409172411935)</t>
  </si>
  <si>
    <t>POINT (4.713285261369116 51.83208957904016)</t>
  </si>
  <si>
    <t>POINT (4.691774820156331 51.83387280212861)</t>
  </si>
  <si>
    <t>POINT (4.690827055348037 51.828527303532)</t>
  </si>
  <si>
    <t>POINT (4.694525209531192 51.82453646704316)</t>
  </si>
  <si>
    <t>POINT (4.695741706208961 51.836476223255495)</t>
  </si>
  <si>
    <t>POINT (4.706393837107471 51.828395604803454)</t>
  </si>
  <si>
    <t>POINT (4.699930196081907 51.83120225610054)</t>
  </si>
  <si>
    <t>POINT (4.696580229475299 51.82511022274069)</t>
  </si>
  <si>
    <t>POINT (4.714226395049577 51.83583091671953)</t>
  </si>
  <si>
    <t>POINT (4.6819345065835885 51.83774441469928)</t>
  </si>
  <si>
    <t>POINT (4.6945310697128 51.831647188756875)</t>
  </si>
  <si>
    <t>POINT (4.680878478948356 51.82311462462421)</t>
  </si>
  <si>
    <t>POINT (4.7003508185562355 51.83865387120894)</t>
  </si>
  <si>
    <t>POINT (4.678977729461868 51.835824159664604)</t>
  </si>
  <si>
    <t>POINT (4.683340824114013 51.83707773609941)</t>
  </si>
  <si>
    <t>POINT (4.721473037701109 51.834167328847386)</t>
  </si>
  <si>
    <t>POINT (4.679654570546077 51.836223642366576)</t>
  </si>
  <si>
    <t>POINT (4.700488026197343 51.834856620604924)</t>
  </si>
  <si>
    <t>POINT (4.699270541609702 51.82880828780155)</t>
  </si>
  <si>
    <t>POINT (4.685713430084827 51.828957837925)</t>
  </si>
  <si>
    <t>POINT (4.679949164754895 51.82697334061097)</t>
  </si>
  <si>
    <t>POINT (4.686968176839344 51.82486598582444)</t>
  </si>
  <si>
    <t>POINT (4.698783018215495 51.84056907153024)</t>
  </si>
  <si>
    <t>POINT (4.707764045817182 51.82914219329424)</t>
  </si>
  <si>
    <t>POINT (4.718688074332301 51.83513686116758)</t>
  </si>
  <si>
    <t>POINT (4.704788663203415 51.833826272836475)</t>
  </si>
  <si>
    <t>POINT (4.68663010456255 51.840801195296216)</t>
  </si>
  <si>
    <t>POINT (4.6982090726141434 51.8354587457115)</t>
  </si>
  <si>
    <t>POINT (4.7034020163227215 51.83854576990274)</t>
  </si>
  <si>
    <t>POINT (4.685060118192169 51.83711649863124)</t>
  </si>
  <si>
    <t>POINT (4.707630567819118 51.838984958726456)</t>
  </si>
  <si>
    <t>POINT (4.695786646732796 51.83222595329325)</t>
  </si>
  <si>
    <t>POINT (4.680432091229639 51.83727612279061)</t>
  </si>
  <si>
    <t>POINT (4.681128197665082 51.82274912034021)</t>
  </si>
  <si>
    <t>POINT (4.683195522172635 51.82741120597504)</t>
  </si>
  <si>
    <t>POINT (4.69338203033525 51.83019378085806)</t>
  </si>
  <si>
    <t>POINT (4.7037204297560375 51.831053664685534)</t>
  </si>
  <si>
    <t>POINT (4.699497496994888 51.83188594099424)</t>
  </si>
  <si>
    <t>POINT (4.694014012113283 51.82746313491742)</t>
  </si>
  <si>
    <t>POINT (4.6912413094093806 51.83278485592887)</t>
  </si>
  <si>
    <t>POINT (4.719942489186633 51.83502197739304)</t>
  </si>
  <si>
    <t>POINT (4.703266440308504 51.83121695055112)</t>
  </si>
  <si>
    <t>POINT (4.689851247256052 51.82322643471731)</t>
  </si>
  <si>
    <t>POINT (4.693854743615429 51.829923148592506)</t>
  </si>
  <si>
    <t>POINT (4.7018404330892976 51.837377086948464)</t>
  </si>
  <si>
    <t>POINT (4.736069106533014 51.83297323524268)</t>
  </si>
  <si>
    <t>POINT (4.685100218590576 51.83573227261607)</t>
  </si>
  <si>
    <t>POINT (4.690510552183351 51.83201263099138)</t>
  </si>
  <si>
    <t>POINT (4.678510599151946 51.823620057374896)</t>
  </si>
  <si>
    <t>POINT (4.692553986308265 51.824238178636904)</t>
  </si>
  <si>
    <t>POINT (4.69428997373261 51.8322171913438)</t>
  </si>
  <si>
    <t>POINT (4.6921010888792125 51.824782042938466)</t>
  </si>
  <si>
    <t>POINT (4.690334745550413 51.823538300082355)</t>
  </si>
  <si>
    <t>POINT (4.692825851346398 51.83895054402329)</t>
  </si>
  <si>
    <t>POINT (4.705912467631678 51.8392635177088)</t>
  </si>
  <si>
    <t>POINT (4.708472459306974 51.8279574558077)</t>
  </si>
  <si>
    <t>POINT (4.681957731477331 51.83089000457149)</t>
  </si>
  <si>
    <t>POINT (4.703050090535369 51.82908855768187)</t>
  </si>
  <si>
    <t>POINT (4.67466702229815 51.829045459079595)</t>
  </si>
  <si>
    <t>POINT (4.691851062450243 51.83766251956222)</t>
  </si>
  <si>
    <t>POINT (4.68645848167099 51.82879865877423)</t>
  </si>
  <si>
    <t>POINT (4.6837487717389505 51.82705926454603)</t>
  </si>
  <si>
    <t>POINT (4.679182721629314 51.82841605467566)</t>
  </si>
  <si>
    <t>POINT (4.676439372216838 51.832803069189346)</t>
  </si>
  <si>
    <t>POINT (4.6868227459688026 51.841461444987594)</t>
  </si>
  <si>
    <t>POINT (4.693189827977236 51.83024697198803)</t>
  </si>
  <si>
    <t>POINT (4.693911669152373 51.83551019045001)</t>
  </si>
  <si>
    <t>POINT (4.692511737889758 51.83756967726219)</t>
  </si>
  <si>
    <t>POINT (4.691558643023029 51.831284555907956)</t>
  </si>
  <si>
    <t>POINT (4.706598140023019 51.82743011646362)</t>
  </si>
  <si>
    <t>POINT (4.680235340032282 51.82228358047637)</t>
  </si>
  <si>
    <t>POINT (4.688051048909642 51.822986514738375)</t>
  </si>
  <si>
    <t>POINT (4.685332460045539 51.825492738305314)</t>
  </si>
  <si>
    <t>POINT (4.687517028811513 51.838943788281625)</t>
  </si>
  <si>
    <t>POINT (4.704496383256871 51.83788357440515)</t>
  </si>
  <si>
    <t>POINT (4.717925829818555 51.83418128915224)</t>
  </si>
  <si>
    <t>POINT (4.701913819279477 51.83732396113432)</t>
  </si>
  <si>
    <t>POINT (4.703735724253468 51.8310744905001)</t>
  </si>
  <si>
    <t>POINT (4.695945905049867 51.84168744875274)</t>
  </si>
  <si>
    <t>POINT (4.690637370622433 51.82358432956852)</t>
  </si>
  <si>
    <t>POINT (4.685094850199751 51.83346972813435)</t>
  </si>
  <si>
    <t>POINT (4.735663082541556 51.832850346468284)</t>
  </si>
  <si>
    <t>POINT (4.687823470200964 51.822991612745554)</t>
  </si>
  <si>
    <t>POINT (4.694069414506134 51.837036114902105)</t>
  </si>
  <si>
    <t>POINT (4.676812313407229 51.83273108043265)</t>
  </si>
  <si>
    <t>POINT (4.700207847391808 51.8295102793824)</t>
  </si>
  <si>
    <t>POINT (4.683662667990167 51.82708855485243)</t>
  </si>
  <si>
    <t>POINT (4.683064946775439 51.8289107179531)</t>
  </si>
  <si>
    <t>POINT (4.688911027579206 51.827480824770205)</t>
  </si>
  <si>
    <t>POINT (4.685589811385015 51.838946398794405)</t>
  </si>
  <si>
    <t>POINT (4.675548297106494 51.83115596556249)</t>
  </si>
  <si>
    <t>POINT (4.691334281252232 51.831523959799775)</t>
  </si>
  <si>
    <t>POINT (4.702748507031093 51.83407204544026)</t>
  </si>
  <si>
    <t>POINT (4.733157498643748 51.83224543082092)</t>
  </si>
  <si>
    <t>POINT (4.699532400836317 51.824305364973874)</t>
  </si>
  <si>
    <t>POINT (4.7214558595925995 51.82973469484239)</t>
  </si>
  <si>
    <t>POINT (4.736100044255177 51.83268667048757)</t>
  </si>
  <si>
    <t>POINT (4.682926549609898 51.823342884093975)</t>
  </si>
  <si>
    <t>POINT (4.7066448252223045 51.82743952858286)</t>
  </si>
  <si>
    <t>POINT (4.677351605901848 51.83375408679786)</t>
  </si>
  <si>
    <t>POINT (4.699749972336945 51.83180280084956)</t>
  </si>
  <si>
    <t>POINT (4.696455158027613 51.83525420357773)</t>
  </si>
  <si>
    <t>POINT (4.721425408683928 51.835191238908116)</t>
  </si>
  <si>
    <t>POINT (4.693938168202126 51.832928002779596)</t>
  </si>
  <si>
    <t>POINT (4.707515440609053 51.8259110589395)</t>
  </si>
  <si>
    <t>POINT (4.701611505995419 51.83463610754249)</t>
  </si>
  <si>
    <t>POINT (4.70336868963419 51.82826970723489)</t>
  </si>
  <si>
    <t>POINT (4.681888397508013 51.827474513117544)</t>
  </si>
  <si>
    <t>POINT (4.6959103924298695 51.837682969160085)</t>
  </si>
  <si>
    <t>POINT (4.714235573133581 51.83578859700531)</t>
  </si>
  <si>
    <t>POINT (4.679777592959521 51.82225115083607)</t>
  </si>
  <si>
    <t>POINT (4.690946290388825 51.83848160330311)</t>
  </si>
  <si>
    <t>POINT (4.684350092491849 51.82663533965333)</t>
  </si>
  <si>
    <t>POINT (4.699165184292481 51.83653722666393)</t>
  </si>
  <si>
    <t>POINT (4.700480215258575 51.836761794922396)</t>
  </si>
  <si>
    <t>POINT (4.683624990143947 51.83003526588456)</t>
  </si>
  <si>
    <t>POINT (4.692919439383392 51.840172912632525)</t>
  </si>
  <si>
    <t>POINT (4.707021160947736 51.83901873240278)</t>
  </si>
  <si>
    <t>POINT (4.731388963290653 51.829011261109294)</t>
  </si>
  <si>
    <t>POINT (4.6918952228489195 51.84234596396419)</t>
  </si>
  <si>
    <t>POINT (4.692276341442602 51.83939006346489)</t>
  </si>
  <si>
    <t>POINT (4.691734569209584 51.82667448007008)</t>
  </si>
  <si>
    <t>POINT (4.681756098361119 51.846389482593224)</t>
  </si>
  <si>
    <t>POINT (4.683032799845313 51.82575965318395)</t>
  </si>
  <si>
    <t>POINT (4.699217495960723 51.840830769282036)</t>
  </si>
  <si>
    <t>POINT (4.706294288423827 51.82765837329069)</t>
  </si>
  <si>
    <t>POINT (4.677493216813511 51.833307874702356)</t>
  </si>
  <si>
    <t>POINT (4.676852816826501 51.83188741728512)</t>
  </si>
  <si>
    <t>POINT (4.693794537182129 51.82999012684027)</t>
  </si>
  <si>
    <t>POINT (4.698447144673439 51.838061873492656)</t>
  </si>
  <si>
    <t>POINT (4.690594333016936 51.8264589663937)</t>
  </si>
  <si>
    <t>POINT (4.715266266055471 51.83251402484691)</t>
  </si>
  <si>
    <t>POINT (4.698023566646634 51.833250876554125)</t>
  </si>
  <si>
    <t>POINT (4.684399421710601 51.82987290507442)</t>
  </si>
  <si>
    <t>POINT (4.723281607541918 51.83241397891826)</t>
  </si>
  <si>
    <t>POINT (4.693974924758847 51.84049233134873)</t>
  </si>
  <si>
    <t>POINT (4.6870757930682245 51.82631629883716)</t>
  </si>
  <si>
    <t>POINT (4.680555444906611 51.82271692768886)</t>
  </si>
  <si>
    <t>POINT (4.6911797581521295 51.843046136269734)</t>
  </si>
  <si>
    <t>POINT (4.691299934566207 51.84375216801628)</t>
  </si>
  <si>
    <t>POINT (4.708507761115801 51.83675417757654)</t>
  </si>
  <si>
    <t>POINT (4.679432760735268 51.830577624920814)</t>
  </si>
  <si>
    <t>POINT (4.690269321055546 51.84272377855533)</t>
  </si>
  <si>
    <t>POINT (4.695859580565968 51.835298103736136)</t>
  </si>
  <si>
    <t>POINT (4.692652824151492 51.83033405076431)</t>
  </si>
  <si>
    <t>POINT (4.695374787373861 51.83177153330514)</t>
  </si>
  <si>
    <t>POINT (4.6942726424404295 51.842786691333224)</t>
  </si>
  <si>
    <t>POINT (4.686798994760707 51.84469882748599)</t>
  </si>
  <si>
    <t>POINT (4.718725931209344 51.834240885172605)</t>
  </si>
  <si>
    <t>POINT (4.689877315440436 51.82581015119324)</t>
  </si>
  <si>
    <t>POINT (4.685150130597346 51.82613270033613)</t>
  </si>
  <si>
    <t>POINT (4.687076102261747 51.836748705962876)</t>
  </si>
  <si>
    <t>POINT (4.717051510358382 51.830028962872674)</t>
  </si>
  <si>
    <t>POINT (4.728870857560057 51.833684113419864)</t>
  </si>
  <si>
    <t>POINT (4.698106569987637 51.83472510349446)</t>
  </si>
  <si>
    <t>POINT (4.696130970710552 51.83233368715729)</t>
  </si>
  <si>
    <t>POINT (4.692060568835001 51.83093678366707)</t>
  </si>
  <si>
    <t>POINT (4.693803958974774 51.83655343091816)</t>
  </si>
  <si>
    <t>POINT (4.687076024277043 51.82329836162566)</t>
  </si>
  <si>
    <t>POINT (4.683832340063447 51.835387258461694)</t>
  </si>
  <si>
    <t>POINT (4.676082403176934 51.828442175611706)</t>
  </si>
  <si>
    <t>POINT (4.674875708434771 51.831794098213024)</t>
  </si>
  <si>
    <t>POINT (4.684398243792335 51.82823128367817)</t>
  </si>
  <si>
    <t>POINT (4.682449803259394 51.8370855589118)</t>
  </si>
  <si>
    <t>POINT (4.703531214571308 51.83116872287516)</t>
  </si>
  <si>
    <t>POINT (4.691372089149737 51.83201437024832)</t>
  </si>
  <si>
    <t>POINT (4.708826621089852 51.83714081423317)</t>
  </si>
  <si>
    <t>POINT (4.692218288118413 51.83117723775858)</t>
  </si>
  <si>
    <t>POINT (4.68118298656991 51.83223643973326)</t>
  </si>
  <si>
    <t>POINT (4.696033123913859 51.82566463964124)</t>
  </si>
  <si>
    <t>POINT (4.684249541419654 51.824271684428375)</t>
  </si>
  <si>
    <t>POINT (4.722985903716806 51.829644182043445)</t>
  </si>
  <si>
    <t>POINT (4.701565819910628 51.83023375004931)</t>
  </si>
  <si>
    <t>POINT (4.699694561683421 51.83433051920761)</t>
  </si>
  <si>
    <t>POINT (4.735885597077009 51.83288042565344)</t>
  </si>
  <si>
    <t>POINT (4.6939877620996375 51.83992495520886)</t>
  </si>
  <si>
    <t>POINT (4.7299252532248754 51.832852742097536)</t>
  </si>
  <si>
    <t>POINT (4.730145182593719 51.83139628209802)</t>
  </si>
  <si>
    <t>POINT (4.697988818481473 51.83614385137224)</t>
  </si>
  <si>
    <t>POINT (4.691286539538204 51.82350200619573)</t>
  </si>
  <si>
    <t>POINT (4.712544013400939 51.831279500511386)</t>
  </si>
  <si>
    <t>POINT (4.696741854123971 51.83756465508872)</t>
  </si>
  <si>
    <t>POINT (4.710464043250097 51.828445819260914)</t>
  </si>
  <si>
    <t>POINT (4.6796678290123515 51.82302855630416)</t>
  </si>
  <si>
    <t>POINT (4.706448073631213 51.82841225169549)</t>
  </si>
  <si>
    <t>POINT (4.699965568277195 51.8311555065834)</t>
  </si>
  <si>
    <t>POINT (4.676810083886853 51.83564514118184)</t>
  </si>
  <si>
    <t>POINT (4.707053980252413 51.826230592360716)</t>
  </si>
  <si>
    <t>POINT (4.697639922234957 51.838573774134126)</t>
  </si>
  <si>
    <t>POINT (4.69331993115732 51.83630209832697)</t>
  </si>
  <si>
    <t>POINT (4.70695370123392 51.82919241161424)</t>
  </si>
  <si>
    <t>POINT (4.684913044842762 51.82557483975106)</t>
  </si>
  <si>
    <t>POINT (4.67949254606686 51.83802097819386)</t>
  </si>
  <si>
    <t>POINT (4.687322106228018 51.82564489566052)</t>
  </si>
  <si>
    <t>POINT (4.70844737187577 51.83617247159122)</t>
  </si>
  <si>
    <t>POINT (4.694309748864937 51.842593268426484)</t>
  </si>
  <si>
    <t>POINT (4.686290164253229 51.82610163535033)</t>
  </si>
  <si>
    <t>POINT (4.685141897975541 51.83394763888115)</t>
  </si>
  <si>
    <t>POINT (4.703097660552105 51.82982718795903)</t>
  </si>
  <si>
    <t>POINT (4.6943970806715685 51.837041275949204)</t>
  </si>
  <si>
    <t>POINT (4.682919509020869 51.84568434272951)</t>
  </si>
  <si>
    <t>POINT (4.6943391384184245 51.82999727962837)</t>
  </si>
  <si>
    <t>POINT (4.695877049847631 51.83407068332214)</t>
  </si>
  <si>
    <t>POINT (4.692813431836589 51.83879324148397)</t>
  </si>
  <si>
    <t>POINT (4.698638344663384 51.83282301197462)</t>
  </si>
  <si>
    <t>POINT (4.69229814600978 51.8382295268732)</t>
  </si>
  <si>
    <t>POINT (4.726764797633357 51.83372020220637)</t>
  </si>
  <si>
    <t>POINT (4.688272493591295 51.823776389779034)</t>
  </si>
  <si>
    <t>POINT (4.676120180675082 51.831235115651694)</t>
  </si>
  <si>
    <t>POINT (4.679789669296291 51.8359186269815)</t>
  </si>
  <si>
    <t>POINT (4.71410107279077 51.834113192969326)</t>
  </si>
  <si>
    <t>POINT (4.69951260773018 51.838285877846644)</t>
  </si>
  <si>
    <t>POINT (4.677014323884621 51.835526863907134)</t>
  </si>
  <si>
    <t>POINT (4.6952509090003485 51.83650818936432)</t>
  </si>
  <si>
    <t>POINT (4.706126134921155 51.838750887177696)</t>
  </si>
  <si>
    <t>POINT (4.6931591812085856 51.83625873074132)</t>
  </si>
  <si>
    <t>POINT (4.735997346186728 51.832860938107395)</t>
  </si>
  <si>
    <t>POINT (4.686188780147813 51.82723008483442)</t>
  </si>
  <si>
    <t>POINT (4.6932739348407155 51.83081556005386)</t>
  </si>
  <si>
    <t>POINT (4.6790783003557195 51.83463469692505)</t>
  </si>
  <si>
    <t>POINT (4.676502039206946 51.83063465828863)</t>
  </si>
  <si>
    <t>POINT (4.6945323436950535 51.83153411026205)</t>
  </si>
  <si>
    <t>POINT (4.730673879445586 51.82954503432661)</t>
  </si>
  <si>
    <t>POINT (4.688682872315518 51.83020771797629)</t>
  </si>
  <si>
    <t>POINT (4.676582401821045 51.83059021054667)</t>
  </si>
  <si>
    <t>POINT (4.72768657463316 51.83334342253314)</t>
  </si>
  <si>
    <t>POINT (4.678590959014059 51.822610729871414)</t>
  </si>
  <si>
    <t>POINT (4.681576831486688 51.822519982958724)</t>
  </si>
  <si>
    <t>POINT (4.697302665073072 51.826304261361535)</t>
  </si>
  <si>
    <t>POINT (4.693406356319459 51.83424192938298)</t>
  </si>
  <si>
    <t>POINT (4.720084997018021 51.83202237062537)</t>
  </si>
  <si>
    <t>POINT (4.720978697539417 51.834985535120815)</t>
  </si>
  <si>
    <t>POINT (4.71464349380339 51.831436471442025)</t>
  </si>
  <si>
    <t>POINT (4.685878973596896 51.835070671724154)</t>
  </si>
  <si>
    <t>POINT (4.682165300074019 51.839674025403525)</t>
  </si>
  <si>
    <t>POINT (4.696680281306262 51.83988546155776)</t>
  </si>
  <si>
    <t>POINT (4.680779579614165 51.830535023832994)</t>
  </si>
  <si>
    <t>POINT (4.701448475276924 51.838979806399706)</t>
  </si>
  <si>
    <t>POINT (4.682887736799511 51.83750692277351)</t>
  </si>
  <si>
    <t>POINT (4.728609130968639 51.832842777044014)</t>
  </si>
  <si>
    <t>POINT (4.677098478679931 51.8354154014314)</t>
  </si>
  <si>
    <t>POINT (4.679495814173451 51.82322607865963)</t>
  </si>
  <si>
    <t>POINT (4.683797439618419 51.82950277833304)</t>
  </si>
  <si>
    <t>POINT (4.688999612772424 51.82941293011735)</t>
  </si>
  <si>
    <t>POINT (4.681017424216158 51.837507093753516)</t>
  </si>
  <si>
    <t>POINT (4.7292590692333505 51.83359532515059)</t>
  </si>
  <si>
    <t>POINT (4.677038245256977 51.835581452841)</t>
  </si>
  <si>
    <t>POINT (4.680622100869092 51.83026660084212)</t>
  </si>
  <si>
    <t>POINT (4.693717030934758 51.82996610076903)</t>
  </si>
  <si>
    <t>POINT (4.685640523042657 51.835633068249756)</t>
  </si>
  <si>
    <t>POINT (4.691266283657431 51.825634882536725)</t>
  </si>
  <si>
    <t>POINT (4.680430066400115 51.834992977727296)</t>
  </si>
  <si>
    <t>POINT (4.69059713175126 51.82622909844532)</t>
  </si>
  <si>
    <t>POINT (4.698774780550892 51.83460735388903)</t>
  </si>
  <si>
    <t>POINT (4.69842660754577 51.83275102031191)</t>
  </si>
  <si>
    <t>POINT (4.681447781755983 51.82246336053369)</t>
  </si>
  <si>
    <t>POINT (4.690084384582053 51.831532912126114)</t>
  </si>
  <si>
    <t>POINT (4.704190687458851 51.82768525236858)</t>
  </si>
  <si>
    <t>POINT (4.713310009099983 51.83215672227597)</t>
  </si>
  <si>
    <t>POINT (4.716174313160989 51.83397790942059)</t>
  </si>
  <si>
    <t>POINT (4.693162281206037 51.824112727129354)</t>
  </si>
  <si>
    <t>POINT (4.698837848828822 51.83944222882193)</t>
  </si>
  <si>
    <t>POINT (4.707423407509512 51.82777049810371)</t>
  </si>
  <si>
    <t>POINT (4.677851830526934 51.829959325806875)</t>
  </si>
  <si>
    <t>POINT (4.7070302007162805 51.829005738656015)</t>
  </si>
  <si>
    <t>POINT (4.695675816140447 51.83129779032883)</t>
  </si>
  <si>
    <t>POINT (4.7096625313441995 51.83751679940917)</t>
  </si>
  <si>
    <t>POINT (4.680394701218853 51.82642587387837)</t>
  </si>
  <si>
    <t>POINT (4.719142732677597 51.83340077315576)</t>
  </si>
  <si>
    <t>POINT (4.693260363831213 51.83019796946587)</t>
  </si>
  <si>
    <t>POINT (4.706674100409431 51.82618195527596)</t>
  </si>
  <si>
    <t>POINT (4.6787055734246135 51.82253075757424)</t>
  </si>
  <si>
    <t>POINT (4.680205027469054 51.82985299376783)</t>
  </si>
  <si>
    <t>POINT (4.689873137673999 51.82417603555218)</t>
  </si>
  <si>
    <t>POINT (4.6982439591620455 51.83549628022533)</t>
  </si>
  <si>
    <t>POINT (4.6826668444234665 51.83444270940588)</t>
  </si>
  <si>
    <t>POINT (4.699148413040873 51.83759266259359)</t>
  </si>
  <si>
    <t>POINT (4.69049451656478 51.8234091738606)</t>
  </si>
  <si>
    <t>POINT (4.6929060898609105 51.831909800832925)</t>
  </si>
  <si>
    <t>POINT (4.691898481190776 51.838213443878985)</t>
  </si>
  <si>
    <t>POINT (4.686634382662243 51.8396116653022)</t>
  </si>
  <si>
    <t>POINT (4.72020776006197 51.83361830427572)</t>
  </si>
  <si>
    <t>POINT (4.702377485821538 51.835394373478174)</t>
  </si>
  <si>
    <t>POINT (4.687887682482432 51.82537568594108)</t>
  </si>
  <si>
    <t>POINT (4.72671706684285 51.828495861710174)</t>
  </si>
  <si>
    <t>POINT (4.713651725914865 51.832041723542815)</t>
  </si>
  <si>
    <t>POINT (4.735604606445965 51.83279669253758)</t>
  </si>
  <si>
    <t>POINT (4.685247283776758 51.83720656045537)</t>
  </si>
  <si>
    <t>POINT (4.6781992167819215 51.82318539997827)</t>
  </si>
  <si>
    <t>POINT (4.719631145033416 51.83405802144707)</t>
  </si>
  <si>
    <t>POINT (4.691560969411035 51.84063740339928)</t>
  </si>
  <si>
    <t>POINT (4.704131463032079 51.83863254079891)</t>
  </si>
  <si>
    <t>POINT (4.699301370916276 51.84108722970002)</t>
  </si>
  <si>
    <t>POINT (4.68209790980405 51.82882494104093)</t>
  </si>
  <si>
    <t>POINT (4.694209269900344 51.84220566124285)</t>
  </si>
  <si>
    <t>POINT (4.7114118543069425 51.82822907198108)</t>
  </si>
  <si>
    <t>POINT (4.70180268832022 51.83733257066098)</t>
  </si>
  <si>
    <t>POINT (4.685559501410467 51.82893878783613)</t>
  </si>
  <si>
    <t>POINT (4.685361344699551 51.83656670318488)</t>
  </si>
  <si>
    <t>POINT (4.685657869204399 51.83878492020444)</t>
  </si>
  <si>
    <t>POINT (4.67910135520495 51.83743658688256)</t>
  </si>
  <si>
    <t>POINT (4.700132808529912 51.836505087538136)</t>
  </si>
  <si>
    <t>POINT (4.681796108643296 51.82596740679681)</t>
  </si>
  <si>
    <t>POINT (4.689327371508196 51.82910218232451)</t>
  </si>
  <si>
    <t>POINT (4.6985156256375795 51.83502857800665)</t>
  </si>
  <si>
    <t>POINT (4.709730967994116 51.83825539338888)</t>
  </si>
  <si>
    <t>POINT (4.729586661010268 51.83229881061895)</t>
  </si>
  <si>
    <t>POINT (4.6925907098218635 51.835032752859306)</t>
  </si>
  <si>
    <t>POINT (4.695994906174842 51.82692410944938)</t>
  </si>
  <si>
    <t>POINT (4.693382163212645 51.83826462999862)</t>
  </si>
  <si>
    <t>POINT (4.694314886659682 51.83697311547794)</t>
  </si>
  <si>
    <t>POINT (4.687819092358672 51.83869785243563)</t>
  </si>
  <si>
    <t>POINT (4.693433406216704 51.8254903294187)</t>
  </si>
  <si>
    <t>POINT (4.681046430408993 51.82479621687826)</t>
  </si>
  <si>
    <t>POINT (4.696404006335956 51.83722490198271)</t>
  </si>
  <si>
    <t>POINT (4.734254413279682 51.831975182568364)</t>
  </si>
  <si>
    <t>POINT (4.686076287354049 51.82395682596792)</t>
  </si>
  <si>
    <t>POINT (4.681208846160101 51.835762129805346)</t>
  </si>
  <si>
    <t>POINT (4.707789613574713 51.83893890473496)</t>
  </si>
  <si>
    <t>POINT (4.679093934615116 51.83297242224107)</t>
  </si>
  <si>
    <t>POINT (4.69871932731648 51.835889202427396)</t>
  </si>
  <si>
    <t>POINT (4.704202059752548 51.83557614631577)</t>
  </si>
  <si>
    <t>POINT (4.692712737869465 51.84288254261986)</t>
  </si>
  <si>
    <t>POINT (4.691517027879393 51.83122484046121)</t>
  </si>
  <si>
    <t>POINT (4.70643040760025 51.82846100243643)</t>
  </si>
  <si>
    <t>POINT (4.720576100551213 51.83521504795078)</t>
  </si>
  <si>
    <t>POINT (4.686894630790625 51.83920833402307)</t>
  </si>
  <si>
    <t>POINT (4.686666458701756 51.82351914198433)</t>
  </si>
  <si>
    <t>POINT (4.69726465388902 51.82898332581697)</t>
  </si>
  <si>
    <t>POINT (4.693030441318629 51.83317532705219)</t>
  </si>
  <si>
    <t>POINT (4.699583493671825 51.83715429272929)</t>
  </si>
  <si>
    <t>POINT (4.723757941007134 51.834248703316675)</t>
  </si>
  <si>
    <t>POINT (4.719112977741826 51.82728673580688)</t>
  </si>
  <si>
    <t>POINT (4.699663538200709 51.84099111451912)</t>
  </si>
  <si>
    <t>POINT (4.686561184284149 51.82359622947648)</t>
  </si>
  <si>
    <t>POINT (4.7157494624629885 51.832553966552915)</t>
  </si>
  <si>
    <t>POINT (4.698575573071598 51.829855927926644)</t>
  </si>
  <si>
    <t>POINT (4.688455035512103 51.83412380859525)</t>
  </si>
  <si>
    <t>POINT (4.686791307116445 51.84058183677403)</t>
  </si>
  <si>
    <t>POINT (4.694513852926259 51.8371150155899)</t>
  </si>
  <si>
    <t>POINT (4.679528662473072 51.839117400932764)</t>
  </si>
  <si>
    <t>POINT (4.707897995604135 51.834849647769964)</t>
  </si>
  <si>
    <t>POINT (4.697726065392997 51.83546700190964)</t>
  </si>
  <si>
    <t>POINT (4.685495919738082 51.824998566910374)</t>
  </si>
  <si>
    <t>POINT (4.686818200104199 51.84458926282866)</t>
  </si>
  <si>
    <t>POINT (4.694820018155001 51.83586904715114)</t>
  </si>
  <si>
    <t>POINT (4.707325040271468 51.83858484129409)</t>
  </si>
  <si>
    <t>POINT (4.702453074517592 51.83723718550152)</t>
  </si>
  <si>
    <t>POINT (4.685312088944621 51.83415138636005)</t>
  </si>
  <si>
    <t>POINT (4.7020525112822105 51.83806005788207)</t>
  </si>
  <si>
    <t>POINT (4.734224854079686 51.83007937555311)</t>
  </si>
  <si>
    <t>POINT (4.693448412422024 51.830070615393375)</t>
  </si>
  <si>
    <t>POINT (4.700838670732925 51.83622016929888)</t>
  </si>
  <si>
    <t>POINT (4.686197826419854 51.828495991829705)</t>
  </si>
  <si>
    <t>POINT (4.698046971085439 51.83464421552623)</t>
  </si>
  <si>
    <t>POINT (4.6896243930719725 51.825281176659146)</t>
  </si>
  <si>
    <t>POINT (4.7134162416062395 51.83133464869341)</t>
  </si>
  <si>
    <t>POINT (4.6980319262734405 51.825620132570926)</t>
  </si>
  <si>
    <t>POINT (4.6941530475433435 51.82491782453354)</t>
  </si>
  <si>
    <t>POINT (4.692956460460873 51.82840220207035)</t>
  </si>
  <si>
    <t>POINT (4.681487694317182 51.83729004154182)</t>
  </si>
  <si>
    <t>POINT (4.6804951577691885 51.83132128359743)</t>
  </si>
  <si>
    <t>POINT (4.682914707108348 51.835968211670185)</t>
  </si>
  <si>
    <t>POINT (4.70094618590999 51.84045625453305)</t>
  </si>
  <si>
    <t>POINT (4.7068629475108255 51.829133585419115)</t>
  </si>
  <si>
    <t>POINT (4.6953104611218 51.83181673554267)</t>
  </si>
  <si>
    <t>POINT (4.686917479930249 51.83680397479593)</t>
  </si>
  <si>
    <t>POINT (4.693895011996688 51.82989607895656)</t>
  </si>
  <si>
    <t>POINT (4.697514321774997 51.83252554143069)</t>
  </si>
  <si>
    <t>POINT (4.720583459510258 51.83436069536591)</t>
  </si>
  <si>
    <t>POINT (4.7069494481772765 51.82634016923609)</t>
  </si>
  <si>
    <t>POINT (4.697415952633674 51.834649605949714)</t>
  </si>
  <si>
    <t>POINT (4.678006835517534 51.822323322042116)</t>
  </si>
  <si>
    <t>POINT (4.685769143205966 51.82600666795694)</t>
  </si>
  <si>
    <t>POINT (4.7109392321898715 51.82823121291526)</t>
  </si>
  <si>
    <t>POINT (4.726903181069584 51.83200934305805)</t>
  </si>
  <si>
    <t>POINT (4.681350016870738 51.82618956717673)</t>
  </si>
  <si>
    <t>POINT (4.683284850675942 51.824092071392826)</t>
  </si>
  <si>
    <t>POINT (4.686341829053588 51.834136945713574)</t>
  </si>
  <si>
    <t>POINT (4.691291312983618 51.830852011147456)</t>
  </si>
  <si>
    <t>POINT (4.676720430949389 51.82288827242925)</t>
  </si>
  <si>
    <t>POINT (4.690513182423776 51.82335584715191)</t>
  </si>
  <si>
    <t>POINT (4.72625083710469 51.83478200106085)</t>
  </si>
  <si>
    <t>POINT (4.6816860232911575 51.830125064994995)</t>
  </si>
  <si>
    <t>POINT (4.689847220464749 51.831803068205936)</t>
  </si>
  <si>
    <t>POINT (4.701529171779421 51.83746458037907)</t>
  </si>
  <si>
    <t>POINT (4.680394989270622 51.82363079092473)</t>
  </si>
  <si>
    <t>POINT (4.682658843955001 51.82555849029844)</t>
  </si>
  <si>
    <t>POINT (4.684635645416972 51.82612853436859)</t>
  </si>
  <si>
    <t>POINT (4.688220165940357 51.83389475514465)</t>
  </si>
  <si>
    <t>POINT (4.713812400301907 51.831672017619894)</t>
  </si>
  <si>
    <t>POINT (4.700835070103246 51.8389337775719)</t>
  </si>
  <si>
    <t>POINT (4.6925400263233055 51.83033509114618)</t>
  </si>
  <si>
    <t>POINT (4.734866994095492 51.83167999586918)</t>
  </si>
  <si>
    <t>POINT (4.679837435339917 51.828180382505444)</t>
  </si>
  <si>
    <t>POINT (4.702047691113436 51.83185650333966)</t>
  </si>
  <si>
    <t>POINT (4.699434851644429 51.83554347829966)</t>
  </si>
  <si>
    <t>POINT (4.725549523962299 51.8331938174405)</t>
  </si>
  <si>
    <t>POINT (4.69508580240939 51.836938103978746)</t>
  </si>
  <si>
    <t>POINT (4.67746064856329 51.83531467161928)</t>
  </si>
  <si>
    <t>POINT (4.6979821698341615 51.83918110475009)</t>
  </si>
  <si>
    <t>POINT (4.683816461448914 51.83374909150851)</t>
  </si>
  <si>
    <t>POINT (4.706275867714824 51.826006803373424)</t>
  </si>
  <si>
    <t>POINT (4.6831250296135325 51.82744122771402)</t>
  </si>
  <si>
    <t>POINT (4.703584556433902 51.828738013857844)</t>
  </si>
  <si>
    <t>POINT (4.694910348597772 51.82458756557383)</t>
  </si>
  <si>
    <t>POINT (4.679048741960861 51.83585715390335)</t>
  </si>
  <si>
    <t>POINT (4.680215374332553 51.822214661036455)</t>
  </si>
  <si>
    <t>POINT (4.682180983708581 51.82953761056359)</t>
  </si>
  <si>
    <t>POINT (4.679082677730368 51.82325172137563)</t>
  </si>
  <si>
    <t>POINT (4.6813843293769 51.82454328613481)</t>
  </si>
  <si>
    <t>POINT (4.6996257959829135 51.83817687960519)</t>
  </si>
  <si>
    <t>POINT (4.697727117381404 51.83015966210626)</t>
  </si>
  <si>
    <t>POINT (4.698374877940915 51.834524326144326)</t>
  </si>
  <si>
    <t>POINT (4.677086672183369 51.83540041785262)</t>
  </si>
  <si>
    <t>POINT (4.712131623466509 51.829845583838605)</t>
  </si>
  <si>
    <t>POINT (4.6992983571857625 51.83722686833672)</t>
  </si>
  <si>
    <t>POINT (4.701277944233362 51.841312219938075)</t>
  </si>
  <si>
    <t>POINT (4.699906265530059 51.83175060221677)</t>
  </si>
  <si>
    <t>POINT (4.711135873975124 51.82933350604471)</t>
  </si>
  <si>
    <t>POINT (4.7191815941779325 51.83589864181009)</t>
  </si>
  <si>
    <t>POINT (4.705176629140406 51.83666509389536)</t>
  </si>
  <si>
    <t>POINT (4.689173478232719 51.83854158286736)</t>
  </si>
  <si>
    <t>POINT (4.6837836577042955 51.825312125129194)</t>
  </si>
  <si>
    <t>POINT (4.7225167538020365 51.83463551819259)</t>
  </si>
  <si>
    <t>POINT (4.678241275209913 51.83367959904439)</t>
  </si>
  <si>
    <t>POINT (4.6939855286376355 51.82968451765908)</t>
  </si>
  <si>
    <t>POINT (4.706413119382068 51.82853179548244)</t>
  </si>
  <si>
    <t>POINT (4.681365133235967 51.83622475313877)</t>
  </si>
  <si>
    <t>POINT (4.69469298809436 51.83792319727892)</t>
  </si>
  <si>
    <t>POINT (4.678498572200902 51.82826299306958)</t>
  </si>
  <si>
    <t>POINT (4.706877343647257 51.83712614565123)</t>
  </si>
  <si>
    <t>POINT (4.684804353317416 51.83642415594147)</t>
  </si>
  <si>
    <t>POINT (4.677066311171064 51.8302188246467)</t>
  </si>
  <si>
    <t>POINT (4.678347589254423 51.83777457716552)</t>
  </si>
  <si>
    <t>POINT (4.697760178844127 51.82905789468873)</t>
  </si>
  <si>
    <t>POINT (4.689723377092739 51.82332150289709)</t>
  </si>
  <si>
    <t>POINT (4.695809376145813 51.83409369116641)</t>
  </si>
  <si>
    <t>POINT (4.702920337527137 51.82755905089988)</t>
  </si>
  <si>
    <t>POINT (4.69824109256178 51.83575016515513)</t>
  </si>
  <si>
    <t>POINT (4.687802580205146 51.8249753368922)</t>
  </si>
  <si>
    <t>POINT (4.679010559858791 51.83281793478964)</t>
  </si>
  <si>
    <t>POINT (4.721013117218686 51.83585172901783)</t>
  </si>
  <si>
    <t>POINT (4.6972522120509135 51.82601811712367)</t>
  </si>
  <si>
    <t>POINT (4.699844090062259 51.83549270741029)</t>
  </si>
  <si>
    <t>POINT (4.678938056710984 51.832373350370084)</t>
  </si>
  <si>
    <t>POINT (4.735999493695586 51.832712341488566)</t>
  </si>
  <si>
    <t>POINT (4.688011424699741 51.82348744082578)</t>
  </si>
  <si>
    <t>POINT (4.67941908777356 51.832146394022644)</t>
  </si>
  <si>
    <t>POINT (4.689541020826587 51.824743717415934)</t>
  </si>
  <si>
    <t>POINT (4.679907866643076 51.83094583217172)</t>
  </si>
  <si>
    <t>POINT (4.677464154272238 51.83440776548065)</t>
  </si>
  <si>
    <t>POINT (4.679321260804642 51.822253352248666)</t>
  </si>
  <si>
    <t>POINT (4.688624869165207 51.84099466076136)</t>
  </si>
  <si>
    <t>POINT (4.694033710082758 51.82965983175221)</t>
  </si>
  <si>
    <t>POINT (4.68676803673133 51.8231562561922)</t>
  </si>
  <si>
    <t>POINT (4.704485912083344 51.83313770970426)</t>
  </si>
  <si>
    <t>POINT (4.693956827632893 51.82995929258993)</t>
  </si>
  <si>
    <t>POINT (4.7198728611378895 51.834886734479205)</t>
  </si>
  <si>
    <t>POINT (4.697346885172186 51.832458994510894)</t>
  </si>
  <si>
    <t>POINT (4.687808695119498 51.82539920601489)</t>
  </si>
  <si>
    <t>POINT (4.72072807711108 51.834326793479036)</t>
  </si>
  <si>
    <t>POINT (4.693656444997859 51.83064308154561)</t>
  </si>
  <si>
    <t>POINT (4.708177387369225 51.827613048842494)</t>
  </si>
  <si>
    <t>POINT (4.702828220619957 51.83577312193683)</t>
  </si>
  <si>
    <t>POINT (4.709253147983299 51.83702904176628)</t>
  </si>
  <si>
    <t>POINT (4.691652852757548 51.83187414853378)</t>
  </si>
  <si>
    <t>POINT (4.690072769096641 51.831954554091574)</t>
  </si>
  <si>
    <t>POINT (4.69460419156941 51.82609122201712)</t>
  </si>
  <si>
    <t>POINT (4.706959246204552 51.829271004348584)</t>
  </si>
  <si>
    <t>POINT (4.686799365589042 51.83457924779295)</t>
  </si>
  <si>
    <t>POINT (4.699881363569956 51.83497534256323)</t>
  </si>
  <si>
    <t>POINT (4.702710051930279 51.82762476317926)</t>
  </si>
  <si>
    <t>POINT (4.687546970081699 51.83595164147902)</t>
  </si>
  <si>
    <t>POINT (4.690406356370806 51.82334047163478)</t>
  </si>
  <si>
    <t>POINT (4.6844388662933065 51.83773707810817)</t>
  </si>
  <si>
    <t>POINT (4.695630750233288 51.83138410336066)</t>
  </si>
  <si>
    <t>POINT (4.687511327219985 51.84441473750538)</t>
  </si>
  <si>
    <t>POINT (4.720693490688812 51.83458653874724)</t>
  </si>
  <si>
    <t>POINT (4.692439134673098 51.83512488824976)</t>
  </si>
  <si>
    <t>POINT (4.68768372879928 51.82722801931447)</t>
  </si>
  <si>
    <t>POINT (4.686856615796348 51.834921948576635)</t>
  </si>
  <si>
    <t>POINT (4.685670610536682 51.83929454401419)</t>
  </si>
  <si>
    <t>POINT (4.728169552723377 51.83294331053738)</t>
  </si>
  <si>
    <t>POINT (4.680118437534325 51.82865259542456)</t>
  </si>
  <si>
    <t>POINT (4.69172936310347 51.83286898769117)</t>
  </si>
  <si>
    <t>POINT (4.69567637976563 51.831678911722385)</t>
  </si>
  <si>
    <t>POINT (4.719923840295887 51.834979193470915)</t>
  </si>
  <si>
    <t>POINT (4.6774373759268215 51.83384929180964)</t>
  </si>
  <si>
    <t>POINT (4.710772508381977 51.829041853172875)</t>
  </si>
  <si>
    <t>POINT (4.684378842119839 51.82674430141046)</t>
  </si>
  <si>
    <t>POINT (4.708948562582224 51.82813445231168)</t>
  </si>
  <si>
    <t>POINT (4.716435429104571 51.83534703723363)</t>
  </si>
  <si>
    <t>POINT (4.690520073298484 51.832438398345694)</t>
  </si>
  <si>
    <t>POINT (4.679187530060797 51.83231583585102)</t>
  </si>
  <si>
    <t>POINT (4.703148554921018 51.83285846785863)</t>
  </si>
  <si>
    <t>POINT (4.686613914987628 51.823465354888924)</t>
  </si>
  <si>
    <t>POINT (4.686802575990596 51.82297502640123)</t>
  </si>
  <si>
    <t>POINT (4.712183798452488 51.82939286629229)</t>
  </si>
  <si>
    <t>POINT (4.691379400261805 51.83157192096371)</t>
  </si>
  <si>
    <t>POINT (4.6790897821546755 51.830030349953)</t>
  </si>
  <si>
    <t>POINT (4.682539350155285 51.829880450095324)</t>
  </si>
  <si>
    <t>POINT (4.698151315343516 51.83937953272535)</t>
  </si>
  <si>
    <t>POINT (4.694193870502781 51.83656406572123)</t>
  </si>
  <si>
    <t>POINT (4.696364389784187 51.83351298529173)</t>
  </si>
  <si>
    <t>POINT (4.703475917202684 51.8383592999405)</t>
  </si>
  <si>
    <t>POINT (4.697813345793262 51.82939370773168)</t>
  </si>
  <si>
    <t>POINT (4.6839284121519436 51.83499828438415)</t>
  </si>
  <si>
    <t>POINT (4.696160438762251 51.83285008676863)</t>
  </si>
  <si>
    <t>POINT (4.6808770728966 51.83750321125313)</t>
  </si>
  <si>
    <t>POINT (4.683696476550698 51.82505752044862)</t>
  </si>
  <si>
    <t>POINT (4.705621930923108 51.83739960537188)</t>
  </si>
  <si>
    <t>POINT (4.689554070909983 51.829017176017906)</t>
  </si>
  <si>
    <t>POINT (4.684500522731498 51.82615533863829)</t>
  </si>
  <si>
    <t>POINT (4.684603236878223 51.826754858161024)</t>
  </si>
  <si>
    <t>POINT (4.685923853406825 51.82820010305271)</t>
  </si>
  <si>
    <t>POINT (4.698501300069559 51.83250398357079)</t>
  </si>
  <si>
    <t>POINT (4.689424778994284 51.84281642374769)</t>
  </si>
  <si>
    <t>POINT (4.702953852164985 51.83614983936708)</t>
  </si>
  <si>
    <t>POINT (4.692309226291819 51.83287419239683)</t>
  </si>
  <si>
    <t>POINT (4.722554743220106 51.83472861257619)</t>
  </si>
  <si>
    <t>POINT (4.677562692904482 51.82254439219833)</t>
  </si>
  <si>
    <t>POINT (4.7070355338897345 51.829085876204694)</t>
  </si>
  <si>
    <t>POINT (4.69105366226031 51.84081531052161)</t>
  </si>
  <si>
    <t>POINT (4.701231109670783 51.835916040848055)</t>
  </si>
  <si>
    <t>POINT (4.725515598897577 51.8335458358396)</t>
  </si>
  <si>
    <t>POINT (4.692526395982622 51.82511157668922)</t>
  </si>
  <si>
    <t>POINT (4.716288834284776 51.832598874448095)</t>
  </si>
  <si>
    <t>POINT (4.683688035109326 51.82598023568524)</t>
  </si>
  <si>
    <t>POINT (4.704590391095448 51.837016081012806)</t>
  </si>
  <si>
    <t>POINT (4.6842788376945 51.8280917660063)</t>
  </si>
  <si>
    <t>POINT (4.6772201710307755 51.82908026405227)</t>
  </si>
  <si>
    <t>POINT (4.73250987019717 51.832970392017)</t>
  </si>
  <si>
    <t>POINT (4.680906797138505 51.82405111620869)</t>
  </si>
  <si>
    <t>POINT (4.6888663506417165 51.82307307524374)</t>
  </si>
  <si>
    <t>POINT (4.7277710522128045 51.833480595822)</t>
  </si>
  <si>
    <t>POINT (4.673086584072794 51.830087113949034)</t>
  </si>
  <si>
    <t>POINT (4.697001986513738 51.8253944704125)</t>
  </si>
  <si>
    <t>POINT (4.685604822694052 51.82899276588353)</t>
  </si>
  <si>
    <t>POINT (4.683758516095102 51.835328785464746)</t>
  </si>
  <si>
    <t>POINT (4.729814307125154 51.83282893924629)</t>
  </si>
  <si>
    <t>POINT (4.726044411116032 51.8339094022646)</t>
  </si>
  <si>
    <t>POINT (4.6780078398090685 51.834759361270685)</t>
  </si>
  <si>
    <t>POINT (4.7006008123814125 51.836632758497366)</t>
  </si>
  <si>
    <t>POINT (4.70544721568666 51.831976294317826)</t>
  </si>
  <si>
    <t>POINT (4.683182664277522 51.82857413404941)</t>
  </si>
  <si>
    <t>POINT (4.695016098021228 51.82685983444773)</t>
  </si>
  <si>
    <t>POINT (4.707185239562642 51.83813364797338)</t>
  </si>
  <si>
    <t>POINT (4.681222757618863 51.838395759036835)</t>
  </si>
  <si>
    <t>POINT (4.719813562319613 51.834797634850155)</t>
  </si>
  <si>
    <t>POINT (4.688285916893722 51.837567031090494)</t>
  </si>
  <si>
    <t>POINT (4.692864772515303 51.83968931581388)</t>
  </si>
  <si>
    <t>POINT (4.680816094164718 51.84378169428985)</t>
  </si>
  <si>
    <t>POINT (4.694302355584959 51.837556763062004)</t>
  </si>
  <si>
    <t>POINT (4.73250542586397 51.83285588838301)</t>
  </si>
  <si>
    <t>POINT (4.680670841661892 51.83568710081924)</t>
  </si>
  <si>
    <t>POINT (4.6768026799145135 51.83127434866815)</t>
  </si>
  <si>
    <t>POINT (4.736020835760732 51.832896034062884)</t>
  </si>
  <si>
    <t>POINT (4.704062890879546 51.828937460847015)</t>
  </si>
  <si>
    <t>POINT (4.6797292762341804 51.83158987117098)</t>
  </si>
  <si>
    <t>POINT (4.695479173566701 51.83508112451628)</t>
  </si>
  <si>
    <t>POINT (4.67548014296961 51.830770865057474)</t>
  </si>
  <si>
    <t>POINT (4.698300502029067 51.824231022950194)</t>
  </si>
  <si>
    <t>POINT (4.69350108036438 51.83865338078368)</t>
  </si>
  <si>
    <t>POINT (4.684632070118448 51.82863206697567)</t>
  </si>
  <si>
    <t>POINT (4.693747287779249 51.840579417114085)</t>
  </si>
  <si>
    <t>POINT (4.705557072890573 51.83837870961513)</t>
  </si>
  <si>
    <t>POINT (4.679224467643125 51.832301083544934)</t>
  </si>
  <si>
    <t>POINT (4.6808823039546885 51.831490469946)</t>
  </si>
  <si>
    <t>POINT (4.703518289605194 51.83321489048553)</t>
  </si>
  <si>
    <t>POINT (4.679026637287561 51.83814132201506)</t>
  </si>
  <si>
    <t>POINT (4.677039161755587 51.83013174014728)</t>
  </si>
  <si>
    <t>POINT (4.70214811731725 51.83415621841341)</t>
  </si>
  <si>
    <t>POINT (4.682449137041891 51.82738921712718)</t>
  </si>
  <si>
    <t>POINT (4.679961514682817 51.83652244068872)</t>
  </si>
  <si>
    <t>POINT (4.694278154941635 51.8299412350547)</t>
  </si>
  <si>
    <t>POINT (4.6824838207164605 51.83944034564494)</t>
  </si>
  <si>
    <t>POINT (4.73506778270516 51.83122796905147)</t>
  </si>
  <si>
    <t>POINT (4.685488836500289 51.83652502995653)</t>
  </si>
  <si>
    <t>POINT (4.699850738047718 51.831796604496105)</t>
  </si>
  <si>
    <t>POINT (4.687278826434636 51.84443356714594)</t>
  </si>
  <si>
    <t>POINT (4.699826457963947 51.83439542543404)</t>
  </si>
  <si>
    <t>POINT (4.6919301347851325 51.83077284045055)</t>
  </si>
  <si>
    <t>POINT (4.692823251321413 51.838904587767395)</t>
  </si>
  <si>
    <t>POINT (4.708640045891868 51.82748700715948)</t>
  </si>
  <si>
    <t>POINT (4.694135950030576 51.83167137308202)</t>
  </si>
  <si>
    <t>POINT (4.681292491543972 51.824384129055666)</t>
  </si>
  <si>
    <t>POINT (4.679021796817761 51.8273368412264)</t>
  </si>
  <si>
    <t>POINT (4.691510371156044 51.8258673735857)</t>
  </si>
  <si>
    <t>POINT (4.679711584035088 51.83653004023509)</t>
  </si>
  <si>
    <t>POINT (4.68959249929173 51.828477456694934)</t>
  </si>
  <si>
    <t>POINT (4.68906756786281 51.82370982360796)</t>
  </si>
  <si>
    <t>POINT (4.691999175762857 51.827621733545925)</t>
  </si>
  <si>
    <t>POINT (4.682670271805748 51.82368886536169)</t>
  </si>
  <si>
    <t>POINT (4.698768274064511 51.83783158087308)</t>
  </si>
  <si>
    <t>POINT (4.688171588643209 51.82836593972872)</t>
  </si>
  <si>
    <t>POINT (4.680876202512278 51.8234061309799)</t>
  </si>
  <si>
    <t>POINT (4.702182633551491 51.83608108210153)</t>
  </si>
  <si>
    <t>POINT (4.6842017344487425 51.837090525925966)</t>
  </si>
  <si>
    <t>POINT (4.679071532460012 51.83591924110445)</t>
  </si>
  <si>
    <t>POINT (4.680201323680707 51.83707015181496)</t>
  </si>
  <si>
    <t>POINT (4.7191430494692135 51.83467207932824)</t>
  </si>
  <si>
    <t>POINT (4.676917819985422 51.836586373805105)</t>
  </si>
  <si>
    <t>POINT (4.693678377891062 51.82762866464263)</t>
  </si>
  <si>
    <t>POINT (4.6808693424125565 51.83232475399025)</t>
  </si>
  <si>
    <t>POINT (4.679713262200807 51.83246104415043)</t>
  </si>
  <si>
    <t>POINT (4.710652759812395 51.83151022994134)</t>
  </si>
  <si>
    <t>POINT (4.6773816428259085 51.83446390405448)</t>
  </si>
  <si>
    <t>POINT (4.703510464628108 51.824617930197824)</t>
  </si>
  <si>
    <t>POINT (4.675996899762936 51.838098135315825)</t>
  </si>
  <si>
    <t>POINT (4.690654536417013 51.833501707024254)</t>
  </si>
  <si>
    <t>POINT (4.677243257467012 51.83138931831375)</t>
  </si>
  <si>
    <t>POINT (4.688690184082787 51.824377825820875)</t>
  </si>
  <si>
    <t>POINT (4.6951455420411685 51.825831838895155)</t>
  </si>
  <si>
    <t>POINT (4.717128206991926 51.82994924020681)</t>
  </si>
  <si>
    <t>POINT (4.724101035675286 51.831817146569776)</t>
  </si>
  <si>
    <t>POINT (4.6786026815422845 51.82232825118052)</t>
  </si>
  <si>
    <t>POINT (4.680421208950164 51.831944830198324)</t>
  </si>
  <si>
    <t>POINT (4.683625999378326 51.83565147448286)</t>
  </si>
  <si>
    <t>POINT (4.729578838449348 51.83239542127656)</t>
  </si>
  <si>
    <t>POINT (4.687583513477709 51.83495781498415)</t>
  </si>
  <si>
    <t>POINT (4.691356894493922 51.84227160271694)</t>
  </si>
  <si>
    <t>POINT (4.686271168494189 51.84143494462482)</t>
  </si>
  <si>
    <t>POINT (4.693823537959488 51.83882142248963)</t>
  </si>
  <si>
    <t>POINT (4.6974042395821 51.83252132613776)</t>
  </si>
  <si>
    <t>POINT (4.703369168950381 51.82919508954227)</t>
  </si>
  <si>
    <t>POINT (4.672408797017098 51.83089994042921)</t>
  </si>
  <si>
    <t>POINT (4.718884855305533 51.8339741900479)</t>
  </si>
  <si>
    <t>POINT (4.682500334740899 51.82388128100124)</t>
  </si>
  <si>
    <t>POINT (4.689591663194455 51.82519899670176)</t>
  </si>
  <si>
    <t>POINT (4.694188491852229 51.83177365035334)</t>
  </si>
  <si>
    <t>POINT (4.686015145754803 51.84033876232426)</t>
  </si>
  <si>
    <t>POINT (4.682942488902984 51.82810611058191)</t>
  </si>
  <si>
    <t>POINT (4.70794190786964 51.83889695521868)</t>
  </si>
  <si>
    <t>POINT (4.720248211276054 51.83559326895908)</t>
  </si>
  <si>
    <t>POINT (4.693979545687312 51.824658331544164)</t>
  </si>
  <si>
    <t>POINT (4.677874235404502 51.83428784567873)</t>
  </si>
  <si>
    <t>POINT (4.700709336157467 51.83120150288997)</t>
  </si>
  <si>
    <t>POINT (4.694550827131194 51.842458405425276)</t>
  </si>
  <si>
    <t>POINT (4.722805612308997 51.83385225001739)</t>
  </si>
  <si>
    <t>POINT (4.681273322043067 51.83891177720293)</t>
  </si>
  <si>
    <t>POINT (4.678045956952499 51.83244911399841)</t>
  </si>
  <si>
    <t>POINT (4.691373121999005 51.82357623540463)</t>
  </si>
  <si>
    <t>POINT (4.6895994704352635 51.82675260450471)</t>
  </si>
  <si>
    <t>POINT (4.687943227987436 51.82808123954837)</t>
  </si>
  <si>
    <t>POINT (4.722106989920076 51.83472027006715)</t>
  </si>
  <si>
    <t>POINT (4.69099841584585 51.83124455199842)</t>
  </si>
  <si>
    <t>POINT (4.700450170447504 51.83530413160675)</t>
  </si>
  <si>
    <t>POINT (4.679562123953856 51.828721736449985)</t>
  </si>
  <si>
    <t>POINT (4.709794315040573 51.838338651928666)</t>
  </si>
  <si>
    <t>POINT (4.682396061771793 51.82872925873898)</t>
  </si>
  <si>
    <t>POINT (4.676538068445858 51.83206835033099)</t>
  </si>
  <si>
    <t>POINT (4.707200224337663 51.82637531169041)</t>
  </si>
  <si>
    <t>POINT (4.701949175735548 51.833895591631496)</t>
  </si>
  <si>
    <t>POINT (4.676962711890825 51.830078972649716)</t>
  </si>
  <si>
    <t>POINT (4.703559668481976 51.832717593052095)</t>
  </si>
  <si>
    <t>POINT (4.716146669331193 51.83354763719253)</t>
  </si>
  <si>
    <t>POINT (4.706942059832237 51.82899103485428)</t>
  </si>
  <si>
    <t>POINT (4.674965588472248 51.83080906495416)</t>
  </si>
  <si>
    <t>POINT (4.676357658287372 51.83231398741862)</t>
  </si>
  <si>
    <t>POINT (4.677953071890537 51.823049280730196)</t>
  </si>
  <si>
    <t>POINT (4.697542264327863 51.8350820539244)</t>
  </si>
  <si>
    <t>POINT (4.700512948397366 51.831423011587106)</t>
  </si>
  <si>
    <t>POINT (4.686825778231619 51.823106102522175)</t>
  </si>
  <si>
    <t>POINT (4.703588130057396 51.83035003750623)</t>
  </si>
  <si>
    <t>POINT (4.728710336927876 51.831897923149576)</t>
  </si>
  <si>
    <t>POINT (4.684623580198824 51.84022585126584)</t>
  </si>
  <si>
    <t>POINT (4.6947284783055565 51.83665545274114)</t>
  </si>
  <si>
    <t>POINT (4.711616459187107 51.828635492881524)</t>
  </si>
  <si>
    <t>POINT (4.707779326226896 51.834016416991076)</t>
  </si>
  <si>
    <t>POINT (4.677968321975045 51.82337343195694)</t>
  </si>
  <si>
    <t>POINT (4.699624700995639 51.82906700630288)</t>
  </si>
  <si>
    <t>POINT (4.6886516183919325 51.83322893725404)</t>
  </si>
  <si>
    <t>POINT (4.689566259698593 51.83006372401246)</t>
  </si>
  <si>
    <t>POINT (4.6862964929790145 51.82492705460402)</t>
  </si>
  <si>
    <t>POINT (4.69796570712619 51.82906796445618)</t>
  </si>
  <si>
    <t>POINT (4.689319511105662 51.82815214398488)</t>
  </si>
  <si>
    <t>POINT (4.680579967655864 51.83908612935844)</t>
  </si>
  <si>
    <t>POINT (4.693142978361588 51.83113362175589)</t>
  </si>
  <si>
    <t>POINT (4.73222504240274 51.83301328779647)</t>
  </si>
  <si>
    <t>POINT (4.690821763356203 51.829409561134185)</t>
  </si>
  <si>
    <t>POINT (4.696470375036963 51.82621864859097)</t>
  </si>
  <si>
    <t>POINT (4.730371082564966 51.833356154393925)</t>
  </si>
  <si>
    <t>POINT (4.676500612080978 51.833613442973025)</t>
  </si>
  <si>
    <t>POINT (4.682566420036824 51.83704368872885)</t>
  </si>
  <si>
    <t>POINT (4.708072600026863 51.83506987245474)</t>
  </si>
  <si>
    <t>POINT (4.69441814401857 51.829968155339984)</t>
  </si>
  <si>
    <t>POINT (4.728277352953791 51.83291730040894)</t>
  </si>
  <si>
    <t>POINT (4.6939503251715555 51.829744488684376)</t>
  </si>
  <si>
    <t>POINT (4.6956578846723875 51.83118716943751)</t>
  </si>
  <si>
    <t>POINT (4.692798527220352 51.83503249919055)</t>
  </si>
  <si>
    <t>POINT (4.694317523895815 51.82996132334168)</t>
  </si>
  <si>
    <t>POINT (4.70121715284313 51.82854934679068)</t>
  </si>
  <si>
    <t>POINT (4.691244798390504 51.832106207600305)</t>
  </si>
  <si>
    <t>POINT (4.706321088156527 51.82840595122084)</t>
  </si>
  <si>
    <t>POINT (4.707491305226131 51.825928186338125)</t>
  </si>
  <si>
    <t>POINT (4.686275668123532 51.82858663974711)</t>
  </si>
  <si>
    <t>POINT (4.6923464734157685 51.832131619010404)</t>
  </si>
  <si>
    <t>POINT (4.702307073993836 51.83410095800939)</t>
  </si>
  <si>
    <t>POINT (4.692025129438578 51.82532608017367)</t>
  </si>
  <si>
    <t>POINT (4.7072280818970755 51.83855127356215)</t>
  </si>
  <si>
    <t>POINT (4.6941130728213825 51.82949710267578)</t>
  </si>
  <si>
    <t>POINT (4.702808116801816 51.835127972111394)</t>
  </si>
  <si>
    <t>POINT (4.673217454913827 51.82983906814062)</t>
  </si>
  <si>
    <t>POINT (4.688716325886359 51.82846315874126)</t>
  </si>
  <si>
    <t>POINT (4.730221633809551 51.83334200598805)</t>
  </si>
  <si>
    <t>POINT (4.6845665869574695 51.84018459392638)</t>
  </si>
  <si>
    <t>POINT (4.735904839096832 51.8327205532982)</t>
  </si>
  <si>
    <t>POINT (4.702143857965743 51.836002304254215)</t>
  </si>
  <si>
    <t>POINT (4.685674644359444 51.83335776230221)</t>
  </si>
  <si>
    <t>POINT (4.685588414145031 51.836483198754756)</t>
  </si>
  <si>
    <t>POINT (4.679428101252351 51.83852655123356)</t>
  </si>
  <si>
    <t>POINT (4.703648657847018 51.8338406827111)</t>
  </si>
  <si>
    <t>POINT (4.685614916923739 51.82785426147156)</t>
  </si>
  <si>
    <t>POINT (4.684986664553945 51.83510136404316)</t>
  </si>
  <si>
    <t>POINT (4.702846781584186 51.832574717794536)</t>
  </si>
  <si>
    <t>POINT (4.7102084486148605 51.82993275378941)</t>
  </si>
  <si>
    <t>POINT (4.7199348257973845 51.83179103108133)</t>
  </si>
  <si>
    <t>POINT (4.684068488043515 51.82601931489053)</t>
  </si>
  <si>
    <t>POINT (4.6841039823114645 51.82603992275436)</t>
  </si>
  <si>
    <t>POINT (4.677896634995435 51.822873966470766)</t>
  </si>
  <si>
    <t>POINT (4.698581813863458 51.83500498461863)</t>
  </si>
  <si>
    <t>POINT (4.682938365376892 51.83599369257499)</t>
  </si>
  <si>
    <t>POINT (4.716420830791577 51.83306080766645)</t>
  </si>
  <si>
    <t>POINT (4.681405036494262 51.83042828872311)</t>
  </si>
  <si>
    <t>POINT (4.711984824768972 51.830438995310715)</t>
  </si>
  <si>
    <t>POINT (4.709058797418002 51.83802919721387)</t>
  </si>
  <si>
    <t>POINT (4.707363214224612 51.83656185034539)</t>
  </si>
  <si>
    <t>POINT (4.684699045182381 51.835969914218936)</t>
  </si>
  <si>
    <t>POINT (4.729814511044843 51.83290446264874)</t>
  </si>
  <si>
    <t>POINT (4.681118470476954 51.83217984569331)</t>
  </si>
  <si>
    <t>POINT (4.694609901379514 51.835935573006275)</t>
  </si>
  <si>
    <t>POINT (4.68973360873973 51.823236791762746)</t>
  </si>
  <si>
    <t>POINT (4.67832302275713 51.83335830817999)</t>
  </si>
  <si>
    <t>POINT (4.697576663869192 51.832403248824946)</t>
  </si>
  <si>
    <t>POINT (4.7323722533782 51.829886838641066)</t>
  </si>
  <si>
    <t>POINT (4.691686398549248 51.823829792250415)</t>
  </si>
  <si>
    <t>POINT (4.682537223408834 51.830016453523925)</t>
  </si>
  <si>
    <t>POINT (4.680430140129988 51.836305382802)</t>
  </si>
  <si>
    <t>POINT (4.697257694705161 51.82629200619318)</t>
  </si>
  <si>
    <t>POINT (4.718435245218549 51.83053913828089)</t>
  </si>
  <si>
    <t>POINT (4.6953376847312915 51.824681248074604)</t>
  </si>
  <si>
    <t>POINT (4.706620414966548 51.82826630495607)</t>
  </si>
  <si>
    <t>POINT (4.707126600101711 51.83400441287328)</t>
  </si>
  <si>
    <t>POINT (4.716351997618299 51.835398946136465)</t>
  </si>
  <si>
    <t>POINT (4.722359166882199 51.83452085701025)</t>
  </si>
  <si>
    <t>POINT (4.715595126823455 51.83707900372456)</t>
  </si>
  <si>
    <t>POINT (4.673755494903894 51.830941202378774)</t>
  </si>
  <si>
    <t>POINT (4.692225444667902 51.837274225389514)</t>
  </si>
  <si>
    <t>POINT (4.691558203913537 51.83311169140439)</t>
  </si>
  <si>
    <t>POINT (4.697266635582802 51.82927081199131)</t>
  </si>
  <si>
    <t>POINT (4.703643575301513 51.83111818698094)</t>
  </si>
  <si>
    <t>POINT (4.6938878161840885 51.82633271527436)</t>
  </si>
  <si>
    <t>POINT (4.680065728825361 51.83813611593017)</t>
  </si>
  <si>
    <t>POINT (4.714257048846775 51.833490025532925)</t>
  </si>
  <si>
    <t>POINT (4.687294007589725 51.825964373383414)</t>
  </si>
  <si>
    <t>POINT (4.681758990836693 51.83795219319693)</t>
  </si>
  <si>
    <t>POINT (4.68430387064484 51.828219563683426)</t>
  </si>
  <si>
    <t>POINT (4.695842975924761 51.83552827665751)</t>
  </si>
  <si>
    <t>POINT (4.69225663368258 51.82818378971544)</t>
  </si>
  <si>
    <t>POINT (4.689068513644363 51.82334347891477)</t>
  </si>
  <si>
    <t>POINT (4.69340478189893 51.83009836611927)</t>
  </si>
  <si>
    <t>POINT (4.703222195208466 51.83359946982822)</t>
  </si>
  <si>
    <t>POINT (4.682369557383803 51.83821658489241)</t>
  </si>
  <si>
    <t>POINT (4.688200211751123 51.827198665106216)</t>
  </si>
  <si>
    <t>POINT (4.679676118295015 51.83596024322764)</t>
  </si>
  <si>
    <t>POINT (4.688353674529933 51.82323419250426)</t>
  </si>
  <si>
    <t>POINT (4.700733570646115 51.838474764416226)</t>
  </si>
  <si>
    <t>POINT (4.691967294671429 51.82660868661235)</t>
  </si>
  <si>
    <t>POINT (4.68112432328839 51.82943054155909)</t>
  </si>
  <si>
    <t>POINT (4.69817727954836 51.82630500326521)</t>
  </si>
  <si>
    <t>POINT (4.689049208535699 51.82315984285749)</t>
  </si>
  <si>
    <t>POINT (4.698107942040919 51.830738186524485)</t>
  </si>
  <si>
    <t>POINT (4.708009590826756 51.83498107788613)</t>
  </si>
  <si>
    <t>POINT (4.680443647708727 51.83705093704058)</t>
  </si>
  <si>
    <t>POINT (4.687848684448898 51.82429261820134)</t>
  </si>
  <si>
    <t>POINT (4.68172633444422 51.82559947744715)</t>
  </si>
  <si>
    <t>POINT (4.6842099081388655 51.82965735512549)</t>
  </si>
  <si>
    <t>POINT (4.711629487936769 51.8338415615461)</t>
  </si>
  <si>
    <t>POINT (4.685557549993194 51.83312457130755)</t>
  </si>
  <si>
    <t>POINT (4.700999981620822 51.834139876968955)</t>
  </si>
  <si>
    <t>POINT (4.677230787814339 51.835358341774324)</t>
  </si>
  <si>
    <t>POINT (4.691654243319703 51.83722873084939)</t>
  </si>
  <si>
    <t>POINT (4.723614760173852 51.827481114018006)</t>
  </si>
  <si>
    <t>POINT (4.685533090269058 51.82776536003949)</t>
  </si>
  <si>
    <t>POINT (4.6840991460538035 51.82705472120749)</t>
  </si>
  <si>
    <t>POINT (4.683074153110648 51.823932643275754)</t>
  </si>
  <si>
    <t>POINT (4.703629117211826 51.82536610711332)</t>
  </si>
  <si>
    <t>POINT (4.711014485672895 51.82923145113453)</t>
  </si>
  <si>
    <t>POINT (4.684506817810142 51.82669033573784)</t>
  </si>
  <si>
    <t>POINT (4.695360344493611 51.8240461093837)</t>
  </si>
  <si>
    <t>POINT (4.6803591541360685 51.835093268515266)</t>
  </si>
  <si>
    <t>POINT (4.73602969337854 51.83257525307845)</t>
  </si>
  <si>
    <t>POINT (4.7011626329365015 51.840480782064496)</t>
  </si>
  <si>
    <t>POINT (4.68254249353394 51.829355648853735)</t>
  </si>
  <si>
    <t>POINT (4.70095381320851 51.83083722994724)</t>
  </si>
  <si>
    <t>POINT (4.6841341146908215 51.83589600741221)</t>
  </si>
  <si>
    <t>POINT (4.685814886848955 51.82409642197048)</t>
  </si>
  <si>
    <t>POINT (4.6786317119316 51.83466345347658)</t>
  </si>
  <si>
    <t>POINT (4.68310140967395 51.829953916281106)</t>
  </si>
  <si>
    <t>POINT (4.702078656645829 51.83385707606977)</t>
  </si>
  <si>
    <t>POINT (4.696668335432301 51.837590972830775)</t>
  </si>
  <si>
    <t>POINT (4.694103255581067 51.84178652513247)</t>
  </si>
  <si>
    <t>POINT (4.709201353264681 51.826407840089274)</t>
  </si>
  <si>
    <t>POINT (4.6817196197966595 51.836591337336586)</t>
  </si>
  <si>
    <t>POINT (4.6895182229471555 51.831909803918876)</t>
  </si>
  <si>
    <t>POINT (4.6938498954381895 51.8411450121449)</t>
  </si>
  <si>
    <t>POINT (4.690881189407166 51.832914943197935)</t>
  </si>
  <si>
    <t>POINT (4.681810231249642 51.82266835041791)</t>
  </si>
  <si>
    <t>POINT (4.680472792493687 51.83634458736137)</t>
  </si>
  <si>
    <t>POINT (4.704277578879763 51.834130801573615)</t>
  </si>
  <si>
    <t>POINT (4.674767874330605 51.83116067872251)</t>
  </si>
  <si>
    <t>POINT (4.679540169940961 51.83111747450716)</t>
  </si>
  <si>
    <t>POINT (4.685301693063371 51.82636266447282)</t>
  </si>
  <si>
    <t>POINT (4.678615025951762 51.83564141609272)</t>
  </si>
  <si>
    <t>POINT (4.68580160039487 51.82473579510302)</t>
  </si>
  <si>
    <t>POINT (4.7015056904746855 51.82811975806508)</t>
  </si>
  <si>
    <t>POINT (4.6852007269313525 51.829092371024835)</t>
  </si>
  <si>
    <t>POINT (4.731025287388762 51.82945745467742)</t>
  </si>
  <si>
    <t>POINT (4.686958709065848 51.84402061746309)</t>
  </si>
  <si>
    <t>POINT (4.68110018453873 51.824170597408916)</t>
  </si>
  <si>
    <t>POINT (4.729663838355242 51.83237478317863)</t>
  </si>
  <si>
    <t>POINT (4.6857346173290235 51.82889868442784)</t>
  </si>
  <si>
    <t>POINT (4.68697742051982 51.83590672717635)</t>
  </si>
  <si>
    <t>POINT (4.6758468561595015 51.83000800087065)</t>
  </si>
  <si>
    <t>POINT (4.686995630902499 51.834186940990186)</t>
  </si>
  <si>
    <t>POINT (4.679178563880027 51.832651930179296)</t>
  </si>
  <si>
    <t>POINT (4.736053182829795 51.832610349028506)</t>
  </si>
  <si>
    <t>POINT (4.68299556091572 51.83399879121136)</t>
  </si>
  <si>
    <t>POINT (4.716147991678105 51.83538188831489)</t>
  </si>
  <si>
    <t>POINT (4.691013525927674 51.82423501120139)</t>
  </si>
  <si>
    <t>POINT (4.698768506693114 51.835698815099434)</t>
  </si>
  <si>
    <t>POINT (4.69575048523876 51.832523291009366)</t>
  </si>
  <si>
    <t>POINT (4.706871665931778 51.82920664157996)</t>
  </si>
  <si>
    <t>POINT (4.702091972002588 51.83863776213328)</t>
  </si>
  <si>
    <t>POINT (4.6972281276319725 51.82922192118071)</t>
  </si>
  <si>
    <t>POINT (4.7065729053245455 51.828285489866786)</t>
  </si>
  <si>
    <t>POINT (4.70243537313324 51.83449726889605)</t>
  </si>
  <si>
    <t>POINT (4.690977350001558 51.84021059749977)</t>
  </si>
  <si>
    <t>POINT (4.702764328337079 51.83592932228092)</t>
  </si>
  <si>
    <t>POINT (4.67791935899506 51.82449104631783)</t>
  </si>
  <si>
    <t>POINT (4.702606936757107 51.83163086171812)</t>
  </si>
  <si>
    <t>POINT (4.685445725315 51.82904571076382)</t>
  </si>
  <si>
    <t>POINT (4.6996479151158 51.82893276221057)</t>
  </si>
  <si>
    <t>POINT (4.676307396140552 51.83595863331331)</t>
  </si>
  <si>
    <t>POINT (4.69674332183251 51.83375083363375)</t>
  </si>
  <si>
    <t>POINT (4.693956904557187 51.82646412378582)</t>
  </si>
  <si>
    <t>POINT (4.693874433362884 51.84230188511318)</t>
  </si>
  <si>
    <t>POINT (4.6786976802809495 51.82292215696299)</t>
  </si>
  <si>
    <t>POINT (4.68247979721473 51.8304259101389)</t>
  </si>
  <si>
    <t>POINT (4.682692494915327 51.824140741470906)</t>
  </si>
  <si>
    <t>POINT (4.684294632945436 51.82726231631294)</t>
  </si>
  <si>
    <t>POINT (4.689425791074273 51.826510496732595)</t>
  </si>
  <si>
    <t>POINT (4.694350634182354 51.8243684636514)</t>
  </si>
  <si>
    <t>POINT (4.702917468604179 51.835699477054106)</t>
  </si>
  <si>
    <t>POINT (4.6901554317218785 51.82966549478147)</t>
  </si>
  <si>
    <t>POINT (4.704375616949487 51.830401577495095)</t>
  </si>
  <si>
    <t>POINT (4.688975199735667 51.8444123780983)</t>
  </si>
  <si>
    <t>POINT (4.70420343525989 51.83043642244981)</t>
  </si>
  <si>
    <t>POINT (4.700628911101479 51.830373638076715)</t>
  </si>
  <si>
    <t>POINT (4.712463379200249 51.83162439782966)</t>
  </si>
  <si>
    <t>POINT (4.722624223900827 51.83412677811101)</t>
  </si>
  <si>
    <t>POINT (4.683125540851241 51.834908960649884)</t>
  </si>
  <si>
    <t>POINT (4.680506250611142 51.83190350903775)</t>
  </si>
  <si>
    <t>POINT (4.679945087124233 51.836107605801246)</t>
  </si>
  <si>
    <t>POINT (4.67982449666144 51.82359808702201)</t>
  </si>
  <si>
    <t>POINT (4.6818175102124275 51.828515808645264)</t>
  </si>
  <si>
    <t>POINT (4.698882691932883 51.83950073801528)</t>
  </si>
  <si>
    <t>POINT (4.683633597675261 51.82872946496386)</t>
  </si>
  <si>
    <t>POINT (4.688499522075173 51.836294280582756)</t>
  </si>
  <si>
    <t>POINT (4.721763124598478 51.82978973057005)</t>
  </si>
  <si>
    <t>POINT (4.682317311076874 51.84566028885438)</t>
  </si>
  <si>
    <t>POINT (4.681128838062509 51.82265361074187)</t>
  </si>
  <si>
    <t>POINT (4.688238677827446 51.84140494030907)</t>
  </si>
  <si>
    <t>POINT (4.686695178603301 51.8336571199227)</t>
  </si>
  <si>
    <t>POINT (4.685063215615404 51.829103404588444)</t>
  </si>
  <si>
    <t>POINT (4.6908264339648715 51.83874647048163)</t>
  </si>
  <si>
    <t>POINT (4.675646904420407 51.83239091172126)</t>
  </si>
  <si>
    <t>POINT (4.716549843827549 51.83389590396899)</t>
  </si>
  <si>
    <t>POINT (4.686472545138303 51.83469628901385)</t>
  </si>
  <si>
    <t>POINT (4.676632999268106 51.830623666982966)</t>
  </si>
  <si>
    <t>POINT (4.703320555103126 51.8312780918725)</t>
  </si>
  <si>
    <t>POINT (4.699555240553114 51.83385375535378)</t>
  </si>
  <si>
    <t>POINT (4.6859268764136655 51.835117680830805)</t>
  </si>
  <si>
    <t>POINT (4.70383914968983 51.82995714996995)</t>
  </si>
  <si>
    <t>POINT (4.70699755274685 51.836625699738335)</t>
  </si>
  <si>
    <t>POINT (4.698627023777444 51.83270557203959)</t>
  </si>
  <si>
    <t>POINT (4.693046183794882 51.83115894567207)</t>
  </si>
  <si>
    <t>POINT (4.730790687307609 51.83115181682809)</t>
  </si>
  <si>
    <t>POINT (4.705145133987432 51.83962346089337)</t>
  </si>
  <si>
    <t>POINT (4.686074669113116 51.828359410877425)</t>
  </si>
  <si>
    <t>POINT (4.728457228491306 51.83357916120354)</t>
  </si>
  <si>
    <t>POINT (4.692991366663725 51.82436011754993)</t>
  </si>
  <si>
    <t>POINT (4.67694282242442 51.83671415482687)</t>
  </si>
  <si>
    <t>POINT (4.686415167983017 51.82875079633378)</t>
  </si>
  <si>
    <t>POINT (4.689885479826331 51.82575781387534)</t>
  </si>
  <si>
    <t>POINT (4.690454087633451 51.83145992609419)</t>
  </si>
  <si>
    <t>POINT (4.718387413468692 51.83560726648008)</t>
  </si>
  <si>
    <t>POINT (4.6996077607977735 51.8402332179295)</t>
  </si>
  <si>
    <t>POINT (4.692560251776802 51.83863167423584)</t>
  </si>
  <si>
    <t>POINT (4.705663954715016 51.83404510718054)</t>
  </si>
  <si>
    <t>POINT (4.724291134702264 51.83506452821744)</t>
  </si>
  <si>
    <t>POINT (4.682401833348214 51.83630463459451)</t>
  </si>
  <si>
    <t>POINT (4.698927290390826 51.84090209189554)</t>
  </si>
  <si>
    <t>POINT (4.683354086156379 51.827240815268674)</t>
  </si>
  <si>
    <t>POINT (4.712789782328598 51.828366154370336)</t>
  </si>
  <si>
    <t>POINT (4.692448220220207 51.83261048855003)</t>
  </si>
  <si>
    <t>POINT (4.695167622438747 51.84156104104818)</t>
  </si>
  <si>
    <t>POINT (4.683401140799845 51.83541885792715)</t>
  </si>
  <si>
    <t>POINT (4.687774575922208 51.83228048318687)</t>
  </si>
  <si>
    <t>POINT (4.682633692319272 51.825446098039585)</t>
  </si>
  <si>
    <t>POINT (4.688990768866788 51.82831333287674)</t>
  </si>
  <si>
    <t>POINT (4.708145867988822 51.8362686140529)</t>
  </si>
  <si>
    <t>POINT (4.679902292109829 51.83582059231619)</t>
  </si>
  <si>
    <t>POINT (4.714552508979955 51.8323446095366)</t>
  </si>
  <si>
    <t>POINT (4.69324199449123 51.83494788685569)</t>
  </si>
  <si>
    <t>POINT (4.706575593847197 51.827491782559804)</t>
  </si>
  <si>
    <t>POINT (4.67878405441721 51.832898256915726)</t>
  </si>
  <si>
    <t>POINT (4.678412293166497 51.823599940403255)</t>
  </si>
  <si>
    <t>POINT (4.689980816484235 51.838153118700646)</t>
  </si>
  <si>
    <t>POINT (4.688918165274149 51.828703511443635)</t>
  </si>
  <si>
    <t>POINT (4.678443221672118 51.8344709473711)</t>
  </si>
  <si>
    <t>POINT (4.704366896660424 51.83030496193903)</t>
  </si>
  <si>
    <t>POINT (4.690060402794492 51.82325900263392)</t>
  </si>
  <si>
    <t>POINT (4.724146810973346 51.834120152045706)</t>
  </si>
  <si>
    <t>POINT (4.678422411183742 51.832560186175066)</t>
  </si>
  <si>
    <t>POINT (4.675959837601802 51.83109737293855)</t>
  </si>
  <si>
    <t>POINT (4.69961612654171 51.84073660272278)</t>
  </si>
  <si>
    <t>POINT (4.705001153928979 51.83966221920751)</t>
  </si>
  <si>
    <t>POINT (4.690253292629059 51.82823632464216)</t>
  </si>
  <si>
    <t>POINT (4.688392189778782 51.82694431495685)</t>
  </si>
  <si>
    <t>POINT (4.708993856281179 51.82865090386532)</t>
  </si>
  <si>
    <t>POINT (4.694480259763737 51.841642963652895)</t>
  </si>
  <si>
    <t>POINT (4.709021078415512 51.83742916896932)</t>
  </si>
  <si>
    <t>POINT (4.700586547877906 51.834765809518025)</t>
  </si>
  <si>
    <t>POINT (4.676768344005774 51.83268288686805)</t>
  </si>
  <si>
    <t>POINT (4.707955706426166 51.82738332027271)</t>
  </si>
  <si>
    <t>POINT (4.683450123361089 51.83673978936552)</t>
  </si>
  <si>
    <t>POINT (4.678066457487833 51.83139723346101)</t>
  </si>
  <si>
    <t>POINT (4.679367630642736 51.82618812803827)</t>
  </si>
  <si>
    <t>POINT (4.679018575421753 51.82345134121268)</t>
  </si>
  <si>
    <t>POINT (4.6830288383562495 51.836137145669994)</t>
  </si>
  <si>
    <t>POINT (4.689231438342756 51.82851753896858)</t>
  </si>
  <si>
    <t>POINT (4.695707525827026 51.83534812876718)</t>
  </si>
  <si>
    <t>POINT (4.675764274009432 51.83204830163709)</t>
  </si>
  <si>
    <t>POINT (4.722821009457146 51.83231011633305)</t>
  </si>
  <si>
    <t>POINT (4.73215823704825 51.82731812961065)</t>
  </si>
  <si>
    <t>POINT (4.701153814748396 51.8306143663757)</t>
  </si>
  <si>
    <t>POINT (4.678614883306959 51.82358008523203)</t>
  </si>
  <si>
    <t>POINT (4.689632784593873 51.82453844978007)</t>
  </si>
  <si>
    <t>POINT (4.689084082602524 51.83481461552015)</t>
  </si>
  <si>
    <t>POINT (4.682272760551039 51.83942303382295)</t>
  </si>
  <si>
    <t>POINT (4.703648957355844 51.831156464932)</t>
  </si>
  <si>
    <t>POINT (4.701348319466312 51.83472343176732)</t>
  </si>
  <si>
    <t>POINT (4.680380441699512 51.82963902370235)</t>
  </si>
  <si>
    <t>POINT (4.686068253973216 51.835225786705976)</t>
  </si>
  <si>
    <t>POINT (4.681322770498418 51.83652356846732)</t>
  </si>
  <si>
    <t>POINT (4.691931603942481 51.82616613513035)</t>
  </si>
  <si>
    <t>POINT (4.728790484931539 51.83129681914962)</t>
  </si>
  <si>
    <t>POINT (4.70085249148142 51.835717714070384)</t>
  </si>
  <si>
    <t>POINT (4.706804269947003 51.82922652929275)</t>
  </si>
  <si>
    <t>POINT (4.702070609228448 51.83040930603791)</t>
  </si>
  <si>
    <t>POINT (4.707007886890265 51.829075064481096)</t>
  </si>
  <si>
    <t>POINT (4.692756520130715 51.82477718563472)</t>
  </si>
  <si>
    <t>POINT (4.696418905784134 51.83521216617355)</t>
  </si>
  <si>
    <t>POINT (4.70980522926405 51.837470909028745)</t>
  </si>
  <si>
    <t>POINT (4.6877866970807 51.822965596197434)</t>
  </si>
  <si>
    <t>POINT (4.699102011500783 51.841959791270675)</t>
  </si>
  <si>
    <t>POINT (4.691235013380239 51.825587605624)</t>
  </si>
  <si>
    <t>POINT (4.681410304089904 51.8258404059878)</t>
  </si>
  <si>
    <t>POINT (4.707515080844212 51.83797119219279)</t>
  </si>
  <si>
    <t>POINT (4.710627555028693 51.82699032579704)</t>
  </si>
  <si>
    <t>POINT (4.680279334603102 51.82954966092963)</t>
  </si>
  <si>
    <t>POINT (4.7037542331662525 51.82993353684112)</t>
  </si>
  <si>
    <t>POINT (4.677670796516383 51.83108218143131)</t>
  </si>
  <si>
    <t>POINT (4.706942175202759 51.83728649177503)</t>
  </si>
  <si>
    <t>POINT (4.678827065821013 51.82354240916748)</t>
  </si>
  <si>
    <t>POINT (4.6771305842960045 51.8229763624732)</t>
  </si>
  <si>
    <t>POINT (4.673543387116013 51.83029198395725)</t>
  </si>
  <si>
    <t>POINT (4.680327683180652 51.831988715905254)</t>
  </si>
  <si>
    <t>POINT (4.703437354206383 51.831226701146)</t>
  </si>
  <si>
    <t>POINT (4.6887628400850785 51.823747111312954)</t>
  </si>
  <si>
    <t>POINT (4.68773747524955 51.825616693389065)</t>
  </si>
  <si>
    <t>POINT (4.714166296733398 51.83591061579986)</t>
  </si>
  <si>
    <t>POINT (4.723648648980493 51.83439039325851)</t>
  </si>
  <si>
    <t>POINT (4.679597365111736 51.83593043862556)</t>
  </si>
  <si>
    <t>POINT (4.6859244055654825 51.82398164412609)</t>
  </si>
  <si>
    <t>POINT (4.696175793878522 51.83936775967992)</t>
  </si>
  <si>
    <t>POINT (4.697945530289965 51.83008456835484)</t>
  </si>
  <si>
    <t>POINT (4.676806910230703 51.830527489360186)</t>
  </si>
  <si>
    <t>POINT (4.689144544246256 51.823722254315925)</t>
  </si>
  <si>
    <t>POINT (4.702784677733487 51.829610391445954)</t>
  </si>
  <si>
    <t>POINT (4.691141397354357 51.84337806550155)</t>
  </si>
  <si>
    <t>POINT (4.694764183292093 51.83671135688828)</t>
  </si>
  <si>
    <t>POINT (4.702358091418533 51.83623409441532)</t>
  </si>
  <si>
    <t>POINT (4.683651581699292 51.83799094777918)</t>
  </si>
  <si>
    <t>POINT (4.679648831940143 51.82840671257473)</t>
  </si>
  <si>
    <t>POINT (4.69764444883226 51.83244290037265)</t>
  </si>
  <si>
    <t>POINT (4.68556397383076 51.8260267807591)</t>
  </si>
  <si>
    <t>POINT (4.702014563952312 51.83607583168267)</t>
  </si>
  <si>
    <t>POINT (4.69535864787314 51.83786279933295)</t>
  </si>
  <si>
    <t>POINT (4.730958013090001 51.832903597814806)</t>
  </si>
  <si>
    <t>POINT (4.690709244358743 51.838952316036256)</t>
  </si>
  <si>
    <t>POINT (4.71443560346 51.831416520937424)</t>
  </si>
  <si>
    <t>POINT (4.684354925707354 51.839484730345745)</t>
  </si>
  <si>
    <t>POINT (4.727042722103269 51.83403824527295)</t>
  </si>
  <si>
    <t>POINT (4.688650502541724 51.83622911260851)</t>
  </si>
  <si>
    <t>POINT (4.688986925803582 51.82333101173286)</t>
  </si>
  <si>
    <t>POINT (4.691844852468746 51.83394526987046)</t>
  </si>
  <si>
    <t>POINT (4.69697403287961 51.829441736536715)</t>
  </si>
  <si>
    <t>POINT (4.704659869699075 51.83745241508119)</t>
  </si>
  <si>
    <t>POINT (4.694015765315065 51.82991158739365)</t>
  </si>
  <si>
    <t>POINT (4.693992444823199 51.82977813021462)</t>
  </si>
  <si>
    <t>POINT (4.6958716781125664 51.82665053360827)</t>
  </si>
  <si>
    <t>POINT (4.699875812715095 51.83879455864363)</t>
  </si>
  <si>
    <t>POINT (4.687364402944716 51.8230471498391)</t>
  </si>
  <si>
    <t>POINT (4.680083752042357 51.831454750369495)</t>
  </si>
  <si>
    <t>POINT (4.721864526582823 51.829565014713054)</t>
  </si>
  <si>
    <t>POINT (4.70436903446756 51.83038408328966)</t>
  </si>
  <si>
    <t>POINT (4.690455675333366 51.83236025543914)</t>
  </si>
  <si>
    <t>POINT (4.67938288511361 51.83321897961874)</t>
  </si>
  <si>
    <t>POINT (4.719285938704819 51.831086471602624)</t>
  </si>
  <si>
    <t>POINT (4.703210108443285 51.831301879467205)</t>
  </si>
  <si>
    <t>POINT (4.6800558317281595 51.83081638823714)</t>
  </si>
  <si>
    <t>POINT (4.72020118788171 51.83315665676004)</t>
  </si>
  <si>
    <t>POINT (4.72377894722662 51.83535645220814)</t>
  </si>
  <si>
    <t>POINT (4.728870227494831 51.83150285381244)</t>
  </si>
  <si>
    <t>POINT (4.684449882759082 51.83415084820069)</t>
  </si>
  <si>
    <t>POINT (4.676666355769683 51.83564232081133)</t>
  </si>
  <si>
    <t>POINT (4.686935170742599 51.822944042688555)</t>
  </si>
  <si>
    <t>POINT (4.682686019296744 51.83597875842023)</t>
  </si>
  <si>
    <t>POINT (4.680712570294871 51.824380388184466)</t>
  </si>
  <si>
    <t>POINT (4.696172543456347 51.83697818620308)</t>
  </si>
  <si>
    <t>POINT (4.713964529994893 51.833335460934)</t>
  </si>
  <si>
    <t>POINT (4.706675353292774 51.83414250575255)</t>
  </si>
  <si>
    <t>POINT (4.688339619577825 51.838712781227976)</t>
  </si>
  <si>
    <t>POINT (4.722636146040615 51.833887029501014)</t>
  </si>
  <si>
    <t>POINT (4.694457802994987 51.84155572239806)</t>
  </si>
  <si>
    <t>POINT (4.699373252702999 51.841067651166895)</t>
  </si>
  <si>
    <t>POINT (4.70382926558043 51.83563792189351)</t>
  </si>
  <si>
    <t>POINT (4.687916174173961 51.83940685178352)</t>
  </si>
  <si>
    <t>POINT (4.704173723824092 51.827893303386496)</t>
  </si>
  <si>
    <t>POINT (4.6798049394115715 51.83617698065712)</t>
  </si>
  <si>
    <t>POINT (4.685642216017877 51.82588167728131)</t>
  </si>
  <si>
    <t>POINT (4.691600220749879 51.837370808658754)</t>
  </si>
  <si>
    <t>POINT (4.708490221986109 51.829073415617636)</t>
  </si>
  <si>
    <t>POINT (4.7029271600104945 51.83593645567428)</t>
  </si>
  <si>
    <t>POINT (4.702908138694759 51.83576637892603)</t>
  </si>
  <si>
    <t>POINT (4.688107621447768 51.82891058514817)</t>
  </si>
  <si>
    <t>POINT (4.6937523998048025 51.82501756918779)</t>
  </si>
  <si>
    <t>POINT (4.679210285538129 51.83217783557539)</t>
  </si>
  <si>
    <t>POINT (4.690850162650795 51.83750138927567)</t>
  </si>
  <si>
    <t>POINT (4.682298211829045 51.825742893516235)</t>
  </si>
  <si>
    <t>POINT (4.676597832438991 51.83706612977127)</t>
  </si>
  <si>
    <t>POINT (4.704301883031934 51.830361796353976)</t>
  </si>
  <si>
    <t>POINT (4.695958538154507 51.84164056656852)</t>
  </si>
  <si>
    <t>POINT (4.684190073289033 51.82718767760154)</t>
  </si>
  <si>
    <t>POINT (4.677748431928225 51.83615818867412)</t>
  </si>
  <si>
    <t>POINT (4.69131365267068 51.83329090454909)</t>
  </si>
  <si>
    <t>POINT (4.681750051028601 51.823949015750415)</t>
  </si>
  <si>
    <t>POINT (4.718964688742592 51.83418505893558)</t>
  </si>
  <si>
    <t>POINT (4.72259708288315 51.83490647617576)</t>
  </si>
  <si>
    <t>3371GJ</t>
  </si>
  <si>
    <t>Giessenzoom</t>
  </si>
  <si>
    <t>3371GJ-3371HA</t>
  </si>
  <si>
    <t>POINT (4.86295860750211 51.832071694728356)</t>
  </si>
  <si>
    <t>BU05230104</t>
  </si>
  <si>
    <t>WK052301</t>
  </si>
  <si>
    <t>Neder Hardinxveld</t>
  </si>
  <si>
    <t>GM0523</t>
  </si>
  <si>
    <t>Hardinxveld-Giessendam</t>
  </si>
  <si>
    <t>3371BV</t>
  </si>
  <si>
    <t>Buitendams</t>
  </si>
  <si>
    <t>POINT (4.8134379566274195 51.8256290260635)</t>
  </si>
  <si>
    <t>BU05230402</t>
  </si>
  <si>
    <t>Blauwe Zoom</t>
  </si>
  <si>
    <t>WK052304</t>
  </si>
  <si>
    <t>Giessendam</t>
  </si>
  <si>
    <t>3372DJ</t>
  </si>
  <si>
    <t>Zalmrokerij</t>
  </si>
  <si>
    <t>POINT (4.8836194278368605 51.820397178307694)</t>
  </si>
  <si>
    <t>BU05230302</t>
  </si>
  <si>
    <t>BH oost</t>
  </si>
  <si>
    <t>WK052303</t>
  </si>
  <si>
    <t>Boven Hardinxveld</t>
  </si>
  <si>
    <t>3371SK</t>
  </si>
  <si>
    <t>POINT (4.827160754417271 51.8221088701616)</t>
  </si>
  <si>
    <t>BU05230202</t>
  </si>
  <si>
    <t>De Peulen-Oost</t>
  </si>
  <si>
    <t>WK052302</t>
  </si>
  <si>
    <t>De Peulen</t>
  </si>
  <si>
    <t>3372XT</t>
  </si>
  <si>
    <t>Willem Droststraat</t>
  </si>
  <si>
    <t>POINT (4.885955238009898 51.82149378829806)</t>
  </si>
  <si>
    <t>3372BM</t>
  </si>
  <si>
    <t>Rivierdijk</t>
  </si>
  <si>
    <t>POINT (4.889170686838417 51.82235322164448)</t>
  </si>
  <si>
    <t>BU05230303</t>
  </si>
  <si>
    <t>Tienmorgen</t>
  </si>
  <si>
    <t>3372CR</t>
  </si>
  <si>
    <t>Weteringstraat</t>
  </si>
  <si>
    <t>POINT (4.880253625556584 51.824192822004726)</t>
  </si>
  <si>
    <t>BU05230301</t>
  </si>
  <si>
    <t>BH west</t>
  </si>
  <si>
    <t>3371SH</t>
  </si>
  <si>
    <t>3371SH-3371SJ</t>
  </si>
  <si>
    <t>POINT (4.829426855763141 51.82300952634013)</t>
  </si>
  <si>
    <t>3372XS</t>
  </si>
  <si>
    <t>Rembrandthof</t>
  </si>
  <si>
    <t>3371VM-3372XX</t>
  </si>
  <si>
    <t>POINT (4.884568036505292 51.8241063712654)</t>
  </si>
  <si>
    <t>3371GA</t>
  </si>
  <si>
    <t>3371EZ-3371GA</t>
  </si>
  <si>
    <t>POINT (4.842943899161569 51.83035368953188)</t>
  </si>
  <si>
    <t>BU05230103</t>
  </si>
  <si>
    <t>Wielwijk-noord</t>
  </si>
  <si>
    <t>POINT (4.884055856236572 51.82402941064074)</t>
  </si>
  <si>
    <t>3372CN</t>
  </si>
  <si>
    <t>POINT (4.880338533063351 51.82696164965775)</t>
  </si>
  <si>
    <t>3372DK</t>
  </si>
  <si>
    <t>Palingrokerij</t>
  </si>
  <si>
    <t>POINT (4.8837713237161795 51.821035421048954)</t>
  </si>
  <si>
    <t>POINT (4.884596377316032 51.8240428629596)</t>
  </si>
  <si>
    <t>3371PG</t>
  </si>
  <si>
    <t>Smalweer</t>
  </si>
  <si>
    <t>3371PE-3371PG</t>
  </si>
  <si>
    <t>POINT (4.83836801897083 51.82489432304493)</t>
  </si>
  <si>
    <t>BU05230102</t>
  </si>
  <si>
    <t>Wielwijk-zuid</t>
  </si>
  <si>
    <t>3372XD</t>
  </si>
  <si>
    <t>POINT (4.88664965662684 51.82296187862731)</t>
  </si>
  <si>
    <t>3371JJ</t>
  </si>
  <si>
    <t>Schapedrift</t>
  </si>
  <si>
    <t>3371JH-3371JJ</t>
  </si>
  <si>
    <t>POINT (4.819938765887251 51.82891447514263)</t>
  </si>
  <si>
    <t>BU05230401</t>
  </si>
  <si>
    <t>Giessendam-West</t>
  </si>
  <si>
    <t>3371TB</t>
  </si>
  <si>
    <t>Jupiterstraat</t>
  </si>
  <si>
    <t>3371TA-3371TD</t>
  </si>
  <si>
    <t>POINT (4.821805061283872 51.8235393396891)</t>
  </si>
  <si>
    <t>3371HE</t>
  </si>
  <si>
    <t>POINT (4.829849258503745 51.8299057433092)</t>
  </si>
  <si>
    <t>3371XN</t>
  </si>
  <si>
    <t>Peulenlaan</t>
  </si>
  <si>
    <t>POINT (4.828459440750734 51.82382288289419)</t>
  </si>
  <si>
    <t>3372XG</t>
  </si>
  <si>
    <t>Hobbemastraat</t>
  </si>
  <si>
    <t>3372XE-3372XG</t>
  </si>
  <si>
    <t>POINT (4.886565747278459 51.82417368404256)</t>
  </si>
  <si>
    <t>3372AD</t>
  </si>
  <si>
    <t>Koningin Wilhelminalaan</t>
  </si>
  <si>
    <t>POINT (4.882545449954341 51.82289936312245)</t>
  </si>
  <si>
    <t>3371PR</t>
  </si>
  <si>
    <t>Claversweer</t>
  </si>
  <si>
    <t>POINT (4.836604751596094 51.82447084008283)</t>
  </si>
  <si>
    <t>3371EP</t>
  </si>
  <si>
    <t>POINT (4.855755127152759 51.82163958512897)</t>
  </si>
  <si>
    <t>BU05230108</t>
  </si>
  <si>
    <t>De Sluisweg</t>
  </si>
  <si>
    <t>3372BH</t>
  </si>
  <si>
    <t>POINT (4.9033959686747925 51.82978373868424)</t>
  </si>
  <si>
    <t>BU05230305</t>
  </si>
  <si>
    <t>Rvierdijk oost</t>
  </si>
  <si>
    <t>3371TP</t>
  </si>
  <si>
    <t>Venusstraat</t>
  </si>
  <si>
    <t>POINT (4.821285214675028 51.822197540602765)</t>
  </si>
  <si>
    <t>3371HN</t>
  </si>
  <si>
    <t>Schoef</t>
  </si>
  <si>
    <t>POINT (4.8308102622400035 51.82654043619791)</t>
  </si>
  <si>
    <t>3371NJ</t>
  </si>
  <si>
    <t>Groninger Kroon</t>
  </si>
  <si>
    <t>POINT (4.811644307567358 51.82650437719042)</t>
  </si>
  <si>
    <t>3371GH</t>
  </si>
  <si>
    <t>POINT (4.876834202819085 51.831539594140416)</t>
  </si>
  <si>
    <t>BU05230105</t>
  </si>
  <si>
    <t>3371CC</t>
  </si>
  <si>
    <t>Groot Veldsweer</t>
  </si>
  <si>
    <t>POINT (4.844513847116345 51.82647791307166)</t>
  </si>
  <si>
    <t>3372AH</t>
  </si>
  <si>
    <t>POINT (4.882692174413873 51.82793355859117)</t>
  </si>
  <si>
    <t>3371RG</t>
  </si>
  <si>
    <t>Geldersweer</t>
  </si>
  <si>
    <t>POINT (4.841040686364719 51.829383077886035)</t>
  </si>
  <si>
    <t>3371KA</t>
  </si>
  <si>
    <t>Hakgriend</t>
  </si>
  <si>
    <t>POINT (4.846728341817605 51.826469298899504)</t>
  </si>
  <si>
    <t>BU05230106</t>
  </si>
  <si>
    <t>Bedrijventerrein Nieuweweg</t>
  </si>
  <si>
    <t>3371BW</t>
  </si>
  <si>
    <t>POINT (4.811612967162199 51.82541335472902)</t>
  </si>
  <si>
    <t>3371XH</t>
  </si>
  <si>
    <t>POINT (4.830912800838808 51.82366375304042)</t>
  </si>
  <si>
    <t>3371VS</t>
  </si>
  <si>
    <t>KlompÃ©straat</t>
  </si>
  <si>
    <t>POINT (4.829013074737813 51.825214750178525)</t>
  </si>
  <si>
    <t>3371EN</t>
  </si>
  <si>
    <t>POINT (4.840723672449465 51.823224457092586)</t>
  </si>
  <si>
    <t>3373AL</t>
  </si>
  <si>
    <t>POINT (4.837124730144959 51.83287032080999)</t>
  </si>
  <si>
    <t>BU05230403</t>
  </si>
  <si>
    <t>Giessendam Over 't Spoor</t>
  </si>
  <si>
    <t>3371HX</t>
  </si>
  <si>
    <t>Van Nederveenpad</t>
  </si>
  <si>
    <t>POINT (4.827041736173702 51.82818455779362)</t>
  </si>
  <si>
    <t>3371NC</t>
  </si>
  <si>
    <t>Jonathan</t>
  </si>
  <si>
    <t>3371NA-3371NC</t>
  </si>
  <si>
    <t>POINT (4.814353994237462 51.82759400177254)</t>
  </si>
  <si>
    <t>3371TE</t>
  </si>
  <si>
    <t>POINT (4.822640562497223 51.82415771041802)</t>
  </si>
  <si>
    <t>3372DB</t>
  </si>
  <si>
    <t>De Buurt</t>
  </si>
  <si>
    <t>POINT (4.8861056713152635 51.821009050992075)</t>
  </si>
  <si>
    <t>3371XL</t>
  </si>
  <si>
    <t>POINT (4.822912229983769 51.82315815986805)</t>
  </si>
  <si>
    <t>POINT (4.828317834350335 51.82237505299643)</t>
  </si>
  <si>
    <t>3371BM</t>
  </si>
  <si>
    <t>POINT (4.83153143316753 51.826921946103106)</t>
  </si>
  <si>
    <t>3371XE</t>
  </si>
  <si>
    <t>Nijverheidsstraat</t>
  </si>
  <si>
    <t>3371XA-3371XE</t>
  </si>
  <si>
    <t>POINT (4.819090650566268 51.82422565066626)</t>
  </si>
  <si>
    <t>BU05230201</t>
  </si>
  <si>
    <t>Bedrijventerrein De Peulen</t>
  </si>
  <si>
    <t>3372XW</t>
  </si>
  <si>
    <t>POINT (4.883878217150101 51.82523683050507)</t>
  </si>
  <si>
    <t>3371BA</t>
  </si>
  <si>
    <t>3371AZ-3371BA</t>
  </si>
  <si>
    <t>POINT (4.833038591160779 51.82823292099865)</t>
  </si>
  <si>
    <t>3372XM</t>
  </si>
  <si>
    <t>Rembrandtstraat</t>
  </si>
  <si>
    <t>POINT (4.884642454578179 51.82345665888776)</t>
  </si>
  <si>
    <t>3372VL</t>
  </si>
  <si>
    <t>Huik</t>
  </si>
  <si>
    <t>3372VL-3372VM</t>
  </si>
  <si>
    <t>POINT (4.891905627926209 51.82381111592388)</t>
  </si>
  <si>
    <t>3371SN</t>
  </si>
  <si>
    <t>POINT (4.833232306466425 51.823341526356)</t>
  </si>
  <si>
    <t>POINT (4.829183622651172 51.82273871393523)</t>
  </si>
  <si>
    <t>3371RD</t>
  </si>
  <si>
    <t>Geemansweer</t>
  </si>
  <si>
    <t>POINT (4.840093638876958 51.82852475754289)</t>
  </si>
  <si>
    <t>3371VR</t>
  </si>
  <si>
    <t>Dreesstraat</t>
  </si>
  <si>
    <t>POINT (4.827180711625856 51.824976302362266)</t>
  </si>
  <si>
    <t>3371EV</t>
  </si>
  <si>
    <t>POINT (4.8550847037821425 51.82167093792983)</t>
  </si>
  <si>
    <t>3371AD</t>
  </si>
  <si>
    <t>POINT (4.834107202606904 51.82930952894527)</t>
  </si>
  <si>
    <t>POINT (4.816902221361065 51.829277281369336)</t>
  </si>
  <si>
    <t>3372EB</t>
  </si>
  <si>
    <t>Koningin Julianastraat</t>
  </si>
  <si>
    <t>POINT (4.880260051362629 51.82624996918151)</t>
  </si>
  <si>
    <t>3373AK</t>
  </si>
  <si>
    <t>POINT (4.836429810558978 51.83393669758457)</t>
  </si>
  <si>
    <t>3371XB</t>
  </si>
  <si>
    <t>Apollostraat</t>
  </si>
  <si>
    <t>POINT (4.815918201761773 51.82221648461291)</t>
  </si>
  <si>
    <t>3371HZ</t>
  </si>
  <si>
    <t>Wisboomhof</t>
  </si>
  <si>
    <t>POINT (4.825890065119772 51.82863747218232)</t>
  </si>
  <si>
    <t>3372EK</t>
  </si>
  <si>
    <t>POINT (4.880685418659278 51.825687848293335)</t>
  </si>
  <si>
    <t>3371NG</t>
  </si>
  <si>
    <t>Gieser Wildeman</t>
  </si>
  <si>
    <t>POINT (4.813234736977174 51.828051211121135)</t>
  </si>
  <si>
    <t>3371PB</t>
  </si>
  <si>
    <t>Wieling</t>
  </si>
  <si>
    <t>POINT (4.843929528982571 51.825612311241684)</t>
  </si>
  <si>
    <t>3372BL</t>
  </si>
  <si>
    <t>POINT (4.892392763688921 51.823040158886585)</t>
  </si>
  <si>
    <t>3372XV</t>
  </si>
  <si>
    <t>POINT (4.884032648131443 51.82463620629438)</t>
  </si>
  <si>
    <t>3371TN</t>
  </si>
  <si>
    <t>3371TN-3371XK</t>
  </si>
  <si>
    <t>POINT (4.825156079591636 51.82235096759945)</t>
  </si>
  <si>
    <t>3371KG</t>
  </si>
  <si>
    <t>3371KD-3371KH</t>
  </si>
  <si>
    <t>POINT (4.85153069600282 51.8268247408538)</t>
  </si>
  <si>
    <t>3373AR</t>
  </si>
  <si>
    <t>POINT (4.83611877660511 51.8320836009659)</t>
  </si>
  <si>
    <t>POINT (4.882514341313867 51.82438233361438)</t>
  </si>
  <si>
    <t>3371RP</t>
  </si>
  <si>
    <t>Vinkeweer</t>
  </si>
  <si>
    <t>POINT (4.841971652973346 51.82797620620858)</t>
  </si>
  <si>
    <t>3372VH</t>
  </si>
  <si>
    <t>Afslag</t>
  </si>
  <si>
    <t>POINT (4.889976772520027 51.824065533775254)</t>
  </si>
  <si>
    <t>3371PA</t>
  </si>
  <si>
    <t>Baijensweer</t>
  </si>
  <si>
    <t>3371NZ-3371PA</t>
  </si>
  <si>
    <t>POINT (4.841018479593807 51.82523027265706)</t>
  </si>
  <si>
    <t>3371JG</t>
  </si>
  <si>
    <t>Tonneband</t>
  </si>
  <si>
    <t>3371JE-3371JG</t>
  </si>
  <si>
    <t>POINT (4.82417058957608 51.828089925237435)</t>
  </si>
  <si>
    <t>3371JV</t>
  </si>
  <si>
    <t>Blauwe Reiger</t>
  </si>
  <si>
    <t>3371JT-3371JV</t>
  </si>
  <si>
    <t>POINT (4.8218876910216455 51.82735987006594)</t>
  </si>
  <si>
    <t>POINT (4.883792234845236 51.824111397146524)</t>
  </si>
  <si>
    <t>3371NH</t>
  </si>
  <si>
    <t>Brederode</t>
  </si>
  <si>
    <t>POINT (4.812564123463978 51.82803744960977)</t>
  </si>
  <si>
    <t>3371RE</t>
  </si>
  <si>
    <t>POINT (4.839477931725712 51.82896478730057)</t>
  </si>
  <si>
    <t>3371JL</t>
  </si>
  <si>
    <t>Grutto</t>
  </si>
  <si>
    <t>POINT (4.822926701914602 51.8266367970199)</t>
  </si>
  <si>
    <t>3373AJ</t>
  </si>
  <si>
    <t>POINT (4.8373181219817845 51.83128924560609)</t>
  </si>
  <si>
    <t>POINT (4.889328074670431 51.822101384129965)</t>
  </si>
  <si>
    <t>POINT (4.83733372555351 51.831199433388434)</t>
  </si>
  <si>
    <t>3371AM</t>
  </si>
  <si>
    <t>Peulenstraat</t>
  </si>
  <si>
    <t>3371VJ</t>
  </si>
  <si>
    <t>POINT (4.8305392412493555 51.825348484270904)</t>
  </si>
  <si>
    <t>POINT (4.855213135820169 51.82342772572176)</t>
  </si>
  <si>
    <t>POINT (4.890452596399076 51.82403867721479)</t>
  </si>
  <si>
    <t>3371TK</t>
  </si>
  <si>
    <t>Plutostraat</t>
  </si>
  <si>
    <t>3371TJ-3371TK</t>
  </si>
  <si>
    <t>POINT (4.821782930170993 51.8229909315827)</t>
  </si>
  <si>
    <t>3371HL</t>
  </si>
  <si>
    <t>Kloet</t>
  </si>
  <si>
    <t>3371HK-3371HL</t>
  </si>
  <si>
    <t>POINT (4.82972326529189 51.827190606495904)</t>
  </si>
  <si>
    <t>3371BT</t>
  </si>
  <si>
    <t>POINT (4.817446837169329 51.82541894018062)</t>
  </si>
  <si>
    <t>3371VA</t>
  </si>
  <si>
    <t>de Savornin Lohmanstraat</t>
  </si>
  <si>
    <t>POINT (4.830694980127016 51.82485819667605)</t>
  </si>
  <si>
    <t>3372VD</t>
  </si>
  <si>
    <t>3372VC-3372VD</t>
  </si>
  <si>
    <t>POINT (4.888450957228076 51.824030189759114)</t>
  </si>
  <si>
    <t>3372BN</t>
  </si>
  <si>
    <t>POINT (4.888130411646525 51.82153901064039)</t>
  </si>
  <si>
    <t>3372XE</t>
  </si>
  <si>
    <t>Gerard Doustraat</t>
  </si>
  <si>
    <t>POINT (4.885028366843647 51.82397065546076)</t>
  </si>
  <si>
    <t>3371HH</t>
  </si>
  <si>
    <t>Weegpad</t>
  </si>
  <si>
    <t>3371HC</t>
  </si>
  <si>
    <t>POINT (4.82980625711785 51.82842447983078)</t>
  </si>
  <si>
    <t>3372CC</t>
  </si>
  <si>
    <t>Graaf Lodewijkstraat</t>
  </si>
  <si>
    <t>POINT (4.882082119598969 51.822825462172354)</t>
  </si>
  <si>
    <t>3371SX</t>
  </si>
  <si>
    <t>Vlietstraat</t>
  </si>
  <si>
    <t>POINT (4.8268941718369325 51.8232453951088)</t>
  </si>
  <si>
    <t>3372XL</t>
  </si>
  <si>
    <t>POINT (4.884277473317546 51.82236748599194)</t>
  </si>
  <si>
    <t>3372AG</t>
  </si>
  <si>
    <t>POINT (4.8821981981638105 51.8262995352463)</t>
  </si>
  <si>
    <t>POINT (4.835728380085809 51.83434687710883)</t>
  </si>
  <si>
    <t>3372CB</t>
  </si>
  <si>
    <t>Graaf Adolfstraat</t>
  </si>
  <si>
    <t>POINT (4.878770695862193 51.82320666052704)</t>
  </si>
  <si>
    <t>3371RK</t>
  </si>
  <si>
    <t>Pauwtjesmolen</t>
  </si>
  <si>
    <t>POINT (4.842264429295518 51.82895731546432)</t>
  </si>
  <si>
    <t>POINT (4.885010257289125 51.82429416429432)</t>
  </si>
  <si>
    <t>POINT (4.882784319300631 51.826181195753755)</t>
  </si>
  <si>
    <t>3371PL</t>
  </si>
  <si>
    <t>Jacobsweer</t>
  </si>
  <si>
    <t>3371PH-3371PL</t>
  </si>
  <si>
    <t>POINT (4.836924910201619 51.82547182179776)</t>
  </si>
  <si>
    <t>3372XJ</t>
  </si>
  <si>
    <t>POINT (4.884978243529284 51.82456368257894)</t>
  </si>
  <si>
    <t>3371CN</t>
  </si>
  <si>
    <t>POINT (4.844690981494065 51.82961127018949)</t>
  </si>
  <si>
    <t>3371JN</t>
  </si>
  <si>
    <t>Tureluur</t>
  </si>
  <si>
    <t>POINT (4.819559834357945 51.82767136127668)</t>
  </si>
  <si>
    <t>3371BC</t>
  </si>
  <si>
    <t>POINT (4.826490710361647 51.82554843704345)</t>
  </si>
  <si>
    <t>POINT (4.842533676893784 51.82588448734759)</t>
  </si>
  <si>
    <t>3371PJ</t>
  </si>
  <si>
    <t>POINT (4.837328228736484 51.82537087392564)</t>
  </si>
  <si>
    <t>3371RB</t>
  </si>
  <si>
    <t>Clemensweer</t>
  </si>
  <si>
    <t>POINT (4.839917810222427 51.829863229062)</t>
  </si>
  <si>
    <t>3372CL</t>
  </si>
  <si>
    <t>POINT (4.87940174780101 51.82641829059682)</t>
  </si>
  <si>
    <t>POINT (4.837964359729232 51.82544041217431)</t>
  </si>
  <si>
    <t>3373LA</t>
  </si>
  <si>
    <t>Broekseweg</t>
  </si>
  <si>
    <t>3373AT-3381AA</t>
  </si>
  <si>
    <t>POINT (4.813274691937397 51.8410047235109)</t>
  </si>
  <si>
    <t>BU05230405</t>
  </si>
  <si>
    <t>Buitengebied Giessendam</t>
  </si>
  <si>
    <t>3371SM</t>
  </si>
  <si>
    <t>3371SL-3371SM</t>
  </si>
  <si>
    <t>POINT (4.828020395744072 51.82296688042666)</t>
  </si>
  <si>
    <t>3371XJ</t>
  </si>
  <si>
    <t>POINT (4.828827062410295 51.82342014772552)</t>
  </si>
  <si>
    <t>POINT (4.884615488870515 51.82046322542663)</t>
  </si>
  <si>
    <t>3371VC</t>
  </si>
  <si>
    <t>Kuyperstraat</t>
  </si>
  <si>
    <t>POINT (4.831812668076223 51.82463218809354)</t>
  </si>
  <si>
    <t>3372WC</t>
  </si>
  <si>
    <t>POINT (4.889305301680324 51.82608829219147)</t>
  </si>
  <si>
    <t>3371HA</t>
  </si>
  <si>
    <t>Dissel</t>
  </si>
  <si>
    <t>POINT (4.829523794228723 51.828070535894774)</t>
  </si>
  <si>
    <t>POINT (4.825880551751897 51.822816940056256)</t>
  </si>
  <si>
    <t>3372ER</t>
  </si>
  <si>
    <t>POINT (4.878261716976563 51.82460666286144)</t>
  </si>
  <si>
    <t>3371TA</t>
  </si>
  <si>
    <t>POINT (4.821804723054905 51.82356630370667)</t>
  </si>
  <si>
    <t>3371BP</t>
  </si>
  <si>
    <t>POINT (4.82429561296507 51.825241623805056)</t>
  </si>
  <si>
    <t>3371DZ</t>
  </si>
  <si>
    <t>Gietijzer</t>
  </si>
  <si>
    <t>POINT (4.840957633036539 51.8220424298501)</t>
  </si>
  <si>
    <t>3372EP</t>
  </si>
  <si>
    <t>POINT (4.881310266808767 51.82467769951773)</t>
  </si>
  <si>
    <t>3371DW</t>
  </si>
  <si>
    <t>Gietmal</t>
  </si>
  <si>
    <t>POINT (4.83984780394449 51.82247130736511)</t>
  </si>
  <si>
    <t>3372ED</t>
  </si>
  <si>
    <t>Nassaustraat</t>
  </si>
  <si>
    <t>POINT (4.877715388078351 51.825458201570136)</t>
  </si>
  <si>
    <t>POINT (4.889596614977915 51.8266016473789)</t>
  </si>
  <si>
    <t>3372AC</t>
  </si>
  <si>
    <t>3372AB-3372AC</t>
  </si>
  <si>
    <t>POINT (4.883292465358356 51.82743971068356)</t>
  </si>
  <si>
    <t>POINT (4.821833055334751 51.82362037146663)</t>
  </si>
  <si>
    <t>3371DX</t>
  </si>
  <si>
    <t>Smeltoven</t>
  </si>
  <si>
    <t>POINT (4.8410518882808535 51.82244557291113)</t>
  </si>
  <si>
    <t>POINT (4.81794351004219 51.825389611299926)</t>
  </si>
  <si>
    <t>POINT (4.840066032395537 51.822125717756144)</t>
  </si>
  <si>
    <t>3372XK</t>
  </si>
  <si>
    <t>POINT (4.8836620768372425 51.82292213541475)</t>
  </si>
  <si>
    <t>3372AJ</t>
  </si>
  <si>
    <t>Tiendweg</t>
  </si>
  <si>
    <t>POINT (4.8870843141164535 51.82559736388085)</t>
  </si>
  <si>
    <t>POINT (4.87957096546294 51.82298541120951)</t>
  </si>
  <si>
    <t>3371JE</t>
  </si>
  <si>
    <t>Spaander</t>
  </si>
  <si>
    <t>POINT (4.825152791423581 51.82726768615399)</t>
  </si>
  <si>
    <t>3373AP</t>
  </si>
  <si>
    <t>Spoorweg</t>
  </si>
  <si>
    <t>POINT (4.835945686853018 51.83081540544522)</t>
  </si>
  <si>
    <t>3373AD</t>
  </si>
  <si>
    <t>Binnendams</t>
  </si>
  <si>
    <t>POINT (4.846542725128153 51.83268935823381)</t>
  </si>
  <si>
    <t>3371CD</t>
  </si>
  <si>
    <t>POINT (4.843493470557388 51.826292728644965)</t>
  </si>
  <si>
    <t>3371AG</t>
  </si>
  <si>
    <t>Kerkweg</t>
  </si>
  <si>
    <t>POINT (4.838122847882636 51.82954024868843)</t>
  </si>
  <si>
    <t>3371AS</t>
  </si>
  <si>
    <t>POINT (4.834041257366237 51.827154567320484)</t>
  </si>
  <si>
    <t>BU05230101</t>
  </si>
  <si>
    <t>3371XK</t>
  </si>
  <si>
    <t>POINT (4.826176938686942 51.82331403043197)</t>
  </si>
  <si>
    <t>POINT (4.839510559614605 51.828755740446674)</t>
  </si>
  <si>
    <t>3371NM</t>
  </si>
  <si>
    <t>Goudreinet</t>
  </si>
  <si>
    <t>POINT (4.813233300974113 51.82686656708064)</t>
  </si>
  <si>
    <t>POINT (4.833683830114864 51.827164405800275)</t>
  </si>
  <si>
    <t>3371BS</t>
  </si>
  <si>
    <t>3371CR</t>
  </si>
  <si>
    <t>POINT (4.844518937138133 51.82725993875674)</t>
  </si>
  <si>
    <t>3371RH</t>
  </si>
  <si>
    <t>Heijmansweer</t>
  </si>
  <si>
    <t>POINT (4.841445960778078 51.828732206650514)</t>
  </si>
  <si>
    <t>3373AE</t>
  </si>
  <si>
    <t>POINT (4.846084109130307 51.823761636935345)</t>
  </si>
  <si>
    <t>BU05230107</t>
  </si>
  <si>
    <t>Bedrijventerrein Langeveer</t>
  </si>
  <si>
    <t>POINT (4.834106950553858 51.82933006655926)</t>
  </si>
  <si>
    <t>POINT (4.883802304997466 51.8245565872524)</t>
  </si>
  <si>
    <t>POINT (4.836422074992239 51.8262604547776)</t>
  </si>
  <si>
    <t>3371CA</t>
  </si>
  <si>
    <t>3371BZ-3371CA</t>
  </si>
  <si>
    <t>POINT (4.842443552431642 51.82734021134157)</t>
  </si>
  <si>
    <t>3371VN</t>
  </si>
  <si>
    <t>Uranusstraat</t>
  </si>
  <si>
    <t>POINT (4.826200339600651 51.82415747460788)</t>
  </si>
  <si>
    <t>3372WB</t>
  </si>
  <si>
    <t>Botenwerf</t>
  </si>
  <si>
    <t>POINT (4.887954835235759 51.826642612328996)</t>
  </si>
  <si>
    <t>POINT (4.884026646328306 51.82404726245494)</t>
  </si>
  <si>
    <t>3371RM</t>
  </si>
  <si>
    <t>POINT (4.8430886743342585 51.829176863435286)</t>
  </si>
  <si>
    <t>POINT (4.84210518755711 51.82828796433615)</t>
  </si>
  <si>
    <t>3372DC</t>
  </si>
  <si>
    <t>POINT (4.884230897374883 51.82152001137409)</t>
  </si>
  <si>
    <t>3372VM</t>
  </si>
  <si>
    <t>Loodreep</t>
  </si>
  <si>
    <t>POINT (4.891987315041462 51.82438206880246)</t>
  </si>
  <si>
    <t>POINT (4.842223417722773 51.826350451053756)</t>
  </si>
  <si>
    <t>3371CV</t>
  </si>
  <si>
    <t>Tielensweer</t>
  </si>
  <si>
    <t>POINT (4.840463916909687 51.826701810603666)</t>
  </si>
  <si>
    <t>POINT (4.828377874263481 51.82338205592475)</t>
  </si>
  <si>
    <t>POINT (4.88438055822375 51.8216302404962)</t>
  </si>
  <si>
    <t>3371AC</t>
  </si>
  <si>
    <t>POINT (4.834388558395022 51.82877331287937)</t>
  </si>
  <si>
    <t>3371BK</t>
  </si>
  <si>
    <t>POINT (4.808727671594808 51.8241767275607)</t>
  </si>
  <si>
    <t>POINT (4.8286800998096515 51.82240374294998)</t>
  </si>
  <si>
    <t>POINT (4.822193096822669 51.82729842062548)</t>
  </si>
  <si>
    <t>3371AE</t>
  </si>
  <si>
    <t>POINT (4.838170418219957 51.829207895499046)</t>
  </si>
  <si>
    <t>3371VB</t>
  </si>
  <si>
    <t>POINT (4.82807800403157 51.823709878322276)</t>
  </si>
  <si>
    <t>3371JK</t>
  </si>
  <si>
    <t>Brooshooftstraat</t>
  </si>
  <si>
    <t>POINT (4.8228015422557995 51.827364267419675)</t>
  </si>
  <si>
    <t>POINT (4.837075942806241 51.83089248979575)</t>
  </si>
  <si>
    <t>3372CM</t>
  </si>
  <si>
    <t>POINT (4.8787735553596105 51.82681106593958)</t>
  </si>
  <si>
    <t>3372EE</t>
  </si>
  <si>
    <t>POINT (4.877292809160037 51.82562714846373)</t>
  </si>
  <si>
    <t>POINT (4.8421615430168155 51.825469287541026)</t>
  </si>
  <si>
    <t>3371BG</t>
  </si>
  <si>
    <t>POINT (4.81679340401845 51.82502034243058)</t>
  </si>
  <si>
    <t>3371ER</t>
  </si>
  <si>
    <t>POINT (4.855798083909647 51.82414757882596)</t>
  </si>
  <si>
    <t>POINT (4.829411684230655 51.82306338551274)</t>
  </si>
  <si>
    <t>POINT (4.8342436322702556 51.824101952468624)</t>
  </si>
  <si>
    <t>POINT (4.841454084419032 51.82868190864652)</t>
  </si>
  <si>
    <t>3372VK</t>
  </si>
  <si>
    <t>Schokker</t>
  </si>
  <si>
    <t>POINT (4.89116856574386 51.82356531403632)</t>
  </si>
  <si>
    <t>3371TC</t>
  </si>
  <si>
    <t>POINT (4.821343872096284 51.823674183724)</t>
  </si>
  <si>
    <t>3371BJ</t>
  </si>
  <si>
    <t>POINT (4.812065257800197 51.825208834928745)</t>
  </si>
  <si>
    <t>3371VP</t>
  </si>
  <si>
    <t>POINT (4.827901468545668 51.82436852679631)</t>
  </si>
  <si>
    <t>3371RA</t>
  </si>
  <si>
    <t>Capelleweer</t>
  </si>
  <si>
    <t>3371PT-3371RA</t>
  </si>
  <si>
    <t>POINT (4.843008003444568 51.82985062914445)</t>
  </si>
  <si>
    <t>3371NK</t>
  </si>
  <si>
    <t>Morel</t>
  </si>
  <si>
    <t>3371NK-3371NL</t>
  </si>
  <si>
    <t>POINT (4.813788655929729 51.826380043373696)</t>
  </si>
  <si>
    <t>POINT (4.83679426016129 51.833794590345896)</t>
  </si>
  <si>
    <t>POINT (4.825894932125162 51.82326957316399)</t>
  </si>
  <si>
    <t>3372XX</t>
  </si>
  <si>
    <t>Steek</t>
  </si>
  <si>
    <t>POINT (4.88742659424142 51.824795330071126)</t>
  </si>
  <si>
    <t>POINT (4.880227045273308 51.82533603678193)</t>
  </si>
  <si>
    <t>3371NZ</t>
  </si>
  <si>
    <t>Moerbei</t>
  </si>
  <si>
    <t>3371CB</t>
  </si>
  <si>
    <t>POINT (4.841891536014456 51.82620509327657)</t>
  </si>
  <si>
    <t>POINT (4.887975489985318 51.823740536414)</t>
  </si>
  <si>
    <t>3371CX</t>
  </si>
  <si>
    <t>Breedewaij</t>
  </si>
  <si>
    <t>3371CW-3371CX</t>
  </si>
  <si>
    <t>POINT (4.843527986203777 51.82282400664266)</t>
  </si>
  <si>
    <t>3371HV</t>
  </si>
  <si>
    <t>Van Leijdenstraat</t>
  </si>
  <si>
    <t>POINT (4.82673412027011 51.827257269769305)</t>
  </si>
  <si>
    <t>3371CL</t>
  </si>
  <si>
    <t>POINT (4.8451665872188405 51.82648092889848)</t>
  </si>
  <si>
    <t>3371RN</t>
  </si>
  <si>
    <t>Spindermolen</t>
  </si>
  <si>
    <t>POINT (4.83886609812854 51.828069603467945)</t>
  </si>
  <si>
    <t>POINT (4.842072588103676 51.82922608066524)</t>
  </si>
  <si>
    <t>3372EM</t>
  </si>
  <si>
    <t>POINT (4.881069707271694 51.82575893305582)</t>
  </si>
  <si>
    <t>POINT (4.882556715388371 51.8267464935051)</t>
  </si>
  <si>
    <t>POINT (4.813748765282688 51.82658402344571)</t>
  </si>
  <si>
    <t>3372EA</t>
  </si>
  <si>
    <t>Akkerstraat</t>
  </si>
  <si>
    <t>POINT (4.881629943664516 51.82563691928837)</t>
  </si>
  <si>
    <t>POINT (4.838764310907024 51.825705143479865)</t>
  </si>
  <si>
    <t>3371CT</t>
  </si>
  <si>
    <t>Schoutsweer</t>
  </si>
  <si>
    <t>POINT (4.84278706126184 51.826523848561635)</t>
  </si>
  <si>
    <t>POINT (4.829478867133669 51.823495154864034)</t>
  </si>
  <si>
    <t>POINT (4.851713073283716 51.82734690742976)</t>
  </si>
  <si>
    <t>POINT (4.8113673020775245 51.8253402414233)</t>
  </si>
  <si>
    <t>3371SZ</t>
  </si>
  <si>
    <t>Amerhof</t>
  </si>
  <si>
    <t>POINT (4.827198682966157 51.822558478454205)</t>
  </si>
  <si>
    <t>POINT (4.878845069136222 51.82690126074114)</t>
  </si>
  <si>
    <t>3372CG</t>
  </si>
  <si>
    <t>Hofweerstraat</t>
  </si>
  <si>
    <t>POINT (4.880440009566333 51.82309702834479)</t>
  </si>
  <si>
    <t>3373AC</t>
  </si>
  <si>
    <t>POINT (4.8407946500441446 51.83172793900526)</t>
  </si>
  <si>
    <t>POINT (4.832742936082831 51.827927002289165)</t>
  </si>
  <si>
    <t>POINT (4.823836406393963 51.829292786556444)</t>
  </si>
  <si>
    <t>POINT (4.827986529109924 51.82537045354146)</t>
  </si>
  <si>
    <t>POINT (4.8410307026926285 51.82984416998009)</t>
  </si>
  <si>
    <t>3371HW</t>
  </si>
  <si>
    <t>Moelnaerstraat</t>
  </si>
  <si>
    <t>POINT (4.827759441911444 51.82879920104521)</t>
  </si>
  <si>
    <t>POINT (4.888343592553657 51.82193541122511)</t>
  </si>
  <si>
    <t>POINT (4.879423417078228 51.82449484310112)</t>
  </si>
  <si>
    <t>3371SE</t>
  </si>
  <si>
    <t>Graafstroomstraat</t>
  </si>
  <si>
    <t>POINT (4.831667583684664 51.82362238492993)</t>
  </si>
  <si>
    <t>POINT (4.84176791855872 51.829227892375116)</t>
  </si>
  <si>
    <t>POINT (4.883557591466079 51.821888008367914)</t>
  </si>
  <si>
    <t>3371EZ</t>
  </si>
  <si>
    <t>Helling</t>
  </si>
  <si>
    <t>POINT (4.850251769095556 51.82245810390174)</t>
  </si>
  <si>
    <t>3371HS</t>
  </si>
  <si>
    <t>POINT (4.825839142311269 51.826902440134134)</t>
  </si>
  <si>
    <t>3371VE</t>
  </si>
  <si>
    <t>POINT (4.8297023767301805 51.82418833447075)</t>
  </si>
  <si>
    <t>3371PC</t>
  </si>
  <si>
    <t>3371AN-3371PS</t>
  </si>
  <si>
    <t>POINT (4.83622350466805 51.82470450595423)</t>
  </si>
  <si>
    <t>3372BT</t>
  </si>
  <si>
    <t>3372BA-3372BT</t>
  </si>
  <si>
    <t>POINT (4.878810754037031 51.82222708602796)</t>
  </si>
  <si>
    <t>3372VA</t>
  </si>
  <si>
    <t>Drijverschuit</t>
  </si>
  <si>
    <t>3372LA-3372VA</t>
  </si>
  <si>
    <t>POINT (4.888015945797359 51.822707030071115)</t>
  </si>
  <si>
    <t>POINT (4.8120831870840775 51.828297497104636)</t>
  </si>
  <si>
    <t>3372XN</t>
  </si>
  <si>
    <t>POINT (4.887474009307049 51.8231811151358)</t>
  </si>
  <si>
    <t>POINT (4.894135202027876 51.82419801924653)</t>
  </si>
  <si>
    <t>3371BE</t>
  </si>
  <si>
    <t>POINT (4.819740260340475 51.82509338344746)</t>
  </si>
  <si>
    <t>POINT (4.823269051533642 51.82359670914886)</t>
  </si>
  <si>
    <t>POINT (4.823876864894579 51.827216627402585)</t>
  </si>
  <si>
    <t>POINT (4.842095961391246 51.82729365513152)</t>
  </si>
  <si>
    <t>POINT (4.839896449197495 51.82803845763824)</t>
  </si>
  <si>
    <t>POINT (4.837425295105967 51.83201781847746)</t>
  </si>
  <si>
    <t>3372BE</t>
  </si>
  <si>
    <t>WS1</t>
  </si>
  <si>
    <t>3372BD-3372BE</t>
  </si>
  <si>
    <t>POINT (4.912333254079518 51.830832953128436)</t>
  </si>
  <si>
    <t>BU05230310</t>
  </si>
  <si>
    <t>Avelinge diep</t>
  </si>
  <si>
    <t>3371AA</t>
  </si>
  <si>
    <t>Boorstraat</t>
  </si>
  <si>
    <t>3366BW-3371AA</t>
  </si>
  <si>
    <t>POINT (4.831371354249769 51.82764784866172)</t>
  </si>
  <si>
    <t>POINT (4.836073974400481 51.83218812500249)</t>
  </si>
  <si>
    <t>3372CE</t>
  </si>
  <si>
    <t>POINT (4.880808170931242 51.822604248979594)</t>
  </si>
  <si>
    <t>POINT (4.814199137705162 51.82892205013113)</t>
  </si>
  <si>
    <t>3372BW</t>
  </si>
  <si>
    <t>POINT (4.868721925295007 51.820403229779906)</t>
  </si>
  <si>
    <t>BU05230306</t>
  </si>
  <si>
    <t>Rivierdijk west</t>
  </si>
  <si>
    <t>3371TD</t>
  </si>
  <si>
    <t>POINT (4.8213993714400525 51.82414546919078)</t>
  </si>
  <si>
    <t>POINT (4.894953068025418 51.82454640346123)</t>
  </si>
  <si>
    <t>POINT (4.819082451684109 51.8276691417594)</t>
  </si>
  <si>
    <t>POINT (4.831511166888265 51.82659259099434)</t>
  </si>
  <si>
    <t>POINT (4.8523697727676955 51.82579488624028)</t>
  </si>
  <si>
    <t>POINT (4.8878882636540775 51.82375814243532)</t>
  </si>
  <si>
    <t>POINT (4.820231573036177 51.82538828086106)</t>
  </si>
  <si>
    <t>3371BB</t>
  </si>
  <si>
    <t>POINT (4.827883511611014 51.82581559669424)</t>
  </si>
  <si>
    <t>POINT (4.831322676520045 51.82453758336403)</t>
  </si>
  <si>
    <t>POINT (4.8517781588602755 51.82553152198416)</t>
  </si>
  <si>
    <t>3372BC</t>
  </si>
  <si>
    <t>Buitenweistraat</t>
  </si>
  <si>
    <t>POINT (4.88151769516957 51.820126477982214)</t>
  </si>
  <si>
    <t>BU05230307</t>
  </si>
  <si>
    <t>Bedrijventerrein Buitenwei</t>
  </si>
  <si>
    <t>3372DE</t>
  </si>
  <si>
    <t>3372DE-3372DH</t>
  </si>
  <si>
    <t>POINT (4.884952818559308 51.821675970133235)</t>
  </si>
  <si>
    <t>3371VK</t>
  </si>
  <si>
    <t>POINT (4.830127071769514 51.82503527373314)</t>
  </si>
  <si>
    <t>POINT (4.888391076463033 51.825844561811245)</t>
  </si>
  <si>
    <t>POINT (4.831346536288427 51.82339914468156)</t>
  </si>
  <si>
    <t>3371HD</t>
  </si>
  <si>
    <t>Koetshuis</t>
  </si>
  <si>
    <t>POINT (4.8286538042996 51.82920794408072)</t>
  </si>
  <si>
    <t>3371XA</t>
  </si>
  <si>
    <t>Ambachtsstraat</t>
  </si>
  <si>
    <t>POINT (4.811130223215137 51.82346047013782)</t>
  </si>
  <si>
    <t>POINT (4.885291751577007 51.823765046213985)</t>
  </si>
  <si>
    <t>3371KB</t>
  </si>
  <si>
    <t>Houtschelf</t>
  </si>
  <si>
    <t>POINT (4.852958725722369 51.82770170629737)</t>
  </si>
  <si>
    <t>POINT (4.845231309489166 51.82592393882646)</t>
  </si>
  <si>
    <t>POINT (4.817169153357689 51.825377548046696)</t>
  </si>
  <si>
    <t>POINT (4.886434063380904 51.82147785498882)</t>
  </si>
  <si>
    <t>3372CJ</t>
  </si>
  <si>
    <t>POINT (4.8821565675740715 51.823758097847595)</t>
  </si>
  <si>
    <t>POINT (4.81772128937442 51.82932215552825)</t>
  </si>
  <si>
    <t>POINT (4.844752933671755 51.829274450735156)</t>
  </si>
  <si>
    <t>POINT (4.879571572778868 51.82293148275774)</t>
  </si>
  <si>
    <t>3372DD</t>
  </si>
  <si>
    <t>POINT (4.884857750870451 51.82123126120073)</t>
  </si>
  <si>
    <t>3371MB</t>
  </si>
  <si>
    <t>Transportweg</t>
  </si>
  <si>
    <t>3371KK-3371MC</t>
  </si>
  <si>
    <t>POINT (4.854147197732884 51.821942200610756)</t>
  </si>
  <si>
    <t>POINT (4.838797425796168 51.83013664498169)</t>
  </si>
  <si>
    <t>POINT (4.883843175500679 51.824397351308505)</t>
  </si>
  <si>
    <t>POINT (4.809985536605405 51.82449751925815)</t>
  </si>
  <si>
    <t>POINT (4.841071114832385 51.829266368557526)</t>
  </si>
  <si>
    <t>3372BG</t>
  </si>
  <si>
    <t>POINT (4.907703085626835 51.83051021476847)</t>
  </si>
  <si>
    <t>POINT (4.831619178556769 51.826372649339845)</t>
  </si>
  <si>
    <t>3371GC</t>
  </si>
  <si>
    <t>POINT (4.850469502033466 51.83066698216212)</t>
  </si>
  <si>
    <t>POINT (4.833755960234089 51.829323486621405)</t>
  </si>
  <si>
    <t>POINT (4.843529684259734 51.828818772286525)</t>
  </si>
  <si>
    <t>POINT (4.8265336658934315 51.82937760811946)</t>
  </si>
  <si>
    <t>POINT (4.828633159986645 51.8238506753093)</t>
  </si>
  <si>
    <t>3371EM</t>
  </si>
  <si>
    <t>3371EL-3371EM</t>
  </si>
  <si>
    <t>POINT (4.841303952535445 51.823218168656844)</t>
  </si>
  <si>
    <t>POINT (4.884138429598487 51.82572859259645)</t>
  </si>
  <si>
    <t>POINT (4.824746636031795 51.82726574079163)</t>
  </si>
  <si>
    <t>3371XT</t>
  </si>
  <si>
    <t>3371XP-3371XT</t>
  </si>
  <si>
    <t>POINT (4.8239911746903825 51.82387343704503)</t>
  </si>
  <si>
    <t>3371AB</t>
  </si>
  <si>
    <t>POINT (4.831338668323108 51.82912181402429)</t>
  </si>
  <si>
    <t>POINT (4.83530573675928 51.82946675236711)</t>
  </si>
  <si>
    <t>3372EC</t>
  </si>
  <si>
    <t>POINT (4.879833238626279 51.82575012585683)</t>
  </si>
  <si>
    <t>3371PP</t>
  </si>
  <si>
    <t>Houweningeweer</t>
  </si>
  <si>
    <t>POINT (4.8356600061480615 51.82570857590089)</t>
  </si>
  <si>
    <t>3372AE</t>
  </si>
  <si>
    <t>3373AH</t>
  </si>
  <si>
    <t>POINT (4.834921625267748 51.831511697752205)</t>
  </si>
  <si>
    <t>POINT (4.832807306779445 51.827663627574715)</t>
  </si>
  <si>
    <t>POINT (4.843427892477756 51.822061279190805)</t>
  </si>
  <si>
    <t>3371HR</t>
  </si>
  <si>
    <t>Van Asperenstraat</t>
  </si>
  <si>
    <t>POINT (4.827284204007542 51.8285182905359)</t>
  </si>
  <si>
    <t>Den Bogerd</t>
  </si>
  <si>
    <t>POINT (4.833560790540985 51.82677206016397)</t>
  </si>
  <si>
    <t>POINT (4.811736962248654 51.828355942738135)</t>
  </si>
  <si>
    <t>POINT (4.878232910367486 51.824588560940555)</t>
  </si>
  <si>
    <t>3371ES</t>
  </si>
  <si>
    <t>POINT (4.85578493083936 51.82649352431711)</t>
  </si>
  <si>
    <t>3371ED</t>
  </si>
  <si>
    <t>POINT (4.849047116265773 51.821297551642814)</t>
  </si>
  <si>
    <t>POINT (4.811891953066568 51.82401250792678)</t>
  </si>
  <si>
    <t>POINT (4.828759357040193 51.828884858870765)</t>
  </si>
  <si>
    <t>POINT (4.884897461698703 51.821399381479665)</t>
  </si>
  <si>
    <t>POINT (4.84392065751157 51.82514486649367)</t>
  </si>
  <si>
    <t>POINT (4.888010471343611 51.823201374731575)</t>
  </si>
  <si>
    <t>3371SC</t>
  </si>
  <si>
    <t>3371SB-3371SC</t>
  </si>
  <si>
    <t>POINT (4.8301043314020085 51.823354308319644)</t>
  </si>
  <si>
    <t>3371PK</t>
  </si>
  <si>
    <t>POINT (4.836804479938698 51.82583079865673)</t>
  </si>
  <si>
    <t>POINT (4.833798670872475 51.828030884893174)</t>
  </si>
  <si>
    <t>3371GK</t>
  </si>
  <si>
    <t>Achterdijk oost</t>
  </si>
  <si>
    <t>POINT (4.8605193189247675 51.83259292383141)</t>
  </si>
  <si>
    <t>POINT (4.838050116136939 51.82501077484189)</t>
  </si>
  <si>
    <t>POINT (4.822265909560486 51.82412354911282)</t>
  </si>
  <si>
    <t>POINT (4.8911801053995285 51.82349735576541)</t>
  </si>
  <si>
    <t>POINT (4.823093868020589 51.82364105281549)</t>
  </si>
  <si>
    <t>3372CS</t>
  </si>
  <si>
    <t>POINT (4.88237231394517 51.82411206760418)</t>
  </si>
  <si>
    <t>3371VH</t>
  </si>
  <si>
    <t>3371VG-3371VH</t>
  </si>
  <si>
    <t>POINT (4.832848245175771 51.8248023375778)</t>
  </si>
  <si>
    <t>POINT (4.844020783113142 51.822940334629756)</t>
  </si>
  <si>
    <t>POINT (4.844784320180217 51.83047913029803)</t>
  </si>
  <si>
    <t>3371HT</t>
  </si>
  <si>
    <t>Van Clevestraat</t>
  </si>
  <si>
    <t>POINT (4.8279292699553364 51.827973064615435)</t>
  </si>
  <si>
    <t>POINT (4.83730583824789 51.83229590340699)</t>
  </si>
  <si>
    <t>POINT (4.840106393627089 51.82986410807859)</t>
  </si>
  <si>
    <t>POINT (4.8289246639315975 51.82256670021346)</t>
  </si>
  <si>
    <t>3371BZ</t>
  </si>
  <si>
    <t>Langesteeg</t>
  </si>
  <si>
    <t>POINT (4.823090317201349 51.82515447338896)</t>
  </si>
  <si>
    <t>POINT (4.884118820914785 51.826176675526625)</t>
  </si>
  <si>
    <t>POINT (4.832982072108181 51.824470995747205)</t>
  </si>
  <si>
    <t>POINT (4.841907606184705 51.827274803273696)</t>
  </si>
  <si>
    <t>3372ES</t>
  </si>
  <si>
    <t>POINT (4.878506482793237 51.825713310695065)</t>
  </si>
  <si>
    <t>3371XP</t>
  </si>
  <si>
    <t>POINT (4.824690529326893 51.82362511123885)</t>
  </si>
  <si>
    <t>POINT (4.813328589173233 51.82768370570183)</t>
  </si>
  <si>
    <t>WS2</t>
  </si>
  <si>
    <t>POINT (4.838436561413137 51.822854326347596)</t>
  </si>
  <si>
    <t>POINT (4.835944363893149 51.826644467769874)</t>
  </si>
  <si>
    <t>POINT (4.829672343477213 51.82803997038133)</t>
  </si>
  <si>
    <t>3372BV</t>
  </si>
  <si>
    <t>POINT (4.8732313337890725 51.82006039311174)</t>
  </si>
  <si>
    <t>3371CJ</t>
  </si>
  <si>
    <t>POINT (4.84513198264081 51.8221213306594)</t>
  </si>
  <si>
    <t>POINT (4.8848184448074825 51.82699144167183)</t>
  </si>
  <si>
    <t>BU05230304</t>
  </si>
  <si>
    <t>Tienmorgen Buitengebied</t>
  </si>
  <si>
    <t>POINT (4.841053955938693 51.82180563459145)</t>
  </si>
  <si>
    <t>POINT (4.888817751311898 51.82234190824245)</t>
  </si>
  <si>
    <t>POINT (4.879888086832783 51.825484500756005)</t>
  </si>
  <si>
    <t>POINT (4.8400462605055 51.828203259633014)</t>
  </si>
  <si>
    <t>POINT (4.854068966259868 51.82194653732736)</t>
  </si>
  <si>
    <t>POINT (4.814129707336267 51.826286690899096)</t>
  </si>
  <si>
    <t>POINT (4.88863137534226 51.82345569174209)</t>
  </si>
  <si>
    <t>POINT (4.811668373578958 51.828746761226945)</t>
  </si>
  <si>
    <t>POINT (4.821349682375584 51.82391386442587)</t>
  </si>
  <si>
    <t>POINT (4.840054376548332 51.82817402181292)</t>
  </si>
  <si>
    <t>POINT (4.808004871014818 51.82398440353598)</t>
  </si>
  <si>
    <t>POINT (4.823194888370414 51.82369623356784)</t>
  </si>
  <si>
    <t>POINT (4.842618936862504 51.82963310024497)</t>
  </si>
  <si>
    <t>3371AW</t>
  </si>
  <si>
    <t>3371AV-3371AW</t>
  </si>
  <si>
    <t>POINT (4.832338376207903 51.82922541739648)</t>
  </si>
  <si>
    <t>POINT (4.827827602997206 51.823307526556654)</t>
  </si>
  <si>
    <t>3372XA</t>
  </si>
  <si>
    <t>Albert Cuypstraat</t>
  </si>
  <si>
    <t>POINT (4.884552592992885 51.82501128613323)</t>
  </si>
  <si>
    <t>POINT (4.825368274158648 51.82497137172999)</t>
  </si>
  <si>
    <t>POINT (4.88502776603993 51.82402458394254)</t>
  </si>
  <si>
    <t>3371BL</t>
  </si>
  <si>
    <t>POINT (4.832083120353326 51.82735551176044)</t>
  </si>
  <si>
    <t>POINT (4.843467077667481 51.82667081684074)</t>
  </si>
  <si>
    <t>POINT (4.831439795395259 51.82680325007993)</t>
  </si>
  <si>
    <t>POINT (4.835042636515492 51.831107783045475)</t>
  </si>
  <si>
    <t>3371AX</t>
  </si>
  <si>
    <t>Stationsstraat</t>
  </si>
  <si>
    <t>POINT (4.836011958624411 51.83014157671556)</t>
  </si>
  <si>
    <t>POINT (4.829713159963413 51.82331649696803)</t>
  </si>
  <si>
    <t>3371AR</t>
  </si>
  <si>
    <t>POINT (4.8341633374213195 51.82591725911212)</t>
  </si>
  <si>
    <t>POINT (4.851847211160655 51.830709227031896)</t>
  </si>
  <si>
    <t>POINT (4.828397504227376 51.822968676309024)</t>
  </si>
  <si>
    <t>POINT (4.87816018340787 51.8246062226111)</t>
  </si>
  <si>
    <t>POINT (4.827361861070553 51.82927369822673)</t>
  </si>
  <si>
    <t>POINT (4.8316416524831745 51.82690307951151)</t>
  </si>
  <si>
    <t>POINT (4.828547782287274 51.82839847109091)</t>
  </si>
  <si>
    <t>3372DA</t>
  </si>
  <si>
    <t>POINT (4.881740367633193 51.82225771480189)</t>
  </si>
  <si>
    <t>3371XG</t>
  </si>
  <si>
    <t>POINT (4.832519582173737 51.823932024521376)</t>
  </si>
  <si>
    <t>POINT (4.826659051688515 51.82727226375996)</t>
  </si>
  <si>
    <t>POINT (4.828620200495088 51.828407804242666)</t>
  </si>
  <si>
    <t>POINT (4.8833665412009895 51.82600392592811)</t>
  </si>
  <si>
    <t>3372AA</t>
  </si>
  <si>
    <t>POINT (4.883022110224352 51.822760732217105)</t>
  </si>
  <si>
    <t>POINT (4.885239329829108 51.8245647993046)</t>
  </si>
  <si>
    <t>POINT (4.855554387682708 51.83191896739244)</t>
  </si>
  <si>
    <t>3371JC</t>
  </si>
  <si>
    <t>Reepijzer</t>
  </si>
  <si>
    <t>POINT (4.825532343872995 51.82591223280779)</t>
  </si>
  <si>
    <t>Hallehuis</t>
  </si>
  <si>
    <t>POINT (4.8295265052886 51.829023792261175)</t>
  </si>
  <si>
    <t>3372CH</t>
  </si>
  <si>
    <t>POINT (4.8779644274768685 51.823958200659504)</t>
  </si>
  <si>
    <t>3371HG</t>
  </si>
  <si>
    <t>Schouw</t>
  </si>
  <si>
    <t>POINT (4.829111999412711 51.82910446301014)</t>
  </si>
  <si>
    <t>3372BD</t>
  </si>
  <si>
    <t>POINT (4.879779353714706 51.82161869188312)</t>
  </si>
  <si>
    <t>POINT (4.83694098064462 51.82475907915949)</t>
  </si>
  <si>
    <t>POINT (4.846135268941926 51.82554160207258)</t>
  </si>
  <si>
    <t>3371JR</t>
  </si>
  <si>
    <t>POINT (4.8187732970408215 51.828153799658146)</t>
  </si>
  <si>
    <t>POINT (4.845164794566454 51.82301134712133)</t>
  </si>
  <si>
    <t>3371CK</t>
  </si>
  <si>
    <t>POINT (4.84519593272336 51.82522523176473)</t>
  </si>
  <si>
    <t>POINT (4.829125236714257 51.82862593121735)</t>
  </si>
  <si>
    <t>POINT (4.83944571244376 51.82263025461654)</t>
  </si>
  <si>
    <t>POINT (4.8400759891489455 51.828646227195456)</t>
  </si>
  <si>
    <t>3371RL</t>
  </si>
  <si>
    <t>POINT (4.840277375844466 51.82893529299141)</t>
  </si>
  <si>
    <t>3371EC</t>
  </si>
  <si>
    <t>POINT (4.85131953142447 51.8214036939947)</t>
  </si>
  <si>
    <t>POINT (4.878151555261696 51.825370208688604)</t>
  </si>
  <si>
    <t>3371JS</t>
  </si>
  <si>
    <t>Koperwiek</t>
  </si>
  <si>
    <t>POINT (4.819009807997718 51.82665385738185)</t>
  </si>
  <si>
    <t>POINT (4.828128725200891 51.82241909515733)</t>
  </si>
  <si>
    <t>POINT (4.886158327316197 51.82410132304905)</t>
  </si>
  <si>
    <t>POINT (4.8440077344351264 51.823154102504354)</t>
  </si>
  <si>
    <t>POINT (4.846944018385462 51.82761538533462)</t>
  </si>
  <si>
    <t>POINT (4.856767777199 51.82433173517209)</t>
  </si>
  <si>
    <t>POINT (4.839458957792341 51.82942065100665)</t>
  </si>
  <si>
    <t>3371SL</t>
  </si>
  <si>
    <t>POINT (4.83311835440283 51.823602276428645)</t>
  </si>
  <si>
    <t>POINT (4.838808501638288 51.831610815614795)</t>
  </si>
  <si>
    <t>POINT (4.812487049368799 51.82881897726099)</t>
  </si>
  <si>
    <t>POINT (4.8271679998371875 51.822693160259874)</t>
  </si>
  <si>
    <t>POINT (4.82310376755259 51.82361731669217)</t>
  </si>
  <si>
    <t>POINT (4.889363689834519 51.82551290702793)</t>
  </si>
  <si>
    <t>3372DH</t>
  </si>
  <si>
    <t>Kromme Gat</t>
  </si>
  <si>
    <t>3372BX</t>
  </si>
  <si>
    <t>POINT (4.863722525701067 51.820012510569605)</t>
  </si>
  <si>
    <t>3372BP</t>
  </si>
  <si>
    <t>POINT (4.887134333961387 51.821112311427456)</t>
  </si>
  <si>
    <t>POINT (4.840553020557949 51.826531443439976)</t>
  </si>
  <si>
    <t>POINT (4.823445398635513 51.82227984402043)</t>
  </si>
  <si>
    <t>POINT (4.8402700001608565 51.829532294812395)</t>
  </si>
  <si>
    <t>POINT (4.832649403053881 51.82752805367387)</t>
  </si>
  <si>
    <t>3372DV</t>
  </si>
  <si>
    <t>Watertoren</t>
  </si>
  <si>
    <t>POINT (4.873883994452679 51.82201876425685)</t>
  </si>
  <si>
    <t>3371CP</t>
  </si>
  <si>
    <t>POINT (4.844567230327257 51.8232692537043)</t>
  </si>
  <si>
    <t>POINT (4.841829263563935 51.828349602491684)</t>
  </si>
  <si>
    <t>POINT (4.825810019487903 51.82691128940355)</t>
  </si>
  <si>
    <t>3373AN</t>
  </si>
  <si>
    <t>POINT (4.835655208744295 51.832027492800314)</t>
  </si>
  <si>
    <t>3372CP</t>
  </si>
  <si>
    <t>POINT (4.882223651727387 51.82702370497124)</t>
  </si>
  <si>
    <t>POINT (4.833650838489168 51.82797142982152)</t>
  </si>
  <si>
    <t>3371EE</t>
  </si>
  <si>
    <t>POINT (4.846932927595473 51.82339379906417)</t>
  </si>
  <si>
    <t>POINT (4.8310866318805505 51.823682553808204)</t>
  </si>
  <si>
    <t>POINT (4.835791421734088 51.82682377185034)</t>
  </si>
  <si>
    <t>3371TL</t>
  </si>
  <si>
    <t>Saturnusstraat</t>
  </si>
  <si>
    <t>POINT (4.823050530011529 51.822538614775446)</t>
  </si>
  <si>
    <t>POINT (4.829823136994668 51.82497989969049)</t>
  </si>
  <si>
    <t>POINT (4.841431933319002 51.82986179290233)</t>
  </si>
  <si>
    <t>POINT (4.831124181188666 51.82886911917361)</t>
  </si>
  <si>
    <t>POINT (4.832668459866777 51.82518456199699)</t>
  </si>
  <si>
    <t>POINT (4.885745179656926 51.82081875276826)</t>
  </si>
  <si>
    <t>3371AL</t>
  </si>
  <si>
    <t>Peulenstraat-zuid</t>
  </si>
  <si>
    <t>POINT (4.837580885576261 51.82401875199728)</t>
  </si>
  <si>
    <t>POINT (4.836433122225864 51.82903158202719)</t>
  </si>
  <si>
    <t>POINT (4.813225921151886 51.82852130511272)</t>
  </si>
  <si>
    <t>POINT (4.868440500761229 51.81943527069403)</t>
  </si>
  <si>
    <t>POINT (4.836896362716337 51.83375012634827)</t>
  </si>
  <si>
    <t>POINT (4.826690044716405 51.82730200203083)</t>
  </si>
  <si>
    <t>POINT (4.832608822044342 51.827476699203835)</t>
  </si>
  <si>
    <t>POINT (4.878834010447822 51.8265956035328)</t>
  </si>
  <si>
    <t>POINT (4.8362737373926565 51.83127536052173)</t>
  </si>
  <si>
    <t>POINT (4.821344549107389 51.823620255692965)</t>
  </si>
  <si>
    <t>3372XZ</t>
  </si>
  <si>
    <t>Hendrick Avercampstraat</t>
  </si>
  <si>
    <t>3372XZ-3373AA</t>
  </si>
  <si>
    <t>POINT (4.887013112386786 51.82438104143809)</t>
  </si>
  <si>
    <t>3372EG</t>
  </si>
  <si>
    <t>3372EG-3372EH</t>
  </si>
  <si>
    <t>POINT (4.8773441193239595 51.826220613068294)</t>
  </si>
  <si>
    <t>POINT (4.825974548224029 51.82534806958336)</t>
  </si>
  <si>
    <t>POINT (4.821401889640594 51.823674463394646)</t>
  </si>
  <si>
    <t>POINT (4.832771133589376 51.82352872857504)</t>
  </si>
  <si>
    <t>3371XR</t>
  </si>
  <si>
    <t>POINT (4.8247043607142945 51.823679108801784)</t>
  </si>
  <si>
    <t>3371BH</t>
  </si>
  <si>
    <t>POINT (4.824793927855845 51.829288389289154)</t>
  </si>
  <si>
    <t>POINT (4.8850652722942325 51.8245640548854)</t>
  </si>
  <si>
    <t>POINT (4.82376764218336 51.82318923467596)</t>
  </si>
  <si>
    <t>POINT (4.837171762635904 51.83254489575968)</t>
  </si>
  <si>
    <t>POINT (4.884401837499159 51.82161323549776)</t>
  </si>
  <si>
    <t>POINT (4.843033981539961 51.82855822607243)</t>
  </si>
  <si>
    <t>POINT (4.808552694229487 51.82424777356833)</t>
  </si>
  <si>
    <t>POINT (4.880596359594494 51.825154220641934)</t>
  </si>
  <si>
    <t>POINT (4.8860901411668545 51.82151364464191)</t>
  </si>
  <si>
    <t>POINT (4.82548068430213 51.82449021356764)</t>
  </si>
  <si>
    <t>POINT (4.880418734842152 51.82369916680432)</t>
  </si>
  <si>
    <t>3371XM</t>
  </si>
  <si>
    <t>POINT (4.830617385493861 51.82409380270257)</t>
  </si>
  <si>
    <t>3371CH</t>
  </si>
  <si>
    <t>Lange Griendsweer</t>
  </si>
  <si>
    <t>POINT (4.840530659920507 51.82598303875186)</t>
  </si>
  <si>
    <t>POINT (4.835374898584702 51.831341707872646)</t>
  </si>
  <si>
    <t>3371GB</t>
  </si>
  <si>
    <t>POINT (4.847525505105325 51.83058157711769)</t>
  </si>
  <si>
    <t>POINT (4.8316484106847195 51.82635481061108)</t>
  </si>
  <si>
    <t>3373AM</t>
  </si>
  <si>
    <t>POINT (4.834798812488888 51.833245906370514)</t>
  </si>
  <si>
    <t>POINT (4.81435005356636 51.82688485786016)</t>
  </si>
  <si>
    <t>POINT (4.890429332409585 51.82351724543435)</t>
  </si>
  <si>
    <t>POINT (4.818772276773692 51.828234691631174)</t>
  </si>
  <si>
    <t>3371TJ</t>
  </si>
  <si>
    <t>POINT (4.821667235142875 51.82296340857317)</t>
  </si>
  <si>
    <t>POINT (4.877230110733601 51.82604034762087)</t>
  </si>
  <si>
    <t>3371BN</t>
  </si>
  <si>
    <t>POINT (4.825842183504633 51.82625762559337)</t>
  </si>
  <si>
    <t>POINT (4.82068232858684 51.826311387756455)</t>
  </si>
  <si>
    <t>POINT (4.830179407560024 51.82314792810659)</t>
  </si>
  <si>
    <t>3371HB</t>
  </si>
  <si>
    <t>Dwarsdeel</t>
  </si>
  <si>
    <t>POINT (4.8290927379633555 51.827735911342906)</t>
  </si>
  <si>
    <t>POINT (4.911540966286141 51.83259698081026)</t>
  </si>
  <si>
    <t>POINT (4.840727836212954 51.82527386263169)</t>
  </si>
  <si>
    <t>POINT (4.836730564940363 51.833070355629886)</t>
  </si>
  <si>
    <t>POINT (4.825774554068526 51.82312400321518)</t>
  </si>
  <si>
    <t>POINT (4.8400519554341175 51.82210003480426)</t>
  </si>
  <si>
    <t>POINT (4.821408942708596 51.823545916196494)</t>
  </si>
  <si>
    <t>POINT (4.841908234691307 51.82962081264558)</t>
  </si>
  <si>
    <t>3371EG</t>
  </si>
  <si>
    <t>POINT (4.844985539140823 51.82134989632881)</t>
  </si>
  <si>
    <t>3371JP</t>
  </si>
  <si>
    <t>POINT (4.820872808700134 51.828778395165656)</t>
  </si>
  <si>
    <t>3371NP</t>
  </si>
  <si>
    <t>Kleipeer</t>
  </si>
  <si>
    <t>POINT (4.80988970021693 51.82701489489003)</t>
  </si>
  <si>
    <t>3372XH</t>
  </si>
  <si>
    <t>Jan Steenstraat</t>
  </si>
  <si>
    <t>POINT (4.885846414007878 51.82214948481295)</t>
  </si>
  <si>
    <t>3371EB</t>
  </si>
  <si>
    <t>3371EA-3371EB</t>
  </si>
  <si>
    <t>POINT (4.854599071246054 51.82127480409679)</t>
  </si>
  <si>
    <t>POINT (4.815033908177674 51.82473334081336)</t>
  </si>
  <si>
    <t>POINT (4.8807856896473165 51.8233142444644)</t>
  </si>
  <si>
    <t>POINT (4.879344591280318 51.82376643263565)</t>
  </si>
  <si>
    <t>POINT (4.841377624335822 51.830310463498286)</t>
  </si>
  <si>
    <t>3372XR</t>
  </si>
  <si>
    <t>Vermeerstraat</t>
  </si>
  <si>
    <t>POINT (4.88509734180053 51.82287010082038)</t>
  </si>
  <si>
    <t>3371AT</t>
  </si>
  <si>
    <t>Pulsstraat</t>
  </si>
  <si>
    <t>POINT (4.831652161409754 51.828404215090046)</t>
  </si>
  <si>
    <t>POINT (4.87731534675728 51.824917153920964)</t>
  </si>
  <si>
    <t>POINT (4.884478029930868 51.82391266997234)</t>
  </si>
  <si>
    <t>POINT (4.838478756880019 51.82652176570212)</t>
  </si>
  <si>
    <t>POINT (4.876179907682711 51.821452213572634)</t>
  </si>
  <si>
    <t>POINT (4.835364669257063 51.829689109107626)</t>
  </si>
  <si>
    <t>POINT (4.885073969098316 51.823186989624894)</t>
  </si>
  <si>
    <t>POINT (4.8187029720442816 51.82763830753902)</t>
  </si>
  <si>
    <t>POINT (4.885378678739577 51.82377440636685)</t>
  </si>
  <si>
    <t>POINT (4.828890089502737 51.823015963018555)</t>
  </si>
  <si>
    <t>POINT (4.814046397649939 51.82469435765662)</t>
  </si>
  <si>
    <t>POINT (4.8422082603403895 51.82640431187875)</t>
  </si>
  <si>
    <t>POINT (4.891233967716139 51.8242127627529)</t>
  </si>
  <si>
    <t>POINT (4.827451079789641 51.82479434249759)</t>
  </si>
  <si>
    <t>POINT (4.823677349339792 51.82228994637404)</t>
  </si>
  <si>
    <t>POINT (4.882803250305148 51.8257857827528)</t>
  </si>
  <si>
    <t>POINT (4.889726450820175 51.82548791083783)</t>
  </si>
  <si>
    <t>3371AZ</t>
  </si>
  <si>
    <t>Het Laantje</t>
  </si>
  <si>
    <t>POINT (4.835795150759766 51.827704665865646)</t>
  </si>
  <si>
    <t>POINT (4.842348314851345 51.82921837218874)</t>
  </si>
  <si>
    <t>3373AG</t>
  </si>
  <si>
    <t>POINT (4.835852919762097 51.832468859487314)</t>
  </si>
  <si>
    <t>POINT (4.832071947695862 51.82847810927274)</t>
  </si>
  <si>
    <t>POINT (4.846061303885445 51.83049394020197)</t>
  </si>
  <si>
    <t>3373AA</t>
  </si>
  <si>
    <t>POINT (4.836072724002999 51.833476606856024)</t>
  </si>
  <si>
    <t>POINT (4.815635549403993 51.82526244373246)</t>
  </si>
  <si>
    <t>3371VM</t>
  </si>
  <si>
    <t>POINT (4.826224302130261 51.82392907333778)</t>
  </si>
  <si>
    <t>POINT (4.8848253708136795 51.82228603227279)</t>
  </si>
  <si>
    <t>POINT (4.81229024167435 51.827185351230256)</t>
  </si>
  <si>
    <t>POINT (4.8785578588006935 51.82515191317546)</t>
  </si>
  <si>
    <t>POINT (4.842700137771882 51.82651445686799)</t>
  </si>
  <si>
    <t>POINT (4.8415005710283445 51.82716458202364)</t>
  </si>
  <si>
    <t>3371VD</t>
  </si>
  <si>
    <t>Lelystraat</t>
  </si>
  <si>
    <t>POINT (4.829164483690013 51.824284652531006)</t>
  </si>
  <si>
    <t>POINT (4.835233661461645 51.83306662606488)</t>
  </si>
  <si>
    <t>POINT (4.815805394802838 51.82310580235792)</t>
  </si>
  <si>
    <t>3372BK</t>
  </si>
  <si>
    <t>POINT (4.895719648877159 51.82541017460731)</t>
  </si>
  <si>
    <t>3371PN</t>
  </si>
  <si>
    <t>Pietersweer</t>
  </si>
  <si>
    <t>3371PM-3371PN</t>
  </si>
  <si>
    <t>POINT (4.837555581369297 51.826256779190054)</t>
  </si>
  <si>
    <t>3371KC</t>
  </si>
  <si>
    <t>POINT (4.851050169209152 51.82831429181745)</t>
  </si>
  <si>
    <t>POINT (4.813211292936541 51.82811053776966)</t>
  </si>
  <si>
    <t>3372CD</t>
  </si>
  <si>
    <t>POINT (4.881255479487089 51.82281291360255)</t>
  </si>
  <si>
    <t>POINT (4.825882882495122 51.8268846722128)</t>
  </si>
  <si>
    <t>3372CK</t>
  </si>
  <si>
    <t>POINT (4.878393075607056 51.82324996688792)</t>
  </si>
  <si>
    <t>POINT (4.889371700886086 51.82546265031914)</t>
  </si>
  <si>
    <t>POINT (4.846343088970641 51.83252410151065)</t>
  </si>
  <si>
    <t>POINT (4.847399300781176 51.82233608878572)</t>
  </si>
  <si>
    <t>POINT (4.821833844496631 51.823557455425636)</t>
  </si>
  <si>
    <t>POINT (4.8277341107808915 51.82733394828494)</t>
  </si>
  <si>
    <t>POINT (4.86556361190342 51.82009261518894)</t>
  </si>
  <si>
    <t>POINT (4.873066804439471 51.820961652525)</t>
  </si>
  <si>
    <t>POINT (4.8329155067076535 51.82467974590581)</t>
  </si>
  <si>
    <t>POINT (4.88425330967723 51.82065134073236)</t>
  </si>
  <si>
    <t>POINT (4.820393430290589 51.82506058502732)</t>
  </si>
  <si>
    <t>POINT (4.839521351991667 51.82906140086935)</t>
  </si>
  <si>
    <t>3372EH</t>
  </si>
  <si>
    <t>POINT (4.878127000256089 51.82625996477411)</t>
  </si>
  <si>
    <t>POINT (4.880255317752296 51.82505093547526)</t>
  </si>
  <si>
    <t>POINT (4.836475201168426 51.833784105542975)</t>
  </si>
  <si>
    <t>POINT (4.82338895878428 51.823598471645724)</t>
  </si>
  <si>
    <t>POINT (4.826175024765881 51.82407496461142)</t>
  </si>
  <si>
    <t>POINT (4.875716479175967 51.82136872318971)</t>
  </si>
  <si>
    <t>3371KD</t>
  </si>
  <si>
    <t>Wiedhaak</t>
  </si>
  <si>
    <t>POINT (4.847208499155034 51.82628248885881)</t>
  </si>
  <si>
    <t>POINT (4.831399685832861 51.82887941244294)</t>
  </si>
  <si>
    <t>POINT (4.879850706416286 51.82648315137914)</t>
  </si>
  <si>
    <t>POINT (4.825394186123732 51.824194759585566)</t>
  </si>
  <si>
    <t>POINT (4.824376595632148 51.82321013321412)</t>
  </si>
  <si>
    <t>POINT (4.823967883965183 51.82407154971859)</t>
  </si>
  <si>
    <t>POINT (4.851416173836581 51.82547593917397)</t>
  </si>
  <si>
    <t>POINT (4.883664185296023 51.822733385734104)</t>
  </si>
  <si>
    <t>POINT (4.839354931185237 51.82224913937484)</t>
  </si>
  <si>
    <t>3371PD</t>
  </si>
  <si>
    <t>Plompencamp</t>
  </si>
  <si>
    <t>POINT (4.840688353723883 51.82494110302871)</t>
  </si>
  <si>
    <t>POINT (4.832423767991555 51.82526190271962)</t>
  </si>
  <si>
    <t>3371BR-3371BS</t>
  </si>
  <si>
    <t>POINT (4.822603437641252 51.82580829646107)</t>
  </si>
  <si>
    <t>3371PS</t>
  </si>
  <si>
    <t>Doornsweer</t>
  </si>
  <si>
    <t>POINT (4.837811612345535 51.82425044202688)</t>
  </si>
  <si>
    <t>POINT (4.8132098151984675 51.82831199090758)</t>
  </si>
  <si>
    <t>POINT (4.829105240166021 51.82536620490731)</t>
  </si>
  <si>
    <t>3371XS</t>
  </si>
  <si>
    <t>POINT (4.824004443786946 51.82397237472864)</t>
  </si>
  <si>
    <t>POINT (4.8401685761903845 51.8259364092916)</t>
  </si>
  <si>
    <t>POINT (4.829728588435947 51.82848306683968)</t>
  </si>
  <si>
    <t>POINT (4.83108010840452 51.82891385307914)</t>
  </si>
  <si>
    <t>POINT (4.837818310528716 51.82497428432716)</t>
  </si>
  <si>
    <t>POINT (4.8821611926504005 51.82627369587884)</t>
  </si>
  <si>
    <t>POINT (4.820905845345925 51.82872262782045)</t>
  </si>
  <si>
    <t>3371XD</t>
  </si>
  <si>
    <t>Industriestraat</t>
  </si>
  <si>
    <t>POINT (4.818697037070206 51.823397121894956)</t>
  </si>
  <si>
    <t>POINT (4.835790432058638 51.82690466402675)</t>
  </si>
  <si>
    <t>POINT (4.838128641654131 51.82653441136079)</t>
  </si>
  <si>
    <t>POINT (4.822928164791095 51.82651995296813)</t>
  </si>
  <si>
    <t>POINT (4.827655444523296 51.828996453248536)</t>
  </si>
  <si>
    <t>POINT (4.8883733826634765 51.82667656145182)</t>
  </si>
  <si>
    <t>POINT (4.8174380047973955 51.8286581453236)</t>
  </si>
  <si>
    <t>POINT (4.825330657301181 51.829290959466405)</t>
  </si>
  <si>
    <t>POINT (4.8276967311038685 51.82800791067112)</t>
  </si>
  <si>
    <t>3372XC</t>
  </si>
  <si>
    <t>POINT (4.886014965977762 51.82264457263336)</t>
  </si>
  <si>
    <t>POINT (4.815867539095555 51.822966980025775)</t>
  </si>
  <si>
    <t>3371JA</t>
  </si>
  <si>
    <t>Haringband</t>
  </si>
  <si>
    <t>POINT (4.824885675232871 51.82891131008686)</t>
  </si>
  <si>
    <t>POINT (4.835789442379092 51.826985556202324)</t>
  </si>
  <si>
    <t>3371TS</t>
  </si>
  <si>
    <t>Poolster</t>
  </si>
  <si>
    <t>POINT (4.826173453648959 51.82316982850305)</t>
  </si>
  <si>
    <t>POINT (4.8243861618792225 51.82360567516648)</t>
  </si>
  <si>
    <t>POINT (4.884116454829892 51.820334888925686)</t>
  </si>
  <si>
    <t>3373AS</t>
  </si>
  <si>
    <t>POINT (4.836615093662499 51.83183425087094)</t>
  </si>
  <si>
    <t>POINT (4.827258589286119 51.823242630801836)</t>
  </si>
  <si>
    <t>POINT (4.829305037494401 51.82347635171622)</t>
  </si>
  <si>
    <t>3371TG</t>
  </si>
  <si>
    <t>Mercuriusstraat</t>
  </si>
  <si>
    <t>POINT (4.822657007698203 51.8226895280934)</t>
  </si>
  <si>
    <t>POINT (4.884009331551508 51.82466664930008)</t>
  </si>
  <si>
    <t>POINT (4.887507900218059 51.82274082250297)</t>
  </si>
  <si>
    <t>POINT (4.818391429816712 51.829343983884364)</t>
  </si>
  <si>
    <t>POINT (4.890009495998944 51.823443559903914)</t>
  </si>
  <si>
    <t>POINT (4.846076552619037 51.8262046490205)</t>
  </si>
  <si>
    <t>3371HK</t>
  </si>
  <si>
    <t>Karrespoor</t>
  </si>
  <si>
    <t>POINT (4.8288514857566645 51.82730331417661)</t>
  </si>
  <si>
    <t>POINT (4.835362489407004 51.828682383063516)</t>
  </si>
  <si>
    <t>POINT (4.826661033587372 51.82730186350294)</t>
  </si>
  <si>
    <t>POINT (4.913310581012539 51.836681105180105)</t>
  </si>
  <si>
    <t>POINT (4.866912005870455 51.820134553931716)</t>
  </si>
  <si>
    <t>POINT (4.882227670279351 51.82407549142278)</t>
  </si>
  <si>
    <t>POINT (4.898703385076942 51.82696759887969)</t>
  </si>
  <si>
    <t>POINT (4.826225544135685 51.824196407603175)</t>
  </si>
  <si>
    <t>POINT (4.827012947913399 51.82816644333721)</t>
  </si>
  <si>
    <t>POINT (4.877328631581977 51.82502507377079)</t>
  </si>
  <si>
    <t>POINT (4.840285396414021 51.822117823432855)</t>
  </si>
  <si>
    <t>POINT (4.875301177918031 51.82089950987327)</t>
  </si>
  <si>
    <t>3371EK</t>
  </si>
  <si>
    <t>POINT (4.825725450247075 51.82671313698805)</t>
  </si>
  <si>
    <t>3371NR</t>
  </si>
  <si>
    <t>Meikers</t>
  </si>
  <si>
    <t>POINT (4.810635933268276 51.828212538867234)</t>
  </si>
  <si>
    <t>POINT (4.885607563938861 51.82340877930554)</t>
  </si>
  <si>
    <t>POINT (4.834244637221405 51.82636588251957)</t>
  </si>
  <si>
    <t>3371JT</t>
  </si>
  <si>
    <t>Knobbelzwaan</t>
  </si>
  <si>
    <t>POINT (4.821564440727554 51.82653136673794)</t>
  </si>
  <si>
    <t>POINT (4.827130096963938 51.82924562709817)</t>
  </si>
  <si>
    <t>POINT (4.850954296727528 51.82406263112147)</t>
  </si>
  <si>
    <t>POINT (4.855181281578291 51.8235605306602)</t>
  </si>
  <si>
    <t>POINT (4.84261321431839 51.82650506511001)</t>
  </si>
  <si>
    <t>POINT (4.878232707385273 51.824606537084584)</t>
  </si>
  <si>
    <t>POINT (4.82690709330164 51.82318259089775)</t>
  </si>
  <si>
    <t>POINT (4.832398602594648 51.827868433030794)</t>
  </si>
  <si>
    <t>POINT (4.828696634906856 51.823410538672455)</t>
  </si>
  <si>
    <t>POINT (4.847231874448593 51.82645271329068)</t>
  </si>
  <si>
    <t>POINT (4.824933230377718 51.828587950388105)</t>
  </si>
  <si>
    <t>POINT (4.82762520470222 51.829095183036415)</t>
  </si>
  <si>
    <t>POINT (4.837551621154743 51.82641855428703)</t>
  </si>
  <si>
    <t>POINT (4.855718573978771 51.82260912006047)</t>
  </si>
  <si>
    <t>POINT (4.883021979208944 51.823090169571074)</t>
  </si>
  <si>
    <t>POINT (4.850959290847607 51.82120430108594)</t>
  </si>
  <si>
    <t>POINT (4.882196050472242 51.82689774713713)</t>
  </si>
  <si>
    <t>3371ST</t>
  </si>
  <si>
    <t>POINT (4.833448965446461 51.82415301843631)</t>
  </si>
  <si>
    <t>POINT (4.805064686955424 51.8271123485999)</t>
  </si>
  <si>
    <t>POINT (4.819796334318288 51.824095925556)</t>
  </si>
  <si>
    <t>POINT (4.823569775880586 51.827412901288945)</t>
  </si>
  <si>
    <t>POINT (4.820651805772422 51.82527755750918)</t>
  </si>
  <si>
    <t>POINT (4.817670535065763 51.82539226011684)</t>
  </si>
  <si>
    <t>POINT (4.844639201631096 51.82690994199291)</t>
  </si>
  <si>
    <t>POINT (4.821406169313957 51.82400490308005)</t>
  </si>
  <si>
    <t>POINT (4.87857004484742 51.82508752733969)</t>
  </si>
  <si>
    <t>POINT (4.829840554041248 51.82523127505784)</t>
  </si>
  <si>
    <t>POINT (4.839808964233353 51.82926947855576)</t>
  </si>
  <si>
    <t>POINT (4.817996161228932 51.825363584103684)</t>
  </si>
  <si>
    <t>POINT (4.841081591155314 51.8295989929023)</t>
  </si>
  <si>
    <t>3371CG</t>
  </si>
  <si>
    <t>POINT (4.839300233875599 51.82577056588189)</t>
  </si>
  <si>
    <t>POINT (4.8806299344114725 51.82601175249545)</t>
  </si>
  <si>
    <t>POINT (4.814586174408971 51.82689499845551)</t>
  </si>
  <si>
    <t>POINT (4.883381146924039 51.82599500010716)</t>
  </si>
  <si>
    <t>POINT (4.847719005472825 51.83020226987962)</t>
  </si>
  <si>
    <t>POINT (4.880301944015051 51.82524395834551)</t>
  </si>
  <si>
    <t>3371HJ</t>
  </si>
  <si>
    <t>Wolfseind</t>
  </si>
  <si>
    <t>POINT (4.829437492662758 51.826838695940985)</t>
  </si>
  <si>
    <t>POINT (4.885527125553493 51.82216609768558)</t>
  </si>
  <si>
    <t>POINT (4.839777046278888 51.82592559553279)</t>
  </si>
  <si>
    <t>POINT (4.88571818808008 51.82454886896552)</t>
  </si>
  <si>
    <t>POINT (4.880789122877246 51.82300864986522)</t>
  </si>
  <si>
    <t>3372VG</t>
  </si>
  <si>
    <t>Houting</t>
  </si>
  <si>
    <t>3372VE-3372VG</t>
  </si>
  <si>
    <t>POINT (4.889461006915643 51.823198545792415)</t>
  </si>
  <si>
    <t>POINT (4.825839590107667 51.82686648810498)</t>
  </si>
  <si>
    <t>POINT (4.822623346889867 51.82537694200265)</t>
  </si>
  <si>
    <t>POINT (4.831368345762944 51.82906802332708)</t>
  </si>
  <si>
    <t>POINT (4.886026472226496 51.82291427704155)</t>
  </si>
  <si>
    <t>POINT (4.837978469949932 51.82472171884995)</t>
  </si>
  <si>
    <t>POINT (4.831699250936147 51.82340680977978)</t>
  </si>
  <si>
    <t>POINT (4.855257410057885 51.8232552657427)</t>
  </si>
  <si>
    <t>POINT (4.882743438306742 51.827241663919395)</t>
  </si>
  <si>
    <t>POINT (4.828073952798423 51.82332667736017)</t>
  </si>
  <si>
    <t>POINT (4.844573053631521 51.82517484968935)</t>
  </si>
  <si>
    <t>POINT (4.812856590734814 51.82741607325696)</t>
  </si>
  <si>
    <t>POINT (4.831532512027075 51.8228127767393)</t>
  </si>
  <si>
    <t>POINT (4.838414488134247 51.824651849812774)</t>
  </si>
  <si>
    <t>POINT (4.880574360132299 51.826630092849406)</t>
  </si>
  <si>
    <t>POINT (4.826557899905204 51.82859572088901)</t>
  </si>
  <si>
    <t>POINT (4.836381113429138 51.832486826147885)</t>
  </si>
  <si>
    <t>POINT (4.817067259683117 51.82311193825358)</t>
  </si>
  <si>
    <t>POINT (4.83318671963164 51.82334011572833)</t>
  </si>
  <si>
    <t>POINT (4.83152187977931 51.82946046161478)</t>
  </si>
  <si>
    <t>POINT (4.883268191814597 51.82750626524657)</t>
  </si>
  <si>
    <t>POINT (4.87955463917683 51.823147133837395)</t>
  </si>
  <si>
    <t>3371HM</t>
  </si>
  <si>
    <t>Weideveld</t>
  </si>
  <si>
    <t>POINT (4.830506098306664 51.8292449936326)</t>
  </si>
  <si>
    <t>3371EL</t>
  </si>
  <si>
    <t>POINT (4.842082343739175 51.8224849777766)</t>
  </si>
  <si>
    <t>POINT (4.888949480249451 51.8222346053607)</t>
  </si>
  <si>
    <t>POINT (4.8451209375188595 51.82183364651909)</t>
  </si>
  <si>
    <t>POINT (4.80832570060738 51.82385115781838)</t>
  </si>
  <si>
    <t>3372EL</t>
  </si>
  <si>
    <t>POINT (4.882610758687282 51.826135507308926)</t>
  </si>
  <si>
    <t>POINT (4.852260980103966 51.827628049769444)</t>
  </si>
  <si>
    <t>POINT (4.810618532946788 51.828318518308514)</t>
  </si>
  <si>
    <t>POINT (4.886280014768636 51.820982829595785)</t>
  </si>
  <si>
    <t>POINT (4.888463189393579 51.82292465534591)</t>
  </si>
  <si>
    <t>POINT (4.823245721044258 51.82362038075774)</t>
  </si>
  <si>
    <t>3371NE</t>
  </si>
  <si>
    <t>Notarisappel</t>
  </si>
  <si>
    <t>3371ND-3371NE</t>
  </si>
  <si>
    <t>POINT (4.8155107265684896 51.82746280820896)</t>
  </si>
  <si>
    <t>POINT (4.886667721034484 51.821335035404495)</t>
  </si>
  <si>
    <t>POINT (4.82545556143945 51.826253430054415)</t>
  </si>
  <si>
    <t>POINT (4.824194954401102 51.82613952815928)</t>
  </si>
  <si>
    <t>POINT (4.8124873295422494 51.827766356500526)</t>
  </si>
  <si>
    <t>POINT (4.843659894410307 51.82511669374432)</t>
  </si>
  <si>
    <t>POINT (4.833952542604648 51.82654546347003)</t>
  </si>
  <si>
    <t>POINT (4.819388214718083 51.828857882166346)</t>
  </si>
  <si>
    <t>POINT (4.842989919055864 51.82654276625368)</t>
  </si>
  <si>
    <t>POINT (4.904037601344023 51.83005475051453)</t>
  </si>
  <si>
    <t>POINT (4.896052672173995 51.825275689253814)</t>
  </si>
  <si>
    <t>POINT (4.83637266770361 51.8325712607223)</t>
  </si>
  <si>
    <t>POINT (4.8557491792597185 51.8233743441221)</t>
  </si>
  <si>
    <t>POINT (4.890411955237903 51.82377783856371)</t>
  </si>
  <si>
    <t>POINT (4.845121770996558 51.822781113869375)</t>
  </si>
  <si>
    <t>POINT (4.833089124645159 51.82362011553289)</t>
  </si>
  <si>
    <t>POINT (4.840119486777204 51.82878554541614)</t>
  </si>
  <si>
    <t>POINT (4.884151610807771 51.82324782069655)</t>
  </si>
  <si>
    <t>POINT (4.855803805929139 51.8236622242955)</t>
  </si>
  <si>
    <t>POINT (4.842502970159392 51.82242375899634)</t>
  </si>
  <si>
    <t>POINT (4.8292602895831065 51.82565120461288)</t>
  </si>
  <si>
    <t>POINT (4.8334513030950825 51.826769233677005)</t>
  </si>
  <si>
    <t>POINT (4.908007345079108 51.83054741101584)</t>
  </si>
  <si>
    <t>3371XV</t>
  </si>
  <si>
    <t>Peulenplein</t>
  </si>
  <si>
    <t>POINT (4.8262405402429716 51.823788677948706)</t>
  </si>
  <si>
    <t>POINT (4.810833379237563 51.82512189569359)</t>
  </si>
  <si>
    <t>POINT (4.888030323020201 51.82402840182218)</t>
  </si>
  <si>
    <t>POINT (4.831827004253804 51.829519620923676)</t>
  </si>
  <si>
    <t>POINT (4.841040032815666 51.82943700602538)</t>
  </si>
  <si>
    <t>3371TR</t>
  </si>
  <si>
    <t>POINT (4.8252905768044485 51.82279244586744)</t>
  </si>
  <si>
    <t>3371JW</t>
  </si>
  <si>
    <t>Kemphaan</t>
  </si>
  <si>
    <t>POINT (4.818429581125959 51.82780158148124)</t>
  </si>
  <si>
    <t>POINT (4.828846814223697 51.82847193692922)</t>
  </si>
  <si>
    <t>POINT (4.824924128230674 51.822340868167885)</t>
  </si>
  <si>
    <t>POINT (4.828081457909667 51.82368986829675)</t>
  </si>
  <si>
    <t>POINT (4.877277693929619 51.825681013874735)</t>
  </si>
  <si>
    <t>POINT (4.833894461498892 51.827731676611485)</t>
  </si>
  <si>
    <t>POINT (4.831836545052325 51.82285915833194)</t>
  </si>
  <si>
    <t>POINT (4.8262372405653915 51.824054974808)</t>
  </si>
  <si>
    <t>POINT (4.825829746160693 51.822734982206455)</t>
  </si>
  <si>
    <t>POINT (4.846380566927227 51.82208369343719)</t>
  </si>
  <si>
    <t>POINT (4.844056625625658 51.823491605527295)</t>
  </si>
  <si>
    <t>POINT (4.889240893824568 51.82685520574731)</t>
  </si>
  <si>
    <t>POINT (4.887398398114373 51.82345943696985)</t>
  </si>
  <si>
    <t>POINT (4.848582742121093 51.82523652433725)</t>
  </si>
  <si>
    <t>POINT (4.828128056331989 51.82247302324701)</t>
  </si>
  <si>
    <t>3371EH</t>
  </si>
  <si>
    <t>POINT (4.844010545414406 51.82149328578854)</t>
  </si>
  <si>
    <t>POINT (4.879676778608639 51.82389370851019)</t>
  </si>
  <si>
    <t>POINT (4.883741992634951 51.82118116981821)</t>
  </si>
  <si>
    <t>POINT (4.839846700328463 51.823170196992514)</t>
  </si>
  <si>
    <t>POINT (4.833636785880921 51.827419521337006)</t>
  </si>
  <si>
    <t>POINT (4.842931372523815 51.8263108963007)</t>
  </si>
  <si>
    <t>POINT (4.8306270483439295 51.82683535353148)</t>
  </si>
  <si>
    <t>POINT (4.839837154325612 51.82242258476973)</t>
  </si>
  <si>
    <t>POINT (4.837536034892125 51.826307293120585)</t>
  </si>
  <si>
    <t>POINT (4.8093932665671675 51.82430584563279)</t>
  </si>
  <si>
    <t>POINT (4.88802806123315 51.82292280578814)</t>
  </si>
  <si>
    <t>POINT (4.821623271560345 51.82299915094731)</t>
  </si>
  <si>
    <t>POINT (4.832288430332857 51.82856901816788)</t>
  </si>
  <si>
    <t>POINT (4.8299448428992 51.82452206187399)</t>
  </si>
  <si>
    <t>3371JH</t>
  </si>
  <si>
    <t>Vierling</t>
  </si>
  <si>
    <t>POINT (4.825459984590755 51.827062420103715)</t>
  </si>
  <si>
    <t>POINT (4.835519659941546 51.8246112877736)</t>
  </si>
  <si>
    <t>POINT (4.882490467394287 51.829072910423854)</t>
  </si>
  <si>
    <t>POINT (4.888024478034575 51.82324637683403)</t>
  </si>
  <si>
    <t>3371NL</t>
  </si>
  <si>
    <t>Glorie van Holland</t>
  </si>
  <si>
    <t>POINT (4.814916980511302 51.8262172031127)</t>
  </si>
  <si>
    <t>POINT (4.810772234977498 51.82423172849164)</t>
  </si>
  <si>
    <t>POINT (4.834149387934209 51.82823623593118)</t>
  </si>
  <si>
    <t>POINT (4.836639946928097 51.833362417421036)</t>
  </si>
  <si>
    <t>POINT (4.884070561492949 51.824367567447794)</t>
  </si>
  <si>
    <t>POINT (4.812461085063709 51.82680757206051)</t>
  </si>
  <si>
    <t>POINT (4.819355331619739 51.8268622659163)</t>
  </si>
  <si>
    <t>POINT (4.883665390120466 51.82262552877177)</t>
  </si>
  <si>
    <t>POINT (4.841907715557197 51.82832806188713)</t>
  </si>
  <si>
    <t>POINT (4.827171787076103 51.82322423960382)</t>
  </si>
  <si>
    <t>POINT (4.841111367937267 51.82354984870834)</t>
  </si>
  <si>
    <t>POINT (4.840954795588109 51.82569738010761)</t>
  </si>
  <si>
    <t>POINT (4.840939383423972 51.82680625072688)</t>
  </si>
  <si>
    <t>POINT (4.83251991399478 51.82390506046501)</t>
  </si>
  <si>
    <t>3373AB</t>
  </si>
  <si>
    <t>POINT (4.843813519704442 51.831625100224954)</t>
  </si>
  <si>
    <t>POINT (4.836258681106235 51.831320232518124)</t>
  </si>
  <si>
    <t>3371ET</t>
  </si>
  <si>
    <t>POINT (4.855775392939546 51.82730244823984)</t>
  </si>
  <si>
    <t>POINT (4.809881357357213 51.823571185605395)</t>
  </si>
  <si>
    <t>POINT (4.840476795776046 51.829227648054356)</t>
  </si>
  <si>
    <t>POINT (4.845337186262782 51.83159618873244)</t>
  </si>
  <si>
    <t>POINT (4.883929877146994 51.82456210490396)</t>
  </si>
  <si>
    <t>3372BJ</t>
  </si>
  <si>
    <t>POINT (4.9006760013668345 51.82833305362631)</t>
  </si>
  <si>
    <t>POINT (4.8213576994866685 51.82372818167521)</t>
  </si>
  <si>
    <t>POINT (4.844092897622733 51.82168507774379)</t>
  </si>
  <si>
    <t>POINT (4.814573229249107 51.82532895893952)</t>
  </si>
  <si>
    <t>POINT (4.88377125678116 51.824728602021004)</t>
  </si>
  <si>
    <t>POINT (4.834904661230284 51.83289585170717)</t>
  </si>
  <si>
    <t>POINT (4.818717207080044 51.826850188767914)</t>
  </si>
  <si>
    <t>POINT (4.82161287469023 51.827295626472605)</t>
  </si>
  <si>
    <t>POINT (4.838993912338086 51.82471747703067)</t>
  </si>
  <si>
    <t>POINT (4.815875409428447 51.82330389133574)</t>
  </si>
  <si>
    <t>POINT (4.83722436045804 51.825895686387796)</t>
  </si>
  <si>
    <t>POINT (4.839555914409376 51.829798621647036)</t>
  </si>
  <si>
    <t>POINT (4.890107672483082 51.82267093715333)</t>
  </si>
  <si>
    <t>POINT (4.888923650046768 51.823259185596164)</t>
  </si>
  <si>
    <t>POINT (4.826122099487656 51.82398251613181)</t>
  </si>
  <si>
    <t>POINT (4.8337205986714356 51.82419749847674)</t>
  </si>
  <si>
    <t>POINT (4.837081465861965 51.82928369432319)</t>
  </si>
  <si>
    <t>POINT (4.890785754276119 51.8227637187347)</t>
  </si>
  <si>
    <t>POINT (4.873773109640379 51.82213816814468)</t>
  </si>
  <si>
    <t>POINT (4.844563845873803 51.82352990555089)</t>
  </si>
  <si>
    <t>POINT (4.83974120105626 51.823051083265696)</t>
  </si>
  <si>
    <t>POINT (4.877561394143088 51.82624852208597)</t>
  </si>
  <si>
    <t>POINT (4.913168708453965 51.83637492419652)</t>
  </si>
  <si>
    <t>POINT (4.829270243614723 51.8239435906183)</t>
  </si>
  <si>
    <t>POINT (4.8640087361298905 51.820264764269545)</t>
  </si>
  <si>
    <t>POINT (4.832095077729094 51.82424461673878)</t>
  </si>
  <si>
    <t>POINT (4.84503586034662 51.82167145994267)</t>
  </si>
  <si>
    <t>3372EN</t>
  </si>
  <si>
    <t>POINT (4.8780234417607815 51.82487444000014)</t>
  </si>
  <si>
    <t>POINT (4.826236181090887 51.824179730754516)</t>
  </si>
  <si>
    <t>POINT (4.885016650872038 51.82502226079041)</t>
  </si>
  <si>
    <t>POINT (4.909122649568433 51.83071375084223)</t>
  </si>
  <si>
    <t>POINT (4.8506112032740605 51.821202710336564)</t>
  </si>
  <si>
    <t>3371EX</t>
  </si>
  <si>
    <t>POINT (4.8551315530058 51.82654449580934)</t>
  </si>
  <si>
    <t>POINT (4.815982900700622 51.823978555935824)</t>
  </si>
  <si>
    <t>POINT (4.8277601113442286 51.828745272999484)</t>
  </si>
  <si>
    <t>POINT (4.886650854313681 51.822854021628025)</t>
  </si>
  <si>
    <t>POINT (4.829137406412924 51.829015004023844)</t>
  </si>
  <si>
    <t>POINT (4.913282414319368 51.83660009518415)</t>
  </si>
  <si>
    <t>POINT (4.812883864256821 51.827204229701245)</t>
  </si>
  <si>
    <t>POINT (4.837896480113301 51.82430786248631)</t>
  </si>
  <si>
    <t>POINT (4.824764506520171 51.8269961701228)</t>
  </si>
  <si>
    <t>POINT (4.841838588812213 51.8298315577597)</t>
  </si>
  <si>
    <t>POINT (4.883807023560909 51.82408862076461)</t>
  </si>
  <si>
    <t>POINT (4.8355280469182285 51.82463831977238)</t>
  </si>
  <si>
    <t>POINT (4.834711513601069 51.82482063207737)</t>
  </si>
  <si>
    <t>POINT (4.8844681145614475 51.823994045422744)</t>
  </si>
  <si>
    <t>POINT (4.836438442220196 51.83285301814767)</t>
  </si>
  <si>
    <t>POINT (4.853542357302498 51.825581792669716)</t>
  </si>
  <si>
    <t>POINT (4.8813436947709965 51.82399977730897)</t>
  </si>
  <si>
    <t>POINT (4.836813826481874 51.82625330368929)</t>
  </si>
  <si>
    <t>POINT (4.819703800949776 51.826836985445325)</t>
  </si>
  <si>
    <t>POINT (4.8450707650646025 51.82247894443679)</t>
  </si>
  <si>
    <t>POINT (4.822023391652126 51.82810657266626)</t>
  </si>
  <si>
    <t>3373LD</t>
  </si>
  <si>
    <t>Polderweg</t>
  </si>
  <si>
    <t>POINT (4.824165684664106 51.84357714581426)</t>
  </si>
  <si>
    <t>POINT (4.822973481019497 51.826376354073425)</t>
  </si>
  <si>
    <t>POINT (4.8417616904552885 51.8264677551582)</t>
  </si>
  <si>
    <t>3371JD</t>
  </si>
  <si>
    <t>Ekster</t>
  </si>
  <si>
    <t>POINT (4.817438875194342 51.82813834189787)</t>
  </si>
  <si>
    <t>POINT (4.8387570953734125 51.82563411831455)</t>
  </si>
  <si>
    <t>POINT (4.807643068553162 51.823919697812116)</t>
  </si>
  <si>
    <t>POINT (4.839889429469142 51.83220011427963)</t>
  </si>
  <si>
    <t>POINT (4.825261690692497 51.82318740816425)</t>
  </si>
  <si>
    <t>POINT (4.832806864532393 51.82769957963489)</t>
  </si>
  <si>
    <t>POINT (4.821382549279399 51.82384124258038)</t>
  </si>
  <si>
    <t>POINT (4.903507839657782 51.8307536713448)</t>
  </si>
  <si>
    <t>POINT (4.8363940453393575 51.83244248348587)</t>
  </si>
  <si>
    <t>POINT (4.888550215030605 51.82292502506387)</t>
  </si>
  <si>
    <t>3371SB</t>
  </si>
  <si>
    <t>POINT (4.832192840552051 51.82337319046874)</t>
  </si>
  <si>
    <t>POINT (4.829366169414176 51.82322496301644)</t>
  </si>
  <si>
    <t>POINT (4.839475561745111 51.82805447165606)</t>
  </si>
  <si>
    <t>POINT (4.83342412583837 51.82401303955982)</t>
  </si>
  <si>
    <t>POINT (4.877992522815173 51.82403921915361)</t>
  </si>
  <si>
    <t>3372CA</t>
  </si>
  <si>
    <t>POINT (4.878399670094823 51.82266574207971)</t>
  </si>
  <si>
    <t>POINT (4.84660690475597 51.821292198971534)</t>
  </si>
  <si>
    <t>POINT (4.885481212563927 51.82238162569853)</t>
  </si>
  <si>
    <t>POINT (4.826348391314812 51.82245006170002)</t>
  </si>
  <si>
    <t>POINT (4.82297496262473 51.823635726379585)</t>
  </si>
  <si>
    <t>POINT (4.827551784779111 51.827998231192915)</t>
  </si>
  <si>
    <t>3371RC</t>
  </si>
  <si>
    <t>Florenweer</t>
  </si>
  <si>
    <t>POINT (4.839741798166944 51.82763325254722)</t>
  </si>
  <si>
    <t>POINT (4.81830326046319 51.82516732476927)</t>
  </si>
  <si>
    <t>POINT (4.840255498030997 51.825945802858634)</t>
  </si>
  <si>
    <t>POINT (4.824647240548884 51.82360692668933)</t>
  </si>
  <si>
    <t>POINT (4.822098882449254 51.823629309773594)</t>
  </si>
  <si>
    <t>POINT (4.842148576222959 51.82174697589188)</t>
  </si>
  <si>
    <t>POINT (4.843209885972486 51.82634603811889)</t>
  </si>
  <si>
    <t>POINT (4.8329446333328585 51.823574490649825)</t>
  </si>
  <si>
    <t>POINT (4.886159526218612 51.82399346607113)</t>
  </si>
  <si>
    <t>POINT (4.846076043854442 51.8261298261493)</t>
  </si>
  <si>
    <t>POINT (4.8439749529597815 51.83163672344578)</t>
  </si>
  <si>
    <t>POINT (4.822597891640315 51.82364323439401)</t>
  </si>
  <si>
    <t>POINT (4.8394884724584255 51.83176679496714)</t>
  </si>
  <si>
    <t>POINT (4.846840256381485 51.8211854110362)</t>
  </si>
  <si>
    <t>POINT (4.887075865258663 51.822460338798905)</t>
  </si>
  <si>
    <t>POINT (4.83490160100387 51.82841055953849)</t>
  </si>
  <si>
    <t>POINT (4.823033888589926 51.822709317224515)</t>
  </si>
  <si>
    <t>POINT (4.844514496451724 51.826423984887825)</t>
  </si>
  <si>
    <t>POINT (4.879020236440197 51.82551778864747)</t>
  </si>
  <si>
    <t>POINT (4.825435724733684 51.82833023673657)</t>
  </si>
  <si>
    <t>POINT (4.882658309029649 51.828141523918845)</t>
  </si>
  <si>
    <t>POINT (4.89123858426539 51.823832739279126)</t>
  </si>
  <si>
    <t>POINT (4.819515471578733 51.82796863166078)</t>
  </si>
  <si>
    <t>POINT (4.8482942507542965 51.83059409710965)</t>
  </si>
  <si>
    <t>POINT (4.8396592376428655 51.822204088527215)</t>
  </si>
  <si>
    <t>POINT (4.856405266378752 51.8243211079855)</t>
  </si>
  <si>
    <t>POINT (4.829909729370976 51.82970828258491)</t>
  </si>
  <si>
    <t>POINT (4.840973548790731 51.8253469145376)</t>
  </si>
  <si>
    <t>POINT (4.870648303385967 51.82067974280678)</t>
  </si>
  <si>
    <t>3372XP</t>
  </si>
  <si>
    <t>Van Ruysdaelstraat</t>
  </si>
  <si>
    <t>POINT (4.885418690419379 51.82408917520651)</t>
  </si>
  <si>
    <t>POINT (4.82907467044339 51.82802345870386)</t>
  </si>
  <si>
    <t>POINT (4.833451113153006 51.82397820145183)</t>
  </si>
  <si>
    <t>POINT (4.814268789150988 51.82830442738214)</t>
  </si>
  <si>
    <t>POINT (4.81770002497341 51.82239592580345)</t>
  </si>
  <si>
    <t>POINT (4.84197321508397 51.82305049705154)</t>
  </si>
  <si>
    <t>POINT (4.82479161137667 51.823661549785946)</t>
  </si>
  <si>
    <t>POINT (4.8138592234859905 51.8283919356964)</t>
  </si>
  <si>
    <t>POINT (4.883858381762722 51.82450735496419)</t>
  </si>
  <si>
    <t>POINT (4.882644984506968 51.824373906712786)</t>
  </si>
  <si>
    <t>POINT (4.88380922756465 51.82533168702578)</t>
  </si>
  <si>
    <t>POINT (4.829728331222082 51.82326263775766)</t>
  </si>
  <si>
    <t>3371KJ</t>
  </si>
  <si>
    <t>Schrank</t>
  </si>
  <si>
    <t>POINT (4.849615068463362 51.82847916678851)</t>
  </si>
  <si>
    <t>POINT (4.828581384799268 51.82919861094868)</t>
  </si>
  <si>
    <t>3371CS</t>
  </si>
  <si>
    <t>POINT (4.844203815966949 51.828130368939604)</t>
  </si>
  <si>
    <t>3371VL</t>
  </si>
  <si>
    <t>POINT (4.82870893864116 51.824758878779214)</t>
  </si>
  <si>
    <t>POINT (4.8138172078246235 51.82609126383551)</t>
  </si>
  <si>
    <t>POINT (4.888391082699952 51.82157607267736)</t>
  </si>
  <si>
    <t>POINT (4.881564994375404 51.82366815585522)</t>
  </si>
  <si>
    <t>POINT (4.885287961740372 51.82101541776384)</t>
  </si>
  <si>
    <t>POINT (4.838066046005565 51.82467718588819)</t>
  </si>
  <si>
    <t>POINT (4.832787150223963 51.82475023010151)</t>
  </si>
  <si>
    <t>POINT (4.846579152462729 51.82481557620783)</t>
  </si>
  <si>
    <t>POINT (4.8239774671816615 51.82437491421146)</t>
  </si>
  <si>
    <t>POINT (4.835806703988944 51.82434263875233)</t>
  </si>
  <si>
    <t>POINT (4.881135228689318 51.827063960446026)</t>
  </si>
  <si>
    <t>POINT (4.835660695302171 51.83276457805487)</t>
  </si>
  <si>
    <t>POINT (4.812833491326385 51.82852287322396)</t>
  </si>
  <si>
    <t>POINT (4.839492570387078 51.82887397255817)</t>
  </si>
  <si>
    <t>POINT (4.833265710419987 51.82695569714052)</t>
  </si>
  <si>
    <t>POINT (4.887512383777817 51.82233635869472)</t>
  </si>
  <si>
    <t>POINT (4.877185984742771 51.82609408698396)</t>
  </si>
  <si>
    <t>POINT (4.882251253135661 51.82714966279718)</t>
  </si>
  <si>
    <t>POINT (4.812802451325642 51.827788365799435)</t>
  </si>
  <si>
    <t>POINT (4.881886703159534 51.82602453068731)</t>
  </si>
  <si>
    <t>POINT (4.82551616385235 51.82735256043597)</t>
  </si>
  <si>
    <t>POINT (4.828991730136932 51.82300745787682)</t>
  </si>
  <si>
    <t>POINT (4.847660463398023 51.823788748771776)</t>
  </si>
  <si>
    <t>POINT (4.825805360858768 51.82302866522698)</t>
  </si>
  <si>
    <t>3373AT</t>
  </si>
  <si>
    <t>POINT (4.835836112208052 51.83147105365763)</t>
  </si>
  <si>
    <t>POINT (4.88602935587981 51.82135028860074)</t>
  </si>
  <si>
    <t>POINT (4.87991166159411 51.82499963654784)</t>
  </si>
  <si>
    <t>POINT (4.8288959659903306 51.82329803352342)</t>
  </si>
  <si>
    <t>POINT (4.829270536004744 51.82274811562995)</t>
  </si>
  <si>
    <t>POINT (4.837076566520452 51.8261197072564)</t>
  </si>
  <si>
    <t>POINT (4.885164483591465 51.820725225928335)</t>
  </si>
  <si>
    <t>POINT (4.834021262081969 51.82803788444046)</t>
  </si>
  <si>
    <t>POINT (4.822463299613441 51.823633796127275)</t>
  </si>
  <si>
    <t>POINT (4.822058635844441 51.82567887338333)</t>
  </si>
  <si>
    <t>POINT (4.824394520800926 51.82525960775477)</t>
  </si>
  <si>
    <t>POINT (4.842224983047368 51.82982003115469)</t>
  </si>
  <si>
    <t>POINT (4.8504331995468055 51.82153447217476)</t>
  </si>
  <si>
    <t>POINT (4.821430898413058 51.82367460321919)</t>
  </si>
  <si>
    <t>POINT (4.847922421196808 51.825172703198895)</t>
  </si>
  <si>
    <t>POINT (4.842805130754163 51.82983171147007)</t>
  </si>
  <si>
    <t>POINT (4.83884608544233 51.829714411335)</t>
  </si>
  <si>
    <t>POINT (4.812786917503041 51.82804196465435)</t>
  </si>
  <si>
    <t>POINT (4.888031544841544 51.82260822281461)</t>
  </si>
  <si>
    <t>POINT (4.814368675569346 51.82544481206799)</t>
  </si>
  <si>
    <t>POINT (4.82619300302473 51.82415255876402)</t>
  </si>
  <si>
    <t>POINT (4.836619906042358 51.831270566737935)</t>
  </si>
  <si>
    <t>POINT (4.836361318347227 51.832531235479784)</t>
  </si>
  <si>
    <t>POINT (4.844356883949441 51.82987485135461)</t>
  </si>
  <si>
    <t>POINT (4.809039324493054 51.82266904824137)</t>
  </si>
  <si>
    <t>POINT (4.840925213204185 51.8317285466196)</t>
  </si>
  <si>
    <t>POINT (4.881755660685506 51.82477456376707)</t>
  </si>
  <si>
    <t>POINT (4.840953124933278 51.82182076050948)</t>
  </si>
  <si>
    <t>POINT (4.842009036562728 51.827284262924955)</t>
  </si>
  <si>
    <t>POINT (4.825823293448206 51.82701022685239)</t>
  </si>
  <si>
    <t>POINT (4.831856080005076 51.82751445184364)</t>
  </si>
  <si>
    <t>POINT (4.826209126457759 51.82398293208434)</t>
  </si>
  <si>
    <t>POINT (4.88153000081943 51.82230336925059)</t>
  </si>
  <si>
    <t>POINT (4.821373783503107 51.82360241952116)</t>
  </si>
  <si>
    <t>POINT (4.827287374507262 51.823260745204244)</t>
  </si>
  <si>
    <t>POINT (4.832676186316032 51.8256459802416)</t>
  </si>
  <si>
    <t>POINT (4.832299275559437 51.82768819280292)</t>
  </si>
  <si>
    <t>POINT (4.8784502793244915 51.8246074802362)</t>
  </si>
  <si>
    <t>POINT (4.829766111819239 51.828559764454326)</t>
  </si>
  <si>
    <t>POINT (4.882034074157917 51.82322973843292)</t>
  </si>
  <si>
    <t>POINT (4.827040619036463 51.82827443786679)</t>
  </si>
  <si>
    <t>POINT (4.827792693498855 51.828457795005995)</t>
  </si>
  <si>
    <t>POINT (4.837933531793879 51.82483835956303)</t>
  </si>
  <si>
    <t>POINT (4.836639763520199 51.826252487436086)</t>
  </si>
  <si>
    <t>POINT (4.882088209648248 51.82376928204988)</t>
  </si>
  <si>
    <t>POINT (4.847740234813947 51.82112663097503)</t>
  </si>
  <si>
    <t>POINT (4.810430905665076 51.82789885591358)</t>
  </si>
  <si>
    <t>POINT (4.8314673782516895 51.82574273299318)</t>
  </si>
  <si>
    <t>3371SJ</t>
  </si>
  <si>
    <t>POINT (4.8320945203866215 51.823112057812835)</t>
  </si>
  <si>
    <t>WS</t>
  </si>
  <si>
    <t>POINT (4.901673112461926 51.82791987740165)</t>
  </si>
  <si>
    <t>POINT (4.836318222768335 51.82407575281265)</t>
  </si>
  <si>
    <t>POINT (4.825868153179823 51.82690257886482)</t>
  </si>
  <si>
    <t>POINT (4.891658852720443 51.82382805144194)</t>
  </si>
  <si>
    <t>3371GE</t>
  </si>
  <si>
    <t>POINT (4.857460044124158 51.83084255091719)</t>
  </si>
  <si>
    <t>POINT (4.813198938697941 51.828719469563126)</t>
  </si>
  <si>
    <t>POINT (4.8258077803767865 51.827091049546)</t>
  </si>
  <si>
    <t>POINT (4.832960379875706 51.824653189915495)</t>
  </si>
  <si>
    <t>POINT (4.814408331564724 51.827285006883876)</t>
  </si>
  <si>
    <t>POINT (4.814336448991723 51.82764703847875)</t>
  </si>
  <si>
    <t>POINT (4.835393412929093 51.831238426785674)</t>
  </si>
  <si>
    <t>POINT (4.8213727680387555 51.82368331156813)</t>
  </si>
  <si>
    <t>POINT (4.855268650932613 51.82721925640876)</t>
  </si>
  <si>
    <t>POINT (4.8204897157481925 51.82495587491788)</t>
  </si>
  <si>
    <t>POINT (4.839501648518912 51.828313193444814)</t>
  </si>
  <si>
    <t>POINT (4.830648477537952 51.82862417430628)</t>
  </si>
  <si>
    <t>POINT (4.812289601594684 51.82728670300033)</t>
  </si>
  <si>
    <t>POINT (4.8243282566392 51.82359640896244)</t>
  </si>
  <si>
    <t>POINT (4.84523608769818 51.826732928643835)</t>
  </si>
  <si>
    <t>POINT (4.881629363448604 51.823102156892475)</t>
  </si>
  <si>
    <t>3371CM</t>
  </si>
  <si>
    <t>POINT (4.844753832180544 51.82841035171537)</t>
  </si>
  <si>
    <t>POINT (4.828382310469735 51.828874076072005)</t>
  </si>
  <si>
    <t>POINT (4.829509908551219 51.826848028542145)</t>
  </si>
  <si>
    <t>POINT (4.879819469646212 51.82668076356976)</t>
  </si>
  <si>
    <t>POINT (4.8317289241562 51.823353018948254)</t>
  </si>
  <si>
    <t>POINT (4.841242234005381 51.82352349184768)</t>
  </si>
  <si>
    <t>POINT (4.825767625769025 51.823086326043196)</t>
  </si>
  <si>
    <t>POINT (4.883883066931964 51.82444917931765)</t>
  </si>
  <si>
    <t>POINT (4.841830433961513 51.82588401765842)</t>
  </si>
  <si>
    <t>POINT (4.827356622143126 51.82852762446715)</t>
  </si>
  <si>
    <t>POINT (4.814374178945001 51.82746911448921)</t>
  </si>
  <si>
    <t>3372EJ</t>
  </si>
  <si>
    <t>POINT (4.881135794472435 51.82548388196243)</t>
  </si>
  <si>
    <t>POINT (4.8402610698856146 51.82204866013168)</t>
  </si>
  <si>
    <t>POINT (4.878499309687836 51.82564840054035)</t>
  </si>
  <si>
    <t>POINT (4.846809612304814 51.82243372346949)</t>
  </si>
  <si>
    <t>3371NB</t>
  </si>
  <si>
    <t>Zwaluwpad</t>
  </si>
  <si>
    <t>POINT (4.817496094762098 51.82594602510766)</t>
  </si>
  <si>
    <t>POINT (4.888091850453943 51.82240174355123)</t>
  </si>
  <si>
    <t>POINT (4.848229588018546 51.823870381504314)</t>
  </si>
  <si>
    <t>POINT (4.8282470738386065 51.829250950848355)</t>
  </si>
  <si>
    <t>POINT (4.823521294998373 51.823170074835616)</t>
  </si>
  <si>
    <t>POINT (4.849243677296189 51.82154700359089)</t>
  </si>
  <si>
    <t>POINT (4.882492495062964 51.82869494352271)</t>
  </si>
  <si>
    <t>POINT (4.841518443556776 51.8223311794352)</t>
  </si>
  <si>
    <t>POINT (4.888956135997077 51.82294472573253)</t>
  </si>
  <si>
    <t>POINT (4.88599376597922 51.82324671223286)</t>
  </si>
  <si>
    <t>POINT (4.841004392419171 51.83030811634764)</t>
  </si>
  <si>
    <t>POINT (4.815927335038829 51.82289439187053)</t>
  </si>
  <si>
    <t>POINT (4.821245556208997 51.82294978992824)</t>
  </si>
  <si>
    <t>POINT (4.825423531317177 51.8241679343946)</t>
  </si>
  <si>
    <t>POINT (4.832684460956619 51.82506065865347)</t>
  </si>
  <si>
    <t>POINT (4.834008814863289 51.82938996216034)</t>
  </si>
  <si>
    <t>POINT (4.827200572250549 51.823242354027535)</t>
  </si>
  <si>
    <t>POINT (4.826379458718546 51.822421078259154)</t>
  </si>
  <si>
    <t>POINT (4.831354631535354 51.8278275402411)</t>
  </si>
  <si>
    <t>POINT (4.833707353058907 51.82814887832798)</t>
  </si>
  <si>
    <t>POINT (4.847384932973103 51.822520862913116)</t>
  </si>
  <si>
    <t>POINT (4.889645106105043 51.82691859877099)</t>
  </si>
  <si>
    <t>POINT (4.848982692427785 51.82793830587241)</t>
  </si>
  <si>
    <t>3371GD</t>
  </si>
  <si>
    <t>POINT (4.854501408868154 51.8307662434099)</t>
  </si>
  <si>
    <t>POINT (4.886031083317157 51.82380415909495)</t>
  </si>
  <si>
    <t>POINT (4.838468044447142 51.829784553108034)</t>
  </si>
  <si>
    <t>POINT (4.837033160620587 51.826110515293)</t>
  </si>
  <si>
    <t>POINT (4.816732640479273 51.82548329006825)</t>
  </si>
  <si>
    <t>POINT (4.836516290233364 51.83160907418534)</t>
  </si>
  <si>
    <t>POINT (4.832441566693391 51.82791357876499)</t>
  </si>
  <si>
    <t>POINT (4.8821697556058705 51.82536059913966)</t>
  </si>
  <si>
    <t>POINT (4.8794522189116405 51.81936252607656)</t>
  </si>
  <si>
    <t>POINT (4.824000151862718 51.82379927067297)</t>
  </si>
  <si>
    <t>POINT (4.890452101138064 51.824083617645954)</t>
  </si>
  <si>
    <t>3371AN</t>
  </si>
  <si>
    <t>Klein Diepje</t>
  </si>
  <si>
    <t>POINT (4.833529976234214 51.82739579123071)</t>
  </si>
  <si>
    <t>POINT (4.833060336857452 51.82360200255072)</t>
  </si>
  <si>
    <t>POINT (4.81479741491496 51.823667170133284)</t>
  </si>
  <si>
    <t>POINT (4.870312355545542 51.82084169320042)</t>
  </si>
  <si>
    <t>POINT (4.840706066190908 51.82966180994694)</t>
  </si>
  <si>
    <t>POINT (4.868755866913867 51.81976744172306)</t>
  </si>
  <si>
    <t>3372BS</t>
  </si>
  <si>
    <t>POINT (4.838953462052132 51.831620481205654)</t>
  </si>
  <si>
    <t>POINT (4.883736180136161 51.82037954032024)</t>
  </si>
  <si>
    <t>POINT (4.84020804763312 51.829855593248)</t>
  </si>
  <si>
    <t>POINT (4.882717407555235 51.82438320649149)</t>
  </si>
  <si>
    <t>POINT (4.888132306242517 51.82476107513291)</t>
  </si>
  <si>
    <t>POINT (4.880113993705942 51.82242148197594)</t>
  </si>
  <si>
    <t>3371AH</t>
  </si>
  <si>
    <t>POINT (4.833365389615261 51.828899435144606)</t>
  </si>
  <si>
    <t>POINT (4.821761661005154 51.82353014208269)</t>
  </si>
  <si>
    <t>POINT (4.8155642434481765 51.82690105080411)</t>
  </si>
  <si>
    <t>3372VC</t>
  </si>
  <si>
    <t>Fint</t>
  </si>
  <si>
    <t>POINT (4.88985027013062 51.82472824170654)</t>
  </si>
  <si>
    <t>POINT (4.814687518989117 51.8232152559691)</t>
  </si>
  <si>
    <t>POINT (4.810216470694321 51.82303417609002)</t>
  </si>
  <si>
    <t>POINT (4.887885276750551 51.82402778494266)</t>
  </si>
  <si>
    <t>POINT (4.885000944221871 51.82513005568668)</t>
  </si>
  <si>
    <t>POINT (4.846765495658963 51.823791741644484)</t>
  </si>
  <si>
    <t>POINT (4.836448968382554 51.8322671682092)</t>
  </si>
  <si>
    <t>POINT (4.812063794564092 51.828438216722446)</t>
  </si>
  <si>
    <t>POINT (4.821862289537652 51.82360253517283)</t>
  </si>
  <si>
    <t>3371GG</t>
  </si>
  <si>
    <t>POINT (4.873787523778525 51.831544286861785)</t>
  </si>
  <si>
    <t>3371TH</t>
  </si>
  <si>
    <t>Neptunusstraat</t>
  </si>
  <si>
    <t>POINT (4.824875122123552 51.82278107225369)</t>
  </si>
  <si>
    <t>POINT (4.836895900210197 51.82547168580164)</t>
  </si>
  <si>
    <t>POINT (4.831323496989228 51.82917567340472)</t>
  </si>
  <si>
    <t>POINT (4.82854383948991 51.82790319279002)</t>
  </si>
  <si>
    <t>POINT (4.831645110943408 51.823091954555615)</t>
  </si>
  <si>
    <t>POINT (4.830194578204138 51.82309406883397)</t>
  </si>
  <si>
    <t>POINT (4.843091239510506 51.826561212997106)</t>
  </si>
  <si>
    <t>POINT (4.888464367921227 51.8241291203094)</t>
  </si>
  <si>
    <t>POINT (4.833218233791544 51.82692716819022)</t>
  </si>
  <si>
    <t>POINT (4.8239472120572415 51.82390918028729)</t>
  </si>
  <si>
    <t>POINT (4.844896538784274 51.82766379463944)</t>
  </si>
  <si>
    <t>POINT (4.8786221002344545 51.82223525732042)</t>
  </si>
  <si>
    <t>POINT (4.839658727534698 51.822037115051955)</t>
  </si>
  <si>
    <t>POINT (4.811464003149532 51.82650606371982)</t>
  </si>
  <si>
    <t>POINT (4.836514066931894 51.8238234736066)</t>
  </si>
  <si>
    <t>POINT (4.834786545025628 51.82832912134913)</t>
  </si>
  <si>
    <t>POINT (4.821891749168938 51.823566722859766)</t>
  </si>
  <si>
    <t>3371CZ</t>
  </si>
  <si>
    <t>Van Damstoep</t>
  </si>
  <si>
    <t>POINT (4.84295592133356 51.823351679213765)</t>
  </si>
  <si>
    <t>POINT (4.818892403775849 51.827911685601514)</t>
  </si>
  <si>
    <t>POINT (4.838346796222698 51.83140192177156)</t>
  </si>
  <si>
    <t>POINT (4.819700347743361 51.82365502258295)</t>
  </si>
  <si>
    <t>POINT (4.83762746191726 51.82561293433206)</t>
  </si>
  <si>
    <t>POINT (4.8401453963258385 51.82897196245638)</t>
  </si>
  <si>
    <t>POINT (4.827287597804214 51.82324276917822)</t>
  </si>
  <si>
    <t>POINT (4.8238597754249515 51.82742328189175)</t>
  </si>
  <si>
    <t>POINT (4.844758952933102 51.830218273908244)</t>
  </si>
  <si>
    <t>POINT (4.889922469344896 51.82344319126685)</t>
  </si>
  <si>
    <t>POINT (4.838428007990774 51.82473280985028)</t>
  </si>
  <si>
    <t>POINT (4.835722326802062 51.82417182865832)</t>
  </si>
  <si>
    <t>POINT (4.889629660982899 51.82678814608463)</t>
  </si>
  <si>
    <t>POINT (4.8794448329058575 51.825169074068164)</t>
  </si>
  <si>
    <t>POINT (4.887237785157219 51.82577264630234)</t>
  </si>
  <si>
    <t>POINT (4.8234284282021385 51.825956078327906)</t>
  </si>
  <si>
    <t>POINT (4.841504945004341 51.82338988541503)</t>
  </si>
  <si>
    <t>POINT (4.884133313400303 51.82618698453187)</t>
  </si>
  <si>
    <t>POINT (4.812387799427264 51.82654141275191)</t>
  </si>
  <si>
    <t>POINT (4.854188398338455 51.82165944676424)</t>
  </si>
  <si>
    <t>POINT (4.834269954965053 51.82987018244763)</t>
  </si>
  <si>
    <t>POINT (4.838866644899601 51.82802466335763)</t>
  </si>
  <si>
    <t>POINT (4.8297432865730805 51.82617239883509)</t>
  </si>
  <si>
    <t>POINT (4.855643319715448 51.82251096613523)</t>
  </si>
  <si>
    <t>POINT (4.841246113767206 51.82181877989484)</t>
  </si>
  <si>
    <t>POINT (4.832716600512249 51.825022159752216)</t>
  </si>
  <si>
    <t>POINT (4.84072080189292 51.82970756724192)</t>
  </si>
  <si>
    <t>POINT (4.8405521281552035 51.82301692197725)</t>
  </si>
  <si>
    <t>POINT (4.812052939738462 51.82848397817982)</t>
  </si>
  <si>
    <t>POINT (4.843623827754358 51.82632955613675)</t>
  </si>
  <si>
    <t>POINT (4.814302778484801 51.82883736251557)</t>
  </si>
  <si>
    <t>POINT (4.91224161060295 51.83436928107327)</t>
  </si>
  <si>
    <t>POINT (4.8245408040590965 51.825161435031966)</t>
  </si>
  <si>
    <t>POINT (4.883989955356835 51.824937920320856)</t>
  </si>
  <si>
    <t>POINT (4.843489931964842 51.825978805753586)</t>
  </si>
  <si>
    <t>POINT (4.837027961269153 51.833155441899656)</t>
  </si>
  <si>
    <t>POINT (4.826715729248361 51.827380666544414)</t>
  </si>
  <si>
    <t>POINT (4.8288158166127 51.82432793716602)</t>
  </si>
  <si>
    <t>POINT (4.836790743155955 51.82576781449069)</t>
  </si>
  <si>
    <t>POINT (4.8318261218056975 51.828414026765785)</t>
  </si>
  <si>
    <t>3371JZ</t>
  </si>
  <si>
    <t>Kramsvogel</t>
  </si>
  <si>
    <t>3371JX-3371JZ</t>
  </si>
  <si>
    <t>POINT (4.818917075978617 51.82721248713585)</t>
  </si>
  <si>
    <t>POINT (4.829056304023565 51.82950648022946)</t>
  </si>
  <si>
    <t>POINT (4.83132272095039 51.82923858948563)</t>
  </si>
  <si>
    <t>POINT (4.832633705125762 51.82535896424151)</t>
  </si>
  <si>
    <t>POINT (4.842581525225971 51.82238680309833)</t>
  </si>
  <si>
    <t>POINT (4.841481533020049 51.82223019240187)</t>
  </si>
  <si>
    <t>POINT (4.835867260909594 51.82662925660286)</t>
  </si>
  <si>
    <t>POINT (4.8237891349330315 51.82495109306053)</t>
  </si>
  <si>
    <t>POINT (4.812042480792546 51.82857374052835)</t>
  </si>
  <si>
    <t>POINT (4.8271688038968135 51.82391731412487)</t>
  </si>
  <si>
    <t>POINT (4.883782178645188 51.824607888246184)</t>
  </si>
  <si>
    <t>POINT (4.843398697873993 51.82512447253885)</t>
  </si>
  <si>
    <t>POINT (4.844581043704993 51.82706797018387)</t>
  </si>
  <si>
    <t>POINT (4.837948562772944 51.82566897066604)</t>
  </si>
  <si>
    <t>3371EW</t>
  </si>
  <si>
    <t>POINT (4.8552644895769115 51.82388449473286)</t>
  </si>
  <si>
    <t>POINT (4.8844791230834765 51.82571739629856)</t>
  </si>
  <si>
    <t>POINT (4.830317103805457 51.82726533346287)</t>
  </si>
  <si>
    <t>POINT (4.889701055310156 51.822108628269966)</t>
  </si>
  <si>
    <t>POINT (4.881256690079407 51.82270505667364)</t>
  </si>
  <si>
    <t>POINT (4.8394031418319 51.828045145200136)</t>
  </si>
  <si>
    <t>POINT (4.82798460116051 51.8258520324923)</t>
  </si>
  <si>
    <t>POINT (4.827200125587012 51.823278306079175)</t>
  </si>
  <si>
    <t>POINT (4.839446417890609 51.82925879893645)</t>
  </si>
  <si>
    <t>POINT (4.882034577801813 51.82318479804396)</t>
  </si>
  <si>
    <t>POINT (4.819765370056412 51.82350676518153)</t>
  </si>
  <si>
    <t>POINT (4.815069235512305 51.84224781420673)</t>
  </si>
  <si>
    <t>POINT (4.879404380630782 51.826184600738316)</t>
  </si>
  <si>
    <t>POINT (4.836693544467172 51.830162751996816)</t>
  </si>
  <si>
    <t>POINT (4.888457222570042 51.82346394044411)</t>
  </si>
  <si>
    <t>POINT (4.8430014200656 51.82919443603823)</t>
  </si>
  <si>
    <t>POINT (4.827502792949723 51.82960694618038)</t>
  </si>
  <si>
    <t>POINT (4.839985758554519 51.83024106407329)</t>
  </si>
  <si>
    <t>POINT (4.836899050122383 51.8299659678147)</t>
  </si>
  <si>
    <t>POINT (4.885365820784868 51.82070274371082)</t>
  </si>
  <si>
    <t>POINT (4.831223123405759 51.82982003566023)</t>
  </si>
  <si>
    <t>POINT (4.841022512398274 51.822352494748)</t>
  </si>
  <si>
    <t>POINT (4.813284726300153 51.82657148168972)</t>
  </si>
  <si>
    <t>POINT (4.883739333505887 51.824406227069325)</t>
  </si>
  <si>
    <t>POINT (4.8410165380682875 51.826587532225425)</t>
  </si>
  <si>
    <t>POINT (4.889336846626316 51.825824829112506)</t>
  </si>
  <si>
    <t>POINT (4.826129045999766 51.82326831947303)</t>
  </si>
  <si>
    <t>POINT (4.812873260603158 51.82804429269686)</t>
  </si>
  <si>
    <t>3371MC</t>
  </si>
  <si>
    <t>Smederij</t>
  </si>
  <si>
    <t>POINT (4.882080105906056 51.8242995692906)</t>
  </si>
  <si>
    <t>POINT (4.83402949582408 51.82998140629273)</t>
  </si>
  <si>
    <t>POINT (4.8445352339308005 51.82270282810164)</t>
  </si>
  <si>
    <t>POINT (4.882220832048801 51.82727537103563)</t>
  </si>
  <si>
    <t>POINT (4.825407257590767 51.82477764842664)</t>
  </si>
  <si>
    <t>POINT (4.827709852833228 51.82267511554952)</t>
  </si>
  <si>
    <t>POINT (4.828800755250586 51.824372808235736)</t>
  </si>
  <si>
    <t>POINT (4.84283583058258 51.82629808505791)</t>
  </si>
  <si>
    <t>3371SW</t>
  </si>
  <si>
    <t>3371SV-3371SW</t>
  </si>
  <si>
    <t>POINT (4.83097470044538 51.82334944737392)</t>
  </si>
  <si>
    <t>POINT (4.824859272442258 51.82288885889393)</t>
  </si>
  <si>
    <t>POINT (4.824132942726374 51.82297526242893)</t>
  </si>
  <si>
    <t>POINT (4.846805538401932 51.821661643554016)</t>
  </si>
  <si>
    <t>POINT (4.882103979875778 51.82605243129765)</t>
  </si>
  <si>
    <t>POINT (4.834951410164121 51.831448918147125)</t>
  </si>
  <si>
    <t>3371CW</t>
  </si>
  <si>
    <t>Zijlweer</t>
  </si>
  <si>
    <t>POINT (4.843951377575936 51.82741011860739)</t>
  </si>
  <si>
    <t>POINT (4.823265396766585 51.82373462984513)</t>
  </si>
  <si>
    <t>POINT (4.882834485838361 51.82689763353679)</t>
  </si>
  <si>
    <t>POINT (4.8780152369910885 51.82459660545783)</t>
  </si>
  <si>
    <t>POINT (4.831078555656385 51.82903968524024)</t>
  </si>
  <si>
    <t>POINT (4.837296981487302 51.82475276562227)</t>
  </si>
  <si>
    <t>POINT (4.885012660596639 51.82407845037275)</t>
  </si>
  <si>
    <t>POINT (4.829335937260833 51.823323693324966)</t>
  </si>
  <si>
    <t>3371JM</t>
  </si>
  <si>
    <t>Leeuwerik</t>
  </si>
  <si>
    <t>POINT (4.819971624315281 51.828609023405534)</t>
  </si>
  <si>
    <t>POINT (4.888462452254592 51.824995756955325)</t>
  </si>
  <si>
    <t>POINT (4.843578181328992 51.82205722038843)</t>
  </si>
  <si>
    <t>POINT (4.821265531490102 51.827231032595904)</t>
  </si>
  <si>
    <t>POINT (4.82187679390164 51.82360260502904)</t>
  </si>
  <si>
    <t>POINT (4.901480863659985 51.82896009807815)</t>
  </si>
  <si>
    <t>POINT (4.840232594079198 51.82663781324734)</t>
  </si>
  <si>
    <t>POINT (4.885431497249264 51.82293870080603)</t>
  </si>
  <si>
    <t>POINT (4.824130023513027 51.82320895066998)</t>
  </si>
  <si>
    <t>3372BZ</t>
  </si>
  <si>
    <t>POINT (4.860626291711964 51.82060089248613)</t>
  </si>
  <si>
    <t>POINT (4.883838032053085 51.824134433339836)</t>
  </si>
  <si>
    <t>POINT (4.881087097333596 51.826182879145634)</t>
  </si>
  <si>
    <t>POINT (4.823946987423438 51.823927156303604)</t>
  </si>
  <si>
    <t>POINT (4.8750905716342166 51.82156374151903)</t>
  </si>
  <si>
    <t>POINT (4.845192192001597 51.824993481149775)</t>
  </si>
  <si>
    <t>POINT (4.833538885189261 51.827154733717855)</t>
  </si>
  <si>
    <t>POINT (4.88416503299676 51.82040213345046)</t>
  </si>
  <si>
    <t>POINT (4.842419538795269 51.82692662744908)</t>
  </si>
  <si>
    <t>POINT (4.886158926768233 51.824047394560274)</t>
  </si>
  <si>
    <t>POINT (4.856599809285084 51.82536143853278)</t>
  </si>
  <si>
    <t>POINT (4.833813669252163 51.82604145074271)</t>
  </si>
  <si>
    <t>3371JB</t>
  </si>
  <si>
    <t>Hoepmakerspad</t>
  </si>
  <si>
    <t>POINT (4.82445753509595 51.8271834583398)</t>
  </si>
  <si>
    <t>POINT (4.820660705236069 51.82778810148989)</t>
  </si>
  <si>
    <t>POINT (4.824843310549013 51.82300563354086)</t>
  </si>
  <si>
    <t>POINT (4.829701265029292 51.82427821462036)</t>
  </si>
  <si>
    <t>3371NN</t>
  </si>
  <si>
    <t>Wijnpeer</t>
  </si>
  <si>
    <t>POINT (4.811116401917237 51.82722248974923)</t>
  </si>
  <si>
    <t>POINT (4.832832559236817 51.82796935709125)</t>
  </si>
  <si>
    <t>POINT (4.855259449406807 51.82676978853499)</t>
  </si>
  <si>
    <t>POINT (4.860656243522681 51.82052013010617)</t>
  </si>
  <si>
    <t>POINT (4.822516154177194 51.82362473827095)</t>
  </si>
  <si>
    <t>POINT (4.840528572768648 51.822074409038215)</t>
  </si>
  <si>
    <t>POINT (4.837796579480919 51.825374262386184)</t>
  </si>
  <si>
    <t>POINT (4.817289384349862 51.82848816955328)</t>
  </si>
  <si>
    <t>POINT (4.885193542809476 51.820861337409404)</t>
  </si>
  <si>
    <t>POINT (4.8364377890156565 51.832317694219775)</t>
  </si>
  <si>
    <t>POINT (4.8460759612955755 51.826107704995586)</t>
  </si>
  <si>
    <t>3371CE</t>
  </si>
  <si>
    <t>POINT (4.839995597435129 51.827041192724664)</t>
  </si>
  <si>
    <t>POINT (4.85061456898295 51.8306676453169)</t>
  </si>
  <si>
    <t>POINT (4.843393277767075 51.830382737634885)</t>
  </si>
  <si>
    <t>POINT (4.8241857690864025 51.828036066786794)</t>
  </si>
  <si>
    <t>POINT (4.822035023075868 51.822551706714215)</t>
  </si>
  <si>
    <t>3371BD</t>
  </si>
  <si>
    <t>POINT (4.820883777823396 51.82504816557871)</t>
  </si>
  <si>
    <t>POINT (4.817773734815417 51.82757678929757)</t>
  </si>
  <si>
    <t>POINT (4.824351843307689 51.82751552771202)</t>
  </si>
  <si>
    <t>POINT (4.880734804333128 51.823970186272504)</t>
  </si>
  <si>
    <t>POINT (4.88228108432636 51.82969484149997)</t>
  </si>
  <si>
    <t>BU05230309</t>
  </si>
  <si>
    <t>Buitengebied BH</t>
  </si>
  <si>
    <t>POINT (4.880405139830958 51.82361821150452)</t>
  </si>
  <si>
    <t>POINT (4.814304037873834 51.82368274025721)</t>
  </si>
  <si>
    <t>POINT (4.823254931011087 51.824193166269204)</t>
  </si>
  <si>
    <t>POINT (4.826726379555679 51.82718915359627)</t>
  </si>
  <si>
    <t>POINT (4.821775037856591 51.82362009200929)</t>
  </si>
  <si>
    <t>POINT (4.883764206597887 51.82546632157428)</t>
  </si>
  <si>
    <t>POINT (4.829203618394428 51.82346688109702)</t>
  </si>
  <si>
    <t>POINT (4.878503428696542 51.82632451616493)</t>
  </si>
  <si>
    <t>POINT (4.884053433185423 51.82435304051087)</t>
  </si>
  <si>
    <t>POINT (4.815482054246212 51.82689848429756)</t>
  </si>
  <si>
    <t>POINT (4.826288226130518 51.823005985484755)</t>
  </si>
  <si>
    <t>3372VJ</t>
  </si>
  <si>
    <t>POINT (4.890493094733365 51.82299618189466)</t>
  </si>
  <si>
    <t>POINT (4.841642275316198 51.826540906204485)</t>
  </si>
  <si>
    <t>POINT (4.877343915977562 51.82623858920676)</t>
  </si>
  <si>
    <t>POINT (4.912457265515115 51.83081215195768)</t>
  </si>
  <si>
    <t>POINT (4.839738104625667 51.82219893743011)</t>
  </si>
  <si>
    <t>POINT (4.832719962520012 51.824982338423254)</t>
  </si>
  <si>
    <t>POINT (4.896630232692646 51.825520793808735)</t>
  </si>
  <si>
    <t>POINT (4.889987875663424 51.82399655806991)</t>
  </si>
  <si>
    <t>POINT (4.832404431284441 51.82385957199424)</t>
  </si>
  <si>
    <t>POINT (4.831592171842651 51.82503322903616)</t>
  </si>
  <si>
    <t>POINT (4.8842579776700505 51.82404981782569)</t>
  </si>
  <si>
    <t>POINT (4.823727724940785 51.82290140952144)</t>
  </si>
  <si>
    <t>POINT (4.815121563620333 51.825556346366156)</t>
  </si>
  <si>
    <t>POINT (4.818760514909315 51.822266238060585)</t>
  </si>
  <si>
    <t>POINT (4.835471143899529 51.83099560740144)</t>
  </si>
  <si>
    <t>POINT (4.845077430774643 51.83157756075319)</t>
  </si>
  <si>
    <t>POINT (4.827024721402883 51.825148731336824)</t>
  </si>
  <si>
    <t>POINT (4.843326281846783 51.825115148506114)</t>
  </si>
  <si>
    <t>POINT (4.840084311452088 51.823141238086876)</t>
  </si>
  <si>
    <t>POINT (4.824703421131629 51.826079045963986)</t>
  </si>
  <si>
    <t>POINT (4.824821293004615 51.82360776071527)</t>
  </si>
  <si>
    <t>POINT (4.829983728334523 51.825261581019994)</t>
  </si>
  <si>
    <t>POINT (4.809469712390282 51.823086879202116)</t>
  </si>
  <si>
    <t>POINT (4.828320302810963 51.82334582764684)</t>
  </si>
  <si>
    <t>POINT (4.884109567531484 51.82613885717596)</t>
  </si>
  <si>
    <t>POINT (4.810089830985616 51.824282306730446)</t>
  </si>
  <si>
    <t>POINT (4.8392427789823245 51.82206667885507)</t>
  </si>
  <si>
    <t>POINT (4.833751576444716 51.82661260431132)</t>
  </si>
  <si>
    <t>POINT (4.829322211671552 51.8232607082822)</t>
  </si>
  <si>
    <t>POINT (4.8101954250029495 51.827889357296)</t>
  </si>
  <si>
    <t>POINT (4.880686988128093 51.82519320838917)</t>
  </si>
  <si>
    <t>POINT (4.845223973775413 51.82636992484602)</t>
  </si>
  <si>
    <t>3372XB</t>
  </si>
  <si>
    <t>POINT (4.885403402802366 51.82487868735708)</t>
  </si>
  <si>
    <t>3371BX</t>
  </si>
  <si>
    <t>POINT (4.807999442600308 51.82440683895444)</t>
  </si>
  <si>
    <t>POINT (4.832297920705816 51.82426355289669)</t>
  </si>
  <si>
    <t>POINT (4.832835654829792 51.82771769267394)</t>
  </si>
  <si>
    <t>POINT (4.83033283095897 51.82716653413823)</t>
  </si>
  <si>
    <t>POINT (4.820079047507266 51.82814213809463)</t>
  </si>
  <si>
    <t>POINT (4.824893406608149 51.8248070434235)</t>
  </si>
  <si>
    <t>POINT (4.833728321978593 51.82944770370719)</t>
  </si>
  <si>
    <t>POINT (4.84145496910315 51.82726830442322)</t>
  </si>
  <si>
    <t>POINT (4.833738398821519 51.82729351377329)</t>
  </si>
  <si>
    <t>POINT (4.884117078843914 51.82451066612773)</t>
  </si>
  <si>
    <t>POINT (4.885463707197443 51.822651206175586)</t>
  </si>
  <si>
    <t>POINT (4.8182090253317185 51.82229053165917)</t>
  </si>
  <si>
    <t>POINT (4.828901337599498 51.823212164541054)</t>
  </si>
  <si>
    <t>POINT (4.831961768829238 51.829178694042014)</t>
  </si>
  <si>
    <t>POINT (4.8151375592136665 51.82688356582677)</t>
  </si>
  <si>
    <t>POINT (4.844748928057959 51.829034744141445)</t>
  </si>
  <si>
    <t>POINT (4.881394268687155 51.82337079945829)</t>
  </si>
  <si>
    <t>POINT (4.826181108186811 51.82411529832463)</t>
  </si>
  <si>
    <t>POINT (4.877252787636041 51.82403600791904)</t>
  </si>
  <si>
    <t>POINT (4.821775488852832 51.82358413998623)</t>
  </si>
  <si>
    <t>POINT (4.818767402105757 51.82862117549097)</t>
  </si>
  <si>
    <t>POINT (4.834472663644912 51.8249768070757)</t>
  </si>
  <si>
    <t>POINT (4.830331583170288 51.824919393071106)</t>
  </si>
  <si>
    <t>POINT (4.877858168096994 51.82488572265822)</t>
  </si>
  <si>
    <t>POINT (4.908251544860808 51.83062005475325)</t>
  </si>
  <si>
    <t>POINT (4.830923396065314 51.82515590121848)</t>
  </si>
  <si>
    <t>POINT (4.829040802251183 51.82607278441613)</t>
  </si>
  <si>
    <t>POINT (4.8410532320272806 51.82954492979164)</t>
  </si>
  <si>
    <t>POINT (4.883940460911891 51.82465871382732)</t>
  </si>
  <si>
    <t>POINT (4.842253732378137 51.82624272939672)</t>
  </si>
  <si>
    <t>3371SR</t>
  </si>
  <si>
    <t>3371SP-3371SR</t>
  </si>
  <si>
    <t>POINT (4.830432196712265 51.822645768970084)</t>
  </si>
  <si>
    <t>POINT (4.811831505812512 51.82729555940507)</t>
  </si>
  <si>
    <t>POINT (4.8262379117278105 51.824001046742666)</t>
  </si>
  <si>
    <t>POINT (4.826740441805203 51.82908197370463)</t>
  </si>
  <si>
    <t>POINT (4.839969869162371 51.825575941742294)</t>
  </si>
  <si>
    <t>POINT (4.837288312002103 51.82546453624678)</t>
  </si>
  <si>
    <t>POINT (4.826255507494765 51.82292051883489)</t>
  </si>
  <si>
    <t>POINT (4.823100672404609 51.82316805417738)</t>
  </si>
  <si>
    <t>POINT (4.813593404498649 51.82657940828558)</t>
  </si>
  <si>
    <t>POINT (4.8437398219931085 51.82209691621544)</t>
  </si>
  <si>
    <t>POINT (4.816732615047382 51.82531797252712)</t>
  </si>
  <si>
    <t>POINT (4.836183646226858 51.82380842221879)</t>
  </si>
  <si>
    <t>POINT (4.8443716079522945 51.82744801670199)</t>
  </si>
  <si>
    <t>POINT (4.811660799606783 51.823939466322614)</t>
  </si>
  <si>
    <t>POINT (4.883629453554359 51.82324558184411)</t>
  </si>
  <si>
    <t>POINT (4.837025285573106 51.83388555851018)</t>
  </si>
  <si>
    <t>3371EJ</t>
  </si>
  <si>
    <t>POINT (4.843743072871095 51.82182727517811)</t>
  </si>
  <si>
    <t>POINT (4.883977512301463 51.82179338957558)</t>
  </si>
  <si>
    <t>POINT (4.826969355979534 51.825838202988024)</t>
  </si>
  <si>
    <t>POINT (4.884028012158795 51.82433942181878)</t>
  </si>
  <si>
    <t>POINT (4.833789019913084 51.82851321816449)</t>
  </si>
  <si>
    <t>POINT (4.838150050957218 51.830879667037976)</t>
  </si>
  <si>
    <t>POINT (4.855722684731453 51.82562135565734)</t>
  </si>
  <si>
    <t>3371XC</t>
  </si>
  <si>
    <t>Handelsstraat</t>
  </si>
  <si>
    <t>POINT (4.817486185922472 51.8233628832937)</t>
  </si>
  <si>
    <t>POINT (4.8844778723926225 51.820690917368935)</t>
  </si>
  <si>
    <t>POINT (4.8114009048388695 51.82498086409258)</t>
  </si>
  <si>
    <t>POINT (4.821235173454586 51.82497579473255)</t>
  </si>
  <si>
    <t>POINT (4.827139940624729 51.82728617227861)</t>
  </si>
  <si>
    <t>POINT (4.830895273400886 51.82978486536225)</t>
  </si>
  <si>
    <t>POINT (4.880471948353691 51.822836499362005)</t>
  </si>
  <si>
    <t>POINT (4.8213538528064745 51.82389594338643)</t>
  </si>
  <si>
    <t>POINT (4.818845083727724 51.82487822609494)</t>
  </si>
  <si>
    <t>POINT (4.85565369024145 51.822861565688065)</t>
  </si>
  <si>
    <t>3372VE</t>
  </si>
  <si>
    <t>POINT (4.888433369497194 51.82430875873167)</t>
  </si>
  <si>
    <t>POINT (4.825304794450119 51.82671112418257)</t>
  </si>
  <si>
    <t>POINT (4.821347967319063 51.823716557509)</t>
  </si>
  <si>
    <t>POINT (4.841653039266816 51.82662836072094)</t>
  </si>
  <si>
    <t>POINT (4.839406623200359 51.82298461609942)</t>
  </si>
  <si>
    <t>POINT (4.83628141379875 51.82471376629281)</t>
  </si>
  <si>
    <t>POINT (4.840952307396966 51.827099579724)</t>
  </si>
  <si>
    <t>POINT (4.831397638260732 51.8243401904126)</t>
  </si>
  <si>
    <t>POINT (4.852434718168909 51.82154360793952)</t>
  </si>
  <si>
    <t>POINT (4.828037177759868 51.82766145160847)</t>
  </si>
  <si>
    <t>POINT (4.828168163251828 51.82742590156766)</t>
  </si>
  <si>
    <t>POINT (4.850274407655494 51.821470826192204)</t>
  </si>
  <si>
    <t>POINT (4.840990751027582 51.82224681253416)</t>
  </si>
  <si>
    <t>POINT (4.880314883089147 51.82544647141692)</t>
  </si>
  <si>
    <t>POINT (4.8238375856681746 51.82496951841974)</t>
  </si>
  <si>
    <t>POINT (4.830132976476294 51.826495220587965)</t>
  </si>
  <si>
    <t>POINT (4.823996548447551 51.8222824898382)</t>
  </si>
  <si>
    <t>POINT (4.838493809335232 51.82647689338941)</t>
  </si>
  <si>
    <t>POINT (4.812916034646297 51.82655683387861)</t>
  </si>
  <si>
    <t>POINT (4.810823751695826 51.827331207886516)</t>
  </si>
  <si>
    <t>POINT (4.842830633825447 51.82171518464695)</t>
  </si>
  <si>
    <t>POINT (4.815215481835206 51.82746463280336)</t>
  </si>
  <si>
    <t>POINT (4.887508498031386 51.82268689399634)</t>
  </si>
  <si>
    <t>POINT (4.880438999099483 51.82318690910557)</t>
  </si>
  <si>
    <t>POINT (4.83075501335598 51.82822019514987)</t>
  </si>
  <si>
    <t>POINT (4.841039379264809 51.829490934164326)</t>
  </si>
  <si>
    <t>POINT (4.860379732666153 51.820599786128255)</t>
  </si>
  <si>
    <t>POINT (4.812941694708896 51.82586929024155)</t>
  </si>
  <si>
    <t>POINT (4.889709347096235 51.82514896274702)</t>
  </si>
  <si>
    <t>POINT (4.811126678180957 51.82760223459137)</t>
  </si>
  <si>
    <t>POINT (4.839043153283957 51.826632265007596)</t>
  </si>
  <si>
    <t>POINT (4.833664694456721 51.82677595682154)</t>
  </si>
  <si>
    <t>POINT (4.837896699184826 51.82428988643638)</t>
  </si>
  <si>
    <t>POINT (4.828274637105825 51.82936793308569)</t>
  </si>
  <si>
    <t>POINT (4.8078496722864665 51.82345218912765)</t>
  </si>
  <si>
    <t>POINT (4.836279566179618 51.83317196770685)</t>
  </si>
  <si>
    <t>POINT (4.835904043063499 51.82947591854568)</t>
  </si>
  <si>
    <t>POINT (4.818601277250582 51.82684063873326)</t>
  </si>
  <si>
    <t>POINT (4.882753298407433 51.82730036528309)</t>
  </si>
  <si>
    <t>POINT (4.84703477082861 51.827604513373466)</t>
  </si>
  <si>
    <t>POINT (4.8779494569917485 51.824908374280284)</t>
  </si>
  <si>
    <t>POINT (4.842021928789053 51.82501921251425)</t>
  </si>
  <si>
    <t>POINT (4.829844057630621 51.82807760284921)</t>
  </si>
  <si>
    <t>POINT (4.910266500475207 51.83092513844758)</t>
  </si>
  <si>
    <t>POINT (4.87777719736551 51.82490373482865)</t>
  </si>
  <si>
    <t>POINT (4.851415960150934 51.825493915253844)</t>
  </si>
  <si>
    <t>POINT (4.843239360959375 51.82510575721396)</t>
  </si>
  <si>
    <t>POINT (4.831754684167443 51.82762472887889)</t>
  </si>
  <si>
    <t>POINT (4.8559237886148034 51.83082240451435)</t>
  </si>
  <si>
    <t>POINT (4.881125049827507 51.825164401989305)</t>
  </si>
  <si>
    <t>POINT (4.835501334632268 51.832745852206585)</t>
  </si>
  <si>
    <t>POINT (4.818837166939302 51.82881546812217)</t>
  </si>
  <si>
    <t>POINT (4.821687723368646 51.84329558159985)</t>
  </si>
  <si>
    <t>POINT (4.821576485655992 51.82903922869278)</t>
  </si>
  <si>
    <t>POINT (4.8217315247485155 51.823619882397466)</t>
  </si>
  <si>
    <t>POINT (4.830512523476224 51.824362961711174)</t>
  </si>
  <si>
    <t>POINT (4.821492959645807 51.82298054588502)</t>
  </si>
  <si>
    <t>POINT (4.878024070315886 51.82381464317686)</t>
  </si>
  <si>
    <t>POINT (4.832655719521746 51.827591218999984)</t>
  </si>
  <si>
    <t>POINT (4.885929551458254 51.823803725568965)</t>
  </si>
  <si>
    <t>POINT (4.829743502444248 51.82320877854494)</t>
  </si>
  <si>
    <t>POINT (4.835772417673355 51.832799376139896)</t>
  </si>
  <si>
    <t>POINT (4.821392950329697 51.82387469416427)</t>
  </si>
  <si>
    <t>POINT (4.828604286450517 51.82501006001648)</t>
  </si>
  <si>
    <t>POINT (4.862283416472147 51.832501969031576)</t>
  </si>
  <si>
    <t>POINT (4.8252205796419645 51.82415797436826)</t>
  </si>
  <si>
    <t>POINT (4.828906388423406 51.82515240164058)</t>
  </si>
  <si>
    <t>POINT (4.855763444592425 51.825855241833544)</t>
  </si>
  <si>
    <t>POINT (4.855246512181387 51.82294960641194)</t>
  </si>
  <si>
    <t>POINT (4.826570310644482 51.82759805212658)</t>
  </si>
  <si>
    <t>POINT (4.85577275696839 51.826295721679884)</t>
  </si>
  <si>
    <t>POINT (4.83332935177144 51.82334930997337)</t>
  </si>
  <si>
    <t>POINT (4.843525384400233 51.823039719441105)</t>
  </si>
  <si>
    <t>POINT (4.831323624601425 51.82798918709939)</t>
  </si>
  <si>
    <t>POINT (4.855700845239427 51.82232773480888)</t>
  </si>
  <si>
    <t>POINT (4.8810603664359515 51.8253881077841)</t>
  </si>
  <si>
    <t>POINT (4.838872625840384 51.825148360274056)</t>
  </si>
  <si>
    <t>POINT (4.878065756537831 51.823976617222336)</t>
  </si>
  <si>
    <t>POINT (4.821395043307614 51.82412048712889)</t>
  </si>
  <si>
    <t>POINT (4.877245327835076 51.825977494149186)</t>
  </si>
  <si>
    <t>POINT (4.879676037341565 51.8226712675901)</t>
  </si>
  <si>
    <t>POINT (4.833159967265273 51.82454065180171)</t>
  </si>
  <si>
    <t>POINT (4.8808745319272715 51.82702688228138)</t>
  </si>
  <si>
    <t>POINT (4.889875485222718 51.82375758993757)</t>
  </si>
  <si>
    <t>POINT (4.833902354673044 51.82882691297568)</t>
  </si>
  <si>
    <t>POINT (4.824315560057616 51.82925913088964)</t>
  </si>
  <si>
    <t>POINT (4.837928415714341 51.82499035874748)</t>
  </si>
  <si>
    <t>POINT (4.869069904208056 51.82041375486474)</t>
  </si>
  <si>
    <t>POINT (4.84355948775175 51.822617416225604)</t>
  </si>
  <si>
    <t>POINT (4.826266329360737 51.822413400780235)</t>
  </si>
  <si>
    <t>POINT (4.828098490884941 51.82251782515341)</t>
  </si>
  <si>
    <t>POINT (4.8338403057648 51.826174678584984)</t>
  </si>
  <si>
    <t>POINT (4.854153247256931 51.83076466306657)</t>
  </si>
  <si>
    <t>POINT (4.888009652322449 51.826351995425554)</t>
  </si>
  <si>
    <t>POINT (4.8331654978697465 51.82654881645332)</t>
  </si>
  <si>
    <t>POINT (4.8503613230193166 51.821480212269854)</t>
  </si>
  <si>
    <t>POINT (4.811675056449289 51.82679893000889)</t>
  </si>
  <si>
    <t>POINT (4.821949879293444 51.823558014253265)</t>
  </si>
  <si>
    <t>POINT (4.821121830879639 51.82712247716772)</t>
  </si>
  <si>
    <t>POINT (4.826982707249048 51.828265172968244)</t>
  </si>
  <si>
    <t>POINT (4.8320224518177195 51.827393408158606)</t>
  </si>
  <si>
    <t>POINT (4.835053905282594 51.82426756036079)</t>
  </si>
  <si>
    <t>POINT (4.830302042944725 51.82731020471009)</t>
  </si>
  <si>
    <t>POINT (4.83383582541488 51.82896282962452)</t>
  </si>
  <si>
    <t>POINT (4.884113052916598 51.82613850358424)</t>
  </si>
  <si>
    <t>POINT (4.834045999098084 51.829958257685455)</t>
  </si>
  <si>
    <t>POINT (4.83535855092469 51.83374290789821)</t>
  </si>
  <si>
    <t>POINT (4.838600597893527 51.82604594282833)</t>
  </si>
  <si>
    <t>POINT (4.835207240546483 51.823579678484094)</t>
  </si>
  <si>
    <t>POINT (4.8792064918916696 51.82701068741479)</t>
  </si>
  <si>
    <t>POINT (4.841839264821401 51.8221330440276)</t>
  </si>
  <si>
    <t>POINT (4.829142977216411 51.82514886159759)</t>
  </si>
  <si>
    <t>POINT (4.840518119560206 51.82204651386232)</t>
  </si>
  <si>
    <t>POINT (4.840391799304128 51.822088252496265)</t>
  </si>
  <si>
    <t>POINT (4.835547788269188 51.8309066665231)</t>
  </si>
  <si>
    <t>POINT (4.809845615698596 51.8278709545747)</t>
  </si>
  <si>
    <t>POINT (4.814225230172888 51.82728053584971)</t>
  </si>
  <si>
    <t>POINT (4.8381747751516695 51.83102824622181)</t>
  </si>
  <si>
    <t>POINT (4.8148994730706525 51.82532487821578)</t>
  </si>
  <si>
    <t>POINT (4.8336115232436265 51.827146087756546)</t>
  </si>
  <si>
    <t>POINT (4.836598705781483 51.82996480220393)</t>
  </si>
  <si>
    <t>POINT (4.836490601986769 51.832150000284635)</t>
  </si>
  <si>
    <t>POINT (4.867229109481433 51.8203067410433)</t>
  </si>
  <si>
    <t>POINT (4.850244820620271 51.821149180016874)</t>
  </si>
  <si>
    <t>POINT (4.842947711463526 51.82283030608413)</t>
  </si>
  <si>
    <t>POINT (4.8294513763734495 51.82806120330073)</t>
  </si>
  <si>
    <t>POINT (4.878149264116118 51.82489748394325)</t>
  </si>
  <si>
    <t>POINT (4.839930937680157 51.82519824177182)</t>
  </si>
  <si>
    <t>POINT (4.880781586063099 51.82238840998207)</t>
  </si>
  <si>
    <t>POINT (4.836140486149381 51.82898898728257)</t>
  </si>
  <si>
    <t>POINT (4.844790778668619 51.82998471926303)</t>
  </si>
  <si>
    <t>POINT (4.882441918309344 51.824373033710394)</t>
  </si>
  <si>
    <t>POINT (4.853261752042681 51.82152040730593)</t>
  </si>
  <si>
    <t>POINT (4.877142468925374 51.826093897915236)</t>
  </si>
  <si>
    <t>POINT (4.8218044975686665 51.82358427971834)</t>
  </si>
  <si>
    <t>POINT (4.841942945312088 51.830349044703)</t>
  </si>
  <si>
    <t>POINT (4.883038339962112 51.82301114094564)</t>
  </si>
  <si>
    <t>POINT (4.843178163173217 51.82657060440126)</t>
  </si>
  <si>
    <t>POINT (4.88520524390351 51.82111306578159)</t>
  </si>
  <si>
    <t>POINT (4.843031409358807 51.825509277373975)</t>
  </si>
  <si>
    <t>POINT (4.88254462831843 51.828538560919995)</t>
  </si>
  <si>
    <t>POINT (4.856437281106185 51.82590884196141)</t>
  </si>
  <si>
    <t>POINT (4.8423988378876475 51.825038939485154)</t>
  </si>
  <si>
    <t>POINT (4.8403866807997336 51.822870096620115)</t>
  </si>
  <si>
    <t>POINT (4.855720321041951 51.823110490070945)</t>
  </si>
  <si>
    <t>POINT (4.883666795740579 51.822499695647274)</t>
  </si>
  <si>
    <t>POINT (4.836178893256279 51.831913101072274)</t>
  </si>
  <si>
    <t>POINT (4.82579240988305 51.82314263198968)</t>
  </si>
  <si>
    <t>POINT (4.8518372466253545 51.825441906207)</t>
  </si>
  <si>
    <t>POINT (4.851648528043628 51.83069238417067)</t>
  </si>
  <si>
    <t>POINT (4.880633143307907 51.8261508725083)</t>
  </si>
  <si>
    <t>POINT (4.811746505598078 51.82829816617571)</t>
  </si>
  <si>
    <t>POINT (4.8151622835231755 51.827418010638645)</t>
  </si>
  <si>
    <t>POINT (4.888450459970938 51.82407513017923)</t>
  </si>
  <si>
    <t>POINT (4.844802558806592 51.827800561355865)</t>
  </si>
  <si>
    <t>POINT (4.812872954541008 51.827367084821034)</t>
  </si>
  <si>
    <t>POINT (4.882220328530947 51.82732031140348)</t>
  </si>
  <si>
    <t>POINT (4.88457102793327 51.82405664166637)</t>
  </si>
  <si>
    <t>POINT (4.885770101384197 51.823794056055114)</t>
  </si>
  <si>
    <t>POINT (4.818353081988302 51.82811580992741)</t>
  </si>
  <si>
    <t>POINT (4.840076514146571 51.82874040248558)</t>
  </si>
  <si>
    <t>POINT (4.83649628301352 51.83087192079674)</t>
  </si>
  <si>
    <t>POINT (4.833145171079001 51.82459615810866)</t>
  </si>
  <si>
    <t>POINT (4.8279611598018475 51.82423398303522)</t>
  </si>
  <si>
    <t>POINT (4.813500806168992 51.82411026778094)</t>
  </si>
  <si>
    <t>POINT (4.837134002444322 51.824247133814914)</t>
  </si>
  <si>
    <t>POINT (4.885088040175873 51.823070990179325)</t>
  </si>
  <si>
    <t>POINT (4.844393474270608 51.825632434564085)</t>
  </si>
  <si>
    <t>POINT (4.840517250611152 51.827088565916)</t>
  </si>
  <si>
    <t>POINT (4.88172724611497 51.82601485567348)</t>
  </si>
  <si>
    <t>POINT (4.83589413722869 51.82386636023667)</t>
  </si>
  <si>
    <t>POINT (4.826179669980237 51.82401874548403)</t>
  </si>
  <si>
    <t>POINT (4.831186197497568 51.82854582558894)</t>
  </si>
  <si>
    <t>POINT (4.887307680512325 51.821175969362116)</t>
  </si>
  <si>
    <t>POINT (4.8724980848416095 51.82122881568036)</t>
  </si>
  <si>
    <t>POINT (4.836422404500363 51.82623349071444)</t>
  </si>
  <si>
    <t>POINT (4.843732145044512 51.82153060287455)</t>
  </si>
  <si>
    <t>POINT (4.825259919450102 51.82914680422428)</t>
  </si>
  <si>
    <t>POINT (4.833984411563203 51.82887016602945)</t>
  </si>
  <si>
    <t>POINT (4.817897279022741 51.842378411429834)</t>
  </si>
  <si>
    <t>POINT (4.834841484244669 51.82858105884999)</t>
  </si>
  <si>
    <t>POINT (4.855258494683568 51.8268506809226)</t>
  </si>
  <si>
    <t>3371KH</t>
  </si>
  <si>
    <t>Griendaak</t>
  </si>
  <si>
    <t>POINT (4.850621774381102 51.826407117488955)</t>
  </si>
  <si>
    <t>POINT (4.831184977727833 51.82864469372154)</t>
  </si>
  <si>
    <t>POINT (4.815949217859803 51.822855892532736)</t>
  </si>
  <si>
    <t>POINT (4.8317731015914225 51.8232992967417)</t>
  </si>
  <si>
    <t>POINT (4.820582090575352 51.82777337633459)</t>
  </si>
  <si>
    <t>POINT (4.835265804565538 51.83302338955259)</t>
  </si>
  <si>
    <t>POINT (4.845186453708573 51.82362266744143)</t>
  </si>
  <si>
    <t>POINT (4.890988813431147 51.82276457728965)</t>
  </si>
  <si>
    <t>POINT (4.891540599859048 51.82351201969713)</t>
  </si>
  <si>
    <t>POINT (4.884049822214275 51.82197101591639)</t>
  </si>
  <si>
    <t>POINT (4.839874407522325 51.82310906930614)</t>
  </si>
  <si>
    <t>POINT (4.8552803985133535 51.827453011243165)</t>
  </si>
  <si>
    <t>POINT (4.810501016558635 51.82830468292581)</t>
  </si>
  <si>
    <t>POINT (4.820025802308546 51.82891489569452)</t>
  </si>
  <si>
    <t>POINT (4.824734378934681 51.823598355725075)</t>
  </si>
  <si>
    <t>POINT (4.883912923520449 51.82643771804969)</t>
  </si>
  <si>
    <t>POINT (4.832635949858142 51.82390560872763)</t>
  </si>
  <si>
    <t>POINT (4.882018461746133 51.82332854486695)</t>
  </si>
  <si>
    <t>POINT (4.826065410244519 51.82737092615806)</t>
  </si>
  <si>
    <t>POINT (4.881529633024292 51.82423427971068)</t>
  </si>
  <si>
    <t>POINT (4.824764696777796 51.8223311157894)</t>
  </si>
  <si>
    <t>POINT (4.827287283936921 51.82476502268475)</t>
  </si>
  <si>
    <t>POINT (4.82526386918068 51.82417615870617)</t>
  </si>
  <si>
    <t>POINT (4.883534443613727 51.82393635468377)</t>
  </si>
  <si>
    <t>POINT (4.824571366470725 51.828523296803674)</t>
  </si>
  <si>
    <t>POINT (4.836639922854703 51.83098944543462)</t>
  </si>
  <si>
    <t>POINT (4.841674900005556 51.82492771492426)</t>
  </si>
  <si>
    <t>POINT (4.8291330608960985 51.82532882798939)</t>
  </si>
  <si>
    <t>POINT (4.879589012290554 51.82267089129174)</t>
  </si>
  <si>
    <t>POINT (4.886560003106886 51.824124060959605)</t>
  </si>
  <si>
    <t>POINT (4.853684807670361 51.821315594753024)</t>
  </si>
  <si>
    <t>POINT (4.895343004006454 51.8251738443991)</t>
  </si>
  <si>
    <t>POINT (4.877309246170169 51.8254564381408)</t>
  </si>
  <si>
    <t>POINT (4.815746704450096 51.82366663606149)</t>
  </si>
  <si>
    <t>POINT (4.827707442238071 51.82597655139031)</t>
  </si>
  <si>
    <t>POINT (4.870365620500186 51.83137646753172)</t>
  </si>
  <si>
    <t>POINT (4.837974465464982 51.82624076273376)</t>
  </si>
  <si>
    <t>POINT (4.878904376920043 51.82292859555549)</t>
  </si>
  <si>
    <t>POINT (4.832603911943627 51.827523236630775)</t>
  </si>
  <si>
    <t>POINT (4.835126208128827 51.824285877516395)</t>
  </si>
  <si>
    <t>POINT (4.8491062649093735 51.82819788574226)</t>
  </si>
  <si>
    <t>POINT (4.821391593344116 51.82370777925801)</t>
  </si>
  <si>
    <t>POINT (4.829573759465306 51.82545677090172)</t>
  </si>
  <si>
    <t>POINT (4.833939703990725 51.829083828535516)</t>
  </si>
  <si>
    <t>POINT (4.884497930657403 51.82414032626774)</t>
  </si>
  <si>
    <t>POINT (4.826733226093856 51.82732917383292)</t>
  </si>
  <si>
    <t>POINT (4.822019166685549 51.822659492963886)</t>
  </si>
  <si>
    <t>POINT (4.879081467509222 51.82265970685674)</t>
  </si>
  <si>
    <t>POINT (4.841173305148237 51.823226549528385)</t>
  </si>
  <si>
    <t>POINT (4.838004680679455 51.826142030210534)</t>
  </si>
  <si>
    <t>POINT (4.817469477543409 51.82801265076951)</t>
  </si>
  <si>
    <t>POINT (4.826121651954091 51.82401846817493)</t>
  </si>
  <si>
    <t>POINT (4.8799630866442785 51.822942163728975)</t>
  </si>
  <si>
    <t>POINT (4.850725997357879 51.83068866638366)</t>
  </si>
  <si>
    <t>POINT (4.827055795180428 51.82822057904127)</t>
  </si>
  <si>
    <t>POINT (4.850739137251078 51.82093782778331)</t>
  </si>
  <si>
    <t>POINT (4.841905998648425 51.825009685499346)</t>
  </si>
  <si>
    <t>POINT (4.882667806536048 51.82809914797962)</t>
  </si>
  <si>
    <t>POINT (4.821960746591924 51.82847480133185)</t>
  </si>
  <si>
    <t>POINT (4.89010034596311 51.82252376426463)</t>
  </si>
  <si>
    <t>POINT (4.887075266931521 51.822514267304086)</t>
  </si>
  <si>
    <t>POINT (4.8429250596237114 51.82710874303516)</t>
  </si>
  <si>
    <t>POINT (4.836577283313873 51.831366669950306)</t>
  </si>
  <si>
    <t>POINT (4.832933240791147 51.82921923903573)</t>
  </si>
  <si>
    <t>POINT (4.817540594927746 51.82238616361214)</t>
  </si>
  <si>
    <t>POINT (4.827039948751654 51.82832836591021)</t>
  </si>
  <si>
    <t>POINT (4.814021975992581 51.82455246196151)</t>
  </si>
  <si>
    <t>POINT (4.8773345285208825 51.82450376566374)</t>
  </si>
  <si>
    <t>POINT (4.818848093111229 51.82797439089633)</t>
  </si>
  <si>
    <t>POINT (4.888421167176464 51.82596073126239)</t>
  </si>
  <si>
    <t>POINT (4.827171908273232 51.822378579781756)</t>
  </si>
  <si>
    <t>POINT (4.88673056048869 51.8222071888195)</t>
  </si>
  <si>
    <t>POINT (4.8399856407622215 51.82312629760489)</t>
  </si>
  <si>
    <t>3371AV</t>
  </si>
  <si>
    <t>Stationsdwarsstraat</t>
  </si>
  <si>
    <t>POINT (4.835621383296032 51.830049856900295)</t>
  </si>
  <si>
    <t>POINT (4.8338199373912785 51.82747798341814)</t>
  </si>
  <si>
    <t>POINT (4.89043601159962 51.82422736564318)</t>
  </si>
  <si>
    <t>POINT (4.8331371488539405 51.827003439751046)</t>
  </si>
  <si>
    <t>POINT (4.885416889398449 51.824250960656116)</t>
  </si>
  <si>
    <t>POINT (4.82134342075451 51.82371013574455)</t>
  </si>
  <si>
    <t>POINT (4.830211702674451 51.824055924230116)</t>
  </si>
  <si>
    <t>POINT (4.833136920463251 51.82702201798046)</t>
  </si>
  <si>
    <t>POINT (4.8297441693941705 51.823154850448)</t>
  </si>
  <si>
    <t>POINT (4.829009111448911 51.82980287758024)</t>
  </si>
  <si>
    <t>POINT (4.832896141656568 51.82448395595879)</t>
  </si>
  <si>
    <t>POINT (4.8467225266649105 51.83221379441587)</t>
  </si>
  <si>
    <t>POINT (4.8253651770004025 51.824194620740236)</t>
  </si>
  <si>
    <t>POINT (4.830554188208111 51.82686197367207)</t>
  </si>
  <si>
    <t>POINT (4.883263393194017 51.82225527468735)</t>
  </si>
  <si>
    <t>POINT (4.840319190780823 51.83026059490393)</t>
  </si>
  <si>
    <t>POINT (4.881953294181263 51.82267210304714)</t>
  </si>
  <si>
    <t>POINT (4.845893365382609 51.82635844310648)</t>
  </si>
  <si>
    <t>POINT (4.8781704250476485 51.824983784521955)</t>
  </si>
  <si>
    <t>POINT (4.831795005384794 51.82858466175184)</t>
  </si>
  <si>
    <t>POINT (4.824772506558907 51.827517543944076)</t>
  </si>
  <si>
    <t>POINT (4.824133565048966 51.826408890039666)</t>
  </si>
  <si>
    <t>POINT (4.8552820957561105 51.827309202563605)</t>
  </si>
  <si>
    <t>POINT (4.833865781116626 51.827704575815275)</t>
  </si>
  <si>
    <t>POINT (4.835101792306184 51.824245871543624)</t>
  </si>
  <si>
    <t>POINT (4.878771304139726 51.82315273208209)</t>
  </si>
  <si>
    <t>POINT (4.8367978343445275 51.82993852770791)</t>
  </si>
  <si>
    <t>POINT (4.831355740052489 51.827737660109634)</t>
  </si>
  <si>
    <t>POINT (4.825838918412759 51.82692041614867)</t>
  </si>
  <si>
    <t>POINT (4.828741066314219 51.824507352425)</t>
  </si>
  <si>
    <t>POINT (4.844423245745975 51.83038750424229)</t>
  </si>
  <si>
    <t>POINT (4.8391333707959046 51.82994945472228)</t>
  </si>
  <si>
    <t>POINT (4.824205507994267 51.82529465554732)</t>
  </si>
  <si>
    <t>POINT (4.823854555260011 51.82319864038114)</t>
  </si>
  <si>
    <t>POINT (4.814295142588981 51.828812669661886)</t>
  </si>
  <si>
    <t>POINT (4.886221044225995 51.82151626177177)</t>
  </si>
  <si>
    <t>POINT (4.833640092724522 51.827182176632576)</t>
  </si>
  <si>
    <t>POINT (4.822834294044959 51.82474875813593)</t>
  </si>
  <si>
    <t>POINT (4.828561259588237 51.827771135167545)</t>
  </si>
  <si>
    <t>POINT (4.8212859879678565 51.82394863966767)</t>
  </si>
  <si>
    <t>POINT (4.831687598926372 51.82788304762175)</t>
  </si>
  <si>
    <t>POINT (4.886647261233327 51.82317759262162)</t>
  </si>
  <si>
    <t>POINT (4.81437085060853 51.827535811262955)</t>
  </si>
  <si>
    <t>POINT (4.8365245740666305 51.83201630245384)</t>
  </si>
  <si>
    <t>POINT (4.837602593828715 51.82937602058356)</t>
  </si>
  <si>
    <t>POINT (4.83016423687941 51.82320178737686)</t>
  </si>
  <si>
    <t>POINT (4.8881572823069375 51.8243525278686)</t>
  </si>
  <si>
    <t>POINT (4.844625994577196 51.8268020185846)</t>
  </si>
  <si>
    <t>POINT (4.833738808195832 51.82859384230814)</t>
  </si>
  <si>
    <t>POINT (4.823472277600983 51.824769800864885)</t>
  </si>
  <si>
    <t>POINT (4.855134009994739 51.821421046616706)</t>
  </si>
  <si>
    <t>POINT (4.833991656772731 51.827938385648494)</t>
  </si>
  <si>
    <t>POINT (4.8451499452004825 51.82183378047871)</t>
  </si>
  <si>
    <t>POINT (4.8333115203468955 51.824618614539126)</t>
  </si>
  <si>
    <t>POINT (4.822822179345054 51.82224089491278)</t>
  </si>
  <si>
    <t>POINT (4.878511319412025 51.82117685604149)</t>
  </si>
  <si>
    <t>POINT (4.837217099356931 51.8324903050991)</t>
  </si>
  <si>
    <t>POINT (4.883872594643158 51.824072408023774)</t>
  </si>
  <si>
    <t>POINT (4.878192833830869 51.82490178961422)</t>
  </si>
  <si>
    <t>POINT (4.878769986202948 51.82326957704571)</t>
  </si>
  <si>
    <t>POINT (4.836399916198468 51.834008465559016)</t>
  </si>
  <si>
    <t>POINT (4.893828271074714 51.82446019164917)</t>
  </si>
  <si>
    <t>POINT (4.812284828047137 51.8272344651268)</t>
  </si>
  <si>
    <t>POINT (4.886425151055672 51.82097446036176)</t>
  </si>
  <si>
    <t>POINT (4.83588660438294 51.82378609315478)</t>
  </si>
  <si>
    <t>POINT (4.83575513095462 51.82978981779235)</t>
  </si>
  <si>
    <t>POINT (4.829772020749989 51.8284092614619)</t>
  </si>
  <si>
    <t>POINT (4.840171350350995 51.828003784852356)</t>
  </si>
  <si>
    <t>POINT (4.877994248944066 51.823886421922346)</t>
  </si>
  <si>
    <t>POINT (4.831858796156193 51.82458506368913)</t>
  </si>
  <si>
    <t>POINT (4.886027971196398 51.822779455801864)</t>
  </si>
  <si>
    <t>POINT (4.833881198369034 51.82659650568203)</t>
  </si>
  <si>
    <t>POINT (4.853558790531347 51.83073499681388)</t>
  </si>
  <si>
    <t>POINT (4.8347572555393565 51.82495508220223)</t>
  </si>
  <si>
    <t>POINT (4.826771058067667 51.82556767203414)</t>
  </si>
  <si>
    <t>POINT (4.881108822654606 51.825337100174295)</t>
  </si>
  <si>
    <t>POINT (4.888463870676037 51.82417406072908)</t>
  </si>
  <si>
    <t>POINT (4.830483693225332 51.82904585420321)</t>
  </si>
  <si>
    <t>POINT (4.835970993051381 51.8240022144186)</t>
  </si>
  <si>
    <t>POINT (4.826393290162572 51.82550287613243)</t>
  </si>
  <si>
    <t>POINT (4.846749207159376 51.82642528825076)</t>
  </si>
  <si>
    <t>POINT (4.880197926150782 51.826565548096504)</t>
  </si>
  <si>
    <t>3371KE</t>
  </si>
  <si>
    <t>Wilgehout</t>
  </si>
  <si>
    <t>POINT (4.850481780141977 51.82664795427273)</t>
  </si>
  <si>
    <t>POINT (4.824342985479971 51.82357850249586)</t>
  </si>
  <si>
    <t>POINT (4.812036706865537 51.825172740820726)</t>
  </si>
  <si>
    <t>POINT (4.846278850758327 51.82133261915408)</t>
  </si>
  <si>
    <t>POINT (4.88000755191904 51.82414681648889)</t>
  </si>
  <si>
    <t>POINT (4.825260479809637 51.82910186420367)</t>
  </si>
  <si>
    <t>POINT (4.839536752315874 51.82287799005774)</t>
  </si>
  <si>
    <t>POINT (4.825394634239986 51.82415880754685)</t>
  </si>
  <si>
    <t>POINT (4.83504095456731 51.83242908923671)</t>
  </si>
  <si>
    <t>POINT (4.8237608901973985 51.82256899243023)</t>
  </si>
  <si>
    <t>POINT (4.839187610316517 51.824295920265435)</t>
  </si>
  <si>
    <t>POINT (4.878788871959259 51.82673922420082)</t>
  </si>
  <si>
    <t>POINT (4.844058683402923 51.82332083289276)</t>
  </si>
  <si>
    <t>POINT (4.827025442855979 51.82832829668995)</t>
  </si>
  <si>
    <t>POINT (4.823960333810777 51.84401788404751)</t>
  </si>
  <si>
    <t>POINT (4.8399653676712715 51.82953087513972)</t>
  </si>
  <si>
    <t>POINT (4.827571544882909 51.82407033236099)</t>
  </si>
  <si>
    <t>POINT (4.8370781023871405 51.825993874947706)</t>
  </si>
  <si>
    <t>POINT (4.830336110561233 51.82531140484771)</t>
  </si>
  <si>
    <t>POINT (4.890128703216616 51.8231564325452)</t>
  </si>
  <si>
    <t>POINT (4.8213223149468325 51.823930864668576)</t>
  </si>
  <si>
    <t>POINT (4.81425721323046 51.82851321082509)</t>
  </si>
  <si>
    <t>POINT (4.833515787719207 51.82477329124681)</t>
  </si>
  <si>
    <t>POINT (4.879445541661911 51.82510615755863)</t>
  </si>
  <si>
    <t>POINT (4.842016681911958 51.821855223540425)</t>
  </si>
  <si>
    <t>POINT (4.83559769591234 51.82605883607256)</t>
  </si>
  <si>
    <t>POINT (4.837150518518384 51.82600320283531)</t>
  </si>
  <si>
    <t>POINT (4.814636185419748 51.82654725966405)</t>
  </si>
  <si>
    <t>POINT (4.83669462452454 51.82921094337886)</t>
  </si>
  <si>
    <t>POINT (4.826226723660872 51.82839639086395)</t>
  </si>
  <si>
    <t>POINT (4.8837413241014795 51.82232024510193)</t>
  </si>
  <si>
    <t>POINT (4.840251571461926 51.826269371789685)</t>
  </si>
  <si>
    <t>POINT (4.83691372418405 51.833516505998)</t>
  </si>
  <si>
    <t>POINT (4.826096282322003 51.82838677890618)</t>
  </si>
  <si>
    <t>POINT (4.8275920656583855 51.828259090888025)</t>
  </si>
  <si>
    <t>POINT (4.829870763595729 51.82464754976588)</t>
  </si>
  <si>
    <t>POINT (4.878401992716287 51.82631508804831)</t>
  </si>
  <si>
    <t>POINT (4.828451988584266 51.82550289605259)</t>
  </si>
  <si>
    <t>POINT (4.847255456144277 51.822118165343234)</t>
  </si>
  <si>
    <t>POINT (4.828909491950234 51.822620559323354)</t>
  </si>
  <si>
    <t>POINT (4.844600482176412 51.82701977365051)</t>
  </si>
  <si>
    <t>POINT (4.839976174887616 51.823165236762684)</t>
  </si>
  <si>
    <t>POINT (4.8329973463228315 51.824006189521505)</t>
  </si>
  <si>
    <t>POINT (4.864114218846353 51.82000526826128)</t>
  </si>
  <si>
    <t>POINT (4.839730882992903 51.82308612639333)</t>
  </si>
  <si>
    <t>POINT (4.824590841057109 51.82928741614954)</t>
  </si>
  <si>
    <t>POINT (4.819187981402626 51.82547342672097)</t>
  </si>
  <si>
    <t>POINT (4.882210446848222 51.82431810710255)</t>
  </si>
  <si>
    <t>POINT (4.832609358326277 51.82765474668736)</t>
  </si>
  <si>
    <t>POINT (4.839499454870196 51.822070240793984)</t>
  </si>
  <si>
    <t>POINT (4.827205531708233 51.829012284948966)</t>
  </si>
  <si>
    <t>POINT (4.821102415920441 51.82635835713521)</t>
  </si>
  <si>
    <t>POINT (4.822641040171784 51.82280630243516)</t>
  </si>
  <si>
    <t>POINT (4.872525401059304 51.82236923689254)</t>
  </si>
  <si>
    <t>POINT (4.887512981578771 51.82228243018547)</t>
  </si>
  <si>
    <t>POINT (4.820310600414453 51.82462250564476)</t>
  </si>
  <si>
    <t>POINT (4.837101372336184 51.830029835784416)</t>
  </si>
  <si>
    <t>POINT (4.828919320525915 51.822998124960776)</t>
  </si>
  <si>
    <t>POINT (4.8511947299270695 51.830679284176846)</t>
  </si>
  <si>
    <t>POINT (4.827701794972379 51.82366784400558)</t>
  </si>
  <si>
    <t>POINT (4.8790664875522936 51.82527529907298)</t>
  </si>
  <si>
    <t>POINT (4.828512757791415 51.82303214474818)</t>
  </si>
  <si>
    <t>POINT (4.839012977422579 51.82293879745004)</t>
  </si>
  <si>
    <t>POINT (4.83147248852496 51.82415178542494)</t>
  </si>
  <si>
    <t>POINT (4.83405835320893 51.82940560193986)</t>
  </si>
  <si>
    <t>POINT (4.841756381816144 51.82538650881023)</t>
  </si>
  <si>
    <t>POINT (4.836423859197242 51.83086259249988)</t>
  </si>
  <si>
    <t>POINT (4.828914883950189 51.82804067597011)</t>
  </si>
  <si>
    <t>POINT (4.838691171887165 51.82456325765699)</t>
  </si>
  <si>
    <t>POINT (4.840824358859778 51.82568778452364)</t>
  </si>
  <si>
    <t>POINT (4.836670583421249 51.83085476125529)</t>
  </si>
  <si>
    <t>POINT (4.827796025668472 51.82234560167892)</t>
  </si>
  <si>
    <t>POINT (4.842936680129719 51.822542621782276)</t>
  </si>
  <si>
    <t>POINT (4.826862736798356 51.823168581743445)</t>
  </si>
  <si>
    <t>POINT (4.881198951406996 51.8239721879368)</t>
  </si>
  <si>
    <t>POINT (4.821347515980003 51.82375250952936)</t>
  </si>
  <si>
    <t>POINT (4.828073506830597 51.823362629415826)</t>
  </si>
  <si>
    <t>POINT (4.8204170140779405 51.82895273937225)</t>
  </si>
  <si>
    <t>POINT (4.839718370624183 51.825979253094964)</t>
  </si>
  <si>
    <t>POINT (4.841509942699319 51.82987344513916)</t>
  </si>
  <si>
    <t>POINT (4.835102866035495 51.83092829567256)</t>
  </si>
  <si>
    <t>POINT (4.835366993174554 51.83035471191138)</t>
  </si>
  <si>
    <t>POINT (4.812320600073728 51.82881303876977)</t>
  </si>
  <si>
    <t>POINT (4.815522883784958 51.827420432475954)</t>
  </si>
  <si>
    <t>POINT (4.842670983473179 51.82172343266126)</t>
  </si>
  <si>
    <t>POINT (4.813204385119696 51.82866543905994)</t>
  </si>
  <si>
    <t>POINT (4.879026763042272 51.8208950156353)</t>
  </si>
  <si>
    <t>POINT (4.835635559747806 51.83007688910663)</t>
  </si>
  <si>
    <t>POINT (4.85872789808692 51.83086259284004)</t>
  </si>
  <si>
    <t>POINT (4.8292250789936055 51.82533639333899)</t>
  </si>
  <si>
    <t>POINT (4.881101813230427 51.82099657149726)</t>
  </si>
  <si>
    <t>POINT (4.829059278652382 51.82458077426326)</t>
  </si>
  <si>
    <t>POINT (4.855724669261178 51.82540999948011)</t>
  </si>
  <si>
    <t>POINT (4.824465111191934 51.82890030623828)</t>
  </si>
  <si>
    <t>POINT (4.830454722313788 51.82587289737607)</t>
  </si>
  <si>
    <t>POINT (4.889478488594623 51.822928964706215)</t>
  </si>
  <si>
    <t>3371GX</t>
  </si>
  <si>
    <t>Den Bout</t>
  </si>
  <si>
    <t>POINT (4.883009369511081 51.8324842993934)</t>
  </si>
  <si>
    <t>BU05230308</t>
  </si>
  <si>
    <t>Tienmorgen rijksweg</t>
  </si>
  <si>
    <t>POINT (4.8118079649025365 51.826509035600424)</t>
  </si>
  <si>
    <t>POINT (4.817936438728694 51.82549812273042)</t>
  </si>
  <si>
    <t>POINT (4.837079671846306 51.83299594908079)</t>
  </si>
  <si>
    <t>POINT (4.8393559423818235 51.831927970087506)</t>
  </si>
  <si>
    <t>POINT (4.835858756531811 51.83080600867926)</t>
  </si>
  <si>
    <t>POINT (4.855251945331626 51.82617651193767)</t>
  </si>
  <si>
    <t>POINT (4.827155729212837 51.82251333078669)</t>
  </si>
  <si>
    <t>POINT (4.839732845380013 51.8283702704475)</t>
  </si>
  <si>
    <t>POINT (4.837091839639426 51.82605685907908)</t>
  </si>
  <si>
    <t>POINT (4.817883743281353 51.82871783461083)</t>
  </si>
  <si>
    <t>POINT (4.84710534159411 51.830535448263234)</t>
  </si>
  <si>
    <t>POINT (4.827317394641679 51.822343319638996)</t>
  </si>
  <si>
    <t>POINT (4.837338428988553 51.8245656746149)</t>
  </si>
  <si>
    <t>POINT (4.840104669352446 51.82522601721778)</t>
  </si>
  <si>
    <t>POINT (4.881706198977227 51.82530467284574)</t>
  </si>
  <si>
    <t>POINT (4.839844017349601 51.82518884796569)</t>
  </si>
  <si>
    <t>POINT (4.873250764031578 51.8315419382587)</t>
  </si>
  <si>
    <t>POINT (4.826704997392065 51.82726611926032)</t>
  </si>
  <si>
    <t>POINT (4.891504120511037 51.82470827159096)</t>
  </si>
  <si>
    <t>POINT (4.880735179277987 51.82506898837398)</t>
  </si>
  <si>
    <t>POINT (4.839650034465648 51.82308352012716)</t>
  </si>
  <si>
    <t>POINT (4.8332536294534485 51.82332260723183)</t>
  </si>
  <si>
    <t>POINT (4.844013593497311 51.822772620236314)</t>
  </si>
  <si>
    <t>POINT (4.882735270488905 51.82667535289076)</t>
  </si>
  <si>
    <t>POINT (4.829705345035762 51.828398913622976)</t>
  </si>
  <si>
    <t>POINT (4.854915283106387 51.82179928999926)</t>
  </si>
  <si>
    <t>POINT (4.825470063517719 51.828581531911325)</t>
  </si>
  <si>
    <t>POINT (4.835900634598497 51.829754547064525)</t>
  </si>
  <si>
    <t>POINT (4.884551390208726 51.82511914307645)</t>
  </si>
  <si>
    <t>POINT (4.839311546922781 51.83199967112998)</t>
  </si>
  <si>
    <t>POINT (4.839044203704029 51.824160422618796)</t>
  </si>
  <si>
    <t>POINT (4.839367935626079 51.83270167763997)</t>
  </si>
  <si>
    <t>POINT (4.83330316985122 51.82463003552458)</t>
  </si>
  <si>
    <t>POINT (4.833858249424332 51.828852070732836)</t>
  </si>
  <si>
    <t>POINT (4.839115126394699 51.82893266779266)</t>
  </si>
  <si>
    <t>POINT (4.827183942312591 51.82474196845772)</t>
  </si>
  <si>
    <t>POINT (4.838967493986096 51.829274540353644)</t>
  </si>
  <si>
    <t>POINT (4.828883026773666 51.82592821743406)</t>
  </si>
  <si>
    <t>3371PE</t>
  </si>
  <si>
    <t>POINT (4.84010750589048 51.82499232852184)</t>
  </si>
  <si>
    <t>POINT (4.809832637678433 51.82832347332897)</t>
  </si>
  <si>
    <t>POINT (4.87986763991027 51.82626750034313)</t>
  </si>
  <si>
    <t>POINT (4.824805891476008 51.8236795952991)</t>
  </si>
  <si>
    <t>POINT (4.835146028720271 51.83214195040635)</t>
  </si>
  <si>
    <t>POINT (4.844331119185639 51.829605076386734)</t>
  </si>
  <si>
    <t>POINT (4.836476056727881 51.83015274337349)</t>
  </si>
  <si>
    <t>POINT (4.839424218394886 51.828620563543154)</t>
  </si>
  <si>
    <t>POINT (4.877187510302337 51.82595926594482)</t>
  </si>
  <si>
    <t>POINT (4.888032241556494 51.82254530621845)</t>
  </si>
  <si>
    <t>POINT (4.839624241852085 51.826563068775506)</t>
  </si>
  <si>
    <t>POINT (4.846491274471827 51.8321408213598)</t>
  </si>
  <si>
    <t>POINT (4.832918071329454 51.82927309862437)</t>
  </si>
  <si>
    <t>POINT (4.836078567096448 51.824694837016246)</t>
  </si>
  <si>
    <t>POINT (4.821469027677749 51.822575945794185)</t>
  </si>
  <si>
    <t>POINT (4.837428971630585 51.82463948113132)</t>
  </si>
  <si>
    <t>POINT (4.8260732758045455 51.82331709439018)</t>
  </si>
  <si>
    <t>POINT (4.823923701988953 51.82534125750507)</t>
  </si>
  <si>
    <t>POINT (4.838196313949642 51.82589124762261)</t>
  </si>
  <si>
    <t>POINT (4.836309821835971 51.82428126328929)</t>
  </si>
  <si>
    <t>POINT (4.9105409905540105 51.831034115061584)</t>
  </si>
  <si>
    <t>POINT (4.831604921887679 51.82282210804346)</t>
  </si>
  <si>
    <t>POINT (4.840425307461135 51.826297146763565)</t>
  </si>
  <si>
    <t>POINT (4.885030469643598 51.823781905771966)</t>
  </si>
  <si>
    <t>POINT (4.825134586868717 51.82756422089343)</t>
  </si>
  <si>
    <t>POINT (4.824644265842238 51.829656202347394)</t>
  </si>
  <si>
    <t>POINT (4.84030272123718 51.82922683721804)</t>
  </si>
  <si>
    <t>POINT (4.826329530004483 51.82277103348428)</t>
  </si>
  <si>
    <t>POINT (4.839346043441773 51.825582020452444)</t>
  </si>
  <si>
    <t>POINT (4.844022557451993 51.82298808993861)</t>
  </si>
  <si>
    <t>POINT (4.8839607493868975 51.824304446824776)</t>
  </si>
  <si>
    <t>POINT (4.8441294523628144 51.8270783669376)</t>
  </si>
  <si>
    <t>POINT (4.826184194749263 51.82408174984805)</t>
  </si>
  <si>
    <t>POINT (4.828083711434497 51.82366372236603)</t>
  </si>
  <si>
    <t>POINT (4.849033876169929 51.8306154670981)</t>
  </si>
  <si>
    <t>POINT (4.91267074986793 51.83543811079986)</t>
  </si>
  <si>
    <t>POINT (4.8323269590685305 51.827796186110035)</t>
  </si>
  <si>
    <t>POINT (4.829490193359883 51.82492438703509)</t>
  </si>
  <si>
    <t>POINT (4.84462740119066 51.826685174188654)</t>
  </si>
  <si>
    <t>POINT (4.840617581927516 51.825992432050924)</t>
  </si>
  <si>
    <t>POINT (4.84158253969434 51.825367723836024)</t>
  </si>
  <si>
    <t>POINT (4.817570297328702 51.82756974400008)</t>
  </si>
  <si>
    <t>POINT (4.811885233656981 51.82567535751946)</t>
  </si>
  <si>
    <t>POINT (4.857886321923811 51.83072249050742)</t>
  </si>
  <si>
    <t>POINT (4.823342024455738 51.82359230476784)</t>
  </si>
  <si>
    <t>POINT (4.844732237234578 51.82936923799771)</t>
  </si>
  <si>
    <t>POINT (4.885578039008754 51.821501165480726)</t>
  </si>
  <si>
    <t>POINT (4.887145846549725 51.82138201578373)</t>
  </si>
  <si>
    <t>POINT (4.841143036303298 51.831711582945836)</t>
  </si>
  <si>
    <t>POINT (4.813923477534489 51.82225942319311)</t>
  </si>
  <si>
    <t>POINT (4.827922671627923 51.823651063336484)</t>
  </si>
  <si>
    <t>POINT (4.840286144636285 51.82461564247761)</t>
  </si>
  <si>
    <t>POINT (4.855247992467025 51.8277404971332)</t>
  </si>
  <si>
    <t>POINT (4.816411611651677 51.823342454193266)</t>
  </si>
  <si>
    <t>POINT (4.810494349048831 51.82840740728882)</t>
  </si>
  <si>
    <t>POINT (4.821653979023019 51.82864410614899)</t>
  </si>
  <si>
    <t>POINT (4.83829117714159 51.83120391407265)</t>
  </si>
  <si>
    <t>POINT (4.82580283657064 51.82299375961515)</t>
  </si>
  <si>
    <t>POINT (4.882042534873746 51.82376908550141)</t>
  </si>
  <si>
    <t>POINT (4.824662559453912 51.828263875097605)</t>
  </si>
  <si>
    <t>POINT (4.817415431602299 51.82769778929882)</t>
  </si>
  <si>
    <t>POINT (4.877270139324917 51.82378440492261)</t>
  </si>
  <si>
    <t>POINT (4.840715525198839 51.829440457497256)</t>
  </si>
  <si>
    <t>POINT (4.887421984879966 51.824895757005066)</t>
  </si>
  <si>
    <t>POINT (4.849613542494883 51.828236163998056)</t>
  </si>
  <si>
    <t>POINT (4.8306530746634495 51.82649333715301)</t>
  </si>
  <si>
    <t>POINT (4.836624724365271 51.83342087034094)</t>
  </si>
  <si>
    <t>POINT (4.884135200550287 51.82341853205784)</t>
  </si>
  <si>
    <t>POINT (4.810433414754881 51.828762650055566)</t>
  </si>
  <si>
    <t>POINT (4.827389206709131 51.828240146581635)</t>
  </si>
  <si>
    <t>POINT (4.836152220116332 51.82366666924572)</t>
  </si>
  <si>
    <t>POINT (4.841011041111285 51.82193575073292)</t>
  </si>
  <si>
    <t>POINT (4.853533572805732 51.82666551724105)</t>
  </si>
  <si>
    <t>POINT (4.8838447106083045 51.82345324081407)</t>
  </si>
  <si>
    <t>POINT (4.829296582590534 51.8241594408499)</t>
  </si>
  <si>
    <t>POINT (4.836128892978283 51.826510757818646)</t>
  </si>
  <si>
    <t>POINT (4.814916961188285 51.82522137940805)</t>
  </si>
  <si>
    <t>POINT (4.884017771949433 51.82462263279988)</t>
  </si>
  <si>
    <t>POINT (4.883809528707279 51.82530472279329)</t>
  </si>
  <si>
    <t>POINT (4.831866461325248 51.82749486998842)</t>
  </si>
  <si>
    <t>POINT (4.840875257192633 51.8229115706315)</t>
  </si>
  <si>
    <t>POINT (4.847623667940673 51.82117103785791)</t>
  </si>
  <si>
    <t>POINT (4.8275523713360275 51.82761338063865)</t>
  </si>
  <si>
    <t>POINT (4.818721440357157 51.82761518855055)</t>
  </si>
  <si>
    <t>POINT (4.824897971248591 51.82676310739116)</t>
  </si>
  <si>
    <t>POINT (4.882064895885146 51.823068077866836)</t>
  </si>
  <si>
    <t>POINT (4.876136704566422 51.82193402568456)</t>
  </si>
  <si>
    <t>POINT (4.815888624357239 51.82226128342613)</t>
  </si>
  <si>
    <t>POINT (4.833734056165298 51.828479935156736)</t>
  </si>
  <si>
    <t>POINT (4.83794279380538 51.831220261671625)</t>
  </si>
  <si>
    <t>POINT (4.83591140957985 51.82887372139163)</t>
  </si>
  <si>
    <t>POINT (4.877387736929284 51.82621181399315)</t>
  </si>
  <si>
    <t>POINT (4.843526902122457 51.82291388697605)</t>
  </si>
  <si>
    <t>POINT (4.870355144895096 51.82090480126462)</t>
  </si>
  <si>
    <t>POINT (4.891190058017586 51.82424853124301)</t>
  </si>
  <si>
    <t>POINT (4.820359353026614 51.82713121095239)</t>
  </si>
  <si>
    <t>POINT (4.882024504703799 51.824083605776835)</t>
  </si>
  <si>
    <t>POINT (4.821789767718493 51.82360218586477)</t>
  </si>
  <si>
    <t>POINT (4.821731975779469 51.823583930374625)</t>
  </si>
  <si>
    <t>POINT (4.884714976764177 51.82345696935286)</t>
  </si>
  <si>
    <t>POINT (4.83055463072909 51.82330251334387)</t>
  </si>
  <si>
    <t>POINT (4.8374714478994605 51.83180230989408)</t>
  </si>
  <si>
    <t>POINT (4.828407973283016 51.828169730463316)</t>
  </si>
  <si>
    <t>POINT (4.883900506392272 51.8245826345728)</t>
  </si>
  <si>
    <t>POINT (4.888101603021959 51.82152091113284)</t>
  </si>
  <si>
    <t>POINT (4.841077173324691 51.82637208954031)</t>
  </si>
  <si>
    <t>POINT (4.841371282379952 51.829636294324246)</t>
  </si>
  <si>
    <t>POINT (4.826630701211826 51.8250531717363)</t>
  </si>
  <si>
    <t>POINT (4.826688894917064 51.8272346543865)</t>
  </si>
  <si>
    <t>POINT (4.839409416243937 51.82514187796981)</t>
  </si>
  <si>
    <t>POINT (4.823068633635838 51.822251068206086)</t>
  </si>
  <si>
    <t>POINT (4.878585690681889 51.82417661844736)</t>
  </si>
  <si>
    <t>POINT (4.841592627143274 51.82688907996395)</t>
  </si>
  <si>
    <t>POINT (4.855774558558297 51.8261429249265)</t>
  </si>
  <si>
    <t>POINT (4.841608898884886 51.827983509333635)</t>
  </si>
  <si>
    <t>POINT (4.840338383438884 51.82891926302391)</t>
  </si>
  <si>
    <t>POINT (4.895561807749625 51.82538661095952)</t>
  </si>
  <si>
    <t>POINT (4.878574431516128 51.823888937263774)</t>
  </si>
  <si>
    <t>POINT (4.823991802310021 51.828466586366964)</t>
  </si>
  <si>
    <t>POINT (4.890504330749811 51.8232928501483)</t>
  </si>
  <si>
    <t>POINT (4.83549078882562 51.83242221556278)</t>
  </si>
  <si>
    <t>POINT (4.844514958150912 51.822603860476846)</t>
  </si>
  <si>
    <t>POINT (4.812486269621551 51.82565733145474)</t>
  </si>
  <si>
    <t>POINT (4.855270454280243 51.8270664596826)</t>
  </si>
  <si>
    <t>POINT (4.855263641013251 51.823956399102556)</t>
  </si>
  <si>
    <t>POINT (4.823127113305042 51.823591272207956)</t>
  </si>
  <si>
    <t>POINT (4.83975709705552 51.825179454095206)</t>
  </si>
  <si>
    <t>POINT (4.810194690160435 51.82299517553666)</t>
  </si>
  <si>
    <t>POINT (4.8400475680663355 51.82837874883458)</t>
  </si>
  <si>
    <t>POINT (4.826639596978609 51.82785905070316)</t>
  </si>
  <si>
    <t>POINT (4.893570995506674 51.82406082048396)</t>
  </si>
  <si>
    <t>POINT (4.885961626483388 51.824366884698755)</t>
  </si>
  <si>
    <t>POINT (4.836241598439186 51.82904129875417)</t>
  </si>
  <si>
    <t>POINT (4.812658123978329 51.825355555120794)</t>
  </si>
  <si>
    <t>POINT (4.879438453998662 51.825735322632376)</t>
  </si>
  <si>
    <t>POINT (4.84070058061987 51.82632539423411)</t>
  </si>
  <si>
    <t>POINT (4.828508965329106 51.82918927777202)</t>
  </si>
  <si>
    <t>POINT (4.8442734218463075 51.82837338117261)</t>
  </si>
  <si>
    <t>POINT (4.831549997372535 51.823747667960596)</t>
  </si>
  <si>
    <t>POINT (4.845096496276467 51.822663508009065)</t>
  </si>
  <si>
    <t>POINT (4.826357053205169 51.82841499068308)</t>
  </si>
  <si>
    <t>POINT (4.885456801706934 51.82457471754582)</t>
  </si>
  <si>
    <t>POINT (4.883779113229631 51.825430431471)</t>
  </si>
  <si>
    <t>POINT (4.888157879371034 51.82429859936811)</t>
  </si>
  <si>
    <t>POINT (4.815049232631701 51.82553614711163)</t>
  </si>
  <si>
    <t>POINT (4.808534958704052 51.824499365732365)</t>
  </si>
  <si>
    <t>POINT (4.827729202452191 51.828897930862794)</t>
  </si>
  <si>
    <t>POINT (4.890082018211904 51.8234438670521)</t>
  </si>
  <si>
    <t>POINT (4.827230027407806 51.82320654036629)</t>
  </si>
  <si>
    <t>POINT (4.885144568678918 51.821371234975786)</t>
  </si>
  <si>
    <t>POINT (4.839641040297586 51.82637438791857)</t>
  </si>
  <si>
    <t>POINT (4.900640022165766 51.827580792168945)</t>
  </si>
  <si>
    <t>POINT (4.817225852917681 51.82433515150736)</t>
  </si>
  <si>
    <t>POINT (4.882123017510472 51.825648030332886)</t>
  </si>
  <si>
    <t>POINT (4.820497908057713 51.82828797763718)</t>
  </si>
  <si>
    <t>POINT (4.882210153194644 51.82693376183342)</t>
  </si>
  <si>
    <t>POINT (4.814289101424162 51.82866138987529)</t>
  </si>
  <si>
    <t>POINT (4.820561961905447 51.82896242766366)</t>
  </si>
  <si>
    <t>3371BR</t>
  </si>
  <si>
    <t>POINT (4.823354103336753 51.824940015659514)</t>
  </si>
  <si>
    <t>POINT (4.888482789837263 51.822520471486214)</t>
  </si>
  <si>
    <t>POINT (4.8552710907525105 51.82701253142563)</t>
  </si>
  <si>
    <t>POINT (4.8304946154276465 51.8234640225026)</t>
  </si>
  <si>
    <t>POINT (4.829764230594985 51.8252120366983)</t>
  </si>
  <si>
    <t>POINT (4.83683349016096 51.825830934675785)</t>
  </si>
  <si>
    <t>POINT (4.879908808479314 51.824899995565815)</t>
  </si>
  <si>
    <t>POINT (4.828756210833338 51.82534789817291)</t>
  </si>
  <si>
    <t>POINT (4.823206243662236 51.82516401898605)</t>
  </si>
  <si>
    <t>POINT (4.903776868278116 51.830017723195155)</t>
  </si>
  <si>
    <t>POINT (4.826208343394978 51.82404584816039)</t>
  </si>
  <si>
    <t>POINT (4.880629920240833 51.82605818707216)</t>
  </si>
  <si>
    <t>POINT (4.831892567123407 51.82419871617735)</t>
  </si>
  <si>
    <t>POINT (4.836212962594075 51.831499788569374)</t>
  </si>
  <si>
    <t>POINT (4.815479006375185 51.82367948047823)</t>
  </si>
  <si>
    <t>POINT (4.8272289108073325 51.823296420495915)</t>
  </si>
  <si>
    <t>POINT (4.815820370773617 51.82524044968378)</t>
  </si>
  <si>
    <t>POINT (4.904460410676003 51.82985874305339)</t>
  </si>
  <si>
    <t>POINT (4.841803089536069 51.82642232171936)</t>
  </si>
  <si>
    <t>POINT (4.855259767647009 51.82674282440561)</t>
  </si>
  <si>
    <t>POINT (4.82824835343958 51.824469053087746)</t>
  </si>
  <si>
    <t>POINT (4.8863051271021885 51.821333488686875)</t>
  </si>
  <si>
    <t>POINT (4.826313488459935 51.823288517338945)</t>
  </si>
  <si>
    <t>POINT (4.829212122006481 51.82746682268757)</t>
  </si>
  <si>
    <t>POINT (4.881239159310269 51.82297463647619)</t>
  </si>
  <si>
    <t>POINT (4.85275228308055 51.82229455393628)</t>
  </si>
  <si>
    <t>POINT (4.832568474962008 51.82497329936268)</t>
  </si>
  <si>
    <t>POINT (4.879371420537296 51.82653501002657)</t>
  </si>
  <si>
    <t>POINT (4.829874712564623 51.827847488993896)</t>
  </si>
  <si>
    <t>POINT (4.882774442176373 51.8270780085785)</t>
  </si>
  <si>
    <t>POINT (4.821377727874019 51.82522712762362)</t>
  </si>
  <si>
    <t>POINT (4.82586005404219 51.82279847843085)</t>
  </si>
  <si>
    <t>POINT (4.827678097248496 51.822497844881504)</t>
  </si>
  <si>
    <t>POINT (4.835630446047798 51.825753379695044)</t>
  </si>
  <si>
    <t>POINT (4.824986016506577 51.82638927312315)</t>
  </si>
  <si>
    <t>POINT (4.828372654918359 51.82497300334542)</t>
  </si>
  <si>
    <t>POINT (4.821054257277822 51.82806734174133)</t>
  </si>
  <si>
    <t>POINT (4.828919015454813 51.82534272217229)</t>
  </si>
  <si>
    <t>POINT (4.837472218381357 51.824493916558474)</t>
  </si>
  <si>
    <t>POINT (4.827408423032059 51.82435718797251)</t>
  </si>
  <si>
    <t>POINT (4.884558234284713 51.82320462001698)</t>
  </si>
  <si>
    <t>POINT (4.883954972375664 51.82428270582072)</t>
  </si>
  <si>
    <t>POINT (4.877988141203162 51.82571106336095)</t>
  </si>
  <si>
    <t>POINT (4.841326399324016 51.822017413473425)</t>
  </si>
  <si>
    <t>POINT (4.8870745688811 51.822577183893024)</t>
  </si>
  <si>
    <t>POINT (4.847528876588221 51.82345516369918)</t>
  </si>
  <si>
    <t>POINT (4.853895557555358 51.82189181840942)</t>
  </si>
  <si>
    <t>POINT (4.832653724733512 51.82494029172799)</t>
  </si>
  <si>
    <t>POINT (4.828900085012266 51.82519637057588)</t>
  </si>
  <si>
    <t>POINT (4.818211422354779 51.82873182752581)</t>
  </si>
  <si>
    <t>POINT (4.8820335705128635 51.82327467882167)</t>
  </si>
  <si>
    <t>POINT (4.8227393706949675 51.82653702237651)</t>
  </si>
  <si>
    <t>POINT (4.88413449837663 51.823481448616974)</t>
  </si>
  <si>
    <t>POINT (4.841131098755252 51.830316588741645)</t>
  </si>
  <si>
    <t>POINT (4.812495951876147 51.82265003322874)</t>
  </si>
  <si>
    <t>POINT (4.825492780767284 51.8274618660742)</t>
  </si>
  <si>
    <t>POINT (4.837391628599178 51.8247933517818)</t>
  </si>
  <si>
    <t>POINT (4.8798774371247475 51.825996359354995)</t>
  </si>
  <si>
    <t>POINT (4.819287377135017 51.82481248527854)</t>
  </si>
  <si>
    <t>POINT (4.879018007020513 51.82571552622693)</t>
  </si>
  <si>
    <t>POINT (4.855793289767093 51.82701489651994)</t>
  </si>
  <si>
    <t>POINT (4.832429464410047 51.82800580688216)</t>
  </si>
  <si>
    <t>POINT (4.813051346252291 51.826834855516395)</t>
  </si>
  <si>
    <t>POINT (4.827651427117943 51.82932002150286)</t>
  </si>
  <si>
    <t>POINT (4.847609917428199 51.821108054904236)</t>
  </si>
  <si>
    <t>POINT (4.847362496850876 51.82242857333167)</t>
  </si>
  <si>
    <t>POINT (4.837120959704423 51.826048007005184)</t>
  </si>
  <si>
    <t>POINT (4.821390832019385 51.82407695326567)</t>
  </si>
  <si>
    <t>POINT (4.855223019668136 51.82248209647905)</t>
  </si>
  <si>
    <t>POINT (4.829133248819093 51.82446427489976)</t>
  </si>
  <si>
    <t>POINT (4.816774845655511 51.82444082328291)</t>
  </si>
  <si>
    <t>POINT (4.844133300452847 51.83162511480834)</t>
  </si>
  <si>
    <t>POINT (4.8263093564152415 51.82641930652621)</t>
  </si>
  <si>
    <t>POINT (4.825221508670227 51.82757362559401)</t>
  </si>
  <si>
    <t>POINT (4.811439797660447 51.82677817229995)</t>
  </si>
  <si>
    <t>POINT (4.882332749414532 51.827644381179596)</t>
  </si>
  <si>
    <t>POINT (4.8533374771619195 51.82775922114723)</t>
  </si>
  <si>
    <t>POINT (4.841650183580735 51.822968153249)</t>
  </si>
  <si>
    <t>POINT (4.830161875078579 51.82691404391787)</t>
  </si>
  <si>
    <t>POINT (4.887076463584154 51.82240641029334)</t>
  </si>
  <si>
    <t>POINT (4.832960821961221 51.82461723784132)</t>
  </si>
  <si>
    <t>POINT (4.851459047907178 51.82553006602117)</t>
  </si>
  <si>
    <t>POINT (4.841603234406087 51.83204629809892)</t>
  </si>
  <si>
    <t>POINT (4.810622751827292 51.82791618449894)</t>
  </si>
  <si>
    <t>POINT (4.829759340560637 51.82310099123245)</t>
  </si>
  <si>
    <t>POINT (4.8774452499080265 51.826257006306825)</t>
  </si>
  <si>
    <t>POINT (4.8452627209017685 51.82693079926422)</t>
  </si>
  <si>
    <t>POINT (4.879427594054151 51.82541168928707)</t>
  </si>
  <si>
    <t>POINT (4.815343035913248 51.82569838397729)</t>
  </si>
  <si>
    <t>POINT (4.8172285474617 51.8252094988917)</t>
  </si>
  <si>
    <t>POINT (4.821357925152082 51.823710205664995)</t>
  </si>
  <si>
    <t>POINT (4.8280200612397195 51.82299384446939)</t>
  </si>
  <si>
    <t>POINT (4.83099971634143 51.823673153456454)</t>
  </si>
  <si>
    <t>POINT (4.888078574287845 51.82544124959528)</t>
  </si>
  <si>
    <t>POINT (4.831946155266539 51.82926850555274)</t>
  </si>
  <si>
    <t>POINT (4.840096494666117 51.823173590687226)</t>
  </si>
  <si>
    <t>POINT (4.821446305318433 51.823602769086264)</t>
  </si>
  <si>
    <t>POINT (4.826703096120969 51.82724753086661)</t>
  </si>
  <si>
    <t>3371JX</t>
  </si>
  <si>
    <t>Patrijs</t>
  </si>
  <si>
    <t>POINT (4.8182445525031525 51.82687056794178)</t>
  </si>
  <si>
    <t>POINT (4.854704396951201 51.83077615283793)</t>
  </si>
  <si>
    <t>POINT (4.836160540417964 51.82985464120589)</t>
  </si>
  <si>
    <t>POINT (4.811104812592544 51.82835383983324)</t>
  </si>
  <si>
    <t>POINT (4.833028456606692 51.8285545369155)</t>
  </si>
  <si>
    <t>POINT (4.842718092289571 51.82983130780925)</t>
  </si>
  <si>
    <t>POINT (4.847406109433113 51.82118733149908)</t>
  </si>
  <si>
    <t>POINT (4.834966798223919 51.831377082280135)</t>
  </si>
  <si>
    <t>POINT (4.891736297818539 51.82279066438152)</t>
  </si>
  <si>
    <t>POINT (4.8407887204551825 51.82788082068749)</t>
  </si>
  <si>
    <t>POINT (4.826115396183006 51.82404675219092)</t>
  </si>
  <si>
    <t>POINT (4.817364075232282 51.825387303232645)</t>
  </si>
  <si>
    <t>POINT (4.873660352832346 51.822634461249784)</t>
  </si>
  <si>
    <t>POINT (4.835130971018297 51.83218682225131)</t>
  </si>
  <si>
    <t>POINT (4.81520228968785 51.827340499577616)</t>
  </si>
  <si>
    <t>POINT (4.836741300246959 51.82625296361514)</t>
  </si>
  <si>
    <t>POINT (4.88361299485134 51.82035371821205)</t>
  </si>
  <si>
    <t>POINT (4.830430527581816 51.82915603522611)</t>
  </si>
  <si>
    <t>POINT (4.833342363111442 51.82677025676505)</t>
  </si>
  <si>
    <t>POINT (4.837165791494146 51.825940354647265)</t>
  </si>
  <si>
    <t>POINT (4.837027713438249 51.82475401168511)</t>
  </si>
  <si>
    <t>POINT (4.822174997124632 51.823608031760116)</t>
  </si>
  <si>
    <t>POINT (4.811109593505641 51.82716385996446)</t>
  </si>
  <si>
    <t>POINT (4.829151782804335 51.82896462869041)</t>
  </si>
  <si>
    <t>POINT (4.853225135926205 51.83073347965937)</t>
  </si>
  <si>
    <t>POINT (4.8174541763903855 51.82807549633496)</t>
  </si>
  <si>
    <t>POINT (4.845991026776875 51.82319280891574)</t>
  </si>
  <si>
    <t>POINT (4.843411357621057 51.82626698265302)</t>
  </si>
  <si>
    <t>POINT (4.885855310743564 51.82134954536926)</t>
  </si>
  <si>
    <t>POINT (4.900444487235185 51.82827816295829)</t>
  </si>
  <si>
    <t>POINT (4.846582899667601 51.827625749472205)</t>
  </si>
  <si>
    <t>POINT (4.821479600516697 51.825200652993196)</t>
  </si>
  <si>
    <t>POINT (4.84427017352525 51.82864302201594)</t>
  </si>
  <si>
    <t>POINT (4.837316993581194 51.82541073938734)</t>
  </si>
  <si>
    <t>POINT (4.832410306696701 51.824560705977866)</t>
  </si>
  <si>
    <t>POINT (4.826704326725155 51.827320047307836)</t>
  </si>
  <si>
    <t>POINT (4.828812892125327 51.823393114684144)</t>
  </si>
  <si>
    <t>POINT (4.836978321827695 51.825849590707655)</t>
  </si>
  <si>
    <t>POINT (4.828183104509637 51.823696221943145)</t>
  </si>
  <si>
    <t>POINT (4.820818393353522 51.82780414294643)</t>
  </si>
  <si>
    <t>POINT (4.839583256576779 51.825160666161175)</t>
  </si>
  <si>
    <t>POINT (4.889353895533631 51.82561166713134)</t>
  </si>
  <si>
    <t>POINT (4.824252053767132 51.82505218805072)</t>
  </si>
  <si>
    <t>POINT (4.881277524977504 51.824962269463384)</t>
  </si>
  <si>
    <t>POINT (4.8217614355019744 51.82354811809432)</t>
  </si>
  <si>
    <t>POINT (4.84022630685775 51.82245946310144)</t>
  </si>
  <si>
    <t>POINT (4.832623744172233 51.82961327289128)</t>
  </si>
  <si>
    <t>POINT (4.817048256008057 51.82232085328364)</t>
  </si>
  <si>
    <t>POINT (4.817800112699897 51.827547686493446)</t>
  </si>
  <si>
    <t>POINT (4.843731603228392 51.82157554304962)</t>
  </si>
  <si>
    <t>POINT (4.815548131113053 51.8273421842697)</t>
  </si>
  <si>
    <t>POINT (4.817515380744386 51.82782411405797)</t>
  </si>
  <si>
    <t>POINT (4.823745037928066 51.82267677891891)</t>
  </si>
  <si>
    <t>POINT (4.831882934877878 51.82380317477094)</t>
  </si>
  <si>
    <t>POINT (4.873560644193708 51.820900894918324)</t>
  </si>
  <si>
    <t>POINT (4.827295360043222 51.82878799993946)</t>
  </si>
  <si>
    <t>POINT (4.8337060726871695 51.82903745195718)</t>
  </si>
  <si>
    <t>POINT (4.830119502206231 51.82330044905828)</t>
  </si>
  <si>
    <t>POINT (4.887057671320529 51.82279283611088)</t>
  </si>
  <si>
    <t>POINT (4.8400505219942875 51.822069952472546)</t>
  </si>
  <si>
    <t>POINT (4.843122962736123 51.82633664673859)</t>
  </si>
  <si>
    <t>POINT (4.882057404335745 51.82370034244046)</t>
  </si>
  <si>
    <t>POINT (4.8561220637166 51.82127271620229)</t>
  </si>
  <si>
    <t>POINT (4.82536584920919 51.824140692682356)</t>
  </si>
  <si>
    <t>POINT (4.877880206560075 51.82627687128698)</t>
  </si>
  <si>
    <t>POINT (4.8795620809251625 51.82080678166545)</t>
  </si>
  <si>
    <t>POINT (4.841241056598985 51.82179202446053)</t>
  </si>
  <si>
    <t>POINT (4.879409621108792 51.82443186384282)</t>
  </si>
  <si>
    <t>POINT (4.829397024138599 51.82776432325239)</t>
  </si>
  <si>
    <t>POINT (4.81785945508898 51.82240568777822)</t>
  </si>
  <si>
    <t>POINT (4.830671498532038 51.82536898505239)</t>
  </si>
  <si>
    <t>Dok</t>
  </si>
  <si>
    <t>POINT (4.848901182314569 51.822291481651284)</t>
  </si>
  <si>
    <t>POINT (4.88169038350447 51.825421455359624)</t>
  </si>
  <si>
    <t>POINT (4.832635396938531 51.82395054882223)</t>
  </si>
  <si>
    <t>POINT (4.885964257510144 51.82329152877909)</t>
  </si>
  <si>
    <t>POINT (4.832058427347438 51.82368715382685)</t>
  </si>
  <si>
    <t>POINT (4.845036076553563 51.82165348386975)</t>
  </si>
  <si>
    <t>POINT (4.8400178580471875 51.82520763551368)</t>
  </si>
  <si>
    <t>POINT (4.8124096799943885 51.827769436905385)</t>
  </si>
  <si>
    <t>POINT (4.827806527108109 51.827343281937274)</t>
  </si>
  <si>
    <t>POINT (4.82403334046184 51.8239815019183)</t>
  </si>
  <si>
    <t>POINT (4.828630981550559 51.826367456903924)</t>
  </si>
  <si>
    <t>POINT (4.905212635720014 51.83005958056642)</t>
  </si>
  <si>
    <t>POINT (4.831339238951766 51.82789937565871)</t>
  </si>
  <si>
    <t>POINT (4.88258393179568 51.823348954109015)</t>
  </si>
  <si>
    <t>POINT (4.826726297334601 51.827334578819055)</t>
  </si>
  <si>
    <t>POINT (4.888079907935127 51.82348031373081)</t>
  </si>
  <si>
    <t>POINT (4.842182886256234 51.827303047273766)</t>
  </si>
  <si>
    <t>POINT (4.829855703175584 51.82469242097059)</t>
  </si>
  <si>
    <t>POINT (4.83832396578832 51.82970298276762)</t>
  </si>
  <si>
    <t>POINT (4.835057804064305 51.83105392319142)</t>
  </si>
  <si>
    <t>POINT (4.84899562589943 51.823812190047406)</t>
  </si>
  <si>
    <t>POINT (4.8557269530253135 51.82279897773125)</t>
  </si>
  <si>
    <t>POINT (4.84556821772837 51.83168714011317)</t>
  </si>
  <si>
    <t>POINT (4.8311725293011305 51.82495034513833)</t>
  </si>
  <si>
    <t>POINT (4.828150487390294 51.823003454272985)</t>
  </si>
  <si>
    <t>POINT (4.818599459769521 51.827626300853616)</t>
  </si>
  <si>
    <t>POINT (4.856607802648111 51.8243669662781)</t>
  </si>
  <si>
    <t>POINT (4.900921634212611 51.82842395629794)</t>
  </si>
  <si>
    <t>3371PM</t>
  </si>
  <si>
    <t>POINT (4.837582034707565 51.826209668295995)</t>
  </si>
  <si>
    <t>POINT (4.853073203223555 51.82151954947588)</t>
  </si>
  <si>
    <t>POINT (4.821382903482031 51.823884667967334)</t>
  </si>
  <si>
    <t>POINT (4.884099470417194 51.82402060906417)</t>
  </si>
  <si>
    <t>POINT (4.818142262239803 51.82758683685658)</t>
  </si>
  <si>
    <t>POINT (4.84301180209354 51.82953604825914)</t>
  </si>
  <si>
    <t>POINT (4.855214331735372 51.83182113293551)</t>
  </si>
  <si>
    <t>POINT (4.880994109721553 51.82671280019882)</t>
  </si>
  <si>
    <t>POINT (4.8866502554710864 51.82290795012789)</t>
  </si>
  <si>
    <t>POINT (4.836715439438305 51.83312088113562)</t>
  </si>
  <si>
    <t>POINT (4.888924246174799 51.82320525708351)</t>
  </si>
  <si>
    <t>POINT (4.850107862420373 51.8209635514204)</t>
  </si>
  <si>
    <t>POINT (4.82814459122022 51.82464832981996)</t>
  </si>
  <si>
    <t>POINT (4.888035797387421 51.823534057209805)</t>
  </si>
  <si>
    <t>POINT (4.884958080448209 51.82116593956403)</t>
  </si>
  <si>
    <t>POINT (4.883038120178303 51.82424076820203)</t>
  </si>
  <si>
    <t>POINT (4.8361324096050895 51.82622314116089)</t>
  </si>
  <si>
    <t>POINT (4.844543055892775 51.827189301533295)</t>
  </si>
  <si>
    <t>POINT (4.8914695286596555 51.82257784977008)</t>
  </si>
  <si>
    <t>POINT (4.841501481450803 51.82846839071458)</t>
  </si>
  <si>
    <t>POINT (4.887509095843068 51.822632965489404)</t>
  </si>
  <si>
    <t>POINT (4.881471681177906 51.82681373217196)</t>
  </si>
  <si>
    <t>POINT (4.821429511162965 51.823563246386506)</t>
  </si>
  <si>
    <t>POINT (4.885004965382691 51.82346719884577)</t>
  </si>
  <si>
    <t>POINT (4.826555134132945 51.82765191089285)</t>
  </si>
  <si>
    <t>POINT (4.815839719081777 51.82303673061431)</t>
  </si>
  <si>
    <t>POINT (4.841642028063074 51.826783038145805)</t>
  </si>
  <si>
    <t>POINT (4.87906163884677 51.826992083475815)</t>
  </si>
  <si>
    <t>POINT (4.8450497155303776 51.82172545515245)</t>
  </si>
  <si>
    <t>POINT (4.828899806662164 51.82340251665444)</t>
  </si>
  <si>
    <t>POINT (4.839139096758708 51.82291388589826)</t>
  </si>
  <si>
    <t>POINT (4.839161351734551 51.82764852119602)</t>
  </si>
  <si>
    <t>POINT (4.835179389551431 51.829418581995306)</t>
  </si>
  <si>
    <t>POINT (4.838676077228413 51.82580360510111)</t>
  </si>
  <si>
    <t>POINT (4.841670196552723 51.8263170507162)</t>
  </si>
  <si>
    <t>POINT (4.839454720163293 51.82857570927757)</t>
  </si>
  <si>
    <t>POINT (4.823316209608291 51.82680945107681)</t>
  </si>
  <si>
    <t>POINT (4.841096469938786 51.82254186779857)</t>
  </si>
  <si>
    <t>POINT (4.83373836240652 51.82479567968825)</t>
  </si>
  <si>
    <t>POINT (4.877995061235344 51.8238145173419)</t>
  </si>
  <si>
    <t>POINT (4.895112297631887 51.82504703849696)</t>
  </si>
  <si>
    <t>POINT (4.817508401731187 51.82866656768465)</t>
  </si>
  <si>
    <t>POINT (4.881391041241939 51.823658417914075)</t>
  </si>
  <si>
    <t>POINT (4.843571178211254 51.82977692585961)</t>
  </si>
  <si>
    <t>POINT (4.837391719568114 51.82481681229027)</t>
  </si>
  <si>
    <t>POINT (4.911581309038954 51.832809065736036)</t>
  </si>
  <si>
    <t>POINT (4.836844117753293 51.823772609374295)</t>
  </si>
  <si>
    <t>POINT (4.830153888482979 51.82528444651914)</t>
  </si>
  <si>
    <t>POINT (4.841471937789306 51.82218289504995)</t>
  </si>
  <si>
    <t>POINT (4.851989476945963 51.82117304882625)</t>
  </si>
  <si>
    <t>POINT (4.813701562672671 51.825432566104546)</t>
  </si>
  <si>
    <t>POINT (4.887056474609513 51.82290069311635)</t>
  </si>
  <si>
    <t>POINT (4.819955760802329 51.82871680928725)</t>
  </si>
  <si>
    <t>POINT (4.835977253729512 51.824676384224325)</t>
  </si>
  <si>
    <t>POINT (4.817120775716949 51.82232120551891)</t>
  </si>
  <si>
    <t>POINT (4.883419237794844 51.82648054296983)</t>
  </si>
  <si>
    <t>POINT (4.840746325172262 51.82984832059015)</t>
  </si>
  <si>
    <t>POINT (4.83248536024487 51.82317682528625)</t>
  </si>
  <si>
    <t>POINT (4.839012830690465 51.82673998581882)</t>
  </si>
  <si>
    <t>POINT (4.835365570932838 51.828430718581)</t>
  </si>
  <si>
    <t>POINT (4.897259762948356 51.82632339936432)</t>
  </si>
  <si>
    <t>POINT (4.830876026635167 51.824292776728484)</t>
  </si>
  <si>
    <t>POINT (4.835842617773 51.82856778815415)</t>
  </si>
  <si>
    <t>POINT (4.855022622267268 51.82133692136291)</t>
  </si>
  <si>
    <t>POINT (4.8838215677276695 51.82568016146852)</t>
  </si>
  <si>
    <t>POINT (4.8820807095405865 51.82295129526708)</t>
  </si>
  <si>
    <t>POINT (4.835744751062429 51.82666997448177)</t>
  </si>
  <si>
    <t>POINT (4.819147142552413 51.82381414060453)</t>
  </si>
  <si>
    <t>POINT (4.879906169040823 51.825044294697896)</t>
  </si>
  <si>
    <t>POINT (4.8781685979557405 51.82514556980776)</t>
  </si>
  <si>
    <t>POINT (4.820986703699289 51.82864088953157)</t>
  </si>
  <si>
    <t>POINT (4.884474283658829 51.821581079291015)</t>
  </si>
  <si>
    <t>POINT (4.823280707928766 51.8238916614229)</t>
  </si>
  <si>
    <t>POINT (4.819436353333634 51.82937569337044)</t>
  </si>
  <si>
    <t>POINT (4.8854272950913336 51.82331620023648)</t>
  </si>
  <si>
    <t>POINT (4.878103821727822 51.82488560180752)</t>
  </si>
  <si>
    <t>POINT (4.812196030881351 51.82519149849141)</t>
  </si>
  <si>
    <t>POINT (4.824821068721459 51.8236257367344)</t>
  </si>
  <si>
    <t>POINT (4.847525026228255 51.83304443027924)</t>
  </si>
  <si>
    <t>POINT (4.839392401769805 51.82870197701242)</t>
  </si>
  <si>
    <t>POINT (4.8842050531821855 51.822358187177635)</t>
  </si>
  <si>
    <t>POINT (4.8303714046320465 51.822870194200696)</t>
  </si>
  <si>
    <t>POINT (4.895966033740783 51.82523937272999)</t>
  </si>
  <si>
    <t>POINT (4.841074169612116 51.82249450231577)</t>
  </si>
  <si>
    <t>POINT (4.861628788144505 51.83267075679843)</t>
  </si>
  <si>
    <t>POINT (4.827562502443917 51.825966871932565)</t>
  </si>
  <si>
    <t>POINT (4.835470138040651 51.82462905906228)</t>
  </si>
  <si>
    <t>POINT (4.879443415386901 51.82529490708582)</t>
  </si>
  <si>
    <t>POINT (4.828213575186634 51.827273312632634)</t>
  </si>
  <si>
    <t>POINT (4.839750484789124 51.82222578101612)</t>
  </si>
  <si>
    <t>POINT (4.8663468950684345 51.82008710503795)</t>
  </si>
  <si>
    <t>POINT (4.840092656876791 51.82860564974979)</t>
  </si>
  <si>
    <t>POINT (4.884609810278312 51.820479506274495)</t>
  </si>
  <si>
    <t>POINT (4.820657341662824 51.82483714537287)</t>
  </si>
  <si>
    <t>POINT (4.882820415562228 51.826121091896056)</t>
  </si>
  <si>
    <t>POINT (4.834155562820837 51.82602006034871)</t>
  </si>
  <si>
    <t>POINT (4.8226933781012296 51.82673454919801)</t>
  </si>
  <si>
    <t>POINT (4.887525493024675 51.82246225362331)</t>
  </si>
  <si>
    <t>POINT (4.841424498746059 51.828641691242666)</t>
  </si>
  <si>
    <t>POINT (4.890168221753668 51.82339786038184)</t>
  </si>
  <si>
    <t>POINT (4.879555246515142 51.82309320538678)</t>
  </si>
  <si>
    <t>POINT (4.826267368147472 51.82396523332822)</t>
  </si>
  <si>
    <t>POINT (4.880682546549992 51.82549680310779)</t>
  </si>
  <si>
    <t>POINT (4.831618420328714 51.82653065528366)</t>
  </si>
  <si>
    <t>POINT (4.829800250936392 51.82548747284766)</t>
  </si>
  <si>
    <t>POINT (4.879861244655442 51.82534460442812)</t>
  </si>
  <si>
    <t>POINT (4.844749098451084 51.82983172171513)</t>
  </si>
  <si>
    <t>POINT (4.8871510779242975 51.822217969478096)</t>
  </si>
  <si>
    <t>POINT (4.819537590652127 51.82805990045518)</t>
  </si>
  <si>
    <t>POINT (4.883353949959549 51.82209662968646)</t>
  </si>
  <si>
    <t>POINT (4.81283851226237 51.8284305494317)</t>
  </si>
  <si>
    <t>POINT (4.829705143031544 51.82865565228356)</t>
  </si>
  <si>
    <t>POINT (4.833651713229039 51.825399813303555)</t>
  </si>
  <si>
    <t>POINT (4.8142080889825385 51.828939127122474)</t>
  </si>
  <si>
    <t>POINT (4.83584988325759 51.82678809230495)</t>
  </si>
  <si>
    <t>POINT (4.825337064201536 51.82412257781079)</t>
  </si>
  <si>
    <t>POINT (4.8216352312279165 51.82782605832483)</t>
  </si>
  <si>
    <t>POINT (4.832173029722422 51.824982045706285)</t>
  </si>
  <si>
    <t>POINT (4.825772315607934 51.82306615121016)</t>
  </si>
  <si>
    <t>POINT (4.883802757341515 51.824061493125456)</t>
  </si>
  <si>
    <t>POINT (4.839027992005449 51.82668612541439)</t>
  </si>
  <si>
    <t>POINT (4.830020143966852 51.82429770576528)</t>
  </si>
  <si>
    <t>POINT (4.829058054356192 51.824679642414345)</t>
  </si>
  <si>
    <t>POINT (4.831038017166111 51.82409579643059)</t>
  </si>
  <si>
    <t>POINT (4.877445554867071 51.82623004209884)</t>
  </si>
  <si>
    <t>POINT (4.848758249347187 51.83061420323896)</t>
  </si>
  <si>
    <t>POINT (4.809172009610706 51.824592390095376)</t>
  </si>
  <si>
    <t>POINT (4.855279762044099 51.82750693949733)</t>
  </si>
  <si>
    <t>POINT (4.83257481879402 51.8229795000829)</t>
  </si>
  <si>
    <t>3371NA</t>
  </si>
  <si>
    <t>Bellefleur</t>
  </si>
  <si>
    <t>POINT (4.814879255021398 51.82873340851187)</t>
  </si>
  <si>
    <t>POINT (4.841511462737105 51.82227759327655)</t>
  </si>
  <si>
    <t>POINT (4.81290516554277 51.82532080981591)</t>
  </si>
  <si>
    <t>POINT (4.842109066648157 51.82501062864904)</t>
  </si>
  <si>
    <t>POINT (4.82886130379183 51.82299784900799)</t>
  </si>
  <si>
    <t>POINT (4.878567163530915 51.82520660364089)</t>
  </si>
  <si>
    <t>POINT (4.830684994830644 51.8265186474102)</t>
  </si>
  <si>
    <t>POINT (4.812025956599026 51.82680287006994)</t>
  </si>
  <si>
    <t>POINT (4.839542690546347 51.82491778644425)</t>
  </si>
  <si>
    <t>3371RJ</t>
  </si>
  <si>
    <t>POINT (4.842557050150054 51.828751937272706)</t>
  </si>
  <si>
    <t>POINT (4.827766580481382 51.82705545825791)</t>
  </si>
  <si>
    <t>POINT (4.870542146352863 51.8210404523309)</t>
  </si>
  <si>
    <t>POINT (4.881690786719502 51.82538550305952)</t>
  </si>
  <si>
    <t>POINT (4.834951047293535 51.832662368132304)</t>
  </si>
  <si>
    <t>POINT (4.834004269524803 51.82742138851768)</t>
  </si>
  <si>
    <t>POINT (4.829211978123745 51.82982181909416)</t>
  </si>
  <si>
    <t>POINT (4.825234860069847 51.824176019828656)</t>
  </si>
  <si>
    <t>POINT (4.833191960544885 51.82666065089892)</t>
  </si>
  <si>
    <t>POINT (4.82851955505014 51.827951201859015)</t>
  </si>
  <si>
    <t>POINT (4.892565040191725 51.823202678042556)</t>
  </si>
  <si>
    <t>3372LA</t>
  </si>
  <si>
    <t>Kanaaldijk-zuid</t>
  </si>
  <si>
    <t>POINT (4.8586617894716 51.82114935174322)</t>
  </si>
  <si>
    <t>POINT (4.852984596664668 51.830699622160495)</t>
  </si>
  <si>
    <t>POINT (4.821862138718038 51.82477104571193)</t>
  </si>
  <si>
    <t>POINT (4.81701221438894 51.82517004916702)</t>
  </si>
  <si>
    <t>POINT (4.8372124055024734 51.83163031453045)</t>
  </si>
  <si>
    <t>POINT (4.814167014731367 51.82670673722661)</t>
  </si>
  <si>
    <t>POINT (4.824875794891246 51.822727144190296)</t>
  </si>
  <si>
    <t>POINT (4.821246501734524 51.82297036927795)</t>
  </si>
  <si>
    <t>POINT (4.83629802943259 51.83284846729932)</t>
  </si>
  <si>
    <t>POINT (4.82633561225527 51.82897217774653)</t>
  </si>
  <si>
    <t>POINT (4.84361669319262 51.82987867103399)</t>
  </si>
  <si>
    <t>POINT (4.885617047520703 51.820602481026754)</t>
  </si>
  <si>
    <t>POINT (4.814269577350771 51.828455816367345)</t>
  </si>
  <si>
    <t>POINT (4.824932211350308 51.825181287617916)</t>
  </si>
  <si>
    <t>POINT (4.833365013543743 51.823961337227495)</t>
  </si>
  <si>
    <t>POINT (4.821792851577112 51.82219998697773)</t>
  </si>
  <si>
    <t>POINT (4.829331222159912 51.8225326789905)</t>
  </si>
  <si>
    <t>POINT (4.850568946590795 51.828319625371336)</t>
  </si>
  <si>
    <t>POINT (4.87281849950038 51.821113369489055)</t>
  </si>
  <si>
    <t>POINT (4.841027212054413 51.82570670560379)</t>
  </si>
  <si>
    <t>POINT (4.878176809671759 51.825702893110574)</t>
  </si>
  <si>
    <t>POINT (4.835684336033168 51.83346221697758)</t>
  </si>
  <si>
    <t>3373AV</t>
  </si>
  <si>
    <t>Giessendamse Tiendweg</t>
  </si>
  <si>
    <t>POINT (4.8403475090960475 51.841058316658646)</t>
  </si>
  <si>
    <t>POINT (4.889185417760597 51.82188505477268)</t>
  </si>
  <si>
    <t>POINT (4.85161104666611 51.82125688452135)</t>
  </si>
  <si>
    <t>POINT (4.8440409471591 51.82125492464067)</t>
  </si>
  <si>
    <t>POINT (4.823017359538732 51.82287103165945)</t>
  </si>
  <si>
    <t>POINT (4.829284580134842 51.82864466570744)</t>
  </si>
  <si>
    <t>POINT (4.840348250423628 51.822778585057115)</t>
  </si>
  <si>
    <t>POINT (4.885080982374998 51.822962360815374)</t>
  </si>
  <si>
    <t>POINT (4.839644501026281 51.822162277010435)</t>
  </si>
  <si>
    <t>POINT (4.8419877004046405 51.82545050316651)</t>
  </si>
  <si>
    <t>POINT (4.833243189607651 51.82451317111266)</t>
  </si>
  <si>
    <t>POINT (4.826646528022935 51.827301794236305)</t>
  </si>
  <si>
    <t>POINT (4.8823481416485714 51.82645932172317)</t>
  </si>
  <si>
    <t>POINT (4.848405467570532 51.82129148006343)</t>
  </si>
  <si>
    <t>POINT (4.821139948765214 51.826834931075425)</t>
  </si>
  <si>
    <t>POINT (4.831733891500107 51.826481054683235)</t>
  </si>
  <si>
    <t>3372VB</t>
  </si>
  <si>
    <t>Elft</t>
  </si>
  <si>
    <t>POINT (4.888857484325484 51.82399596227429)</t>
  </si>
  <si>
    <t>POINT (4.835395583060929 51.82948540347224)</t>
  </si>
  <si>
    <t>POINT (4.836324520593621 51.834241813531726)</t>
  </si>
  <si>
    <t>POINT (4.884122759198267 51.82453977728567)</t>
  </si>
  <si>
    <t>POINT (4.836035162773032 51.824685644684365)</t>
  </si>
  <si>
    <t>POINT (4.832740106253301 51.828409358746015)</t>
  </si>
  <si>
    <t>POINT (4.849244535405814 51.82147509925753)</t>
  </si>
  <si>
    <t>POINT (4.825471186868594 51.826163619392155)</t>
  </si>
  <si>
    <t>POINT (4.8837865735553265 51.82090891920586)</t>
  </si>
  <si>
    <t>POINT (4.854185518844855 51.821874753921726)</t>
  </si>
  <si>
    <t>POINT (4.812722733760037 51.82778183652042)</t>
  </si>
  <si>
    <t>POINT (4.836040102396801 51.82665415753911)</t>
  </si>
  <si>
    <t>POINT (4.836559419748913 51.82451732289721)</t>
  </si>
  <si>
    <t>POINT (4.8359421874650135 51.82897619139468)</t>
  </si>
  <si>
    <t>POINT (4.852630360390031 51.83073077281406)</t>
  </si>
  <si>
    <t>POINT (4.839895171860523 51.82455988899028)</t>
  </si>
  <si>
    <t>POINT (4.879963693490181 51.82288823527423)</t>
  </si>
  <si>
    <t>POINT (4.849715904361722 51.83060061464076)</t>
  </si>
  <si>
    <t>POINT (4.883755724453262 51.82405559270565)</t>
  </si>
  <si>
    <t>POINT (4.8342360329274845 51.82708611145908)</t>
  </si>
  <si>
    <t>POINT (4.838081098248533 51.82463231361819)</t>
  </si>
  <si>
    <t>POINT (4.88929770339524 51.82628763396632)</t>
  </si>
  <si>
    <t>POINT (4.841733832238267 51.82964696800175)</t>
  </si>
  <si>
    <t>POINT (4.8440845277482785 51.82719500999197)</t>
  </si>
  <si>
    <t>POINT (4.828204184203747 51.825691284606584)</t>
  </si>
  <si>
    <t>POINT (4.832562289766768 51.82989162714501)</t>
  </si>
  <si>
    <t>POINT (4.833536420958909 51.82474325898396)</t>
  </si>
  <si>
    <t>POINT (4.8314431600693055 51.82300111312741)</t>
  </si>
  <si>
    <t>POINT (4.835235688774096 51.833113133260916)</t>
  </si>
  <si>
    <t>POINT (4.827670508588587 51.82895158235479)</t>
  </si>
  <si>
    <t>POINT (4.831304959722221 51.82350773612234)</t>
  </si>
  <si>
    <t>POINT (4.859507946172596 51.820730698015886)</t>
  </si>
  <si>
    <t>POINT (4.807600942169605 51.82381162711015)</t>
  </si>
  <si>
    <t>POINT (4.812958184826535 51.8245750192715)</t>
  </si>
  <si>
    <t>POINT (4.829244987357203 51.82598386971016)</t>
  </si>
  <si>
    <t>POINT (4.8997732531828335 51.8278472198982)</t>
  </si>
  <si>
    <t>POINT (4.837272846454325 51.83143285001121)</t>
  </si>
  <si>
    <t>POINT (4.886684453612723 51.822440693477326)</t>
  </si>
  <si>
    <t>POINT (4.881552996022257 51.824737736921165)</t>
  </si>
  <si>
    <t>POINT (4.8267337849544 51.82728423379325)</t>
  </si>
  <si>
    <t>POINT (4.888921066806286 51.823492875813585)</t>
  </si>
  <si>
    <t>POINT (4.8213992416194085 51.823536440447256)</t>
  </si>
  <si>
    <t>POINT (4.850650780920929 51.826910850266756)</t>
  </si>
  <si>
    <t>POINT (4.823237421105643 51.82374698053071)</t>
  </si>
  <si>
    <t>POINT (4.8445761495245785 51.82291874208874)</t>
  </si>
  <si>
    <t>POINT (4.8363554031602245 51.832832359416145)</t>
  </si>
  <si>
    <t>POINT (4.837595696525908 51.826146857454326)</t>
  </si>
  <si>
    <t>POINT (4.837071699889491 51.82477495439569)</t>
  </si>
  <si>
    <t>POINT (4.881481295109484 51.823371174419584)</t>
  </si>
  <si>
    <t>POINT (4.826733896726355 51.827275245785266)</t>
  </si>
  <si>
    <t>POINT (4.833355761849223 51.827890929906175)</t>
  </si>
  <si>
    <t>POINT (4.846055117960871 51.82134358759326)</t>
  </si>
  <si>
    <t>POINT (4.842955481654377 51.826992033176936)</t>
  </si>
  <si>
    <t>POINT (4.840693986214215 51.82244515651423)</t>
  </si>
  <si>
    <t>POINT (4.827853724954279 51.82704688498978)</t>
  </si>
  <si>
    <t>POINT (4.871332964785135 51.83152978761363)</t>
  </si>
  <si>
    <t>POINT (4.87893077338692 51.825733125576065)</t>
  </si>
  <si>
    <t>POINT (4.839134885254765 51.82624618634718)</t>
  </si>
  <si>
    <t>POINT (4.824731457454671 51.827319599321186)</t>
  </si>
  <si>
    <t>POINT (4.889960321474613 51.82420641284748)</t>
  </si>
  <si>
    <t>POINT (4.838918108550595 51.82498677907549)</t>
  </si>
  <si>
    <t>POINT (4.836880736761738 51.82552554593544)</t>
  </si>
  <si>
    <t>POINT (4.825323731037841 51.82519215089037)</t>
  </si>
  <si>
    <t>POINT (4.835010697626336 51.83371430670134)</t>
  </si>
  <si>
    <t>POINT (4.837033032186512 51.8308744374819)</t>
  </si>
  <si>
    <t>POINT (4.807889412948475 51.823938890979385)</t>
  </si>
  <si>
    <t>POINT (4.843447008327622 51.82352473729303)</t>
  </si>
  <si>
    <t>POINT (4.8249182509061805 51.82471084117999)</t>
  </si>
  <si>
    <t>POINT (4.834259075675555 51.829930390335655)</t>
  </si>
  <si>
    <t>POINT (4.825262363005501 51.82313348010061)</t>
  </si>
  <si>
    <t>POINT (4.8178084478912 51.825836154540426)</t>
  </si>
  <si>
    <t>POINT (4.842193102921536 51.82645817270135)</t>
  </si>
  <si>
    <t>POINT (4.882895788431652 51.82399746705136)</t>
  </si>
  <si>
    <t>POINT (4.847640920386739 51.823730952567765)</t>
  </si>
  <si>
    <t>POINT (4.837335828582578 51.82532103213516)</t>
  </si>
  <si>
    <t>POINT (4.811709947231177 51.82849594180311)</t>
  </si>
  <si>
    <t>POINT (4.835613807409736 51.829483543718446)</t>
  </si>
  <si>
    <t>POINT (4.840145670908989 51.82662841966221)</t>
  </si>
  <si>
    <t>POINT (4.890520815870276 51.82311314977559)</t>
  </si>
  <si>
    <t>POINT (4.8288461619279905 51.824220218992174)</t>
  </si>
  <si>
    <t>POINT (4.8870582696735605 51.822738907607615)</t>
  </si>
  <si>
    <t>POINT (4.835056012440782 51.83238421740486)</t>
  </si>
  <si>
    <t>POINT (4.839282373954476 51.82225903865127)</t>
  </si>
  <si>
    <t>POINT (4.884603201062318 51.82041273826825)</t>
  </si>
  <si>
    <t>POINT (4.82587335360167 51.8229197346109)</t>
  </si>
  <si>
    <t>POINT (4.834160224141975 51.82989602892477)</t>
  </si>
  <si>
    <t>POINT (4.83768930257387 51.829403392094385)</t>
  </si>
  <si>
    <t>POINT (4.824402484954408 51.82926853619947)</t>
  </si>
  <si>
    <t>POINT (4.894581704191986 51.824487525939254)</t>
  </si>
  <si>
    <t>POINT (4.821394673941944 51.82352707932726)</t>
  </si>
  <si>
    <t>POINT (4.828450618628493 51.82336442513223)</t>
  </si>
  <si>
    <t>POINT (4.8429112744353 51.828250222512324)</t>
  </si>
  <si>
    <t>POINT (4.848410304092221 51.83059462979849)</t>
  </si>
  <si>
    <t>POINT (4.83419042586684 51.82604565316948)</t>
  </si>
  <si>
    <t>POINT (4.845883285994404 51.8259898668814)</t>
  </si>
  <si>
    <t>POINT (4.885036806626348 51.820608988642455)</t>
  </si>
  <si>
    <t>POINT (4.8310296831863395 51.82704352188208)</t>
  </si>
  <si>
    <t>POINT (4.897190558330183 51.82601750154123)</t>
  </si>
  <si>
    <t>3371PT</t>
  </si>
  <si>
    <t>POINT (4.835426255189084 51.82702879230479)</t>
  </si>
  <si>
    <t>POINT (4.860437956614746 51.82058207038254)</t>
  </si>
  <si>
    <t>POINT (4.812384479382283 51.82520141001605)</t>
  </si>
  <si>
    <t>POINT (4.8362156192197 51.83352984250062)</t>
  </si>
  <si>
    <t>POINT (4.818346797991765 51.82878146219998)</t>
  </si>
  <si>
    <t>POINT (4.828474234130331 51.82584159133559)</t>
  </si>
  <si>
    <t>POINT (4.83007078548714 51.82527031763314)</t>
  </si>
  <si>
    <t>POINT (4.845120607479129 51.82325297059134)</t>
  </si>
  <si>
    <t>POINT (4.875845177676004 51.821531077224726)</t>
  </si>
  <si>
    <t>POINT (4.8309298564750875 51.82345709738225)</t>
  </si>
  <si>
    <t>POINT (4.829785169082091 51.828492117323)</t>
  </si>
  <si>
    <t>POINT (4.841948926362396 51.82985470340713)</t>
  </si>
  <si>
    <t>POINT (4.835622526463215 51.82640051715335)</t>
  </si>
  <si>
    <t>POINT (4.8321032615299755 51.82745865160354)</t>
  </si>
  <si>
    <t>POINT (4.840751942466315 51.825678458902395)</t>
  </si>
  <si>
    <t>POINT (4.820384673355739 51.82537973507295)</t>
  </si>
  <si>
    <t>POINT (4.88121698729144 51.82365766779156)</t>
  </si>
  <si>
    <t>POINT (4.833764171058178 51.827986237982095)</t>
  </si>
  <si>
    <t>POINT (4.842103320978285 51.82284334927382)</t>
  </si>
  <si>
    <t>POINT (4.833682746344536 51.82489030047108)</t>
  </si>
  <si>
    <t>POINT (4.8098257908139095 51.82727942828)</t>
  </si>
  <si>
    <t>POINT (4.837605506447336 51.83151871126922)</t>
  </si>
  <si>
    <t>POINT (4.856437893156538 51.82269595013677)</t>
  </si>
  <si>
    <t>POINT (4.821804272082221 51.82360225572996)</t>
  </si>
  <si>
    <t>POINT (4.813944717086086 51.825703410390744)</t>
  </si>
  <si>
    <t>POINT (4.847263126046257 51.82218260346937)</t>
  </si>
  <si>
    <t>POINT (4.836321197390314 51.82620605019665)</t>
  </si>
  <si>
    <t>POINT (4.883901065399868 51.82453257097596)</t>
  </si>
  <si>
    <t>POINT (4.8303452833104 51.82263636813557)</t>
  </si>
  <si>
    <t>POINT (4.839088090375587 51.82651562389326)</t>
  </si>
  <si>
    <t>POINT (4.88112672449141 51.82511860376338)</t>
  </si>
  <si>
    <t>POINT (4.836256579132751 51.82437208527615)</t>
  </si>
  <si>
    <t>POINT (4.886305233978399 51.82693676308167)</t>
  </si>
  <si>
    <t>POINT (4.88314344112092 51.82260531160584)</t>
  </si>
  <si>
    <t>POINT (4.84871960946227 51.82170639417706)</t>
  </si>
  <si>
    <t>POINT (4.8239762209911 51.82390931948287)</t>
  </si>
  <si>
    <t>POINT (4.828748611009856 51.8227276565584)</t>
  </si>
  <si>
    <t>POINT (4.833223591658502 51.82714155212058)</t>
  </si>
  <si>
    <t>POINT (4.883627144095297 51.823452307670934)</t>
  </si>
  <si>
    <t>POINT (4.9103337623597145 51.83016783502891)</t>
  </si>
  <si>
    <t>POINT (4.836410688049783 51.83236517032802)</t>
  </si>
  <si>
    <t>POINT (4.8377302040213666 51.82366889806826)</t>
  </si>
  <si>
    <t>POINT (4.833009927327184 51.82653163307255)</t>
  </si>
  <si>
    <t>POINT (4.837486612782663 51.83174844972691)</t>
  </si>
  <si>
    <t>POINT (4.841283269615527 51.82492589423022)</t>
  </si>
  <si>
    <t>POINT (4.885461506236904 51.82284894398231)</t>
  </si>
  <si>
    <t>POINT (4.847974335511135 51.820956924493814)</t>
  </si>
  <si>
    <t>POINT (4.846929765267182 51.82715375880369)</t>
  </si>
  <si>
    <t>POINT (4.8368511779948955 51.82557035003996)</t>
  </si>
  <si>
    <t>POINT (4.826423182065609 51.82249173938733)</t>
  </si>
  <si>
    <t>POINT (4.855209441768066 51.823632566506426)</t>
  </si>
  <si>
    <t>POINT (4.842356736095617 51.82732183136516)</t>
  </si>
  <si>
    <t>POINT (4.830859489497121 51.82434338473988)</t>
  </si>
  <si>
    <t>POINT (4.9106622731393115 51.83054024065893)</t>
  </si>
  <si>
    <t>POINT (4.881119555218908 51.8254263933554)</t>
  </si>
  <si>
    <t>POINT (4.844473147479151 51.82744848619519)</t>
  </si>
  <si>
    <t>POINT (4.83888005720659 51.828114611334726)</t>
  </si>
  <si>
    <t>POINT (4.850877247205252 51.820906172107065)</t>
  </si>
  <si>
    <t>POINT (4.840058964946735 51.828921691276385)</t>
  </si>
  <si>
    <t>POINT (4.829864431753875 51.82552327334278)</t>
  </si>
  <si>
    <t>POINT (4.824329914689027 51.82230206601748)</t>
  </si>
  <si>
    <t>POINT (4.830989870208084 51.823295587998466)</t>
  </si>
  <si>
    <t>POINT (4.827897766610731 51.82372466871448)</t>
  </si>
  <si>
    <t>POINT (4.829145567658485 51.82932713384859)</t>
  </si>
  <si>
    <t>POINT (4.829673787706218 51.828106159851956)</t>
  </si>
  <si>
    <t>POINT (4.840205252860216 51.8224170469536)</t>
  </si>
  <si>
    <t>POINT (4.822936481102827 51.82701436290252)</t>
  </si>
  <si>
    <t>POINT (4.837530827321523 51.82893117467149)</t>
  </si>
  <si>
    <t>POINT (4.832534639685511 51.82388715296646)</t>
  </si>
  <si>
    <t>POINT (4.818368568611698 51.82229130493927)</t>
  </si>
  <si>
    <t>POINT (4.899235615823397 51.82738328326151)</t>
  </si>
  <si>
    <t>POINT (4.819742297209284 51.82493159941722)</t>
  </si>
  <si>
    <t>POINT (4.881384143761612 51.82685829756053)</t>
  </si>
  <si>
    <t>POINT (4.8284586405087015 51.82271728807309)</t>
  </si>
  <si>
    <t>3371VG</t>
  </si>
  <si>
    <t>POINT (4.832224616097795 51.826308216080065)</t>
  </si>
  <si>
    <t>POINT (4.834775646375169 51.82352268316941)</t>
  </si>
  <si>
    <t>POINT (4.841545249701064 51.82964609160147)</t>
  </si>
  <si>
    <t>POINT (4.843524842354212 51.82308465960677)</t>
  </si>
  <si>
    <t>POINT (4.826646304443944 51.82731977025198)</t>
  </si>
  <si>
    <t>POINT (4.841306302142575 51.82189592081698)</t>
  </si>
  <si>
    <t>POINT (4.839598124609707 51.82797002092481)</t>
  </si>
  <si>
    <t>POINT (4.82658537531707 51.82755318136547)</t>
  </si>
  <si>
    <t>POINT (4.880386390879814 51.823995648044836)</t>
  </si>
  <si>
    <t>POINT (4.87946257780123 51.82488151847407)</t>
  </si>
  <si>
    <t>POINT (4.812420176641308 51.82803153151564)</t>
  </si>
  <si>
    <t>POINT (4.872393927349227 51.82214590690207)</t>
  </si>
  <si>
    <t>POINT (4.837668501595121 51.82595656045056)</t>
  </si>
  <si>
    <t>POINT (4.883654995139404 51.8239923579398)</t>
  </si>
  <si>
    <t>POINT (4.84305270148879 51.82869468681741)</t>
  </si>
  <si>
    <t>POINT (4.880884763410014 51.82095069288963)</t>
  </si>
  <si>
    <t>POINT (4.818618359258885 51.82337541097834)</t>
  </si>
  <si>
    <t>POINT (4.83985784207074 51.82314018228854)</t>
  </si>
  <si>
    <t>POINT (4.833205159783829 51.82362066323162)</t>
  </si>
  <si>
    <t>POINT (4.809838564026757 51.82842139679458)</t>
  </si>
  <si>
    <t>POINT (4.832317534275061 51.826205170289434)</t>
  </si>
  <si>
    <t>POINT (4.836727234100965 51.826216943509245)</t>
  </si>
  <si>
    <t>POINT (4.832555669566316 51.825306641786945)</t>
  </si>
  <si>
    <t>POINT (4.851070654646657 51.82216296033473)</t>
  </si>
  <si>
    <t>POINT (4.8861935922629085 51.82092852968982)</t>
  </si>
  <si>
    <t>POINT (4.8423120214844015 51.829820435181155)</t>
  </si>
  <si>
    <t>POINT (4.83819335218018 51.83089784660801)</t>
  </si>
  <si>
    <t>POINT (4.821376863289507 51.823725685352066)</t>
  </si>
  <si>
    <t>POINT (4.840098051715144 51.822152598915345)</t>
  </si>
  <si>
    <t>POINT (4.833669545356777 51.82714636136843)</t>
  </si>
  <si>
    <t>POINT (4.888508790378973 51.8227360904192)</t>
  </si>
  <si>
    <t>POINT (4.885349119645554 51.82098998110033)</t>
  </si>
  <si>
    <t>POINT (4.878718964649571 51.82264914860946)</t>
  </si>
  <si>
    <t>POINT (4.881430621555984 51.82400914038564)</t>
  </si>
  <si>
    <t>POINT (4.880393566006998 51.8233574946885)</t>
  </si>
  <si>
    <t>POINT (4.845253295014418 51.82650829482887)</t>
  </si>
  <si>
    <t>POINT (4.839571033721499 51.82832517527528)</t>
  </si>
  <si>
    <t>POINT (4.877143994615135 51.82595907687681)</t>
  </si>
  <si>
    <t>POINT (4.879801726280124 51.82696831915754)</t>
  </si>
  <si>
    <t>POINT (4.883760809522931 51.82463668566917)</t>
  </si>
  <si>
    <t>POINT (4.824992564516832 51.82369316338775)</t>
  </si>
  <si>
    <t>3372AB</t>
  </si>
  <si>
    <t>POINT (4.8833672444983005 51.82594100939407)</t>
  </si>
  <si>
    <t>POINT (4.835239506483721 51.830080744315175)</t>
  </si>
  <si>
    <t>POINT (4.836101340975845 51.82412655370118)</t>
  </si>
  <si>
    <t>POINT (4.888488021422884 51.823302278166175)</t>
  </si>
  <si>
    <t>POINT (4.836059663608856 51.82624077670695)</t>
  </si>
  <si>
    <t>POINT (4.8332459022947 51.82738705346541)</t>
  </si>
  <si>
    <t>POINT (4.8432967007801935 51.82636441746412)</t>
  </si>
  <si>
    <t>POINT (4.857265615142213 51.82177684679611)</t>
  </si>
  <si>
    <t>POINT (4.832445116340496 51.825554517666994)</t>
  </si>
  <si>
    <t>POINT (4.835303174128285 51.824561938755785)</t>
  </si>
  <si>
    <t>POINT (4.81217245819961 51.82652751342965)</t>
  </si>
  <si>
    <t>POINT (4.879869562130223 51.82609672697256)</t>
  </si>
  <si>
    <t>POINT (4.814654382515388 51.8265833026234)</t>
  </si>
  <si>
    <t>POINT (4.880772094090483 51.82323328920259)</t>
  </si>
  <si>
    <t>POINT (4.87787990186072 51.82630383549629)</t>
  </si>
  <si>
    <t>POINT (4.84085120044287 51.82192609920959)</t>
  </si>
  <si>
    <t>POINT (4.845217362086752 51.826265923985595)</t>
  </si>
  <si>
    <t>POINT (4.836835794956207 51.82564218621163)</t>
  </si>
  <si>
    <t>POINT (4.867219819008583 51.831351017057564)</t>
  </si>
  <si>
    <t>POINT (4.81737904373452 51.828273041478994)</t>
  </si>
  <si>
    <t>POINT (4.828413844337191 51.82679879927895)</t>
  </si>
  <si>
    <t>POINT (4.821834182708087 51.82353049140794)</t>
  </si>
  <si>
    <t>POINT (4.826497751338173 51.82876621587527)</t>
  </si>
  <si>
    <t>POINT (4.837866785218247 51.82565414341923)</t>
  </si>
  <si>
    <t>POINT (4.836915771029514 51.83097276172378)</t>
  </si>
  <si>
    <t>POINT (4.845253228089702 51.82588532641846)</t>
  </si>
  <si>
    <t>POINT (4.8478099143787485 51.83057994497798)</t>
  </si>
  <si>
    <t>POINT (4.814732212407394 51.82537467715339)</t>
  </si>
  <si>
    <t>POINT (4.878152164318376 51.82531628026194)</t>
  </si>
  <si>
    <t>POINT (4.842074621692496 51.82545989538594)</t>
  </si>
  <si>
    <t>POINT (4.8802490635141185 51.824990523652964)</t>
  </si>
  <si>
    <t>POINT (4.838250444658504 51.82279981248733)</t>
  </si>
  <si>
    <t>POINT (4.87965134374572 51.82486435777416)</t>
  </si>
  <si>
    <t>POINT (4.840065718071817 51.8284347420968)</t>
  </si>
  <si>
    <t>POINT (4.8262145920513 51.82416614476126)</t>
  </si>
  <si>
    <t>POINT (4.844927090527794 51.827609456298376)</t>
  </si>
  <si>
    <t>POINT (4.825571305389917 51.824123105559416)</t>
  </si>
  <si>
    <t>POINT (4.824149580087303 51.82280455982348)</t>
  </si>
  <si>
    <t>POINT (4.880283341323742 51.82670973310676)</t>
  </si>
  <si>
    <t>POINT (4.812842001192425 51.82838103060496)</t>
  </si>
  <si>
    <t>POINT (4.821920081553546 51.823620790598845)</t>
  </si>
  <si>
    <t>POINT (4.830050041981709 51.824225939337076)</t>
  </si>
  <si>
    <t>POINT (4.831572700640987 51.823082623275944)</t>
  </si>
  <si>
    <t>POINT (4.8557623060140624 51.82349125440513)</t>
  </si>
  <si>
    <t>POINT (4.89057116164621 51.8224931558271)</t>
  </si>
  <si>
    <t>POINT (4.843028370452819 51.82936534301799)</t>
  </si>
  <si>
    <t>POINT (4.842416815032498 51.82235145087129)</t>
  </si>
  <si>
    <t>POINT (4.879453694138337 51.82695782583568)</t>
  </si>
  <si>
    <t>POINT (4.828527259793781 51.82888375452776)</t>
  </si>
  <si>
    <t>POINT (4.824386661211462 51.824459014228616)</t>
  </si>
  <si>
    <t>POINT (4.835942828248706 51.83104909384433)</t>
  </si>
  <si>
    <t>POINT (4.832373601921562 51.825370732561076)</t>
  </si>
  <si>
    <t>POINT (4.825527599124418 51.82729751538692)</t>
  </si>
  <si>
    <t>POINT (4.847524072680219 51.82317916670201)</t>
  </si>
  <si>
    <t>POINT (4.86224141101654 51.82015870070695)</t>
  </si>
  <si>
    <t>POINT (4.8245335412300365 51.826905177837595)</t>
  </si>
  <si>
    <t>POINT (4.831709739280275 51.82558415378798)</t>
  </si>
  <si>
    <t>POINT (4.882219816103962 51.824776561404434)</t>
  </si>
  <si>
    <t>POINT (4.831037884867368 51.827000748329006)</t>
  </si>
  <si>
    <t>POINT (4.838288955606465 51.825459530039076)</t>
  </si>
  <si>
    <t>POINT (4.8816425211631085 51.82710210027772)</t>
  </si>
  <si>
    <t>POINT (4.809829954894855 51.827545473970524)</t>
  </si>
  <si>
    <t>POINT (4.82885192560035 51.82536618675558)</t>
  </si>
  <si>
    <t>POINT (4.812923002949051 51.8268239537887)</t>
  </si>
  <si>
    <t>POINT (4.839990804180161 51.82624119088515)</t>
  </si>
  <si>
    <t>POINT (4.840607109769796 51.82565980752594)</t>
  </si>
  <si>
    <t>POINT (4.832667207228633 51.82552571610772)</t>
  </si>
  <si>
    <t>POINT (4.884163478129882 51.82038549803786)</t>
  </si>
  <si>
    <t>POINT (4.830710261709449 51.8247953493322)</t>
  </si>
  <si>
    <t>POINT (4.840213839152198 51.82459732849818)</t>
  </si>
  <si>
    <t>POINT (4.839488516508668 51.829375846266004)</t>
  </si>
  <si>
    <t>POINT (4.835234332273553 51.82967051928408)</t>
  </si>
  <si>
    <t>POINT (4.882122513918817 51.82569297070901)</t>
  </si>
  <si>
    <t>POINT (4.835133531153284 51.830793611900376)</t>
  </si>
  <si>
    <t>POINT (4.836122513691739 51.83177800847387)</t>
  </si>
  <si>
    <t>POINT (4.827192950114922 51.82652239912993)</t>
  </si>
  <si>
    <t>POINT (4.80983198214654 51.82837464193019)</t>
  </si>
  <si>
    <t>POINT (4.819986809020155 51.828555165509165)</t>
  </si>
  <si>
    <t>POINT (4.885244025527316 51.825445693113124)</t>
  </si>
  <si>
    <t>POINT (4.884970381127874 51.821363739450625)</t>
  </si>
  <si>
    <t>POINT (4.8828290225113475 51.826523805021836)</t>
  </si>
  <si>
    <t>POINT (4.885780706580898 51.82414465317766)</t>
  </si>
  <si>
    <t>POINT (4.8556912647451504 51.82218320083393)</t>
  </si>
  <si>
    <t>POINT (4.843272462861799 51.825968809746534)</t>
  </si>
  <si>
    <t>POINT (4.835852428206052 51.824208393974764)</t>
  </si>
  <si>
    <t>POINT (4.841033637997666 51.8251764119796)</t>
  </si>
  <si>
    <t>POINT (4.885752403255692 51.82538494629691)</t>
  </si>
  <si>
    <t>POINT (4.878817351380508 51.822928218684204)</t>
  </si>
  <si>
    <t>POINT (4.829103756697391 51.82684609826452)</t>
  </si>
  <si>
    <t>POINT (4.88161425425743 51.82315602288631)</t>
  </si>
  <si>
    <t>POINT (4.8363808780261754 51.82425326486877)</t>
  </si>
  <si>
    <t>POINT (4.820994041422163 51.8283420468432)</t>
  </si>
  <si>
    <t>POINT (4.884645034126934 51.82452630248932)</t>
  </si>
  <si>
    <t>POINT (4.82765073843773 51.82484314941989)</t>
  </si>
  <si>
    <t>POINT (4.828830989288598 51.824274078080265)</t>
  </si>
  <si>
    <t>POINT (4.83367475717434 51.827117685544756)</t>
  </si>
  <si>
    <t>POINT (4.889947908787929 51.82376688525526)</t>
  </si>
  <si>
    <t>POINT (4.843757034911732 51.821872282502696)</t>
  </si>
  <si>
    <t>POINT (4.856188225874827 51.824275183729775)</t>
  </si>
  <si>
    <t>POINT (4.841748564963551 51.82286917027463)</t>
  </si>
  <si>
    <t>POINT (4.884590750653355 51.822890161400025)</t>
  </si>
  <si>
    <t>POINT (4.80983466137619 51.82816550948244)</t>
  </si>
  <si>
    <t>POINT (4.825336391958653 51.82417650586858)</t>
  </si>
  <si>
    <t>POINT (4.840082012516899 51.82310836527876)</t>
  </si>
  <si>
    <t>POINT (4.825067920029987 51.82807555645125)</t>
  </si>
  <si>
    <t>POINT (4.840526735323137 51.826306607693446)</t>
  </si>
  <si>
    <t>POINT (4.8155468982378755 51.82735589479159)</t>
  </si>
  <si>
    <t>POINT (4.805287326147385 51.8271172186983)</t>
  </si>
  <si>
    <t>POINT (4.835354772508742 51.83138822779162)</t>
  </si>
  <si>
    <t>POINT (4.872642095860481 51.82131933225915)</t>
  </si>
  <si>
    <t>POINT (4.831664111207034 51.829788506249585)</t>
  </si>
  <si>
    <t>POINT (4.8218052867695915 51.82352136367733)</t>
  </si>
  <si>
    <t>POINT (4.841971800204127 51.828312980174275)</t>
  </si>
  <si>
    <t>POINT (4.818793529775304 51.825540828032615)</t>
  </si>
  <si>
    <t>POINT (4.855652418364067 51.82296942226117)</t>
  </si>
  <si>
    <t>POINT (4.839562437222892 51.82448642884158)</t>
  </si>
  <si>
    <t>POINT (4.834592607381024 51.82355026134337)</t>
  </si>
  <si>
    <t>POINT (4.81740768503337 51.82639891548747)</t>
  </si>
  <si>
    <t>POINT (4.835985678575617 51.83347619819237)</t>
  </si>
  <si>
    <t>POINT (4.810796589604643 51.82738498785177)</t>
  </si>
  <si>
    <t>POINT (4.844096031784891 51.82140568358792)</t>
  </si>
  <si>
    <t>POINT (4.817348171312027 51.82544969644795)</t>
  </si>
  <si>
    <t>POINT (4.826668553621744 51.825548324637566)</t>
  </si>
  <si>
    <t>POINT (4.885511921882869 51.82092561818764)</t>
  </si>
  <si>
    <t>POINT (4.845084546928663 51.82727154070262)</t>
  </si>
  <si>
    <t>POINT (4.828184538186469 51.82493615345459)</t>
  </si>
  <si>
    <t>POINT (4.832950390213541 51.825957469739514)</t>
  </si>
  <si>
    <t>POINT (4.834814091237567 51.833183058551946)</t>
  </si>
  <si>
    <t>POINT (4.846380341904902 51.83050439891977)</t>
  </si>
  <si>
    <t>POINT (4.843581732901727 51.825583735500906)</t>
  </si>
  <si>
    <t>POINT (4.837361251126858 51.82894344086924)</t>
  </si>
  <si>
    <t>POINT (4.829709143918946 51.82841900307046)</t>
  </si>
  <si>
    <t>POINT (4.833852759386762 51.82876516167234)</t>
  </si>
  <si>
    <t>POINT (4.84252901565649 51.828670910433885)</t>
  </si>
  <si>
    <t>POINT (4.824415507286812 51.82357885022601)</t>
  </si>
  <si>
    <t>3371EA</t>
  </si>
  <si>
    <t>Kanaaldijk-noord</t>
  </si>
  <si>
    <t>POINT (4.859488796378373 51.8223665237997)</t>
  </si>
  <si>
    <t>POINT (4.847115933151439 51.82117769128044)</t>
  </si>
  <si>
    <t>POINT (4.8807433355770815 51.824952433599165)</t>
  </si>
  <si>
    <t>POINT (4.883889815169122 51.825228323173384)</t>
  </si>
  <si>
    <t>POINT (4.827893449048761 51.827352684659296)</t>
  </si>
  <si>
    <t>POINT (4.835624286393572 51.826256708833725)</t>
  </si>
  <si>
    <t>POINT (4.839231545897805 51.8282835022105)</t>
  </si>
  <si>
    <t>POINT (4.821242435504045 51.82725081289641)</t>
  </si>
  <si>
    <t>POINT (4.8122742519342125 51.82733006050281)</t>
  </si>
  <si>
    <t>POINT (4.826320099413677 51.82905300048902)</t>
  </si>
  <si>
    <t>POINT (4.847739697001106 51.821171571176315)</t>
  </si>
  <si>
    <t>POINT (4.831993877730973 51.82421717249278)</t>
  </si>
  <si>
    <t>POINT (4.83963859633411 51.830157577782614)</t>
  </si>
  <si>
    <t>POINT (4.875316804194594 51.82080070432299)</t>
  </si>
  <si>
    <t>POINT (4.833008534923769 51.82899488112654)</t>
  </si>
  <si>
    <t>POINT (4.8405034975098085 51.82463463203779)</t>
  </si>
  <si>
    <t>POINT (4.831155141537017 51.825183964842665)</t>
  </si>
  <si>
    <t>POINT (4.822109089097448 51.823585746472574)</t>
  </si>
  <si>
    <t>POINT (4.829085171798646 51.82483257657903)</t>
  </si>
  <si>
    <t>POINT (4.839490023023275 51.824477102443375)</t>
  </si>
  <si>
    <t>POINT (4.839406896994101 51.82215644041232)</t>
  </si>
  <si>
    <t>POINT (4.8415674231665955 51.82302164586298)</t>
  </si>
  <si>
    <t>POINT (4.8155342998835415 51.827434195609136)</t>
  </si>
  <si>
    <t>POINT (4.839292110458297 51.822294525908696)</t>
  </si>
  <si>
    <t>POINT (4.8296900810916545 51.828700523443146)</t>
  </si>
  <si>
    <t>POINT (4.843668654783101 51.825593126540355)</t>
  </si>
  <si>
    <t>POINT (4.836564688642125 51.83358471930141)</t>
  </si>
  <si>
    <t>POINT (4.8303296953692625 51.82507218932464)</t>
  </si>
  <si>
    <t>POINT (4.877008754909116 51.82184542628046)</t>
  </si>
  <si>
    <t>POINT (4.833819884571037 51.8290796054368)</t>
  </si>
  <si>
    <t>POINT (4.821371293170357 51.823866661868934)</t>
  </si>
  <si>
    <t>POINT (4.888114715351036 51.825013523428865)</t>
  </si>
  <si>
    <t>POINT (4.84434670818493 51.829515263198)</t>
  </si>
  <si>
    <t>POINT (4.87648766573747 51.82243272597804)</t>
  </si>
  <si>
    <t>POINT (4.812573321067537 51.82882133213501)</t>
  </si>
  <si>
    <t>POINT (4.838854834364904 51.82899536968542)</t>
  </si>
  <si>
    <t>POINT (4.843497389569131 51.82656309486273)</t>
  </si>
  <si>
    <t>POINT (4.873225831789966 51.821007291566694)</t>
  </si>
  <si>
    <t>POINT (4.842190808548501 51.82612967612445)</t>
  </si>
  <si>
    <t>POINT (4.834285520788432 51.82337142638743)</t>
  </si>
  <si>
    <t>POINT (4.84293613750442 51.82258756194706)</t>
  </si>
  <si>
    <t>POINT (4.842407910833509 51.82548840827339)</t>
  </si>
  <si>
    <t>POINT (4.8176670750541595 51.82754641190664)</t>
  </si>
  <si>
    <t>POINT (4.83149589431792 51.826570038358874)</t>
  </si>
  <si>
    <t>POINT (4.843605667996512 51.82981610477071)</t>
  </si>
  <si>
    <t>POINT (4.818277035625997 51.8283940863257)</t>
  </si>
  <si>
    <t>POINT (4.822561591111515 51.82683278935891)</t>
  </si>
  <si>
    <t>POINT (4.814824353310787 51.82690643397319)</t>
  </si>
  <si>
    <t>POINT (4.880487361909604 51.822755669285286)</t>
  </si>
  <si>
    <t>POINT (4.898159933010675 51.827314287650225)</t>
  </si>
  <si>
    <t>POINT (4.897079130907042 51.82636634742819)</t>
  </si>
  <si>
    <t>POINT (4.817419349410724 51.826328807494086)</t>
  </si>
  <si>
    <t>POINT (4.832413060256071 51.82315850650522)</t>
  </si>
  <si>
    <t>POINT (4.8275636273619265 51.822371459522174)</t>
  </si>
  <si>
    <t>POINT (4.832359310689351 51.82988167943216)</t>
  </si>
  <si>
    <t>POINT (4.855265974555801 51.82375866208439)</t>
  </si>
  <si>
    <t>POINT (4.879012622337504 51.82490653694236)</t>
  </si>
  <si>
    <t>POINT (4.842147630446166 51.826619755155036)</t>
  </si>
  <si>
    <t>POINT (4.826763243136737 51.82724842027101)</t>
  </si>
  <si>
    <t>POINT (4.823917753832635 51.82394499311697)</t>
  </si>
  <si>
    <t>POINT (4.878221560532203 51.823024510481396)</t>
  </si>
  <si>
    <t>POINT (4.831366452375731 51.82692905696502)</t>
  </si>
  <si>
    <t>POINT (4.848910006043905 51.82819770505266)</t>
  </si>
  <si>
    <t>POINT (4.878169816018692 51.825037712950916)</t>
  </si>
  <si>
    <t>POINT (4.888086560488594 51.825388125530765)</t>
  </si>
  <si>
    <t>POINT (4.910035350995382 51.83093348429663)</t>
  </si>
  <si>
    <t>POINT (4.82143620067597 51.82357459521297)</t>
  </si>
  <si>
    <t>POINT (4.855239455636119 51.82600567337278)</t>
  </si>
  <si>
    <t>POINT (4.883438546677189 51.82215715288269)</t>
  </si>
  <si>
    <t>POINT (4.812572435651848 51.82778032787166)</t>
  </si>
  <si>
    <t>POINT (4.826150437211543 51.824036582854625)</t>
  </si>
  <si>
    <t>POINT (4.884132532769074 51.82235787639971)</t>
  </si>
  <si>
    <t>POINT (4.832851754617998 51.82994692561236)</t>
  </si>
  <si>
    <t>POINT (4.842126482068753 51.82956789503064)</t>
  </si>
  <si>
    <t>POINT (4.848067980521817 51.82715108190304)</t>
  </si>
  <si>
    <t>POINT (4.829361071928682 51.8271529317109)</t>
  </si>
  <si>
    <t>POINT (4.828546356041429 51.8238322851269)</t>
  </si>
  <si>
    <t>POINT (4.813333053740941 51.827606506893)</t>
  </si>
  <si>
    <t>POINT (4.825307158754366 51.82419434302812)</t>
  </si>
  <si>
    <t>POINT (4.883848662830445 51.82061957559063)</t>
  </si>
  <si>
    <t>POINT (4.835028145701628 51.824225948091545)</t>
  </si>
  <si>
    <t>POINT (4.827871455479626 51.824449280683204)</t>
  </si>
  <si>
    <t>POINT (4.838241810542122 51.825048731211325)</t>
  </si>
  <si>
    <t>POINT (4.817838700737671 51.828344537556326)</t>
  </si>
  <si>
    <t>POINT (4.855776254159458 51.825999116214845)</t>
  </si>
  <si>
    <t>POINT (4.836484041034963 51.82475067126449)</t>
  </si>
  <si>
    <t>POINT (4.829496398904059 51.82911206948188)</t>
  </si>
  <si>
    <t>POINT (4.88513172443572 51.82120263645914)</t>
  </si>
  <si>
    <t>POINT (4.884272344489299 51.824109032757455)</t>
  </si>
  <si>
    <t>POINT (4.838954153062969 51.82679364299085)</t>
  </si>
  <si>
    <t>POINT (4.888047913127203 51.82374983290375)</t>
  </si>
  <si>
    <t>3373LC</t>
  </si>
  <si>
    <t>Zwijnskade</t>
  </si>
  <si>
    <t>POINT (4.804394364868793 51.845415177952844)</t>
  </si>
  <si>
    <t>POINT (4.81514793261006 51.824621665495215)</t>
  </si>
  <si>
    <t>POINT (4.877187917116446 51.82592331366734)</t>
  </si>
  <si>
    <t>POINT (4.876682224782261 51.82190324989125)</t>
  </si>
  <si>
    <t>POINT (4.837465493200902 51.831101176664106)</t>
  </si>
  <si>
    <t>POINT (4.84627760482237 51.82596426057573)</t>
  </si>
  <si>
    <t>POINT (4.821754034588497 51.8229818038394)</t>
  </si>
  <si>
    <t>POINT (4.839798087756647 51.82658185665341)</t>
  </si>
  <si>
    <t>POINT (4.821891523717413 51.82358469887164)</t>
  </si>
  <si>
    <t>POINT (4.83880979457495 51.825543562335476)</t>
  </si>
  <si>
    <t>POINT (4.8371423494715495 51.824295342504996)</t>
  </si>
  <si>
    <t>POINT (4.890135092363143 51.82211795445375)</t>
  </si>
  <si>
    <t>POINT (4.829357449394818 51.822757517260364)</t>
  </si>
  <si>
    <t>POINT (4.88541599244214 51.823028519623556)</t>
  </si>
  <si>
    <t>POINT (4.814122443096953 51.82688309072351)</t>
  </si>
  <si>
    <t>POINT (4.880712561770055 51.82336786002832)</t>
  </si>
  <si>
    <t>POINT (4.882063787937315 51.82316694672405)</t>
  </si>
  <si>
    <t>POINT (4.818673377981523 51.822274804592375)</t>
  </si>
  <si>
    <t>POINT (4.8400049578486595 51.82985464677815)</t>
  </si>
  <si>
    <t>POINT (4.855243486708475 51.82566412769678)</t>
  </si>
  <si>
    <t>POINT (4.828262137401019 51.82920607987932)</t>
  </si>
  <si>
    <t>POINT (4.8377392326065465 51.82536281222872)</t>
  </si>
  <si>
    <t>POINT (4.829418135147473 51.82254208057557)</t>
  </si>
  <si>
    <t>POINT (4.842158766337486 51.82689845135682)</t>
  </si>
  <si>
    <t>POINT (4.87905066524988 51.825392081222404)</t>
  </si>
  <si>
    <t>POINT (4.817679239941782 51.827064747693825)</t>
  </si>
  <si>
    <t>POINT (4.833598096915639 51.8281800926664)</t>
  </si>
  <si>
    <t>POINT (4.884575043745139 51.82299795626656)</t>
  </si>
  <si>
    <t>POINT (4.825167857395426 51.82722281557495)</t>
  </si>
  <si>
    <t>POINT (4.886028970503917 51.822689574974184)</t>
  </si>
  <si>
    <t>POINT (4.8179503216800095 51.82401874660244)</t>
  </si>
  <si>
    <t>POINT (4.825564813258629 51.828361073891664)</t>
  </si>
  <si>
    <t>POINT (4.881940629402397 51.82634477167157)</t>
  </si>
  <si>
    <t>POINT (4.82794620914126 51.824269865981776)</t>
  </si>
  <si>
    <t>POINT (4.829356998892527 51.82865399840507)</t>
  </si>
  <si>
    <t>POINT (4.834032127382907 51.82833455732406)</t>
  </si>
  <si>
    <t>POINT (4.839492881797368 51.82272341620863)</t>
  </si>
  <si>
    <t>POINT (4.82108111758148 51.8279015247704)</t>
  </si>
  <si>
    <t>POINT (4.8406733039717835 51.82498597563504)</t>
  </si>
  <si>
    <t>POINT (4.839998643688686 51.828943315164565)</t>
  </si>
  <si>
    <t>POINT (4.83817862643412 51.83091575480143)</t>
  </si>
  <si>
    <t>POINT (4.823955064752132 51.82404456750929)</t>
  </si>
  <si>
    <t>POINT (4.834123449944251 51.825863742186534)</t>
  </si>
  <si>
    <t>POINT (4.836942946033347 51.824733542948564)</t>
  </si>
  <si>
    <t>POINT (4.888306972181678 51.82670419752989)</t>
  </si>
  <si>
    <t>POINT (4.8367770064112925 51.825704830322586)</t>
  </si>
  <si>
    <t>POINT (4.810736125742767 51.827923770354715)</t>
  </si>
  <si>
    <t>POINT (4.837009899922988 51.83395739462864)</t>
  </si>
  <si>
    <t>POINT (4.8370346433626965 51.833119114616196)</t>
  </si>
  <si>
    <t>POINT (4.895634672539474 51.82503125010011)</t>
  </si>
  <si>
    <t>POINT (4.82303456355964 51.82265538917447)</t>
  </si>
  <si>
    <t>POINT (4.82699777173672 51.828220302157476)</t>
  </si>
  <si>
    <t>POINT (4.830710909023529 51.82566284550274)</t>
  </si>
  <si>
    <t>POINT (4.881854479780625 51.82372333351822)</t>
  </si>
  <si>
    <t>POINT (4.815536901379012 51.82731144267601)</t>
  </si>
  <si>
    <t>POINT (4.833425335330949 51.8288248074901)</t>
  </si>
  <si>
    <t>POINT (4.821833957233834 51.82354846741975)</t>
  </si>
  <si>
    <t>POINT (4.885664615554849 51.82490640965325)</t>
  </si>
  <si>
    <t>POINT (4.833661780472376 51.82501238282424)</t>
  </si>
  <si>
    <t>POINT (4.833337040457593 51.82407639339116)</t>
  </si>
  <si>
    <t>POINT (4.836085820363209 51.824101627522346)</t>
  </si>
  <si>
    <t>POINT (4.827678989319742 51.82826849377033)</t>
  </si>
  <si>
    <t>POINT (4.841129651773215 51.82986132199593)</t>
  </si>
  <si>
    <t>POINT (4.885443400269998 51.823172452930976)</t>
  </si>
  <si>
    <t>POINT (4.837122312164212 51.83187989040303)</t>
  </si>
  <si>
    <t>POINT (4.831951138975303 51.82650904810237)</t>
  </si>
  <si>
    <t>POINT (4.828912735908886 51.82510487345148)</t>
  </si>
  <si>
    <t>POINT (4.837127409151313 51.824269169778965)</t>
  </si>
  <si>
    <t>POINT (4.828814205032676 51.82679977857892)</t>
  </si>
  <si>
    <t>POINT (4.878809553831857 51.82490565765138)</t>
  </si>
  <si>
    <t>POINT (4.877913703448204 51.82459616499423)</t>
  </si>
  <si>
    <t>POINT (4.885837461131035 51.824344620238456)</t>
  </si>
  <si>
    <t>POINT (4.817574325848455 51.82752417363605)</t>
  </si>
  <si>
    <t>POINT (4.8785762834186635 51.82501029811555)</t>
  </si>
  <si>
    <t>POINT (4.830383999816164 51.829743413174754)</t>
  </si>
  <si>
    <t>POINT (4.821412970399593 51.82396692328955)</t>
  </si>
  <si>
    <t>POINT (4.826217894546262 51.82415487093139)</t>
  </si>
  <si>
    <t>POINT (4.844737247963089 51.828071928876895)</t>
  </si>
  <si>
    <t>POINT (4.888529359928437 51.8221878788016)</t>
  </si>
  <si>
    <t>POINT (4.879871336280545 51.82612210920216)</t>
  </si>
  <si>
    <t>POINT (4.8356152809912585 51.825807239661174)</t>
  </si>
  <si>
    <t>POINT (4.84321829915326 51.83165829776067)</t>
  </si>
  <si>
    <t>POINT (4.897030902466474 51.8260258235006)</t>
  </si>
  <si>
    <t>POINT (4.824207011577753 51.82749685610082)</t>
  </si>
  <si>
    <t>POINT (4.819824687087625 51.82530052817237)</t>
  </si>
  <si>
    <t>POINT (4.838153179229969 51.83101466242643)</t>
  </si>
  <si>
    <t>POINT (4.837973808305701 51.82629469087125)</t>
  </si>
  <si>
    <t>POINT (4.833321262735656 51.82951769210524)</t>
  </si>
  <si>
    <t>POINT (4.843842715362953 51.82559393236464)</t>
  </si>
  <si>
    <t>POINT (4.888483950792595 51.82488421105294)</t>
  </si>
  <si>
    <t>POINT (4.831833998021514 51.8230658827684)</t>
  </si>
  <si>
    <t>POINT (4.828578948158352 51.82772391265863)</t>
  </si>
  <si>
    <t>POINT (4.829838561481849 51.828096218983006)</t>
  </si>
  <si>
    <t>POINT (4.879359051233234 51.82409875554418)</t>
  </si>
  <si>
    <t>POINT (4.88410955817946 51.82615918913843)</t>
  </si>
  <si>
    <t>POINT (4.841145684872051 51.82267598102051)</t>
  </si>
  <si>
    <t>POINT (4.879889466778347 51.82528714600087)</t>
  </si>
  <si>
    <t>POINT (4.880558541249487 51.8267468751876)</t>
  </si>
  <si>
    <t>POINT (4.8436470665583435 51.83013646781749)</t>
  </si>
  <si>
    <t>POINT (4.826260687288795 51.82244251468744)</t>
  </si>
  <si>
    <t>POINT (4.835020321612768 51.8270089064634)</t>
  </si>
  <si>
    <t>POINT (4.833604518657536 51.82480634713491)</t>
  </si>
  <si>
    <t>POINT (4.832593519249753 51.82527565735373)</t>
  </si>
  <si>
    <t>POINT (4.8330026508418955 51.82357476458489)</t>
  </si>
  <si>
    <t>POINT (4.861206955073275 51.82055855335353)</t>
  </si>
  <si>
    <t>POINT (4.809710947252327 51.82872709889693)</t>
  </si>
  <si>
    <t>POINT (4.830029254552905 51.823560688478516)</t>
  </si>
  <si>
    <t>POINT (4.889361261014942 51.82514837690936)</t>
  </si>
  <si>
    <t>POINT (4.813141879281225 51.828923626103844)</t>
  </si>
  <si>
    <t>POINT (4.88385038510053 51.82449213908372)</t>
  </si>
  <si>
    <t>POINT (4.885089282480501 51.823027176508766)</t>
  </si>
  <si>
    <t>POINT (4.883719185360763 51.82560095610302)</t>
  </si>
  <si>
    <t>POINT (4.877721257492213 51.82622225048123)</t>
  </si>
  <si>
    <t>POINT (4.882523573525717 51.828605120173485)</t>
  </si>
  <si>
    <t>POINT (4.833723653727552 51.82662900258054)</t>
  </si>
  <si>
    <t>POINT (4.845221855097084 51.82366899601058)</t>
  </si>
  <si>
    <t>POINT (4.824844095494 51.82294271746883)</t>
  </si>
  <si>
    <t>POINT (4.8242954882970635 51.823625527523085)</t>
  </si>
  <si>
    <t>POINT (4.878855444963083 51.83112590391883)</t>
  </si>
  <si>
    <t>POINT (4.81598316692247 51.825102126200555)</t>
  </si>
  <si>
    <t>POINT (4.838067579044926 51.82455135354069)</t>
  </si>
  <si>
    <t>POINT (4.881399292607169 51.82421574114303)</t>
  </si>
  <si>
    <t>POINT (4.825336616039819 51.82415852984935)</t>
  </si>
  <si>
    <t>POINT (4.8261548311376 51.82406115157395)</t>
  </si>
  <si>
    <t>POINT (4.878707816787925 51.824923194018524)</t>
  </si>
  <si>
    <t>POINT (4.878558405589062 51.82402369551132)</t>
  </si>
  <si>
    <t>POINT (4.82446569869948 51.825367811544325)</t>
  </si>
  <si>
    <t>POINT (4.8211708252641134 51.82717856824603)</t>
  </si>
  <si>
    <t>POINT (4.84018711744814 51.82560391991882)</t>
  </si>
  <si>
    <t>POINT (4.81262828106468 51.82654499004009)</t>
  </si>
  <si>
    <t>POINT (4.888117350784189 51.824028771863865)</t>
  </si>
  <si>
    <t>POINT (4.814173192336108 51.826615623479285)</t>
  </si>
  <si>
    <t>POINT (4.839896329036289 51.82924292030654)</t>
  </si>
  <si>
    <t>POINT (4.812739305433098 51.82882733091218)</t>
  </si>
  <si>
    <t>POINT (4.845185848450935 51.826085522483886)</t>
  </si>
  <si>
    <t>POINT (4.838309561899239 51.824930003859286)</t>
  </si>
  <si>
    <t>POINT (4.824004106869793 51.82399933875306)</t>
  </si>
  <si>
    <t>POINT (4.844119098852183 51.82181942478531)</t>
  </si>
  <si>
    <t>POINT (4.878730427229594 51.82291885367405)</t>
  </si>
  <si>
    <t>POINT (4.855250722768525 51.82873823547211)</t>
  </si>
  <si>
    <t>POINT (4.832770555547132 51.82829265158659)</t>
  </si>
  <si>
    <t>POINT (4.889571088277294 51.82373832290389)</t>
  </si>
  <si>
    <t>POINT (4.85522792078471 51.82575394240598)</t>
  </si>
  <si>
    <t>POINT (4.830149177240003 51.82324665862818)</t>
  </si>
  <si>
    <t>POINT (4.839335529408192 51.827640345693666)</t>
  </si>
  <si>
    <t>POINT (4.820404657328769 51.825321307133244)</t>
  </si>
  <si>
    <t>POINT (4.845162957165211 51.82316414371758)</t>
  </si>
  <si>
    <t>POINT (4.813894961928475 51.82821339092021)</t>
  </si>
  <si>
    <t>POINT (4.820625048723211 51.825033587034376)</t>
  </si>
  <si>
    <t>POINT (4.881040149589062 51.82648828601516)</t>
  </si>
  <si>
    <t>POINT (4.878306150924989 51.82324060156311)</t>
  </si>
  <si>
    <t>POINT (4.835475749035583 51.82417066994605)</t>
  </si>
  <si>
    <t>POINT (4.835176033930595 51.83206119472293)</t>
  </si>
  <si>
    <t>POINT (4.819299688310094 51.82667323724439)</t>
  </si>
  <si>
    <t>POINT (4.891740905632667 51.82276866199066)</t>
  </si>
  <si>
    <t>POINT (4.878132098655591 51.82323984686724)</t>
  </si>
  <si>
    <t>POINT (4.831619621734455 51.82633669727972)</t>
  </si>
  <si>
    <t>POINT (4.836334181974912 51.83107789648264)</t>
  </si>
  <si>
    <t>POINT (4.835145559609608 51.82862743189814)</t>
  </si>
  <si>
    <t>POINT (4.8192537937637665 51.8268617746928)</t>
  </si>
  <si>
    <t>POINT (4.817708391054685 51.82635694207303)</t>
  </si>
  <si>
    <t>POINT (4.836128453396292 51.826546709900185)</t>
  </si>
  <si>
    <t>POINT (4.909496873376822 51.8309939172585)</t>
  </si>
  <si>
    <t>POINT (4.829645321296774 51.824363510846084)</t>
  </si>
  <si>
    <t>POINT (4.826209238323663 51.82397394407344)</t>
  </si>
  <si>
    <t>POINT (4.883749299942303 51.825502211675506)</t>
  </si>
  <si>
    <t>POINT (4.8218067860678255 51.8257145765545)</t>
  </si>
  <si>
    <t>POINT (4.878573721568821 51.82395185377571)</t>
  </si>
  <si>
    <t>POINT (4.908613861092564 51.830810551217205)</t>
  </si>
  <si>
    <t>POINT (4.837963527098507 51.82475760308158)</t>
  </si>
  <si>
    <t>POINT (4.833087744221975 51.826016723465386)</t>
  </si>
  <si>
    <t>POINT (4.847116938446503 51.82760064885171)</t>
  </si>
  <si>
    <t>POINT (4.837288230808073 51.831361013834396)</t>
  </si>
  <si>
    <t>POINT (4.845961716922285 51.82651558115914)</t>
  </si>
  <si>
    <t>POINT (4.840872403190425 51.821956273546185)</t>
  </si>
  <si>
    <t>POINT (4.838473297469956 51.82935312815167)</t>
  </si>
  <si>
    <t>POINT (4.881943921564329 51.824802339756616)</t>
  </si>
  <si>
    <t>POINT (4.843913851618775 51.821236287462305)</t>
  </si>
  <si>
    <t>POINT (4.82259022909142 51.8222307908694)</t>
  </si>
  <si>
    <t>POINT (4.821667009605734 51.82298138458579)</t>
  </si>
  <si>
    <t>POINT (4.879436200576065 51.824647703090996)</t>
  </si>
  <si>
    <t>POINT (4.82513887152265 51.8307102306426)</t>
  </si>
  <si>
    <t>BU05230404</t>
  </si>
  <si>
    <t>Giessendam Het oog</t>
  </si>
  <si>
    <t>POINT (4.878576155664361 51.82373614001855)</t>
  </si>
  <si>
    <t>POINT (4.8348906198135415 51.82812287474699)</t>
  </si>
  <si>
    <t>POINT (4.855836640576514 51.82210735765312)</t>
  </si>
  <si>
    <t>POINT (4.886002160706298 51.82249171329529)</t>
  </si>
  <si>
    <t>POINT (4.828939724559909 51.82252182911706)</t>
  </si>
  <si>
    <t>POINT (4.840693233179253 51.8295428948731)</t>
  </si>
  <si>
    <t>POINT (4.828922454906927 51.82742949127741)</t>
  </si>
  <si>
    <t>POINT (4.828376109459163 51.82469437495274)</t>
  </si>
  <si>
    <t>POINT (4.839387458655574 51.82694847097291)</t>
  </si>
  <si>
    <t>POINT (4.907471551710166 51.830455337952905)</t>
  </si>
  <si>
    <t>POINT (4.882946817749068 51.822029202370416)</t>
  </si>
  <si>
    <t>POINT (4.850453204106667 51.82779285400917)</t>
  </si>
  <si>
    <t>POINT (4.828773944638686 51.82302439907045)</t>
  </si>
  <si>
    <t>POINT (4.886992872173247 51.823403778576406)</t>
  </si>
  <si>
    <t>POINT (4.84641555330155 51.83205411983372)</t>
  </si>
  <si>
    <t>POINT (4.88654402178198 51.824263476460054)</t>
  </si>
  <si>
    <t>POINT (4.829191204499177 51.82524294023576)</t>
  </si>
  <si>
    <t>POINT (4.880993604988397 51.826757740562826)</t>
  </si>
  <si>
    <t>POINT (4.824012693456197 51.82679481758934)</t>
  </si>
  <si>
    <t>POINT (4.817999225942714 51.825120908124426)</t>
  </si>
  <si>
    <t>POINT (4.828588426613359 51.82980087650349)</t>
  </si>
  <si>
    <t>POINT (4.851225119394235 51.8269042427795)</t>
  </si>
  <si>
    <t>POINT (4.888370394824736 51.823445594486714)</t>
  </si>
  <si>
    <t>POINT (4.834844318088403 51.83308432694221)</t>
  </si>
  <si>
    <t>POINT (4.831749630942172 51.82284975853678)</t>
  </si>
  <si>
    <t>POINT (4.8183686087882 51.82803498824997)</t>
  </si>
  <si>
    <t>POINT (4.837817902567281 51.8242401526257)</t>
  </si>
  <si>
    <t>POINT (4.840081436175991 51.82594499171183)</t>
  </si>
  <si>
    <t>POINT (4.8264823504036 51.822479842567844)</t>
  </si>
  <si>
    <t>POINT (4.8836839108806585 51.824000850277095)</t>
  </si>
  <si>
    <t>POINT (4.882206829918011 51.827230368268346)</t>
  </si>
  <si>
    <t>POINT (4.841922909678299 51.82861416548006)</t>
  </si>
  <si>
    <t>POINT (4.840844965008339 51.82986225351317)</t>
  </si>
  <si>
    <t>POINT (4.819587644549442 51.82684541238403)</t>
  </si>
  <si>
    <t>POINT (4.817656568351326 51.82869119617744)</t>
  </si>
  <si>
    <t>POINT (4.839557115850601 51.82969975341551)</t>
  </si>
  <si>
    <t>POINT (4.829652696918953 51.823513957754535)</t>
  </si>
  <si>
    <t>POINT (4.824705482362539 51.82358922870779)</t>
  </si>
  <si>
    <t>POINT (4.834398146627377 51.82899808937992)</t>
  </si>
  <si>
    <t>POINT (4.877347813273085 51.82461168551673)</t>
  </si>
  <si>
    <t>POINT (4.8317092075465125 51.82495288607069)</t>
  </si>
  <si>
    <t>POINT (4.836369911870873 51.83408922153747)</t>
  </si>
  <si>
    <t>POINT (4.8400377973775965 51.82834472664329)</t>
  </si>
  <si>
    <t>POINT (4.821906478966991 51.82354881670039)</t>
  </si>
  <si>
    <t>POINT (4.844640742875199 51.8316019606487)</t>
  </si>
  <si>
    <t>POINT (4.816662621179986 51.82299312096436)</t>
  </si>
  <si>
    <t>POINT (4.832353351559763 51.82558167877229)</t>
  </si>
  <si>
    <t>POINT (4.822657647961897 51.824954645283576)</t>
  </si>
  <si>
    <t>POINT (4.836524160812642 51.82621599103911)</t>
  </si>
  <si>
    <t>POINT (4.830427977388498 51.829194539012555)</t>
  </si>
  <si>
    <t>POINT (4.846644935465565 51.823091995514)</t>
  </si>
  <si>
    <t>POINT (4.836177574487649 51.83083447116276)</t>
  </si>
  <si>
    <t>POINT (4.886130882212341 51.821350722033266)</t>
  </si>
  <si>
    <t>POINT (4.825601111414004 51.828372537157875)</t>
  </si>
  <si>
    <t>POINT (4.835252894749818 51.831798425856775)</t>
  </si>
  <si>
    <t>POINT (4.8287561277812205 51.82446248136385)</t>
  </si>
  <si>
    <t>POINT (4.844015165451584 51.82259522977718)</t>
  </si>
  <si>
    <t>POINT (4.8225575038682305 51.82415660081376)</t>
  </si>
  <si>
    <t>POINT (4.8220356992378415 51.822497778670645)</t>
  </si>
  <si>
    <t>POINT (4.843432312156474 51.82233818253549)</t>
  </si>
  <si>
    <t>POINT (4.844283705077305 51.82872398135622)</t>
  </si>
  <si>
    <t>POINT (4.837796984461084 51.82564449563696)</t>
  </si>
  <si>
    <t>POINT (4.824882066169222 51.82484750047273)</t>
  </si>
  <si>
    <t>POINT (4.829990778430132 51.82620610342453)</t>
  </si>
  <si>
    <t>POINT (4.880712725124422 51.82464422932527)</t>
  </si>
  <si>
    <t>POINT (4.882483683593866 51.828837957696926)</t>
  </si>
  <si>
    <t>POINT (4.88166116016138 51.826733651739346)</t>
  </si>
  <si>
    <t>POINT (4.844477790661556 51.8222441472213)</t>
  </si>
  <si>
    <t>POINT (4.881820418171141 51.82676130299286)</t>
  </si>
  <si>
    <t>POINT (4.841861873026212 51.826258886673614)</t>
  </si>
  <si>
    <t>POINT (4.880482254122455 51.82191971551359)</t>
  </si>
  <si>
    <t>POINT (4.829177095707962 51.82710775277577)</t>
  </si>
  <si>
    <t>POINT (4.844007578618246 51.82515425728147)</t>
  </si>
  <si>
    <t>POINT (4.879406304601857 51.82601382737594)</t>
  </si>
  <si>
    <t>POINT (4.867752785131421 51.82017423185359)</t>
  </si>
  <si>
    <t>POINT (4.829765787462739 51.8225796862727)</t>
  </si>
  <si>
    <t>POINT (4.881688972246012 51.825547288408806)</t>
  </si>
  <si>
    <t>POINT (4.831277335516676 51.828213681339754)</t>
  </si>
  <si>
    <t>POINT (4.881735144789889 51.820136403096214)</t>
  </si>
  <si>
    <t>POINT (4.882938221416946 51.82539086825844)</t>
  </si>
  <si>
    <t>POINT (4.836971801209683 51.832324773449606)</t>
  </si>
  <si>
    <t>POINT (4.8389482140973445 51.82833485209851)</t>
  </si>
  <si>
    <t>POINT (4.909926681648496 51.83088356095018)</t>
  </si>
  <si>
    <t>POINT (4.829346010154319 51.827197802834704)</t>
  </si>
  <si>
    <t>POINT (4.821935600377519 51.823539968394044)</t>
  </si>
  <si>
    <t>POINT (4.881652021373856 51.82366853069068)</t>
  </si>
  <si>
    <t>POINT (4.8249486334111005 51.828516115832215)</t>
  </si>
  <si>
    <t>POINT (4.834981965955236 51.83132322243793)</t>
  </si>
  <si>
    <t>POINT (4.821141077626187 51.82674505106036)</t>
  </si>
  <si>
    <t>POINT (4.842316425782863 51.82585651351205)</t>
  </si>
  <si>
    <t>POINT (4.883861356798879 51.82438512400024)</t>
  </si>
  <si>
    <t>POINT (4.822177637484851 51.82506019830248)</t>
  </si>
  <si>
    <t>POINT (4.893633639720196 51.823638624218425)</t>
  </si>
  <si>
    <t>POINT (4.8819591287015704 51.82603383093543)</t>
  </si>
  <si>
    <t>POINT (4.888480563157555 51.82397638450482)</t>
  </si>
  <si>
    <t>POINT (4.837521088992757 51.82635881732952)</t>
  </si>
  <si>
    <t>POINT (4.888130312138439 51.821547998726764)</t>
  </si>
  <si>
    <t>POINT (4.843950676033446 51.82145071765156)</t>
  </si>
  <si>
    <t>POINT (4.8426060939910185 51.82589381187013)</t>
  </si>
  <si>
    <t>POINT (4.855249611563936 51.826374248897736)</t>
  </si>
  <si>
    <t>POINT (4.83564026159852 51.83206337669833)</t>
  </si>
  <si>
    <t>POINT (4.882676509064951 51.82414932946442)</t>
  </si>
  <si>
    <t>POINT (4.883682043849828 51.82403813559424)</t>
  </si>
  <si>
    <t>POINT (4.8843779596845875 51.824029550396034)</t>
  </si>
  <si>
    <t>POINT (4.850467773142836 51.82146669494416)</t>
  </si>
  <si>
    <t>POINT (4.880743153048324 51.825259147738656)</t>
  </si>
  <si>
    <t>POINT (4.872520733175538 51.823041027215375)</t>
  </si>
  <si>
    <t>POINT (4.807494903026712 51.82416165722789)</t>
  </si>
  <si>
    <t>POINT (4.829130467907676 51.82518795621652)</t>
  </si>
  <si>
    <t>POINT (4.809836919213736 51.82827009340078)</t>
  </si>
  <si>
    <t>POINT (4.836944166171176 51.83339979781752)</t>
  </si>
  <si>
    <t>POINT (4.8289096509446034 51.82846311242207)</t>
  </si>
  <si>
    <t>POINT (4.824166105050678 51.82264284522178)</t>
  </si>
  <si>
    <t>POINT (4.88476810773466 51.82259429983006)</t>
  </si>
  <si>
    <t>POINT (4.842935160775737 51.822668454243036)</t>
  </si>
  <si>
    <t>POINT (4.855236144805661 51.8225990068312)</t>
  </si>
  <si>
    <t>POINT (4.834264710646553 51.828700201105974)</t>
  </si>
  <si>
    <t>POINT (4.832007058985064 51.829035091668025)</t>
  </si>
  <si>
    <t>POINT (4.819513433716118 51.82813041562645)</t>
  </si>
  <si>
    <t>POINT (4.835664902697409 51.8300500613706)</t>
  </si>
  <si>
    <t>POINT (4.810611165977031 51.82847593457534)</t>
  </si>
  <si>
    <t>POINT (4.831515459409272 51.82301943250543)</t>
  </si>
  <si>
    <t>POINT (4.839180696003553 51.8260576409948)</t>
  </si>
  <si>
    <t>POINT (4.839911126202553 51.822610376665644)</t>
  </si>
  <si>
    <t>POINT (4.817785021469381 51.82598306660149)</t>
  </si>
  <si>
    <t>POINT (4.84125312035396 51.82262468881174)</t>
  </si>
  <si>
    <t>POINT (4.845118461312835 51.82715106226054)</t>
  </si>
  <si>
    <t>POINT (4.885463106937687 51.82270513466882)</t>
  </si>
  <si>
    <t>POINT (4.827001793708111 51.82789673388923)</t>
  </si>
  <si>
    <t>POINT (4.828427312008476 51.82407440919041)</t>
  </si>
  <si>
    <t>POINT (4.847227414074855 51.8271906779557)</t>
  </si>
  <si>
    <t>POINT (4.837149750687182 51.82606611899045)</t>
  </si>
  <si>
    <t>POINT (4.829772562131075 51.828529692469246)</t>
  </si>
  <si>
    <t>POINT (4.817797037466377 51.825886219341584)</t>
  </si>
  <si>
    <t>POINT (4.828385337397829 51.82979990992677)</t>
  </si>
  <si>
    <t>POINT (4.882544888063174 51.82858143720637)</t>
  </si>
  <si>
    <t>POINT (4.890232512817468 51.82295013643335)</t>
  </si>
  <si>
    <t>POINT (4.835693142417267 51.82882953322821)</t>
  </si>
  <si>
    <t>POINT (4.8253079430787675 51.82413142696105)</t>
  </si>
  <si>
    <t>POINT (4.83276593741888 51.823951165481354)</t>
  </si>
  <si>
    <t>POINT (4.862007053960528 51.820355399918235)</t>
  </si>
  <si>
    <t>POINT (4.821372880868335 51.823674323562905)</t>
  </si>
  <si>
    <t>POINT (4.906790597732145 51.83037165700522)</t>
  </si>
  <si>
    <t>POINT (4.88130350988646 51.823702983267445)</t>
  </si>
  <si>
    <t>POINT (4.852519519792145 51.82662251281771)</t>
  </si>
  <si>
    <t>POINT (4.823957398610481 51.82889787131418)</t>
  </si>
  <si>
    <t>POINT (4.85520891136512 51.8236775067386)</t>
  </si>
  <si>
    <t>POINT (4.825811219571467 51.822677052299866)</t>
  </si>
  <si>
    <t>POINT (4.841492339564115 51.82922338476321)</t>
  </si>
  <si>
    <t>POINT (4.8330316464632865 51.828843713175495)</t>
  </si>
  <si>
    <t>POINT (4.843559279653444 51.82832919629483)</t>
  </si>
  <si>
    <t>POINT (4.834181091536157 51.82617390259756)</t>
  </si>
  <si>
    <t>POINT (4.826237464286402 51.82403699878627)</t>
  </si>
  <si>
    <t>POINT (4.829961569958251 51.82434237043032)</t>
  </si>
  <si>
    <t>POINT (4.886082347478047 51.82438453220763)</t>
  </si>
  <si>
    <t>POINT (4.842687197918946 51.82518409399456)</t>
  </si>
  <si>
    <t>POINT (4.814284687359117 51.82817100704616)</t>
  </si>
  <si>
    <t>POINT (4.835631765953059 51.82564552344703)</t>
  </si>
  <si>
    <t>POINT (4.8559771328253785 51.821263071846325)</t>
  </si>
  <si>
    <t>POINT (4.830751575120975 51.826594089255835)</t>
  </si>
  <si>
    <t>POINT (4.883662779659098 51.82285921885503)</t>
  </si>
  <si>
    <t>POINT (4.82652776977008 51.82868546238961)</t>
  </si>
  <si>
    <t>POINT (4.832669383045225 51.82826573842118)</t>
  </si>
  <si>
    <t>POINT (4.888377019860831 51.82618931909111)</t>
  </si>
  <si>
    <t>POINT (4.829190789234119 51.82684651201376)</t>
  </si>
  <si>
    <t>POINT (4.826763019604658 51.827266396287065)</t>
  </si>
  <si>
    <t>POINT (4.830723008327416 51.82655799967794)</t>
  </si>
  <si>
    <t>POINT (4.8263106787498495 51.82247336857172)</t>
  </si>
  <si>
    <t>POINT (4.8794944959239075 51.82333563249122)</t>
  </si>
  <si>
    <t>POINT (4.827246404417927 51.82572267384318)</t>
  </si>
  <si>
    <t>POINT (4.84226981115769 51.827312439351644)</t>
  </si>
  <si>
    <t>POINT (4.828581045945001 51.823374034458524)</t>
  </si>
  <si>
    <t>POINT (4.833865670765954 51.8277135638316)</t>
  </si>
  <si>
    <t>POINT (4.814321024903768 51.82797485649793)</t>
  </si>
  <si>
    <t>POINT (4.844242136016358 51.82856199558098)</t>
  </si>
  <si>
    <t>POINT (4.844515145785312 51.82637005670359)</t>
  </si>
  <si>
    <t>POINT (4.885782506290068 51.82398286771865)</t>
  </si>
  <si>
    <t>POINT (4.891222429992256 51.82394305885708)</t>
  </si>
  <si>
    <t>POINT (4.879904041348836 51.82540604608025)</t>
  </si>
  <si>
    <t>POINT (4.83614680495026 51.826232197275274)</t>
  </si>
  <si>
    <t>POINT (4.8286439638004905 51.822978837899576)</t>
  </si>
  <si>
    <t>POINT (4.887428004922433 51.82340563197857)</t>
  </si>
  <si>
    <t>POINT (4.825864202716896 51.822941721778044)</t>
  </si>
  <si>
    <t>POINT (4.881100189707975 51.82630877471115)</t>
  </si>
  <si>
    <t>POINT (4.8850002432221915 51.825192972239606)</t>
  </si>
  <si>
    <t>POINT (4.84456068233224 51.82713739335598)</t>
  </si>
  <si>
    <t>POINT (4.847627051737221 51.83058204389185)</t>
  </si>
  <si>
    <t>POINT (4.8435584037397525 51.82270729656155)</t>
  </si>
  <si>
    <t>POINT (4.87962702109756 51.82573613812248)</t>
  </si>
  <si>
    <t>POINT (4.890817731991574 51.82249419876139)</t>
  </si>
  <si>
    <t>POINT (4.829052782780021 51.82744808810256)</t>
  </si>
  <si>
    <t>POINT (4.8841990354984315 51.82289747202859)</t>
  </si>
  <si>
    <t>POINT (4.883890564445866 51.824160949980794)</t>
  </si>
  <si>
    <t>POINT (4.877812169907605 51.824595724442815)</t>
  </si>
  <si>
    <t>POINT (4.869960225340025 51.82102705833419)</t>
  </si>
  <si>
    <t>POINT (4.838921762193529 51.82279991197808)</t>
  </si>
  <si>
    <t>POINT (4.855281459291542 51.82736313081875)</t>
  </si>
  <si>
    <t>3371GL</t>
  </si>
  <si>
    <t>Neerpolderseweg</t>
  </si>
  <si>
    <t>H023</t>
  </si>
  <si>
    <t>POINT (4.866816053740456 51.83449957490231)</t>
  </si>
  <si>
    <t>POINT (4.8356292361282405 51.8258522479212)</t>
  </si>
  <si>
    <t>POINT (4.831261499187513 51.82832146879338)</t>
  </si>
  <si>
    <t>POINT (4.8267328907769125 51.82735613785665)</t>
  </si>
  <si>
    <t>POINT (4.881831241992877 51.827678366070195)</t>
  </si>
  <si>
    <t>POINT (4.833416497304774 51.82409321730765)</t>
  </si>
  <si>
    <t>POINT (4.841944533282914 51.82901874977098)</t>
  </si>
  <si>
    <t>POINT (4.883665992530195 51.82257160029009)</t>
  </si>
  <si>
    <t>POINT (4.835120511307825 51.828303726846165)</t>
  </si>
  <si>
    <t>POINT (4.84793158409369 51.83059243171733)</t>
  </si>
  <si>
    <t>POINT (4.840787503322948 51.8263347874079)</t>
  </si>
  <si>
    <t>POINT (4.829675019121604 51.82874539460051)</t>
  </si>
  <si>
    <t>POINT (4.845222471842823 51.823450020202046)</t>
  </si>
  <si>
    <t>POINT (4.843515557866579 51.828426474411934)</t>
  </si>
  <si>
    <t>POINT (4.814336588505234 51.82770225581904)</t>
  </si>
  <si>
    <t>POINT (4.886569208649031 51.82628728316849)</t>
  </si>
  <si>
    <t>POINT (4.83375482890081 51.824926594509186)</t>
  </si>
  <si>
    <t>POINT (4.839675713423531 51.82304131288565)</t>
  </si>
  <si>
    <t>POINT (4.838508644286344 51.83123870059314)</t>
  </si>
  <si>
    <t>POINT (4.810204116396668 51.82712777300156)</t>
  </si>
  <si>
    <t>POINT (4.836934946598998 51.83415479094728)</t>
  </si>
  <si>
    <t>POINT (4.881437443586524 51.825986641915016)</t>
  </si>
  <si>
    <t>POINT (4.833618675333531 51.828925851669176)</t>
  </si>
  <si>
    <t>POINT (4.8780054028698 51.824183091228925)</t>
  </si>
  <si>
    <t>POINT (4.836625697455565 51.82621646731809)</t>
  </si>
  <si>
    <t>POINT (4.88025929959629 51.82561648275788)</t>
  </si>
  <si>
    <t>POINT (4.81935771798015 51.82361365415333)</t>
  </si>
  <si>
    <t>POINT (4.881136955943729 51.825574230476676)</t>
  </si>
  <si>
    <t>POINT (4.833338861947989 51.829266096160474)</t>
  </si>
  <si>
    <t>POINT (4.817114209938871 51.825743025315724)</t>
  </si>
  <si>
    <t>POINT (4.844774649478539 51.83011947264155)</t>
  </si>
  <si>
    <t>POINT (4.833206473976822 51.82689963473201)</t>
  </si>
  <si>
    <t>POINT (4.830406771953796 51.82470402473845)</t>
  </si>
  <si>
    <t>POINT (4.84184330293175 51.82539590120082)</t>
  </si>
  <si>
    <t>POINT (4.8834269732381825 51.825788461104274)</t>
  </si>
  <si>
    <t>POINT (4.831011856586419 51.82724439418544)</t>
  </si>
  <si>
    <t>POINT (4.82913436165895 51.82437439475921)</t>
  </si>
  <si>
    <t>POINT (4.832860700652464 51.828067366162166)</t>
  </si>
  <si>
    <t>POINT (4.877961888893369 51.824182902466426)</t>
  </si>
  <si>
    <t>POINT (4.886669350686432 51.82249456013438)</t>
  </si>
  <si>
    <t>POINT (4.818741677904524 51.82836038310098)</t>
  </si>
  <si>
    <t>POINT (4.8368646953112995 51.825651310244986)</t>
  </si>
  <si>
    <t>POINT (4.833837652549603 51.82763253493026)</t>
  </si>
  <si>
    <t>POINT (4.83435028063207 51.82492229951019)</t>
  </si>
  <si>
    <t>POINT (4.826243308698429 51.82326202530324)</t>
  </si>
  <si>
    <t>POINT (4.836411187721349 51.82477729505787)</t>
  </si>
  <si>
    <t>POINT (4.8452495972402 51.82560942466596)</t>
  </si>
  <si>
    <t>POINT (4.8409969511640245 51.8219122969924)</t>
  </si>
  <si>
    <t>POINT (4.897599398038995 51.8271068157203)</t>
  </si>
  <si>
    <t>POINT (4.8298255822448235 51.82478216337341)</t>
  </si>
  <si>
    <t>POINT (4.836895795214101 51.83260858056032)</t>
  </si>
  <si>
    <t>POINT (4.8935716845166235 51.82399790385609)</t>
  </si>
  <si>
    <t>POINT (4.878486695122905 51.82266611926005)</t>
  </si>
  <si>
    <t>POINT (4.826196305524081 51.82414128493474)</t>
  </si>
  <si>
    <t>POINT (4.877059833643651 51.82186010181325)</t>
  </si>
  <si>
    <t>POINT (4.843053369175601 51.82895057536524)</t>
  </si>
  <si>
    <t>POINT (4.838978751653539 51.82477133744436)</t>
  </si>
  <si>
    <t>POINT (4.836197687926936 51.82387245057725)</t>
  </si>
  <si>
    <t>POINT (4.833734921651203 51.82793931474975)</t>
  </si>
  <si>
    <t>POINT (4.849231640662916 51.821340212158375)</t>
  </si>
  <si>
    <t>POINT (4.851368917199614 51.830671090831146)</t>
  </si>
  <si>
    <t>POINT (4.8542112741901775 51.83076492652885)</t>
  </si>
  <si>
    <t>POINT (4.827043780441526 51.82568575293022)</t>
  </si>
  <si>
    <t>POINT (4.88681758472158 51.82220755982056)</t>
  </si>
  <si>
    <t>POINT (4.832565458657355 51.827603115857045)</t>
  </si>
  <si>
    <t>POINT (4.904036563556651 51.83031258110545)</t>
  </si>
  <si>
    <t>POINT (4.831292669468211 51.824618338132936)</t>
  </si>
  <si>
    <t>POINT (4.878832895297343 51.826694472307935)</t>
  </si>
  <si>
    <t>POINT (4.840826921473106 51.8477068533334)</t>
  </si>
  <si>
    <t>POINT (4.824404168600808 51.82913371615494)</t>
  </si>
  <si>
    <t>POINT (4.890129198786836 51.8231114921108)</t>
  </si>
  <si>
    <t>POINT (4.834102518057626 51.829353164186266)</t>
  </si>
  <si>
    <t>POINT (4.837064506051253 51.83304980918596)</t>
  </si>
  <si>
    <t>POINT (4.837107880604604 51.82593109474392)</t>
  </si>
  <si>
    <t>POINT (4.824080073272006 51.82836813587419)</t>
  </si>
  <si>
    <t>POINT (4.879869738441959 51.82617256378849)</t>
  </si>
  <si>
    <t>POINT (4.819036212652422 51.82686072177518)</t>
  </si>
  <si>
    <t>POINT (4.832788088424673 51.825611480473)</t>
  </si>
  <si>
    <t>POINT (4.8854916151423184 51.82275019906764)</t>
  </si>
  <si>
    <t>POINT (4.855269287409857 51.8271653281528)</t>
  </si>
  <si>
    <t>POINT (4.893543659616193 51.823907900966915)</t>
  </si>
  <si>
    <t>POINT (4.879554031836843 51.82320106228767)</t>
  </si>
  <si>
    <t>POINT (4.884122876261924 51.82037942756447)</t>
  </si>
  <si>
    <t>POINT (4.832582908666044 51.823500873751556)</t>
  </si>
  <si>
    <t>POINT (4.818739637240279 51.82852216704141)</t>
  </si>
  <si>
    <t>POINT (4.8413480963042 51.82927367911191)</t>
  </si>
  <si>
    <t>POINT (4.850322297841286 51.828410189550304)</t>
  </si>
  <si>
    <t>POINT (4.881564591080085 51.82370410816222)</t>
  </si>
  <si>
    <t>POINT (4.878711264269704 51.82461759955821)</t>
  </si>
  <si>
    <t>POINT (4.84179747446501 51.82798438562196)</t>
  </si>
  <si>
    <t>POINT (4.834337585339184 51.82945057463899)</t>
  </si>
  <si>
    <t>POINT (4.824358103188145 51.82585267711589)</t>
  </si>
  <si>
    <t>POINT (4.839038847629081 51.82460083590573)</t>
  </si>
  <si>
    <t>POINT (4.890114879582228 51.822256768267955)</t>
  </si>
  <si>
    <t>POINT (4.870118035623839 51.82134419449832)</t>
  </si>
  <si>
    <t>POINT (4.85286525293564 51.823553102831426)</t>
  </si>
  <si>
    <t>POINT (4.836197686375869 51.83156263658654)</t>
  </si>
  <si>
    <t>POINT (4.839611246894968 51.82763264363305)</t>
  </si>
  <si>
    <t>POINT (4.845129320941061 51.824754958775166)</t>
  </si>
  <si>
    <t>POINT (4.840650979324079 51.82921947060958)</t>
  </si>
  <si>
    <t>POINT (4.905606483049668 51.83008627475515)</t>
  </si>
  <si>
    <t>POINT (4.829814188999569 51.826876439364646)</t>
  </si>
  <si>
    <t>POINT (4.82135278028895 51.824903419653154)</t>
  </si>
  <si>
    <t>POINT (4.825839366209569 51.82688446411959)</t>
  </si>
  <si>
    <t>POINT (4.8994216611898755 51.82761775734951)</t>
  </si>
  <si>
    <t>POINT (4.8806138355961775 51.82698980353804)</t>
  </si>
  <si>
    <t>POINT (4.826280511887175 51.82308621634134)</t>
  </si>
  <si>
    <t>POINT (4.843718291499063 51.82147660751029)</t>
  </si>
  <si>
    <t>POINT (4.81830033743509 51.8287442851386)</t>
  </si>
  <si>
    <t>POINT (4.886566194730548 51.82133460243649)</t>
  </si>
  <si>
    <t>POINT (4.841579782834797 51.8291902550135)</t>
  </si>
  <si>
    <t>POINT (4.826245404016966 51.82420674046599)</t>
  </si>
  <si>
    <t>POINT (4.847309137384126 51.83289962130572)</t>
  </si>
  <si>
    <t>POINT (4.824414807484991 51.824400480937086)</t>
  </si>
  <si>
    <t>POINT (4.8249922912089565 51.82617930382532)</t>
  </si>
  <si>
    <t>POINT (4.881303913390069 51.82366703096158)</t>
  </si>
  <si>
    <t>POINT (4.878557215275218 51.825269354274404)</t>
  </si>
  <si>
    <t>POINT (4.840867928861857 51.822028646406714)</t>
  </si>
  <si>
    <t>POINT (4.885413290973686 51.82327119782776)</t>
  </si>
  <si>
    <t>POINT (4.832806422284527 51.82773553169488)</t>
  </si>
  <si>
    <t>POINT (4.831731914736879 51.823110342447286)</t>
  </si>
  <si>
    <t>POINT (4.8271798238817984 51.82290894178125)</t>
  </si>
  <si>
    <t>POINT (4.842517609699176 51.82961465309109)</t>
  </si>
  <si>
    <t>POINT (4.838194257378317 51.826565018607724)</t>
  </si>
  <si>
    <t>POINT (4.839657620218498 51.82620368310475)</t>
  </si>
  <si>
    <t>POINT (4.846295992496843 51.83269721021859)</t>
  </si>
  <si>
    <t>POINT (4.8435653198375785 51.82333652606146)</t>
  </si>
  <si>
    <t>POINT (4.8821568619296265 51.825216727524015)</t>
  </si>
  <si>
    <t>POINT (4.837194335761381 51.8247899556773)</t>
  </si>
  <si>
    <t>POINT (4.822520295270818 51.82307188155294)</t>
  </si>
  <si>
    <t>POINT (4.8344585538943425 51.82906430472737)</t>
  </si>
  <si>
    <t>POINT (4.845916345538712 51.830484283391996)</t>
  </si>
  <si>
    <t>POINT (4.883667429440065 51.82036145714641)</t>
  </si>
  <si>
    <t>POINT (4.825425430693963 51.82634317129646)</t>
  </si>
  <si>
    <t>POINT (4.825930681406265 51.82283554337189)</t>
  </si>
  <si>
    <t>POINT (4.850749647827268 51.82663241510085)</t>
  </si>
  <si>
    <t>POINT (4.879518285037138 51.8212234346409)</t>
  </si>
  <si>
    <t>POINT (4.838397575784886 51.824849518551886)</t>
  </si>
  <si>
    <t>POINT (4.883745388106777 51.82325506764731)</t>
  </si>
  <si>
    <t>POINT (4.883378941323258 51.826765907926145)</t>
  </si>
  <si>
    <t>POINT (4.839332855163041 51.83024700737405)</t>
  </si>
  <si>
    <t>WS4</t>
  </si>
  <si>
    <t>POINT (4.913272447069191 51.83101154731355)</t>
  </si>
  <si>
    <t>POINT (4.884128711585561 51.826098913397686)</t>
  </si>
  <si>
    <t>POINT (4.828129986633437 51.82582575938339)</t>
  </si>
  <si>
    <t>POINT (4.853512359564025 51.8211799828437)</t>
  </si>
  <si>
    <t>POINT (4.827171340389835 51.8232601916554)</t>
  </si>
  <si>
    <t>POINT (4.824496293490204 51.828725475776636)</t>
  </si>
  <si>
    <t>POINT (4.841820681432324 51.8272654109277)</t>
  </si>
  <si>
    <t>POINT (4.82302539876898 51.82417565019903)</t>
  </si>
  <si>
    <t>POINT (4.815875181578664 51.82332186733303)</t>
  </si>
  <si>
    <t>POINT (4.82701138384025 51.82829227543915)</t>
  </si>
  <si>
    <t>POINT (4.83261169619695 51.82351898685073)</t>
  </si>
  <si>
    <t>POINT (4.82618712663588 51.82458505947023)</t>
  </si>
  <si>
    <t>POINT (4.837650134949389 51.82536425576913)</t>
  </si>
  <si>
    <t>POINT (4.844762955764449 51.829885716908734)</t>
  </si>
  <si>
    <t>POINT (4.823686140480061 51.825067449765726)</t>
  </si>
  <si>
    <t>POINT (4.832551324237709 51.82561967411794)</t>
  </si>
  <si>
    <t>POINT (4.8262149845174855 51.8241917190483)</t>
  </si>
  <si>
    <t>POINT (4.848830782719862 51.83061453589622)</t>
  </si>
  <si>
    <t>POINT (4.832201837173131 51.8285326546577)</t>
  </si>
  <si>
    <t>POINT (4.844542853459725 51.82527358393627)</t>
  </si>
  <si>
    <t>POINT (4.827070971287869 51.82816672021334)</t>
  </si>
  <si>
    <t>POINT (4.83581108291621 51.8266609020417)</t>
  </si>
  <si>
    <t>POINT (4.829635493395174 51.830767627704965)</t>
  </si>
  <si>
    <t>POINT (4.806013588512366 51.82429814907839)</t>
  </si>
  <si>
    <t>POINT (4.843481936255884 51.82945173906026)</t>
  </si>
  <si>
    <t>POINT (4.885203125104151 51.82434590015133)</t>
  </si>
  <si>
    <t>POINT (4.823237765625709 51.8236429307565)</t>
  </si>
  <si>
    <t>POINT (4.836561645262406 51.83189254248526)</t>
  </si>
  <si>
    <t>POINT (4.8842489557509525 51.82485317207197)</t>
  </si>
  <si>
    <t>POINT (4.8122673497453174 51.82414917554973)</t>
  </si>
  <si>
    <t>POINT (4.84229524174264 51.82280930192595)</t>
  </si>
  <si>
    <t>POINT (4.840122665301697 51.824938467961964)</t>
  </si>
  <si>
    <t>POINT (4.844574093732304 51.82308951474338)</t>
  </si>
  <si>
    <t>POINT (4.887040075486148 51.82307140490538)</t>
  </si>
  <si>
    <t>POINT (4.821776905581992 51.828096397137855)</t>
  </si>
  <si>
    <t>POINT (4.819391385485584 51.828606218245014)</t>
  </si>
  <si>
    <t>POINT (4.85484967668172 51.83075883468209)</t>
  </si>
  <si>
    <t>POINT (4.825291669128342 51.82284212180944)</t>
  </si>
  <si>
    <t>POINT (4.84733160079883 51.82375839252253)</t>
  </si>
  <si>
    <t>POINT (4.8105071777742 51.82876301245136)</t>
  </si>
  <si>
    <t>POINT (4.8409370393020605 51.82716242840295)</t>
  </si>
  <si>
    <t>POINT (4.823018709522184 51.82276317556131)</t>
  </si>
  <si>
    <t>POINT (4.827607243317555 51.82703672171224)</t>
  </si>
  <si>
    <t>POINT (4.838271741317773 51.82684438508278)</t>
  </si>
  <si>
    <t>POINT (4.825762124348521 51.82493358071885)</t>
  </si>
  <si>
    <t>POINT (4.8267713541750785 51.82892931611023)</t>
  </si>
  <si>
    <t>POINT (4.814312811726833 51.827807287834375)</t>
  </si>
  <si>
    <t>POINT (4.840369715599842 51.83169326017653)</t>
  </si>
  <si>
    <t>POINT (4.808174680524337 51.82410560708708)</t>
  </si>
  <si>
    <t>POINT (4.881654820651773 51.826005555282364)</t>
  </si>
  <si>
    <t>POINT (4.825335037733453 51.82661239496925)</t>
  </si>
  <si>
    <t>POINT (4.8239280393217925 51.82498606896635)</t>
  </si>
  <si>
    <t>POINT (4.883322274776547 51.82138785740474)</t>
  </si>
  <si>
    <t>POINT (4.824677673015107 51.82233069877031)</t>
  </si>
  <si>
    <t>POINT (4.882167845094791 51.826825717739105)</t>
  </si>
  <si>
    <t>POINT (4.845378799692626 51.82540318600402)</t>
  </si>
  <si>
    <t>POINT (4.839821967996233 51.82700442908908)</t>
  </si>
  <si>
    <t>POINT (4.888504216272388 51.82314954234268)</t>
  </si>
  <si>
    <t>POINT (4.835506002227189 51.82876681277248)</t>
  </si>
  <si>
    <t>POINT (4.87958985241517 51.82388434413499)</t>
  </si>
  <si>
    <t>POINT (4.828183337758856 51.82737204258843)</t>
  </si>
  <si>
    <t>POINT (4.838196861354181 51.82584630750449)</t>
  </si>
  <si>
    <t>POINT (4.816635717548048 51.82303755543791)</t>
  </si>
  <si>
    <t>POINT (4.87974110518937 51.82462205604585)</t>
  </si>
  <si>
    <t>POINT (4.8403528901723005 51.826287820895445)</t>
  </si>
  <si>
    <t>POINT (4.827574661041985 51.82732419970339)</t>
  </si>
  <si>
    <t>POINT (4.843521131803161 51.82794518243765)</t>
  </si>
  <si>
    <t>POINT (4.805643929497134 51.827812533897855)</t>
  </si>
  <si>
    <t>POINT (4.828763032324306 51.828588254577056)</t>
  </si>
  <si>
    <t>POINT (4.898184791951076 51.82663286532896)</t>
  </si>
  <si>
    <t>POINT (4.83933585820246 51.822313516153976)</t>
  </si>
  <si>
    <t>POINT (4.833158339282304 51.826800740376754)</t>
  </si>
  <si>
    <t>POINT (4.85998363796254 51.82074848462803)</t>
  </si>
  <si>
    <t>POINT (4.87778373855771 51.82219693530732)</t>
  </si>
  <si>
    <t>POINT (4.839777004019491 51.82951201985531)</t>
  </si>
  <si>
    <t>POINT (4.828203580959046 51.82374574746477)</t>
  </si>
  <si>
    <t>POINT (4.8310016305121515 51.82713970116342)</t>
  </si>
  <si>
    <t>POINT (4.884753144918479 51.8211388789845)</t>
  </si>
  <si>
    <t>POINT (4.834759736687924 51.82814922448508)</t>
  </si>
  <si>
    <t>POINT (4.836030433297414 51.826258616537395)</t>
  </si>
  <si>
    <t>POINT (4.810855808482538 51.82719073938274)</t>
  </si>
  <si>
    <t>POINT (4.80576654730185 51.824332879880124)</t>
  </si>
  <si>
    <t>POINT (4.869716574280107 51.82093794185288)</t>
  </si>
  <si>
    <t>POINT (4.830505314985981 51.844910709672085)</t>
  </si>
  <si>
    <t>POINT (4.83702352430776 51.829419194570455)</t>
  </si>
  <si>
    <t>POINT (4.882430231868885 51.82412130518051)</t>
  </si>
  <si>
    <t>POINT (4.814224188277083 51.82900557714338)</t>
  </si>
  <si>
    <t>POINT (4.843200045504669 51.82595948563489)</t>
  </si>
  <si>
    <t>POINT (4.8323897055510825 51.823877479476465)</t>
  </si>
  <si>
    <t>POINT (4.8208611005562 51.822474140128676)</t>
  </si>
  <si>
    <t>POINT (4.836568627367472 51.834449694822894)</t>
  </si>
  <si>
    <t>POINT (4.879417569563187 51.82630150841375)</t>
  </si>
  <si>
    <t>POINT (4.842423631431344 51.8261667918847)</t>
  </si>
  <si>
    <t>POINT (4.843052245429079 51.827387977129284)</t>
  </si>
  <si>
    <t>POINT (4.883132454736689 51.82229066652789)</t>
  </si>
  <si>
    <t>POINT (4.84562054736692 51.821296640621426)</t>
  </si>
  <si>
    <t>POINT (4.846895928189458 51.82380133062114)</t>
  </si>
  <si>
    <t>POINT (4.829931449474867 51.82443211286473)</t>
  </si>
  <si>
    <t>POINT (4.839210799172894 51.82596789617963)</t>
  </si>
  <si>
    <t>POINT (4.837787930383985 51.83083303020724)</t>
  </si>
  <si>
    <t>POINT (4.91100369903225 51.83144417790636)</t>
  </si>
  <si>
    <t>POINT (4.81184261965143 51.82717496055016)</t>
  </si>
  <si>
    <t>POINT (4.824837033832001 51.826996517600385)</t>
  </si>
  <si>
    <t>POINT (4.836726575449403 51.82627087163773)</t>
  </si>
  <si>
    <t>POINT (4.827708220909704 51.8224081030093)</t>
  </si>
  <si>
    <t>POINT (4.826766445201667 51.8248233806026)</t>
  </si>
  <si>
    <t>POINT (4.81002423129198 51.82874463928448)</t>
  </si>
  <si>
    <t>POINT (4.880628014101747 51.82610259106969)</t>
  </si>
  <si>
    <t>POINT (4.840641024559663 51.82525548138818)</t>
  </si>
  <si>
    <t>POINT (4.814305398733579 51.8280743374078)</t>
  </si>
  <si>
    <t>POINT (4.8916834155834525 51.824232637842286)</t>
  </si>
  <si>
    <t>POINT (4.883917729415139 51.8252031671699)</t>
  </si>
  <si>
    <t>POINT (4.836338883562037 51.8247589786932)</t>
  </si>
  <si>
    <t>POINT (4.884620170494139 51.82037374685043)</t>
  </si>
  <si>
    <t>POINT (4.834210965667036 51.82612374347587)</t>
  </si>
  <si>
    <t>POINT (4.890645860533492 51.822295724684786)</t>
  </si>
  <si>
    <t>POINT (4.817825554507929 51.82844582864219)</t>
  </si>
  <si>
    <t>POINT (4.883382151604391 51.82590511934387)</t>
  </si>
  <si>
    <t>POINT (4.840302939687464 51.82562243665923)</t>
  </si>
  <si>
    <t>POINT (4.81483065589999 51.82447630200095)</t>
  </si>
  <si>
    <t>POINT (4.882139436231175 51.82547731930999)</t>
  </si>
  <si>
    <t>POINT (4.889318949180972 51.82589023445856)</t>
  </si>
  <si>
    <t>POINT (4.8206996345379265 51.826908041097795)</t>
  </si>
  <si>
    <t>POINT (4.8393152852593895 51.82572569345824)</t>
  </si>
  <si>
    <t>POINT (4.88228056029333 51.825828478238876)</t>
  </si>
  <si>
    <t>POINT (4.825812961935735 51.822655946535676)</t>
  </si>
  <si>
    <t>POINT (4.883871979852805 51.824431433405344)</t>
  </si>
  <si>
    <t>POINT (4.81429664725167 51.82869430681212)</t>
  </si>
  <si>
    <t>POINT (4.855775618310485 51.826053044481995)</t>
  </si>
  <si>
    <t>POINT (4.827289441735256 51.82926436429778)</t>
  </si>
  <si>
    <t>POINT (4.877963615133325 51.824030105238386)</t>
  </si>
  <si>
    <t>POINT (4.81020672232038 51.827071526458006)</t>
  </si>
  <si>
    <t>POINT (4.829020515906511 51.823025571855474)</t>
  </si>
  <si>
    <t>POINT (4.843519530237234 51.82352507321692)</t>
  </si>
  <si>
    <t>POINT (4.821114663320355 51.82704867360968)</t>
  </si>
  <si>
    <t>POINT (4.821981443316984 51.82731730234448)</t>
  </si>
  <si>
    <t>POINT (4.8164688950063415 51.822255117784756)</t>
  </si>
  <si>
    <t>POINT (4.824704585044356 51.82366113278306)</t>
  </si>
  <si>
    <t>POINT (4.840180903922669 51.82795888671052)</t>
  </si>
  <si>
    <t>POINT (4.821768764249116 51.82296389769584)</t>
  </si>
  <si>
    <t>POINT (4.8202427770351415 51.82543396983435)</t>
  </si>
  <si>
    <t>POINT (4.810604849498325 51.82473686318246)</t>
  </si>
  <si>
    <t>POINT (4.822799646676687 51.82623330162779)</t>
  </si>
  <si>
    <t>POINT (4.891898197395454 51.82431309255059)</t>
  </si>
  <si>
    <t>POINT (4.880313261575228 51.825544223448276)</t>
  </si>
  <si>
    <t>POINT (4.823673217278131 51.826101070456154)</t>
  </si>
  <si>
    <t>POINT (4.833640644693868 51.82713723654939)</t>
  </si>
  <si>
    <t>POINT (4.880979550735228 51.8246406523341)</t>
  </si>
  <si>
    <t>POINT (4.835252478865808 51.82425501143708)</t>
  </si>
  <si>
    <t>POINT (4.836113504107123 51.83014205345018)</t>
  </si>
  <si>
    <t>POINT (4.812760002004806 51.825329088068486)</t>
  </si>
  <si>
    <t>POINT (4.83074026992356 51.82471459471563)</t>
  </si>
  <si>
    <t>POINT (4.826393757614662 51.82269761630339)</t>
  </si>
  <si>
    <t>POINT (4.885336454077439 51.826264042391394)</t>
  </si>
  <si>
    <t>POINT (4.827979256265249 51.827753559910846)</t>
  </si>
  <si>
    <t>POINT (4.8904516058759135 51.824128558076865)</t>
  </si>
  <si>
    <t>POINT (4.842402210899768 51.82956018643079)</t>
  </si>
  <si>
    <t>POINT (4.83529856219097 51.83271793353579)</t>
  </si>
  <si>
    <t>POINT (4.862985452125267 51.831011169968214)</t>
  </si>
  <si>
    <t>POINT (4.82914942268956 51.824329523646234)</t>
  </si>
  <si>
    <t>POINT (4.812198127135235 51.828018696023676)</t>
  </si>
  <si>
    <t>POINT (4.841259925865227 51.822014884149446)</t>
  </si>
  <si>
    <t>POINT (4.811028435179518 51.82867830221646)</t>
  </si>
  <si>
    <t>POINT (4.819943884948831 51.82774825414251)</t>
  </si>
  <si>
    <t>POINT (4.88419843372092 51.82295140051175)</t>
  </si>
  <si>
    <t>POINT (4.886028470850732 51.82273451538817)</t>
  </si>
  <si>
    <t>POINT (4.838368407607586 51.82506611377164)</t>
  </si>
  <si>
    <t>POINT (4.84379410712529 51.82601616836529)</t>
  </si>
  <si>
    <t>POINT (4.828308935380707 51.82426260504519)</t>
  </si>
  <si>
    <t>POINT (4.834216636190084 51.82992139964452)</t>
  </si>
  <si>
    <t>POINT (4.842985794997583 51.82688431133728)</t>
  </si>
  <si>
    <t>POINT (4.828566207459584 51.82340092947446)</t>
  </si>
  <si>
    <t>POINT (4.837370421499942 51.824931280427315)</t>
  </si>
  <si>
    <t>POINT (4.828281582293485 51.82295913584432)</t>
  </si>
  <si>
    <t>POINT (4.839069037555401 51.82927501452832)</t>
  </si>
  <si>
    <t>POINT (4.82541969476818 51.82472829791706)</t>
  </si>
  <si>
    <t>POINT (4.8795020884734885 51.82266152685335)</t>
  </si>
  <si>
    <t>POINT (4.827318818054667 51.82573200779431)</t>
  </si>
  <si>
    <t>POINT (4.831385571999559 51.82414238535808)</t>
  </si>
  <si>
    <t>POINT (4.837791223467236 51.82422259898294)</t>
  </si>
  <si>
    <t>POINT (4.889703041259585 51.82583987335877)</t>
  </si>
  <si>
    <t>POINT (4.839378659188288 51.82228390093528)</t>
  </si>
  <si>
    <t>POINT (4.881871498003986 51.82479303950035)</t>
  </si>
  <si>
    <t>POINT (4.830234291239808 51.82692337607234)</t>
  </si>
  <si>
    <t>POINT (4.842965320216712 51.82737858563058)</t>
  </si>
  <si>
    <t>POINT (4.838166099325115 51.825989980198976)</t>
  </si>
  <si>
    <t>POINT (4.822563678283885 51.823192437929016)</t>
  </si>
  <si>
    <t>POINT (4.82842750028033 51.828739463098884)</t>
  </si>
  <si>
    <t>POINT (4.833136692914922 51.82698388752948)</t>
  </si>
  <si>
    <t>POINT (4.82767575433288 51.82385510407308)</t>
  </si>
  <si>
    <t>POINT (4.810612544153042 51.82836821355857)</t>
  </si>
  <si>
    <t>POINT (4.8296409118093315 51.82446668736133)</t>
  </si>
  <si>
    <t>POINT (4.836336928683964 51.83085319608784)</t>
  </si>
  <si>
    <t>POINT (4.833265321269791 51.823308388603536)</t>
  </si>
  <si>
    <t>POINT (4.884152312952779 51.823184904135466)</t>
  </si>
  <si>
    <t>POINT (4.828361563049976 51.82937733546453)</t>
  </si>
  <si>
    <t>POINT (4.813152267915001 51.82655798936497)</t>
  </si>
  <si>
    <t>POINT (4.827142108505979 51.82327802927593)</t>
  </si>
  <si>
    <t>POINT (4.821897311007888 51.825436367594946)</t>
  </si>
  <si>
    <t>POINT (4.8203445967137855 51.828943401160394)</t>
  </si>
  <si>
    <t>POINT (4.831474211208459 51.828717971604874)</t>
  </si>
  <si>
    <t>POINT (4.821426059932805 51.82393064567893)</t>
  </si>
  <si>
    <t>POINT (4.839224197630611 51.822131174763804)</t>
  </si>
  <si>
    <t>POINT (4.844108592586846 51.82158627646236)</t>
  </si>
  <si>
    <t>POINT (4.888558176582913 51.82193519042346)</t>
  </si>
  <si>
    <t>POINT (4.834220004834104 51.82997790844764)</t>
  </si>
  <si>
    <t>POINT (4.824963830786742 51.82452219218431)</t>
  </si>
  <si>
    <t>POINT (4.844329278605816 51.829757872844)</t>
  </si>
  <si>
    <t>POINT (4.810156028675126 51.8273373024794)</t>
  </si>
  <si>
    <t>POINT (4.84302970863934 51.82891691150946)</t>
  </si>
  <si>
    <t>POINT (4.82600458995781 51.82759534895731)</t>
  </si>
  <si>
    <t>POINT (4.855261861732684 51.82779449111698)</t>
  </si>
  <si>
    <t>POINT (4.835295815808195 51.827019190573544)</t>
  </si>
  <si>
    <t>POINT (4.805745261766051 51.82496189264706)</t>
  </si>
  <si>
    <t>POINT (4.84147590005566 51.82721573792107)</t>
  </si>
  <si>
    <t>POINT (4.818121888253681 51.822299097781176)</t>
  </si>
  <si>
    <t>POINT (4.820301722434712 51.827738729123865)</t>
  </si>
  <si>
    <t>POINT (4.833150403559373 51.82455636357251)</t>
  </si>
  <si>
    <t>POINT (4.879961872947447 51.82305002063731)</t>
  </si>
  <si>
    <t>POINT (4.865260550122432 51.83125002864087)</t>
  </si>
  <si>
    <t>POINT (4.83642376823632 51.834431038265315)</t>
  </si>
  <si>
    <t>POINT (4.811718957327766 51.826500896084575)</t>
  </si>
  <si>
    <t>POINT (4.832027088762454 51.8274091330645)</t>
  </si>
  <si>
    <t>POINT (4.825394410181962 51.824176783566244)</t>
  </si>
  <si>
    <t>POINT (4.812833152663953 51.828579041013064)</t>
  </si>
  <si>
    <t>POINT (4.81746357556029 51.826100686047894)</t>
  </si>
  <si>
    <t>POINT (4.812332884430736 51.82680824763989)</t>
  </si>
  <si>
    <t>POINT (4.816370813355002 51.82541861122862)</t>
  </si>
  <si>
    <t>POINT (4.843565477686379 51.82902040693624)</t>
  </si>
  <si>
    <t>POINT (4.818384135531838 51.827954166569526)</t>
  </si>
  <si>
    <t>POINT (4.8399675862779015 51.82456921513864)</t>
  </si>
  <si>
    <t>POINT (4.857387510301819 51.83084222359252)</t>
  </si>
  <si>
    <t>POINT (4.832811640850751 51.828490593425784)</t>
  </si>
  <si>
    <t>POINT (4.821402115288026 51.823656487384184)</t>
  </si>
  <si>
    <t>POINT (4.818599258582401 51.82878171455254)</t>
  </si>
  <si>
    <t>POINT (4.878493692274492 51.824616656890385)</t>
  </si>
  <si>
    <t>POINT (4.9011556363573785 51.82847694177153)</t>
  </si>
  <si>
    <t>POINT (4.817712677942172 51.826302384403206)</t>
  </si>
  <si>
    <t>POINT (4.882954737503601 51.82521116903534)</t>
  </si>
  <si>
    <t>POINT (4.848820688556757 51.8213095646552)</t>
  </si>
  <si>
    <t>POINT (4.886190633385697 51.823804840172535)</t>
  </si>
  <si>
    <t>POINT (4.87890002939019 51.824600440065176)</t>
  </si>
  <si>
    <t>POINT (4.840744228620708 51.82870755847114)</t>
  </si>
  <si>
    <t>POINT (4.888433599738423 51.821666138435916)</t>
  </si>
  <si>
    <t>POINT (4.823975771746429 51.82394527151554)</t>
  </si>
  <si>
    <t>POINT (4.8254566523983895 51.82548735964779)</t>
  </si>
  <si>
    <t>POINT (4.819138074448097 51.82288090536346)</t>
  </si>
  <si>
    <t>POINT (4.843384464946817 51.82750636753647)</t>
  </si>
  <si>
    <t>POINT (4.846009334274953 51.82712135793822)</t>
  </si>
  <si>
    <t>POINT (4.832624282737459 51.82540088721876)</t>
  </si>
  <si>
    <t>POINT (4.844737138084694 51.82908622089211)</t>
  </si>
  <si>
    <t>POINT (4.838918544926067 51.82852826359834)</t>
  </si>
  <si>
    <t>POINT (4.84963794444944 51.828622782342)</t>
  </si>
  <si>
    <t>POINT (4.882393984581054 51.82606266726079)</t>
  </si>
  <si>
    <t>POINT (4.877923722558221 51.82627706008239)</t>
  </si>
  <si>
    <t>POINT (4.8529445782144345 51.82776564919235)</t>
  </si>
  <si>
    <t>POINT (4.820588333307056 51.82801875779277)</t>
  </si>
  <si>
    <t>POINT (4.842479465053297 51.827969575160076)</t>
  </si>
  <si>
    <t>POINT (4.834919829554025 51.8328419918838)</t>
  </si>
  <si>
    <t>POINT (4.8219493157223585 51.823602954283324)</t>
  </si>
  <si>
    <t>POINT (4.825278821944584 51.82414027610403)</t>
  </si>
  <si>
    <t>POINT (4.828527596186437 51.823005249737705)</t>
  </si>
  <si>
    <t>POINT (4.886141424774793 51.8243169750889)</t>
  </si>
  <si>
    <t>POINT (4.8771431809152395 51.82603098143091)</t>
  </si>
  <si>
    <t>POINT (4.8232801723301 51.82393447130177)</t>
  </si>
  <si>
    <t>POINT (4.822014771450161 51.82301002523311)</t>
  </si>
  <si>
    <t>POINT (4.845159585463792 51.822238309085236)</t>
  </si>
  <si>
    <t>POINT (4.834339303714709 51.82808655456523)</t>
  </si>
  <si>
    <t>POINT (4.819552603150206 51.828223600532766)</t>
  </si>
  <si>
    <t>POINT (4.821570443121659 51.822585423093685)</t>
  </si>
  <si>
    <t>POINT (4.883830243738347 51.82071818148752)</t>
  </si>
  <si>
    <t>POINT (4.825914624694405 51.8232292368488)</t>
  </si>
  <si>
    <t>POINT (4.811039776256344 51.82862863321822)</t>
  </si>
  <si>
    <t>POINT (4.886685052406281 51.82238676497422)</t>
  </si>
  <si>
    <t>POINT (4.86330293056488 51.8311564034058)</t>
  </si>
  <si>
    <t>POINT (4.84428706159916 51.82844535248689)</t>
  </si>
  <si>
    <t>POINT (4.830284316516957 51.82757078824731)</t>
  </si>
  <si>
    <t>POINT (4.821832942597133 51.823629359472456)</t>
  </si>
  <si>
    <t>POINT (4.887281876883831 51.82376823534041)</t>
  </si>
  <si>
    <t>POINT (4.888080405553239 51.82343537330951)</t>
  </si>
  <si>
    <t>POINT (4.834026919553129 51.829433704786695)</t>
  </si>
  <si>
    <t>POINT (4.879051374560885 51.825329164717665)</t>
  </si>
  <si>
    <t>POINT (4.885119943199265 51.82433618736246)</t>
  </si>
  <si>
    <t>POINT (4.881208160268976 51.82702832079526)</t>
  </si>
  <si>
    <t>POINT (4.843557362456153 51.82640157905577)</t>
  </si>
  <si>
    <t>POINT (4.842012556799372 51.82219629240679)</t>
  </si>
  <si>
    <t>POINT (4.829225333563733 51.82516233142986)</t>
  </si>
  <si>
    <t>POINT (4.885718372190514 51.82062089098329)</t>
  </si>
  <si>
    <t>POINT (4.827154500813709 51.82261219893645)</t>
  </si>
  <si>
    <t>POINT (4.845069825865788 51.827289386857785)</t>
  </si>
  <si>
    <t>POINT (4.824791835671813 51.82364357376694)</t>
  </si>
  <si>
    <t>POINT (4.831445708888268 51.82279438870046)</t>
  </si>
  <si>
    <t>POINT (4.827731711322473 51.822638923987824)</t>
  </si>
  <si>
    <t>POINT (4.88602697188428 51.82286933662862)</t>
  </si>
  <si>
    <t>POINT (4.833611302444367 51.82716406378976)</t>
  </si>
  <si>
    <t>POINT (4.833234058105414 51.823629788158364)</t>
  </si>
  <si>
    <t>POINT (4.8815412995163765 51.82578035362412)</t>
  </si>
  <si>
    <t>POINT (4.809461065876139 51.82467471015999)</t>
  </si>
  <si>
    <t>POINT (4.8796221701768445 51.82230250562132)</t>
  </si>
  <si>
    <t>POINT (4.836580292767956 51.82399608558047)</t>
  </si>
  <si>
    <t>POINT (4.8333883690608355 51.826826382527024)</t>
  </si>
  <si>
    <t>POINT (4.829741773001734 51.82686710695117)</t>
  </si>
  <si>
    <t>POINT (4.843391297275218 51.82694012174456)</t>
  </si>
  <si>
    <t>POINT (4.885290779983992 51.82435904763936)</t>
  </si>
  <si>
    <t>POINT (4.877995873523632 51.823742612760874)</t>
  </si>
  <si>
    <t>POINT (4.829673309242428 51.82853298732165)</t>
  </si>
  <si>
    <t>POINT (4.844334908569355 51.82929049543619)</t>
  </si>
  <si>
    <t>POINT (4.8138302279491505 51.828658475332375)</t>
  </si>
  <si>
    <t>POINT (4.8246707088674965 51.82637551116216)</t>
  </si>
  <si>
    <t>POINT (4.835846474723276 51.827066720912576)</t>
  </si>
  <si>
    <t>POINT (4.829675857215661 51.827504980230536)</t>
  </si>
  <si>
    <t>POINT (4.855349077470243 51.82409161413677)</t>
  </si>
  <si>
    <t>POINT (4.817450042225098 51.82617635787621)</t>
  </si>
  <si>
    <t>POINT (4.8427701018757 51.82552604279548)</t>
  </si>
  <si>
    <t>POINT (4.843429283244184 51.8273987127858)</t>
  </si>
  <si>
    <t>POINT (4.8237034545482 51.82484281922932)</t>
  </si>
  <si>
    <t>POINT (4.881292737863216 51.82337036192181)</t>
  </si>
  <si>
    <t>POINT (4.884214943855322 51.822771701050804)</t>
  </si>
  <si>
    <t>POINT (4.844733438588176 51.82888737755587)</t>
  </si>
  <si>
    <t>POINT (4.822503205548811 51.82223037223801)</t>
  </si>
  <si>
    <t>POINT (4.813601057588757 51.82535117805273)</t>
  </si>
  <si>
    <t>POINT (4.840748661399299 51.824752624553355)</t>
  </si>
  <si>
    <t>POINT (4.83296492490144 51.828098536161995)</t>
  </si>
  <si>
    <t>POINT (4.880728542850791 51.82452744693526)</t>
  </si>
  <si>
    <t>POINT (4.827258676229434 51.8259025032393)</t>
  </si>
  <si>
    <t>POINT (4.8777348711948365 51.82501784905696)</t>
  </si>
  <si>
    <t>POINT (4.897752262754801 51.82638837330153)</t>
  </si>
  <si>
    <t>POINT (4.8253664531177245 51.82758330794807)</t>
  </si>
  <si>
    <t>POINT (4.834273975572474 51.82635821866521)</t>
  </si>
  <si>
    <t>POINT (4.886662963249561 51.8230697974737)</t>
  </si>
  <si>
    <t>POINT (4.841483275138112 51.82877391611881)</t>
  </si>
  <si>
    <t>POINT (4.836866341493951 51.82551648991038)</t>
  </si>
  <si>
    <t>POINT (4.806783120431827 51.828897167115514)</t>
  </si>
  <si>
    <t>POINT (4.836151302367029 51.832810961661544)</t>
  </si>
  <si>
    <t>POINT (4.836142299379384 51.82660070611656)</t>
  </si>
  <si>
    <t>POINT (4.818097036313423 51.82426747010922)</t>
  </si>
  <si>
    <t>POINT (4.877185883038425 51.82610307505315)</t>
  </si>
  <si>
    <t>POINT (4.836700122625883 51.83318706375912)</t>
  </si>
  <si>
    <t>POINT (4.837195185730744 51.82353156431972)</t>
  </si>
  <si>
    <t>POINT (4.8837504340306666 51.8244214652581)</t>
  </si>
  <si>
    <t>POINT (4.835609707133717 51.83218907256955)</t>
  </si>
  <si>
    <t>POINT (4.878620379091459 51.82367341203879)</t>
  </si>
  <si>
    <t>POINT (4.886042260520695 51.82437877022007)</t>
  </si>
  <si>
    <t>POINT (4.83890130522116 51.828752896382774)</t>
  </si>
  <si>
    <t>POINT (4.844775298570306 51.830065544479616)</t>
  </si>
  <si>
    <t>POINT (4.844478656392941 51.82217224293972)</t>
  </si>
  <si>
    <t>POINT (4.820630052943511 51.824989756061974)</t>
  </si>
  <si>
    <t>POINT (4.8880291157286555 51.82614669086316)</t>
  </si>
  <si>
    <t>POINT (4.830998370607863 51.82709470706837)</t>
  </si>
  <si>
    <t>POINT (4.840275025354792 51.822084364712516)</t>
  </si>
  <si>
    <t>POINT (4.833029693519512 51.824463930873534)</t>
  </si>
  <si>
    <t>POINT (4.8369286708025285 51.83348062194341)</t>
  </si>
  <si>
    <t>POINT (4.822249936336188 51.82507852338379)</t>
  </si>
  <si>
    <t>POINT (4.82372684588125 51.82529235881739)</t>
  </si>
  <si>
    <t>POINT (4.883352337368367 51.825976899442146)</t>
  </si>
  <si>
    <t>POINT (4.825279046048481 51.82412230008486)</t>
  </si>
  <si>
    <t>POINT (4.8445727953279265 51.82319737115502)</t>
  </si>
  <si>
    <t>POINT (4.878720907539749 51.826334446896084)</t>
  </si>
  <si>
    <t>POINT (4.878167887415913 51.82520848630697)</t>
  </si>
  <si>
    <t>POINT (4.839970275488452 51.82276344859309)</t>
  </si>
  <si>
    <t>POINT (4.811793529593039 51.8279669348884)</t>
  </si>
  <si>
    <t>POINT (4.887112198211323 51.8231076662223)</t>
  </si>
  <si>
    <t>POINT (4.824140342738134 51.828188654127814)</t>
  </si>
  <si>
    <t>POINT (4.819710232168701 51.825174135217274)</t>
  </si>
  <si>
    <t>POINT (4.828404746819733 51.82238445533152)</t>
  </si>
  <si>
    <t>POINT (4.827160190773096 51.82285586961908)</t>
  </si>
  <si>
    <t>POINT (4.8219640455094614 51.82358504811677)</t>
  </si>
  <si>
    <t>POINT (4.817799138802672 51.828250541194706)</t>
  </si>
  <si>
    <t>POINT (4.820984464964433 51.82823713130546)</t>
  </si>
  <si>
    <t>POINT (4.884539955806374 51.8238044528464)</t>
  </si>
  <si>
    <t>POINT (4.827055683469622 51.82822956704859)</t>
  </si>
  <si>
    <t>POINT (4.829414911672072 51.82866326213302)</t>
  </si>
  <si>
    <t>POINT (4.844327755415885 51.83194849550052)</t>
  </si>
  <si>
    <t>POINT (4.830626695216738 51.82564579946064)</t>
  </si>
  <si>
    <t>POINT (4.81883626016644 51.82478767766667)</t>
  </si>
  <si>
    <t>POINT (4.820178234547485 51.8277497369144)</t>
  </si>
  <si>
    <t>POINT (4.830465490231023 51.826996381128595)</t>
  </si>
  <si>
    <t>POINT (4.886888569324523 51.821039356079226)</t>
  </si>
  <si>
    <t>POINT (4.842547540696906 51.82833842077493)</t>
  </si>
  <si>
    <t>POINT (4.831951914136375 51.82526863329094)</t>
  </si>
  <si>
    <t>POINT (4.838838180055622 51.82797958772879)</t>
  </si>
  <si>
    <t>POINT (4.8101530223985876 51.82727752281424)</t>
  </si>
  <si>
    <t>POINT (4.84008457010377 51.83166171219757)</t>
  </si>
  <si>
    <t>POINT (4.8252491405091495 51.82419406528728)</t>
  </si>
  <si>
    <t>POINT (4.885890115606953 51.82082836036441)</t>
  </si>
  <si>
    <t>POINT (4.845751188348715 51.82128825478753)</t>
  </si>
  <si>
    <t>POINT (4.829316580702683 51.82488760787172)</t>
  </si>
  <si>
    <t>POINT (4.817810106153057 51.828535279632426)</t>
  </si>
  <si>
    <t>POINT (4.888500751761648 51.8248262076945)</t>
  </si>
  <si>
    <t>POINT (4.844091814703902 51.82177495809629)</t>
  </si>
  <si>
    <t>POINT (4.878530862409152 51.82552863952354)</t>
  </si>
  <si>
    <t>POINT (4.82734749297611 51.82500005467437)</t>
  </si>
  <si>
    <t>POINT (4.82139272467718 51.82389267017419)</t>
  </si>
  <si>
    <t>POINT (4.865940906082314 51.82007631426613)</t>
  </si>
  <si>
    <t>POINT (4.845180271496356 51.82293052178018)</t>
  </si>
  <si>
    <t>POINT (4.82393714473497 51.824540676263815)</t>
  </si>
  <si>
    <t>POINT (4.912366030080229 51.834767812267614)</t>
  </si>
  <si>
    <t>POINT (4.827305215978488 51.82449152390148)</t>
  </si>
  <si>
    <t>POINT (4.888454736344962 51.82368864255794)</t>
  </si>
  <si>
    <t>POINT (4.843525926445007 51.822994779275234)</t>
  </si>
  <si>
    <t>POINT (4.886899346258595 51.82376159002265)</t>
  </si>
  <si>
    <t>POINT (4.838121159421737 51.82543870084191)</t>
  </si>
  <si>
    <t>POINT (4.810746539532653 51.824706305891354)</t>
  </si>
  <si>
    <t>POINT (4.842244008806151 51.8258471888109)</t>
  </si>
  <si>
    <t>POINT (4.827197953356187 51.82321964545539)</t>
  </si>
  <si>
    <t>POINT (4.843498309173895 51.82205076520791)</t>
  </si>
  <si>
    <t>POINT (4.832592623973154 51.82525528509229)</t>
  </si>
  <si>
    <t>POINT (4.884536823397337 51.82068259479222)</t>
  </si>
  <si>
    <t>POINT (4.8386609157938185 51.82585746546562)</t>
  </si>
  <si>
    <t>POINT (4.817547577657284 51.82683426267432)</t>
  </si>
  <si>
    <t>POINT (4.834643289166064 51.82699814379784)</t>
  </si>
  <si>
    <t>POINT (4.821545038241472 51.828077302990735)</t>
  </si>
  <si>
    <t>POINT (4.829204916653738 51.825375002159575)</t>
  </si>
  <si>
    <t>POINT (4.824625398046508 51.826519110720184)</t>
  </si>
  <si>
    <t>POINT (4.841414248419189 51.82489054915916)</t>
  </si>
  <si>
    <t>POINT (4.855776452725696 51.82721256780791)</t>
  </si>
  <si>
    <t>POINT (4.8261611167602165 51.824156325370325)</t>
  </si>
  <si>
    <t>POINT (4.839916880464125 51.823089780192646)</t>
  </si>
  <si>
    <t>POINT (4.88511026192817 51.82671065781453)</t>
  </si>
  <si>
    <t>POINT (4.828723439294722 51.829441977373286)</t>
  </si>
  <si>
    <t>POINT (4.888653733095016 51.822745694608464)</t>
  </si>
  <si>
    <t>POINT (4.883341184474006 51.82697457584707)</t>
  </si>
  <si>
    <t>POINT (4.877942713031651 51.82459629084997)</t>
  </si>
  <si>
    <t>POINT (4.813997662816195 51.82747254384992)</t>
  </si>
  <si>
    <t>POINT (4.827210618787077 51.822765271962645)</t>
  </si>
  <si>
    <t>POINT (4.844020834622241 51.8214362561956)</t>
  </si>
  <si>
    <t>POINT (4.81952578849237 51.828301257735696)</t>
  </si>
  <si>
    <t>POINT (4.827662365944061 51.82259664389971)</t>
  </si>
  <si>
    <t>POINT (4.825275658363199 51.829048005617246)</t>
  </si>
  <si>
    <t>POINT (4.838894125661396 51.82815063117766)</t>
  </si>
  <si>
    <t>POINT (4.8866998221241875 51.821056528453006)</t>
  </si>
  <si>
    <t>POINT (4.840823168231938 51.82186582641876)</t>
  </si>
  <si>
    <t>POINT (4.825894132973227 51.8232941440286)</t>
  </si>
  <si>
    <t>POINT (4.826162605772216 51.82406816384515)</t>
  </si>
  <si>
    <t>POINT (4.828263526841622 51.824415194077346)</t>
  </si>
  <si>
    <t>POINT (4.864506646033188 51.82008981873503)</t>
  </si>
  <si>
    <t>POINT (4.834608000284464 51.824981641907144)</t>
  </si>
  <si>
    <t>POINT (4.82841914222442 51.82941356370714)</t>
  </si>
  <si>
    <t>POINT (4.820434685110044 51.82870114545439)</t>
  </si>
  <si>
    <t>POINT (4.828258206540255 51.82718363974678)</t>
  </si>
  <si>
    <t>POINT (4.835346594473462 51.83143526228806)</t>
  </si>
  <si>
    <t>POINT (4.82967178998153 51.82808471269892)</t>
  </si>
  <si>
    <t>POINT (4.884968746099046 51.82411421652916)</t>
  </si>
  <si>
    <t>POINT (4.840505017013197 51.8231914307424)</t>
  </si>
  <si>
    <t>POINT (4.844094391459122 51.825172636036434)</t>
  </si>
  <si>
    <t>POINT (4.883837679450781 51.820673162947735)</t>
  </si>
  <si>
    <t>POINT (4.883764480138136 51.82437557624052)</t>
  </si>
  <si>
    <t>POINT (4.862766838318712 51.832499590309325)</t>
  </si>
  <si>
    <t>POINT (4.831434706057777 51.82518551351253)</t>
  </si>
  <si>
    <t>POINT (4.831915927122219 51.827012239713355)</t>
  </si>
  <si>
    <t>POINT (4.8294908250427335 51.82956247659651)</t>
  </si>
  <si>
    <t>POINT (4.8874891115047125 51.82312724837873)</t>
  </si>
  <si>
    <t>POINT (4.829530990808856 51.82397179532318)</t>
  </si>
  <si>
    <t>POINT (4.826992502448118 51.82981124851601)</t>
  </si>
  <si>
    <t>POINT (4.836660261887944 51.831699634745554)</t>
  </si>
  <si>
    <t>POINT (4.855727731840312 51.82372939270646)</t>
  </si>
  <si>
    <t>POINT (4.829765569397344 51.828440591837726)</t>
  </si>
  <si>
    <t>POINT (4.837286687481879 51.826731912211585)</t>
  </si>
  <si>
    <t>POINT (4.8616303848064355 51.820317759841416)</t>
  </si>
  <si>
    <t>POINT (4.836879968564478 51.8255884620919)</t>
  </si>
  <si>
    <t>POINT (4.823664451586818 51.82680213484985)</t>
  </si>
  <si>
    <t>POINT (4.829965636559674 51.82753332177066)</t>
  </si>
  <si>
    <t>POINT (4.825506053437302 51.827401400740285)</t>
  </si>
  <si>
    <t>POINT (4.883956628677966 51.824269472847654)</t>
  </si>
  <si>
    <t>POINT (4.829499978864453 51.82541957635627)</t>
  </si>
  <si>
    <t>POINT (4.809813516760097 51.827352022381824)</t>
  </si>
  <si>
    <t>POINT (4.808928710710993 51.82319923276886)</t>
  </si>
  <si>
    <t>POINT (4.9117517955241565 51.83315131864606)</t>
  </si>
  <si>
    <t>POINT (4.844761391598884 51.82892127662348)</t>
  </si>
  <si>
    <t>POINT (4.810485627415282 51.82846205977536)</t>
  </si>
  <si>
    <t>POINT (4.8777463284377784 51.825287554133794)</t>
  </si>
  <si>
    <t>POINT (4.886011368353312 51.822968143609636)</t>
  </si>
  <si>
    <t>POINT (4.882994271949018 51.82269489763917)</t>
  </si>
  <si>
    <t>POINT (4.8247775555894705 51.823625528251995)</t>
  </si>
  <si>
    <t>POINT (4.8132274002670075 51.828460981201665)</t>
  </si>
  <si>
    <t>POINT (4.840278178691885 51.822629012905495)</t>
  </si>
  <si>
    <t>POINT (4.824335827728963 51.82531325760366)</t>
  </si>
  <si>
    <t>POINT (4.8271863479317725 51.82822120192481)</t>
  </si>
  <si>
    <t>POINT (4.836959222477916 51.83335492574455)</t>
  </si>
  <si>
    <t>POINT (4.88416451583055 51.82037049166815)</t>
  </si>
  <si>
    <t>POINT (4.843650193529223 51.83023083486865)</t>
  </si>
  <si>
    <t>POINT (4.888028757959318 51.822859889194405)</t>
  </si>
  <si>
    <t>POINT (4.843012453284365 51.82948212010617)</t>
  </si>
  <si>
    <t>POINT (4.901776759288309 51.82898985142955)</t>
  </si>
  <si>
    <t>POINT (4.822003986422543 51.82271335116797)</t>
  </si>
  <si>
    <t>POINT (4.830808870347546 51.82539703333573)</t>
  </si>
  <si>
    <t>POINT (4.836625038682494 51.82627039544589)</t>
  </si>
  <si>
    <t>POINT (4.839336418641708 51.82220415521816)</t>
  </si>
  <si>
    <t>POINT (4.828202217427893 51.82935859971962)</t>
  </si>
  <si>
    <t>POINT (4.828396835669473 51.82302260439717)</t>
  </si>
  <si>
    <t>POINT (4.821760758991191 51.82360204612901)</t>
  </si>
  <si>
    <t>POINT (4.8391801495768965 51.82610258111772)</t>
  </si>
  <si>
    <t>POINT (4.831651293879734 51.828172144928466)</t>
  </si>
  <si>
    <t>POINT (4.8311100182893325 51.82622883969533)</t>
  </si>
  <si>
    <t>POINT (4.883644303370571 51.824024940364666)</t>
  </si>
  <si>
    <t>POINT (4.848029354702475 51.821806647646916)</t>
  </si>
  <si>
    <t>POINT (4.842530101909402 51.8285810301751)</t>
  </si>
  <si>
    <t>POINT (4.831295739006324 51.82672167111436)</t>
  </si>
  <si>
    <t>POINT (4.821347628814846 51.82374352152425)</t>
  </si>
  <si>
    <t>POINT (4.881655347959151 51.82337192414868)</t>
  </si>
  <si>
    <t>POINT (4.813234314348736 51.825672973261035)</t>
  </si>
  <si>
    <t>POINT (4.833075455666343 51.82659502397925)</t>
  </si>
  <si>
    <t>POINT (4.826238532931537 51.82283689816102)</t>
  </si>
  <si>
    <t>POINT (4.826996431064787 51.82832815824408)</t>
  </si>
  <si>
    <t>POINT (4.830908392691269 51.827546781725296)</t>
  </si>
  <si>
    <t>POINT (4.885416492710394 51.82298357921457)</t>
  </si>
  <si>
    <t>POINT (4.88493244317762 51.8234668885599)</t>
  </si>
  <si>
    <t>POINT (4.8402008504842735 51.82925332817809)</t>
  </si>
  <si>
    <t>POINT (4.8299880319660575 51.82689524176992)</t>
  </si>
  <si>
    <t>POINT (4.8870382803394765 51.82323319040732)</t>
  </si>
  <si>
    <t>POINT (4.820029678528777 51.825148713502614)</t>
  </si>
  <si>
    <t>POINT (4.846520274365105 51.82714212089357)</t>
  </si>
  <si>
    <t>POINT (4.814702152376774 51.82690070559425)</t>
  </si>
  <si>
    <t>POINT (4.851299492276194 51.8283780712906)</t>
  </si>
  <si>
    <t>POINT (4.812486262309232 51.82803433591973)</t>
  </si>
  <si>
    <t>POINT (4.83526461781089 51.83193577179631)</t>
  </si>
  <si>
    <t>POINT (4.828866882098082 51.827231479085654)</t>
  </si>
  <si>
    <t>POINT (4.843566403855554 51.823246645732155)</t>
  </si>
  <si>
    <t>POINT (4.885176042763307 51.821166809045636)</t>
  </si>
  <si>
    <t>POINT (4.812472806084892 51.82653797289323)</t>
  </si>
  <si>
    <t>POINT (4.840253857618649 51.82966704755781)</t>
  </si>
  <si>
    <t>POINT (4.8401733302909316 51.82236902523452)</t>
  </si>
  <si>
    <t>POINT (4.885780106674532 51.82419858166329)</t>
  </si>
  <si>
    <t>POINT (4.891191640501282 51.824104721852244)</t>
  </si>
  <si>
    <t>POINT (4.839822757473278 51.82455056279725)</t>
  </si>
  <si>
    <t>POINT (4.83118666429502 51.82685473320421)</t>
  </si>
  <si>
    <t>POINT (4.8280077256345155 51.82983406595045)</t>
  </si>
  <si>
    <t>POINT (4.881851865688046 51.82266267791821)</t>
  </si>
  <si>
    <t>POINT (4.841820870335213 51.82964737239196)</t>
  </si>
  <si>
    <t>POINT (4.824540640904328 51.827498455716665)</t>
  </si>
  <si>
    <t>POINT (4.838038569641596 51.82455121782787)</t>
  </si>
  <si>
    <t>POINT (4.888021990470258 51.82585617006892)</t>
  </si>
  <si>
    <t>POINT (4.835206886221595 51.82835806424103)</t>
  </si>
  <si>
    <t>POINT (4.883807917642575 51.8208575245422)</t>
  </si>
  <si>
    <t>POINT (4.835244985750705 51.82998516803988)</t>
  </si>
  <si>
    <t>POINT (4.8896469841623045 51.823433035404506)</t>
  </si>
  <si>
    <t>POINT (4.881689375463641 51.825511336109265)</t>
  </si>
  <si>
    <t>POINT (4.835432093866824 51.83114809408166)</t>
  </si>
  <si>
    <t>POINT (4.81849413756662 51.827609431492924)</t>
  </si>
  <si>
    <t>POINT (4.883094229036529 51.824411790849844)</t>
  </si>
  <si>
    <t>POINT (4.809330754194662 51.824656091596054)</t>
  </si>
  <si>
    <t>POINT (4.837136781200126 51.82594021871028)</t>
  </si>
  <si>
    <t>POINT (4.832559893670467 51.82501642178658)</t>
  </si>
  <si>
    <t>POINT (4.8188401264559495 51.82474449741779)</t>
  </si>
  <si>
    <t>POINT (4.818140612082673 51.82760723285881)</t>
  </si>
  <si>
    <t>POINT (4.822533412387954 51.823006678800795)</t>
  </si>
  <si>
    <t>POINT (4.833886143167156 51.82663328312036)</t>
  </si>
  <si>
    <t>POINT (4.830695835331367 51.82591912722021)</t>
  </si>
  <si>
    <t>POINT (4.834240548517419 51.82995414964828)</t>
  </si>
  <si>
    <t>POINT (4.834216359554143 51.82620433315098)</t>
  </si>
  <si>
    <t>POINT (4.821344126113542 51.823737140746196)</t>
  </si>
  <si>
    <t>POINT (4.812115478913001 51.82582030260957)</t>
  </si>
  <si>
    <t>POINT (4.844805923166697 51.82872639536831)</t>
  </si>
  <si>
    <t>POINT (4.889363840979992 51.82556357586842)</t>
  </si>
  <si>
    <t>POINT (4.831751241075782 51.82760983655691)</t>
  </si>
  <si>
    <t>POINT (4.835333828613937 51.833392239050625)</t>
  </si>
  <si>
    <t>POINT (4.827914206478486 51.82801793554855)</t>
  </si>
  <si>
    <t>POINT (4.877747445926859 51.82518868535537)</t>
  </si>
  <si>
    <t>POINT (4.8207270414013985 51.825062195458436)</t>
  </si>
  <si>
    <t>POINT (4.8178953382506275 51.82802274363604)</t>
  </si>
  <si>
    <t>POINT (4.825609815937901 51.824145329726235)</t>
  </si>
  <si>
    <t>POINT (4.837873394057436 51.82497978243335)</t>
  </si>
  <si>
    <t>POINT (4.826140402725077 51.82412605181658)</t>
  </si>
  <si>
    <t>POINT (4.828946767627335 51.825394043906826)</t>
  </si>
  <si>
    <t>POINT (4.839885010763644 51.82659125049582)</t>
  </si>
  <si>
    <t>POINT (4.827190355472913 51.82906614378858)</t>
  </si>
  <si>
    <t>POINT (4.835623736416727 51.82630164893386)</t>
  </si>
  <si>
    <t>POINT (4.827180940567633 51.822819061648055)</t>
  </si>
  <si>
    <t>POINT (4.843744915015375 51.82167447858635)</t>
  </si>
  <si>
    <t>POINT (4.879366660810809 51.826957449361664)</t>
  </si>
  <si>
    <t>POINT (4.824357265373251 51.823596548063534)</t>
  </si>
  <si>
    <t>POINT (4.835224878616752 51.824520043559865)</t>
  </si>
  <si>
    <t>POINT (4.883816450630094 51.824118619892225)</t>
  </si>
  <si>
    <t>POINT (4.878582375075955 51.825447426819295)</t>
  </si>
  <si>
    <t>POINT (4.877317481922988 51.824728404435625)</t>
  </si>
  <si>
    <t>POINT (4.844092356163939 51.82173001792016)</t>
  </si>
  <si>
    <t>POINT (4.825063128650064 51.82536132599545)</t>
  </si>
  <si>
    <t>POINT (4.842938959142347 51.82235387308759)</t>
  </si>
  <si>
    <t>POINT (4.88387592744388 51.82325562744933)</t>
  </si>
  <si>
    <t>POINT (4.874062236094515 51.83162638448423)</t>
  </si>
  <si>
    <t>POINT (4.8220198428686105 51.822605564921105)</t>
  </si>
  <si>
    <t>POINT (4.828204379923789 51.8233362871049)</t>
  </si>
  <si>
    <t>POINT (4.820137574237539 51.823528635318404)</t>
  </si>
  <si>
    <t>POINT (4.832361434488148 51.82554253593294)</t>
  </si>
  <si>
    <t>POINT (4.884131485737141 51.824432419982585)</t>
  </si>
  <si>
    <t>POINT (4.883617114915928 51.82398258672393)</t>
  </si>
  <si>
    <t>POINT (4.827438994973268 51.82423149414364)</t>
  </si>
  <si>
    <t>POINT (4.844241490255923 51.82741146082185)</t>
  </si>
  <si>
    <t>POINT (4.883190772459664 51.82226395140785)</t>
  </si>
  <si>
    <t>POINT (4.830116169670017 51.823570089548575)</t>
  </si>
  <si>
    <t>POINT (4.878667749869821 51.824617411056934)</t>
  </si>
  <si>
    <t>POINT (4.877901110299804 51.82571068580322)</t>
  </si>
  <si>
    <t>POINT (4.836364513928794 51.83097017643354)</t>
  </si>
  <si>
    <t>POINT (4.873756522049409 51.822932276007066)</t>
  </si>
  <si>
    <t>POINT (4.881691301329349 51.82404621730603)</t>
  </si>
  <si>
    <t>POINT (4.839420696976084 51.8286620291858)</t>
  </si>
  <si>
    <t>POINT (4.885480712368945 51.82242656611111)</t>
  </si>
  <si>
    <t>POINT (4.884069018533724 51.82461105953502)</t>
  </si>
  <si>
    <t>POINT (4.8318967918757645 51.8295389618164)</t>
  </si>
  <si>
    <t>POINT (4.836911400094368 51.83251876841506)</t>
  </si>
  <si>
    <t>POINT (4.825809795577719 51.826929265417974)</t>
  </si>
  <si>
    <t>POINT (4.856757206542044 51.82124744509157)</t>
  </si>
  <si>
    <t>POINT (4.911568760674795 51.83304951076969)</t>
  </si>
  <si>
    <t>POINT (4.861244737853161 51.8309943957058)</t>
  </si>
  <si>
    <t>POINT (4.8257800136872016 51.829320074982085)</t>
  </si>
  <si>
    <t>POINT (4.817484778653418 51.82794980520155)</t>
  </si>
  <si>
    <t>POINT (4.831709213802576 51.82377538716389)</t>
  </si>
  <si>
    <t>POINT (4.856004410826503 51.82756415193925)</t>
  </si>
  <si>
    <t>POINT (4.882063284322811 51.82321188711331)</t>
  </si>
  <si>
    <t>POINT (4.8355096401620274 51.8285122925523)</t>
  </si>
  <si>
    <t>POINT (4.841299129270009 51.831999941759705)</t>
  </si>
  <si>
    <t>POINT (4.826274567382376 51.829214576651744)</t>
  </si>
  <si>
    <t>POINT (4.884500186799983 51.82393152387868)</t>
  </si>
  <si>
    <t>POINT (4.843562848157248 51.8223387871777)</t>
  </si>
  <si>
    <t>POINT (4.8262094620553215 51.8239559680516)</t>
  </si>
  <si>
    <t>POINT (4.872047092573331 51.83150070861129)</t>
  </si>
  <si>
    <t>POINT (4.889717570093793 51.8257168823116)</t>
  </si>
  <si>
    <t>POINT (4.819915029908746 51.8235175287765)</t>
  </si>
  <si>
    <t>POINT (4.822981018560287 51.82361197179092)</t>
  </si>
  <si>
    <t>POINT (4.883829620982998 51.82077395253927)</t>
  </si>
  <si>
    <t>POINT (4.821906704412315 51.82353084068838)</t>
  </si>
  <si>
    <t>POINT (4.827220596226736 51.82896741411374)</t>
  </si>
  <si>
    <t>POINT (4.84689299206716 51.821626092006746)</t>
  </si>
  <si>
    <t>POINT (4.808175026914501 51.824078643123194)</t>
  </si>
  <si>
    <t>POINT (4.838678814080009 51.83153830150234)</t>
  </si>
  <si>
    <t>POINT (4.888709563242989 51.82294367888351)</t>
  </si>
  <si>
    <t>POINT (4.825002045086505 51.825397347179084)</t>
  </si>
  <si>
    <t>POINT (4.8288212725599555 51.82388752447974)</t>
  </si>
  <si>
    <t>POINT (4.833228634152795 51.82701573639098)</t>
  </si>
  <si>
    <t>POINT (4.8865822165412744 51.82642216622001)</t>
  </si>
  <si>
    <t>POINT (4.878416700981152 51.82629717477669)</t>
  </si>
  <si>
    <t>POINT (4.851565529657402 51.826561958444856)</t>
  </si>
  <si>
    <t>POINT (4.844234551750205 51.83039562018518)</t>
  </si>
  <si>
    <t>POINT (4.828970068346522 51.82241411088558)</t>
  </si>
  <si>
    <t>POINT (4.8341554495044745 51.825377909638604)</t>
  </si>
  <si>
    <t>POINT (4.831247935846123 51.82471700022925)</t>
  </si>
  <si>
    <t>POINT (4.882767560410991 51.82379018036522)</t>
  </si>
  <si>
    <t>POINT (4.872568667989901 51.821762018487235)</t>
  </si>
  <si>
    <t>POINT (4.840752304828953 51.82923791937361)</t>
  </si>
  <si>
    <t>POINT (4.84005450543978 51.82457860885232)</t>
  </si>
  <si>
    <t>POINT (4.819189394452771 51.82721215125148)</t>
  </si>
  <si>
    <t>POINT (4.877332698453236 51.82466555094189)</t>
  </si>
  <si>
    <t>POINT (4.830722453457371 51.826602939746294)</t>
  </si>
  <si>
    <t>POINT (4.838938991623096 51.82684750338483)</t>
  </si>
  <si>
    <t>POINT (4.910546086162394 51.83192399584702)</t>
  </si>
  <si>
    <t>POINT (4.81637212568439 51.82294409624397)</t>
  </si>
  <si>
    <t>POINT (4.816363293880777 51.82297831765831)</t>
  </si>
  <si>
    <t>POINT (4.885585043043365 51.82347866760082)</t>
  </si>
  <si>
    <t>POINT (4.84028221586306 51.8297211108595)</t>
  </si>
  <si>
    <t>POINT (4.8910715471568915 51.82447274304209)</t>
  </si>
  <si>
    <t>POINT (4.820768070890346 51.82526014150663)</t>
  </si>
  <si>
    <t>POINT (4.843526360079926 51.822958827142365)</t>
  </si>
  <si>
    <t>POINT (4.884559436985737 51.82309676304878)</t>
  </si>
  <si>
    <t>POINT (4.828711473317675 51.82338364363996)</t>
  </si>
  <si>
    <t>POINT (4.829666679729325 51.82941949532425)</t>
  </si>
  <si>
    <t>POINT (4.852220148515865 51.82129095130647)</t>
  </si>
  <si>
    <t>POINT (4.856252067524533 51.82131824697552)</t>
  </si>
  <si>
    <t>POINT (4.8848600211396285 51.82345759014852)</t>
  </si>
  <si>
    <t>POINT (4.833010885008031 51.826011345026096)</t>
  </si>
  <si>
    <t>POINT (4.884136504581078 51.82330168701803)</t>
  </si>
  <si>
    <t>POINT (4.814295749381128 51.82835982056026)</t>
  </si>
  <si>
    <t>POINT (4.819531773872158 51.82667435981972)</t>
  </si>
  <si>
    <t>POINT (4.844756845261551 51.829448450750974)</t>
  </si>
  <si>
    <t>POINT (4.84131490243976 51.82192714205208)</t>
  </si>
  <si>
    <t>POINT (4.826105010577952 51.82768571441025)</t>
  </si>
  <si>
    <t>POINT (4.834788601847055 51.82934483544403)</t>
  </si>
  <si>
    <t>POINT (4.840553102241857 51.822126872523626)</t>
  </si>
  <si>
    <t>POINT (4.831530027286516 51.82655592613793)</t>
  </si>
  <si>
    <t>POINT (4.8262082315286605 51.82405483617122)</t>
  </si>
  <si>
    <t>POINT (4.827193211371214 51.82299889111229)</t>
  </si>
  <si>
    <t>POINT (4.843485944101689 51.82510689962052)</t>
  </si>
  <si>
    <t>POINT (4.884172938538666 51.82031367541852)</t>
  </si>
  <si>
    <t>POINT (4.822640364728183 51.82286023048129)</t>
  </si>
  <si>
    <t>POINT (4.824292139411095 51.824716010925)</t>
  </si>
  <si>
    <t>POINT (4.812871934142037 51.82726729792555)</t>
  </si>
  <si>
    <t>POINT (4.815240961250363 51.827285839880844)</t>
  </si>
  <si>
    <t>POINT (4.898788665472704 51.82712974667116)</t>
  </si>
  <si>
    <t>POINT (4.844756798752743 51.83160249695388)</t>
  </si>
  <si>
    <t>POINT (4.877295961268309 51.82534851829425)</t>
  </si>
  <si>
    <t>POINT (4.840355607951793 51.831589745493844)</t>
  </si>
  <si>
    <t>POINT (4.885979174372157 51.82455897212562)</t>
  </si>
  <si>
    <t>POINT (4.840160340540608 51.832748391764085)</t>
  </si>
  <si>
    <t>POINT (4.8256455379245295 51.829634030677276)</t>
  </si>
  <si>
    <t>POINT (4.810609217777144 51.828419575778895)</t>
  </si>
  <si>
    <t>POINT (4.879049955936591 51.82545499772666)</t>
  </si>
  <si>
    <t>3371SV</t>
  </si>
  <si>
    <t>POINT (4.827795063694665 51.82315826949785)</t>
  </si>
  <si>
    <t>POINT (4.8408747853146 51.82205652481023)</t>
  </si>
  <si>
    <t>POINT (4.852805238970071 51.83071688176236)</t>
  </si>
  <si>
    <t>POINT (4.887795230458264 51.82168140123271)</t>
  </si>
  <si>
    <t>POINT (4.8621014015885535 51.832522853337856)</t>
  </si>
  <si>
    <t>POINT (4.830830626754518 51.82444536676595)</t>
  </si>
  <si>
    <t>POINT (4.836059325342142 51.829827200462816)</t>
  </si>
  <si>
    <t>POINT (4.880999248295302 51.82238036031662)</t>
  </si>
  <si>
    <t>POINT (4.842545151027244 51.828536157349205)</t>
  </si>
  <si>
    <t>POINT (4.888504812900474 51.82309561383212)</t>
  </si>
  <si>
    <t>POINT (4.824397995173872 51.82962805630733)</t>
  </si>
  <si>
    <t>POINT (4.830720054958026 51.826656212439424)</t>
  </si>
  <si>
    <t>POINT (4.868538771779001 51.81971322563181)</t>
  </si>
  <si>
    <t>POINT (4.818824058255382 51.82719199233004)</t>
  </si>
  <si>
    <t>POINT (4.852629170581687 51.82816244089068)</t>
  </si>
  <si>
    <t>POINT (4.827244606308469 51.82703499243581)</t>
  </si>
  <si>
    <t>POINT (4.8219147485750975 51.82867232779396)</t>
  </si>
  <si>
    <t>POINT (4.883779514778221 51.82539447916158)</t>
  </si>
  <si>
    <t>POINT (4.841504093353537 51.82825267811638)</t>
  </si>
  <si>
    <t>POINT (4.839561305946509 51.826967259202654)</t>
  </si>
  <si>
    <t>POINT (4.845101139262154 51.82308672763033)</t>
  </si>
  <si>
    <t>POINT (4.827483902468217 51.82563799290743)</t>
  </si>
  <si>
    <t>POINT (4.826351013187113 51.828900343006865)</t>
  </si>
  <si>
    <t>POINT (4.87334216818301 51.82098083535864)</t>
  </si>
  <si>
    <t>POINT (4.826209573921072 51.82394698004066)</t>
  </si>
  <si>
    <t>POINT (4.843011150900919 51.829589976411775)</t>
  </si>
  <si>
    <t>POINT (4.884492668250307 51.82415826277217)</t>
  </si>
  <si>
    <t>POINT (4.845214746852346 51.826051544439196)</t>
  </si>
  <si>
    <t>POINT (4.877993233575764 51.82397630264696)</t>
  </si>
  <si>
    <t>POINT (4.838966699599825 51.82896180765102)</t>
  </si>
  <si>
    <t>POINT (4.885083980755508 51.82432999326269)</t>
  </si>
  <si>
    <t>POINT (4.844089269160597 51.83041292519727)</t>
  </si>
  <si>
    <t>POINT (4.834990068303362 51.82829412477132)</t>
  </si>
  <si>
    <t>POINT (4.888840395993267 51.824229590891015)</t>
  </si>
  <si>
    <t>POINT (4.8295919612321025 51.82256088355279)</t>
  </si>
  <si>
    <t>POINT (4.844574687008446 51.82744895560047)</t>
  </si>
  <si>
    <t>POINT (4.8312838356876995 51.822982381583074)</t>
  </si>
  <si>
    <t>POINT (4.821696581746652 51.82293658431235)</t>
  </si>
  <si>
    <t>POINT (4.839707388254895 51.831659953770085)</t>
  </si>
  <si>
    <t>POINT (4.879922662306748 51.824835463996294)</t>
  </si>
  <si>
    <t>POINT (4.827553707674079 51.827566511769604)</t>
  </si>
  <si>
    <t>POINT (4.842246988731786 51.82919992480178)</t>
  </si>
  <si>
    <t>POINT (4.881941406139961 51.82373269621622)</t>
  </si>
  <si>
    <t>POINT (4.822415547435627 51.825753461319174)</t>
  </si>
  <si>
    <t>POINT (4.844144715977334 51.82701551783636)</t>
  </si>
  <si>
    <t>POINT (4.829647288308538 51.82546976705036)</t>
  </si>
  <si>
    <t>3371MA</t>
  </si>
  <si>
    <t>POINT (4.853897365214513 51.824172611847395)</t>
  </si>
  <si>
    <t>POINT (4.838051103238741 51.8247130701313)</t>
  </si>
  <si>
    <t>POINT (4.827723509361859 51.825850788375604)</t>
  </si>
  <si>
    <t>POINT (4.833560677748918 51.82656159301934)</t>
  </si>
  <si>
    <t>POINT (4.829086540989461 51.82940775007357)</t>
  </si>
  <si>
    <t>POINT (4.88112400651976 51.82418758911772)</t>
  </si>
  <si>
    <t>POINT (4.831418307301932 51.82736942628551)</t>
  </si>
  <si>
    <t>POINT (4.883561119285983 51.823903858824806)</t>
  </si>
  <si>
    <t>POINT (4.841660819907431 51.8235658504564)</t>
  </si>
  <si>
    <t>POINT (4.828777510173411 51.82741981331474)</t>
  </si>
  <si>
    <t>POINT (4.835253227606491 51.824574108096954)</t>
  </si>
  <si>
    <t>POINT (4.8795407274675435 51.82695820224518)</t>
  </si>
  <si>
    <t>POINT (4.883954424243208 51.82401998732608)</t>
  </si>
  <si>
    <t>POINT (4.887389666033284 51.824434014649896)</t>
  </si>
  <si>
    <t>POINT (4.84233252387106 51.826147187501995)</t>
  </si>
  <si>
    <t>POINT (4.908493800160877 51.83083076221146)</t>
  </si>
  <si>
    <t>POINT (4.847211113989097 51.82745056919179)</t>
  </si>
  <si>
    <t>POINT (4.8798991657284265 51.8252425150196)</t>
  </si>
  <si>
    <t>POINT (4.885413791248154 51.82322625742012)</t>
  </si>
  <si>
    <t>POINT (4.845955585514137 51.826724167678336)</t>
  </si>
  <si>
    <t>POINT (4.8684305121608356 51.82051879299125)</t>
  </si>
  <si>
    <t>POINT (4.840358668270736 51.82461598035731)</t>
  </si>
  <si>
    <t>POINT (4.888051490099733 51.8256012287005)</t>
  </si>
  <si>
    <t>POINT (4.831517985466388 51.825167705981805)</t>
  </si>
  <si>
    <t>POINT (4.910821285514038 51.83112931725693)</t>
  </si>
  <si>
    <t>POINT (4.880473969130775 51.82265673783117)</t>
  </si>
  <si>
    <t>POINT (4.83892805775365 51.82416886871803)</t>
  </si>
  <si>
    <t>POINT (4.836609644091564 51.833467674792985)</t>
  </si>
  <si>
    <t>POINT (4.884113622358357 51.824483748707834)</t>
  </si>
  <si>
    <t>POINT (4.883661474416709 51.82297606389412)</t>
  </si>
  <si>
    <t>POINT (4.87878378827044 51.82461791369117)</t>
  </si>
  <si>
    <t>POINT (4.826539957584884 51.827705769656774)</t>
  </si>
  <si>
    <t>POINT (4.842570537095432 51.82889155575646)</t>
  </si>
  <si>
    <t>POINT (4.830786577321514 51.82801360838865)</t>
  </si>
  <si>
    <t>POINT (4.8785752428816815 51.82381703267817)</t>
  </si>
  <si>
    <t>POINT (4.824313976757595 51.823578363391256)</t>
  </si>
  <si>
    <t>POINT (4.83384731425074 51.825664090732104)</t>
  </si>
  <si>
    <t>POINT (4.8416688563431896 51.82924055531996)</t>
  </si>
  <si>
    <t>POINT (4.826515999962502 51.82270504056501)</t>
  </si>
  <si>
    <t>POINT (4.8388835518448285 51.83140443000247)</t>
  </si>
  <si>
    <t>POINT (4.835741623844576 51.831722333655044)</t>
  </si>
  <si>
    <t>POINT (4.8810866936275605 51.82621883143961)</t>
  </si>
  <si>
    <t>POINT (4.811680105906969 51.82888905356307)</t>
  </si>
  <si>
    <t>POINT (4.839888807881605 51.82256459285287)</t>
  </si>
  <si>
    <t>POINT (4.874057842741934 51.822494450654354)</t>
  </si>
  <si>
    <t>POINT (4.884355107175137 51.821909404521435)</t>
  </si>
  <si>
    <t>POINT (4.878514418279022 51.82558213979106)</t>
  </si>
  <si>
    <t>POINT (4.8453061341953205 51.8213497049754)</t>
  </si>
  <si>
    <t>POINT (4.823914075273612 51.82461541318798)</t>
  </si>
  <si>
    <t>POINT (4.816315753547344 51.82518464114443)</t>
  </si>
  <si>
    <t>POINT (4.824426840573907 51.827318139337045)</t>
  </si>
  <si>
    <t>POINT (4.819741278776987 51.82501249143272)</t>
  </si>
  <si>
    <t>POINT (4.820771817653104 51.822653480327)</t>
  </si>
  <si>
    <t>POINT (4.825989188927825 51.827667183662705)</t>
  </si>
  <si>
    <t>POINT (4.888451453996533 51.82506681829456)</t>
  </si>
  <si>
    <t>POINT (4.860012623738884 51.82222506119717)</t>
  </si>
  <si>
    <t>POINT (4.83424628826563 51.826250225793174)</t>
  </si>
  <si>
    <t>POINT (4.8425292916975025 51.82984840903856)</t>
  </si>
  <si>
    <t>POINT (4.879370812918368 51.82658893845355)</t>
  </si>
  <si>
    <t>POINT (4.808969751569046 51.82452847403494)</t>
  </si>
  <si>
    <t>POINT (4.839965894633253 51.83187688373621)</t>
  </si>
  <si>
    <t>POINT (4.888373924102055 51.826627639326254)</t>
  </si>
  <si>
    <t>POINT (4.882311879142543 51.824327531924666)</t>
  </si>
  <si>
    <t>POINT (4.882999459005177 51.82510349902658)</t>
  </si>
  <si>
    <t>POINT (4.840704479052354 51.83026284755577)</t>
  </si>
  <si>
    <t>POINT (4.831305639038912 51.823566740133444)</t>
  </si>
  <si>
    <t>POINT (4.824034238859439 51.82390959785249)</t>
  </si>
  <si>
    <t>POINT (4.816272489343157 51.828600079351496)</t>
  </si>
  <si>
    <t>POINT (4.844154456449835 51.82741105823281)</t>
  </si>
  <si>
    <t>POINT (4.846167575457268 51.82487678842531)</t>
  </si>
  <si>
    <t>POINT (4.8812314905349 51.8246593200578)</t>
  </si>
  <si>
    <t>POINT (4.904040455542856 51.8303703931186)</t>
  </si>
  <si>
    <t>POINT (4.840191365712945 51.827644336830915)</t>
  </si>
  <si>
    <t>POINT (4.884568701585838 51.82486753898153)</t>
  </si>
  <si>
    <t>POINT (4.814589200069148 51.82729510256095)</t>
  </si>
  <si>
    <t>POINT (4.834681697947729 51.82859828396717)</t>
  </si>
  <si>
    <t>POINT (4.8622356542397975 51.820653043907555)</t>
  </si>
  <si>
    <t>POINT (4.8439841037646785 51.82349126993543)</t>
  </si>
  <si>
    <t>POINT (4.828277200933266 51.82916120890808)</t>
  </si>
  <si>
    <t>POINT (4.888834040068643 51.823492506369256)</t>
  </si>
  <si>
    <t>POINT (4.836193949822484 51.83186822908974)</t>
  </si>
  <si>
    <t>POINT (4.8838907616050315 51.82457068301732)</t>
  </si>
  <si>
    <t>POINT (4.878659633637401 51.824051099634765)</t>
  </si>
  <si>
    <t>POINT (4.8153360372855065 51.824658536267194)</t>
  </si>
  <si>
    <t>POINT (4.820063184419935 51.82824992399754)</t>
  </si>
  <si>
    <t>POINT (4.844423133823693 51.82557864051822)</t>
  </si>
  <si>
    <t>POINT (4.840431082875205 51.82462530621987)</t>
  </si>
  <si>
    <t>POINT (4.837426391646491 51.83192793831724)</t>
  </si>
  <si>
    <t>POINT (4.887427589919244 51.82484420481922)</t>
  </si>
  <si>
    <t>POINT (4.827285657952749 51.82521001975212)</t>
  </si>
  <si>
    <t>POINT (4.841446601191884 51.823416579774516)</t>
  </si>
  <si>
    <t>POINT (4.814252521781872 51.825453233731324)</t>
  </si>
  <si>
    <t>POINT (4.8451223188901125 51.82233994113631)</t>
  </si>
  <si>
    <t>POINT (4.879639267935192 51.82464858129608)</t>
  </si>
  <si>
    <t>POINT (4.8280469175088765 51.82757211595635)</t>
  </si>
  <si>
    <t>POINT (4.880994614453545 51.82666785983454)</t>
  </si>
  <si>
    <t>POINT (4.888009714141911 51.82603338016848)</t>
  </si>
  <si>
    <t>POINT (4.85139405632931 51.827336463234204)</t>
  </si>
  <si>
    <t>POINT (4.878754265238005 51.823377371109295)</t>
  </si>
  <si>
    <t>POINT (4.84793635769539 51.82084461804873)</t>
  </si>
  <si>
    <t>POINT (4.829357066986571 51.827476500113725)</t>
  </si>
  <si>
    <t>POINT (4.814294285878942 51.828880061615536)</t>
  </si>
  <si>
    <t>POINT (4.838556207064033 51.82611764364266)</t>
  </si>
  <si>
    <t>POINT (4.826165622794764 51.82410895929597)</t>
  </si>
  <si>
    <t>POINT (4.877716099255138 51.825395285076425)</t>
  </si>
  <si>
    <t>POINT (4.882617604861089 51.828466625005)</t>
  </si>
  <si>
    <t>POINT (4.880314032121656 51.82189882797064)</t>
  </si>
  <si>
    <t>POINT (4.83737614151733 51.824901159666084)</t>
  </si>
  <si>
    <t>POINT (4.821935036792487 51.82358490842412)</t>
  </si>
  <si>
    <t>POINT (4.880975970034133 51.82703630826281)</t>
  </si>
  <si>
    <t>POINT (4.881196529850338 51.82418790175868)</t>
  </si>
  <si>
    <t>POINT (4.896765323992035 51.82578485615264)</t>
  </si>
  <si>
    <t>POINT (4.820543459847157 51.82812640372715)</t>
  </si>
  <si>
    <t>POINT (4.829828794068207 51.828035580867564)</t>
  </si>
  <si>
    <t>POINT (4.8316393503761885 51.82355933150951)</t>
  </si>
  <si>
    <t>POINT (4.830723119301272 51.826549011664234)</t>
  </si>
  <si>
    <t>POINT (4.814713711764347 51.82568918622985)</t>
  </si>
  <si>
    <t>POINT (4.912105294106404 51.834024632473145)</t>
  </si>
  <si>
    <t>POINT (4.883337430214598 51.8260127894882)</t>
  </si>
  <si>
    <t>POINT (4.828562891613634 51.826844810927454)</t>
  </si>
  <si>
    <t>POINT (4.832766158534807 51.82393318944324)</t>
  </si>
  <si>
    <t>POINT (4.906137706179825 51.830237427964356)</t>
  </si>
  <si>
    <t>POINT (4.823004557161288 51.826211482739474)</t>
  </si>
  <si>
    <t>POINT (4.8298395312824915 51.8248271723185)</t>
  </si>
  <si>
    <t>POINT (4.836765073393535 51.82905749790235)</t>
  </si>
  <si>
    <t>POINT (4.884470976753597 51.8245255571888)</t>
  </si>
  <si>
    <t>POINT (4.827694164624901 51.82704612458127)</t>
  </si>
  <si>
    <t>POINT (4.842914639398116 51.82797159367833)</t>
  </si>
  <si>
    <t>POINT (4.838096040964464 51.824596429370814)</t>
  </si>
  <si>
    <t>POINT (4.818928066632262 51.82765008481637)</t>
  </si>
  <si>
    <t>POINT (4.8437613203054575 51.82512615187709)</t>
  </si>
  <si>
    <t>POINT (4.8352614134590475 51.82450027877385)</t>
  </si>
  <si>
    <t>POINT (4.8761828702219905 51.82174745429515)</t>
  </si>
  <si>
    <t>POINT (4.813978185265865 51.82535302030154)</t>
  </si>
  <si>
    <t>POINT (4.85573549410453 51.825765230046855)</t>
  </si>
  <si>
    <t>POINT (4.882065500217965 51.82301414939879)</t>
  </si>
  <si>
    <t>POINT (4.823096662070746 51.824181592557245)</t>
  </si>
  <si>
    <t>POINT (4.887130844240978 51.82142689442279)</t>
  </si>
  <si>
    <t>POINT (4.845570221423068 51.827335488853585)</t>
  </si>
  <si>
    <t>POINT (4.842277536919904 51.83200649175169)</t>
  </si>
  <si>
    <t>POINT (4.824676249290991 51.823607065711585)</t>
  </si>
  <si>
    <t>POINT (4.836445197126659 51.83386486154332)</t>
  </si>
  <si>
    <t>POINT (4.838024957228837 51.831342350754895)</t>
  </si>
  <si>
    <t>POINT (4.883761017993598 51.82470243750424)</t>
  </si>
  <si>
    <t>POINT (4.835897658540079 51.831183709702074)</t>
  </si>
  <si>
    <t>POINT (4.824608439157199 51.82322922174303)</t>
  </si>
  <si>
    <t>POINT (4.883519669537717 51.823860455235916)</t>
  </si>
  <si>
    <t>POINT (4.821431575320022 51.82362067518747)</t>
  </si>
  <si>
    <t>POINT (4.885480212172814 51.82247150652347)</t>
  </si>
  <si>
    <t>POINT (4.829614104992049 51.82519255560662)</t>
  </si>
  <si>
    <t>POINT (4.83952723093797 51.82282596491786)</t>
  </si>
  <si>
    <t>POINT (4.825149336206295 51.825218281625595)</t>
  </si>
  <si>
    <t>POINT (4.885162101271987 51.824342219190065)</t>
  </si>
  <si>
    <t>POINT (4.832852743326653 51.823969552545044)</t>
  </si>
  <si>
    <t>POINT (4.883907678279433 51.821813673864405)</t>
  </si>
  <si>
    <t>POINT (4.821353595666084 51.82374541990647)</t>
  </si>
  <si>
    <t>POINT (4.817468075110038 51.82238581163615)</t>
  </si>
  <si>
    <t>POINT (4.843265086872396 51.82657999574107)</t>
  </si>
  <si>
    <t>POINT (4.827188495865494 51.82571340904802)</t>
  </si>
  <si>
    <t>POINT (4.835524596901891 51.83084808714133)</t>
  </si>
  <si>
    <t>POINT (4.853099368105369 51.82705401299058)</t>
  </si>
  <si>
    <t>POINT (4.840400420410108 51.8229236244455)</t>
  </si>
  <si>
    <t>POINT (4.8405918192514665 51.83031511267746)</t>
  </si>
  <si>
    <t>POINT (4.8349708228329495 51.83004589954847)</t>
  </si>
  <si>
    <t>POINT (4.830573505318444 51.828821566662)</t>
  </si>
  <si>
    <t>POINT (4.813896416454117 51.82827923015789)</t>
  </si>
  <si>
    <t>POINT (4.8421782304563274 51.82288965550387)</t>
  </si>
  <si>
    <t>POINT (4.880735713243141 51.823889293592494)</t>
  </si>
  <si>
    <t>POINT (4.837699224205736 51.825903105632044)</t>
  </si>
  <si>
    <t>POINT (4.817791008297093 51.82593631923353)</t>
  </si>
  <si>
    <t>POINT (4.883663418942605 51.82033354858508)</t>
  </si>
  <si>
    <t>3372BA</t>
  </si>
  <si>
    <t>Blikstraat</t>
  </si>
  <si>
    <t>POINT (4.878989348918298 51.82053801856417)</t>
  </si>
  <si>
    <t>POINT (4.850692420672804 51.82832144813788)</t>
  </si>
  <si>
    <t>POINT (4.841902171656353 51.82892054207406)</t>
  </si>
  <si>
    <t>POINT (4.886651740620522 51.82378261922469)</t>
  </si>
  <si>
    <t>POINT (4.8839726415352684 51.824316344660964)</t>
  </si>
  <si>
    <t>POINT (4.880288649305674 51.82236830526794)</t>
  </si>
  <si>
    <t>POINT (4.8250621707464125 51.82755488559284)</t>
  </si>
  <si>
    <t>POINT (4.827908729666975 51.82612132728773)</t>
  </si>
  <si>
    <t>POINT (4.839792137415076 51.83184910807065)</t>
  </si>
  <si>
    <t>POINT (4.816272941315867 51.82619168088259)</t>
  </si>
  <si>
    <t>POINT (4.8214243570099935 51.823778569201494)</t>
  </si>
  <si>
    <t>POINT (4.8181400756616455 51.82545416736441)</t>
  </si>
  <si>
    <t>POINT (4.833533748005631 51.827582357115965)</t>
  </si>
  <si>
    <t>POINT (4.883903988679527 51.8239291039991)</t>
  </si>
  <si>
    <t>POINT (4.879372129423923 51.82647209352801)</t>
  </si>
  <si>
    <t>POINT (4.883790156229461 51.8218440634273)</t>
  </si>
  <si>
    <t>POINT (4.814902391169423 51.825681117725196)</t>
  </si>
  <si>
    <t>POINT (4.818862144006772 51.82484128486261)</t>
  </si>
  <si>
    <t>POINT (4.877327919871815 51.82508799026424)</t>
  </si>
  <si>
    <t>POINT (4.818341044532023 51.826668595513596)</t>
  </si>
  <si>
    <t>POINT (4.82809762084394 51.824926750952116)</t>
  </si>
  <si>
    <t>POINT (4.804517948378548 51.83339614030271)</t>
  </si>
  <si>
    <t>POINT (4.828513537613827 51.82296922864442)</t>
  </si>
  <si>
    <t>POINT (4.852935987600255 51.827833185819856)</t>
  </si>
  <si>
    <t>POINT (4.841272604282077 51.82185788639441)</t>
  </si>
  <si>
    <t>POINT (4.836424279043339 51.82360862175171)</t>
  </si>
  <si>
    <t>POINT (4.881759179587064 51.8257543264248)</t>
  </si>
  <si>
    <t>POINT (4.869979668653124 51.82108961423074)</t>
  </si>
  <si>
    <t>3372BB</t>
  </si>
  <si>
    <t>POINT (4.8782383055357075 51.82154147818644)</t>
  </si>
  <si>
    <t>POINT (4.8787139910593735 51.82180420671824)</t>
  </si>
  <si>
    <t>POINT (4.884867953356205 51.82144419776029)</t>
  </si>
  <si>
    <t>POINT (4.836915802163268 51.826217827631126)</t>
  </si>
  <si>
    <t>POINT (4.843567379467467 51.82316575343497)</t>
  </si>
  <si>
    <t>POINT (4.825877415042579 51.82965311673351)</t>
  </si>
  <si>
    <t>POINT (4.885972652742514 51.82253652984837)</t>
  </si>
  <si>
    <t>POINT (4.817426047557728 51.8275385188231)</t>
  </si>
  <si>
    <t>POINT (4.840156451962887 51.82207935384744)</t>
  </si>
  <si>
    <t>POINT (4.887585137343156 51.8241857302985)</t>
  </si>
  <si>
    <t>POINT (4.832919402971206 51.82568637290184)</t>
  </si>
  <si>
    <t>POINT (4.839730962551792 51.82226270476579)</t>
  </si>
  <si>
    <t>POINT (4.846075972725985 51.83188079338232)</t>
  </si>
  <si>
    <t>POINT (4.881205460563766 51.825976653696664)</t>
  </si>
  <si>
    <t>POINT (4.821373332186137 51.823638371542096)</t>
  </si>
  <si>
    <t>POINT (4.836588648719267 51.824499482929355)</t>
  </si>
  <si>
    <t>POINT (4.823210987842997 51.82569720637232)</t>
  </si>
  <si>
    <t>POINT (4.878631638501476 51.823961093225684)</t>
  </si>
  <si>
    <t>POINT (4.823764373011681 51.822290364134865)</t>
  </si>
  <si>
    <t>POINT (4.823975097877872 51.82399919956429)</t>
  </si>
  <si>
    <t>POINT (4.834441489822715 51.82807581808644)</t>
  </si>
  <si>
    <t>POINT (4.84241605463513 51.822414367098936)</t>
  </si>
  <si>
    <t>POINT (4.888888381476297 51.82382531181555)</t>
  </si>
  <si>
    <t>POINT (4.900559953086117 51.828332572627254)</t>
  </si>
  <si>
    <t>POINT (4.881390536949333 51.823703358296896)</t>
  </si>
  <si>
    <t>POINT (4.8382519813955405 51.82965770352126)</t>
  </si>
  <si>
    <t>POINT (4.833544004666713 51.82803458281253)</t>
  </si>
  <si>
    <t>POINT (4.83864586371417 51.82590233780364)</t>
  </si>
  <si>
    <t>POINT (4.8369641458902635 51.82582255865048)</t>
  </si>
  <si>
    <t>POINT (4.844534476483353 51.822765744344544)</t>
  </si>
  <si>
    <t>POINT (4.839087687988975 51.828303342436016)</t>
  </si>
  <si>
    <t>POINT (4.835560246447726 51.82437780347149)</t>
  </si>
  <si>
    <t>POINT (4.824709968903923 51.82322970832187)</t>
  </si>
  <si>
    <t>POINT (4.841374094638941 51.8289130003977)</t>
  </si>
  <si>
    <t>POINT (4.866750497591068 51.8203046198693)</t>
  </si>
  <si>
    <t>POINT (4.890188603558984 51.822985904554706)</t>
  </si>
  <si>
    <t>POINT (4.836792108142989 51.82473663792308)</t>
  </si>
  <si>
    <t>POINT (4.883925816424408 51.82398391064075)</t>
  </si>
  <si>
    <t>POINT (4.82827347711565 51.82595228228806)</t>
  </si>
  <si>
    <t>POINT (4.832147335386763 51.82353476905902)</t>
  </si>
  <si>
    <t>POINT (4.8841043027703 51.82618686020518)</t>
  </si>
  <si>
    <t>POINT (4.8417621540938915 51.823194186989035)</t>
  </si>
  <si>
    <t>POINT (4.821831403043497 51.822595668879245)</t>
  </si>
  <si>
    <t>POINT (4.849013088274242 51.82827807669513)</t>
  </si>
  <si>
    <t>POINT (4.85226215359109 51.827529181343955)</t>
  </si>
  <si>
    <t>POINT (4.87821912478945 51.82324022424744)</t>
  </si>
  <si>
    <t>POINT (4.824601275988797 51.828451531817265)</t>
  </si>
  <si>
    <t>POINT (4.818524327330634 51.82719081932325)</t>
  </si>
  <si>
    <t>POINT (4.811068213882959 51.82490732322413)</t>
  </si>
  <si>
    <t>POINT (4.843084559588926 51.82202573845841)</t>
  </si>
  <si>
    <t>POINT (4.842132472881438 51.82667361596823)</t>
  </si>
  <si>
    <t>POINT (4.830519110150632 51.82265516974028)</t>
  </si>
  <si>
    <t>POINT (4.837802978954937 51.82684613808441)</t>
  </si>
  <si>
    <t>POINT (4.823022855602736 51.82474966457228)</t>
  </si>
  <si>
    <t>POINT (4.813337269492993 51.827314156923855)</t>
  </si>
  <si>
    <t>POINT (4.828908188051795 51.823896926444654)</t>
  </si>
  <si>
    <t>POINT (4.814624018002479 51.82668973175919)</t>
  </si>
  <si>
    <t>POINT (4.82394653815521 51.82396310833609)</t>
  </si>
  <si>
    <t>POINT (4.880737722174154 51.8236020563988)</t>
  </si>
  <si>
    <t>POINT (4.824763051212245 51.82362545875429)</t>
  </si>
  <si>
    <t>POINT (4.825156807064871 51.8292721501567)</t>
  </si>
  <si>
    <t>POINT (4.879851718153196 51.82639327066077)</t>
  </si>
  <si>
    <t>POINT (4.8832204300462365 51.82277811373092)</t>
  </si>
  <si>
    <t>POINT (4.8297241488269265 51.82946471093728)</t>
  </si>
  <si>
    <t>POINT (4.846719566058821 51.82520272964422)</t>
  </si>
  <si>
    <t>POINT (4.88287859212208 51.82553442822905)</t>
  </si>
  <si>
    <t>POINT (4.837120740312254 51.82606598304936)</t>
  </si>
  <si>
    <t>POINT (4.902725134385234 51.82933925074358)</t>
  </si>
  <si>
    <t>POINT (4.843743614679732 51.82178233500435)</t>
  </si>
  <si>
    <t>POINT (4.831384514654611 51.82893327183306)</t>
  </si>
  <si>
    <t>POINT (4.830509785803015 51.82341016319088)</t>
  </si>
  <si>
    <t>POINT (4.8772970797475335 51.825249649522156)</t>
  </si>
  <si>
    <t>POINT (4.879820784991822 51.826563918638925)</t>
  </si>
  <si>
    <t>POINT (4.8214023409352516 51.823638511373666)</t>
  </si>
  <si>
    <t>POINT (4.8217000909332945 51.82843759178961)</t>
  </si>
  <si>
    <t>POINT (4.824005005314505 51.823927434687704)</t>
  </si>
  <si>
    <t>POINT (4.839565416551116 51.82901666378297)</t>
  </si>
  <si>
    <t>POINT (4.883764407378428 51.82544834541973)</t>
  </si>
  <si>
    <t>POINT (4.836450975659261 51.82626957891258)</t>
  </si>
  <si>
    <t>POINT (4.860752712052631 51.83262260805762)</t>
  </si>
  <si>
    <t>POINT (4.8282884436760485 51.82708490976908)</t>
  </si>
  <si>
    <t>POINT (4.836630259579988 51.8317803908161)</t>
  </si>
  <si>
    <t>POINT (4.822999142819527 51.82316756620643)</t>
  </si>
  <si>
    <t>POINT (4.839392064941212 51.82212250237753)</t>
  </si>
  <si>
    <t>POINT (4.882739356047622 51.823718151078936)</t>
  </si>
  <si>
    <t>POINT (4.828266409409912 51.82301299486726)</t>
  </si>
  <si>
    <t>POINT (4.875261175153477 51.8224052895304)</t>
  </si>
  <si>
    <t>POINT (4.843388882362999 51.8235334565542)</t>
  </si>
  <si>
    <t>3371SP</t>
  </si>
  <si>
    <t>Noordstraat</t>
  </si>
  <si>
    <t>POINT (4.830938851793145 51.8227434766333)</t>
  </si>
  <si>
    <t>POINT (4.828067312362953 51.82970851024116)</t>
  </si>
  <si>
    <t>POINT (4.832131310886266 51.82749213171336)</t>
  </si>
  <si>
    <t>POINT (4.822271368068867 51.822211279556434)</t>
  </si>
  <si>
    <t>POINT (4.878075172108201 51.82571144085416)</t>
  </si>
  <si>
    <t>POINT (4.841903624872229 51.82880283503523)</t>
  </si>
  <si>
    <t>POINT (4.882558947975561 51.82298930626472)</t>
  </si>
  <si>
    <t>POINT (4.828925953263365 51.82480485381592)</t>
  </si>
  <si>
    <t>POINT (4.82499677130825 51.826025980720885)</t>
  </si>
  <si>
    <t>POINT (4.836949092133467 51.82586743076863)</t>
  </si>
  <si>
    <t>POINT (4.861389806061976 51.830995045543254)</t>
  </si>
  <si>
    <t>POINT (4.887473411443877 51.82323504363896)</t>
  </si>
  <si>
    <t>POINT (4.831621487541604 51.82853889797873)</t>
  </si>
  <si>
    <t>POINT (4.825464200454473 51.82453954471936)</t>
  </si>
  <si>
    <t>POINT (4.828491562036106 51.82942289693954)</t>
  </si>
  <si>
    <t>POINT (4.878816564972605 51.82685619475564)</t>
  </si>
  <si>
    <t>POINT (4.878063523029347 51.82417435481487)</t>
  </si>
  <si>
    <t>POINT (4.841646794143122 51.82964656354697)</t>
  </si>
  <si>
    <t>POINT (4.8369550405284105 51.833597596405546)</t>
  </si>
  <si>
    <t>POINT (4.836760289069552 51.83301242910309)</t>
  </si>
  <si>
    <t>POINT (4.8331764341659 51.82335910491378)</t>
  </si>
  <si>
    <t>POINT (4.8841997375700945 51.82283455546446)</t>
  </si>
  <si>
    <t>POINT (4.844732885146929 51.82915391182034)</t>
  </si>
  <si>
    <t>POINT (4.814380060294434 51.82512883912418)</t>
  </si>
  <si>
    <t>POINT (4.835664198522116 51.824180544089074)</t>
  </si>
  <si>
    <t>POINT (4.880734400371915 51.824006138574475)</t>
  </si>
  <si>
    <t>POINT (4.820981144422633 51.82503858608836)</t>
  </si>
  <si>
    <t>POINT (4.835908536878952 51.83148038231777)</t>
  </si>
  <si>
    <t>POINT (4.817660920973777 51.82655830693048)</t>
  </si>
  <si>
    <t>POINT (4.828444956163649 51.824991324613634)</t>
  </si>
  <si>
    <t>POINT (4.842253897887597 51.82502927817121)</t>
  </si>
  <si>
    <t>POINT (4.831064604092143 51.82899467646161)</t>
  </si>
  <si>
    <t>POINT (4.844453334464629 51.82547990630644)</t>
  </si>
  <si>
    <t>POINT (4.889837550455425 51.82456639472281)</t>
  </si>
  <si>
    <t>POINT (4.88451559537836 51.824089850541235)</t>
  </si>
  <si>
    <t>POINT (4.851559874091364 51.82658377475776)</t>
  </si>
  <si>
    <t>POINT (4.832102494030052 51.82364241951688)</t>
  </si>
  <si>
    <t>POINT (4.828371727386242 51.82270788577732)</t>
  </si>
  <si>
    <t>POINT (4.841537393526998 51.828929040062924)</t>
  </si>
  <si>
    <t>POINT (4.877308534424036 51.82551935463082)</t>
  </si>
  <si>
    <t>POINT (4.886651952187474 51.8227551527108)</t>
  </si>
  <si>
    <t>POINT (4.884272924124099 51.82407528338953)</t>
  </si>
  <si>
    <t>POINT (4.8273924443731655 51.827979494353045)</t>
  </si>
  <si>
    <t>POINT (4.8285061633139374 51.82239392663859)</t>
  </si>
  <si>
    <t>POINT (4.878783991032876 51.82459993754597)</t>
  </si>
  <si>
    <t>POINT (4.826158574101116 51.82407392421008)</t>
  </si>
  <si>
    <t>POINT (4.846620685928813 51.821371864908016)</t>
  </si>
  <si>
    <t>POINT (4.825440155295545 51.82865329711993)</t>
  </si>
  <si>
    <t>POINT (4.828837639939242 51.82528050293783)</t>
  </si>
  <si>
    <t>3371ND</t>
  </si>
  <si>
    <t>Sterappel</t>
  </si>
  <si>
    <t>POINT (4.814711665661224 51.827829386011516)</t>
  </si>
  <si>
    <t>POINT (4.833789787195108 51.82878152057814)</t>
  </si>
  <si>
    <t>POINT (4.832068453791254 51.82736851173704)</t>
  </si>
  <si>
    <t>POINT (4.829835357027781 51.828112517966034)</t>
  </si>
  <si>
    <t>POINT (4.826733337866068 51.82732018582501)</t>
  </si>
  <si>
    <t>POINT (4.812262737339325 51.827382092761475)</t>
  </si>
  <si>
    <t>POINT (4.821373512918369 51.829029261987834)</t>
  </si>
  <si>
    <t>POINT (4.825866026245617 51.82707335100178)</t>
  </si>
  <si>
    <t>POINT (4.8392701310176 51.825860310722554)</t>
  </si>
  <si>
    <t>POINT (4.842439476157327 51.826477293372896)</t>
  </si>
  <si>
    <t>POINT (4.807831741768482 51.8239116406647)</t>
  </si>
  <si>
    <t>POINT (4.8424612598266785 51.8258751627804)</t>
  </si>
  <si>
    <t>POINT (4.815547716938127 51.82737483765124)</t>
  </si>
  <si>
    <t>POINT (4.840494345034246 51.82658510138642)</t>
  </si>
  <si>
    <t>POINT (4.886205076282644 51.82642055728089)</t>
  </si>
  <si>
    <t>POINT (4.827222778034881 51.82295408943842)</t>
  </si>
  <si>
    <t>POINT (4.828827396435897 51.823393183681205)</t>
  </si>
  <si>
    <t>POINT (4.885768708138917 51.82522322282262)</t>
  </si>
  <si>
    <t>POINT (4.822455180186659 51.826026472348936)</t>
  </si>
  <si>
    <t>POINT (4.886548697835017 51.824215983152776)</t>
  </si>
  <si>
    <t>POINT (4.888529744801959 51.82346424855167)</t>
  </si>
  <si>
    <t>POINT (4.81055360874812 51.82462969260484)</t>
  </si>
  <si>
    <t>POINT (4.826755842129988 51.829010138911876)</t>
  </si>
  <si>
    <t>POINT (4.8262273727424105 51.82410892184189)</t>
  </si>
  <si>
    <t>POINT (4.845209540666999 51.8253216067142)</t>
  </si>
  <si>
    <t>POINT (4.813155597425968 51.828854580234484)</t>
  </si>
  <si>
    <t>POINT (4.82833827888606 51.8242357791231)</t>
  </si>
  <si>
    <t>POINT (4.855240940776238 51.825879840756976)</t>
  </si>
  <si>
    <t>POINT (4.819794218261275 51.827735764803144)</t>
  </si>
  <si>
    <t>POINT (4.852696212185356 51.82150884486114)</t>
  </si>
  <si>
    <t>POINT (4.878083281221682 51.82627775219416)</t>
  </si>
  <si>
    <t>POINT (4.849164436250086 51.83061606554227)</t>
  </si>
  <si>
    <t>POINT (4.825822520563935 51.822721177195334)</t>
  </si>
  <si>
    <t>POINT (4.881142180298131 51.82553010144117)</t>
  </si>
  <si>
    <t>POINT (4.882833266441361 51.825696026641346)</t>
  </si>
  <si>
    <t>POINT (4.832340649685953 51.82314917569911)</t>
  </si>
  <si>
    <t>POINT (4.83863081160438 51.825947210139454)</t>
  </si>
  <si>
    <t>POINT (4.830443553064717 51.82407500123854)</t>
  </si>
  <si>
    <t>POINT (4.812649467569448 51.828823637389306)</t>
  </si>
  <si>
    <t>POINT (4.880574966311482 51.82657616441459)</t>
  </si>
  <si>
    <t>POINT (4.812257432054893 51.82652664429221)</t>
  </si>
  <si>
    <t>POINT (4.83205665616834 51.82383096212104)</t>
  </si>
  <si>
    <t>POINT (4.821402905052407 51.823593571347274)</t>
  </si>
  <si>
    <t>POINT (4.8409420685326605 51.82199223732905)</t>
  </si>
  <si>
    <t>POINT (4.835086017975366 51.832303461747316)</t>
  </si>
  <si>
    <t>POINT (4.881136158045635 51.82575123774803)</t>
  </si>
  <si>
    <t>POINT (4.838000003285902 51.83128764667624)</t>
  </si>
  <si>
    <t>POINT (4.881108932551073 51.824917777679)</t>
  </si>
  <si>
    <t>POINT (4.830532430309451 51.825100116551575)</t>
  </si>
  <si>
    <t>POINT (4.881937577650306 51.824074243139805)</t>
  </si>
  <si>
    <t>POINT (4.844875266858037 51.83042853160122)</t>
  </si>
  <si>
    <t>POINT (4.836655089837397 51.833310480808606)</t>
  </si>
  <si>
    <t>POINT (4.84254111118988 51.83201056425036)</t>
  </si>
  <si>
    <t>POINT (4.8557855666853085 51.82643959605273)</t>
  </si>
  <si>
    <t>POINT (4.9069065555636655 51.83038111994687)</t>
  </si>
  <si>
    <t>POINT (4.8333236502329395 51.82456287091748)</t>
  </si>
  <si>
    <t>POINT (4.821189856601442 51.829394093470555)</t>
  </si>
  <si>
    <t>POINT (4.8269944200430075 51.82848994237121)</t>
  </si>
  <si>
    <t>POINT (4.840452678487299 51.82523662720359)</t>
  </si>
  <si>
    <t>POINT (4.855736129996216 51.82571130177808)</t>
  </si>
  <si>
    <t>POINT (4.827572094127818 51.82753092390699)</t>
  </si>
  <si>
    <t>POINT (4.884391487794107 51.82067767581376)</t>
  </si>
  <si>
    <t>POINT (4.877677335121306 51.826258013889266)</t>
  </si>
  <si>
    <t>POINT (4.909424434128311 51.8309846339946)</t>
  </si>
  <si>
    <t>POINT (4.878595225870952 51.82461709685227)</t>
  </si>
  <si>
    <t>POINT (4.853644151058138 51.82554082727963)</t>
  </si>
  <si>
    <t>POINT (4.823965903071285 51.82405827311837)</t>
  </si>
  <si>
    <t>POINT (4.827724847083768 51.82457442161655)</t>
  </si>
  <si>
    <t>POINT (4.890520221654512 51.82316707829943)</t>
  </si>
  <si>
    <t>POINT (4.836865463531284 51.82558839408913)</t>
  </si>
  <si>
    <t>POINT (4.8373538590172735 51.82566944935252)</t>
  </si>
  <si>
    <t>POINT (4.818367987038463 51.826460209739814)</t>
  </si>
  <si>
    <t>POINT (4.839267513227682 51.82222746445287)</t>
  </si>
  <si>
    <t>POINT (4.82501150510441 51.82580187699251)</t>
  </si>
  <si>
    <t>POINT (4.814183004571295 51.82656038280241)</t>
  </si>
  <si>
    <t>POINT (4.878551310161521 51.82493783238981)</t>
  </si>
  <si>
    <t>POINT (4.821124766025799 51.82688878913512)</t>
  </si>
  <si>
    <t>POINT (4.825379905626058 51.82417671414451)</t>
  </si>
  <si>
    <t>POINT (4.8393123918367795 51.82835033178434)</t>
  </si>
  <si>
    <t>POINT (4.824557736623228 51.82674955830458)</t>
  </si>
  <si>
    <t>POINT (4.879078428004144 51.8229293491044)</t>
  </si>
  <si>
    <t>POINT (4.884000799334832 51.82490859236063)</t>
  </si>
  <si>
    <t>POINT (4.841447541046742 51.8286017095225)</t>
  </si>
  <si>
    <t>POINT (4.840184324316776 51.828048787969635)</t>
  </si>
  <si>
    <t>POINT (4.811399604667475 51.8239471738973)</t>
  </si>
  <si>
    <t>POINT (4.812142886676913 51.823672172445754)</t>
  </si>
  <si>
    <t>POINT (4.847467006478623 51.82151863229719)</t>
  </si>
  <si>
    <t>POINT (4.822934292454924 51.824171994376776)</t>
  </si>
  <si>
    <t>POINT (4.880788214086315 51.82308954255433)</t>
  </si>
  <si>
    <t>POINT (4.880310360009173 51.82453428886315)</t>
  </si>
  <si>
    <t>POINT (4.8427061921294685 51.829615527928716)</t>
  </si>
  <si>
    <t>POINT (4.85613226343863 51.83084319443178)</t>
  </si>
  <si>
    <t>POINT (4.842319901138129 51.827968834632415)</t>
  </si>
  <si>
    <t>POINT (4.840052623767706 51.82951330479738)</t>
  </si>
  <si>
    <t>POINT (4.891994201838927 51.82367071165255)</t>
  </si>
  <si>
    <t>POINT (4.883108231187747 51.82445679352655)</t>
  </si>
  <si>
    <t>POINT (4.880409835497641 51.82191041435855)</t>
  </si>
  <si>
    <t>POINT (4.831200038160775 51.82859982236762)</t>
  </si>
  <si>
    <t>POINT (4.856765412154566 51.83069559810144)</t>
  </si>
  <si>
    <t>POINT (4.825290724814833 51.829003135032806)</t>
  </si>
  <si>
    <t>POINT (4.838541154792275 51.82616251596558)</t>
  </si>
  <si>
    <t>POINT (4.835556804637297 51.827029405871976)</t>
  </si>
  <si>
    <t>POINT (4.84335561366248 51.822060225246105)</t>
  </si>
  <si>
    <t>POINT (4.877268004019338 51.8239731544283)</t>
  </si>
  <si>
    <t>POINT (4.831769995815374 51.824728460197676)</t>
  </si>
  <si>
    <t>POINT (4.877734160052043 51.82508076555369)</t>
  </si>
  <si>
    <t>POINT (4.842459418566253 51.828280287543734)</t>
  </si>
  <si>
    <t>POINT (4.838510940738917 51.82626124862833)</t>
  </si>
  <si>
    <t>POINT (4.806573888711454 51.82849051493465)</t>
  </si>
  <si>
    <t>POINT (4.85524375431959 51.823183295636866)</t>
  </si>
  <si>
    <t>POINT (4.843049553749565 51.82165615630567)</t>
  </si>
  <si>
    <t>POINT (4.835851519063043 51.832793221985426)</t>
  </si>
  <si>
    <t>POINT (4.843258274372079 51.83225514132935)</t>
  </si>
  <si>
    <t>POINT (4.877503982699668 51.826194341759525)</t>
  </si>
  <si>
    <t>POINT (4.8367714083952205 51.83447761130581)</t>
  </si>
  <si>
    <t>POINT (4.87940569703386 51.826067755806534)</t>
  </si>
  <si>
    <t>POINT (4.837824176099373 51.824289547035946)</t>
  </si>
  <si>
    <t>POINT (4.873321398404922 51.82360565220939)</t>
  </si>
  <si>
    <t>POINT (4.833301123520513 51.82459116840925)</t>
  </si>
  <si>
    <t>POINT (4.824733818139872 51.82364329577234)</t>
  </si>
  <si>
    <t>POINT (4.834935548608595 51.83274319199751)</t>
  </si>
  <si>
    <t>POINT (4.833347588189323 51.82855604302553)</t>
  </si>
  <si>
    <t>POINT (4.879067906123031 51.825149466060985)</t>
  </si>
  <si>
    <t>POINT (4.879888759633395 51.82696869530891)</t>
  </si>
  <si>
    <t>POINT (4.888171289498505 51.82439752994796)</t>
  </si>
  <si>
    <t>POINT (4.879426885266761 51.825474605794184)</t>
  </si>
  <si>
    <t>POINT (4.873796604968254 51.82157037636336)</t>
  </si>
  <si>
    <t>POINT (4.825587576419066 51.82413390674435)</t>
  </si>
  <si>
    <t>POINT (4.813142543380624 51.82376695115948)</t>
  </si>
  <si>
    <t>POINT (4.82991638918794 51.82447698407859)</t>
  </si>
  <si>
    <t>POINT (4.842047874054533 51.8283021427593)</t>
  </si>
  <si>
    <t>POINT (4.878571186024057 51.82417655560005)</t>
  </si>
  <si>
    <t>POINT (4.8327497619281505 51.826503106334364)</t>
  </si>
  <si>
    <t>POINT (4.85621214288409 51.83209530577804)</t>
  </si>
  <si>
    <t>POINT (4.817670603371189 51.826502669849994)</t>
  </si>
  <si>
    <t>POINT (4.883289567394598 51.82721494963771)</t>
  </si>
  <si>
    <t>POINT (4.882470651717903 51.827653117758864)</t>
  </si>
  <si>
    <t>POINT (4.81431974173807 51.82775968234304)</t>
  </si>
  <si>
    <t>POINT (4.82398699152653 51.82402015500407)</t>
  </si>
  <si>
    <t>POINT (4.817887610864328 51.82809931554309)</t>
  </si>
  <si>
    <t>POINT (4.88462555104348 51.82044014106625)</t>
  </si>
  <si>
    <t>POINT (4.886631159892501 51.82332134009729)</t>
  </si>
  <si>
    <t>POINT (4.835563214952604 51.83243154443698)</t>
  </si>
  <si>
    <t>POINT (4.8409950061101235 51.82357627291597)</t>
  </si>
  <si>
    <t>POINT (4.82470480937421 51.82364315676428)</t>
  </si>
  <si>
    <t>POINT (4.880255083012167 51.82633702840123)</t>
  </si>
  <si>
    <t>POINT (4.83156545826991 51.82837683912362)</t>
  </si>
  <si>
    <t>POINT (4.850456558572135 51.82657691048616)</t>
  </si>
  <si>
    <t>POINT (4.815305287224512 51.826893371652965)</t>
  </si>
  <si>
    <t>POINT (4.837897365490387 51.83018636809759)</t>
  </si>
  <si>
    <t>POINT (4.823744363808166 51.82273070697417)</t>
  </si>
  <si>
    <t>POINT (4.877677033069059 51.83141741605775)</t>
  </si>
  <si>
    <t>POINT (4.8356250226917314 51.824364004851425)</t>
  </si>
  <si>
    <t>POINT (4.878348745751548 51.824607040148976)</t>
  </si>
  <si>
    <t>POINT (4.837118605393553 51.823863781400014)</t>
  </si>
  <si>
    <t>POINT (4.854260917349842 51.82165977604582)</t>
  </si>
  <si>
    <t>POINT (4.833508427131442 51.82372995663816)</t>
  </si>
  <si>
    <t>POINT (4.847833837429035 51.826195559410266)</t>
  </si>
  <si>
    <t>POINT (4.823062417636959 51.82738349850603)</t>
  </si>
  <si>
    <t>POINT (4.831402028248698 51.8275131658241)</t>
  </si>
  <si>
    <t>POINT (4.843715933572037 51.831964882167505)</t>
  </si>
  <si>
    <t>POINT (4.817463351405223 51.82778119291381)</t>
  </si>
  <si>
    <t>POINT (4.820813861631339 51.822770534365176)</t>
  </si>
  <si>
    <t>POINT (4.836948667278121 51.829976474285445)</t>
  </si>
  <si>
    <t>POINT (4.829684106556266 51.828062398721485)</t>
  </si>
  <si>
    <t>POINT (4.838447249272884 51.82548404481613)</t>
  </si>
  <si>
    <t>POINT (4.843542783631308 51.828200673811686)</t>
  </si>
  <si>
    <t>POINT (4.891581882688467 51.82423220920548)</t>
  </si>
  <si>
    <t>POINT (4.844398021589016 51.83007278917206)</t>
  </si>
  <si>
    <t>POINT (4.827823824983896 51.82828716110065)</t>
  </si>
  <si>
    <t>POINT (4.819460631744344 51.82886722096796)</t>
  </si>
  <si>
    <t>POINT (4.9047059632654815 51.82995862590262)</t>
  </si>
  <si>
    <t>POINT (4.833204828375551 51.823647627291436)</t>
  </si>
  <si>
    <t>POINT (4.881477564013875 51.823703733261794)</t>
  </si>
  <si>
    <t>POINT (4.882495936272889 51.82865580438908)</t>
  </si>
  <si>
    <t>POINT (4.879645036870437 51.82413626108815)</t>
  </si>
  <si>
    <t>POINT (4.8307082810406685 51.826575906941066)</t>
  </si>
  <si>
    <t>POINT (4.823311500440016 51.82373068064654)</t>
  </si>
  <si>
    <t>POINT (4.880319194547001 51.825490039364176)</t>
  </si>
  <si>
    <t>POINT (4.84272769590671 51.821831558186986)</t>
  </si>
  <si>
    <t>POINT (4.837122711677343 51.824766995909286)</t>
  </si>
  <si>
    <t>POINT (4.821804948540936 51.82354832769496)</t>
  </si>
  <si>
    <t>POINT (4.8289468666578585 51.82315263422733)</t>
  </si>
  <si>
    <t>POINT (4.8312304875803145 51.826775958474904)</t>
  </si>
  <si>
    <t>POINT (4.850259400307046 51.82125488893973)</t>
  </si>
  <si>
    <t>POINT (4.839155856301757 51.829293396935945)</t>
  </si>
  <si>
    <t>POINT (4.826906545741092 51.82322664114754)</t>
  </si>
  <si>
    <t>POINT (4.879869518583383 51.82508764069721)</t>
  </si>
  <si>
    <t>POINT (4.8896603707956094 51.826116619327095)</t>
  </si>
  <si>
    <t>POINT (4.836360004714582 51.83015219888524)</t>
  </si>
  <si>
    <t>POINT (4.825926398781136 51.82688488028983)</t>
  </si>
  <si>
    <t>POINT (4.8202576733027955 51.82893399284676)</t>
  </si>
  <si>
    <t>POINT (4.8426823292231 51.82798849338961)</t>
  </si>
  <si>
    <t>POINT (4.8262394835814595 51.82416845692403)</t>
  </si>
  <si>
    <t>POINT (4.812074406248917 51.8288059633273)</t>
  </si>
  <si>
    <t>POINT (4.830156952552552 51.82261749744298)</t>
  </si>
  <si>
    <t>POINT (4.822921322455154 51.824749176528826)</t>
  </si>
  <si>
    <t>POINT (4.87857225472676 51.825367313313734)</t>
  </si>
  <si>
    <t>POINT (4.839971933807117 51.826600644273896)</t>
  </si>
  <si>
    <t>POINT (4.847399479238636 51.82232118661777)</t>
  </si>
  <si>
    <t>POINT (4.882171971171833 51.82516286147376)</t>
  </si>
  <si>
    <t>POINT (4.879944334291562 51.82331960022481)</t>
  </si>
  <si>
    <t>POINT (4.825810691217223 51.82685736136003)</t>
  </si>
  <si>
    <t>POINT (4.832699866103986 51.827622788547316)</t>
  </si>
  <si>
    <t>POINT (4.844516115045701 51.826152215143274)</t>
  </si>
  <si>
    <t>POINT (4.885781306485611 51.82409072469167)</t>
  </si>
  <si>
    <t>POINT (4.852185677409443 51.82786140823741)</t>
  </si>
  <si>
    <t>POINT (4.881936263509143 51.82640813983811)</t>
  </si>
  <si>
    <t>POINT (4.832764231981022 51.827627469987895)</t>
  </si>
  <si>
    <t>POINT (4.836717559048926 51.825821402534785)</t>
  </si>
  <si>
    <t>POINT (4.891259647122017 51.82319717014745)</t>
  </si>
  <si>
    <t>POINT (4.8383040188462045 51.825058801645234)</t>
  </si>
  <si>
    <t>POINT (4.829391952295783 51.823485753322274)</t>
  </si>
  <si>
    <t>POINT (4.878769377921779 51.823323505489846)</t>
  </si>
  <si>
    <t>POINT (4.8394891719136375 51.82932191813756)</t>
  </si>
  <si>
    <t>POINT (4.842923044286072 51.82247065026551)</t>
  </si>
  <si>
    <t>POINT (4.832858859071912 51.82557520438215)</t>
  </si>
  <si>
    <t>POINT (4.838271414245108 51.82925331046343)</t>
  </si>
  <si>
    <t>POINT (4.83264711856202 51.82299781876436)</t>
  </si>
  <si>
    <t>POINT (4.826238135448204 51.82398307072084)</t>
  </si>
  <si>
    <t>POINT (4.85172445014027 51.82120007306122)</t>
  </si>
  <si>
    <t>POINT (4.882321185507614 51.8299444629296)</t>
  </si>
  <si>
    <t>POINT (4.8294709422052655 51.82470417515093)</t>
  </si>
  <si>
    <t>POINT (4.8369139776399255 51.83362643688501)</t>
  </si>
  <si>
    <t>POINT (4.878015440059995 51.82457862931431)</t>
  </si>
  <si>
    <t>POINT (4.836503040299929 51.82443867835601)</t>
  </si>
  <si>
    <t>POINT (4.825796195414319 51.823050652319104)</t>
  </si>
  <si>
    <t>POINT (4.879627760798424 51.826958578590094)</t>
  </si>
  <si>
    <t>POINT (4.8249792253228625 51.82447650523318)</t>
  </si>
  <si>
    <t>POINT (4.825448647709126 51.82463520728722)</t>
  </si>
  <si>
    <t>POINT (4.842946626224631 51.82292018641046)</t>
  </si>
  <si>
    <t>POINT (4.812863725382399 51.82747774265705)</t>
  </si>
  <si>
    <t>POINT (4.833070569438624 51.82609692801998)</t>
  </si>
  <si>
    <t>POINT (4.818446945574224 51.8287591165521)</t>
  </si>
  <si>
    <t>POINT (4.846878272817944 51.82164400132077)</t>
  </si>
  <si>
    <t>POINT (4.843078920326321 51.828827649823126)</t>
  </si>
  <si>
    <t>POINT (4.828879481865729 51.822701313489326)</t>
  </si>
  <si>
    <t>POINT (4.816794300271798 51.825195956098796)</t>
  </si>
  <si>
    <t>POINT (4.87904485989304 51.82333368688419)</t>
  </si>
  <si>
    <t>POINT (4.810081042783596 51.82788462431962)</t>
  </si>
  <si>
    <t>POINT (4.844003944742359 51.82268379582251)</t>
  </si>
  <si>
    <t>POINT (4.824357489841236 51.82357857204546)</t>
  </si>
  <si>
    <t>POINT (4.824850189612192 51.82361688770409)</t>
  </si>
  <si>
    <t>POINT (4.833345690431581 51.8268005099052)</t>
  </si>
  <si>
    <t>POINT (4.827186794670312 51.8281852498947)</t>
  </si>
  <si>
    <t>POINT (4.845025003378216 51.82739772533238)</t>
  </si>
  <si>
    <t>POINT (4.878708550530994 51.83128706084564)</t>
  </si>
  <si>
    <t>POINT (4.885451101394641 51.823783704458585)</t>
  </si>
  <si>
    <t>POINT (4.86780827335245 51.82065423980858)</t>
  </si>
  <si>
    <t>POINT (4.8178781665757455 51.82756191642726)</t>
  </si>
  <si>
    <t>POINT (4.82958232446984 51.82685736109863)</t>
  </si>
  <si>
    <t>POINT (4.834170207512972 51.825779407301454)</t>
  </si>
  <si>
    <t>POINT (4.828762141351464 51.82866015864927)</t>
  </si>
  <si>
    <t>POINT (4.84673798118639 51.826513449994636)</t>
  </si>
  <si>
    <t>POINT (4.825392917820316 51.82831956022647)</t>
  </si>
  <si>
    <t>POINT (4.841041448836335 51.82932016172304)</t>
  </si>
  <si>
    <t>POINT (4.826180117467518 51.82398279344067)</t>
  </si>
  <si>
    <t>POINT (4.880277123478766 51.8256748592026)</t>
  </si>
  <si>
    <t>POINT (4.825220355514512 51.824175950387215)</t>
  </si>
  <si>
    <t>POINT (4.855783871092217 51.82658340475691)</t>
  </si>
  <si>
    <t>POINT (4.831739086209561 51.82841361496658)</t>
  </si>
  <si>
    <t>POINT (4.84139109398681 51.82800047390566)</t>
  </si>
  <si>
    <t>POINT (4.838046095999543 51.825684806372784)</t>
  </si>
  <si>
    <t>POINT (4.844512544935302 51.825381306205834)</t>
  </si>
  <si>
    <t>POINT (4.817713810016155 51.82870402189563)</t>
  </si>
  <si>
    <t>POINT (4.818658180322926 51.82553354799266)</t>
  </si>
  <si>
    <t>POINT (4.826792362612048 51.8247350480755)</t>
  </si>
  <si>
    <t>POINT (4.889388993488852 51.82446561980015)</t>
  </si>
  <si>
    <t>POINT (4.8811555920010266 51.824646903344274)</t>
  </si>
  <si>
    <t>POINT (4.826205783739329 51.82409533584694)</t>
  </si>
  <si>
    <t>POINT (4.840240114862675 51.82960406381617)</t>
  </si>
  <si>
    <t>POINT (4.814099232924417 51.825443406991475)</t>
  </si>
  <si>
    <t>POINT (4.826704103169108 51.827338023323605)</t>
  </si>
  <si>
    <t>POINT (4.821963820086657 51.82360302412881)</t>
  </si>
  <si>
    <t>POINT (4.814592409336374 51.82267742928914)</t>
  </si>
  <si>
    <t>POINT (4.836915582688173 51.82623580367445)</t>
  </si>
  <si>
    <t>POINT (4.843450014744257 51.82628033891142)</t>
  </si>
  <si>
    <t>POINT (4.835940115282876 51.824154874575775)</t>
  </si>
  <si>
    <t>POINT (4.810625160573654 51.82235646062736)</t>
  </si>
  <si>
    <t>POINT (4.828994992270118 51.823915316359695)</t>
  </si>
  <si>
    <t>POINT (4.8866299621422975 51.82342919709021)</t>
  </si>
  <si>
    <t>POINT (4.839119833515604 51.82629105874439)</t>
  </si>
  <si>
    <t>POINT (4.886027471540912 51.82282439621538)</t>
  </si>
  <si>
    <t>POINT (4.880790132640538 51.82291876909857)</t>
  </si>
  <si>
    <t>POINT (4.826133242179272 51.82404756556566)</t>
  </si>
  <si>
    <t>POINT (4.902839639749119 51.829483539107294)</t>
  </si>
  <si>
    <t>POINT (4.884124847514528 51.82035745011001)</t>
  </si>
  <si>
    <t>POINT (4.879872664953158 51.82595380510359)</t>
  </si>
  <si>
    <t>POINT (4.8081233316221486 51.82379622828876)</t>
  </si>
  <si>
    <t>POINT (4.833197907005275 51.82685900206429)</t>
  </si>
  <si>
    <t>POINT (4.885018553508607 51.824851487284505)</t>
  </si>
  <si>
    <t>POINT (4.811870249263203 51.82650035233367)</t>
  </si>
  <si>
    <t>POINT (4.832939864840722 51.82634978773638)</t>
  </si>
  <si>
    <t>POINT (4.821450895217212 51.82864312758013)</t>
  </si>
  <si>
    <t>POINT (4.824870939869035 51.82544166191581)</t>
  </si>
  <si>
    <t>POINT (4.830209163413623 51.82557960487716)</t>
  </si>
  <si>
    <t>POINT (4.822428785191559 51.82412631036896)</t>
  </si>
  <si>
    <t>POINT (4.83390565507579 51.82741189926192)</t>
  </si>
  <si>
    <t>POINT (4.8317083018109255 51.82855728589093)</t>
  </si>
  <si>
    <t>POINT (4.827570872480052 51.825292771122555)</t>
  </si>
  <si>
    <t>POINT (4.839104781746307 51.82633593113934)</t>
  </si>
  <si>
    <t>POINT (4.837450606594723 51.82458061765173)</t>
  </si>
  <si>
    <t>POINT (4.821746480137206 51.82358400024696)</t>
  </si>
  <si>
    <t>POINT (4.841167580670791 51.826093865576894)</t>
  </si>
  <si>
    <t>POINT (4.837243223447763 51.82229306978529)</t>
  </si>
  <si>
    <t>POINT (4.861761648613014 51.820255427828165)</t>
  </si>
  <si>
    <t>POINT (4.8393610947162875 51.82553714802175)</t>
  </si>
  <si>
    <t>POINT (4.823909524788058 51.82228207224959)</t>
  </si>
  <si>
    <t>POINT (4.889431018943199 51.82460062559468)</t>
  </si>
  <si>
    <t>POINT (4.881868883535246 51.82373238403653)</t>
  </si>
  <si>
    <t>POINT (4.85524799717023 51.82282377374956)</t>
  </si>
  <si>
    <t>POINT (4.839624517821186 51.82311236216461)</t>
  </si>
  <si>
    <t>POINT (4.827904808469215 51.82293037554719)</t>
  </si>
  <si>
    <t>POINT (4.811370863556524 51.82649661831038)</t>
  </si>
  <si>
    <t>POINT (4.841331383312988 51.82574407459445)</t>
  </si>
  <si>
    <t>POINT (4.856702422561446 51.82125736353226)</t>
  </si>
  <si>
    <t>POINT (4.837290343915035 51.83237672759293)</t>
  </si>
  <si>
    <t>POINT (4.853777785901482 51.82081265959586)</t>
  </si>
  <si>
    <t>POINT (4.836579695746979 51.83354390986076)</t>
  </si>
  <si>
    <t>POINT (4.883324769740811 51.82714528701255)</t>
  </si>
  <si>
    <t>POINT (4.9002555695411285 51.82805100424327)</t>
  </si>
  <si>
    <t>POINT (4.839398576794714 51.82253552915537)</t>
  </si>
  <si>
    <t>POINT (4.8828519657220975 51.8267589350791)</t>
  </si>
  <si>
    <t>POINT (4.895214911561888 51.82494859508671)</t>
  </si>
  <si>
    <t>POINT (4.85527787968071 51.826437296662256)</t>
  </si>
  <si>
    <t>POINT (4.838031532359028 51.825409769932094)</t>
  </si>
  <si>
    <t>POINT (4.840733611770873 51.824797497168596)</t>
  </si>
  <si>
    <t>POINT (4.8808075651009375 51.82265817744183)</t>
  </si>
  <si>
    <t>POINT (4.837415218657621 51.82927626933867)</t>
  </si>
  <si>
    <t>POINT (4.855644591597705 51.82240310955632)</t>
  </si>
  <si>
    <t>POINT (4.85609133914846 51.827573533783806)</t>
  </si>
  <si>
    <t>POINT (4.832572275141118 51.82318622453723)</t>
  </si>
  <si>
    <t>POINT (4.831684081983029 51.823460669247346)</t>
  </si>
  <si>
    <t>POINT (4.820104010869627 51.82776420946659)</t>
  </si>
  <si>
    <t>POINT (4.842145722719604 51.82797701456279)</t>
  </si>
  <si>
    <t>POINT (4.837167348701321 51.831755942856)</t>
  </si>
  <si>
    <t>POINT (4.83966583996426 51.822079681994936)</t>
  </si>
  <si>
    <t>POINT (4.826377992168282 51.82276978192958)</t>
  </si>
  <si>
    <t>POINT (4.871632522114762 51.8222443420971)</t>
  </si>
  <si>
    <t>POINT (4.8288499268571465 51.82742914632366)</t>
  </si>
  <si>
    <t>POINT (4.826675092016824 51.82733788479918)</t>
  </si>
  <si>
    <t>POINT (4.8384121066861825 51.83199547002198)</t>
  </si>
  <si>
    <t>POINT (4.86951425647991 51.831445451418865)</t>
  </si>
  <si>
    <t>POINT (4.885431997500753 51.82289376039648)</t>
  </si>
  <si>
    <t>POINT (4.878069208279208 51.8236710227518)</t>
  </si>
  <si>
    <t>POINT (4.814285329489579 51.828120494534694)</t>
  </si>
  <si>
    <t>POINT (4.8392030908831885 51.8289880073711)</t>
  </si>
  <si>
    <t>POINT (4.845200980204754 51.824827197928286)</t>
  </si>
  <si>
    <t>POINT (4.8278689264330925 51.824930110775966)</t>
  </si>
  <si>
    <t>POINT (4.877348423278279 51.82455775709056)</t>
  </si>
  <si>
    <t>POINT (4.8259830733049975 51.823317858626545)</t>
  </si>
  <si>
    <t>POINT (4.833480019340266 51.82840386265628)</t>
  </si>
  <si>
    <t>POINT (4.851496459979934 51.82116181124478)</t>
  </si>
  <si>
    <t>POINT (4.865604929938947 51.820045330404675)</t>
  </si>
  <si>
    <t>POINT (4.831887137645101 51.82699412644829)</t>
  </si>
  <si>
    <t>POINT (4.842386927277639 51.82830558642016)</t>
  </si>
  <si>
    <t>POINT (4.828150821816696 51.82297649022982)</t>
  </si>
  <si>
    <t>POINT (4.837096740063166 51.82922084617077)</t>
  </si>
  <si>
    <t>POINT (4.902062098795329 51.828941018956456)</t>
  </si>
  <si>
    <t>POINT (4.850324435088906 51.830666318828044)</t>
  </si>
  <si>
    <t>POINT (4.821405265955362 51.82417046779108)</t>
  </si>
  <si>
    <t>POINT (4.838166646761353 51.8259450400816)</t>
  </si>
  <si>
    <t>POINT (4.843513409787109 51.828070617562815)</t>
  </si>
  <si>
    <t>POINT (4.883671481907138 51.82038560868895)</t>
  </si>
  <si>
    <t>POINT (4.885981360380235 51.82305790057403)</t>
  </si>
  <si>
    <t>POINT (4.836944373707904 51.82625391570973)</t>
  </si>
  <si>
    <t>POINT (4.826237438156172 51.82386310625925)</t>
  </si>
  <si>
    <t>POINT (4.842593278675513 51.826954399216646)</t>
  </si>
  <si>
    <t>POINT (4.824430011648334 51.82357891976662)</t>
  </si>
  <si>
    <t>POINT (4.877729554839285 51.82163814482175)</t>
  </si>
  <si>
    <t>POINT (4.884581299309628 51.82045701178595)</t>
  </si>
  <si>
    <t>POINT (4.845282759262374 51.826177536077424)</t>
  </si>
  <si>
    <t>POINT (4.823563919918829 51.825561232987866)</t>
  </si>
  <si>
    <t>POINT (4.8248706084090935 51.82895618061926)</t>
  </si>
  <si>
    <t>POINT (4.8839400199771 51.8240109370634)</t>
  </si>
  <si>
    <t>POINT (4.826323766696789 51.822925294349126)</t>
  </si>
  <si>
    <t>POINT (4.888134741326216 51.8237681790997)</t>
  </si>
  <si>
    <t>POINT (4.808203574062402 51.82411473816974)</t>
  </si>
  <si>
    <t>POINT (4.842948145557686 51.82279435395332)</t>
  </si>
  <si>
    <t>POINT (4.855731524027697 51.821181063267844)</t>
  </si>
  <si>
    <t>POINT (4.848645258102975 51.82133253454849)</t>
  </si>
  <si>
    <t>POINT (4.836806126310083 51.82569597832619)</t>
  </si>
  <si>
    <t>POINT (4.831739324843031 51.824863143181)</t>
  </si>
  <si>
    <t>POINT (4.844240966871022 51.821434083742915)</t>
  </si>
  <si>
    <t>POINT (4.882189791689856 51.82227762622494)</t>
  </si>
  <si>
    <t>POINT (4.890701995879933 51.82246674376862)</t>
  </si>
  <si>
    <t>POINT (4.834224063791202 51.82687931872525)</t>
  </si>
  <si>
    <t>POINT (4.881477967378624 51.82366778095522)</t>
  </si>
  <si>
    <t>POINT (4.83789987569931 51.82402923370815)</t>
  </si>
  <si>
    <t>POINT (4.847638817069798 51.821117176288105)</t>
  </si>
  <si>
    <t>POINT (4.844501398059408 51.82630707342897)</t>
  </si>
  <si>
    <t>POINT (4.883463859004473 51.82638186087671)</t>
  </si>
  <si>
    <t>POINT (4.826237688007209 51.82401902276449)</t>
  </si>
  <si>
    <t>POINT (4.817778276423977 51.824238958573254)</t>
  </si>
  <si>
    <t>POINT (4.825430070003101 51.82468144534206)</t>
  </si>
  <si>
    <t>POINT (4.845213994215199 51.82615756068603)</t>
  </si>
  <si>
    <t>POINT (4.8214099097974925 51.82728565984011)</t>
  </si>
  <si>
    <t>POINT (4.840442393983512 51.82301961080778)</t>
  </si>
  <si>
    <t>POINT (4.8158734369063 51.82231514082884)</t>
  </si>
  <si>
    <t>POINT (4.890467552452807 51.822932911575435)</t>
  </si>
  <si>
    <t>POINT (4.831653429852284 51.82947344347464)</t>
  </si>
  <si>
    <t>POINT (4.884095440682396 51.82178245270632)</t>
  </si>
  <si>
    <t>POINT (4.882306355724856 51.82741056649795)</t>
  </si>
  <si>
    <t>POINT (4.877697288887061 51.82192629342788)</t>
  </si>
  <si>
    <t>POINT (4.8365041076781425 51.82429314095029)</t>
  </si>
  <si>
    <t>POINT (4.895434054585552 51.824805697302274)</t>
  </si>
  <si>
    <t>POINT (4.829316971999164 51.82954367344609)</t>
  </si>
  <si>
    <t>POINT (4.821300226240838 51.823969912298594)</t>
  </si>
  <si>
    <t>POINT (4.838398013534816 51.82481356645194)</t>
  </si>
  <si>
    <t>POINT (4.8121020879148855 51.826520750863594)</t>
  </si>
  <si>
    <t>POINT (4.841095848858306 51.82190830782871)</t>
  </si>
  <si>
    <t>POINT (4.855794985351336 51.82687108782309)</t>
  </si>
  <si>
    <t>POINT (4.833851496115145 51.82768653140638)</t>
  </si>
  <si>
    <t>POINT (4.838621383152647 51.82433821810502)</t>
  </si>
  <si>
    <t>POINT (4.808218309472841 51.82409683373841)</t>
  </si>
  <si>
    <t>POINT (4.842137727197684 51.829837603111855)</t>
  </si>
  <si>
    <t>POINT (4.838442950464229 51.82469692555885)</t>
  </si>
  <si>
    <t>POINT (4.888903979003306 51.823726504454356)</t>
  </si>
  <si>
    <t>POINT (4.827549154264115 51.82766451009778)</t>
  </si>
  <si>
    <t>POINT (4.85564596946223 51.82228626492758)</t>
  </si>
  <si>
    <t>POINT (4.8391504834221415 51.82615637382554)</t>
  </si>
  <si>
    <t>POINT (4.826155215271624 51.82300012745688)</t>
  </si>
  <si>
    <t>POINT (4.88869435502786 51.82431885585249)</t>
  </si>
  <si>
    <t>POINT (4.841270698458021 51.82356856691699)</t>
  </si>
  <si>
    <t>POINT (4.822345773319304 51.82412378963757)</t>
  </si>
  <si>
    <t>POINT (4.8179516248024425 51.82544426507921)</t>
  </si>
  <si>
    <t>POINT (4.824385937422496 51.82362365118452)</t>
  </si>
  <si>
    <t>POINT (4.81473689336442 51.82760777052255)</t>
  </si>
  <si>
    <t>POINT (4.88581859125436 51.826966900430754)</t>
  </si>
  <si>
    <t>POINT (4.884423219188548 51.826206203558904)</t>
  </si>
  <si>
    <t>POINT (4.8468329298025505 51.82179659767528)</t>
  </si>
  <si>
    <t>POINT (4.839711164786128 51.826572462746626)</t>
  </si>
  <si>
    <t>POINT (4.840791426050954 51.82601121845605)</t>
  </si>
  <si>
    <t>POINT (4.878974402756904 51.82700968285144)</t>
  </si>
  <si>
    <t>POINT (4.884525900669493 51.82385904279522)</t>
  </si>
  <si>
    <t>POINT (4.8262001344448375 51.82936702614444)</t>
  </si>
  <si>
    <t>POINT (4.824415282841969 51.82359682624418)</t>
  </si>
  <si>
    <t>POINT (4.837792600908978 51.82420598562382)</t>
  </si>
  <si>
    <t>POINT (4.810347807221281 51.824526265806334)</t>
  </si>
  <si>
    <t>POINT (4.839688050089548 51.826086974092064)</t>
  </si>
  <si>
    <t>POINT (4.832598430134473 51.828141999608064)</t>
  </si>
  <si>
    <t>POINT (4.843770298488725 51.82558460860522)</t>
  </si>
  <si>
    <t>POINT (4.8407232621719425 51.82960875879687)</t>
  </si>
  <si>
    <t>POINT (4.819061414783254 51.82769234724644)</t>
  </si>
  <si>
    <t>POINT (4.8260203952206515 51.82865607237556)</t>
  </si>
  <si>
    <t>POINT (4.830211899305218 51.82756145612294)</t>
  </si>
  <si>
    <t>POINT (4.837321401339589 51.8246630216094)</t>
  </si>
  <si>
    <t>POINT (4.911120885022367 51.831650840035834)</t>
  </si>
  <si>
    <t>POINT (4.8285496567701385 51.82785754071531)</t>
  </si>
  <si>
    <t>POINT (4.8870407735947285 51.82300848832046)</t>
  </si>
  <si>
    <t>POINT (4.82495991713944 51.82644880508321)</t>
  </si>
  <si>
    <t>POINT (4.822825204646366 51.82315774147285)</t>
  </si>
  <si>
    <t>POINT (4.8230706263896215 51.82365877439808)</t>
  </si>
  <si>
    <t>POINT (4.826119427857176 51.82404099182744)</t>
  </si>
  <si>
    <t>POINT (4.823517805946164 51.822289180311614)</t>
  </si>
  <si>
    <t>POINT (4.8240793056284135 51.82959057384158)</t>
  </si>
  <si>
    <t>POINT (4.827630901978534 51.82396275280185)</t>
  </si>
  <si>
    <t>POINT (4.817596110131254 51.826780755653346)</t>
  </si>
  <si>
    <t>POINT (4.826821256759467 51.823247554835596)</t>
  </si>
  <si>
    <t>POINT (4.881239764629631 51.822920708013086)</t>
  </si>
  <si>
    <t>POINT (4.887420881880069 51.824945521668155)</t>
  </si>
  <si>
    <t>POINT (4.829840642725282 51.824737292173126)</t>
  </si>
  <si>
    <t>POINT (4.884531570502246 51.823946345497575)</t>
  </si>
  <si>
    <t>POINT (4.832286129482816 51.825529991507096)</t>
  </si>
  <si>
    <t>POINT (4.88411974182494 51.824405934448514)</t>
  </si>
  <si>
    <t>POINT (4.890675809348126 51.82352727676087)</t>
  </si>
  <si>
    <t>POINT (4.891922795305251 51.82356883129938)</t>
  </si>
  <si>
    <t>POINT (4.824033789661051 51.823945549885465)</t>
  </si>
  <si>
    <t>POINT (4.83136796399101 51.82439398115247)</t>
  </si>
  <si>
    <t>POINT (4.833640534300102 51.82714622456606)</t>
  </si>
  <si>
    <t>POINT (4.885419891091717 51.82398131823834)</t>
  </si>
  <si>
    <t>POINT (4.847153433684411 51.83257531835028)</t>
  </si>
  <si>
    <t>POINT (4.816344061152276 51.82753079024555)</t>
  </si>
  <si>
    <t>POINT (4.881430537445766 51.82673912108156)</t>
  </si>
  <si>
    <t>POINT (4.881956100682799 51.82752296191351)</t>
  </si>
  <si>
    <t>POINT (4.880251600814139 51.82695228576821)</t>
  </si>
  <si>
    <t>POINT (4.883969129550855 51.824002073349824)</t>
  </si>
  <si>
    <t>POINT (4.812259349949214 51.82777043550479)</t>
  </si>
  <si>
    <t>POINT (4.844020570528951 51.82281473684466)</t>
  </si>
  <si>
    <t>POINT (4.836805458055787 51.83287781294213)</t>
  </si>
  <si>
    <t>POINT (4.826189613606296 51.8229121681557)</t>
  </si>
  <si>
    <t>POINT (4.8342711086674965 51.826591907137384)</t>
  </si>
  <si>
    <t>POINT (4.842683180313425 51.825516651090894)</t>
  </si>
  <si>
    <t>POINT (4.836963926436971 51.825840534694805)</t>
  </si>
  <si>
    <t>POINT (4.817810435874289 51.82513796961216)</t>
  </si>
  <si>
    <t>POINT (4.82728029565981 51.82883287078546)</t>
  </si>
  <si>
    <t>POINT (4.829284650120529 51.82746716741755)</t>
  </si>
  <si>
    <t>POINT (4.845251998107148 51.82661615120577)</t>
  </si>
  <si>
    <t>POINT (4.819291268815128 51.824767255749926)</t>
  </si>
  <si>
    <t>POINT (4.832181435075384 51.823121457353075)</t>
  </si>
  <si>
    <t>POINT (4.82823532722224 51.82541884636833)</t>
  </si>
  <si>
    <t>POINT (4.824386274107506 51.82359668715744)</t>
  </si>
  <si>
    <t>POINT (4.822801299047155 51.8241679752942)</t>
  </si>
  <si>
    <t>POINT (4.872478004005817 51.822625426535375)</t>
  </si>
  <si>
    <t>POINT (4.823941207522489 51.829032621752404)</t>
  </si>
  <si>
    <t>POINT (4.843974863251312 51.822471891343895)</t>
  </si>
  <si>
    <t>POINT (4.84738965960041 51.822379315248455)</t>
  </si>
  <si>
    <t>POINT (4.88501085811849 51.82424023581446)</t>
  </si>
  <si>
    <t>POINT (4.821237536242054 51.827150000716394)</t>
  </si>
  <si>
    <t>POINT (4.828039824640949 51.82490849856523)</t>
  </si>
  <si>
    <t>POINT (4.88614262372516 51.82420911811406)</t>
  </si>
  <si>
    <t>POINT (4.821920870593931 51.82355787455711)</t>
  </si>
  <si>
    <t>POINT (4.82140256658227 51.82362053536313)</t>
  </si>
  <si>
    <t>POINT (4.884532954655077 51.82382482678211)</t>
  </si>
  <si>
    <t>POINT (4.836954688284648 51.8254090416287)</t>
  </si>
  <si>
    <t>POINT (4.828593187244846 51.82239434081873)</t>
  </si>
  <si>
    <t>POINT (4.8139760868835255 51.82765198477553)</t>
  </si>
  <si>
    <t>POINT (4.8793701040275 51.82665185495126)</t>
  </si>
  <si>
    <t>POINT (4.812865628447558 51.827523063252016)</t>
  </si>
  <si>
    <t>POINT (4.818245981389023 51.82855572964563)</t>
  </si>
  <si>
    <t>POINT (4.8244150583969185 51.82361480226231)</t>
  </si>
  <si>
    <t>POINT (4.824734266775823 51.82360734373455)</t>
  </si>
  <si>
    <t>POINT (4.820233085730144 51.825122730501455)</t>
  </si>
  <si>
    <t>POINT (4.816807098958865 51.82533084654771)</t>
  </si>
  <si>
    <t>POINT (4.840479185505829 51.82663896198346)</t>
  </si>
  <si>
    <t>POINT (4.825409917143305 51.82642399394323)</t>
  </si>
  <si>
    <t>POINT (4.884151032553773 51.82041548431151)</t>
  </si>
  <si>
    <t>POINT (4.878116770536259 51.8245970458336)</t>
  </si>
  <si>
    <t>POINT (4.8282928217697965 51.82907139789497)</t>
  </si>
  <si>
    <t>POINT (4.8415445741583705 51.82490913211401)</t>
  </si>
  <si>
    <t>POINT (4.874742025002482 51.821505296079096)</t>
  </si>
  <si>
    <t>POINT (4.866934373785402 51.8312799476323)</t>
  </si>
  <si>
    <t>POINT (4.846078049418574 51.826082393931344)</t>
  </si>
  <si>
    <t>POINT (4.822220419214602 51.82362489718788)</t>
  </si>
  <si>
    <t>POINT (4.827532129232344 51.82503913644968)</t>
  </si>
  <si>
    <t>POINT (4.879241013387608 51.82266039737775)</t>
  </si>
  <si>
    <t>POINT (4.878764829158416 51.826298683096844)</t>
  </si>
  <si>
    <t>POINT (4.823016783978447 51.826113125922824)</t>
  </si>
  <si>
    <t>POINT (4.82387655453604 51.8295626354577)</t>
  </si>
  <si>
    <t>POINT (4.842776461037145 51.82628575610379)</t>
  </si>
  <si>
    <t>POINT (4.823067150088588 51.82584648009267)</t>
  </si>
  <si>
    <t>POINT (4.816098180624272 51.82518358279149)</t>
  </si>
  <si>
    <t>POINT (4.841733865496111 51.82724703049095)</t>
  </si>
  <si>
    <t>POINT (4.836243952704516 51.830151654282176)</t>
  </si>
  <si>
    <t>POINT (4.8200444879503745 51.82352567777729)</t>
  </si>
  <si>
    <t>POINT (4.882480915565174 51.82607202956268)</t>
  </si>
  <si>
    <t>POINT (4.8294244015557855 51.826127721064545)</t>
  </si>
  <si>
    <t>POINT (4.824883907776373 51.823239530262704)</t>
  </si>
  <si>
    <t>POINT (4.856222078411911 51.830838369377524)</t>
  </si>
  <si>
    <t>POINT (4.829044975123814 51.825314135374434)</t>
  </si>
  <si>
    <t>POINT (4.814296622251425 51.82802412049412)</t>
  </si>
  <si>
    <t>POINT (4.824093062038025 51.82500648271991)</t>
  </si>
  <si>
    <t>POINT (4.874779599101249 51.82062294045638)</t>
  </si>
  <si>
    <t>POINT (4.844052917011665 51.82741058846405)</t>
  </si>
  <si>
    <t>POINT (4.887161546733316 51.82127422054344)</t>
  </si>
  <si>
    <t>POINT (4.838790028725141 51.82955235591339)</t>
  </si>
  <si>
    <t>POINT (4.826151108477485 51.82398265478983)</t>
  </si>
  <si>
    <t>POINT (4.847397484986743 51.82236053823509)</t>
  </si>
  <si>
    <t>POINT (4.881715261748115 51.82502299401081)</t>
  </si>
  <si>
    <t>POINT (4.824872514935987 51.828803384552884)</t>
  </si>
  <si>
    <t>POINT (4.823187645903782 51.82469349606872)</t>
  </si>
  <si>
    <t>POINT (4.831886916158865 51.82701210247763)</t>
  </si>
  <si>
    <t>POINT (4.8427097756769015 51.829318923097944)</t>
  </si>
  <si>
    <t>POINT (4.823267411920102 51.82491263356844)</t>
  </si>
  <si>
    <t>POINT (4.827904473896055 51.822957339589586)</t>
  </si>
  <si>
    <t>POINT (4.826238359168393 51.823965094698956)</t>
  </si>
  <si>
    <t>POINT (4.886150849085913 51.82168530570054)</t>
  </si>
  <si>
    <t>POINT (4.888433239240583 51.82547673359493)</t>
  </si>
  <si>
    <t>POINT (4.829119300598182 51.82441926586993)</t>
  </si>
  <si>
    <t>POINT (4.823745712046106 51.82262285086331)</t>
  </si>
  <si>
    <t>POINT (4.840539599038547 51.8252460205592)</t>
  </si>
  <si>
    <t>POINT (4.84424949539576 51.82915527250184)</t>
  </si>
  <si>
    <t>POINT (4.840613657953267 51.82631600099596)</t>
  </si>
  <si>
    <t>POINT (4.8199736605609385 51.82844723943888)</t>
  </si>
  <si>
    <t>POINT (4.886392149643321 51.821333860001275)</t>
  </si>
  <si>
    <t>POINT (4.821963594663646 51.82362100014078)</t>
  </si>
  <si>
    <t>POINT (4.882248931864491 51.82606204340628)</t>
  </si>
  <si>
    <t>POINT (4.879134166672568 51.826992397397206)</t>
  </si>
  <si>
    <t>POINT (4.820796985765116 51.8229592124901)</t>
  </si>
  <si>
    <t>POINT (4.819895170597251 51.827767946334724)</t>
  </si>
  <si>
    <t>POINT (4.820132230271935 51.82506831203055)</t>
  </si>
  <si>
    <t>POINT (4.879841985183542 51.82559810503753)</t>
  </si>
  <si>
    <t>POINT (4.832256280020852 51.8229330518302)</t>
  </si>
  <si>
    <t>POINT (4.822003310218395 51.822767279209906)</t>
  </si>
  <si>
    <t>POINT (4.8779831016667226 51.831292904958296)</t>
  </si>
  <si>
    <t>POINT (4.877329241617437 51.82497114534747)</t>
  </si>
  <si>
    <t>POINT (4.869447303077942 51.82038845460402)</t>
  </si>
  <si>
    <t>POINT (4.888410626039049 51.82374238617678)</t>
  </si>
  <si>
    <t>POINT (4.828759106384231 51.82305129411225)</t>
  </si>
  <si>
    <t>POINT (4.855249689827358 51.82759668845929)</t>
  </si>
  <si>
    <t>POINT (4.895131414313472 51.82462465904549)</t>
  </si>
  <si>
    <t>POINT (4.82372918558192 51.822784565403964)</t>
  </si>
  <si>
    <t>POINT (4.843572973449476 51.825107302699145)</t>
  </si>
  <si>
    <t>POINT (4.836354525105204 51.83416105756663)</t>
  </si>
  <si>
    <t>POINT (4.891275634769435 51.823062410103844)</t>
  </si>
  <si>
    <t>POINT (4.838178845435044 51.830897778765255)</t>
  </si>
  <si>
    <t>POINT (4.834852041337045 51.82495342493554)</t>
  </si>
  <si>
    <t>POINT (4.8791799578063015 51.82292978855535)</t>
  </si>
  <si>
    <t>POINT (4.851716650764089 51.830708631571774)</t>
  </si>
  <si>
    <t>POINT (4.883566769258043 51.82141317566597)</t>
  </si>
  <si>
    <t>POINT (4.8837700188397255 51.82461995260763)</t>
  </si>
  <si>
    <t>POINT (4.842895871224993 51.82592212148439)</t>
  </si>
  <si>
    <t>POINT (4.828198400749434 51.827327171616545)</t>
  </si>
  <si>
    <t>POINT (4.838825673215914 51.83019969664987)</t>
  </si>
  <si>
    <t>POINT (4.842616547416487 51.82983083679008)</t>
  </si>
  <si>
    <t>POINT (4.821989455474725 51.82734238300828)</t>
  </si>
  <si>
    <t>POINT (4.838201454858515 51.830232733238915)</t>
  </si>
  <si>
    <t>POINT (4.880892133788625 51.824168612214464)</t>
  </si>
  <si>
    <t>POINT (4.886917177871333 51.8248929595342)</t>
  </si>
  <si>
    <t>POINT (4.824027507668833 51.82382142386484)</t>
  </si>
  <si>
    <t>POINT (4.827229580768232 51.82324249241825)</t>
  </si>
  <si>
    <t>POINT (4.888984777779226 51.82178378373448)</t>
  </si>
  <si>
    <t>POINT (4.835383776005344 51.83129323849629)</t>
  </si>
  <si>
    <t>POINT (4.826152365795187 51.82309154533285)</t>
  </si>
  <si>
    <t>POINT (4.850793099535361 51.82833833025786)</t>
  </si>
  <si>
    <t>POINT (4.83578889255535 51.827030496299514)</t>
  </si>
  <si>
    <t>POINT (4.827064710543878 51.82495405952384)</t>
  </si>
  <si>
    <t>POINT (4.82482050801266 51.82367067678204)</t>
  </si>
  <si>
    <t>POINT (4.855807159466232 51.82706889044463)</t>
  </si>
  <si>
    <t>POINT (4.840448866339573 51.82674668317051)</t>
  </si>
  <si>
    <t>POINT (4.841186550163159 51.82572542393264)</t>
  </si>
  <si>
    <t>POINT (4.8363209776780804 51.82622402623858)</t>
  </si>
  <si>
    <t>POINT (4.83552715225254 51.83079696339105)</t>
  </si>
  <si>
    <t>POINT (4.825812113318626 51.82296166992803)</t>
  </si>
  <si>
    <t>POINT (4.853192329003918 51.82757398161605)</t>
  </si>
  <si>
    <t>POINT (4.840430326511584 51.8270791725409)</t>
  </si>
  <si>
    <t>POINT (4.877901146960916 51.82489481675078)</t>
  </si>
  <si>
    <t>POINT (4.844129255777933 51.82348295304094)</t>
  </si>
  <si>
    <t>POINT (4.8839872912727476 51.82237523087121)</t>
  </si>
  <si>
    <t>POINT (4.821446530947677 51.823584793075526)</t>
  </si>
  <si>
    <t>POINT (4.888021208123661 51.82625033064894)</t>
  </si>
  <si>
    <t>POINT (4.843558945746373 51.82266235639373)</t>
  </si>
  <si>
    <t>POINT (4.819376313295955 51.82865108806568)</t>
  </si>
  <si>
    <t>POINT (4.869592425547646 51.831514791892715)</t>
  </si>
  <si>
    <t>POINT (4.887490307188086 51.82301939137039)</t>
  </si>
  <si>
    <t>POINT (4.829293222153105 51.82521726849553)</t>
  </si>
  <si>
    <t>POINT (4.825320857627584 51.82891339385716)</t>
  </si>
  <si>
    <t>POINT (4.8350109488674695 51.83250984488125)</t>
  </si>
  <si>
    <t>POINT (4.828053194908055 51.82266142612302)</t>
  </si>
  <si>
    <t>POINT (4.824705258033304 51.82360720472667)</t>
  </si>
  <si>
    <t>POINT (4.868067794504811 51.83070232977744)</t>
  </si>
  <si>
    <t>POINT (4.855255016468925 51.83083258021486)</t>
  </si>
  <si>
    <t>POINT (4.8309511008405135 51.82408639604216)</t>
  </si>
  <si>
    <t>POINT (4.844325043984897 51.83183034677575)</t>
  </si>
  <si>
    <t>POINT (4.828281247945493 51.82298609988806)</t>
  </si>
  <si>
    <t>POINT (4.838103656065135 51.82502629682536)</t>
  </si>
  <si>
    <t>POINT (4.8389737982337735 51.82268486802968)</t>
  </si>
  <si>
    <t>POINT (4.827944333402022 51.82792819368009)</t>
  </si>
  <si>
    <t>POINT (4.841669460737008 51.82537711635531)</t>
  </si>
  <si>
    <t>POINT (4.88435272283622 51.82404493848101)</t>
  </si>
  <si>
    <t>POINT (4.842530477459818 51.827349603226516)</t>
  </si>
  <si>
    <t>POINT (4.8324119842492514 51.82554514782839)</t>
  </si>
  <si>
    <t>POINT (4.826721988251427 51.82489431266668)</t>
  </si>
  <si>
    <t>POINT (4.829032794870723 51.82517203152325)</t>
  </si>
  <si>
    <t>POINT (4.8326735820023545 51.82644127387458)</t>
  </si>
  <si>
    <t>POINT (4.8236310430972456 51.82483348304944)</t>
  </si>
  <si>
    <t>POINT (4.839218208764824 51.82210121497008)</t>
  </si>
  <si>
    <t>POINT (4.883750003493185 51.821084667553116)</t>
  </si>
  <si>
    <t>POINT (4.829357159309596 51.82395299225091)</t>
  </si>
  <si>
    <t>POINT (4.891275041457864 51.82311633863298)</t>
  </si>
  <si>
    <t>POINT (4.849232284255977 51.82128628390716)</t>
  </si>
  <si>
    <t>POINT (4.844289118798571 51.82827457994939)</t>
  </si>
  <si>
    <t>POINT (4.829785899445903 51.82799088392608)</t>
  </si>
  <si>
    <t>POINT (4.8296692458490105 51.82686676250507)</t>
  </si>
  <si>
    <t>POINT (4.839471716258634 51.82956452703021)</t>
  </si>
  <si>
    <t>POINT (4.831662340000627 51.82651693989676)</t>
  </si>
  <si>
    <t>POINT (4.832843102693997 51.82357401119446)</t>
  </si>
  <si>
    <t>POINT (4.828053752376634 51.82261648604978)</t>
  </si>
  <si>
    <t>POINT (4.825423419293924 51.824176922404284)</t>
  </si>
  <si>
    <t>POINT (4.885102316566645 51.82123846471688)</t>
  </si>
  <si>
    <t>POINT (4.839671560443744 51.82223565083681)</t>
  </si>
  <si>
    <t>POINT (4.8942361450901295 51.82425237421535)</t>
  </si>
  <si>
    <t>POINT (4.886001532666916 51.82437324817207)</t>
  </si>
  <si>
    <t>3371KK</t>
  </si>
  <si>
    <t>Sliet</t>
  </si>
  <si>
    <t>POINT (4.854103459157446 51.825705552458345)</t>
  </si>
  <si>
    <t>POINT (4.8373146809599765 51.82562645343239)</t>
  </si>
  <si>
    <t>POINT (4.822373758079214 51.82482379058942)</t>
  </si>
  <si>
    <t>POINT (4.822443126040641 51.82480047548849)</t>
  </si>
  <si>
    <t>POINT (4.877817924842685 51.82487330568266)</t>
  </si>
  <si>
    <t>POINT (4.888118680257587 51.824961991205384)</t>
  </si>
  <si>
    <t>POINT (4.849230675269997 51.82142110453453)</t>
  </si>
  <si>
    <t>POINT (4.885190019613574 51.823782588209866)</t>
  </si>
  <si>
    <t>POINT (4.807074040763224 51.824177555084766)</t>
  </si>
  <si>
    <t>POINT (4.882643120218923 51.82831778615062)</t>
  </si>
  <si>
    <t>POINT (4.842528581153924 51.8287068625371)</t>
  </si>
  <si>
    <t>POINT (4.884116420461184 51.826109718840065)</t>
  </si>
  <si>
    <t>POINT (4.839642459820319 51.82625754359492)</t>
  </si>
  <si>
    <t>POINT (4.87729613315077 51.82276881575194)</t>
  </si>
  <si>
    <t>POINT (4.856448615292806 51.8261239885844)</t>
  </si>
  <si>
    <t>POINT (4.8379485842231835 51.82479348731115)</t>
  </si>
  <si>
    <t>POINT (4.888120397121066 51.82486195643465)</t>
  </si>
  <si>
    <t>POINT (4.826302078600848 51.82316450177606)</t>
  </si>
  <si>
    <t>POINT (4.837455251692219 51.824556559114285)</t>
  </si>
  <si>
    <t>POINT (4.855245663612039 51.82302151078954)</t>
  </si>
  <si>
    <t>POINT (4.844568030668162 51.82302324121519)</t>
  </si>
  <si>
    <t>POINT (4.888015249056392 51.82276994666592)</t>
  </si>
  <si>
    <t>POINT (4.824935630426586 51.82466767154784)</t>
  </si>
  <si>
    <t>POINT (4.825619827187796 51.828204729731475)</t>
  </si>
  <si>
    <t>POINT (4.840084691614079 51.829261775398464)</t>
  </si>
  <si>
    <t>POINT (4.8374414469757605 51.831883066173006)</t>
  </si>
  <si>
    <t>POINT (4.827172065445463 51.8282031567077)</t>
  </si>
  <si>
    <t>POINT (4.817376129466014 51.82518652158761)</t>
  </si>
  <si>
    <t>POINT (4.826169010780643 51.82237072545197)</t>
  </si>
  <si>
    <t>POINT (4.824701402007936 51.82624083008379)</t>
  </si>
  <si>
    <t>POINT (4.869633474107184 51.82059601165153)</t>
  </si>
  <si>
    <t>POINT (4.884569302953643 51.82481361050837)</t>
  </si>
  <si>
    <t>POINT (4.888406159094065 51.825611553969665)</t>
  </si>
  <si>
    <t>POINT (4.834052539537377 51.829920626546574)</t>
  </si>
  <si>
    <t>POINT (4.838524023572477 51.8263781607339)</t>
  </si>
  <si>
    <t>POINT (4.83394096635743 51.82791273616218)</t>
  </si>
  <si>
    <t>POINT (4.881743052417392 51.82719241825437)</t>
  </si>
  <si>
    <t>POINT (4.824521525862101 51.82321981659594)</t>
  </si>
  <si>
    <t>POINT (4.878843945175713 51.825714772574365)</t>
  </si>
  <si>
    <t>POINT (4.879444124147522 51.82523199057724)</t>
  </si>
  <si>
    <t>POINT (4.853243373619655 51.828927301187875)</t>
  </si>
  <si>
    <t>POINT (4.8288596725390285 51.82718111795727)</t>
  </si>
  <si>
    <t>POINT (4.888840842876377 51.82172134077946)</t>
  </si>
  <si>
    <t>POINT (4.832726706121137 51.82831941008824)</t>
  </si>
  <si>
    <t>POINT (4.833516760765212 51.827774838416516)</t>
  </si>
  <si>
    <t>POINT (4.853645830867383 51.830735392437326)</t>
  </si>
  <si>
    <t>POINT (4.855255819006303 51.82339008644545)</t>
  </si>
  <si>
    <t>POINT (4.843674286280615 51.83041399777721)</t>
  </si>
  <si>
    <t>POINT (4.815218336210295 51.826886530178356)</t>
  </si>
  <si>
    <t>POINT (4.832621113614749 51.82393250425779)</t>
  </si>
  <si>
    <t>POINT (4.843984083750034 51.82251800924856)</t>
  </si>
  <si>
    <t>POINT (4.8295114166864215 51.82907079355366)</t>
  </si>
  <si>
    <t>POINT (4.827017416638318 51.8278069230352)</t>
  </si>
  <si>
    <t>POINT (4.82321344803698 51.822269741208494)</t>
  </si>
  <si>
    <t>POINT (4.842946192127676 51.822956138540675)</t>
  </si>
  <si>
    <t>POINT (4.881011643487976 51.82644322055801)</t>
  </si>
  <si>
    <t>POINT (4.825297645953215 51.82263029035704)</t>
  </si>
  <si>
    <t>POINT (4.87580338818273 51.83160701642848)</t>
  </si>
  <si>
    <t>POINT (4.831732076018273 51.82949202640811)</t>
  </si>
  <si>
    <t>POINT (4.826811694832856 51.823203465310954)</t>
  </si>
  <si>
    <t>POINT (4.82303535102195 51.82259247311563)</t>
  </si>
  <si>
    <t>POINT (4.83819702859997 51.825447918398886)</t>
  </si>
  <si>
    <t>POINT (4.821934585923527 51.82362086044797)</t>
  </si>
  <si>
    <t>POINT (4.835327313859759 51.82918557561795)</t>
  </si>
  <si>
    <t>POINT (4.847712941090833 51.82614732869862)</t>
  </si>
  <si>
    <t>POINT (4.812712522113405 51.824501908778096)</t>
  </si>
  <si>
    <t>POINT (4.855762583019762 51.82715857388055)</t>
  </si>
  <si>
    <t>POINT (4.8151874234067 51.82726598397151)</t>
  </si>
  <si>
    <t>POINT (4.878152773373373 51.825262351834915)</t>
  </si>
  <si>
    <t>POINT (4.881000234823922 51.82121526447319)</t>
  </si>
  <si>
    <t>POINT (4.8843223820038455 51.82066665647632)</t>
  </si>
  <si>
    <t>POINT (4.855957210847601 51.82418425319691)</t>
  </si>
  <si>
    <t>POINT (4.880289499844917 51.82520253049686)</t>
  </si>
  <si>
    <t>POINT (4.825819721803416 51.82270831018752)</t>
  </si>
  <si>
    <t>POINT (4.844148181488876 51.82672790088465)</t>
  </si>
  <si>
    <t>POINT (4.831836207016974 51.82524112029747)</t>
  </si>
  <si>
    <t>POINT (4.843997551511143 51.82320107440716)</t>
  </si>
  <si>
    <t>POINT (4.85572332063582 51.82556742738774)</t>
  </si>
  <si>
    <t>POINT (4.822223009305869 51.82722665623903)</t>
  </si>
  <si>
    <t>POINT (4.821724800746492 51.82299964010811)</t>
  </si>
  <si>
    <t>POINT (4.818944065077055 51.82518928665269)</t>
  </si>
  <si>
    <t>POINT (4.820597370212309 51.82702994456271)</t>
  </si>
  <si>
    <t>POINT (4.844980237984633 51.827501300132184)</t>
  </si>
  <si>
    <t>POINT (4.829176674556135 51.828389543473016)</t>
  </si>
  <si>
    <t>POINT (4.842388976135054 51.83172297153)</t>
  </si>
  <si>
    <t>POINT (4.837445689291703 51.8246769427553)</t>
  </si>
  <si>
    <t>POINT (4.837508639523965 51.831604224042835)</t>
  </si>
  <si>
    <t>POINT (4.846075437183602 51.82618035686994)</t>
  </si>
  <si>
    <t>POINT (4.82743428043602 51.829283032111015)</t>
  </si>
  <si>
    <t>POINT (4.812237612671388 51.82881137393731)</t>
  </si>
  <si>
    <t>POINT (4.82618034121085 51.823964817418904)</t>
  </si>
  <si>
    <t>POINT (4.878663791177079 51.82368258862996)</t>
  </si>
  <si>
    <t>POINT (4.833676832712279 51.827882979357064)</t>
  </si>
  <si>
    <t>POINT (4.813235259633618 51.8282539324382)</t>
  </si>
  <si>
    <t>POINT (4.833421663539022 51.823943088107406)</t>
  </si>
  <si>
    <t>POINT (4.831298655510661 51.824132985226875)</t>
  </si>
  <si>
    <t>POINT (4.825071743478945 51.82519746113446)</t>
  </si>
  <si>
    <t>POINT (4.890498982543469 51.82377820683853)</t>
  </si>
  <si>
    <t>POINT (4.825373706571857 51.82410963891008)</t>
  </si>
  <si>
    <t>POINT (4.828454840840798 51.82887442131804)</t>
  </si>
  <si>
    <t>POINT (4.832624249863502 51.827456053511256)</t>
  </si>
  <si>
    <t>POINT (4.837016973037023 51.83218981564953)</t>
  </si>
  <si>
    <t>POINT (4.833945780416851 51.82929079122203)</t>
  </si>
  <si>
    <t>POINT (4.885062365615359 51.823149179260525)</t>
  </si>
  <si>
    <t>POINT (4.828914422300395 51.82339359762586)</t>
  </si>
  <si>
    <t>POINT (4.830423673001347 51.825613916086006)</t>
  </si>
  <si>
    <t>POINT (4.827687727615772 51.8237131960697)</t>
  </si>
  <si>
    <t>POINT (4.852940417695831 51.82789757280282)</t>
  </si>
  <si>
    <t>POINT (4.82620790184974 51.822405400387865)</t>
  </si>
  <si>
    <t>POINT (4.843104253198325 51.82187824696298)</t>
  </si>
  <si>
    <t>POINT (4.835670375874819 51.83197363287256)</t>
  </si>
  <si>
    <t>POINT (4.8854642074126415 51.82260626576435)</t>
  </si>
  <si>
    <t>POINT (4.885759596329658 51.8234344708353)</t>
  </si>
  <si>
    <t>POINT (4.835598465910508 51.82599591993063)</t>
  </si>
  <si>
    <t>POINT (4.817763970519307 51.82608431936248)</t>
  </si>
  <si>
    <t>POINT (4.834423002286885 51.823549745893324)</t>
  </si>
  <si>
    <t>POINT (4.812341608195687 51.82776997545989)</t>
  </si>
  <si>
    <t>POINT (4.874120954889828 51.82154492788758)</t>
  </si>
  <si>
    <t>POINT (4.888869110317654 51.82294435631556)</t>
  </si>
  <si>
    <t>POINT (4.836538226795913 51.826252011169146)</t>
  </si>
  <si>
    <t>POINT (4.819184998729796 51.825414285615096)</t>
  </si>
  <si>
    <t>POINT (4.824072961062115 51.82661533584078)</t>
  </si>
  <si>
    <t>POINT (4.8159333891255285 51.82216262720363)</t>
  </si>
  <si>
    <t>POINT (4.815502473431336 51.8253196190307)</t>
  </si>
  <si>
    <t>POINT (4.8272123567507155 51.827295506297375)</t>
  </si>
  <si>
    <t>POINT (4.8393304458671835 51.825671833007135)</t>
  </si>
  <si>
    <t>POINT (4.8221309175164935 51.82300159587292)</t>
  </si>
  <si>
    <t>POINT (4.823946313520787 51.82398108435224)</t>
  </si>
  <si>
    <t>POINT (4.811021319933058 51.82884336898949)</t>
  </si>
  <si>
    <t>POINT (4.82400590375591 51.82385553062171)</t>
  </si>
  <si>
    <t>POINT (4.835278865475545 51.82840334535483)</t>
  </si>
  <si>
    <t>POINT (4.809826446244732 51.82446078261051)</t>
  </si>
  <si>
    <t>POINT (4.853669105765918 51.82411401205763)</t>
  </si>
  <si>
    <t>POINT (4.837228938501633 51.82433170238234)</t>
  </si>
  <si>
    <t>POINT (4.836157335786134 51.823719258239066)</t>
  </si>
  <si>
    <t>POINT (4.8976659136706315 51.82632509375799)</t>
  </si>
  <si>
    <t>POINT (4.821837482953846 51.829049474512054)</t>
  </si>
  <si>
    <t>POINT (4.82098726831283 51.828595949534964)</t>
  </si>
  <si>
    <t>POINT (4.833669103804345 51.82718231343509)</t>
  </si>
  <si>
    <t>POINT (4.857109794105106 51.82131783612747)</t>
  </si>
  <si>
    <t>POINT (4.8434363379725704 51.83162335378179)</t>
  </si>
  <si>
    <t>POINT (4.833166880428036 51.82460486260907)</t>
  </si>
  <si>
    <t>POINT (4.885273166998761 51.82105322310132)</t>
  </si>
  <si>
    <t>POINT (4.866288362492371 51.820131787910206)</t>
  </si>
  <si>
    <t>POINT (4.8278896351453175 51.82298423452093)</t>
  </si>
  <si>
    <t>POINT (4.826292118436395 51.82330981695159)</t>
  </si>
  <si>
    <t>POINT (4.843088989899725 51.82194109596816)</t>
  </si>
  <si>
    <t>POINT (4.840342419908085 51.82595519636138)</t>
  </si>
  <si>
    <t>POINT (4.827371694663038 51.82731424337969)</t>
  </si>
  <si>
    <t>POINT (4.879978905700391 51.822825381417864)</t>
  </si>
  <si>
    <t>POINT (4.886017664157004 51.82240189439278)</t>
  </si>
  <si>
    <t>POINT (4.878377755343584 51.824607165897156)</t>
  </si>
  <si>
    <t>POINT (4.884123795530134 51.82613257226532)</t>
  </si>
  <si>
    <t>POINT (4.827211785902123 51.828508956559936)</t>
  </si>
  <si>
    <t>POINT (4.828987301660104 51.82805000889505)</t>
  </si>
  <si>
    <t>POINT (4.884135058200728 51.82438136258591)</t>
  </si>
  <si>
    <t>POINT (4.829928385826035 51.82524539959149)</t>
  </si>
  <si>
    <t>POINT (4.836028655737826 51.832334856733844)</t>
  </si>
  <si>
    <t>POINT (4.888096344549188 51.82529708660506)</t>
  </si>
  <si>
    <t>POINT (4.84688389594412 51.822653592387795)</t>
  </si>
  <si>
    <t>POINT (4.844554082592806 51.82252274005436)</t>
  </si>
  <si>
    <t>POINT (4.87955213783778 51.824657193038945)</t>
  </si>
  <si>
    <t>POINT (4.823941580688868 51.82319905801305)</t>
  </si>
  <si>
    <t>POINT (4.879392965203347 51.82333519331119)</t>
  </si>
  <si>
    <t>POINT (4.852156564799299 51.8266478246446)</t>
  </si>
  <si>
    <t>POINT (4.8795703581453385 51.82303933966093)</t>
  </si>
  <si>
    <t>POINT (4.840926128788102 51.82686575605315)</t>
  </si>
  <si>
    <t>POINT (4.817357395093773 51.82541772401089)</t>
  </si>
  <si>
    <t>POINT (4.837653370647538 51.83147087366833)</t>
  </si>
  <si>
    <t>POINT (4.840922124853444 51.82207958501134)</t>
  </si>
  <si>
    <t>POINT (4.8108428717087355 51.827610216536236)</t>
  </si>
  <si>
    <t>POINT (4.881155589648025 51.8252853751702)</t>
  </si>
  <si>
    <t>POINT (4.812950084713474 51.826186501339095)</t>
  </si>
  <si>
    <t>POINT (4.826971590375364 51.825658442789425)</t>
  </si>
  <si>
    <t>POINT (4.832565493973244 51.8255691895229)</t>
  </si>
  <si>
    <t>POINT (4.809499910800617 51.8230711270742)</t>
  </si>
  <si>
    <t>POINT (4.883660022584831 51.821807551210746)</t>
  </si>
  <si>
    <t>POINT (4.853371261359351 51.82084676556931)</t>
  </si>
  <si>
    <t>POINT (4.829403502713321 51.82841062100176)</t>
  </si>
  <si>
    <t>POINT (4.844745467861075 51.828505061145144)</t>
  </si>
  <si>
    <t>POINT (4.888419967538308 51.82570341224191)</t>
  </si>
  <si>
    <t>POINT (4.840864351981077 51.83196196511573)</t>
  </si>
  <si>
    <t>POINT (4.838929770614027 51.828797971992856)</t>
  </si>
  <si>
    <t>POINT (4.831941097894929 51.829303375128475)</t>
  </si>
  <si>
    <t>POINT (4.842057336795765 51.826888991835744)</t>
  </si>
  <si>
    <t>POINT (4.873833162349294 51.822294543367526)</t>
  </si>
  <si>
    <t>POINT (4.838882790983259 51.827889910781415)</t>
  </si>
  <si>
    <t>POINT (4.833187962672063 51.82593440306715)</t>
  </si>
  <si>
    <t>POINT (4.8858051168438354 51.82455822880376)</t>
  </si>
  <si>
    <t>POINT (4.8304805508229816 51.8269515098583)</t>
  </si>
  <si>
    <t>POINT (4.833236364578826 51.82710555038533)</t>
  </si>
  <si>
    <t>POINT (4.880590178932082 51.82651331050736)</t>
  </si>
  <si>
    <t>POINT (4.8330187030809055 51.82816798380905)</t>
  </si>
  <si>
    <t>POINT (4.835714041050782 51.82435347506923)</t>
  </si>
  <si>
    <t>POINT (4.830272276956135 51.829718991666375)</t>
  </si>
  <si>
    <t>POINT (4.82120321777285 51.825262240494304)</t>
  </si>
  <si>
    <t>POINT (4.878518136924216 51.826306602880585)</t>
  </si>
  <si>
    <t>POINT (4.884063366193394 51.82123188572538)</t>
  </si>
  <si>
    <t>POINT (4.815858363343963 51.822360010229595)</t>
  </si>
  <si>
    <t>POINT (4.828050640265726 51.82403666133814)</t>
  </si>
  <si>
    <t>POINT (4.8226627487116875 51.82223113967958)</t>
  </si>
  <si>
    <t>POINT (4.844824278688162 51.83209395072174)</t>
  </si>
  <si>
    <t>POINT (4.826203955091341 51.824182821608)</t>
  </si>
  <si>
    <t>POINT (4.883614996372536 51.82032905332975)</t>
  </si>
  <si>
    <t>POINT (4.821344513612097 51.823685476434235)</t>
  </si>
  <si>
    <t>POINT (4.845650939318106 51.832047062709286)</t>
  </si>
  <si>
    <t>POINT (4.8261440338103245 51.824095373289715)</t>
  </si>
  <si>
    <t>POINT (4.829055747443624 51.829551420271486)</t>
  </si>
  <si>
    <t>POINT (4.846916975253081 51.82259603826558)</t>
  </si>
  <si>
    <t>POINT (4.886010868678537 51.823013084021994)</t>
  </si>
  <si>
    <t>POINT (4.868455862886286 51.81950815461668)</t>
  </si>
  <si>
    <t>POINT (4.883794320989814 51.82536757713342)</t>
  </si>
  <si>
    <t>POINT (4.83218398051646 51.82291473290821)</t>
  </si>
  <si>
    <t>POINT (4.862395228943564 51.83255314615041)</t>
  </si>
  <si>
    <t>POINT (4.8249289093926135 51.824614579968745)</t>
  </si>
  <si>
    <t>POINT (4.85372810390955 51.82389300062405)</t>
  </si>
  <si>
    <t>POINT (4.842908645697588 51.82835978050444)</t>
  </si>
  <si>
    <t>POINT (4.830271810066187 51.8274089352101)</t>
  </si>
  <si>
    <t>POINT (4.829731936340719 51.82854078915443)</t>
  </si>
  <si>
    <t>POINT (4.835627916209014 51.82596010416649)</t>
  </si>
  <si>
    <t>POINT (4.844817713564836 51.82774670020121)</t>
  </si>
  <si>
    <t>POINT (4.8300093565359905 51.8228235334293)</t>
  </si>
  <si>
    <t>POINT (4.836819753337615 51.825767950513054)</t>
  </si>
  <si>
    <t>POINT (4.8853375060788204 51.82436779548757)</t>
  </si>
  <si>
    <t>POINT (4.833702801528022 51.82902385485716)</t>
  </si>
  <si>
    <t>POINT (4.879714794130981 51.82695895487046)</t>
  </si>
  <si>
    <t>POINT (4.8777644905635364 51.82496404653093)</t>
  </si>
  <si>
    <t>POINT (4.88412626513071 51.824495982319704)</t>
  </si>
  <si>
    <t>POINT (4.881205711444507 51.82336998682065)</t>
  </si>
  <si>
    <t>POINT (4.83694931159285 51.82584945472442)</t>
  </si>
  <si>
    <t>POINT (4.824705033703861 51.82362518074549)</t>
  </si>
  <si>
    <t>POINT (4.821623497115051 51.8229811749348)</t>
  </si>
  <si>
    <t>POINT (4.883442370930644 51.82380594978784)</t>
  </si>
  <si>
    <t>POINT (4.881280587282301 51.82703762146297)</t>
  </si>
  <si>
    <t>POINT (4.828300769225779 51.82520543739412)</t>
  </si>
  <si>
    <t>POINT (4.824231531944274 51.827856515412314)</t>
  </si>
  <si>
    <t>POINT (4.886280614020861 51.82092890108595)</t>
  </si>
  <si>
    <t>POINT (4.824243003240314 51.82229266066575)</t>
  </si>
  <si>
    <t>POINT (4.834270075754821 51.82873232443558)</t>
  </si>
  <si>
    <t>POINT (4.888019411195043 51.826294699254234)</t>
  </si>
  <si>
    <t>POINT (4.904069995875327 51.830938452454056)</t>
  </si>
  <si>
    <t>POINT (4.825810131442919 51.82690230139633)</t>
  </si>
  <si>
    <t>POINT (4.829704822454135 51.82399059813808)</t>
  </si>
  <si>
    <t>POINT (4.852453073666628 51.827332303652156)</t>
  </si>
  <si>
    <t>POINT (4.811912718018845 51.82413918653013)</t>
  </si>
  <si>
    <t>POINT (4.831691261812962 51.82640894464005)</t>
  </si>
  <si>
    <t>POINT (4.8294870695248 51.828418199895516)</t>
  </si>
  <si>
    <t>POINT (4.842712323531529 51.8219033951762)</t>
  </si>
  <si>
    <t>POINT (4.829675228149606 51.828050698420064)</t>
  </si>
  <si>
    <t>POINT (4.840389758505711 51.82922724266848)</t>
  </si>
  <si>
    <t>POINT (4.883734292866387 51.825547089851824)</t>
  </si>
  <si>
    <t>POINT (4.825293924856026 51.82758296079631)</t>
  </si>
  <si>
    <t>POINT (4.818753300007746 51.82880300839678)</t>
  </si>
  <si>
    <t>POINT (4.821402792229081 51.82360255935256)</t>
  </si>
  <si>
    <t>POINT (4.819632017760773 51.827725596637165)</t>
  </si>
  <si>
    <t>POINT (4.881046448264068 51.82465761449135)</t>
  </si>
  <si>
    <t>POINT (4.880756089445609 51.82563636141461)</t>
  </si>
  <si>
    <t>POINT (4.839372620484011 51.82204917301317)</t>
  </si>
  <si>
    <t>POINT (4.829350571386717 51.826829294362994)</t>
  </si>
  <si>
    <t>POINT (4.906463021501842 51.830276512201365)</t>
  </si>
  <si>
    <t>POINT (4.88042546534891 51.82697101348291)</t>
  </si>
  <si>
    <t>POINT (4.887435402381992 51.824687757172114)</t>
  </si>
  <si>
    <t>POINT (4.857180092825188 51.82134041816469)</t>
  </si>
  <si>
    <t>POINT (4.835118363783771 51.830847471766155)</t>
  </si>
  <si>
    <t>POINT (4.832974411803374 51.828230694462924)</t>
  </si>
  <si>
    <t>POINT (4.832655257475853 51.825322680451364)</t>
  </si>
  <si>
    <t>POINT (4.834917609680377 51.824963854542695)</t>
  </si>
  <si>
    <t>POINT (4.828035466738517 51.82409052032326)</t>
  </si>
  <si>
    <t>POINT (4.833965235096125 51.8231478553569)</t>
  </si>
  <si>
    <t>POINT (4.833012182366267 51.82397929394373)</t>
  </si>
  <si>
    <t>POINT (4.833873384415773 51.82756854318829)</t>
  </si>
  <si>
    <t>POINT (4.839725728967533 51.82217052985801)</t>
  </si>
  <si>
    <t>POINT (4.878097989600878 51.82625983896256)</t>
  </si>
  <si>
    <t>POINT (4.824646791843509 51.82364287872668)</t>
  </si>
  <si>
    <t>POINT (4.837134477645767 51.82612896717534)</t>
  </si>
  <si>
    <t>POINT (4.836522716007572 51.823692551169124)</t>
  </si>
  <si>
    <t>POINT (4.816763129211197 51.82536658708159)</t>
  </si>
  <si>
    <t>POINT (4.8362240588554375 51.823957866608886)</t>
  </si>
  <si>
    <t>POINT (4.885779506766506 51.82425251014851)</t>
  </si>
  <si>
    <t>POINT (4.81160374228656 51.824999836010726)</t>
  </si>
  <si>
    <t>POINT (4.8355915656395005 51.82418919133146)</t>
  </si>
  <si>
    <t>POINT (4.826121875720979 51.82400049215341)</t>
  </si>
  <si>
    <t>POINT (4.840812756411468 51.821835702304014)</t>
  </si>
  <si>
    <t>POINT (4.8885668072277 51.82273633688212)</t>
  </si>
  <si>
    <t>POINT (4.888925339071915 51.823106388142726)</t>
  </si>
  <si>
    <t>POINT (4.882811720603124 51.82632512961258)</t>
  </si>
  <si>
    <t>POINT (4.827943079657469 51.823353019525605)</t>
  </si>
  <si>
    <t>POINT (4.821315428993663 51.82721521960417)</t>
  </si>
  <si>
    <t>POINT (4.884215645902215 51.82270878448563)</t>
  </si>
  <si>
    <t>POINT (4.84306107045511 51.82545548367375)</t>
  </si>
  <si>
    <t>POINT (4.836684897016841 51.833245777340636)</t>
  </si>
  <si>
    <t>POINT (4.861057616248135 51.832535465025124)</t>
  </si>
  <si>
    <t>POINT (4.827729760344732 51.82885299082543)</t>
  </si>
  <si>
    <t>POINT (4.884128617415357 51.824419086720276)</t>
  </si>
  <si>
    <t>POINT (4.847253917356911 51.82730448677071)</t>
  </si>
  <si>
    <t>POINT (4.829922442880806 51.822814132281444)</t>
  </si>
  <si>
    <t>POINT (4.886103606074896 51.82380446870256)</t>
  </si>
  <si>
    <t>POINT (4.82617944623629 51.824036721505664)</t>
  </si>
  <si>
    <t>POINT (4.827640268830994 51.82905031214723)</t>
  </si>
  <si>
    <t>POINT (4.829444075040973 51.823962393819215)</t>
  </si>
  <si>
    <t>POINT (4.838623740438124 51.83129535387069)</t>
  </si>
  <si>
    <t>POINT (4.830732828805435 51.82538075417506)</t>
  </si>
  <si>
    <t>POINT (4.834161885319118 51.82992616631625)</t>
  </si>
  <si>
    <t>POINT (4.82623038982619 51.824149717290915)</t>
  </si>
  <si>
    <t>POINT (4.843561113760393 51.822482595719734)</t>
  </si>
  <si>
    <t>POINT (4.844901760442746 51.83161215519948)</t>
  </si>
  <si>
    <t>POINT (4.855251096691562 51.82624841628734)</t>
  </si>
  <si>
    <t>POINT (4.838054587581425 51.82651775076235)</t>
  </si>
  <si>
    <t>POINT (4.815539016614625 51.827478630999316)</t>
  </si>
  <si>
    <t>POINT (4.830722564431484 51.82659395173264)</t>
  </si>
  <si>
    <t>POINT (4.82776223120252 51.82857450085234)</t>
  </si>
  <si>
    <t>POINT (4.8296530233133215 51.82802216221046)</t>
  </si>
  <si>
    <t>POINT (4.831260352210771 51.82371034233615)</t>
  </si>
  <si>
    <t>POINT (4.830197688091895 51.822842404359484)</t>
  </si>
  <si>
    <t>POINT (4.841478820067003 51.82696140299964)</t>
  </si>
  <si>
    <t>POINT (4.8533266829772 51.83073394150249)</t>
  </si>
  <si>
    <t>POINT (4.821345307045468 51.82368120170976)</t>
  </si>
  <si>
    <t>POINT (4.868425095221486 51.81936490336332)</t>
  </si>
  <si>
    <t>POINT (4.842690147775828 51.82734135543734)</t>
  </si>
  <si>
    <t>POINT (4.838461757030454 51.83149234447836)</t>
  </si>
  <si>
    <t>POINT (4.823337072903282 51.82419683271178)</t>
  </si>
  <si>
    <t>POINT (4.825509158248314 51.825444717569546)</t>
  </si>
  <si>
    <t>POINT (4.885853611395224 51.82150234279708)</t>
  </si>
  <si>
    <t>POINT (4.888187386323143 51.82425378227374)</t>
  </si>
  <si>
    <t>POINT (4.837200009583647 51.83264596029005)</t>
  </si>
  <si>
    <t>POINT (4.830350991194476 51.82559455156816)</t>
  </si>
  <si>
    <t>POINT (4.894682648441493 51.82454188052362)</t>
  </si>
  <si>
    <t>POINT (4.886646662380818 51.82323152111934)</t>
  </si>
  <si>
    <t>POINT (4.837184953756217 51.8326908323985)</t>
  </si>
  <si>
    <t>POINT (4.852742089226568 51.823756186223534)</t>
  </si>
  <si>
    <t>POINT (4.844224489686429 51.82882258129463)</t>
  </si>
  <si>
    <t>POINT (4.834077368719981 51.823611635235224)</t>
  </si>
  <si>
    <t>POINT (4.887017745170467 51.82433740399942)</t>
  </si>
  <si>
    <t>POINT (4.828860980672026 51.82770784363729)</t>
  </si>
  <si>
    <t>POINT (4.839103251524154 51.82646176347743)</t>
  </si>
  <si>
    <t>POINT (4.848584276681442 51.83060441664764)</t>
  </si>
  <si>
    <t>POINT (4.812847689436641 51.8265539287676)</t>
  </si>
  <si>
    <t>POINT (4.823947048858689 51.828565245604985)</t>
  </si>
  <si>
    <t>POINT (4.889961865526488 51.82410194598757)</t>
  </si>
  <si>
    <t>POINT (4.841079353208905 51.82193496299377)</t>
  </si>
  <si>
    <t>POINT (4.823989443519912 51.82865533443316)</t>
  </si>
  <si>
    <t>POINT (4.840679526102989 51.82566913323649)</t>
  </si>
  <si>
    <t>POINT (4.819293398351256 51.82486187952208)</t>
  </si>
  <si>
    <t>POINT (4.82915938793624 51.82891396948756)</t>
  </si>
  <si>
    <t>POINT (4.866447795333728 51.82014148387598)</t>
  </si>
  <si>
    <t>POINT (4.884586432197687 51.820435038874194)</t>
  </si>
  <si>
    <t>POINT (4.835932492439482 51.82440810883529)</t>
  </si>
  <si>
    <t>POINT (4.826179893723982 51.824000769462366)</t>
  </si>
  <si>
    <t>POINT (4.88233483222388 51.822278250136826)</t>
  </si>
  <si>
    <t>POINT (4.815080558679617 51.82535839838786)</t>
  </si>
  <si>
    <t>POINT (4.815856348021614 51.82366334067519)</t>
  </si>
  <si>
    <t>POINT (4.83336908937006 51.82916736488466)</t>
  </si>
  <si>
    <t>POINT (4.81722937468098 51.82860935840493)</t>
  </si>
  <si>
    <t>POINT (4.88060529048663 51.82645944467029)</t>
  </si>
  <si>
    <t>POINT (4.833255825180145 51.82457444270154)</t>
  </si>
  <si>
    <t>POINT (4.88701491266909 51.82606975571487)</t>
  </si>
  <si>
    <t>POINT (4.842926997038952 51.82214328811962)</t>
  </si>
  <si>
    <t>POINT (4.833625354103798 51.8281955196948)</t>
  </si>
  <si>
    <t>POINT (4.84070340344585 51.82489623042018)</t>
  </si>
  <si>
    <t>POINT (4.905125788410895 51.83004124699691)</t>
  </si>
  <si>
    <t>POINT (4.8369982386767045 51.82998954225228)</t>
  </si>
  <si>
    <t>POINT (4.8840601126793635 51.822348577495966)</t>
  </si>
  <si>
    <t>POINT (4.835664682698834 51.83006803740253)</t>
  </si>
  <si>
    <t>POINT (4.8287263352108445 51.82920828915975)</t>
  </si>
  <si>
    <t>POINT (4.869850867751151 51.820823121217245)</t>
  </si>
  <si>
    <t>POINT (4.826050009389546 51.82744276087363)</t>
  </si>
  <si>
    <t>POINT (4.829622047474273 51.824403947612275)</t>
  </si>
  <si>
    <t>POINT (4.883549181025714 51.82038318740809)</t>
  </si>
  <si>
    <t>POINT (4.910468170707596 51.831060784842826)</t>
  </si>
  <si>
    <t>POINT (4.823932258311005 51.82394506271928)</t>
  </si>
  <si>
    <t>POINT (4.838717219445029 51.82439077249651)</t>
  </si>
  <si>
    <t>POINT (4.830995698646835 51.82517422091667)</t>
  </si>
  <si>
    <t>POINT (4.813332577909976 51.827390959129445)</t>
  </si>
  <si>
    <t>POINT (4.845264017795203 51.82682294289123)</t>
  </si>
  <si>
    <t>POINT (4.827461624419873 51.8282494804478)</t>
  </si>
  <si>
    <t>POINT (4.842912550844904 51.82831630311454)</t>
  </si>
  <si>
    <t>POINT (4.832959243080249 51.826095144046484)</t>
  </si>
  <si>
    <t>POINT (4.833171246610541 51.826815164979394)</t>
  </si>
  <si>
    <t>POINT (4.838818385139998 51.82960641956697)</t>
  </si>
  <si>
    <t>POINT (4.8054397421873345 51.82614307531061)</t>
  </si>
  <si>
    <t>POINT (4.82527910819747 51.82295378932122)</t>
  </si>
  <si>
    <t>POINT (4.832872332518859 51.823556172151456)</t>
  </si>
  <si>
    <t>POINT (4.824854980793347 51.829045991168115)</t>
  </si>
  <si>
    <t>POINT (4.836349548749676 51.826260114461334)</t>
  </si>
  <si>
    <t>POINT (4.842710427225135 51.82926499494573)</t>
  </si>
  <si>
    <t>POINT (4.878667952678546 51.82459943491197)</t>
  </si>
  <si>
    <t>POINT (4.840722223952612 51.83171861335865)</t>
  </si>
  <si>
    <t>POINT (4.85516844892243 51.82200925927283)</t>
  </si>
  <si>
    <t>POINT (4.815919761465184 51.8255233537097)</t>
  </si>
  <si>
    <t>POINT (4.822673537973302 51.822527813707524)</t>
  </si>
  <si>
    <t>POINT (4.8355964859102105 51.82615770429458)</t>
  </si>
  <si>
    <t>POINT (4.877826776271066 51.82458679931255)</t>
  </si>
  <si>
    <t>POINT (4.829071478179514 51.829452621148405)</t>
  </si>
  <si>
    <t>POINT (4.821786152008329 51.82735938103184)</t>
  </si>
  <si>
    <t>POINT (4.820444059056697 51.82937462140965)</t>
  </si>
  <si>
    <t>POINT (4.823277280763192 51.82385835137792)</t>
  </si>
  <si>
    <t>POINT (4.8280738413065425 51.823335665374096)</t>
  </si>
  <si>
    <t>POINT (4.820039234874829 51.82669478985361)</t>
  </si>
  <si>
    <t>POINT (4.843527444163741 51.82286894680945)</t>
  </si>
  <si>
    <t>POINT (4.809233831610316 51.82429607215048)</t>
  </si>
  <si>
    <t>POINT (4.845902757369101 51.8250135595027)</t>
  </si>
  <si>
    <t>POINT (4.831017758046876 51.82926411062489)</t>
  </si>
  <si>
    <t>POINT (4.829617906613242 51.82398119676277)</t>
  </si>
  <si>
    <t>POINT (4.850317114435946 51.822756381605764)</t>
  </si>
  <si>
    <t>POINT (4.833322536877983 51.823303067724396)</t>
  </si>
  <si>
    <t>POINT (4.857572115291373 51.82130623355862)</t>
  </si>
  <si>
    <t>POINT (4.841644185355186 51.826266863703296)</t>
  </si>
  <si>
    <t>POINT (4.8303566369049 51.82406560041007)</t>
  </si>
  <si>
    <t>POINT (4.840343511504943 51.82706079107646)</t>
  </si>
  <si>
    <t>POINT (4.816281187075399 51.823332831345255)</t>
  </si>
  <si>
    <t>POINT (4.892939985633742 51.82340200448425)</t>
  </si>
  <si>
    <t>POINT (4.827200683916304 51.823233366014584)</t>
  </si>
  <si>
    <t>POINT (4.840217630003585 51.82895971510579)</t>
  </si>
  <si>
    <t>POINT (4.828475364109624 51.82838913789447)</t>
  </si>
  <si>
    <t>POINT (4.8313378462723495 51.82448372395132)</t>
  </si>
  <si>
    <t>POINT (4.837579535700643 51.82650857034411)</t>
  </si>
  <si>
    <t>POINT (4.825408690685474 51.824194829005535)</t>
  </si>
  <si>
    <t>POINT (4.827250166802485 51.82892261247081)</t>
  </si>
  <si>
    <t>POINT (4.8249304173514025 51.825325095744745)</t>
  </si>
  <si>
    <t>POINT (4.884555427956504 51.82345628627051)</t>
  </si>
  <si>
    <t>POINT (4.881942806263956 51.827489898898364)</t>
  </si>
  <si>
    <t>POINT (4.829618189784056 51.82278572176553)</t>
  </si>
  <si>
    <t>POINT (4.884088768206543 51.82455448961261)</t>
  </si>
  <si>
    <t>POINT (4.8232854739153215 51.823817960251965)</t>
  </si>
  <si>
    <t>POINT (4.820479781199849 51.82511493324638)</t>
  </si>
  <si>
    <t>POINT (4.8379876564247075 51.82634868687458)</t>
  </si>
  <si>
    <t>POINT (4.8380632490761775 51.826097361532696)</t>
  </si>
  <si>
    <t>POINT (4.88374647210261 51.82443982077836)</t>
  </si>
  <si>
    <t>POINT (4.842909227164731 51.82219867398095)</t>
  </si>
  <si>
    <t>POINT (4.843065166394399 51.828783308575964)</t>
  </si>
  <si>
    <t>POINT (4.831421825782998 51.829436806528406)</t>
  </si>
  <si>
    <t>POINT (4.831249210775978 51.82814163984438)</t>
  </si>
  <si>
    <t>POINT (4.8217325395669945 51.823538990345824)</t>
  </si>
  <si>
    <t>POINT (4.8119168822891085 51.82546877590198)</t>
  </si>
  <si>
    <t>POINT (4.88114027775581 51.82522281205432)</t>
  </si>
  <si>
    <t>POINT (4.842998706726244 51.82941913668083)</t>
  </si>
  <si>
    <t>POINT (4.832699317469206 51.82824748028837)</t>
  </si>
  <si>
    <t>POINT (4.8818141696087105 51.82731856354324)</t>
  </si>
  <si>
    <t>POINT (4.845401427081413 51.82383938468617)</t>
  </si>
  <si>
    <t>POINT (4.822323474336623 51.82499798036682)</t>
  </si>
  <si>
    <t>POINT (4.8258105792624635 51.82686634936731)</t>
  </si>
  <si>
    <t>POINT (4.824181394972401 51.82257999872384)</t>
  </si>
  <si>
    <t>POINT (4.837139934076068 51.82427812712458)</t>
  </si>
  <si>
    <t>POINT (4.831984220862217 51.828663325648435)</t>
  </si>
  <si>
    <t>POINT (4.840912232537651 51.82334225768131)</t>
  </si>
  <si>
    <t>POINT (4.821891072813741 51.8236206508953)</t>
  </si>
  <si>
    <t>POINT (4.8232746106791895 51.82317787850282)</t>
  </si>
  <si>
    <t>POINT (4.821431349684577 51.823638651198074)</t>
  </si>
  <si>
    <t>POINT (4.819792870145418 51.82667562216837)</t>
  </si>
  <si>
    <t>POINT (4.870148209565124 51.8199780721968)</t>
  </si>
  <si>
    <t>POINT (4.839557959813183 51.82485493793139)</t>
  </si>
  <si>
    <t>POINT (4.8365239411813175 51.82623396708151)</t>
  </si>
  <si>
    <t>POINT (4.822824251495637 51.82587282644608)</t>
  </si>
  <si>
    <t>POINT (4.821930942594976 51.82506799912766)</t>
  </si>
  <si>
    <t>POINT (4.820017910488442 51.82770687801715)</t>
  </si>
  <si>
    <t>POINT (4.826136985135552 51.82406033820246)</t>
  </si>
  <si>
    <t>POINT (4.830735720335842 51.82508310335205)</t>
  </si>
  <si>
    <t>POINT (4.851457273939167 51.83072548813798)</t>
  </si>
  <si>
    <t>POINT (4.884022588939079 51.82571011909864)</t>
  </si>
  <si>
    <t>POINT (4.83368361866413 51.824799187757634)</t>
  </si>
  <si>
    <t>POINT (4.887943295257861 51.82402803171598)</t>
  </si>
  <si>
    <t>POINT (4.824005454535621 51.8238914826548)</t>
  </si>
  <si>
    <t>POINT (4.883439617525983 51.82612504508643)</t>
  </si>
  <si>
    <t>POINT (4.835266819502968 51.83175601152593)</t>
  </si>
  <si>
    <t>POINT (4.821351826658388 51.823713016648064)</t>
  </si>
  <si>
    <t>POINT (4.826621933100791 51.82927915572015)</t>
  </si>
  <si>
    <t>POINT (4.855332663850611 51.8242533332458)</t>
  </si>
  <si>
    <t>POINT (4.888396321726665 51.826307797686184)</t>
  </si>
  <si>
    <t>POINT (4.8417522553768615 51.826045133418695)</t>
  </si>
  <si>
    <t>POINT (4.833758407727146 51.82581647675103)</t>
  </si>
  <si>
    <t>POINT (4.881254874188423 51.822866842066446)</t>
  </si>
  <si>
    <t>POINT (4.836047896762715 51.82957546788574)</t>
  </si>
  <si>
    <t>POINT (4.826017932995973 51.828853808495985)</t>
  </si>
  <si>
    <t>POINT (4.840826412637275 51.82278882952181)</t>
  </si>
  <si>
    <t>POINT (4.830450318579076 51.82705024040949)</t>
  </si>
  <si>
    <t>POINT (4.813367491421357 51.825466887670046)</t>
  </si>
  <si>
    <t>POINT (4.8251527716829825 51.82959571828824)</t>
  </si>
  <si>
    <t>POINT (4.877812373057519 51.82457774829971)</t>
  </si>
  <si>
    <t>POINT (4.835438316196769 51.824602716885586)</t>
  </si>
  <si>
    <t>POINT (4.82301803453139 51.82281710361058)</t>
  </si>
  <si>
    <t>POINT (4.883940722433069 51.823948020509725)</t>
  </si>
  <si>
    <t>POINT (4.821373445015457 51.823629383536876)</t>
  </si>
  <si>
    <t>POINT (4.883397058686644 51.825869229291584)</t>
  </si>
  <si>
    <t>POINT (4.822658358537022 51.8225816719983)</t>
  </si>
  <si>
    <t>POINT (4.842991803277789 51.82158110393919)</t>
  </si>
  <si>
    <t>POINT (4.83410535101681 51.82990957679172)</t>
  </si>
  <si>
    <t>POINT (4.827406525349793 51.824509984174824)</t>
  </si>
  <si>
    <t>POINT (4.842509337298269 51.825497867488686)</t>
  </si>
  <si>
    <t>POINT (4.815625120802641 51.825113659394525)</t>
  </si>
  <si>
    <t>POINT (4.884765425039439 51.821533644061965)</t>
  </si>
  <si>
    <t>POINT (4.822288579536486 51.82662473929411)</t>
  </si>
  <si>
    <t>POINT (4.826208800802697 51.82413613129655)</t>
  </si>
  <si>
    <t>POINT (4.821754485593147 51.82294585181368)</t>
  </si>
  <si>
    <t>POINT (4.8893033630612734 51.82623095848989)</t>
  </si>
  <si>
    <t>POINT (4.8980403223934355 51.826578332439226)</t>
  </si>
  <si>
    <t>POINT (4.8381766054000686 51.825036992836935)</t>
  </si>
  <si>
    <t>POINT (4.837072139972352 51.8300476758632)</t>
  </si>
  <si>
    <t>POINT (4.838947774207311 51.82493298641814)</t>
  </si>
  <si>
    <t>POINT (4.892379542015018 51.82292325258252)</t>
  </si>
  <si>
    <t>POINT (4.828636513149367 51.82943257526232)</t>
  </si>
  <si>
    <t>POINT (4.888929114492132 51.82276484088357)</t>
  </si>
  <si>
    <t>POINT (4.82979634877017 51.82714601084993)</t>
  </si>
  <si>
    <t>POINT (4.843053259090935 51.8297070224714)</t>
  </si>
  <si>
    <t>POINT (4.833846111640422 51.823398973002604)</t>
  </si>
  <si>
    <t>POINT (4.828448410259222 51.824712696218796)</t>
  </si>
  <si>
    <t>POINT (4.824716278841022 51.82737345784838)</t>
  </si>
  <si>
    <t>POINT (4.83274190374239 51.82354656759284)</t>
  </si>
  <si>
    <t>POINT (4.843527701324922 51.82645537287525)</t>
  </si>
  <si>
    <t>POINT (4.874788308985962 51.83168357674443)</t>
  </si>
  <si>
    <t>POINT (4.821362309351372 51.82298890469597)</t>
  </si>
  <si>
    <t>POINT (4.830361481105666 51.8248476265688)</t>
  </si>
  <si>
    <t>POINT (4.859576769494422 51.83095994555657)</t>
  </si>
  <si>
    <t>POINT (4.88848106038325 51.823931444083975)</t>
  </si>
  <si>
    <t>POINT (4.845218828995439 51.826694018510885)</t>
  </si>
  <si>
    <t>POINT (4.815547825884683 51.82728275948547)</t>
  </si>
  <si>
    <t>POINT (4.847254150119715 51.82200802282917)</t>
  </si>
  <si>
    <t>POINT (4.8841664692099 51.82035011409181)</t>
  </si>
  <si>
    <t>POINT (4.839509576561009 51.82883663264494)</t>
  </si>
  <si>
    <t>POINT (4.817381051330511 51.82238538920584)</t>
  </si>
  <si>
    <t>POINT (4.833036014073239 51.82594371704252)</t>
  </si>
  <si>
    <t>POINT (4.883500164106956 51.82038904432274)</t>
  </si>
  <si>
    <t>POINT (4.884529529317303 51.823890050713224)</t>
  </si>
  <si>
    <t>POINT (4.8208355906037665 51.82469140232672)</t>
  </si>
  <si>
    <t>POINT (4.8883666464695485 51.82607281096004)</t>
  </si>
  <si>
    <t>POINT (4.821107669041435 51.82694144248463)</t>
  </si>
  <si>
    <t>POINT (4.828140744873625 51.82517010542558)</t>
  </si>
  <si>
    <t>POINT (4.818934674804474 51.826860230275564)</t>
  </si>
  <si>
    <t>POINT (4.822406330144033 51.82625054647742)</t>
  </si>
  <si>
    <t>POINT (4.889249084215029 51.826606240973476)</t>
  </si>
  <si>
    <t>POINT (4.886555084906138 51.82102894568568)</t>
  </si>
  <si>
    <t>POINT (4.827214478595935 51.82712473413318)</t>
  </si>
  <si>
    <t>POINT (4.88338912606451 51.82275829914828)</t>
  </si>
  <si>
    <t>POINT (4.836058878692353 51.83223617872453)</t>
  </si>
  <si>
    <t>POINT (4.840801238225997 51.828044865725474)</t>
  </si>
  <si>
    <t>POINT (4.846604627715024 51.82143006362447)</t>
  </si>
  <si>
    <t>POINT (4.817183317271045 51.82540458247796)</t>
  </si>
  <si>
    <t>POINT (4.878619268652776 51.826342995108526)</t>
  </si>
  <si>
    <t>H019</t>
  </si>
  <si>
    <t>POINT (4.867211278225915 51.83410414184235)</t>
  </si>
  <si>
    <t>POINT (4.852874328479574 51.826131674006795)</t>
  </si>
  <si>
    <t>POINT (4.844557899457265 51.82522871082998)</t>
  </si>
  <si>
    <t>POINT (4.812701388245071 51.82681388083986)</t>
  </si>
  <si>
    <t>POINT (4.874772728631303 51.82084966381405)</t>
  </si>
  <si>
    <t>POINT (4.826712013920067 51.82786838503121)</t>
  </si>
  <si>
    <t>POINT (4.8329734210564155 51.82359260366035)</t>
  </si>
  <si>
    <t>POINT (4.890034936067385 51.82376725387418)</t>
  </si>
  <si>
    <t>POINT (4.842945215406607 51.823037030833156)</t>
  </si>
  <si>
    <t>POINT (4.841247065277365 51.83030985639296)</t>
  </si>
  <si>
    <t>POINT (4.82880694785599 51.82532014022898)</t>
  </si>
  <si>
    <t>POINT (4.822970791558646 51.823661863004794)</t>
  </si>
  <si>
    <t>POINT (4.811147840269604 51.82742654933398)</t>
  </si>
  <si>
    <t>POINT (4.912969371190957 51.836014580057075)</t>
  </si>
  <si>
    <t>POINT (4.90237997901274 51.82905918256842)</t>
  </si>
  <si>
    <t>POINT (4.843000988540038 51.825625987274464)</t>
  </si>
  <si>
    <t>POINT (4.833125345081514 51.82651339186583)</t>
  </si>
  <si>
    <t>POINT (4.816476700749146 51.82616821389121)</t>
  </si>
  <si>
    <t>POINT (4.903776000576243 51.830098616042946)</t>
  </si>
  <si>
    <t>POINT (4.825530047764202 51.82726050329685)</t>
  </si>
  <si>
    <t>POINT (4.808651226447812 51.824481961737035)</t>
  </si>
  <si>
    <t>POINT (4.885980261025516 51.823156769479475)</t>
  </si>
  <si>
    <t>POINT (4.833329906482423 51.82411749129196)</t>
  </si>
  <si>
    <t>POINT (4.837594479443581 51.82647268617021)</t>
  </si>
  <si>
    <t>POINT (4.838515323137485 51.82549731550879)</t>
  </si>
  <si>
    <t>POINT (4.846415826414378 51.83238316397113)</t>
  </si>
  <si>
    <t>POINT (4.840487026429196 51.83027614480183)</t>
  </si>
  <si>
    <t>POINT (4.814735307621188 51.8277177646548)</t>
  </si>
  <si>
    <t>POINT (4.873540801979696 51.831552196137814)</t>
  </si>
  <si>
    <t>POINT (4.8287320155610844 51.82874990072136)</t>
  </si>
  <si>
    <t>POINT (4.819315797722004 51.82884854332006)</t>
  </si>
  <si>
    <t>POINT (4.879746164647505 51.82417265234923)</t>
  </si>
  <si>
    <t>POINT (4.890586009850676 51.82377857504885)</t>
  </si>
  <si>
    <t>POINT (4.843972583094556 51.822421580946155)</t>
  </si>
  <si>
    <t>POINT (4.885251561541714 51.82435215654277)</t>
  </si>
  <si>
    <t>POINT (4.837425415216127 51.82565766796096)</t>
  </si>
  <si>
    <t>POINT (4.831792245022992 51.826454365176886)</t>
  </si>
  <si>
    <t>POINT (4.82798840832717 51.82788346094999)</t>
  </si>
  <si>
    <t>POINT (4.836219441022332 51.82622354969592)</t>
  </si>
  <si>
    <t>POINT (4.826735013122014 51.827121313350126)</t>
  </si>
  <si>
    <t>POINT (4.826143277807668 51.824032584685966)</t>
  </si>
  <si>
    <t>POINT (4.881602055615684 51.824243580177274)</t>
  </si>
  <si>
    <t>POINT (4.809774755381093 51.82742449518216)</t>
  </si>
  <si>
    <t>POINT (4.824017220007516 51.828754341656044)</t>
  </si>
  <si>
    <t>POINT (4.844792282501362 51.82865442411549)</t>
  </si>
  <si>
    <t>POINT (4.827464861665848 51.8279888282169)</t>
  </si>
  <si>
    <t>POINT (4.825394172342527 51.82885082496346)</t>
  </si>
  <si>
    <t>POINT (4.820063863053708 51.82819599600599)</t>
  </si>
  <si>
    <t>POINT (4.841356092156769 51.823703792082505)</t>
  </si>
  <si>
    <t>POINT (4.905743611935414 51.83010876013209)</t>
  </si>
  <si>
    <t>POINT (4.843639327410668 51.831633282348804)</t>
  </si>
  <si>
    <t>POINT (4.8408054120702255 51.82274194643133)</t>
  </si>
  <si>
    <t>POINT (4.853228353872562 51.83168627744464)</t>
  </si>
  <si>
    <t>POINT (4.829103349185397 51.82453604108997)</t>
  </si>
  <si>
    <t>POINT (4.82631182161518 51.82971811287041)</t>
  </si>
  <si>
    <t>POINT (4.88102715827092 51.826353402372604)</t>
  </si>
  <si>
    <t>POINT (4.818740657574515 51.82844127507159)</t>
  </si>
  <si>
    <t>POINT (4.882367490801946 51.8258378406244)</t>
  </si>
  <si>
    <t>POINT (4.828813260942643 51.8292176912039)</t>
  </si>
  <si>
    <t>POINT (4.813960767659605 51.827780886667426)</t>
  </si>
  <si>
    <t>POINT (4.830542420751051 51.82429119515702)</t>
  </si>
  <si>
    <t>POINT (4.829791738331529 51.82399999944901)</t>
  </si>
  <si>
    <t>POINT (4.852434833561301 51.82642437948914)</t>
  </si>
  <si>
    <t>POINT (4.826100281267831 51.825735178047964)</t>
  </si>
  <si>
    <t>POINT (4.813329438067319 51.827463238690775)</t>
  </si>
  <si>
    <t>POINT (4.88412103423306 51.820311844028026)</t>
  </si>
  <si>
    <t>POINT (4.841532061188937 51.82710972757855)</t>
  </si>
  <si>
    <t>POINT (4.832022109957807 51.82310272681031)</t>
  </si>
  <si>
    <t>POINT (4.82136609476246 51.82384283513273)</t>
  </si>
  <si>
    <t>POINT (4.822157965330864 51.82356774399622)</t>
  </si>
  <si>
    <t>POINT (4.8248371044472265 51.822340451266975)</t>
  </si>
  <si>
    <t>POINT (4.883529433055157 51.823920037016975)</t>
  </si>
  <si>
    <t>POINT (4.828367956664602 51.82418198915347)</t>
  </si>
  <si>
    <t>POINT (4.887491502864861 51.822911534360664)</t>
  </si>
  <si>
    <t>POINT (4.812073098101638 51.82839124319786)</t>
  </si>
  <si>
    <t>POINT (4.8495348554131965 51.8226719042779)</t>
  </si>
  <si>
    <t>POINT (4.87877191241558 51.8230988036368)</t>
  </si>
  <si>
    <t>POINT (4.84887550184973 51.82201271936199)</t>
  </si>
  <si>
    <t>POINT (4.87819932388957 51.8262782554119)</t>
  </si>
  <si>
    <t>POINT (4.833786362138289 51.827083992388076)</t>
  </si>
  <si>
    <t>POINT (4.836278909225799 51.83441238152908)</t>
  </si>
  <si>
    <t>POINT (4.829800961050506 51.82794601274988)</t>
  </si>
  <si>
    <t>POINT (4.829023796186411 51.825124421367164)</t>
  </si>
  <si>
    <t>POINT (4.807042742523261 51.83896523734574)</t>
  </si>
  <si>
    <t>POINT (4.829542081329441 51.82776501244036)</t>
  </si>
  <si>
    <t>POINT (4.833017376823946 51.82827583998565)</t>
  </si>
  <si>
    <t>POINT (4.833233691652823 51.82600235650862)</t>
  </si>
  <si>
    <t>POINT (4.88587690483503 51.824352132308015)</t>
  </si>
  <si>
    <t>POINT (4.881216482825262 51.8237026081734)</t>
  </si>
  <si>
    <t>POINT (4.889709899188578 51.82528425106922)</t>
  </si>
  <si>
    <t>POINT (4.821744491557382 51.822586261677294)</t>
  </si>
  <si>
    <t>POINT (4.837734140301984 51.83132530497349)</t>
  </si>
  <si>
    <t>POINT (4.819692502249454 51.828886319236254)</t>
  </si>
  <si>
    <t>POINT (4.856904733906228 51.82132119741216)</t>
  </si>
  <si>
    <t>POINT (4.865810957129496 51.83131138512109)</t>
  </si>
  <si>
    <t>POINT (4.8777127465445185 51.82569189139957)</t>
  </si>
  <si>
    <t>POINT (4.889516658461293 51.8247268277827)</t>
  </si>
  <si>
    <t>POINT (4.825350896514403 51.82417657529566)</t>
  </si>
  <si>
    <t>POINT (4.831864550041377 51.82647268434045)</t>
  </si>
  <si>
    <t>POINT (4.834413858834285 51.82874489342177)</t>
  </si>
  <si>
    <t>POINT (4.835370988752898 51.83272726252892)</t>
  </si>
  <si>
    <t>POINT (4.821403991779583 51.824035085119064)</t>
  </si>
  <si>
    <t>POINT (4.881256084784082 51.82275898513826)</t>
  </si>
  <si>
    <t>POINT (4.82421612799746 51.827928349878455)</t>
  </si>
  <si>
    <t>POINT (4.829130504934551 51.82937200493159)</t>
  </si>
  <si>
    <t>POINT (4.883727629080145 51.821228297900866)</t>
  </si>
  <si>
    <t>POINT (4.832277194534524 51.825564105719934)</t>
  </si>
  <si>
    <t>POINT (4.826321633565694 51.82284027048223)</t>
  </si>
  <si>
    <t>POINT (4.810182737534231 51.82875227678174)</t>
  </si>
  <si>
    <t>POINT (4.821920532434076 51.823584838575066)</t>
  </si>
  <si>
    <t>POINT (4.825853871638036 51.826884533485824)</t>
  </si>
  <si>
    <t>POINT (4.825373063724578 51.827053015580574)</t>
  </si>
  <si>
    <t>POINT (4.830824101845592 51.82659443303244)</t>
  </si>
  <si>
    <t>POINT (4.834452422881583 51.82954998929053)</t>
  </si>
  <si>
    <t>POINT (4.823034187123186 51.825391474286334)</t>
  </si>
  <si>
    <t>POINT (4.829697988668243 51.82337035617604)</t>
  </si>
  <si>
    <t>POINT (4.828442563490195 51.828694592103425)</t>
  </si>
  <si>
    <t>POINT (4.83890866863391 51.82695522416573)</t>
  </si>
  <si>
    <t>POINT (4.856379336161962 51.82775460685839)</t>
  </si>
  <si>
    <t>POINT (4.821377039169792 51.82297099860185)</t>
  </si>
  <si>
    <t>POINT (4.828129686279919 51.82935825431629)</t>
  </si>
  <si>
    <t>POINT (4.82676084758511 51.829774188650866)</t>
  </si>
  <si>
    <t>POINT (4.884432311222234 51.824012633122656)</t>
  </si>
  <si>
    <t>POINT (4.843504832156406 51.82233851846579)</t>
  </si>
  <si>
    <t>POINT (4.828285037195718 51.822680507387474)</t>
  </si>
  <si>
    <t>POINT (4.841471200796696 51.828386139720486)</t>
  </si>
  <si>
    <t>POINT (4.825464747202221 51.82551641340653)</t>
  </si>
  <si>
    <t>POINT (4.835597035911937 51.82611276419379)</t>
  </si>
  <si>
    <t>POINT (4.809860705947973 51.82721162857005)</t>
  </si>
  <si>
    <t>POINT (4.8802732627052725 51.82600910722146)</t>
  </si>
  <si>
    <t>POINT (4.841763676684093 51.828379723947364)</t>
  </si>
  <si>
    <t>POINT (4.820513092024068 51.82823411966953)</t>
  </si>
  <si>
    <t>POINT (4.821526179809947 51.82726824309789)</t>
  </si>
  <si>
    <t>POINT (4.828216417938791 51.82236558152672)</t>
  </si>
  <si>
    <t>POINT (4.82371254663638 51.82295526794789)</t>
  </si>
  <si>
    <t>POINT (4.824900645211302 51.824766324033384)</t>
  </si>
  <si>
    <t>POINT (4.883855017758943 51.82441371623149)</t>
  </si>
  <si>
    <t>POINT (4.823187697765266 51.82316847236833)</t>
  </si>
  <si>
    <t>POINT (4.827185295593312 51.82246852911921)</t>
  </si>
  <si>
    <t>POINT (4.8786034406466925 51.823889062955566)</t>
  </si>
  <si>
    <t>POINT (4.828231396571095 51.824666720299774)</t>
  </si>
  <si>
    <t>POINT (4.855770110492835 51.82399684942604)</t>
  </si>
  <si>
    <t>POINT (4.829541761797247 51.82896321907198)</t>
  </si>
  <si>
    <t>POINT (4.8783446816498115 51.82625192006178)</t>
  </si>
  <si>
    <t>POINT (4.843076117989013 51.825410610760606)</t>
  </si>
  <si>
    <t>POINT (4.877251465728005 51.824152852847874)</t>
  </si>
  <si>
    <t>POINT (4.837109674166764 51.8329151929073)</t>
  </si>
  <si>
    <t>POINT (4.830286982053836 51.827355075955104)</t>
  </si>
  <si>
    <t>POINT (4.83988294809529 51.82556654796433)</t>
  </si>
  <si>
    <t>POINT (4.839556569741706 51.82974469352089)</t>
  </si>
  <si>
    <t>POINT (4.8371594819024875 51.828834633250096)</t>
  </si>
  <si>
    <t>POINT (4.889358797800607 51.82507195518279)</t>
  </si>
  <si>
    <t>POINT (4.837030723943958 51.825121764837824)</t>
  </si>
  <si>
    <t>POINT (4.81176087753441 51.82816670716677)</t>
  </si>
  <si>
    <t>POINT (4.842101748554375 51.822017412287146)</t>
  </si>
  <si>
    <t>POINT (4.8392365009860665 51.82216431002397)</t>
  </si>
  <si>
    <t>POINT (4.8802695194080785 51.82605044718783)</t>
  </si>
  <si>
    <t>POINT (4.823424450967404 51.823598642119016)</t>
  </si>
  <si>
    <t>POINT (4.884591452177964 51.82282724483279)</t>
  </si>
  <si>
    <t>POINT (4.84231349365177 51.82369925169958)</t>
  </si>
  <si>
    <t>POINT (4.831026192030843 51.8263354601127)</t>
  </si>
  <si>
    <t>POINT (4.854559435806096 51.83076650670002)</t>
  </si>
  <si>
    <t>POINT (4.8319089550510865 51.82286848944862)</t>
  </si>
  <si>
    <t>POINT (4.828442485062026 51.8240205501538)</t>
  </si>
  <si>
    <t>POINT (4.832759329137247 51.82471480069831)</t>
  </si>
  <si>
    <t>POINT (4.809435245576444 51.82304974860408)</t>
  </si>
  <si>
    <t>POINT (4.846842734579499 51.82715434695936)</t>
  </si>
  <si>
    <t>POINT (4.835685432967739 51.83192876095636)</t>
  </si>
  <si>
    <t>POINT (4.8862361043002736 51.821018596245004)</t>
  </si>
  <si>
    <t>POINT (4.825481795999601 51.82833972438669)</t>
  </si>
  <si>
    <t>POINT (4.880471205164587 51.82677346375003)</t>
  </si>
  <si>
    <t>POINT (4.821652730985047 51.82296333869137)</t>
  </si>
  <si>
    <t>POINT (4.831395325190179 51.823351439811304)</t>
  </si>
  <si>
    <t>POINT (4.827429040308882 51.82853695835377)</t>
  </si>
  <si>
    <t>POINT (4.880302377835986 51.82457851382238)</t>
  </si>
  <si>
    <t>POINT (4.839042581205277 51.83145011531232)</t>
  </si>
  <si>
    <t>POINT (4.817392231173988 51.82755586437113)</t>
  </si>
  <si>
    <t>POINT (4.8822446331566285 51.826439272590825)</t>
  </si>
  <si>
    <t>POINT (4.843040705722064 51.8259407700381)</t>
  </si>
  <si>
    <t>POINT (4.813319293342887 51.82775411251279)</t>
  </si>
  <si>
    <t>POINT (4.829535598266525 51.824771797532314)</t>
  </si>
  <si>
    <t>POINT (4.884135058191846 51.82444894718305)</t>
  </si>
  <si>
    <t>POINT (4.883621395866889 51.82037680979114)</t>
  </si>
  <si>
    <t>POINT (4.829563296961928 51.824626979883)</t>
  </si>
  <si>
    <t>POINT (4.834055341738712 51.82985661442268)</t>
  </si>
  <si>
    <t>POINT (4.831958592724328 51.82983565109942)</t>
  </si>
  <si>
    <t>POINT (4.835435730920485 51.831213619595005)</t>
  </si>
  <si>
    <t>POINT (4.840760353944745 51.822603627803346)</t>
  </si>
  <si>
    <t>POINT (4.824444291576637 51.823596965323766)</t>
  </si>
  <si>
    <t>POINT (4.826675315584446 51.82731990878352)</t>
  </si>
  <si>
    <t>POINT (4.814745762973912 51.82767238751448)</t>
  </si>
  <si>
    <t>POINT (4.841495618688141 51.825358331252424)</t>
  </si>
  <si>
    <t>POINT (4.824792284261478 51.823607621728854)</t>
  </si>
  <si>
    <t>POINT (4.8278129871723605 51.82331644544969)</t>
  </si>
  <si>
    <t>POINT (4.848905380516055 51.821331399722965)</t>
  </si>
  <si>
    <t>POINT (4.897142141336512 51.826344022388184)</t>
  </si>
  <si>
    <t>POINT (4.8371946921073805 51.82594947859938)</t>
  </si>
  <si>
    <t>POINT (4.8283201913681575 51.82335481566104)</t>
  </si>
  <si>
    <t>POINT (4.8433160582909345 51.82716448644743)</t>
  </si>
  <si>
    <t>POINT (4.842672041488221 51.82523795488835)</t>
  </si>
  <si>
    <t>POINT (4.86280683198666 51.82017920519)</t>
  </si>
  <si>
    <t>POINT (4.8403655401423435 51.82203132260308)</t>
  </si>
  <si>
    <t>POINT (4.8714533408852985 51.83153058615776)</t>
  </si>
  <si>
    <t>POINT (4.846698838827809 51.822092601932034)</t>
  </si>
  <si>
    <t>POINT (4.884111077233789 51.82616865155777)</t>
  </si>
  <si>
    <t>POINT (4.8224193767704415 51.82544786916937)</t>
  </si>
  <si>
    <t>POINT (4.825631954116023 51.82531865650119)</t>
  </si>
  <si>
    <t>POINT (4.884057392552591 51.82498204634146)</t>
  </si>
  <si>
    <t>POINT (4.842900074727694 51.823171649556855)</t>
  </si>
  <si>
    <t>POINT (4.883861806547052 51.82414350581668)</t>
  </si>
  <si>
    <t>POINT (4.846042092163777 51.83209380904512)</t>
  </si>
  <si>
    <t>POINT (4.825379562112352 51.8265317111856)</t>
  </si>
  <si>
    <t>POINT (4.829924448502979 51.82499835779206)</t>
  </si>
  <si>
    <t>POINT (4.8282732693926125 51.82713876876412)</t>
  </si>
  <si>
    <t>POINT (4.889540590706545 51.823873021205976)</t>
  </si>
  <si>
    <t>POINT (4.901680889687728 51.82845329132072)</t>
  </si>
  <si>
    <t>POINT (4.836896119688283 51.825453709756694)</t>
  </si>
  <si>
    <t>POINT (4.837350502925368 51.824738841416476)</t>
  </si>
  <si>
    <t>POINT (4.824369601583394 51.824561329949546)</t>
  </si>
  <si>
    <t>POINT (4.844006695245334 51.82323070697751)</t>
  </si>
  <si>
    <t>POINT (4.834904277719882 51.82700836054706)</t>
  </si>
  <si>
    <t>POINT (4.88380942832645 51.82531371087083)</t>
  </si>
  <si>
    <t>POINT (4.826829380515221 51.824645240482376)</t>
  </si>
  <si>
    <t>POINT (4.843413279618309 51.82151114900296)</t>
  </si>
  <si>
    <t>POINT (4.823548380367156 51.8277305974987)</t>
  </si>
  <si>
    <t>POINT (4.831373299105524 51.82278505729817)</t>
  </si>
  <si>
    <t>POINT (4.8354629702910366 51.83109443384857)</t>
  </si>
  <si>
    <t>POINT (4.884655457523289 51.82039209967089)</t>
  </si>
  <si>
    <t>POINT (4.877733550499251 51.82513469397903)</t>
  </si>
  <si>
    <t>POINT (4.8286325782416615 51.82272710445635)</t>
  </si>
  <si>
    <t>POINT (4.839858074480092 51.84672541603388)</t>
  </si>
  <si>
    <t>POINT (4.885614349717467 51.82214849341318)</t>
  </si>
  <si>
    <t>POINT (4.833611081644904 51.8271820398229)</t>
  </si>
  <si>
    <t>POINT (4.834073383713516 51.8273370242072)</t>
  </si>
  <si>
    <t>POINT (4.821696017933113 51.82298152434416)</t>
  </si>
  <si>
    <t>POINT (4.846951222619866 51.821608382964705)</t>
  </si>
  <si>
    <t>POINT (4.832052354883092 51.82868961576113)</t>
  </si>
  <si>
    <t>POINT (4.845243697618577 51.826908338988204)</t>
  </si>
  <si>
    <t>POINT (4.883661062373334 51.820312091882776)</t>
  </si>
  <si>
    <t>POINT (4.840114701322749 51.82559459390463)</t>
  </si>
  <si>
    <t>POINT (4.833666775876047 51.82595213116889)</t>
  </si>
  <si>
    <t>POINT (4.831262994888856 51.824672128843964)</t>
  </si>
  <si>
    <t>POINT (4.8341341065712085 51.82593509847011)</t>
  </si>
  <si>
    <t>POINT (4.8296287820582435 51.82779238990013)</t>
  </si>
  <si>
    <t>POINT (4.827764452064571 51.822552187762476)</t>
  </si>
  <si>
    <t>POINT (4.844701767357436 51.82653271286828)</t>
  </si>
  <si>
    <t>POINT (4.830785337519645 51.82458896876668)</t>
  </si>
  <si>
    <t>POINT (4.840267020583249 51.82215115719686)</t>
  </si>
  <si>
    <t>POINT (4.835493191498948 51.83341096512801)</t>
  </si>
  <si>
    <t>POINT (4.847711354804303 51.82376514509244)</t>
  </si>
  <si>
    <t>POINT (4.855256985778537 51.823291217930326)</t>
  </si>
  <si>
    <t>POINT (4.8429919486525845 51.82886872873165)</t>
  </si>
  <si>
    <t>POINT (4.8850817612730575 51.82309427052653)</t>
  </si>
  <si>
    <t>POINT (4.846907819034625 51.82159919465202)</t>
  </si>
  <si>
    <t>POINT (4.828292264435344 51.82911633793459)</t>
  </si>
  <si>
    <t>POINT (4.836477978672237 51.824501282797996)</t>
  </si>
  <si>
    <t>POINT (4.844558090845749 51.82344286094738)</t>
  </si>
  <si>
    <t>POINT (4.824265854120763 51.824791595394004)</t>
  </si>
  <si>
    <t>POINT (4.831794557814053 51.82979811202469)</t>
  </si>
  <si>
    <t>POINT (4.880805545654507 51.82283793898013)</t>
  </si>
  <si>
    <t>POINT (4.838131583321287 51.83100107862707)</t>
  </si>
  <si>
    <t>POINT (4.893462923218002 51.823582141613095)</t>
  </si>
  <si>
    <t>POINT (4.821079030749829 51.82801106708855)</t>
  </si>
  <si>
    <t>POINT (4.834573794975128 51.82856051857601)</t>
  </si>
  <si>
    <t>POINT (4.818414167950982 51.8278734151724)</t>
  </si>
  <si>
    <t>POINT (4.825457793302977 51.82458459161283)</t>
  </si>
  <si>
    <t>POINT (4.836727014550646 51.82623491955208)</t>
  </si>
  <si>
    <t>POINT (4.882483933388342 51.82886746803251)</t>
  </si>
  <si>
    <t>POINT (4.8246615205731125 51.823624972220095)</t>
  </si>
  <si>
    <t>POINT (4.8325365578344295 51.825333193514226)</t>
  </si>
  <si>
    <t>POINT (4.8290313408971075 51.82683676541286)</t>
  </si>
  <si>
    <t>POINT (4.813172305885475 51.8236737415843)</t>
  </si>
  <si>
    <t>POINT (4.8405041109375935 51.82201637296846)</t>
  </si>
  <si>
    <t>POINT (4.885152301060842 51.82456442712727)</t>
  </si>
  <si>
    <t>POINT (4.855749815090953 51.82332041583769)</t>
  </si>
  <si>
    <t>POINT (4.845235740639719 51.825555429502934)</t>
  </si>
  <si>
    <t>POINT (4.829842817074162 51.82805709410231)</t>
  </si>
  <si>
    <t>POINT (4.838902947683667 51.825040639477336)</t>
  </si>
  <si>
    <t>POINT (4.825770344493062 51.82310561947977)</t>
  </si>
  <si>
    <t>POINT (4.847412652608871 51.82183521919711)</t>
  </si>
  <si>
    <t>POINT (4.902450576911731 51.82923924395835)</t>
  </si>
  <si>
    <t>POINT (4.883746010013826 51.8211318491041)</t>
  </si>
  <si>
    <t>POINT (4.840137715585842 51.82489359542672)</t>
  </si>
  <si>
    <t>POINT (4.835179771884462 51.827018644929616)</t>
  </si>
  <si>
    <t>POINT (4.885022143359178 51.82583124992756)</t>
  </si>
  <si>
    <t>POINT (4.843997344970899 51.82264046750598)</t>
  </si>
  <si>
    <t>POINT (4.846917582765359 51.821994735109264)</t>
  </si>
  <si>
    <t>POINT (4.877962802786792 51.82410200981663)</t>
  </si>
  <si>
    <t>POINT (4.8208641165540795 51.82889403579077)</t>
  </si>
  <si>
    <t>POINT (4.811915092461023 51.826788655210365)</t>
  </si>
  <si>
    <t>POINT (4.819265295384003 51.82472187273898)</t>
  </si>
  <si>
    <t>POINT (4.8552550216256725 51.82591585866484)</t>
  </si>
  <si>
    <t>POINT (4.83139665514013 51.823243583594454)</t>
  </si>
  <si>
    <t>POINT (4.888855894397577 51.82413977162573)</t>
  </si>
  <si>
    <t>POINT (4.848711117058103 51.82381966701435)</t>
  </si>
  <si>
    <t>POINT (4.826899176929536 51.82564910862423)</t>
  </si>
  <si>
    <t>POINT (4.8220552209769 51.82788201230767)</t>
  </si>
  <si>
    <t>POINT (4.839713367828872 51.82214212235214)</t>
  </si>
  <si>
    <t>POINT (4.847398908531042 51.8211236955112)</t>
  </si>
  <si>
    <t>POINT (4.888488618072994 51.82324834965671)</t>
  </si>
  <si>
    <t>POINT (4.825010271883378 51.82590074507369)</t>
  </si>
  <si>
    <t>POINT (4.823439975494358 51.82474877432532)</t>
  </si>
  <si>
    <t>POINT (4.883676428579748 51.82040761581246)</t>
  </si>
  <si>
    <t>POINT (4.888796588919393 51.82294404841877)</t>
  </si>
  <si>
    <t>POINT (4.8432335967954225 51.83039098636259)</t>
  </si>
  <si>
    <t>POINT (4.837145768227514 51.83182428939922)</t>
  </si>
  <si>
    <t>POINT (4.8880112676364 51.82312947005552)</t>
  </si>
  <si>
    <t>POINT (4.824806564344076 51.823625667242055)</t>
  </si>
  <si>
    <t>POINT (4.881495077487977 51.82472849891176)</t>
  </si>
  <si>
    <t>POINT (4.824887918141106 51.82873155000707)</t>
  </si>
  <si>
    <t>POINT (4.816025314615734 51.82521019390789)</t>
  </si>
  <si>
    <t>POINT (4.887472713934761 51.82329796022558)</t>
  </si>
  <si>
    <t>POINT (4.856394352724793 51.82155259224792)</t>
  </si>
  <si>
    <t>POINT (4.883426169568513 51.825860365716416)</t>
  </si>
  <si>
    <t>POINT (4.846936503399574 51.821626292286105)</t>
  </si>
  <si>
    <t>POINT (4.834103693322917 51.825193463655125)</t>
  </si>
  <si>
    <t>POINT (4.833341181612711 51.829077347864846)</t>
  </si>
  <si>
    <t>POINT (4.87872070474195 51.82635242303745)</t>
  </si>
  <si>
    <t>POINT (4.825742306944651 51.826524458211686)</t>
  </si>
  <si>
    <t>POINT (4.880789462069217 51.82168733992461)</t>
  </si>
  <si>
    <t>POINT (4.831002697207928 51.82930898195125)</t>
  </si>
  <si>
    <t>POINT (4.881254994608531 51.825766347331275)</t>
  </si>
  <si>
    <t>POINT (4.843574494477505 51.82631977287284)</t>
  </si>
  <si>
    <t>POINT (4.8364429527021455 51.82969677060251)</t>
  </si>
  <si>
    <t>POINT (4.842776964286361 51.8273597351673)</t>
  </si>
  <si>
    <t>POINT (4.885128108882463 51.8228295414366)</t>
  </si>
  <si>
    <t>POINT (4.833486534612306 51.82787356974882)</t>
  </si>
  <si>
    <t>POINT (4.830332275689978 51.82721147420089)</t>
  </si>
  <si>
    <t>POINT (4.837736034521857 51.825844088431744)</t>
  </si>
  <si>
    <t>POINT (4.839437465741985 51.82402743036994)</t>
  </si>
  <si>
    <t>POINT (4.821862515000955 51.82358455916105)</t>
  </si>
  <si>
    <t>POINT (4.903604332412358 51.829873196738575)</t>
  </si>
  <si>
    <t>POINT (4.878023258070895 51.82388654775753)</t>
  </si>
  <si>
    <t>POINT (4.8375642631062155 51.82657141858224)</t>
  </si>
  <si>
    <t>POINT (4.882633662187856 51.828356629774035)</t>
  </si>
  <si>
    <t>POINT (4.825062145467669 51.8241049563311)</t>
  </si>
  <si>
    <t>POINT (4.881800041773074 51.827691013406955)</t>
  </si>
  <si>
    <t>POINT (4.899623478404587 51.82773544618853)</t>
  </si>
  <si>
    <t>POINT (4.8870739705503805 51.82263111239747)</t>
  </si>
  <si>
    <t>POINT (4.837682277743557 51.82599857443843)</t>
  </si>
  <si>
    <t>POINT (4.822003622895607 51.82736941685646)</t>
  </si>
  <si>
    <t>POINT (4.839286029592083 51.826939009057305)</t>
  </si>
  <si>
    <t>POINT (4.8213786715372065 51.8238566482381)</t>
  </si>
  <si>
    <t>POINT (4.835111656844058 51.82351705073074)</t>
  </si>
  <si>
    <t>POINT (4.841258966723006 51.82573474928591)</t>
  </si>
  <si>
    <t>POINT (4.883340179680781 51.827064456598286)</t>
  </si>
  <si>
    <t>POINT (4.8218040465955685 51.82362023174154)</t>
  </si>
  <si>
    <t>POINT (4.817128565731923 51.82859680626544)</t>
  </si>
  <si>
    <t>POINT (4.826518376908645 51.8294404548738)</t>
  </si>
  <si>
    <t>POINT (4.822657683118545 51.82263560004602)</t>
  </si>
  <si>
    <t>POINT (4.8276471889100705 51.827324545445016)</t>
  </si>
  <si>
    <t>POINT (4.826150660967062 51.82401860683306)</t>
  </si>
  <si>
    <t>POINT (4.827851312563585 51.82534070439506)</t>
  </si>
  <si>
    <t>POINT (4.845092447845837 51.8213562506582)</t>
  </si>
  <si>
    <t>POINT (4.880164668601277 51.82694292181431)</t>
  </si>
  <si>
    <t>POINT (4.878064639786415 51.82407548601922)</t>
  </si>
  <si>
    <t>POINT (4.839013054046209 51.82831977552564)</t>
  </si>
  <si>
    <t>POINT (4.816460574540591 51.82520332248365)</t>
  </si>
  <si>
    <t>POINT (4.8770374029256045 51.831531488825526)</t>
  </si>
  <si>
    <t>3371GZ</t>
  </si>
  <si>
    <t>Steenenhoek</t>
  </si>
  <si>
    <t>POINT (4.880167348488757 51.830858101996604)</t>
  </si>
  <si>
    <t>POINT (4.841919112436584 51.822726658423086)</t>
  </si>
  <si>
    <t>POINT (4.844504742590027 51.822415054007216)</t>
  </si>
  <si>
    <t>POINT (4.833669324580662 51.827164337401776)</t>
  </si>
  <si>
    <t>POINT (4.853133816543902 51.82374898061949)</t>
  </si>
  <si>
    <t>POINT (4.818803204595004 51.82765846884115)</t>
  </si>
  <si>
    <t>POINT (4.846358972803132 51.822070111139745)</t>
  </si>
  <si>
    <t>POINT (4.818917606789142 51.827669692130975)</t>
  </si>
  <si>
    <t>POINT (4.836363350620348 51.82967075283205)</t>
  </si>
  <si>
    <t>POINT (4.8802541173462695 51.826400959495075)</t>
  </si>
  <si>
    <t>POINT (4.884642975629127 51.820413663603816)</t>
  </si>
  <si>
    <t>POINT (4.838892682910196 51.82892383596572)</t>
  </si>
  <si>
    <t>POINT (4.825941484949177 51.82916804192239)</t>
  </si>
  <si>
    <t>POINT (4.837351004878317 51.83216128702101)</t>
  </si>
  <si>
    <t>POINT (4.882037899874249 51.826771227580224)</t>
  </si>
  <si>
    <t>POINT (4.813321892572214 51.827532899022295)</t>
  </si>
  <si>
    <t>POINT (4.881708483128047 51.825174726814446)</t>
  </si>
  <si>
    <t>POINT (4.827616053327883 51.82983219958512)</t>
  </si>
  <si>
    <t>POINT (4.826157161577428 51.8241303026042)</t>
  </si>
  <si>
    <t>POINT (4.810177034909651 51.822951188632146)</t>
  </si>
  <si>
    <t>POINT (4.840042285227493 51.8255852678458)</t>
  </si>
  <si>
    <t>POINT (4.852860984616068 51.82080395939719)</t>
  </si>
  <si>
    <t>POINT (4.877309856236457 51.82540250972042)</t>
  </si>
  <si>
    <t>POINT (4.85103504929449 51.83068754351937)</t>
  </si>
  <si>
    <t>POINT (4.882436348638897 51.829349505705125)</t>
  </si>
  <si>
    <t>POINT (4.889568391780893 51.82266867915922)</t>
  </si>
  <si>
    <t>POINT (4.83142118906735 51.82713573792655)</t>
  </si>
  <si>
    <t>POINT (4.829444362821396 51.82276691882642)</t>
  </si>
  <si>
    <t>POINT (4.856303945466971 51.82430267273176)</t>
  </si>
  <si>
    <t>POINT (4.835579592590998 51.832278816376956)</t>
  </si>
  <si>
    <t>POINT (4.810101664072294 51.82874730307062)</t>
  </si>
  <si>
    <t>POINT (4.833945679257662 51.82889370423778)</t>
  </si>
  <si>
    <t>POINT (4.841734480212631 51.825997627322046)</t>
  </si>
  <si>
    <t>POINT (4.840206094735834 51.82523547842252)</t>
  </si>
  <si>
    <t>POINT (4.832626015313304 51.824975953186645)</t>
  </si>
  <si>
    <t>POINT (4.8407056044494094 51.82710742000381)</t>
  </si>
  <si>
    <t>POINT (4.824721509035034 51.829279053776354)</t>
  </si>
  <si>
    <t>POINT (4.886647860084185 51.8231236641236)</t>
  </si>
  <si>
    <t>POINT (4.825276182371819 51.82551551088924)</t>
  </si>
  <si>
    <t>POINT (4.836806784855455 51.82564205019333)</t>
  </si>
  <si>
    <t>POINT (4.828080318255305 51.82398287144031)</t>
  </si>
  <si>
    <t>POINT (4.839043342690567 51.829819123144134)</t>
  </si>
  <si>
    <t>POINT (4.815864700262006 51.82414876316499)</t>
  </si>
  <si>
    <t>POINT (4.885117496899257 51.82378227803773)</t>
  </si>
  <si>
    <t>POINT (4.830284490810355 51.8228607933208)</t>
  </si>
  <si>
    <t>POINT (4.8795308365540855 51.820108913003295)</t>
  </si>
  <si>
    <t>POINT (4.831720493936042 51.82639110589337)</t>
  </si>
  <si>
    <t>POINT (4.817064180946199 51.82930230119736)</t>
  </si>
  <si>
    <t>POINT (4.827649644848919 51.825958298811805)</t>
  </si>
  <si>
    <t>POINT (4.842970638344215 51.82693817225828)</t>
  </si>
  <si>
    <t>POINT (4.8395731198341805 51.824801077442466)</t>
  </si>
  <si>
    <t>POINT (4.829679238772101 51.828030214610806)</t>
  </si>
  <si>
    <t>POINT (4.83363316641965 51.8253567965783)</t>
  </si>
  <si>
    <t>POINT (4.852022047197004 51.82224504373579)</t>
  </si>
  <si>
    <t>POINT (4.84724145766845 51.826501592051066)</t>
  </si>
  <si>
    <t>POINT (4.830268686351011 51.82529859988772)</t>
  </si>
  <si>
    <t>POINT (4.814162635276184 51.82567750875824)</t>
  </si>
  <si>
    <t>POINT (4.8407322549806535 51.82255003316932)</t>
  </si>
  <si>
    <t>POINT (4.840130442870176 51.83155662536679)</t>
  </si>
  <si>
    <t>POINT (4.868259264261645 51.82027534590214)</t>
  </si>
  <si>
    <t>POINT (4.829724019216713 51.82857568101659)</t>
  </si>
  <si>
    <t>POINT (4.889695815319613 51.8255982407348)</t>
  </si>
  <si>
    <t>POINT (4.834829149591736 51.83313818675402)</t>
  </si>
  <si>
    <t>POINT (4.843833736441354 51.82513547564156)</t>
  </si>
  <si>
    <t>POINT (4.841099628550849 51.82571603105527)</t>
  </si>
  <si>
    <t>POINT (4.885464707626689 51.822561325352815)</t>
  </si>
  <si>
    <t>POINT (4.880401804992813 51.823914817991366)</t>
  </si>
  <si>
    <t>POINT (4.878116973564667 51.82457906968981)</t>
  </si>
  <si>
    <t>POINT (4.841255151020636 51.8219636182868)</t>
  </si>
  <si>
    <t>POINT (4.809797724898219 51.82852575974681)</t>
  </si>
  <si>
    <t>POINT (4.81006922684992 51.824758598883484)</t>
  </si>
  <si>
    <t>POINT (4.847086710498605 51.82119553388629)</t>
  </si>
  <si>
    <t>POINT (4.8296402046422395 51.82842745745578)</t>
  </si>
  <si>
    <t>POINT (4.838269934279838 51.825801706559375)</t>
  </si>
  <si>
    <t>POINT (4.877965239817423 51.82388629607999)</t>
  </si>
  <si>
    <t>POINT (4.889661108950181 51.826266577660505)</t>
  </si>
  <si>
    <t>POINT (4.838668727090456 51.82998323867307)</t>
  </si>
  <si>
    <t>POINT (4.879922850524787 51.82393971471877)</t>
  </si>
  <si>
    <t>POINT (4.811110998196023 51.828287570637606)</t>
  </si>
  <si>
    <t>POINT (4.84191579724921 51.82875478496354)</t>
  </si>
  <si>
    <t>POINT (4.839349564567368 51.82409892844319)</t>
  </si>
  <si>
    <t>POINT (4.842446721036811 51.828937119378395)</t>
  </si>
  <si>
    <t>POINT (4.821410309492569 51.82355374282236)</t>
  </si>
  <si>
    <t>POINT (4.8268301305042876 51.82318598970507)</t>
  </si>
  <si>
    <t>POINT (4.851905238004851 51.83070949163424)</t>
  </si>
  <si>
    <t>POINT (4.895491135436205 51.82519383519261)</t>
  </si>
  <si>
    <t>POINT (4.830052559323404 51.82754272289442)</t>
  </si>
  <si>
    <t>POINT (4.882440910303189 51.82888133208822)</t>
  </si>
  <si>
    <t>POINT (4.888041161274001 51.825785979456306)</t>
  </si>
  <si>
    <t>POINT (4.829160630352254 51.829282262763385)</t>
  </si>
  <si>
    <t>POINT (4.883291103707144 51.82731238265062)</t>
  </si>
  <si>
    <t>POINT (4.88890457711539 51.82236025386879)</t>
  </si>
  <si>
    <t>POINT (4.8487531178958605 51.821301803214595)</t>
  </si>
  <si>
    <t>POINT (4.821862740464053 51.823566583149244)</t>
  </si>
  <si>
    <t>POINT (4.846856996247268 51.82761639600387)</t>
  </si>
  <si>
    <t>POINT (4.839505580951194 51.82800034794709)</t>
  </si>
  <si>
    <t>POINT (4.828774278692239 51.82299743502506)</t>
  </si>
  <si>
    <t>POINT (4.841855321176972 51.8291981059649)</t>
  </si>
  <si>
    <t>POINT (4.8193786472450615 51.8238602034726)</t>
  </si>
  <si>
    <t>POINT (4.877792663078348 51.82214138007283)</t>
  </si>
  <si>
    <t>POINT (4.817783788054705 51.8287272372056)</t>
  </si>
  <si>
    <t>POINT (4.827258812594438 51.82322465477578)</t>
  </si>
  <si>
    <t>POINT (4.8419251650185755 51.82252848031602)</t>
  </si>
  <si>
    <t>POINT (4.8364260508733885 51.828558482325)</t>
  </si>
  <si>
    <t>POINT (4.85368066665531 51.824164247553234)</t>
  </si>
  <si>
    <t>POINT (4.838554001998555 51.823915441932996)</t>
  </si>
  <si>
    <t>POINT (4.824733705980757 51.82365228378176)</t>
  </si>
  <si>
    <t>POINT (4.831211739058259 51.824123585031366)</t>
  </si>
  <si>
    <t>POINT (4.833214385441501 51.826912166136296)</t>
  </si>
  <si>
    <t>POINT (4.884561384811255 51.82552366870998)</t>
  </si>
  <si>
    <t>POINT (4.837142130099061 51.82431331855308)</t>
  </si>
  <si>
    <t>POINT (4.819523992585389 51.825335397098556)</t>
  </si>
  <si>
    <t>POINT (4.834717387562832 51.82489406912218)</t>
  </si>
  <si>
    <t>POINT (4.844249719389897 51.82672837056888)</t>
  </si>
  <si>
    <t>POINT (4.83713623273682 51.825985158821396)</t>
  </si>
  <si>
    <t>POINT (4.884153289961716 51.821238706911124)</t>
  </si>
  <si>
    <t>POINT (4.881613649382104 51.82320995135042)</t>
  </si>
  <si>
    <t>POINT (4.8799902985476615 51.826969134070666)</t>
  </si>
  <si>
    <t>POINT (4.883792612439121 51.82037723860708)</t>
  </si>
  <si>
    <t>POINT (4.83499135879558 51.82937275498503)</t>
  </si>
  <si>
    <t>POINT (4.8361596595207414 51.83348600346797)</t>
  </si>
  <si>
    <t>POINT (4.877899401771744 51.824578125920425)</t>
  </si>
  <si>
    <t>POINT (4.845133712006592 51.82197752208087)</t>
  </si>
  <si>
    <t>POINT (4.8312766703039856 51.8282676094151)</t>
  </si>
  <si>
    <t>POINT (4.840381360681124 51.822060357375925)</t>
  </si>
  <si>
    <t>POINT (4.8400967855729595 51.83185052821499)</t>
  </si>
  <si>
    <t>POINT (4.887004681966201 51.824437498282435)</t>
  </si>
  <si>
    <t>POINT (4.818334082056139 51.82762361290698)</t>
  </si>
  <si>
    <t>POINT (4.819490942748206 51.827709364272884)</t>
  </si>
  <si>
    <t>POINT (4.822821252383758 51.82463184432085)</t>
  </si>
  <si>
    <t>POINT (4.843512545465259 51.826509233870155)</t>
  </si>
  <si>
    <t>POINT (4.825845428243787 51.82278372119947)</t>
  </si>
  <si>
    <t>POINT (4.8262393104986545 51.823833875468104)</t>
  </si>
  <si>
    <t>POINT (4.820994313276542 51.828171454570665)</t>
  </si>
  <si>
    <t>POINT (4.884075091479668 51.82620471202495)</t>
  </si>
  <si>
    <t>POINT (4.811830931821108 51.827418924461256)</t>
  </si>
  <si>
    <t>POINT (4.829278155561728 51.82681996166361)</t>
  </si>
  <si>
    <t>POINT (4.82743323286442 51.82502600901477)</t>
  </si>
  <si>
    <t>POINT (4.837806005552854 51.8242356026751)</t>
  </si>
  <si>
    <t>POINT (4.810087578785552 51.82758492418792)</t>
  </si>
  <si>
    <t>POINT (4.833412547587316 51.82781481322456)</t>
  </si>
  <si>
    <t>POINT (4.832651708578741 51.82783230857587)</t>
  </si>
  <si>
    <t>POINT (4.819547554857847 51.828876629871544)</t>
  </si>
  <si>
    <t>POINT (4.883788121389674 51.824749860260354)</t>
  </si>
  <si>
    <t>POINT (4.83075201899376 51.82655813720099)</t>
  </si>
  <si>
    <t>POINT (4.821905802629773 51.823602744736135)</t>
  </si>
  <si>
    <t>POINT (4.887426219646129 51.82473622904666)</t>
  </si>
  <si>
    <t>POINT (4.84520011555936 51.824899102193804)</t>
  </si>
  <si>
    <t>POINT (4.839797542019712 51.827981197928644)</t>
  </si>
  <si>
    <t>POINT (4.838525304002004 51.82984774046162)</t>
  </si>
  <si>
    <t>POINT (4.863505185183721 51.81999356402227)</t>
  </si>
  <si>
    <t>POINT (4.854051593792235 51.8307731899759)</t>
  </si>
  <si>
    <t>POINT (4.828517368876718 51.825000657824674)</t>
  </si>
  <si>
    <t>POINT (4.818281545003654 51.82229088317701)</t>
  </si>
  <si>
    <t>POINT (4.879440681574565 51.825537585042966)</t>
  </si>
  <si>
    <t>POINT (4.846626415628295 51.83055047491107)</t>
  </si>
  <si>
    <t>POINT (4.883028208699294 51.82342544080855)</t>
  </si>
  <si>
    <t>POINT (4.844733189117286 51.830350744615906)</t>
  </si>
  <si>
    <t>POINT (4.883532496543117 51.82387694126924)</t>
  </si>
  <si>
    <t>POINT (4.841892020424982 51.82866846552439)</t>
  </si>
  <si>
    <t>POINT (4.858470201554613 51.830887247531216)</t>
  </si>
  <si>
    <t>POINT (4.83019796778575 51.82986245569405)</t>
  </si>
  <si>
    <t>POINT (4.850529284281462 51.82686510955439)</t>
  </si>
  <si>
    <t>POINT (4.820984427385645 51.82838907347748)</t>
  </si>
  <si>
    <t>POINT (4.842708526685191 51.82892639722221)</t>
  </si>
  <si>
    <t>POINT (4.820011554595198 51.82713761168145)</t>
  </si>
  <si>
    <t>POINT (4.855767193798582 51.821846375925986)</t>
  </si>
  <si>
    <t>POINT (4.877405388008227 51.82208616316443)</t>
  </si>
  <si>
    <t>POINT (4.850324717691481 51.821666197355846)</t>
  </si>
  <si>
    <t>POINT (4.885933438119817 51.82214985646957)</t>
  </si>
  <si>
    <t>POINT (4.827987434830661 51.827705878711484)</t>
  </si>
  <si>
    <t>POINT (4.82871158468253 51.82337465562527)</t>
  </si>
  <si>
    <t>POINT (4.839707265712529 51.82450508150396)</t>
  </si>
  <si>
    <t>POINT (4.874514201530407 51.82122865035617)</t>
  </si>
  <si>
    <t>POINT (4.905981101644449 51.83009868698968)</t>
  </si>
  <si>
    <t>POINT (4.826165389223153 51.82400070013784)</t>
  </si>
  <si>
    <t>POINT (4.821388537180239 51.82385070942035)</t>
  </si>
  <si>
    <t>POINT (4.835761513061676 51.831674994603546)</t>
  </si>
  <si>
    <t>POINT (4.888124607870909 51.824911366176494)</t>
  </si>
  <si>
    <t>POINT (4.824605153214287 51.82233035120509)</t>
  </si>
  <si>
    <t>POINT (4.818337555132151 51.82819663160198)</t>
  </si>
  <si>
    <t>POINT (4.830979571138575 51.827216889087374)</t>
  </si>
  <si>
    <t>POINT (4.806110058758084 51.827526543342465)</t>
  </si>
  <si>
    <t>POINT (4.880736117201937 51.82385334128998)</t>
  </si>
  <si>
    <t>POINT (4.904430627367758 51.82993052850936)</t>
  </si>
  <si>
    <t>POINT (4.856052670003587 51.83208559586361)</t>
  </si>
  <si>
    <t>POINT (4.823025962778598 51.844200871940025)</t>
  </si>
  <si>
    <t>POINT (4.8789111894402355 51.82489710926833)</t>
  </si>
  <si>
    <t>POINT (4.883868782546784 51.82525684341356)</t>
  </si>
  <si>
    <t>POINT (4.862400005976456 51.820240306638965)</t>
  </si>
  <si>
    <t>POINT (4.885419290756376 51.82403524672261)</t>
  </si>
  <si>
    <t>POINT (4.836474729395952 51.83221536232311)</t>
  </si>
  <si>
    <t>POINT (4.845132734695042 51.82176569374)</t>
  </si>
  <si>
    <t>POINT (4.855244284680188 51.82313835540182)</t>
  </si>
  <si>
    <t>POINT (4.826187211792222 51.824122545298266)</t>
  </si>
  <si>
    <t>POINT (4.825837175188808 51.82589571389208)</t>
  </si>
  <si>
    <t>POINT (4.840365757972521 51.82522723378366)</t>
  </si>
  <si>
    <t>POINT (4.888438541127828 51.82384137836423)</t>
  </si>
  <si>
    <t>POINT (4.856779420693136 51.82592836548401)</t>
  </si>
  <si>
    <t>POINT (4.824970933296649 51.82323994713136)</t>
  </si>
  <si>
    <t>POINT (4.880912223791658 51.822379985000296)</t>
  </si>
  <si>
    <t>POINT (4.84425828528364 51.82120046189888)</t>
  </si>
  <si>
    <t>POINT (4.823229855119832 51.8255955826379)</t>
  </si>
  <si>
    <t>POINT (4.885576910194219 51.8249068169022)</t>
  </si>
  <si>
    <t>POINT (4.8465936945857155 51.821184275707445)</t>
  </si>
  <si>
    <t>POINT (4.837096067367861 51.82422363977375)</t>
  </si>
  <si>
    <t>POINT (4.824972528356014 51.824417993677535)</t>
  </si>
  <si>
    <t>POINT (4.837965840818538 51.826491403640595)</t>
  </si>
  <si>
    <t>POINT (4.833113656752176 51.82661575209967)</t>
  </si>
  <si>
    <t>POINT (4.886020162441236 51.822177192311756)</t>
  </si>
  <si>
    <t>POINT (4.880729047815666 51.8244825065606)</t>
  </si>
  <si>
    <t>POINT (4.871046686141745 51.82131232763306)</t>
  </si>
  <si>
    <t>POINT (4.883782570745182 51.82095823998493)</t>
  </si>
  <si>
    <t>POINT (4.831125401099746 51.82877025104454)</t>
  </si>
  <si>
    <t>POINT (4.844480604276909 51.8220104583038)</t>
  </si>
  <si>
    <t>POINT (4.826784430891694 51.82787771931459)</t>
  </si>
  <si>
    <t>POINT (4.832111570385835 51.822905401961094)</t>
  </si>
  <si>
    <t>POINT (4.820001993688487 51.828501307610395)</t>
  </si>
  <si>
    <t>POINT (4.826161434173108 51.82548379111684)</t>
  </si>
  <si>
    <t>POINT (4.830766302396504 51.82657618198729)</t>
  </si>
  <si>
    <t>POINT (4.854715843882271 51.82121241417923)</t>
  </si>
  <si>
    <t>POINT (4.88876151778853 51.8234921984497)</t>
  </si>
  <si>
    <t>POINT (4.820574505542118 51.82796475977832)</t>
  </si>
  <si>
    <t>POINT (4.845139401047789 51.82281554946462)</t>
  </si>
  <si>
    <t>POINT (4.826005538380446 51.82326803465882)</t>
  </si>
  <si>
    <t>POINT (4.827881848520329 51.8282874375761)</t>
  </si>
  <si>
    <t>POINT (4.827477704010834 51.825786696769796)</t>
  </si>
  <si>
    <t>POINT (4.83458471075785 51.824947978051966)</t>
  </si>
  <si>
    <t>POINT (4.878660546274781 51.82397020697658)</t>
  </si>
  <si>
    <t>POINT (4.8204972299416395 51.82834190563145)</t>
  </si>
  <si>
    <t>POINT (4.884558835636053 51.82315069153305)</t>
  </si>
  <si>
    <t>POINT (4.82968403420271 51.82432499005665)</t>
  </si>
  <si>
    <t>POINT (4.844016450992481 51.825621702023675)</t>
  </si>
  <si>
    <t>POINT (4.897692191228431 51.826576881296084)</t>
  </si>
  <si>
    <t>POINT (4.83278820155522 51.825663605547405)</t>
  </si>
  <si>
    <t>POINT (4.838867594014275 51.82828646779573)</t>
  </si>
  <si>
    <t>POINT (4.835720563000185 51.83177293902449)</t>
  </si>
  <si>
    <t>POINT (4.822067490532428 51.822970073283884)</t>
  </si>
  <si>
    <t>POINT (4.840017515544406 51.82762554953195)</t>
  </si>
  <si>
    <t>POINT (4.836465378428766 51.8245388586908)</t>
  </si>
  <si>
    <t>POINT (4.819610001939205 51.82717229011447)</t>
  </si>
  <si>
    <t>POINT (4.83288447712695 51.826083501408064)</t>
  </si>
  <si>
    <t>POINT (4.836319015943225 51.83113175650362)</t>
  </si>
  <si>
    <t>POINT (4.844510396495714 51.83158338111811)</t>
  </si>
  <si>
    <t>POINT (4.860932228756952 51.82048541371348)</t>
  </si>
  <si>
    <t>POINT (4.834976081606215 51.82943560285794)</t>
  </si>
  <si>
    <t>POINT (4.824005117619862 51.8239184466795)</t>
  </si>
  <si>
    <t>POINT (4.879054110453362 51.82508648676622)</t>
  </si>
  <si>
    <t>POINT (4.833159664440568 51.828472452722615)</t>
  </si>
  <si>
    <t>POINT (4.836809486741657 51.830172284172555)</t>
  </si>
  <si>
    <t>POINT (4.834278932732475 51.826077116505964)</t>
  </si>
  <si>
    <t>POINT (4.854348359715967 51.82850818957497)</t>
  </si>
  <si>
    <t>POINT (4.84644325249666 51.82591315096246)</t>
  </si>
  <si>
    <t>POINT (4.820387024317203 51.82672343535283)</t>
  </si>
  <si>
    <t>POINT (4.829197655408464 51.82863526401324)</t>
  </si>
  <si>
    <t>POINT (4.824489409887733 51.82927794144496)</t>
  </si>
  <si>
    <t>POINT (4.827501570127709 51.82853730418816)</t>
  </si>
  <si>
    <t>POINT (4.830530469261038 51.82408440200272)</t>
  </si>
  <si>
    <t>POINT (4.841457873404931 51.82894644073273)</t>
  </si>
  <si>
    <t>POINT (4.819482226917551 51.825154866846056)</t>
  </si>
  <si>
    <t>POINT (4.891238615812396 51.82379032265634)</t>
  </si>
  <si>
    <t>POINT (4.839997872547089 51.82924339367743)</t>
  </si>
  <si>
    <t>POINT (4.8856406661966005 51.82630129658051)</t>
  </si>
  <si>
    <t>POINT (4.846073990826706 51.826155838480524)</t>
  </si>
  <si>
    <t>POINT (4.882493672375344 51.822341852787865)</t>
  </si>
  <si>
    <t>POINT (4.829579987267012 51.82810969624314)</t>
  </si>
  <si>
    <t>POINT (4.881590790518723 51.82266155367034)</t>
  </si>
  <si>
    <t>POINT (4.855250460209465 51.82630234454919)</t>
  </si>
  <si>
    <t>POINT (4.82524572973317 51.82330418286307)</t>
  </si>
  <si>
    <t>POINT (4.826407728762122 51.827839966161704)</t>
  </si>
  <si>
    <t>POINT (4.814526060109661 51.82561636248159)</t>
  </si>
  <si>
    <t>POINT (4.840563942067494 51.829219065352866)</t>
  </si>
  <si>
    <t>POINT (4.8373943001292865 51.82385608451178)</t>
  </si>
  <si>
    <t>POINT (4.813355661393476 51.826164763946835)</t>
  </si>
  <si>
    <t>POINT (4.884114075351168 51.824011683148875)</t>
  </si>
  <si>
    <t>POINT (4.845465553245299 51.83047004253756)</t>
  </si>
  <si>
    <t>POINT (4.877605418217589 51.82620377065189)</t>
  </si>
  <si>
    <t>POINT (4.88705886802494 51.822684979103954)</t>
  </si>
  <si>
    <t>POINT (4.87986951415713 51.82458413126744)</t>
  </si>
  <si>
    <t>POINT (4.8594729927856015 51.83095657580953)</t>
  </si>
  <si>
    <t>POINT (4.826544536437311 51.82257051046399)</t>
  </si>
  <si>
    <t>POINT (4.888051993855469 51.823381321455074)</t>
  </si>
  <si>
    <t>POINT (4.81134463059323 51.82676614620134)</t>
  </si>
  <si>
    <t>POINT (4.8356286861627815 51.82589718802356)</t>
  </si>
  <si>
    <t>POINT (4.811733596883951 51.82505440401879)</t>
  </si>
  <si>
    <t>POINT (4.881747203255962 51.82423521674747)</t>
  </si>
  <si>
    <t>POINT (4.880196409571998 51.82670036917672)</t>
  </si>
  <si>
    <t>POINT (4.850528107014591 51.82696397796519)</t>
  </si>
  <si>
    <t>POINT (4.827450630332942 51.82780898055982)</t>
  </si>
  <si>
    <t>POINT (4.8380084650956405 51.82464096235565)</t>
  </si>
  <si>
    <t>POINT (4.827943525729229 51.82331706747059)</t>
  </si>
  <si>
    <t>POINT (4.88852029836867 51.82431811655896)</t>
  </si>
  <si>
    <t>POINT (4.842285851346816 51.82613573518926)</t>
  </si>
  <si>
    <t>POINT (4.855758173156344 51.82384178824092)</t>
  </si>
  <si>
    <t>POINT (4.88063622060448 51.826288796479204)</t>
  </si>
  <si>
    <t>POINT (4.885543830498358 51.82457508949736)</t>
  </si>
  <si>
    <t>POINT (4.841081853394352 51.821877052486954)</t>
  </si>
  <si>
    <t>POINT (4.8404292327857785 51.82597357782599)</t>
  </si>
  <si>
    <t>POINT (4.880688980771641 51.82552963893056)</t>
  </si>
  <si>
    <t>POINT (4.877204264340043 51.82191450770937)</t>
  </si>
  <si>
    <t>POINT (4.819836209199291 51.82350710760799)</t>
  </si>
  <si>
    <t>POINT (4.809858721344348 51.82707099289603)</t>
  </si>
  <si>
    <t>POINT (4.846821119664569 51.82157182993984)</t>
  </si>
  <si>
    <t>POINT (4.829006037670323 51.82770853348755)</t>
  </si>
  <si>
    <t>POINT (4.815226764965168 51.827406567822685)</t>
  </si>
  <si>
    <t>POINT (4.837679666688103 51.82570826845653)</t>
  </si>
  <si>
    <t>POINT (4.837334002835133 51.824539677007536)</t>
  </si>
  <si>
    <t>POINT (4.828204268457893 51.82334527511898)</t>
  </si>
  <si>
    <t>POINT (4.8829392269632 51.82530098749351)</t>
  </si>
  <si>
    <t>POINT (4.83856816670873 51.82990187197312)</t>
  </si>
  <si>
    <t>POINT (4.843026126475139 51.83195402849317)</t>
  </si>
  <si>
    <t>POINT (4.882727183751615 51.82494832911962)</t>
  </si>
  <si>
    <t>POINT (4.9134149206950575 51.837227279696215)</t>
  </si>
  <si>
    <t>POINT (4.84099480687858 51.83197156067386)</t>
  </si>
  <si>
    <t>POINT (4.823896228705373 51.829149256968165)</t>
  </si>
  <si>
    <t>POINT (4.820436041504164 51.8285932894712)</t>
  </si>
  <si>
    <t>POINT (4.824735908626603 51.82580055675964)</t>
  </si>
  <si>
    <t>POINT (4.881848635265488 51.82424464196968)</t>
  </si>
  <si>
    <t>POINT (4.8288474980129035 51.82411236282442)</t>
  </si>
  <si>
    <t>POINT (4.836820624101755 51.83282395286968)</t>
  </si>
  <si>
    <t>POINT (4.811097680437589 51.828493019507064)</t>
  </si>
  <si>
    <t>POINT (4.838120818455 51.830897507375965)</t>
  </si>
  <si>
    <t>POINT (4.836045265626053 51.82433394364341)</t>
  </si>
  <si>
    <t>POINT (4.817440166966828 51.82544857900764)</t>
  </si>
  <si>
    <t>POINT (4.831847497497768 51.82667934006395)</t>
  </si>
  <si>
    <t>POINT (4.884330696237481 51.82159081900759)</t>
  </si>
  <si>
    <t>POINT (4.81808477906401 51.82708203102075)</t>
  </si>
  <si>
    <t>POINT (4.8780441450464505 51.82460571936023)</t>
  </si>
  <si>
    <t>POINT (4.839248833094752 51.82219508143121)</t>
  </si>
  <si>
    <t>POINT (4.808374599854158 51.824561494985396)</t>
  </si>
  <si>
    <t>POINT (4.829678874329171 51.82257028494492)</t>
  </si>
  <si>
    <t>POINT (4.82513761333109 51.827321544736776)</t>
  </si>
  <si>
    <t>POINT (4.877982181315017 51.823670645259305)</t>
  </si>
  <si>
    <t>POINT (4.836018110493363 51.830824734037)</t>
  </si>
  <si>
    <t>POINT (4.82400534223042 51.82390047066303)</t>
  </si>
  <si>
    <t>POINT (4.841743846412379 51.829863566176634)</t>
  </si>
  <si>
    <t>POINT (4.824148906449027 51.82285848788096)</t>
  </si>
  <si>
    <t>POINT (4.882541022368434 51.823294838575855)</t>
  </si>
  <si>
    <t>POINT (4.883794120221675 51.82538555328822)</t>
  </si>
  <si>
    <t>POINT (4.821216913754375 51.82465557955634)</t>
  </si>
  <si>
    <t>POINT (4.840718453137685 51.82485135780939)</t>
  </si>
  <si>
    <t>POINT (4.846762719959227 51.82761748107455)</t>
  </si>
  <si>
    <t>POINT (4.809581710730706 51.82431576165281)</t>
  </si>
  <si>
    <t>POINT (4.8383704248709325 51.825466301823106)</t>
  </si>
  <si>
    <t>POINT (4.896745295665041 51.82561115959947)</t>
  </si>
  <si>
    <t>POINT (4.83562342938815 51.833438542683616)</t>
  </si>
  <si>
    <t>POINT (4.826165343324977 51.82866575374699)</t>
  </si>
  <si>
    <t>POINT (4.836095256030764 51.83282055000394)</t>
  </si>
  <si>
    <t>POINT (4.846378117193023 51.82132555316403)</t>
  </si>
  <si>
    <t>POINT (4.811148499229043 51.827374994233764)</t>
  </si>
  <si>
    <t>POINT (4.882447799846503 51.82902910576463)</t>
  </si>
  <si>
    <t>POINT (4.828309891562668 51.82886474277292)</t>
  </si>
  <si>
    <t>POINT (4.853536859351062 51.82553280717279)</t>
  </si>
  <si>
    <t>POINT (4.869110875799324 51.81978676156247)</t>
  </si>
  <si>
    <t>POINT (4.84350417622958 51.82849690974618)</t>
  </si>
  <si>
    <t>POINT (4.836775455215423 51.832958569037494)</t>
  </si>
  <si>
    <t>POINT (4.835650148346754 51.832440941424466)</t>
  </si>
  <si>
    <t>POINT (4.891930798167239 51.822840463548644)</t>
  </si>
  <si>
    <t>POINT (4.837671389538767 51.82611350481694)</t>
  </si>
  <si>
    <t>POINT (4.840673039995939 51.82239381533542)</t>
  </si>
  <si>
    <t>POINT (4.840462717562615 51.82680067888327)</t>
  </si>
  <si>
    <t>POINT (4.8372576814233055 51.83148671015261)</t>
  </si>
  <si>
    <t>POINT (4.88174254842421 51.82723735861997)</t>
  </si>
  <si>
    <t>POINT (4.843139170677914 51.82739736856364)</t>
  </si>
  <si>
    <t>POINT (4.876858205245973 51.82173323333502)</t>
  </si>
  <si>
    <t>POINT (4.885476208763808 51.82413436360276)</t>
  </si>
  <si>
    <t>POINT (4.842680202991292 51.82696379099011)</t>
  </si>
  <si>
    <t>POINT (4.827258142668868 51.82327858285378)</t>
  </si>
  <si>
    <t>POINT (4.843479635491227 51.83189818974065)</t>
  </si>
  <si>
    <t>POINT (4.8375018174662605 51.82931262900682)</t>
  </si>
  <si>
    <t>POINT (4.868084083231883 51.81968087033198)</t>
  </si>
  <si>
    <t>POINT (4.880475080550249 51.82255786898752)</t>
  </si>
  <si>
    <t>POINT (4.830202973755602 51.823588478570535)</t>
  </si>
  <si>
    <t>POINT (4.8786027307398845 51.823951979467715)</t>
  </si>
  <si>
    <t>POINT (4.8850160500359845 51.825076189265204)</t>
  </si>
  <si>
    <t>POINT (4.88507115093702 51.82323684582042)</t>
  </si>
  <si>
    <t>POINT (4.835087530769695 51.833364115415726)</t>
  </si>
  <si>
    <t>POINT (4.835726789816461 51.828549267009905)</t>
  </si>
  <si>
    <t>POINT (4.824762602599025 51.82366141079215)</t>
  </si>
  <si>
    <t>POINT (4.829330948349796 51.82724267395628)</t>
  </si>
  <si>
    <t>POINT (4.838231069436854 51.83137441507566)</t>
  </si>
  <si>
    <t>POINT (4.8466113576005485 51.82647348819285)</t>
  </si>
  <si>
    <t>POINT (4.827116193976509 51.825695087006345)</t>
  </si>
  <si>
    <t>POINT (4.883053400443926 51.82287458026244)</t>
  </si>
  <si>
    <t>POINT (4.830968564639151 51.82717661322285)</t>
  </si>
  <si>
    <t>POINT (4.8806695029072005 51.82572940540524)</t>
  </si>
  <si>
    <t>POINT (4.826032245190213 51.823222365696886)</t>
  </si>
  <si>
    <t>POINT (4.832616205330628 51.824956248901884)</t>
  </si>
  <si>
    <t>POINT (4.83004026493023 51.8250168846542)</t>
  </si>
  <si>
    <t>POINT (4.827926140845408 51.82705621856801)</t>
  </si>
  <si>
    <t>POINT (4.828189429757315 51.82337217008706)</t>
  </si>
  <si>
    <t>POINT (4.881706602178276 51.825268720545054)</t>
  </si>
  <si>
    <t>POINT (4.820455521835319 51.82748026907752)</t>
  </si>
  <si>
    <t>POINT (4.839863823512997 51.829530401739774)</t>
  </si>
  <si>
    <t>POINT (4.823290180739812 51.82374782724948)</t>
  </si>
  <si>
    <t>POINT (4.839703210375104 51.8260331135947)</t>
  </si>
  <si>
    <t>POINT (4.82222520788885 51.82473683957366)</t>
  </si>
  <si>
    <t>POINT (4.811815564320418 51.82747954882453)</t>
  </si>
  <si>
    <t>POINT (4.813222540207141 51.8265724629985)</t>
  </si>
  <si>
    <t>POINT (4.826214167557096 51.82308839810091)</t>
  </si>
  <si>
    <t>POINT (4.8462061543972315 51.830512584861204)</t>
  </si>
  <si>
    <t>POINT (4.819935887368421 51.826838107222706)</t>
  </si>
  <si>
    <t>POINT (4.8285493186524455 51.827991315542974)</t>
  </si>
  <si>
    <t>POINT (4.893285531452552 51.82363716003186)</t>
  </si>
  <si>
    <t>POINT (4.8608821723236355 51.83098378228259)</t>
  </si>
  <si>
    <t>POINT (4.877980658234237 51.82380546634917)</t>
  </si>
  <si>
    <t>POINT (4.839285182461667 51.82581543830332)</t>
  </si>
  <si>
    <t>POINT (4.8257867677668145 51.82528425182374)</t>
  </si>
  <si>
    <t>POINT (4.855211536134364 51.82665542614379)</t>
  </si>
  <si>
    <t>POINT (4.8338114920745445 51.82807009040955)</t>
  </si>
  <si>
    <t>POINT (4.81655846718023 51.82549143203196)</t>
  </si>
  <si>
    <t>POINT (4.843061155932475 51.8287417989349)</t>
  </si>
  <si>
    <t>POINT (4.8435310146555 51.82630936952385)</t>
  </si>
  <si>
    <t>POINT (4.9075728118584765 51.83048271715258)</t>
  </si>
  <si>
    <t>POINT (4.885019499579592 51.820860592940676)</t>
  </si>
  <si>
    <t>POINT (4.82824303218699 51.82723749873717)</t>
  </si>
  <si>
    <t>POINT (4.840987430295086 51.822311379725086)</t>
  </si>
  <si>
    <t>POINT (4.8153288077222935 51.82408850098556)</t>
  </si>
  <si>
    <t>POINT (4.856157104003801 51.8219919570388)</t>
  </si>
  <si>
    <t>POINT (4.815168375685306 51.82735405084418)</t>
  </si>
  <si>
    <t>POINT (4.881892844883119 51.826770603282604)</t>
  </si>
  <si>
    <t>POINT (4.872920640372915 51.821059885932)</t>
  </si>
  <si>
    <t>POINT (4.832690846943702 51.825254922181266)</t>
  </si>
  <si>
    <t>POINT (4.812769020103908 51.82654841135836)</t>
  </si>
  <si>
    <t>POINT (4.845298679227085 51.82137742715714)</t>
  </si>
  <si>
    <t>POINT (4.832933745929699 51.825589921691744)</t>
  </si>
  <si>
    <t>POINT (4.842823454021654 51.825912797140575)</t>
  </si>
  <si>
    <t>POINT (4.842702354313209 51.82513023309843)</t>
  </si>
  <si>
    <t>POINT (4.842262969386043 51.82547874696912)</t>
  </si>
  <si>
    <t>POINT (4.830600030377859 51.82314992339193)</t>
  </si>
  <si>
    <t>POINT (4.813998529936383 51.827259510459555)</t>
  </si>
  <si>
    <t>POINT (4.8200647674298605 51.82469684893016)</t>
  </si>
  <si>
    <t>POINT (4.809895976166424 51.82469482704462)</t>
  </si>
  <si>
    <t>POINT (4.855013459245204 51.82794617014154)</t>
  </si>
  <si>
    <t>POINT (4.894393829840316 51.824423817854274)</t>
  </si>
  <si>
    <t>POINT (4.832023326123936 51.82895226733095)</t>
  </si>
  <si>
    <t>POINT (4.826135028986122 51.82760496101452)</t>
  </si>
  <si>
    <t>POINT (4.880286935409971 51.82529899310213)</t>
  </si>
  <si>
    <t>POINT (4.825801128442879 51.823012115046794)</t>
  </si>
  <si>
    <t>POINT (4.85448484751495 51.82112148074041)</t>
  </si>
  <si>
    <t>POINT (4.885049438884387 51.82435122916752)</t>
  </si>
  <si>
    <t>POINT (4.82624099671473 51.823006065394935)</t>
  </si>
  <si>
    <t>POINT (4.829715306739511 51.825484966141)</t>
  </si>
  <si>
    <t>POINT (4.882500411403389 51.828793788192485)</t>
  </si>
  <si>
    <t>POINT (4.878829955328125 51.82695512634566)</t>
  </si>
  <si>
    <t>POINT (4.8332016095111205 51.82688586830043)</t>
  </si>
  <si>
    <t>POINT (4.835188973398629 51.83337358097225)</t>
  </si>
  <si>
    <t>POINT (4.883842834727907 51.82447592739193)</t>
  </si>
  <si>
    <t>POINT (4.825836158541176 51.82269645200652)</t>
  </si>
  <si>
    <t>POINT (4.823400431118186 51.82703456922309)</t>
  </si>
  <si>
    <t>POINT (4.836625477864744 51.82623444336071)</t>
  </si>
  <si>
    <t>POINT (4.821775714350641 51.82356616397462)</t>
  </si>
  <si>
    <t>POINT (4.873798495812765 51.82205767914516)</t>
  </si>
  <si>
    <t>POINT (4.886643536257455 51.82220681775391)</t>
  </si>
  <si>
    <t>POINT (4.887489709347224 51.82307331987472)</t>
  </si>
  <si>
    <t>POINT (4.881651920567453 51.823677518767546)</t>
  </si>
  <si>
    <t>POINT (4.824733481662367 51.8236702598006)</t>
  </si>
  <si>
    <t>POINT (4.824848356579828 51.82260117306936)</t>
  </si>
  <si>
    <t>POINT (4.879780941275511 51.82366045750552)</t>
  </si>
  <si>
    <t>POINT (4.833523362423536 51.84612944091417)</t>
  </si>
  <si>
    <t>POINT (4.877992624352541 51.82403023108129)</t>
  </si>
  <si>
    <t>POINT (4.841473742260086 51.8283008503774)</t>
  </si>
  <si>
    <t>POINT (4.833709594381724 51.82624769644137)</t>
  </si>
  <si>
    <t>POINT (4.883596182992211 51.82232861100876)</t>
  </si>
  <si>
    <t>POINT (4.859875220741083 51.83254181810618)</t>
  </si>
  <si>
    <t>POINT (4.840389751908336 51.825640818152856)</t>
  </si>
  <si>
    <t>POINT (4.8448161667971075 51.83211580929061)</t>
  </si>
  <si>
    <t>POINT (4.830945026328094 51.82340323801342)</t>
  </si>
  <si>
    <t>POINT (4.879636737066019 51.83155230134456)</t>
  </si>
  <si>
    <t>POINT (4.840166904954871 51.82210724905512)</t>
  </si>
  <si>
    <t>POINT (4.83050094030336 51.8264752139484)</t>
  </si>
  <si>
    <t>POINT (4.845994568655885 51.83184699880231)</t>
  </si>
  <si>
    <t>POINT (4.823964977285084 51.82408476691246)</t>
  </si>
  <si>
    <t>POINT (4.817951804317516 51.82793382412012)</t>
  </si>
  <si>
    <t>POINT (4.840862846336339 51.83030672063595)</t>
  </si>
  <si>
    <t>POINT (4.885011458946199 51.824186307334244)</t>
  </si>
  <si>
    <t>POINT (4.843543379620344 51.82154770580222)</t>
  </si>
  <si>
    <t>POINT (4.82134409776686 51.82365620771374)</t>
  </si>
  <si>
    <t>POINT (4.831414856974605 51.82882555305044)</t>
  </si>
  <si>
    <t>POINT (4.8723288638009485 51.822146772062105)</t>
  </si>
  <si>
    <t>POINT (4.832291502782942 51.82478485793191)</t>
  </si>
  <si>
    <t>POINT (4.85525796428006 51.826895621137595)</t>
  </si>
  <si>
    <t>POINT (4.829983126010713 51.82259869530214)</t>
  </si>
  <si>
    <t>POINT (4.887021147694709 51.824292215295046)</t>
  </si>
  <si>
    <t>POINT (4.91111886303597 51.83179142972261)</t>
  </si>
  <si>
    <t>POINT (4.847379199352336 51.8224921451463)</t>
  </si>
  <si>
    <t>POINT (4.848861856675899 51.82194074851778)</t>
  </si>
  <si>
    <t>POINT (4.8236806167755795 51.823188816915064)</t>
  </si>
  <si>
    <t>POINT (4.8897155305862166 51.82539173250547)</t>
  </si>
  <si>
    <t>POINT (4.872423453325115 51.83157426756804)</t>
  </si>
  <si>
    <t>POINT (4.832202703421776 51.82492825476582)</t>
  </si>
  <si>
    <t>POINT (4.826182366060013 51.82416923560885)</t>
  </si>
  <si>
    <t>POINT (4.829942339472298 51.82355128734415)</t>
  </si>
  <si>
    <t>POINT (4.831139241757989 51.82882424782886)</t>
  </si>
  <si>
    <t>POINT (4.83590494990936 51.82465806759254)</t>
  </si>
  <si>
    <t>POINT (4.88580640101599 51.8218347160441)</t>
  </si>
  <si>
    <t>POINT (4.888870995269097 51.82408590469525)</t>
  </si>
  <si>
    <t>POINT (4.844017205954992 51.82327569828993)</t>
  </si>
  <si>
    <t>POINT (4.833363142221271 51.82463777898963)</t>
  </si>
  <si>
    <t>POINT (4.816531497585486 51.82686991971767)</t>
  </si>
  <si>
    <t>POINT (4.839466495256915 51.82880047751411)</t>
  </si>
  <si>
    <t>POINT (4.822625185138776 51.82291408876544)</t>
  </si>
  <si>
    <t>POINT (4.826246114909797 51.82567295523786)</t>
  </si>
  <si>
    <t>POINT (4.826573983609577 51.8284689604088)</t>
  </si>
  <si>
    <t>POINT (4.86085656323329 51.82075473024772)</t>
  </si>
  <si>
    <t>POINT (4.878169206988058 51.825091641379494)</t>
  </si>
  <si>
    <t>POINT (4.825336167877282 51.82419448188778)</t>
  </si>
  <si>
    <t>POINT (4.822325561886235 51.82714625287166)</t>
  </si>
  <si>
    <t>POINT (4.826180564953974 51.82394684139713)</t>
  </si>
  <si>
    <t>POINT (4.830769945154575 51.82466080413797)</t>
  </si>
  <si>
    <t>POINT (4.812847572878993 51.82833541401032)</t>
  </si>
  <si>
    <t>POINT (4.841522689961087 51.830311137889424)</t>
  </si>
  <si>
    <t>POINT (4.81826150853564 51.82847490798716)</t>
  </si>
  <si>
    <t>POINT (4.83153434088829 51.828547474039986)</t>
  </si>
  <si>
    <t>POINT (4.878566419120957 51.82459899501309)</t>
  </si>
  <si>
    <t>POINT (4.816396489227906 51.82224577714634)</t>
  </si>
  <si>
    <t>POINT (4.8845336646276225 51.82150568628128)</t>
  </si>
  <si>
    <t>POINT (4.884532058038207 51.823965061661)</t>
  </si>
  <si>
    <t>POINT (4.819741844573228 51.82496755142422)</t>
  </si>
  <si>
    <t>POINT (4.8261322398429725 51.82410827839936)</t>
  </si>
  <si>
    <t>POINT (4.8184844040319454 51.83035459392537)</t>
  </si>
  <si>
    <t>POINT (4.840982368418686 51.82664321899057)</t>
  </si>
  <si>
    <t>POINT (4.830599147494062 51.82674533584432)</t>
  </si>
  <si>
    <t>POINT (4.831465370594898 51.82708201586624)</t>
  </si>
  <si>
    <t>POINT (4.829708203865318 51.8272354776665)</t>
  </si>
  <si>
    <t>POINT (4.833962624149876 51.826637661471985)</t>
  </si>
  <si>
    <t>POINT (4.883779314004018 51.82541245531631)</t>
  </si>
  <si>
    <t>POINT (4.83722757063658 51.831576454395965)</t>
  </si>
  <si>
    <t>POINT (4.818582235982351 51.82720008839225)</t>
  </si>
  <si>
    <t>POINT (4.828992147133752 51.82535496180637)</t>
  </si>
  <si>
    <t>POINT (4.845254591914528 51.82640043845051)</t>
  </si>
  <si>
    <t>POINT (4.9121335518416265 51.834096654673715)</t>
  </si>
  <si>
    <t>POINT (4.808285955785308 51.82468689763067)</t>
  </si>
  <si>
    <t>POINT (4.825249812856794 51.824140137230266)</t>
  </si>
  <si>
    <t>POINT (4.821395103643171 51.82384297496629)</t>
  </si>
  <si>
    <t>POINT (4.828319857039434 51.82338177970358)</t>
  </si>
  <si>
    <t>POINT (4.836749469446299 51.82914731006714)</t>
  </si>
  <si>
    <t>POINT (4.861367122206432 51.82050533982423)</t>
  </si>
  <si>
    <t>POINT (4.877719167766682 51.82199764035259)</t>
  </si>
  <si>
    <t>POINT (4.83677557948087 51.82582167460861)</t>
  </si>
  <si>
    <t>POINT (4.821376750460553 51.823734673357166)</t>
  </si>
  <si>
    <t>POINT (4.815242020774698 51.827450398413504)</t>
  </si>
  <si>
    <t>POINT (4.840579355896237 51.83194185244891)</t>
  </si>
  <si>
    <t>POINT (4.814700000061025 51.82448465338448)</t>
  </si>
  <si>
    <t>POINT (4.836999166723858 51.83326083227914)</t>
  </si>
  <si>
    <t>POINT (4.8285911418953305 51.82607064545328)</t>
  </si>
  <si>
    <t>POINT (4.822410321021231 51.82364233202722)</t>
  </si>
  <si>
    <t>POINT (4.825220131386854 51.82419392640609)</t>
  </si>
  <si>
    <t>POINT (4.882798633595626 51.82589500924174)</t>
  </si>
  <si>
    <t>POINT (4.882424674694044 51.82202695817548)</t>
  </si>
  <si>
    <t>POINT (4.86740630517595 51.83135441361)</t>
  </si>
  <si>
    <t>POINT (4.82610009993832 51.824005412661116)</t>
  </si>
  <si>
    <t>POINT (4.817362859755813 51.82832996828218)</t>
  </si>
  <si>
    <t>POINT (4.8165414146035275 51.82225547037789)</t>
  </si>
  <si>
    <t>POINT (4.8438037168947226 51.82120881203791)</t>
  </si>
  <si>
    <t>POINT (4.841603024596751 51.82983840904735)</t>
  </si>
  <si>
    <t>POINT (4.824450043953242 51.82894517671617)</t>
  </si>
  <si>
    <t>POINT (4.855718773597189 51.82359479389886)</t>
  </si>
  <si>
    <t>POINT (4.885602043952313 51.820647359472865)</t>
  </si>
  <si>
    <t>POINT (4.827202516235748 51.82925496112538)</t>
  </si>
  <si>
    <t>POINT (4.831005039934287 51.823241728620715)</t>
  </si>
  <si>
    <t>POINT (4.882234330702865 51.8273653141687)</t>
  </si>
  <si>
    <t>POINT (4.83115541124451 51.82868949636331)</t>
  </si>
  <si>
    <t>POINT (4.851895360785458 51.82665562233893)</t>
  </si>
  <si>
    <t>POINT (4.86439580344482 51.82008003095358)</t>
  </si>
  <si>
    <t>POINT (4.829208553828009 51.82423991931606)</t>
  </si>
  <si>
    <t>POINT (4.87501970136507 51.83163056555061)</t>
  </si>
  <si>
    <t>POINT (4.88597786241409 51.823372483450854)</t>
  </si>
  <si>
    <t>POINT (4.878534386727523 51.825325604332036)</t>
  </si>
  <si>
    <t>POINT (4.8186816694070975 51.828791147185186)</t>
  </si>
  <si>
    <t>POINT (4.807725473072002 51.82427964696348)</t>
  </si>
  <si>
    <t>POINT (4.838029079183089 51.8239443572604)</t>
  </si>
  <si>
    <t>POINT (4.832650731850959 51.82744363960688)</t>
  </si>
  <si>
    <t>POINT (4.8105043006092085 51.82825663727504)</t>
  </si>
  <si>
    <t>POINT (4.835595825906467 51.82621163241517)</t>
  </si>
  <si>
    <t>POINT (4.903213799700356 51.82953542676925)</t>
  </si>
  <si>
    <t>POINT (4.830074953504065 51.82690464287608)</t>
  </si>
  <si>
    <t>POINT (4.828628791343137 51.82303269696986)</t>
  </si>
  <si>
    <t>POINT (4.818327149482388 51.8267224594636)</t>
  </si>
  <si>
    <t>POINT (4.881188851331732 51.824949420196425)</t>
  </si>
  <si>
    <t>POINT (4.830385119938785 51.82645668753851)</t>
  </si>
  <si>
    <t>POINT (4.880678192862486 51.82545567087891)</t>
  </si>
  <si>
    <t>POINT (4.839908673537106 51.82703179896339)</t>
  </si>
  <si>
    <t>POINT (4.8156554587531515 51.82689764786133)</t>
  </si>
  <si>
    <t>POINT (4.821373670673942 51.82361140752639)</t>
  </si>
  <si>
    <t>POINT (4.833483533191279 51.82682731683679)</t>
  </si>
  <si>
    <t>POINT (4.884612030537178 51.8203896396422)</t>
  </si>
  <si>
    <t>POINT (4.877977307419519 51.824102072739116)</t>
  </si>
  <si>
    <t>POINT (4.83080072983521 51.824517133392746)</t>
  </si>
  <si>
    <t>POINT (4.807932002188708 51.824011009626524)</t>
  </si>
  <si>
    <t>POINT (4.878604251965959 51.82381715836966)</t>
  </si>
  <si>
    <t>POINT (4.810071873854449 51.82455187511842)</t>
  </si>
  <si>
    <t>POINT (4.885058505035285 51.821265242839495)</t>
  </si>
  <si>
    <t>POINT (4.832492966780737 51.82540282848521)</t>
  </si>
  <si>
    <t>POINT (4.810155334557614 51.824830930660816)</t>
  </si>
  <si>
    <t>POINT (4.879838334861546 51.825650483285365)</t>
  </si>
  <si>
    <t>POINT (4.879867968239677 51.82366083366402)</t>
  </si>
  <si>
    <t>POINT (4.8267104234873806 51.829162727240984)</t>
  </si>
  <si>
    <t>POINT (4.882266665002509 51.82706883252647)</t>
  </si>
  <si>
    <t>POINT (4.827209874679058 51.82983026271453)</t>
  </si>
  <si>
    <t>POINT (4.88281684257451 51.82686166662412)</t>
  </si>
  <si>
    <t>POINT (4.8320282249768285 51.82741934941724)</t>
  </si>
  <si>
    <t>POINT (4.821696468984048 51.822945572318766)</t>
  </si>
  <si>
    <t>POINT (4.848134190425224 51.82214414522791)</t>
  </si>
  <si>
    <t>POINT (4.835780493514491 51.83245953079174)</t>
  </si>
  <si>
    <t>POINT (4.837091181427295 51.82611078721131)</t>
  </si>
  <si>
    <t>POINT (4.869028356895428 51.820242789537225)</t>
  </si>
  <si>
    <t>POINT (4.880264858371767 51.82615661730755)</t>
  </si>
  <si>
    <t>POINT (4.833725516397122 51.8284949057482)</t>
  </si>
  <si>
    <t>POINT (4.839681939056441 51.822114407907684)</t>
  </si>
  <si>
    <t>POINT (4.84016217181199 51.822052648591146)</t>
  </si>
  <si>
    <t>POINT (4.824164757818135 51.82275070133871)</t>
  </si>
  <si>
    <t>POINT (4.844014099214478 51.82303036882075)</t>
  </si>
  <si>
    <t>POINT (4.8259415090968485 51.825671499201235)</t>
  </si>
  <si>
    <t>POINT (4.826733002549278 51.82734714984873)</t>
  </si>
  <si>
    <t>POINT (4.857723316774797 51.83163737077254)</t>
  </si>
  <si>
    <t>POINT (4.840938213502042 51.82988173415425)</t>
  </si>
  <si>
    <t>POINT (4.878011190302894 51.823670771097326)</t>
  </si>
  <si>
    <t>POINT (4.851535555472942 51.83072068594338)</t>
  </si>
  <si>
    <t>POINT (4.881860314842841 51.827652325681136)</t>
  </si>
  <si>
    <t>POINT (4.849403437959247 51.823491559672554)</t>
  </si>
  <si>
    <t>POINT (4.887591831312984 51.824238755025625)</t>
  </si>
  <si>
    <t>POINT (4.844770671959402 51.82977737789085)</t>
  </si>
  <si>
    <t>POINT (4.830329875037087 51.82623171196785)</t>
  </si>
  <si>
    <t>POINT (4.810959503930329 51.823198964028045)</t>
  </si>
  <si>
    <t>POINT (4.828725893451277 51.82456121149734)</t>
  </si>
  <si>
    <t>POINT (4.81922876143755 51.82884812224181)</t>
  </si>
  <si>
    <t>POINT (4.823279664011202 51.82741150797319)</t>
  </si>
  <si>
    <t>POINT (4.887324889139763 51.82633672235382)</t>
  </si>
  <si>
    <t>POINT (4.814250721634619 51.82856169033805)</t>
  </si>
  <si>
    <t>POINT (4.82583972783476 51.82276624716781)</t>
  </si>
  <si>
    <t>POINT (4.8204895444953415 51.828953089541145)</t>
  </si>
  <si>
    <t>POINT (4.846337378692055 51.8220565288383)</t>
  </si>
  <si>
    <t>POINT (4.825107257036532 51.827429261895226)</t>
  </si>
  <si>
    <t>POINT (4.855786626424652 51.82634971561131)</t>
  </si>
  <si>
    <t>POINT (4.826252416228894 51.82400111605829)</t>
  </si>
  <si>
    <t>POINT (4.819740712979444 51.825057431440996)</t>
  </si>
  <si>
    <t>POINT (4.869215248334842 51.82038743078584)</t>
  </si>
  <si>
    <t>POINT (4.841733066125479 51.82611447168229)</t>
  </si>
  <si>
    <t>POINT (4.883060796334882 51.82480714167465)</t>
  </si>
  <si>
    <t>POINT (4.881285843159411 51.82010750187498)</t>
  </si>
  <si>
    <t>POINT (4.844099791465557 51.82713216089761)</t>
  </si>
  <si>
    <t>POINT (4.855190211071093 51.826490830520676)</t>
  </si>
  <si>
    <t>POINT (4.879581421039225 51.82334499693623)</t>
  </si>
  <si>
    <t>POINT (4.8214166196684465 51.8236565572973)</t>
  </si>
  <si>
    <t>POINT (4.809869511869677 51.828730170920785)</t>
  </si>
  <si>
    <t>POINT (4.839670176797912 51.82517006016038)</t>
  </si>
  <si>
    <t>POINT (4.841713451148321 51.83013225386693)</t>
  </si>
  <si>
    <t>POINT (4.827913648783422 51.8280628755916)</t>
  </si>
  <si>
    <t>POINT (4.835551001630366 51.833429213845314)</t>
  </si>
  <si>
    <t>POINT (4.833659796691515 51.82546092854535)</t>
  </si>
  <si>
    <t>POINT (4.84439910415752 51.82998290890602)</t>
  </si>
  <si>
    <t>POINT (4.819793931512595 51.828895798084346)</t>
  </si>
  <si>
    <t>POINT (4.827536732548355 51.82453757068871)</t>
  </si>
  <si>
    <t>POINT (4.87538309221962 51.83156923082012)</t>
  </si>
  <si>
    <t>POINT (4.836289013405895 51.83121251249218)</t>
  </si>
  <si>
    <t>POINT (4.859219876644061 51.83081687074061)</t>
  </si>
  <si>
    <t>POINT (4.840456647251542 51.822633781307694)</t>
  </si>
  <si>
    <t>POINT (4.821746029117823 51.82361995226988)</t>
  </si>
  <si>
    <t>POINT (4.813450409344506 51.826579994811674)</t>
  </si>
  <si>
    <t>POINT (4.834724291467902 51.83340734923736)</t>
  </si>
  <si>
    <t>POINT (4.83055005210435 51.82563591717194)</t>
  </si>
  <si>
    <t>POINT (4.85518883185675 51.82660767508318)</t>
  </si>
  <si>
    <t>POINT (4.825887742489123 51.825329677435036)</t>
  </si>
  <si>
    <t>POINT (4.8450640031400365 51.82174349821476)</t>
  </si>
  <si>
    <t>POINT (4.848996214614319 51.828464133732425)</t>
  </si>
  <si>
    <t>POINT (4.823955162607111 51.82445229744741)</t>
  </si>
  <si>
    <t>POINT (4.828573870272385 51.82781524801349)</t>
  </si>
  <si>
    <t>POINT (4.822981610048266 51.822250649929465)</t>
  </si>
  <si>
    <t>POINT (4.8324459795754615 51.825485561669446)</t>
  </si>
  <si>
    <t>POINT (4.843016144709956 51.825572126340326)</t>
  </si>
  <si>
    <t>POINT (4.891257966007534 51.82334996764302)</t>
  </si>
  <si>
    <t>POINT (4.812406855703022 51.8288166520845)</t>
  </si>
  <si>
    <t>POINT (4.877729283582611 51.82551219294661)</t>
  </si>
  <si>
    <t>POINT (4.819525162059598 51.827190081671894)</t>
  </si>
  <si>
    <t>POINT (4.891268304178635 51.82328177058493)</t>
  </si>
  <si>
    <t>POINT (4.820743740630051 51.82782159802962)</t>
  </si>
  <si>
    <t>POINT (4.882092093470328 51.825818678937004)</t>
  </si>
  <si>
    <t>POINT (4.826897922227448 51.823269250634546)</t>
  </si>
  <si>
    <t>POINT (4.824386723020129 51.82356073512116)</t>
  </si>
  <si>
    <t>POINT (4.819512113017728 51.82421474621575)</t>
  </si>
  <si>
    <t>POINT (4.813123459965371 51.82412640000188)</t>
  </si>
  <si>
    <t>POINT (4.840165821622912 51.8280875861384)</t>
  </si>
  <si>
    <t>POINT (4.89537642731233 51.82476950186768)</t>
  </si>
  <si>
    <t>POINT (4.852374252744606 51.82786226752987)</t>
  </si>
  <si>
    <t>POINT (4.855181812006993 51.823515590427576)</t>
  </si>
  <si>
    <t>POINT (4.881871789216776 51.82735476561611)</t>
  </si>
  <si>
    <t>POINT (4.836746569264797 51.825821538575276)</t>
  </si>
  <si>
    <t>POINT (4.836871041615184 51.8239435178412)</t>
  </si>
  <si>
    <t>POINT (4.83146348702169 51.829740582576655)</t>
  </si>
  <si>
    <t>POINT (4.824148120535356 51.822921403947525)</t>
  </si>
  <si>
    <t>POINT (4.82010941630476 51.82803442226478)</t>
  </si>
  <si>
    <t>POINT (4.829889774032345 51.82780261780533)</t>
  </si>
  <si>
    <t>POINT (4.832192176528318 51.823427118582394)</t>
  </si>
  <si>
    <t>POINT (4.844132853524771 51.8279903679177)</t>
  </si>
  <si>
    <t>POINT (4.82716459598445 51.82763684301217)</t>
  </si>
  <si>
    <t>POINT (4.836103719891282 51.8321284729374)</t>
  </si>
  <si>
    <t>POINT (4.845942566650017 51.823359394675535)</t>
  </si>
  <si>
    <t>POINT (4.833261365948772 51.82460397822655)</t>
  </si>
  <si>
    <t>POINT (4.814003611324968 51.827530647917285)</t>
  </si>
  <si>
    <t>POINT (4.831977160865338 51.82910685855305)</t>
  </si>
  <si>
    <t>POINT (4.821657467338587 51.822585842417766)</t>
  </si>
  <si>
    <t>POINT (4.82540307626877 51.82930029460348)</t>
  </si>
  <si>
    <t>POINT (4.815552886390755 51.827297803994604)</t>
  </si>
  <si>
    <t>POINT (4.815975235471338 51.82287569509433)</t>
  </si>
  <si>
    <t>POINT (4.805705281433957 51.82611678717565)</t>
  </si>
  <si>
    <t>POINT (4.870993185065214 51.82098882922292)</t>
  </si>
  <si>
    <t>POINT (4.824835348821309 51.82364378224405)</t>
  </si>
  <si>
    <t>POINT (4.813823318298272 51.828815031089505)</t>
  </si>
  <si>
    <t>POINT (4.882569513188337 51.8220455579553)</t>
  </si>
  <si>
    <t>POINT (4.85616712309449 51.8304186086427)</t>
  </si>
  <si>
    <t>POINT (4.8142827001043225 51.82821321656177)</t>
  </si>
  <si>
    <t>POINT (4.86542725113865 51.83126687707508)</t>
  </si>
  <si>
    <t>POINT (4.825453375005096 51.82759271247702)</t>
  </si>
  <si>
    <t>POINT (4.8319285819141955 51.82862724316355)</t>
  </si>
  <si>
    <t>POINT (4.843560571758759 51.82252753588862)</t>
  </si>
  <si>
    <t>POINT (4.832534365905748 51.82813396678025)</t>
  </si>
  <si>
    <t>POINT (4.877976190469976 51.82420094153337)</t>
  </si>
  <si>
    <t>POINT (4.828943096966128 51.823420699637815)</t>
  </si>
  <si>
    <t>POINT (4.837105576929794 51.826119843208446)</t>
  </si>
  <si>
    <t>POINT (4.882209649671125 51.826978702203036)</t>
  </si>
  <si>
    <t>POINT (4.837059490466032 51.82395338974291)</t>
  </si>
  <si>
    <t>POINT (4.907022704973494 51.83037260657938)</t>
  </si>
  <si>
    <t>POINT (4.832144145376589 51.8285054162777)</t>
  </si>
  <si>
    <t>POINT (4.887049549625117 51.822217536925734)</t>
  </si>
  <si>
    <t>POINT (4.828933620505061 51.82769920057458)</t>
  </si>
  <si>
    <t>POINT (4.822399827791168 51.82469273717146)</t>
  </si>
  <si>
    <t>POINT (4.8213911420399755 51.82374373127861)</t>
  </si>
  <si>
    <t>POINT (4.828450284377718 51.823391389175235)</t>
  </si>
  <si>
    <t>POINT (4.843061832348636 51.82899696843919)</t>
  </si>
  <si>
    <t>POINT (4.809950556147984 51.82873741875244)</t>
  </si>
  <si>
    <t>POINT (4.839634466879928 51.83215587031038)</t>
  </si>
  <si>
    <t>POINT (4.835594649877436 51.83223394447435)</t>
  </si>
  <si>
    <t>POINT (4.813937810678666 51.827957111924086)</t>
  </si>
  <si>
    <t>POINT (4.847598103582449 51.82088328722329)</t>
  </si>
  <si>
    <t>POINT (4.836933519728606 51.834271635115805)</t>
  </si>
  <si>
    <t>POINT (4.819322879618872 51.82515615444029)</t>
  </si>
  <si>
    <t>POINT (4.885679665672267 51.82149261122044)</t>
  </si>
  <si>
    <t>POINT (4.885495863602107 51.82489021932322)</t>
  </si>
  <si>
    <t>POINT (4.83798505170639 51.825000592035856)</t>
  </si>
  <si>
    <t>POINT (4.837819420673226 51.829439955230974)</t>
  </si>
  <si>
    <t>POINT (4.8339607558503355 51.82672014047567)</t>
  </si>
  <si>
    <t>POINT (4.817578244690372 51.82514583164305)</t>
  </si>
  <si>
    <t>POINT (4.838021108120926 51.82479382663587)</t>
  </si>
  <si>
    <t>POINT (4.824870047663053 51.82900112063826)</t>
  </si>
  <si>
    <t>POINT (4.8400915657607255 51.82869552997879)</t>
  </si>
  <si>
    <t>POINT (4.8317492883143 51.82523172049812)</t>
  </si>
  <si>
    <t>POINT (4.837195459873232 51.82588656244297)</t>
  </si>
  <si>
    <t>POINT (4.816700957721945 51.82225624592504)</t>
  </si>
  <si>
    <t>POINT (4.884350194276266 51.82234982051771)</t>
  </si>
  <si>
    <t>POINT (4.8658538861940945 51.8200759277886)</t>
  </si>
  <si>
    <t>POINT (4.886063059629084 51.820927972474664)</t>
  </si>
  <si>
    <t>POINT (4.878348948687472 51.824589064004705)</t>
  </si>
  <si>
    <t>POINT (4.837561450022149 51.83156004100566)</t>
  </si>
  <si>
    <t>POINT (4.829275372837049 51.82526355554829)</t>
  </si>
  <si>
    <t>POINT (4.814272358828097 51.82872542347874)</t>
  </si>
  <si>
    <t>POINT (4.827525569066316 51.8277145447209)</t>
  </si>
  <si>
    <t>POINT (4.839204409709555 51.824107239420826)</t>
  </si>
  <si>
    <t>POINT (4.835635669752958 51.83006790109071)</t>
  </si>
  <si>
    <t>POINT (4.888993787771887 51.82347520746406)</t>
  </si>
  <si>
    <t>POINT (4.824034014260348 51.82392757386901)</t>
  </si>
  <si>
    <t>POINT (4.877822693119059 51.8262316791859)</t>
  </si>
  <si>
    <t>POINT (4.8380235173836885 51.824596090092854)</t>
  </si>
  <si>
    <t>POINT (4.878221983403401 51.820417842917955)</t>
  </si>
  <si>
    <t>POINT (4.825443068174546 51.828419608990124)</t>
  </si>
  <si>
    <t>POINT (4.836636090189923 51.82988887163689)</t>
  </si>
  <si>
    <t>POINT (4.831402914979096 51.827441261715805)</t>
  </si>
  <si>
    <t>POINT (4.840484097593566 51.82313786949104)</t>
  </si>
  <si>
    <t>POINT (4.877992248438683 51.82149546845196)</t>
  </si>
  <si>
    <t>POINT (4.827822157867311 51.82850329158217)</t>
  </si>
  <si>
    <t>POINT (4.837062593421613 51.833238559321714)</t>
  </si>
  <si>
    <t>POINT (4.830331180066395 51.84490988395914)</t>
  </si>
  <si>
    <t>POINT (4.831332431877326 51.82344898227903)</t>
  </si>
  <si>
    <t>POINT (4.8187492786923585 51.8266076532979)</t>
  </si>
  <si>
    <t>POINT (4.831019310974911 51.82913827846829)</t>
  </si>
  <si>
    <t>POINT (4.832908405275665 51.82451409851452)</t>
  </si>
  <si>
    <t>POINT (4.868070927293956 51.82025653604632)</t>
  </si>
  <si>
    <t>POINT (4.820094231924285 51.828088280180864)</t>
  </si>
  <si>
    <t>POINT (4.910693737554838 51.8314569962241)</t>
  </si>
  <si>
    <t>POINT (4.872523963754576 51.82215338930735)</t>
  </si>
  <si>
    <t>POINT (4.832890740823828 51.824520909310884)</t>
  </si>
  <si>
    <t>POINT (4.88578180640494 51.82404578428641)</t>
  </si>
  <si>
    <t>POINT (4.856506481549792 51.82434853119904)</t>
  </si>
  <si>
    <t>POINT (4.882971480719541 51.82320875381076)</t>
  </si>
  <si>
    <t>POINT (4.8148933219454735 51.82226557613641)</t>
  </si>
  <si>
    <t>POINT (4.814649350409064 51.826489545474665)</t>
  </si>
  <si>
    <t>POINT (4.883470367008424 51.82190561111168)</t>
  </si>
  <si>
    <t>POINT (4.825305791236296 51.82895826444609)</t>
  </si>
  <si>
    <t>POINT (4.8197820100116795 51.82481321445575)</t>
  </si>
  <si>
    <t>POINT (4.878928836275411 51.824618541822645)</t>
  </si>
  <si>
    <t>POINT (4.8308185848293315 51.82777106956351)</t>
  </si>
  <si>
    <t>POINT (4.851089823694992 51.82120489735077)</t>
  </si>
  <si>
    <t>POINT (4.836451101663351 51.82424353619805)</t>
  </si>
  <si>
    <t>POINT (4.836625148478132 51.82626140742462)</t>
  </si>
  <si>
    <t>POINT (4.84203090586788 51.82307773061596)</t>
  </si>
  <si>
    <t>POINT (4.839612794114342 51.82631133641924)</t>
  </si>
  <si>
    <t>POINT (4.82247129267582 51.827093022780254)</t>
  </si>
  <si>
    <t>POINT (4.83945786538632 51.829510531219036)</t>
  </si>
  <si>
    <t>POINT (4.823171084680692 51.82418892530069)</t>
  </si>
  <si>
    <t>POINT (4.82670522094729 51.82724814324441)</t>
  </si>
  <si>
    <t>POINT (4.836243075349151 51.83141004458837)</t>
  </si>
  <si>
    <t>POINT (4.882790010461097 51.82438810262857)</t>
  </si>
  <si>
    <t>POINT (4.881568321533482 51.82337154931642)</t>
  </si>
  <si>
    <t>POINT (4.888840992237705 51.82417566238521)</t>
  </si>
  <si>
    <t>POINT (4.837034254350383 51.83196265761852)</t>
  </si>
  <si>
    <t>POINT (4.832645966979442 51.82860073842248)</t>
  </si>
  <si>
    <t>POINT (4.826480257448723 51.82784031262571)</t>
  </si>
  <si>
    <t>POINT (4.839515525109578 51.82210733058112)</t>
  </si>
  <si>
    <t>POINT (4.817627505138364 51.82239557392597)</t>
  </si>
  <si>
    <t>POINT (4.8553166743569625 51.82437910016616)</t>
  </si>
  <si>
    <t>POINT (4.828095603181665 51.82392002443523)</t>
  </si>
  <si>
    <t>POINT (4.842751036848444 51.82590347275209)</t>
  </si>
  <si>
    <t>POINT (4.877159211808856 51.82589622341581)</t>
  </si>
  <si>
    <t>POINT (4.824043110358222 51.82319954516876)</t>
  </si>
  <si>
    <t>POINT (4.839648229646692 51.826976653221)</t>
  </si>
  <si>
    <t>POINT (4.816934154092738 51.82678466962911)</t>
  </si>
  <si>
    <t>POINT (4.84435027838099 51.831627583458065)</t>
  </si>
  <si>
    <t>POINT (4.828770494093133 51.82798605794748)</t>
  </si>
  <si>
    <t>POINT (4.850176093846992 51.82120072044784)</t>
  </si>
  <si>
    <t>POINT (4.882509413385423 51.82910789423926)</t>
  </si>
  <si>
    <t>POINT (4.823940753878906 51.82402900258393)</t>
  </si>
  <si>
    <t>POINT (4.883994073684292 51.82492244178668)</t>
  </si>
  <si>
    <t>POINT (4.883242868738096 51.82297535507797)</t>
  </si>
  <si>
    <t>POINT (4.821888141976897 51.82732391805857)</t>
  </si>
  <si>
    <t>POINT (4.85141638752203 51.825457963094)</t>
  </si>
  <si>
    <t>POINT (4.83162229795285 51.823765987272935)</t>
  </si>
  <si>
    <t>POINT (4.8421627879744245 51.8265658943395)</t>
  </si>
  <si>
    <t>POINT (4.831101465190959 51.82698083432067)</t>
  </si>
  <si>
    <t>POINT (4.826438883468531 51.82277215818681)</t>
  </si>
  <si>
    <t>POINT (4.884112462783075 51.82614848728628)</t>
  </si>
  <si>
    <t>POINT (4.837367151783029 51.82450725782418)</t>
  </si>
  <si>
    <t>POINT (4.841135847877072 51.82631843129968)</t>
  </si>
  <si>
    <t>POINT (4.882597832493511 51.82340294492949)</t>
  </si>
  <si>
    <t>POINT (4.825396250035689 51.82490548476439)</t>
  </si>
  <si>
    <t>POINT (4.8701274667664425 51.83147342954973)</t>
  </si>
  <si>
    <t>POINT (4.8327131161414485 51.82352845452559)</t>
  </si>
  <si>
    <t>POINT (4.838179947582352 51.82604397618182)</t>
  </si>
  <si>
    <t>POINT (4.813292441588087 51.825181817343235)</t>
  </si>
  <si>
    <t>POINT (4.883905417000997 51.82417532336877)</t>
  </si>
  <si>
    <t>POINT (4.827409316053872 51.82428528387633)</t>
  </si>
  <si>
    <t>POINT (4.843964421532896 51.82151370102427)</t>
  </si>
  <si>
    <t>POINT (4.835789882237173 51.8269496041244)</t>
  </si>
  <si>
    <t>POINT (4.888009276898933 51.82330923174443)</t>
  </si>
  <si>
    <t>POINT (4.8272652312462325 51.82887774162924)</t>
  </si>
  <si>
    <t>POINT (4.825715629347901 51.82552079566465)</t>
  </si>
  <si>
    <t>POINT (4.847952995938615 51.82118153982315)</t>
  </si>
  <si>
    <t>POINT (4.855198785081332 51.82207750285307)</t>
  </si>
  <si>
    <t>POINT (4.830831648123156 51.82788798247652)</t>
  </si>
  <si>
    <t>POINT (4.833323351457393 51.82338315048473)</t>
  </si>
  <si>
    <t>POINT (4.855263110659378 51.824001339333265)</t>
  </si>
  <si>
    <t>POINT (4.820064436518324 51.824282771841396)</t>
  </si>
  <si>
    <t>POINT (4.8368350266936 51.82570510236683)</t>
  </si>
  <si>
    <t>POINT (4.841462190600806 51.83171306702147)</t>
  </si>
  <si>
    <t>POINT (4.833289061833114 51.82337248107472)</t>
  </si>
  <si>
    <t>POINT (4.840058856887065 51.826610037987656)</t>
  </si>
  <si>
    <t>POINT (4.881509868974002 51.825995942440244)</t>
  </si>
  <si>
    <t>POINT (4.833605383703465 51.82882691509982)</t>
  </si>
  <si>
    <t>POINT (4.839368649022627 51.82248813673423)</t>
  </si>
  <si>
    <t>POINT (4.83270565633536 51.82558515019015)</t>
  </si>
  <si>
    <t>POINT (4.883743179567609 51.82345280539747)</t>
  </si>
  <si>
    <t>POINT (4.836814265513274 51.82621735160313)</t>
  </si>
  <si>
    <t>POINT (4.8252781496316555 51.82419420416127)</t>
  </si>
  <si>
    <t>POINT (4.883239086114971 51.82138446215704)</t>
  </si>
  <si>
    <t>POINT (4.829946509731638 51.824387241648616)</t>
  </si>
  <si>
    <t>WS3</t>
  </si>
  <si>
    <t>POINT (4.912779231059874 51.83087542907851)</t>
  </si>
  <si>
    <t>POINT (4.843981339448731 51.822354558005)</t>
  </si>
  <si>
    <t>POINT (4.814156511440322 51.82613063668769)</t>
  </si>
  <si>
    <t>POINT (4.825336840120783 51.82414055383008)</t>
  </si>
  <si>
    <t>POINT (4.82364590027536 51.82712563337379)</t>
  </si>
  <si>
    <t>POINT (4.880752742470408 51.82366465427868)</t>
  </si>
  <si>
    <t>POINT (4.884219840272406 51.824091675699144)</t>
  </si>
  <si>
    <t>POINT (4.879961266096519 51.82310394909098)</t>
  </si>
  <si>
    <t>POINT (4.820139784956085 51.82792670642546)</t>
  </si>
  <si>
    <t>POINT (4.846670477646369 51.82203854012711)</t>
  </si>
  <si>
    <t>POINT (4.889777472726722 51.824934075627844)</t>
  </si>
  <si>
    <t>POINT (4.884980530578275 51.82566029027645)</t>
  </si>
  <si>
    <t>POINT (4.836490656135467 51.8320968963035)</t>
  </si>
  <si>
    <t>POINT (4.833670804305982 51.828224991700466)</t>
  </si>
  <si>
    <t>POINT (4.8557832352415895 51.826637333020315)</t>
  </si>
  <si>
    <t>POINT (4.84552198318857 51.82708480089934)</t>
  </si>
  <si>
    <t>POINT (4.823976445613129 51.823891343466485)</t>
  </si>
  <si>
    <t>POINT (4.842213302634834 51.8295862751784)</t>
  </si>
  <si>
    <t>POINT (4.850035372557401 51.830575111294884)</t>
  </si>
  <si>
    <t>POINT (4.842649581280006 51.82891229944575)</t>
  </si>
  <si>
    <t>POINT (4.831754604971083 51.824800295699085)</t>
  </si>
  <si>
    <t>POINT (4.855796045085148 51.82678120738627)</t>
  </si>
  <si>
    <t>POINT (4.8111229354158045 51.825193976128745)</t>
  </si>
  <si>
    <t>POINT (4.840686541313145 51.82987579886679)</t>
  </si>
  <si>
    <t>POINT (4.826708105399964 51.827183008066534)</t>
  </si>
  <si>
    <t>POINT (4.828721519209222 51.8284262633857)</t>
  </si>
  <si>
    <t>POINT (4.878577785123774 51.83130447139535)</t>
  </si>
  <si>
    <t>POINT (4.890557944854446 51.82237624931645)</t>
  </si>
  <si>
    <t>POINT (4.848873341910002 51.8209790281013)</t>
  </si>
  <si>
    <t>POINT (4.845206617599741 51.825469391643814)</t>
  </si>
  <si>
    <t>POINT (4.832067219217777 51.8274416546208)</t>
  </si>
  <si>
    <t>POINT (4.8213436464255 51.823692159734286)</t>
  </si>
  <si>
    <t>POINT (4.892321919602617 51.822887055646106)</t>
  </si>
  <si>
    <t>POINT (4.841446495214493 51.828563485428205)</t>
  </si>
  <si>
    <t>POINT (4.847258712341878 51.82205339096921)</t>
  </si>
  <si>
    <t>POINT (4.827092067618506 51.82763649697158)</t>
  </si>
  <si>
    <t>POINT (4.8406207838687925 51.83170915258644)</t>
  </si>
  <si>
    <t>POINT (4.843552285455779 51.83163287930181)</t>
  </si>
  <si>
    <t>POINT (4.843076974917497 51.82861509803923)</t>
  </si>
  <si>
    <t>POINT (4.843538237558834 51.8286581059868)</t>
  </si>
  <si>
    <t>POINT (4.848656702627511 51.830613737443464)</t>
  </si>
  <si>
    <t>POINT (4.846830941215146 51.822258922768114)</t>
  </si>
  <si>
    <t>POINT (4.828760972386015 51.82844776290248)</t>
  </si>
  <si>
    <t>POINT (4.837143193478704 51.830167987734)</t>
  </si>
  <si>
    <t>POINT (4.851851324616975 51.82547792452117)</t>
  </si>
  <si>
    <t>POINT (4.835623076442841 51.826355577053725)</t>
  </si>
  <si>
    <t>POINT (4.885106296238089 51.82348560933259)</t>
  </si>
  <si>
    <t>POINT (4.830825885372684 51.823654352560006)</t>
  </si>
  <si>
    <t>POINT (4.822735155780116 51.822240476453366)</t>
  </si>
  <si>
    <t>POINT (4.824004219175563 51.82399035074493)</t>
  </si>
  <si>
    <t>POINT (4.832613817557842 51.82506071142364)</t>
  </si>
  <si>
    <t>POINT (4.817863767156925 51.827593630093034)</t>
  </si>
  <si>
    <t>POINT (4.84518081188905 51.822885581603735)</t>
  </si>
  <si>
    <t>POINT (4.883808444675296 51.8208103281218)</t>
  </si>
  <si>
    <t>POINT (4.8364218553199025 51.82627843081961)</t>
  </si>
  <si>
    <t>POINT (4.819296201607621 51.824903033673934)</t>
  </si>
  <si>
    <t>POINT (4.819731658140894 51.827753664201204)</t>
  </si>
  <si>
    <t>POINT (4.87866339318082 51.82628925520619)</t>
  </si>
  <si>
    <t>POINT (4.8271392561318365 51.82850861054649)</t>
  </si>
  <si>
    <t>POINT (4.891215425183162 51.82414727505868)</t>
  </si>
  <si>
    <t>POINT (4.808147806129164 51.824066895626466)</t>
  </si>
  <si>
    <t>POINT (4.826151332232385 51.82396467876814)</t>
  </si>
  <si>
    <t>POINT (4.824870339339854 51.82490381146381)</t>
  </si>
  <si>
    <t>POINT (4.839372634769955 51.8317482774145)</t>
  </si>
  <si>
    <t>POINT (4.88052061354595 51.82237829527816)</t>
  </si>
  <si>
    <t>POINT (4.843565861847188 51.823291585896925)</t>
  </si>
  <si>
    <t>POINT (4.843740876360309 51.83163375248866)</t>
  </si>
  <si>
    <t>POINT (4.832084785390398 51.82747354812617)</t>
  </si>
  <si>
    <t>POINT (4.887559532113585 51.824438584863515)</t>
  </si>
  <si>
    <t>POINT (4.84480896307352 51.82967919335964)</t>
  </si>
  <si>
    <t>POINT (4.844418041725486 51.82118322368528)</t>
  </si>
  <si>
    <t>POINT (4.886667654041855 51.82264735755657)</t>
  </si>
  <si>
    <t>POINT (4.826141016808187 51.82405457783828)</t>
  </si>
  <si>
    <t>POINT (4.887412204959185 51.823522415310215)</t>
  </si>
  <si>
    <t>POINT (4.878644317760297 51.824122941380885)</t>
  </si>
  <si>
    <t>POINT (4.822028272426026 51.82656056647853)</t>
  </si>
  <si>
    <t>POINT (4.8406520126351 51.8223491702353)</t>
  </si>
  <si>
    <t>POINT (4.829012759236619 51.82482324371834)</t>
  </si>
  <si>
    <t>POINT (4.879852224019904 51.826348330301215)</t>
  </si>
  <si>
    <t>POINT (4.891226075776075 51.82387669415087)</t>
  </si>
  <si>
    <t>POINT (4.823975322500931 51.8239812235481)</t>
  </si>
  <si>
    <t>POINT (4.841574710321459 51.82694073467912)</t>
  </si>
  <si>
    <t>POINT (4.827883952526318 51.82461113402009)</t>
  </si>
  <si>
    <t>POINT (4.848044151140144 51.82195566460299)</t>
  </si>
  <si>
    <t>POINT (4.837750195916136 51.823977981636965)</t>
  </si>
  <si>
    <t>POINT (4.879902442282887 51.8254540378141)</t>
  </si>
  <si>
    <t>POINT (4.846106043065193 51.825559444420314)</t>
  </si>
  <si>
    <t>POINT (4.877814079398128 51.825710308180916)</t>
  </si>
  <si>
    <t>POINT (4.830914686585584 51.823510956748656)</t>
  </si>
  <si>
    <t>POINT (4.822726412018046 51.82416298609354)</t>
  </si>
  <si>
    <t>POINT (4.878847907638997 51.82664959477168)</t>
  </si>
  <si>
    <t>POINT (4.821312666881895 51.823993414410076)</t>
  </si>
  <si>
    <t>POINT (4.860520972532508 51.83085632315753)</t>
  </si>
  <si>
    <t>POINT (4.830779234911164 51.82508330962716)</t>
  </si>
  <si>
    <t>POINT (4.8836597819837 51.821413574707535)</t>
  </si>
  <si>
    <t>POINT (4.829306429492144 51.82805152598895)</t>
  </si>
  <si>
    <t>POINT (4.8819002967524625 51.827399830861296)</t>
  </si>
  <si>
    <t>POINT (4.835436787711464 51.83104081105063)</t>
  </si>
  <si>
    <t>POINT (4.837570459784843 51.825316252478494)</t>
  </si>
  <si>
    <t>POINT (4.832078956171417 51.827450977307265)</t>
  </si>
  <si>
    <t>POINT (4.899936876651079 51.82826680799278)</t>
  </si>
  <si>
    <t>POINT (4.82629567362243 51.82868435363478)</t>
  </si>
  <si>
    <t>POINT (4.83657749242466 51.83016220772357)</t>
  </si>
  <si>
    <t>POINT (4.8919117378350325 51.824575164577475)</t>
  </si>
  <si>
    <t>POINT (4.817408613579297 51.82823706903042)</t>
  </si>
  <si>
    <t>POINT (4.826424539424194 51.82257617529357)</t>
  </si>
  <si>
    <t>POINT (4.83710853879332 51.8258771666104)</t>
  </si>
  <si>
    <t>POINT (4.886017164496709 51.82244683480824)</t>
  </si>
  <si>
    <t>POINT (4.83329136638493 51.82958945932343)</t>
  </si>
  <si>
    <t>POINT (4.8772171309468675 51.82590546356469)</t>
  </si>
  <si>
    <t>POINT (4.821746254627619 51.82360197625844)</t>
  </si>
  <si>
    <t>POINT (4.830569689983832 51.82325764204025)</t>
  </si>
  <si>
    <t>POINT (4.8743256534139245 51.82122782667548)</t>
  </si>
  <si>
    <t>POINT (4.830285835785028 51.82558710556453)</t>
  </si>
  <si>
    <t>POINT (4.878534264266158 51.831304282836165)</t>
  </si>
  <si>
    <t>POINT (4.834754188093781 51.83333558168776)</t>
  </si>
  <si>
    <t>POINT (4.849410513451518 51.830662135700315)</t>
  </si>
  <si>
    <t>POINT (4.829215269694203 51.82486914924579)</t>
  </si>
  <si>
    <t>POINT (4.831386746694726 51.827576013237525)</t>
  </si>
  <si>
    <t>POINT (4.882667351880039 51.828004991428664)</t>
  </si>
  <si>
    <t>POINT (4.847093034471986 51.832772787988105)</t>
  </si>
  <si>
    <t>POINT (4.836842836976194 51.82625343970637)</t>
  </si>
  <si>
    <t>POINT (4.821591651307431 51.82517686995111)</t>
  </si>
  <si>
    <t>POINT (4.8248398017378 51.82909984969938)</t>
  </si>
  <si>
    <t>POINT (4.87888532187343 51.82461835340203)</t>
  </si>
  <si>
    <t>POINT (4.840534693466738 51.825650481770715)</t>
  </si>
  <si>
    <t>POINT (4.823002067893868 51.822933878000974)</t>
  </si>
  <si>
    <t>POINT (4.880455625356435 51.82299822212251)</t>
  </si>
  <si>
    <t>POINT (4.888027165439072 51.8230036985508)</t>
  </si>
  <si>
    <t>POINT (4.818590389659544 51.82765417534547)</t>
  </si>
  <si>
    <t>POINT (4.8837547023936185 51.824679570617825)</t>
  </si>
  <si>
    <t>POINT (4.884119034292819 51.824469327368256)</t>
  </si>
  <si>
    <t>POINT (4.873251065691134 51.822204735611514)</t>
  </si>
  <si>
    <t>POINT (4.836843020310606 51.823862489616275)</t>
  </si>
  <si>
    <t>POINT (4.844497390618401 51.82543516733707)</t>
  </si>
  <si>
    <t>POINT (4.855859459728955 51.82755450741723)</t>
  </si>
  <si>
    <t>POINT (4.847364436098053 51.822456797256876)</t>
  </si>
  <si>
    <t>POINT (4.8323507389233145 51.82468626399754)</t>
  </si>
  <si>
    <t>POINT (4.809805560896178 51.82847462646506)</t>
  </si>
  <si>
    <t>POINT (4.837896918256151 51.824271910386436)</t>
  </si>
  <si>
    <t>POINT (4.809792064389418 51.828729790001)</t>
  </si>
  <si>
    <t>POINT (4.830958623871403 51.82935371580798)</t>
  </si>
  <si>
    <t>POINT (4.838142568591436 51.82393485695571)</t>
  </si>
  <si>
    <t>POINT (4.836974189675543 51.834505527438665)</t>
  </si>
  <si>
    <t>POINT (4.844281323000499 51.82892171796737)</t>
  </si>
  <si>
    <t>POINT (4.878557492766913 51.824104588167955)</t>
  </si>
  <si>
    <t>POINT (4.843592052148092 51.82352540909595)</t>
  </si>
  <si>
    <t>POINT (4.836823712945043 51.82471667875367)</t>
  </si>
  <si>
    <t>POINT (4.827886406259777 51.824413397747094)</t>
  </si>
  <si>
    <t>POINT (4.887510291461478 51.82252510847436)</t>
  </si>
  <si>
    <t>POINT (4.86859263528617 51.820294796344335)</t>
  </si>
  <si>
    <t>POINT (4.880456635784594 51.822908341359486)</t>
  </si>
  <si>
    <t>POINT (4.825776391842026 51.82262359262752)</t>
  </si>
  <si>
    <t>POINT (4.885516322682415 51.821833476626374)</t>
  </si>
  <si>
    <t>POINT (4.879266983352825 51.82293016515769)</t>
  </si>
  <si>
    <t>POINT (4.826730516132758 51.827375613676914)</t>
  </si>
  <si>
    <t>POINT (4.836137680178704 51.83172414848313)</t>
  </si>
  <si>
    <t>POINT (4.830770628921269 51.828130383789066)</t>
  </si>
  <si>
    <t>POINT (4.825248979332149 51.82304353055633)</t>
  </si>
  <si>
    <t>POINT (4.880259765957026 51.826298559828786)</t>
  </si>
  <si>
    <t>POINT (4.8263780285328535 51.82284380278526)</t>
  </si>
  <si>
    <t>POINT (4.837214653216058 51.824313658375075)</t>
  </si>
  <si>
    <t>POINT (4.838668576906903 51.831162425278166)</t>
  </si>
  <si>
    <t>POINT (4.845196645378516 51.82658696156446)</t>
  </si>
  <si>
    <t>POINT (4.825278373736172 51.82417622814223)</t>
  </si>
  <si>
    <t>POINT (4.837062104761415 51.83205812047911)</t>
  </si>
  <si>
    <t>POINT (4.814525260696971 51.82567927844233)</t>
  </si>
  <si>
    <t>POINT (4.885423658087763 51.824174560304414)</t>
  </si>
  <si>
    <t>POINT (4.828444281741781 51.82523177391278)</t>
  </si>
  <si>
    <t>POINT (4.847208477963578 51.82738484193646)</t>
  </si>
  <si>
    <t>POINT (4.839725150185584 51.82311506072348)</t>
  </si>
  <si>
    <t>POINT (4.832177008157195 51.8234809781144)</t>
  </si>
  <si>
    <t>POINT (4.883733891279937 51.825583042160396)</t>
  </si>
  <si>
    <t>POINT (4.827228687486621 51.82331439652173)</t>
  </si>
  <si>
    <t>POINT (4.824419909385333 51.82903491766526)</t>
  </si>
  <si>
    <t>POINT (4.847705712349958 51.82372999197723)</t>
  </si>
  <si>
    <t>POINT (4.824434976684374 51.82899004719182)</t>
  </si>
  <si>
    <t>POINT (4.879606887352207 51.823659704994895)</t>
  </si>
  <si>
    <t>POINT (4.831984244592788 51.82382163109424)</t>
  </si>
  <si>
    <t>POINT (4.884129907182408 51.82413976534557)</t>
  </si>
  <si>
    <t>POINT (4.841624758455421 51.826843549581284)</t>
  </si>
  <si>
    <t>POINT (4.8410678983499515 51.821842462583746)</t>
  </si>
  <si>
    <t>POINT (4.823350955038168 51.82519167983193)</t>
  </si>
  <si>
    <t>POINT (4.811126893704754 51.82792924814317)</t>
  </si>
  <si>
    <t>POINT (4.826213177998716 51.824209831322)</t>
  </si>
  <si>
    <t>POINT (4.893613623654235 51.82414189626541)</t>
  </si>
  <si>
    <t>POINT (4.834261491668805 51.82989901375525)</t>
  </si>
  <si>
    <t>POINT (4.8348744346396515 51.8329945833351)</t>
  </si>
  <si>
    <t>POINT (4.886139091967315 51.82191703324245)</t>
  </si>
  <si>
    <t>POINT (4.884486208292244 51.82387518696014)</t>
  </si>
  <si>
    <t>POINT (4.845536411290525 51.83190966608172)</t>
  </si>
  <si>
    <t>POINT (4.834773728344262 51.827007746254104)</t>
  </si>
  <si>
    <t>POINT (4.831203312899857 51.82480667429087)</t>
  </si>
  <si>
    <t>POINT (4.812222683990684 51.82680340239259)</t>
  </si>
  <si>
    <t>POINT (4.884762230623157 51.821303614377115)</t>
  </si>
  <si>
    <t>POINT (4.827186571301145 51.82820322590979)</t>
  </si>
  <si>
    <t>POINT (4.8859157681236045 51.82634741418123)</t>
  </si>
  <si>
    <t>POINT (4.832034066329585 51.827431511569294)</t>
  </si>
  <si>
    <t>POINT (4.890110347089817 51.822324486466556)</t>
  </si>
  <si>
    <t>POINT (4.879960659243915 51.82315787754428)</t>
  </si>
  <si>
    <t>POINT (4.824824734804592 51.829144720224726)</t>
  </si>
  <si>
    <t>POINT (4.879442807875984 51.82534883552135)</t>
  </si>
  <si>
    <t>POINT (4.837748073962259 51.82496239632614)</t>
  </si>
  <si>
    <t>POINT (4.887442950278289 51.82702127717072)</t>
  </si>
  <si>
    <t>POINT (4.88507974395535 51.822938113507114)</t>
  </si>
  <si>
    <t>POINT (4.816362724698693 51.822962557956565)</t>
  </si>
  <si>
    <t>POINT (4.838963590932517 51.82482519785568)</t>
  </si>
  <si>
    <t>POINT (4.84543102746337 51.82137666285065)</t>
  </si>
  <si>
    <t>POINT (4.8726413666348884 51.83154825736016)</t>
  </si>
  <si>
    <t>POINT (4.82615951919466 51.82410171232124)</t>
  </si>
  <si>
    <t>POINT (4.826675986286077 51.82726598073621)</t>
  </si>
  <si>
    <t>POINT (4.827082333451087 51.829586963695114)</t>
  </si>
  <si>
    <t>POINT (4.84204225373932 51.83173373916112)</t>
  </si>
  <si>
    <t>POINT (4.832098544660286 51.82749652497437)</t>
  </si>
  <si>
    <t>POINT (4.843569352031767 51.821799505122655)</t>
  </si>
  <si>
    <t>POINT (4.880700767993949 51.826999167159364)</t>
  </si>
  <si>
    <t>POINT (4.876177449673499 51.82177779390499)</t>
  </si>
  <si>
    <t>POINT (4.837152054173367 51.825877370523564)</t>
  </si>
  <si>
    <t>POINT (4.84350931609848 51.825574411580526)</t>
  </si>
  <si>
    <t>POINT (4.842959177020372 51.823082038245545)</t>
  </si>
  <si>
    <t>POINT (4.827296476688918 51.82869811986869)</t>
  </si>
  <si>
    <t>POINT (4.823917978478216 51.823927017100786)</t>
  </si>
  <si>
    <t>POINT (4.839480695627066 51.82763203457361)</t>
  </si>
  <si>
    <t>POINT (4.813342449955163 51.827239972775615)</t>
  </si>
  <si>
    <t>POINT (4.843566945862672 51.82320170556717)</t>
  </si>
  <si>
    <t>POINT (4.84374426484845 51.82172840679551)</t>
  </si>
  <si>
    <t>POINT (4.885752972819654 51.82505341664106)</t>
  </si>
  <si>
    <t>POINT (4.84289227777728 51.82982312704126)</t>
  </si>
  <si>
    <t>POINT (4.82673423204191 51.82724828176129)</t>
  </si>
  <si>
    <t>POINT (4.839634851452643 51.824495755195116)</t>
  </si>
  <si>
    <t>POINT (4.836880739096432 51.83265345262951)</t>
  </si>
  <si>
    <t>POINT (4.8324043206545895 51.823868560012954)</t>
  </si>
  <si>
    <t>POINT (4.870887155545977 51.83145008619986)</t>
  </si>
  <si>
    <t>POINT (4.8336720643927995 51.82548489590817)</t>
  </si>
  <si>
    <t>POINT (4.837084890985527 51.83019155212461)</t>
  </si>
  <si>
    <t>POINT (4.828443120667919 51.828649652060534)</t>
  </si>
  <si>
    <t>POINT (4.82524373216476 51.829281554843746)</t>
  </si>
  <si>
    <t>POINT (4.860945493173234 51.832539591561506)</t>
  </si>
  <si>
    <t>POINT (4.831677331778433 51.82283143930298)</t>
  </si>
  <si>
    <t>POINT (4.8435140241006405 51.822778999295835)</t>
  </si>
  <si>
    <t>POINT (4.836909746787774 51.82552568193531)</t>
  </si>
  <si>
    <t>POINT (4.817657096505668 51.8275634776871)</t>
  </si>
  <si>
    <t>POINT (4.837646266870576 51.82605387411022)</t>
  </si>
  <si>
    <t>POINT (4.824498390812624 51.82700058452936)</t>
  </si>
  <si>
    <t>POINT (4.812466465644732 51.82559730780962)</t>
  </si>
  <si>
    <t>POINT (4.836814045997675 51.82623532764622)</t>
  </si>
  <si>
    <t>POINT (4.8341345477366575 51.82589914639569)</t>
  </si>
  <si>
    <t>POINT (4.839717577374621 51.82314620663994)</t>
  </si>
  <si>
    <t>POINT (4.844171263472727 51.821200059338985)</t>
  </si>
  <si>
    <t>POINT (4.8428638894226 51.82736912680541)</t>
  </si>
  <si>
    <t>POINT (4.882505444692387 51.82874720443298)</t>
  </si>
  <si>
    <t>POINT (4.8146192168978565 51.82674107790574)</t>
  </si>
  <si>
    <t>POINT (4.878994442487024 51.82265933011752)</t>
  </si>
  <si>
    <t>POINT (4.888027136020876 51.82619970563322)</t>
  </si>
  <si>
    <t>POINT (4.877507119146241 51.82206862791259)</t>
  </si>
  <si>
    <t>POINT (4.837229377177382 51.8242957502858)</t>
  </si>
  <si>
    <t>POINT (4.847389215063438 51.82258115971022)</t>
  </si>
  <si>
    <t>POINT (4.834657078996648 51.8249137038586)</t>
  </si>
  <si>
    <t>POINT (4.833037646671277 51.82656836526203)</t>
  </si>
  <si>
    <t>POINT (4.883580316322898 51.82396429004073)</t>
  </si>
  <si>
    <t>POINT (4.824762266138568 51.823688374820456)</t>
  </si>
  <si>
    <t>POINT (4.855773816728868 51.82620584123708)</t>
  </si>
  <si>
    <t>POINT (4.836219221269392 51.82624152573754)</t>
  </si>
  <si>
    <t>POINT (4.881112024741995 51.82396282468865)</t>
  </si>
  <si>
    <t>POINT (4.821382003482222 51.82257552633038)</t>
  </si>
  <si>
    <t>POINT (4.881798351781536 51.827702008063206)</t>
  </si>
  <si>
    <t>POINT (4.89621173811436 51.825321297168585)</t>
  </si>
  <si>
    <t>POINT (4.83411824856494 51.825957800709375)</t>
  </si>
  <si>
    <t>POINT (4.830474122805396 51.825334548819015)</t>
  </si>
  <si>
    <t>POINT (4.883663482478694 51.822796302294776)</t>
  </si>
  <si>
    <t>POINT (4.844773869708864 51.82824973839849)</t>
  </si>
  <si>
    <t>POINT (4.842307131173513 51.83022489626509)</t>
  </si>
  <si>
    <t>POINT (4.846923241716107 51.826363187646194)</t>
  </si>
  <si>
    <t>POINT (4.817782575580534 51.826034289465866)</t>
  </si>
  <si>
    <t>POINT (4.885773893915858 51.822149175049795)</t>
  </si>
  <si>
    <t>POINT (4.8293813410561715 51.82317110385091)</t>
  </si>
  <si>
    <t>POINT (4.840438289764831 51.82761852158812)</t>
  </si>
  <si>
    <t>POINT (4.821392611850842 51.82390165817916)</t>
  </si>
  <si>
    <t>POINT (4.8291824078352645 51.825427388245544)</t>
  </si>
  <si>
    <t>POINT (4.831324068035712 51.82795323504777)</t>
  </si>
  <si>
    <t>POINT (4.813896547282552 51.82808192315269)</t>
  </si>
  <si>
    <t>POINT (4.832944187028265 51.825631462089504)</t>
  </si>
  <si>
    <t>POINT (4.884997038623476 51.82548059076126)</t>
  </si>
  <si>
    <t>POINT (4.826165942374195 51.82745230355383)</t>
  </si>
  <si>
    <t>POINT (4.880806454407701 51.82275704628839)</t>
  </si>
  <si>
    <t>POINT (4.824859945231023 51.822834930831355)</t>
  </si>
  <si>
    <t>POINT (4.848656110458874 51.82095106601349)</t>
  </si>
  <si>
    <t>POINT (4.885394606111909 51.82542779361196)</t>
  </si>
  <si>
    <t>POINT (4.827502536994467 51.827749238537535)</t>
  </si>
  <si>
    <t>POINT (4.850450086491976 51.82645164374483)</t>
  </si>
  <si>
    <t>POINT (4.821377928538476 51.8238569053245)</t>
  </si>
  <si>
    <t>POINT (4.883566475919655 51.8238892035709)</t>
  </si>
  <si>
    <t>POINT (4.886629363264718 51.82348312558616)</t>
  </si>
  <si>
    <t>POINT (4.826208567127459 51.824027872138714)</t>
  </si>
  <si>
    <t>POINT (4.884552619324607 51.824067169282614)</t>
  </si>
  <si>
    <t>POINT (4.836940963386187 51.83247396433949)</t>
  </si>
  <si>
    <t>POINT (4.878149728081571 51.82553199396645)</t>
  </si>
  <si>
    <t>POINT (4.818333518031253 51.8250685973635)</t>
  </si>
  <si>
    <t>POINT (4.82599442543295 51.823294992109304)</t>
  </si>
  <si>
    <t>POINT (4.852370018022128 51.828246013278765)</t>
  </si>
  <si>
    <t>POINT (4.823940422613423 51.82409497692893)</t>
  </si>
  <si>
    <t>POINT (4.839653159150042 51.82834047033843)</t>
  </si>
  <si>
    <t>POINT (4.850303125703923 51.828492508665036)</t>
  </si>
  <si>
    <t>POINT (4.831691704933598 51.826372992579735)</t>
  </si>
  <si>
    <t>POINT (4.882516304967013 51.82871788567634)</t>
  </si>
  <si>
    <t>POINT (4.828893275154991 51.823237734556635)</t>
  </si>
  <si>
    <t>POINT (4.830724558892951 51.82833690177979)</t>
  </si>
  <si>
    <t>POINT (4.833158282212776 51.82458333042643)</t>
  </si>
  <si>
    <t>POINT (4.8543273280590205 51.83076545336732)</t>
  </si>
  <si>
    <t>POINT (4.809966675094425 51.827879891303105)</t>
  </si>
  <si>
    <t>POINT (4.819927264627438 51.826370661115604)</t>
  </si>
  <si>
    <t>POINT (4.879852628712435 51.82631237801342)</t>
  </si>
  <si>
    <t>POINT (4.838786960485099 51.82548887727044)</t>
  </si>
  <si>
    <t>POINT (4.854935565744895 51.82136277313684)</t>
  </si>
  <si>
    <t>POINT (4.813567072234632 51.826856639328575)</t>
  </si>
  <si>
    <t>POINT (4.843127628177667 51.82595016147866)</t>
  </si>
  <si>
    <t>POINT (4.840838948590876 51.82189819569037)</t>
  </si>
  <si>
    <t>POINT (4.819635043974205 51.828841098723984)</t>
  </si>
  <si>
    <t>POINT (4.885178538732463 51.820906215799276)</t>
  </si>
  <si>
    <t>POINT (4.809391686980157 51.82309499831585)</t>
  </si>
  <si>
    <t>POINT (4.8857644021441935 51.824306376675146)</t>
  </si>
  <si>
    <t>POINT (4.885401784343342 51.82430482713557)</t>
  </si>
  <si>
    <t>POINT (4.8451118192409375 51.822566538554064)</t>
  </si>
  <si>
    <t>POINT (4.824796994403129 51.82323012531949)</t>
  </si>
  <si>
    <t>POINT (4.829849201914714 51.82639122443584)</t>
  </si>
  <si>
    <t>POINT (4.870892567617564 51.8209306444329)</t>
  </si>
  <si>
    <t>POINT (4.826441663095884 51.82270379559116)</t>
  </si>
  <si>
    <t>POINT (4.885776486271073 51.8206121507375)</t>
  </si>
  <si>
    <t>POINT (4.889838938918925 51.82444056153175)</t>
  </si>
  <si>
    <t>POINT (4.848547755017575 51.821313444925224)</t>
  </si>
  <si>
    <t>POINT (4.810588309844033 51.82876341099764)</t>
  </si>
  <si>
    <t>POINT (4.822641715613522 51.82275237438869)</t>
  </si>
  <si>
    <t>POINT (4.839395381969864 51.83307070386103)</t>
  </si>
  <si>
    <t>POINT (4.839735044205785 51.82699503519928)</t>
  </si>
  <si>
    <t>POINT (4.829077092264294 51.825407741958045)</t>
  </si>
  <si>
    <t>POINT (4.8898282146837575 51.825053577078315)</t>
  </si>
  <si>
    <t>POINT (4.840425017680481 51.82297052436256)</t>
  </si>
  <si>
    <t>POINT (4.805442833854133 51.8262171024126)</t>
  </si>
  <si>
    <t>POINT (4.81844120169625 51.822282668355484)</t>
  </si>
  <si>
    <t>POINT (4.868566240539955 51.831413474694436)</t>
  </si>
  <si>
    <t>POINT (4.843611084475519 51.829917897963924)</t>
  </si>
  <si>
    <t>POINT (4.833644672508818 51.82798565656428)</t>
  </si>
  <si>
    <t>POINT (4.813820999329839 51.82622880719309)</t>
  </si>
  <si>
    <t>POINT (4.876964867811701 51.83153117359875)</t>
  </si>
  <si>
    <t>POINT (4.824155979558197 51.82229224325988)</t>
  </si>
  <si>
    <t>POINT (4.823036677348533 51.825963184733666)</t>
  </si>
  <si>
    <t>POINT (4.852206726075096 51.830741831413924)</t>
  </si>
  <si>
    <t>POINT (4.879405089464188 51.82612168423679)</t>
  </si>
  <si>
    <t>POINT (4.811809748851353 51.827745302791364)</t>
  </si>
  <si>
    <t>POINT (4.81974286300318 51.82488665940825)</t>
  </si>
  <si>
    <t>POINT (4.839876695252082 51.82251570164643)</t>
  </si>
  <si>
    <t>POINT (4.828473246965657 51.828559910062246)</t>
  </si>
  <si>
    <t>POINT (4.8401269199205705 51.82458793490246)</t>
  </si>
  <si>
    <t>POINT (4.878812797871061 51.82461803933184)</t>
  </si>
  <si>
    <t>POINT (4.876105940388968 51.82155917846546)</t>
  </si>
  <si>
    <t>POINT (4.842637089670581 51.82212775958688)</t>
  </si>
  <si>
    <t>POINT (4.841044869883241 51.82239513253703)</t>
  </si>
  <si>
    <t>POINT (4.821862064074143 51.82362051118456)</t>
  </si>
  <si>
    <t>POINT (4.840169445340605 51.82705998005419)</t>
  </si>
  <si>
    <t>POINT (4.8368060165523445 51.82570496634829)</t>
  </si>
  <si>
    <t>POINT (4.833984421678608 51.82631191173048)</t>
  </si>
  <si>
    <t>POINT (4.8233320581227614 51.826380989353254)</t>
  </si>
  <si>
    <t>POINT (4.844479630336942 51.82209135062216)</t>
  </si>
  <si>
    <t>POINT (4.882647031611431 51.82820812521807)</t>
  </si>
  <si>
    <t>POINT (4.842177945466214 51.82651203352162)</t>
  </si>
  <si>
    <t>POINT (4.827957918498611 51.823326124588824)</t>
  </si>
  <si>
    <t>POINT (4.828209686278652 51.82677398965402)</t>
  </si>
  <si>
    <t>POINT (4.829106918677277 51.82523064769422)</t>
  </si>
  <si>
    <t>POINT (4.824675800608756 51.823643017749106)</t>
  </si>
  <si>
    <t>POINT (4.8331052741557325 51.82381084771646)</t>
  </si>
  <si>
    <t>POINT (4.81913411140167 51.825568579478386)</t>
  </si>
  <si>
    <t>POINT (4.825398698884415 51.82482190301516)</t>
  </si>
  <si>
    <t>POINT (4.841213660737995 51.82348740480115)</t>
  </si>
  <si>
    <t>POINT (4.879436023890148 51.82595103636081)</t>
  </si>
  <si>
    <t>POINT (4.881160811233566 51.82220128667282)</t>
  </si>
  <si>
    <t>POINT (4.841300795785624 51.82347882153054)</t>
  </si>
  <si>
    <t>POINT (4.888016716943393 51.82596690400058)</t>
  </si>
  <si>
    <t>POINT (4.823210680388122 51.823660633899756)</t>
  </si>
  <si>
    <t>POINT (4.843001060140064 51.82682146238548)</t>
  </si>
  <si>
    <t>POINT (4.822182912605066 51.82411868232693)</t>
  </si>
  <si>
    <t>POINT (4.828517475857368 51.83084320917209)</t>
  </si>
  <si>
    <t>POINT (4.879916282733547 51.82494862874302)</t>
  </si>
  <si>
    <t>POINT (4.837495822466771 51.830993456319106)</t>
  </si>
  <si>
    <t>POINT (4.8270168580521995 51.827851863073825)</t>
  </si>
  <si>
    <t>POINT (4.877269325877604 51.82385630949672)</t>
  </si>
  <si>
    <t>POINT (4.842723630389884 51.829372918532016)</t>
  </si>
  <si>
    <t>POINT (4.832706762163436 51.827582255852484)</t>
  </si>
  <si>
    <t>POINT (4.844026231492413 51.82272773604249)</t>
  </si>
  <si>
    <t>POINT (4.850513820275882 51.82674818800799)</t>
  </si>
  <si>
    <t>POINT (4.82676924015512 51.82757692616113)</t>
  </si>
  <si>
    <t>POINT (4.844725120854053 51.82921080927694)</t>
  </si>
  <si>
    <t>POINT (4.828233180001031 51.82452291209581)</t>
  </si>
  <si>
    <t>POINT (4.872596224747141 51.82152586709971)</t>
  </si>
  <si>
    <t>POINT (4.853962610560215 51.821128097965094)</t>
  </si>
  <si>
    <t>POINT (4.82845818383187 51.8286047810625)</t>
  </si>
  <si>
    <t>POINT (4.826729166915217 51.827363958085265)</t>
  </si>
  <si>
    <t>POINT (4.812016228787357 51.82577599712722)</t>
  </si>
  <si>
    <t>POINT (4.885798032052359 51.82433840256314)</t>
  </si>
  <si>
    <t>POINT (4.844810499502988 51.831962286070805)</t>
  </si>
  <si>
    <t>POINT (4.883870662109285 51.824523461096994)</t>
  </si>
  <si>
    <t>POINT (4.834657955507839 51.82484220415656)</t>
  </si>
  <si>
    <t>POINT (4.884216247654895 51.82265485600078)</t>
  </si>
  <si>
    <t>POINT (4.834638067318682 51.82377145861512)</t>
  </si>
  <si>
    <t>POINT (4.824733369503098 51.82367924781)</t>
  </si>
  <si>
    <t>POINT (4.881914298629042 51.82744483366389)</t>
  </si>
  <si>
    <t>POINT (4.89181515926195 51.82280402156372)</t>
  </si>
  <si>
    <t>POINT (4.832261829284586 51.82483864889602)</t>
  </si>
  <si>
    <t>POINT (4.810860373697025 51.82712981941178)</t>
  </si>
  <si>
    <t>POINT (4.820375982831616 51.82875479328683)</t>
  </si>
  <si>
    <t>POINT (4.828964714042991 51.82636005591943)</t>
  </si>
  <si>
    <t>POINT (4.829049746884431 51.82300773376518)</t>
  </si>
  <si>
    <t>POINT (4.815172491022009 51.82727897156891)</t>
  </si>
  <si>
    <t>POINT (4.851960974053216 51.826753195352985)</t>
  </si>
  <si>
    <t>POINT (4.827992774513179 51.826747078518764)</t>
  </si>
  <si>
    <t>POINT (4.8451435421894935 51.82719091636739)</t>
  </si>
  <si>
    <t>POINT (4.827765567572816 51.82246230761814)</t>
  </si>
  <si>
    <t>POINT (4.8552524757300795 51.82613157171881)</t>
  </si>
  <si>
    <t>POINT (4.814634559302783 51.826633011492255)</t>
  </si>
  <si>
    <t>POINT (4.883354034138578 51.82193207736256)</t>
  </si>
  <si>
    <t>POINT (4.854385354994617 51.83076571674355)</t>
  </si>
  <si>
    <t>POINT (4.843579282162659 51.82338153339944)</t>
  </si>
  <si>
    <t>POINT (4.891174491516976 51.823447302021286)</t>
  </si>
  <si>
    <t>POINT (4.810136451623984 51.824039844919085)</t>
  </si>
  <si>
    <t>POINT (4.844714217093018 51.82817389618409)</t>
  </si>
  <si>
    <t>POINT (4.840179141942902 51.822135152575726)</t>
  </si>
  <si>
    <t>POINT (4.814379672383655 51.82480667852554)</t>
  </si>
  <si>
    <t>POINT (4.826680293272424 51.829252468774484)</t>
  </si>
  <si>
    <t>POINT (4.842969231927455 51.82345061481573)</t>
  </si>
  <si>
    <t>POINT (4.810669222549269 51.828782091122655)</t>
  </si>
  <si>
    <t>POINT (4.816297968152906 51.82315314190619)</t>
  </si>
  <si>
    <t>POINT (4.879067196838802 51.8252123825672)</t>
  </si>
  <si>
    <t>POINT (4.843050911265333 51.82865552448464)</t>
  </si>
  <si>
    <t>POINT (4.837121617879717 51.825994078872306)</t>
  </si>
  <si>
    <t>POINT (4.849715156597158 51.82336484692652)</t>
  </si>
  <si>
    <t>POINT (4.881955507676853 51.823768710955285)</t>
  </si>
  <si>
    <t>POINT (4.831347267876693 51.82371974249497)</t>
  </si>
  <si>
    <t>POINT (4.825341129472005 51.829614597035864)</t>
  </si>
  <si>
    <t>POINT (4.884544195417648 51.82412667309365)</t>
  </si>
  <si>
    <t>POINT (4.831157359192108 51.825004204526145)</t>
  </si>
  <si>
    <t>POINT (4.8974625453240295 51.82635121101116)</t>
  </si>
  <si>
    <t>POINT (4.901349425360447 51.8289444984613)</t>
  </si>
  <si>
    <t>POINT (4.832500432018182 51.8243094527592)</t>
  </si>
  <si>
    <t>POINT (4.845503977972313 51.821341045394135)</t>
  </si>
  <si>
    <t>POINT (4.840644390465087 51.822301908966274)</t>
  </si>
  <si>
    <t>POINT (4.8198663486848305 51.828905136635804)</t>
  </si>
  <si>
    <t>POINT (4.836133833288786 51.83203872899218)</t>
  </si>
  <si>
    <t>POINT (4.8206154815309565 51.825084991305104)</t>
  </si>
  <si>
    <t>POINT (4.87245889883109 51.822153104003114)</t>
  </si>
  <si>
    <t>POINT (4.8463739827173375 51.82378094991665)</t>
  </si>
  <si>
    <t>POINT (4.8313930349593806 51.82941869314546)</t>
  </si>
  <si>
    <t>POINT (4.845230769099235 51.82596887898673)</t>
  </si>
  <si>
    <t>POINT (4.890112910340859 51.82327321625313)</t>
  </si>
  <si>
    <t>POINT (4.829044217447122 51.82462564536306)</t>
  </si>
  <si>
    <t>POINT (4.845219614414468 51.82569018301888)</t>
  </si>
  <si>
    <t>POINT (4.846164063233248 51.82555971185198)</t>
  </si>
  <si>
    <t>POINT (4.842934618146944 51.822713394407124)</t>
  </si>
  <si>
    <t>POINT (4.83620900367252 51.82391503746083)</t>
  </si>
  <si>
    <t>POINT (4.8325535195807205 51.82506288938729)</t>
  </si>
  <si>
    <t>POINT (4.878662168731901 51.82382639780454)</t>
  </si>
  <si>
    <t>POINT (4.847103775076709 51.827152042749795)</t>
  </si>
  <si>
    <t>POINT (4.8342337909474065 51.82594579705022)</t>
  </si>
  <si>
    <t>POINT (4.833639821299244 51.825383047530195)</t>
  </si>
  <si>
    <t>POINT (4.826692332345521 51.82720670744647)</t>
  </si>
  <si>
    <t>POINT (4.830141640352873 51.82620385322355)</t>
  </si>
  <si>
    <t>POINT (4.826723540131697 51.827211009161225)</t>
  </si>
  <si>
    <t>POINT (4.846709831432425 51.82117582200534)</t>
  </si>
  <si>
    <t>POINT (4.879328038414558 51.822660773934146)</t>
  </si>
  <si>
    <t>POINT (4.831063494953826 51.82908455657581)</t>
  </si>
  <si>
    <t>POINT (4.839308100497866 51.82512342805118)</t>
  </si>
  <si>
    <t>POINT (4.821768771480299 51.822972571681)</t>
  </si>
  <si>
    <t>POINT (4.883749199548886 51.82551119975276)</t>
  </si>
  <si>
    <t>POINT (4.8420611100516995 51.82297899699521)</t>
  </si>
  <si>
    <t>POINT (4.812637921476726 51.82804180175795)</t>
  </si>
  <si>
    <t>POINT (4.8597422283019265 51.82079438309515)</t>
  </si>
  <si>
    <t>POINT (4.878822140873866 51.826361850878754)</t>
  </si>
  <si>
    <t>POINT (4.886556024438828 51.82430205239387)</t>
  </si>
  <si>
    <t>POINT (4.844911734861101 51.82855410672)</t>
  </si>
  <si>
    <t>POINT (4.841181323671222 51.82615684923688)</t>
  </si>
  <si>
    <t>POINT (4.818965952413613 51.82783114473186)</t>
  </si>
  <si>
    <t>POINT (4.827413187287819 51.82981325531348)</t>
  </si>
  <si>
    <t>POINT (4.826986729333857 51.827941604702396)</t>
  </si>
  <si>
    <t>POINT (4.828607628172818 51.82474041962918)</t>
  </si>
  <si>
    <t>POINT (4.828450730045315 51.823355437117876)</t>
  </si>
  <si>
    <t>POINT (4.845212783054131 51.8250519657286)</t>
  </si>
  <si>
    <t>POINT (4.821460696869844 51.82361182699927)</t>
  </si>
  <si>
    <t>POINT (4.839195747603292 51.82601276858832)</t>
  </si>
  <si>
    <t>POINT (4.838838617493705 51.82794363564029)</t>
  </si>
  <si>
    <t>POINT (4.9001492792157855 51.83408771104757)</t>
  </si>
  <si>
    <t>POINT (4.824700090587461 51.827508208420255)</t>
  </si>
  <si>
    <t>POINT (4.824762826905738 51.823643434773246)</t>
  </si>
  <si>
    <t>POINT (4.828629014103513 51.82301472093996)</t>
  </si>
  <si>
    <t>POINT (4.855249053318696 51.827650616712276)</t>
  </si>
  <si>
    <t>POINT (4.900820576740914 51.82837859517819)</t>
  </si>
  <si>
    <t>POINT (4.852129568453556 51.8289217983383)</t>
  </si>
  <si>
    <t>POINT (4.832905399465984 51.8248316494526)</t>
  </si>
  <si>
    <t>POINT (4.876326456968012 51.83153738573231)</t>
  </si>
  <si>
    <t>POINT (4.839030700730583 51.82894659232126)</t>
  </si>
  <si>
    <t>POINT (4.888871492106988 51.824040964272804)</t>
  </si>
  <si>
    <t>POINT (4.826529193104836 51.829737128328865)</t>
  </si>
  <si>
    <t>POINT (4.843482233636539 51.82661695585292)</t>
  </si>
  <si>
    <t>POINT (4.878135154847143 51.821684847126974)</t>
  </si>
  <si>
    <t>POINT (4.825677454889052 51.82707244911986)</t>
  </si>
  <si>
    <t>POINT (4.855786135304399 51.82270037187243)</t>
  </si>
  <si>
    <t>POINT (4.830484955219503 51.825623725607116)</t>
  </si>
  <si>
    <t>POINT (4.880056526667783 51.82366164845266)</t>
  </si>
  <si>
    <t>POINT (4.81030980724677 51.82789409016096)</t>
  </si>
  <si>
    <t>POINT (4.885768008209355 51.82528613938086)</t>
  </si>
  <si>
    <t>POINT (4.840489422427951 51.83173249534232)</t>
  </si>
  <si>
    <t>POINT (4.872321904128865 51.831573822245666)</t>
  </si>
  <si>
    <t>POINT (4.8786308272225245 51.82403299781061)</t>
  </si>
  <si>
    <t>POINT (4.886143223197862 51.824155189626076)</t>
  </si>
  <si>
    <t>POINT (4.829315886515112 51.82728754507567)</t>
  </si>
  <si>
    <t>POINT (4.830258369945032 51.82262696723672)</t>
  </si>
  <si>
    <t>POINT (4.827281412337014 51.82874299071538)</t>
  </si>
  <si>
    <t>POINT (4.839481831494513 51.825151204418496)</t>
  </si>
  <si>
    <t>POINT (4.838721247634048 51.82280093471292)</t>
  </si>
  <si>
    <t>POINT (4.827019650969938 51.82762716287823)</t>
  </si>
  <si>
    <t>POINT (4.842693857699674 51.829435700142454)</t>
  </si>
  <si>
    <t>POINT (4.844028628742799 51.82286222461099)</t>
  </si>
  <si>
    <t>POINT (4.846823171712592 51.825981433596425)</t>
  </si>
  <si>
    <t>POINT (4.828891539389309 51.827097100832155)</t>
  </si>
  <si>
    <t>POINT (4.835588268619619 51.8327552492404)</t>
  </si>
  <si>
    <t>POINT (4.832117622558009 51.828718957371336)</t>
  </si>
  <si>
    <t>POINT (4.829389392207975 51.829553006124875)</t>
  </si>
  <si>
    <t>POINT (4.8239612672679035 51.82394520191859)</t>
  </si>
  <si>
    <t>POINT (4.838725321744627 51.824140955990856)</t>
  </si>
  <si>
    <t>POINT (4.843376141087369 51.82699398271826)</t>
  </si>
  <si>
    <t>POINT (4.826210493396608 51.82419360315612)</t>
  </si>
  <si>
    <t>POINT (4.842888490137401 51.82653330745147)</t>
  </si>
  <si>
    <t>POINT (4.836956568128795 51.832384152186535)</t>
  </si>
  <si>
    <t>POINT (4.8127062972037375 51.82804021285724)</t>
  </si>
  <si>
    <t>POINT (4.888887785294629 51.823879240323926)</t>
  </si>
  <si>
    <t>POINT (4.891692782400454 51.82470007960135)</t>
  </si>
  <si>
    <t>POINT (4.884915693603201 51.82194352509294)</t>
  </si>
  <si>
    <t>POINT (4.825930001120508 51.828925296429844)</t>
  </si>
  <si>
    <t>POINT (4.88196527162514 51.82677990352767)</t>
  </si>
  <si>
    <t>POINT (4.843560029755879 51.822572476057225)</t>
  </si>
  <si>
    <t>POINT (4.841895692174757 51.82346360959684)</t>
  </si>
  <si>
    <t>POINT (4.829739278385331 51.82355032315056)</t>
  </si>
  <si>
    <t>POINT (4.8429192267015 51.82225826041459)</t>
  </si>
  <si>
    <t>POINT (4.880393470323115 51.82447032593042)</t>
  </si>
  <si>
    <t>POINT (4.839072819882192 51.826578472330645)</t>
  </si>
  <si>
    <t>POINT (4.829531276284475 51.822776320328146)</t>
  </si>
  <si>
    <t>POINT (4.8899570989023475 51.82415403216357)</t>
  </si>
  <si>
    <t>POINT (4.821833619022068 51.82357543143741)</t>
  </si>
  <si>
    <t>POINT (4.826990210870584 51.82649446613221)</t>
  </si>
  <si>
    <t>POINT (4.8268033357571145 51.82322363165466)</t>
  </si>
  <si>
    <t>POINT (4.833198328243601 51.82659460620773)</t>
  </si>
  <si>
    <t>POINT (4.841920849630023 51.82857820178998)</t>
  </si>
  <si>
    <t>POINT (4.881129859408197 51.823666280709794)</t>
  </si>
  <si>
    <t>POINT (4.884285592850248 51.82406178299492)</t>
  </si>
  <si>
    <t>POINT (4.880772800953653 51.823170372667924)</t>
  </si>
  <si>
    <t>POINT (4.825965952968026 51.82836817879768)</t>
  </si>
  <si>
    <t>POINT (4.839116945177467 51.82414278521174)</t>
  </si>
  <si>
    <t>POINT (4.878586502036242 51.8241047138641)</t>
  </si>
  <si>
    <t>POINT (4.828215584126733 51.82370656064082)</t>
  </si>
  <si>
    <t>POINT (4.842940324928076 51.82704589409324)</t>
  </si>
  <si>
    <t>POINT (4.835654676521261 51.830135287535676)</t>
  </si>
  <si>
    <t>POINT (4.839858030662126 51.828972950985886)</t>
  </si>
  <si>
    <t>POINT (4.841950306622837 51.82896482743039)</t>
  </si>
  <si>
    <t>POINT (4.849412233491916 51.82390324771517)</t>
  </si>
  <si>
    <t>POINT (4.888076001063615 51.82548892267474)</t>
  </si>
  <si>
    <t>POINT (4.842179001613381 51.82827805115034)</t>
  </si>
  <si>
    <t>POINT (4.827601223466257 51.82401654258539)</t>
  </si>
  <si>
    <t>POINT (4.828805688112115 51.82982887575481)</t>
  </si>
  <si>
    <t>POINT (4.838943766226879 51.82764750518205)</t>
  </si>
  <si>
    <t>POINT (4.843730953047403 51.82162947125935)</t>
  </si>
  <si>
    <t>POINT (4.830561921822003 51.8292555322436)</t>
  </si>
  <si>
    <t>POINT (4.881733385197439 51.826760928274524)</t>
  </si>
  <si>
    <t>POINT (4.83416799225584 51.826091173300796)</t>
  </si>
  <si>
    <t>POINT (4.83700180985629 51.832243478015805)</t>
  </si>
  <si>
    <t>POINT (4.824891209704108 51.82963041985254)</t>
  </si>
  <si>
    <t>POINT (4.889464322945894 51.82490018290971)</t>
  </si>
  <si>
    <t>POINT (4.821028212548922 51.82467852515015)</t>
  </si>
  <si>
    <t>POINT (4.821920306993917 51.823602814587005)</t>
  </si>
  <si>
    <t>POINT (4.843973472340184 51.83044049654472)</t>
  </si>
  <si>
    <t>POINT (4.888607326697442 51.82431848623802)</t>
  </si>
  <si>
    <t>POINT (4.887492100700772 51.82285760585527)</t>
  </si>
  <si>
    <t>POINT (4.823975547123783 51.82396324753185)</t>
  </si>
  <si>
    <t>POINT (4.835073191817233 51.830982087306616)</t>
  </si>
  <si>
    <t>POINT (4.849243033711899 51.82160093184048)</t>
  </si>
  <si>
    <t>POINT (4.84251578885448 51.82894909798846)</t>
  </si>
  <si>
    <t>POINT (4.866172959125974 51.820077344557355)</t>
  </si>
  <si>
    <t>POINT (4.870089749901873 51.82128115024706)</t>
  </si>
  <si>
    <t>POINT (4.825246402067549 51.82325025480028)</t>
  </si>
  <si>
    <t>POINT (4.819256767811292 51.82719213615661)</t>
  </si>
  <si>
    <t>POINT (4.840185743093922 51.827913966599624)</t>
  </si>
  <si>
    <t>POINT (4.833074401506735 51.826455409026615)</t>
  </si>
  <si>
    <t>POINT (4.880713331103111 51.82459030087655)</t>
  </si>
  <si>
    <t>POINT (4.8385390759341265 51.82633328841447)</t>
  </si>
  <si>
    <t>POINT (4.880198633883965 51.82650263159163)</t>
  </si>
  <si>
    <t>POINT (4.885660158089388 51.82063861928484)</t>
  </si>
  <si>
    <t>POINT (4.828614519063598 51.82886619269304)</t>
  </si>
  <si>
    <t>POINT (4.879925440465659 51.82242066728635)</t>
  </si>
  <si>
    <t>POINT (4.8525161077275 51.826910130093516)</t>
  </si>
  <si>
    <t>POINT (4.850028486828154 51.82141576982091)</t>
  </si>
  <si>
    <t>POINT (4.841166165109643 51.826210709926855)</t>
  </si>
  <si>
    <t>POINT (4.8265892597717075 51.82840711130796)</t>
  </si>
  <si>
    <t>POINT (4.830598948565995 51.82535658743109)</t>
  </si>
  <si>
    <t>POINT (4.821347854484376 51.823725545514115)</t>
  </si>
  <si>
    <t>POINT (4.842953533801342 51.82354941591815)</t>
  </si>
  <si>
    <t>POINT (4.883198372401241 51.82807056051583)</t>
  </si>
  <si>
    <t>POINT (4.812646535801381 51.8277848432889)</t>
  </si>
  <si>
    <t>POINT (4.818550523482077 51.82511459157177)</t>
  </si>
  <si>
    <t>POINT (4.879943727414902 51.82337352867661)</t>
  </si>
  <si>
    <t>POINT (4.853163427865859 51.827923252048514)</t>
  </si>
  <si>
    <t>POINT (4.812118469792648 51.82801424298563)</t>
  </si>
  <si>
    <t>POINT (4.835933191730627 51.831099186621884)</t>
  </si>
  <si>
    <t>POINT (4.846985185025408 51.821195066673894)</t>
  </si>
  <si>
    <t>POINT (4.885454603079821 51.8234691216179)</t>
  </si>
  <si>
    <t>POINT (4.806289638433424 51.82426356132387)</t>
  </si>
  <si>
    <t>POINT (4.837106491520406 51.824232389530074)</t>
  </si>
  <si>
    <t>POINT (4.836119437693859 51.83084318679979)</t>
  </si>
  <si>
    <t>POINT (4.839810532093585 51.82555722176259)</t>
  </si>
  <si>
    <t>POINT (4.8881596183033444 51.82152115779512)</t>
  </si>
  <si>
    <t>POINT (4.830524956141885 51.82335630387679)</t>
  </si>
  <si>
    <t>POINT (4.836492548270918 51.824468731747416)</t>
  </si>
  <si>
    <t>POINT (4.847595413816162 51.8211079882297)</t>
  </si>
  <si>
    <t>POINT (4.829566248102921 51.829329132921934)</t>
  </si>
  <si>
    <t>POINT (4.8443367518784255 51.82672877308544)</t>
  </si>
  <si>
    <t>POINT (4.884483846945863 51.825972762034866)</t>
  </si>
  <si>
    <t>POINT (4.818307068533267 51.828313334961)</t>
  </si>
  <si>
    <t>POINT (4.833694602125844 51.825106081324314)</t>
  </si>
  <si>
    <t>POINT (4.8335153560114925 51.824808434401334)</t>
  </si>
  <si>
    <t>POINT (4.814768114609419 51.827301431216846)</t>
  </si>
  <si>
    <t>POINT (4.820081083339639 51.82798035411637)</t>
  </si>
  <si>
    <t>POINT (4.913120748204524 51.83692309067602)</t>
  </si>
  <si>
    <t>POINT (4.846346451692942 51.82143453706683)</t>
  </si>
  <si>
    <t>POINT (4.830514148798206 51.82892914764737)</t>
  </si>
  <si>
    <t>POINT (4.826238582888377 51.82394711867702)</t>
  </si>
  <si>
    <t>POINT (4.8396727805802 51.826149822612166)</t>
  </si>
  <si>
    <t>POINT (4.825884579768827 51.829077884436934)</t>
  </si>
  <si>
    <t>POINT (4.844289768436753 51.828220651778885)</t>
  </si>
  <si>
    <t>POINT (4.842510578027294 51.82623302737268)</t>
  </si>
  <si>
    <t>POINT (4.8293320180037504 51.82840555333749)</t>
  </si>
  <si>
    <t>POINT (4.8780224458229124 51.82395845233757)</t>
  </si>
  <si>
    <t>POINT (4.818101222690748 51.82870237718321)</t>
  </si>
  <si>
    <t>POINT (4.824125163121425 51.82824251257143)</t>
  </si>
  <si>
    <t>POINT (4.820710780930471 51.826702167297114)</t>
  </si>
  <si>
    <t>POINT (4.823917529186844 51.823962969133106)</t>
  </si>
  <si>
    <t>POINT (4.8912007054813085 51.8245991279106)</t>
  </si>
  <si>
    <t>POINT (4.833897186092134 51.82685512733453)</t>
  </si>
  <si>
    <t>POINT (4.8217397559327875 51.822963757955485)</t>
  </si>
  <si>
    <t>POINT (4.881051021349332 51.82681191918479)</t>
  </si>
  <si>
    <t>POINT (4.830453727828315 51.82442560265358)</t>
  </si>
  <si>
    <t>POINT (4.882543336799519 51.82308811277306)</t>
  </si>
  <si>
    <t>POINT (4.822894698983925 51.82224124357963)</t>
  </si>
  <si>
    <t>POINT (4.883373812617437 51.826651129649335)</t>
  </si>
  <si>
    <t>POINT (4.832992793517395 51.82648225004858)</t>
  </si>
  <si>
    <t>POINT (4.843827322346991 51.822077016201895)</t>
  </si>
  <si>
    <t>POINT (4.8296769402937025 51.82809405827444)</t>
  </si>
  <si>
    <t>POINT (4.885330953919344 51.825455233065256)</t>
  </si>
  <si>
    <t>POINT (4.833906480090724 51.82911596775405)</t>
  </si>
  <si>
    <t>POINT (4.830438334991548 51.82449743798209)</t>
  </si>
  <si>
    <t>POINT (4.884114034197894 51.82612206781052)</t>
  </si>
  <si>
    <t>POINT (4.840951184702339 51.82675055876223)</t>
  </si>
  <si>
    <t>POINT (4.833294037927987 51.82328034503958)</t>
  </si>
  <si>
    <t>POINT (4.831437689583971 51.826974022350214)</t>
  </si>
  <si>
    <t>POINT (4.820511057727937 51.8283959036526)</t>
  </si>
  <si>
    <t>POINT (4.82137400916128 51.82358444351059)</t>
  </si>
  <si>
    <t>POINT (4.829684412078027 51.828454003834615)</t>
  </si>
  <si>
    <t>POINT (4.832948520754638 51.82915639143112)</t>
  </si>
  <si>
    <t>POINT (4.877291659513352 51.82316429095151)</t>
  </si>
  <si>
    <t>POINT (4.832132166925342 51.823588628584446)</t>
  </si>
  <si>
    <t>POINT (4.823434269630577 51.82316965689212)</t>
  </si>
  <si>
    <t>POINT (4.88417030524959 51.820644549272274)</t>
  </si>
  <si>
    <t>POINT (4.8379479270605 51.82484741545787)</t>
  </si>
  <si>
    <t>POINT (4.8844829057730434 51.82345597570687)</t>
  </si>
  <si>
    <t>POINT (4.826676815212824 51.82497382535395)</t>
  </si>
  <si>
    <t>POINT (4.810601957602835 51.82280171169603)</t>
  </si>
  <si>
    <t>POINT (4.828719964002932 51.823869065427616)</t>
  </si>
  <si>
    <t>POINT (4.845212134580285 51.82510589392643)</t>
  </si>
  <si>
    <t>POINT (4.889864451576443 51.823442945473)</t>
  </si>
  <si>
    <t>POINT (4.817449755850626 51.825387719136494)</t>
  </si>
  <si>
    <t>POINT (4.843025438815347 51.826322181562915)</t>
  </si>
  <si>
    <t>POINT (4.838508971180686 51.82642303305112)</t>
  </si>
  <si>
    <t>POINT (4.8256192625731265 51.82592163721109)</t>
  </si>
  <si>
    <t>POINT (4.865157028386983 51.83127214749083)</t>
  </si>
  <si>
    <t>POINT (4.886977129152833 51.82220823982157)</t>
  </si>
  <si>
    <t>POINT (4.815395207881378 51.82689482541037)</t>
  </si>
  <si>
    <t>POINT (4.832400090282889 51.82531410411578)</t>
  </si>
  <si>
    <t>POINT (4.826195848636542 51.82738053814702)</t>
  </si>
  <si>
    <t>POINT (4.8142686043108265 51.82840797456206)</t>
  </si>
  <si>
    <t>POINT (4.833043002237342 51.82571041654748)</t>
  </si>
  <si>
    <t>POINT (4.883544483167677 51.823950464777404)</t>
  </si>
  <si>
    <t>POINT (4.819778886384225 51.82472142627146)</t>
  </si>
  <si>
    <t>POINT (4.825895951442789 51.82932961793383)</t>
  </si>
  <si>
    <t>POINT (4.8830300775040705 51.824959814394596)</t>
  </si>
  <si>
    <t>POINT (4.813840718258872 51.828499833740565)</t>
  </si>
  <si>
    <t>POINT (4.836531566023251 51.83154622612647)</t>
  </si>
  <si>
    <t>POINT (4.882483451602989 51.82475998786092)</t>
  </si>
  <si>
    <t>POINT (4.809631674144453 51.82381264833867)</t>
  </si>
  <si>
    <t>POINT (4.831765318297074 51.827592878874555)</t>
  </si>
  <si>
    <t>POINT (4.8342383090993595 51.82650686488842)</t>
  </si>
  <si>
    <t>POINT (4.84046310472961 51.82334388785485)</t>
  </si>
  <si>
    <t>POINT (4.849172889366567 51.82794795953333)</t>
  </si>
  <si>
    <t>POINT (4.8365174097999875 51.83205170163358)</t>
  </si>
  <si>
    <t>POINT (4.827736901255905 51.82827775832553)</t>
  </si>
  <si>
    <t>POINT (4.827196275462127 51.82264835243185)</t>
  </si>
  <si>
    <t>POINT (4.888328737758279 51.82660926356539)</t>
  </si>
  <si>
    <t>POINT (4.855736688417189 51.82320350555101)</t>
  </si>
  <si>
    <t>POINT (4.836150980931779 51.82470416551875)</t>
  </si>
  <si>
    <t>POINT (4.826223854678931 51.823965025381646)</t>
  </si>
  <si>
    <t>POINT (4.82974827422439 51.827514312685466)</t>
  </si>
  <si>
    <t>POINT (4.835101075761515 51.832258589908896)</t>
  </si>
  <si>
    <t>POINT (4.841281703056674 51.83208634833241)</t>
  </si>
  <si>
    <t>POINT (4.836129442454634 51.82646581771656)</t>
  </si>
  <si>
    <t>POINT (4.844008211631968 51.82310487450717)</t>
  </si>
  <si>
    <t>POINT (4.83024288837566 51.82505380039543)</t>
  </si>
  <si>
    <t>POINT (4.877677131907627 51.82627599002839)</t>
  </si>
  <si>
    <t>POINT (4.891753593694297 51.82274524655482)</t>
  </si>
  <si>
    <t>POINT (4.8296237169846234 51.82937434858436)</t>
  </si>
  <si>
    <t>POINT (4.8220149968487656 51.822992049219636)</t>
  </si>
  <si>
    <t>POINT (4.838902398713449 51.82866301616891)</t>
  </si>
  <si>
    <t>POINT (4.8413662066320455 51.821995324994845)</t>
  </si>
  <si>
    <t>POINT (4.8810266535759865 51.826398342738734)</t>
  </si>
  <si>
    <t>POINT (4.881483278798892 51.8257801036827)</t>
  </si>
  <si>
    <t>POINT (4.884558005439436 51.82452592987133)</t>
  </si>
  <si>
    <t>POINT (4.839954334598064 51.83163413958995)</t>
  </si>
  <si>
    <t>POINT (4.88393338916733 51.82200647082294)</t>
  </si>
  <si>
    <t>POINT (4.821339659162766 51.82370011335588)</t>
  </si>
  <si>
    <t>POINT (4.856367260232204 51.82749281547474)</t>
  </si>
  <si>
    <t>POINT (4.879403773057475 51.82623852916778)</t>
  </si>
  <si>
    <t>POINT (4.827610028940077 51.82914904193047)</t>
  </si>
  <si>
    <t>POINT (4.885769108097655 51.82518727050339)</t>
  </si>
  <si>
    <t>POINT (4.82922980517744 51.82252320839593)</t>
  </si>
  <si>
    <t>POINT (4.880272215901318 51.82572814886067)</t>
  </si>
  <si>
    <t>POINT (4.826121688866484 51.824018998675534)</t>
  </si>
  <si>
    <t>POINT (4.8896980982548985 51.825939436044514)</t>
  </si>
  <si>
    <t>POINT (4.840038779468828 51.828263834434416)</t>
  </si>
  <si>
    <t>POINT (4.81234407413815 51.82802588258247)</t>
  </si>
  <si>
    <t>POINT (4.833386426128418 51.82886862281652)</t>
  </si>
  <si>
    <t>POINT (4.813678280409936 51.82658624082875)</t>
  </si>
  <si>
    <t>POINT (4.884862630797888 51.82120595245864)</t>
  </si>
  <si>
    <t>POINT (4.889479198027841 51.824178370119384)</t>
  </si>
  <si>
    <t>POINT (4.878323090537842 51.823024950674025)</t>
  </si>
  <si>
    <t>POINT (4.828913793626068 51.823179685253876)</t>
  </si>
  <si>
    <t>POINT (4.884168407002451 51.82033243300253)</t>
  </si>
  <si>
    <t>POINT (4.882863483598177 51.82558829436884)</t>
  </si>
  <si>
    <t>POINT (4.87856621627173 51.82461697115784)</t>
  </si>
  <si>
    <t>POINT (4.8413245557990034 51.82892598319014)</t>
  </si>
  <si>
    <t>POINT (4.879851212285322 51.826438211020104)</t>
  </si>
  <si>
    <t>POINT (4.837816925807045 51.82426078573662)</t>
  </si>
  <si>
    <t>POINT (4.838427570265802 51.82476876195075)</t>
  </si>
  <si>
    <t>POINT (4.846463902222187 51.82594394191731)</t>
  </si>
  <si>
    <t>POINT (4.821445628429447 51.82365669711821)</t>
  </si>
  <si>
    <t>POINT (4.8252136155027685 51.82704326379296)</t>
  </si>
  <si>
    <t>POINT (4.830618355527356 51.82871391686845)</t>
  </si>
  <si>
    <t>POINT (4.853820656200229 51.830673267230736)</t>
  </si>
  <si>
    <t>POINT (4.822817988592069 51.824892496489625)</t>
  </si>
  <si>
    <t>POINT (4.825083559753379 51.822350620329836)</t>
  </si>
  <si>
    <t>POINT (4.833779644884209 51.82526827600543)</t>
  </si>
  <si>
    <t>POINT (4.832142802522999 51.82508077672421)</t>
  </si>
  <si>
    <t>POINT (4.819209876304236 51.8251679489752)</t>
  </si>
  <si>
    <t>POINT (4.835261400991204 51.83338291003375)</t>
  </si>
  <si>
    <t>POINT (4.834340356408813 51.82482315412401)</t>
  </si>
  <si>
    <t>POINT (4.884472241311043 51.82181103262124)</t>
  </si>
  <si>
    <t>POINT (4.833588890262554 51.82898863095495)</t>
  </si>
  <si>
    <t>POINT (4.8328958232384895 51.824822417944354)</t>
  </si>
  <si>
    <t>POINT (4.88551072091408 51.8223368092687)</t>
  </si>
  <si>
    <t>POINT (4.836549322825659 51.83193215107098)</t>
  </si>
  <si>
    <t>POINT (4.8785873133876105 51.824032809280205)</t>
  </si>
  <si>
    <t>POINT (4.830070039263383 51.82260809640476)</t>
  </si>
  <si>
    <t>POINT (4.843399621299341 51.827452506565294)</t>
  </si>
  <si>
    <t>POINT (4.829774400538806 51.823056120030884)</t>
  </si>
  <si>
    <t>POINT (4.821358150817288 51.823692229654704)</t>
  </si>
  <si>
    <t>POINT (4.827066838072338 51.8284992764812)</t>
  </si>
  <si>
    <t>POINT (4.839423432815254 51.82258132490592)</t>
  </si>
  <si>
    <t>POINT (4.844338156563972 51.82902085461175)</t>
  </si>
  <si>
    <t>POINT (4.87073761693123 51.82083957419756)</t>
  </si>
  <si>
    <t>POINT (4.836965059710989 51.83406504681048)</t>
  </si>
  <si>
    <t>POINT (4.840256369348057 51.827069373622415)</t>
  </si>
  <si>
    <t>POINT (4.87841011625878 51.82302532791206)</t>
  </si>
  <si>
    <t>POINT (4.822541997004836 51.82313076207316)</t>
  </si>
  <si>
    <t>POINT (4.886342147191033 51.82191789983302)</t>
  </si>
  <si>
    <t>POINT (4.825365625139801 51.82415866870171)</t>
  </si>
  <si>
    <t>POINT (4.884590149344748 51.82294408988585)</t>
  </si>
  <si>
    <t>POINT (4.842601746398111 51.826259624976466)</t>
  </si>
  <si>
    <t>POINT (4.824801891748346 51.825162686223784)</t>
  </si>
  <si>
    <t>POINT (4.873810354533299 51.822323116985785)</t>
  </si>
  <si>
    <t>POINT (4.819541056825283 51.82788375969888)</t>
  </si>
  <si>
    <t>POINT (4.821343059240406 51.82372853356169)</t>
  </si>
  <si>
    <t>POINT (4.825281685289884 51.82274706506897)</t>
  </si>
  <si>
    <t>POINT (4.8649812926300955 51.820278784881715)</t>
  </si>
  <si>
    <t>POINT (4.826237596923816 51.82381072177385)</t>
  </si>
  <si>
    <t>POINT (4.856775373690226 51.825383534776925)</t>
  </si>
  <si>
    <t>POINT (4.879218912544839 51.823334440226766)</t>
  </si>
  <si>
    <t>POINT (4.83522175715216 51.83188163909461)</t>
  </si>
  <si>
    <t>POINT (4.836320757965643 51.82624200228043)</t>
  </si>
  <si>
    <t>POINT (4.887507302403075 51.822794751009205)</t>
  </si>
  <si>
    <t>POINT (4.840271552304991 51.82258219669081)</t>
  </si>
  <si>
    <t>POINT (4.843010391173921 51.82965289258942)</t>
  </si>
  <si>
    <t>POINT (4.839225850712357 51.82592302376876)</t>
  </si>
  <si>
    <t>POINT (4.830693553742196 51.82659381420229)</t>
  </si>
  <si>
    <t>POINT (4.82836890278193 51.826009184659405)</t>
  </si>
  <si>
    <t>POINT (4.831173436581347 51.823700942112986)</t>
  </si>
  <si>
    <t>POINT (4.8331024191129925 51.826760504403964)</t>
  </si>
  <si>
    <t>POINT (4.83295186734495 51.82449257843539)</t>
  </si>
  <si>
    <t>POINT (4.825517456473518 51.828349971174504)</t>
  </si>
  <si>
    <t>POINT (4.892652715009228 51.82343875301598)</t>
  </si>
  <si>
    <t>POINT (4.829611012982072 51.824538453682024)</t>
  </si>
  <si>
    <t>POINT (4.844337506968634 51.82907478277737)</t>
  </si>
  <si>
    <t>POINT (4.912668773468586 51.83549490101881)</t>
  </si>
  <si>
    <t>POINT (4.842413349025395 51.8298388825126)</t>
  </si>
  <si>
    <t>POINT (4.839458887177609 51.82892275795344)</t>
  </si>
  <si>
    <t>POINT (4.8378823041062144 51.82428083053491)</t>
  </si>
  <si>
    <t>POINT (4.8776613693265345 51.821958909637814)</t>
  </si>
  <si>
    <t>POINT (4.882017958084068 51.82337348525508)</t>
  </si>
  <si>
    <t>POINT (4.88132687010278 51.82420644055137)</t>
  </si>
  <si>
    <t>POINT (4.8339732034370675 51.82660067855619)</t>
  </si>
  <si>
    <t>POINT (4.881764840629937 51.82266230323345)</t>
  </si>
  <si>
    <t>POINT (4.831434697083633 51.82721669872811)</t>
  </si>
  <si>
    <t>POINT (4.836043912780046 51.832273617599796)</t>
  </si>
  <si>
    <t>POINT (4.833678993457967 51.82519589311678)</t>
  </si>
  <si>
    <t>POINT (4.853131218243943 51.82151981345588)</t>
  </si>
  <si>
    <t>POINT (4.82527859784048 51.82415825212316)</t>
  </si>
  <si>
    <t>POINT (4.826106629892735 51.82329674196922)</t>
  </si>
  <si>
    <t>POINT (4.826359182603579 51.82250837702378)</t>
  </si>
  <si>
    <t>POINT (4.854886066842232 51.821536773341975)</t>
  </si>
  <si>
    <t>POINT (4.834112227873044 51.826109166289456)</t>
  </si>
  <si>
    <t>POINT (4.820003803582875 51.82835749963773)</t>
  </si>
  <si>
    <t>POINT (4.907789934894316 51.83052854643215)</t>
  </si>
  <si>
    <t>POINT (4.827931146933251 51.82431473693894)</t>
  </si>
  <si>
    <t>POINT (4.830451951490061 51.82456941090328)</t>
  </si>
  <si>
    <t>POINT (4.832113128651064 51.82513456764829)</t>
  </si>
  <si>
    <t>POINT (4.836708089151861 51.82422139844441)</t>
  </si>
  <si>
    <t>POINT (4.81207781258886 51.828349199880456)</t>
  </si>
  <si>
    <t>POINT (4.822784912655708 51.82637544754793)</t>
  </si>
  <si>
    <t>POINT (4.827272870242403 51.82326067601694)</t>
  </si>
  <si>
    <t>POINT (4.839930887255165 51.82265772154508)</t>
  </si>
  <si>
    <t>POINT (4.824480989142683 51.825304965028664)</t>
  </si>
  <si>
    <t>POINT (4.903214586406735 51.82969182078494)</t>
  </si>
  <si>
    <t>POINT (4.838182949688706 51.831751708285765)</t>
  </si>
  <si>
    <t>POINT (4.857535009680229 51.83161234222473)</t>
  </si>
  <si>
    <t>POINT (4.839373427885204 51.8220877645793)</t>
  </si>
  <si>
    <t>POINT (4.881238553989234 51.82302856493895)</t>
  </si>
  <si>
    <t>POINT (4.877991710514552 51.82411112373207)</t>
  </si>
  <si>
    <t>POINT (4.842374678990388 51.82615674022625)</t>
  </si>
  <si>
    <t>POINT (4.842506354396202 51.82694500737882)</t>
  </si>
  <si>
    <t>POINT (4.877981369006573 51.82374254984087)</t>
  </si>
  <si>
    <t>POINT (4.855183114252034 51.82217630564467)</t>
  </si>
  <si>
    <t>POINT (4.842769603048434 51.83037085839734)</t>
  </si>
  <si>
    <t>POINT (4.8422385750686905 51.82629659022641)</t>
  </si>
  <si>
    <t>POINT (4.872974412748674 51.831603647674456)</t>
  </si>
  <si>
    <t>POINT (4.827511092693788 51.82294021096994)</t>
  </si>
  <si>
    <t>POINT (4.881699019680004 51.82513126257403)</t>
  </si>
  <si>
    <t>POINT (4.865781369621895 51.82007560567473)</t>
  </si>
  <si>
    <t>POINT (4.850786702790811 51.828394335492625)</t>
  </si>
  <si>
    <t>POINT (4.844438180043386 51.825533767429256)</t>
  </si>
  <si>
    <t>POINT (4.821344323437228 51.82363823170337)</t>
  </si>
  <si>
    <t>POINT (4.845032471046267 51.827358192315025)</t>
  </si>
  <si>
    <t>POINT (4.82620867899362 51.82401888412785)</t>
  </si>
  <si>
    <t>POINT (4.888084380444567 51.82533872442458)</t>
  </si>
  <si>
    <t>POINT (4.888506375670314 51.82173502996875)</t>
  </si>
  <si>
    <t>POINT (4.824104984210687 51.825213276463266)</t>
  </si>
  <si>
    <t>POINT (4.880038887198539 51.823940216109726)</t>
  </si>
  <si>
    <t>POINT (4.882182305640449 51.8237148569945)</t>
  </si>
  <si>
    <t>POINT (4.885933949371263 51.82340824997335)</t>
  </si>
  <si>
    <t>POINT (4.883911512532159 51.82396587229546)</t>
  </si>
  <si>
    <t>POINT (4.8798200767297795 51.82662683514034)</t>
  </si>
  <si>
    <t>POINT (4.835999012873058 51.82408324284827)</t>
  </si>
  <si>
    <t>POINT (4.828455632334758 51.82295996447626)</t>
  </si>
  <si>
    <t>POINT (4.8339276657874795 51.82739026872259)</t>
  </si>
  <si>
    <t>POINT (4.84795555974722 51.821566188958485)</t>
  </si>
  <si>
    <t>POINT (4.869975576527675 51.8211188538344)</t>
  </si>
  <si>
    <t>POINT (4.838526102490379 51.826207388286285)</t>
  </si>
  <si>
    <t>POINT (4.8833896241703645 51.82653434692078)</t>
  </si>
  <si>
    <t>POINT (4.877327309832707 51.8251419186868)</t>
  </si>
  <si>
    <t>POINT (4.880621109144826 51.82634266232146)</t>
  </si>
  <si>
    <t>POINT (4.878661357504834 51.82389830239088)</t>
  </si>
  <si>
    <t>POINT (4.812830255253106 51.8284728720659)</t>
  </si>
  <si>
    <t>POINT (4.842943100374098 51.83162106814245)</t>
  </si>
  <si>
    <t>POINT (4.809466944531142 51.823061778514166)</t>
  </si>
  <si>
    <t>POINT (4.828747412596008 51.82867806565961)</t>
  </si>
  <si>
    <t>POINT (4.855238925226617 51.82605061359228)</t>
  </si>
  <si>
    <t>POINT (4.85357788289906 51.82731174191547)</t>
  </si>
  <si>
    <t>POINT (4.834615339371494 51.82809461364377)</t>
  </si>
  <si>
    <t>POINT (4.833307841687183 51.82332797753925)</t>
  </si>
  <si>
    <t>POINT (4.88399129203471 51.8246466804012)</t>
  </si>
  <si>
    <t>POINT (4.829693142408584 51.827280348834876)</t>
  </si>
  <si>
    <t>POINT (4.850821568127303 51.8269104442758)</t>
  </si>
  <si>
    <t>POINT (4.82613793021553 51.82408812631382)</t>
  </si>
  <si>
    <t>POINT (4.836523392102116 51.826278907187316)</t>
  </si>
  <si>
    <t>POINT (4.846646838880501 51.82714482506066)</t>
  </si>
  <si>
    <t>POINT (4.837870655351027 51.825388972745756)</t>
  </si>
  <si>
    <t>POINT (4.833108331039512 51.827052489007244)</t>
  </si>
  <si>
    <t>POINT (4.831583963109141 51.82687584085427)</t>
  </si>
  <si>
    <t>POINT (4.823226252988902 51.82704272107449)</t>
  </si>
  <si>
    <t>POINT (4.821378445879109 51.8238746242481)</t>
  </si>
  <si>
    <t>POINT (4.8188324538418374 51.82806420063637)</t>
  </si>
  <si>
    <t>POINT (4.828842466270439 51.828031343000525)</t>
  </si>
  <si>
    <t>POINT (4.845213567019494 51.82680106558776)</t>
  </si>
  <si>
    <t>POINT (4.844077801898602 51.821495781225465)</t>
  </si>
  <si>
    <t>POINT (4.8294696639611585 51.827755679857965)</t>
  </si>
  <si>
    <t>POINT (4.821097019683115 51.82784817354926)</t>
  </si>
  <si>
    <t>POINT (4.881115455823402 51.82365723010089)</t>
  </si>
  <si>
    <t>POINT (4.883321388798064 51.822275532081086)</t>
  </si>
  <si>
    <t>POINT (4.8144743449031475 51.82688932043096)</t>
  </si>
  <si>
    <t>POINT (4.8133861489843355 51.826580966068676)</t>
  </si>
  <si>
    <t>POINT (4.830397487635786 51.825319372215304)</t>
  </si>
  <si>
    <t>POINT (4.834281525101165 51.826150771808024)</t>
  </si>
  <si>
    <t>POINT (4.812823517845623 51.82862588713368)</t>
  </si>
  <si>
    <t>POINT (4.837270816859285 51.82372883957913)</t>
  </si>
  <si>
    <t>POINT (4.830304393342451 51.82359794832662)</t>
  </si>
  <si>
    <t>POINT (4.810640607504277 51.82826559427827)</t>
  </si>
  <si>
    <t>POINT (4.886630561018227 51.82337526859393)</t>
  </si>
  <si>
    <t>POINT (4.910456312507759 51.83677173129518)</t>
  </si>
  <si>
    <t>POINT (4.89913485437344 51.82731095641282)</t>
  </si>
  <si>
    <t>POINT (4.833397891813286 51.82329474034186)</t>
  </si>
  <si>
    <t>POINT (4.8390540081837 51.82454697548301)</t>
  </si>
  <si>
    <t>POINT (4.812869959536678 51.82758161788399)</t>
  </si>
  <si>
    <t>POINT (4.8406186802736935 51.82709802676813)</t>
  </si>
  <si>
    <t>POINT (4.878576865603831 51.82367322350498)</t>
  </si>
  <si>
    <t>POINT (4.844718757495083 51.82833058722447)</t>
  </si>
  <si>
    <t>POINT (4.881792732901719 51.82405564257624)</t>
  </si>
  <si>
    <t>POINT (4.88272658589923 51.82745126638878)</t>
  </si>
  <si>
    <t>POINT (4.821468334696615 51.8284095094888)</t>
  </si>
  <si>
    <t>POINT (4.832673369415311 51.82529013761434)</t>
  </si>
  <si>
    <t>POINT (4.8248330675806494 51.82266401965541)</t>
  </si>
  <si>
    <t>POINT (4.888888878293098 51.8237803713916)</t>
  </si>
  <si>
    <t>POINT (4.85523476586602 51.82271585144923)</t>
  </si>
  <si>
    <t>POINT (4.900324496124954 51.82731053920139)</t>
  </si>
  <si>
    <t>POINT (4.830066768506916 51.82404624787124)</t>
  </si>
  <si>
    <t>POINT (4.8462290458924375 51.82377129351547)</t>
  </si>
  <si>
    <t>POINT (4.835094003640723 51.829283352439646)</t>
  </si>
  <si>
    <t>POINT (4.886668252859104 51.82259342905492)</t>
  </si>
  <si>
    <t>POINT (4.837335510673676 51.832242111214434)</t>
  </si>
  <si>
    <t>POINT (4.881700039549805 51.827147290508464)</t>
  </si>
  <si>
    <t>POINT (4.833220453793338 51.82336883153846)</t>
  </si>
  <si>
    <t>POINT (4.886066203138802 51.82455934368976)</t>
  </si>
  <si>
    <t>POINT (4.837357627253479 51.82527732411605)</t>
  </si>
  <si>
    <t>POINT (4.8783007597439205 51.82628768370359)</t>
  </si>
  <si>
    <t>POINT (4.8557966809230955 51.8267272791237)</t>
  </si>
  <si>
    <t>POINT (4.824388796900535 51.82571799611165)</t>
  </si>
  <si>
    <t>POINT (4.8466335408521735 51.82149006941419)</t>
  </si>
  <si>
    <t>POINT (4.839474382282804 51.82695786511995)</t>
  </si>
  <si>
    <t>POINT (4.81987436701771 51.82715265173005)</t>
  </si>
  <si>
    <t>POINT (4.832056442852783 51.82738143438525)</t>
  </si>
  <si>
    <t>POINT (4.82134477477734 51.82360227968253)</t>
  </si>
  <si>
    <t>POINT (4.844793147891753 51.82858251988656)</t>
  </si>
  <si>
    <t>POINT (4.834061856500195 51.82709427939516)</t>
  </si>
  <si>
    <t>POINT (4.813680333303741 51.82686494088096)</t>
  </si>
  <si>
    <t>POINT (4.841493813943619 51.82311118904053)</t>
  </si>
  <si>
    <t>POINT (4.809458354516939 51.8231050161397)</t>
  </si>
  <si>
    <t>POINT (4.821343307918937 51.82371912374964)</t>
  </si>
  <si>
    <t>POINT (4.879868919654581 51.82514342979355)</t>
  </si>
  <si>
    <t>POINT (4.831430028079838 51.82877169365561)</t>
  </si>
  <si>
    <t>POINT (4.887038878723351 51.82317926190703)</t>
  </si>
  <si>
    <t>POINT (4.885686869806956 51.82214880327489)</t>
  </si>
  <si>
    <t>POINT (4.830880212263968 51.82982973666962)</t>
  </si>
  <si>
    <t>POINT (4.829914833389866 51.82460281628715)</t>
  </si>
  <si>
    <t>POINT (4.844022447629967 51.82289850070149)</t>
  </si>
  <si>
    <t>POINT (4.836105916183786 51.833135198571014)</t>
  </si>
  <si>
    <t>POINT (4.83100391740115 51.82921011382906)</t>
  </si>
  <si>
    <t>POINT (4.81523648565509 51.82738702913813)</t>
  </si>
  <si>
    <t>POINT (4.885960247417373 51.82234771817159)</t>
  </si>
  <si>
    <t>POINT (4.835010508316857 51.83254579693112)</t>
  </si>
  <si>
    <t>POINT (4.829378958548337 51.828051870662)</t>
  </si>
  <si>
    <t>POINT (4.831308121050218 51.828070010524165)</t>
  </si>
  <si>
    <t>POINT (4.816888712653102 51.822320078208364)</t>
  </si>
  <si>
    <t>POINT (4.827534827524555 51.82702738793737)</t>
  </si>
  <si>
    <t>POINT (4.845164773276296 51.82180688334648)</t>
  </si>
  <si>
    <t>POINT (4.830772372554841 51.82664967409564)</t>
  </si>
  <si>
    <t>POINT (4.829845145305794 51.82789229130877)</t>
  </si>
  <si>
    <t>POINT (4.885857028703276 51.8238034158538)</t>
  </si>
  <si>
    <t>POINT (4.8246470161963 51.82362490270803)</t>
  </si>
  <si>
    <t>POINT (4.816092517742868 51.82334090208405)</t>
  </si>
  <si>
    <t>POINT (4.832978859489109 51.82904867224188)</t>
  </si>
  <si>
    <t>POINT (4.845129863360792 51.82239164207656)</t>
  </si>
  <si>
    <t>POINT (4.826178750582533 51.82414388860804)</t>
  </si>
  <si>
    <t>POINT (4.8860477566297575 51.82099981523054)</t>
  </si>
  <si>
    <t>POINT (4.818600858331472 51.822274453316695)</t>
  </si>
  <si>
    <t>POINT (4.888688995509562 51.82349189048529)</t>
  </si>
  <si>
    <t>POINT (4.832415604637317 51.82295178205469)</t>
  </si>
  <si>
    <t>POINT (4.883997837755408 51.82402916194547)</t>
  </si>
  <si>
    <t>POINT (4.812172554002943 51.82776953396992)</t>
  </si>
  <si>
    <t>POINT (4.841232985259944 51.82894297711965)</t>
  </si>
  <si>
    <t>POINT (4.884557632931711 51.82325854850053)</t>
  </si>
  <si>
    <t>POINT (4.8311881428766315 51.82486053368375)</t>
  </si>
  <si>
    <t>POINT (4.820288731067575 51.825311758769054)</t>
  </si>
  <si>
    <t>POINT (4.88501735184534 51.82495934423603)</t>
  </si>
  <si>
    <t>POINT (4.82524958874112 51.82415811324928)</t>
  </si>
  <si>
    <t>POINT (4.821667460679808 51.82294543256049)</t>
  </si>
  <si>
    <t>POINT (4.885784412985973 51.825115427822446)</t>
  </si>
  <si>
    <t>POINT (4.82050154296736 51.82775201723721)</t>
  </si>
  <si>
    <t>POINT (4.885918502449197 51.8243590063897)</t>
  </si>
  <si>
    <t>POINT (4.840963551348052 51.82185088467945)</t>
  </si>
  <si>
    <t>POINT (4.815999342384616 51.824159988976035)</t>
  </si>
  <si>
    <t>POINT (4.821898963508218 51.822991490458534)</t>
  </si>
  <si>
    <t>POINT (4.814172539251765 51.82666698985852)</t>
  </si>
  <si>
    <t>POINT (4.881353014325674 51.827046922086)</t>
  </si>
  <si>
    <t>POINT (4.8478688317171175 51.82128901554671)</t>
  </si>
  <si>
    <t>POINT (4.83627890177586 51.83085292378799)</t>
  </si>
  <si>
    <t>POINT (4.840797396947532 51.827817276199276)</t>
  </si>
  <si>
    <t>POINT (4.8217172459006274 51.8236018365119)</t>
  </si>
  <si>
    <t>POINT (4.885465207839585 51.82251638494101)</t>
  </si>
  <si>
    <t>POINT (4.841956647130824 51.8292165536898)</t>
  </si>
  <si>
    <t>POINT (4.844819347537078 51.82881634267585)</t>
  </si>
  <si>
    <t>POINT (4.819927427595781 51.82866274110584)</t>
  </si>
  <si>
    <t>POINT (4.843946001681346 51.83237993153056)</t>
  </si>
  <si>
    <t>POINT (4.882611330276689 51.82842325546297)</t>
  </si>
  <si>
    <t>POINT (4.84458010566953 51.822864829168445)</t>
  </si>
  <si>
    <t>POINT (4.835495957689507 51.83094773424619)</t>
  </si>
  <si>
    <t>POINT (4.888872485779345 51.82395108342724)</t>
  </si>
  <si>
    <t>POINT (4.8205282759538814 51.82818026169952)</t>
  </si>
  <si>
    <t>POINT (4.905429754302853 51.830105414209186)</t>
  </si>
  <si>
    <t>POINT (4.831796018937855 51.823793775008546)</t>
  </si>
  <si>
    <t>POINT (4.8788803650553545 51.826344125995135)</t>
  </si>
  <si>
    <t>POINT (4.8935582151197075 51.8237774850562)</t>
  </si>
  <si>
    <t>POINT (4.883794897524061 51.82412365091493)</t>
  </si>
  <si>
    <t>POINT (4.813789790106333 51.82897600502917)</t>
  </si>
  <si>
    <t>POINT (4.815804027541264 51.82321365834251)</t>
  </si>
  <si>
    <t>POINT (4.827541866228493 51.82412412212859)</t>
  </si>
  <si>
    <t>POINT (4.83368677075698 51.829919217096624)</t>
  </si>
  <si>
    <t>POINT (4.878450482219912 51.824589504091705)</t>
  </si>
  <si>
    <t>POINT (4.844481578212846 51.821929565984654)</t>
  </si>
  <si>
    <t>POINT (4.8371513960367265 51.82593129865741)</t>
  </si>
  <si>
    <t>POINT (4.837322669544611 51.82463873153331)</t>
  </si>
  <si>
    <t>POINT (4.821699795228612 51.827305033780085)</t>
  </si>
  <si>
    <t>POINT (4.883992955384256 51.824955047300826)</t>
  </si>
  <si>
    <t>POINT (4.838880237932253 51.829292109889714)</t>
  </si>
  <si>
    <t>POINT (4.811681933809347 51.828690253774155)</t>
  </si>
  <si>
    <t>POINT (4.879231269664007 51.82223789506535)</t>
  </si>
  <si>
    <t>POINT (4.819056964734291 51.825185725382546)</t>
  </si>
  <si>
    <t>POINT (4.892493307485908 51.823130467713746)</t>
  </si>
  <si>
    <t>POINT (4.805773040315379 51.82619991641688)</t>
  </si>
  <si>
    <t>POINT (4.834367709898073 51.82497841614957)</t>
  </si>
  <si>
    <t>POINT (4.8798486620158625 51.82555005435469)</t>
  </si>
  <si>
    <t>POINT (4.826122444838901 51.82408178727944)</t>
  </si>
  <si>
    <t>POINT (4.88412267274505 51.82039766438522)</t>
  </si>
  <si>
    <t>POINT (4.83419647432894 51.826763335500196)</t>
  </si>
  <si>
    <t>POINT (4.822281482071169 51.82719098347164)</t>
  </si>
  <si>
    <t>POINT (4.833267249357532 51.8294471469038)</t>
  </si>
  <si>
    <t>POINT (4.839462934688783 51.82267759671733)</t>
  </si>
  <si>
    <t>POINT (4.836631663161633 51.8292905741419)</t>
  </si>
  <si>
    <t>POINT (4.827299278473569 51.82730490945918)</t>
  </si>
  <si>
    <t>POINT (4.840009222032841 51.82830863932148)</t>
  </si>
  <si>
    <t>POINT (4.836105034602297 51.834393588414436)</t>
  </si>
  <si>
    <t>POINT (4.842732015550854 51.825076439479126)</t>
  </si>
  <si>
    <t>POINT (4.828013062257799 51.82706562120097)</t>
  </si>
  <si>
    <t>POINT (4.880266676783588 51.826105858060295)</t>
  </si>
  <si>
    <t>POINT (4.832090056946214 51.827484862658196)</t>
  </si>
  <si>
    <t>POINT (4.8200479999106 51.828303781906115)</t>
  </si>
  <si>
    <t>POINT (4.835795619358124 51.82410925319946)</t>
  </si>
  <si>
    <t>POINT (4.823336247207581 51.823746853071704)</t>
  </si>
  <si>
    <t>POINT (4.844416531213908 51.82612691042011)</t>
  </si>
  <si>
    <t>POINT (4.831707049790596 51.828084509873875)</t>
  </si>
  <si>
    <t>POINT (4.813326539807146 51.8268683083045)</t>
  </si>
  <si>
    <t>POINT (4.855333194138993 51.82420839301603)</t>
  </si>
  <si>
    <t>POINT (4.827513406416118 51.82641606496976)</t>
  </si>
  <si>
    <t>POINT (4.843649272070737 51.8259975207408)</t>
  </si>
  <si>
    <t>POINT (4.8303614558940495 51.823620339841625)</t>
  </si>
  <si>
    <t>POINT (4.830477890833236 51.82364371404483)</t>
  </si>
  <si>
    <t>POINT (4.828889426698635 51.82326972445897)</t>
  </si>
  <si>
    <t>POINT (4.846032681853695 51.83220934010591)</t>
  </si>
  <si>
    <t>POINT (4.827259781785587 51.82698113357486)</t>
  </si>
  <si>
    <t>POINT (4.854254860596901 51.82331545357529)</t>
  </si>
  <si>
    <t>POINT (4.827142341938818 51.822423381446406)</t>
  </si>
  <si>
    <t>POINT (4.839023687037988 51.824654696326085)</t>
  </si>
  <si>
    <t>POINT (4.8393845937176385 51.82837763434133)</t>
  </si>
  <si>
    <t>POINT (4.87236580648866 51.821381040400944)</t>
  </si>
  <si>
    <t>POINT (4.836170344959961 51.82376332719752)</t>
  </si>
  <si>
    <t>POINT (4.811758199358697 51.82811514469989)</t>
  </si>
  <si>
    <t>POINT (4.82764607594549 51.82390889386882)</t>
  </si>
  <si>
    <t>POINT (4.829719607440021 51.82279519202511)</t>
  </si>
  <si>
    <t>POINT (4.837412576915394 51.82471111489653)</t>
  </si>
  <si>
    <t>POINT (4.855772425512393 51.82755411344387)</t>
  </si>
  <si>
    <t>POINT (4.814176539958685 51.826515480399536)</t>
  </si>
  <si>
    <t>POINT (4.833383455460509 51.82741395801428)</t>
  </si>
  <si>
    <t>POINT (4.813698474785521 51.82567524192751)</t>
  </si>
  <si>
    <t>POINT (4.817977016994661 51.82776727175681)</t>
  </si>
  <si>
    <t>POINT (4.838819080978814 51.82835701688588)</t>
  </si>
  <si>
    <t>POINT (4.826290192228824 51.82912476591166)</t>
  </si>
  <si>
    <t>POINT (4.8837184825618 51.825663872642394)</t>
  </si>
  <si>
    <t>POINT (4.841359894280067 51.829849494234125)</t>
  </si>
  <si>
    <t>POINT (4.8394910520383005 51.82203003180483)</t>
  </si>
  <si>
    <t>POINT (4.8343999393350074 51.82554984350334)</t>
  </si>
  <si>
    <t>POINT (4.886008770031932 51.82320183375125)</t>
  </si>
  <si>
    <t>POINT (4.825307606940047 51.82415839098985)</t>
  </si>
  <si>
    <t>POINT (4.83273579116634 51.824944364700606)</t>
  </si>
  <si>
    <t>POINT (4.846923256545439 51.83241246587307)</t>
  </si>
  <si>
    <t>POINT (4.834032879228542 51.823286759484425)</t>
  </si>
  <si>
    <t>POINT (4.880787599439491 51.827017518788665)</t>
  </si>
  <si>
    <t>POINT (4.884285629208008 51.82155844705732)</t>
  </si>
  <si>
    <t>POINT (4.826567180067319 51.827849716330455)</t>
  </si>
  <si>
    <t>POINT (4.83799352229511 51.82467684659153)</t>
  </si>
  <si>
    <t>POINT (4.8254828682744915 51.82443951064511)</t>
  </si>
  <si>
    <t>POINT (4.885017952677803 51.824905415760426)</t>
  </si>
  <si>
    <t>POINT (4.840064081323337 51.82856956244222)</t>
  </si>
  <si>
    <t>POINT (4.883997452227555 51.82168589156092)</t>
  </si>
  <si>
    <t>POINT (4.814758893777355 51.82748603802383)</t>
  </si>
  <si>
    <t>POINT (4.902264992648142 51.82895983422107)</t>
  </si>
  <si>
    <t>POINT (4.855771599733789 51.82394435418492)</t>
  </si>
  <si>
    <t>POINT (4.855476431383803 51.829867290437946)</t>
  </si>
  <si>
    <t>POINT (4.833660079717353 51.82543788326586)</t>
  </si>
  <si>
    <t>POINT (4.8295130319611745 51.824661239111045)</t>
  </si>
  <si>
    <t>POINT (4.8799624797967 51.82299609218334)</t>
  </si>
  <si>
    <t>POINT (4.8796939143130205 51.82366008128248)</t>
  </si>
  <si>
    <t>POINT (4.888026468707778 51.82306661514346)</t>
  </si>
  <si>
    <t>POINT (4.879415063443185 51.82266115042602)</t>
  </si>
  <si>
    <t>POINT (4.840077726570942 51.826250584584336)</t>
  </si>
  <si>
    <t>POINT (4.888410128745837 51.82378732659827)</t>
  </si>
  <si>
    <t>POINT (4.855348547199497 51.82413655436725)</t>
  </si>
  <si>
    <t>POINT (4.882454089031359 51.82674605228682)</t>
  </si>
  <si>
    <t>POINT (4.88278994911555 51.82697433885409)</t>
  </si>
  <si>
    <t>POINT (4.836508981968598 51.82423374058978)</t>
  </si>
  <si>
    <t>POINT (4.877186696671878 51.826031170499284)</t>
  </si>
  <si>
    <t>POINT (4.844079043598072 51.821631082422385)</t>
  </si>
  <si>
    <t>POINT (4.839163762509826 51.82829250689156)</t>
  </si>
  <si>
    <t>POINT (4.833108779942504 51.825952842341984)</t>
  </si>
  <si>
    <t>POINT (4.829708073343949 51.82850554862235)</t>
  </si>
  <si>
    <t>POINT (4.82372839908393 51.822847481467456)</t>
  </si>
  <si>
    <t>POINT (4.820420857323043 51.8286471474262)</t>
  </si>
  <si>
    <t>POINT (4.844626643784455 51.82674809040208)</t>
  </si>
  <si>
    <t>POINT (4.888304734731057 51.82665995559377)</t>
  </si>
  <si>
    <t>POINT (4.812887232560537 51.827787998614326)</t>
  </si>
  <si>
    <t>POINT (4.882731836385254 51.82740468354651)</t>
  </si>
  <si>
    <t>POINT (4.8335967969104185 51.82716399538225)</t>
  </si>
  <si>
    <t>POINT (4.817339272739072 51.828383812027944)</t>
  </si>
  <si>
    <t>POINT (4.885892145607169 51.82455860049694)</t>
  </si>
  <si>
    <t>POINT (4.890451110612624 51.82417349850756)</t>
  </si>
  <si>
    <t>POINT (4.855738885506584 51.82547761260932)</t>
  </si>
  <si>
    <t>POINT (4.835927758249427 51.833466937701544)</t>
  </si>
  <si>
    <t>POINT (4.8327656057446085 51.82397812953846)</t>
  </si>
  <si>
    <t>POINT (4.913448013947076 51.83740972652556)</t>
  </si>
  <si>
    <t>POINT (4.811090654930931 51.82815403575938)</t>
  </si>
  <si>
    <t>POINT (4.8318214771357235 51.826436526405146)</t>
  </si>
  <si>
    <t>POINT (4.844995156705731 51.827467032857854)</t>
  </si>
  <si>
    <t>POINT (4.884135902721681 51.82335561549815)</t>
  </si>
  <si>
    <t>POINT (4.836523721549788 51.82625194312384)</t>
  </si>
  <si>
    <t>POINT (4.8161530115476054 51.825435528969514)</t>
  </si>
  <si>
    <t>POINT (4.841542503771187 51.827054775291)</t>
  </si>
  <si>
    <t>POINT (4.8481729789081625 51.82132636679007)</t>
  </si>
  <si>
    <t>POINT (4.85579434950871 51.8269250160847)</t>
  </si>
  <si>
    <t>POINT (4.836248341624491 51.8262326738808)</t>
  </si>
  <si>
    <t>POINT (4.878912180904938 51.82223651378379)</t>
  </si>
  <si>
    <t>POINT (4.901032860962041 51.828820333181234)</t>
  </si>
  <si>
    <t>POINT (4.830659070055304 51.82663395532917)</t>
  </si>
  <si>
    <t>POINT (4.835344987782406 51.82418803234433)</t>
  </si>
  <si>
    <t>POINT (4.812545332534029 51.82653832796601)</t>
  </si>
  <si>
    <t>POINT (4.879525282493106 51.82575367519454)</t>
  </si>
  <si>
    <t>POINT (4.812273939836211 51.82802431666656)</t>
  </si>
  <si>
    <t>POINT (4.831654519416408 51.8235054720485)</t>
  </si>
  <si>
    <t>POINT (4.855459628301187 51.82921103434237)</t>
  </si>
  <si>
    <t>POINT (4.838725549623989 51.83008237800678)</t>
  </si>
  <si>
    <t>POINT (4.881118685027468 51.823369611654954)</t>
  </si>
  <si>
    <t>POINT (4.881978673723825 51.82429014426827)</t>
  </si>
  <si>
    <t>POINT (4.855223550038633 51.82243715624033)</t>
  </si>
  <si>
    <t>POINT (4.826075523279028 51.82539349503324)</t>
  </si>
  <si>
    <t>POINT (4.819450881342514 51.828489654923054)</t>
  </si>
  <si>
    <t>POINT (4.882532354499474 51.822773467662515)</t>
  </si>
  <si>
    <t>POINT (4.876287528700091 51.82148441151813)</t>
  </si>
  <si>
    <t>POINT (4.830751797057468 51.82657611322844)</t>
  </si>
  <si>
    <t>POINT (4.824996648051633 51.82234121553599)</t>
  </si>
  <si>
    <t>POINT (4.8833891218290555 51.826579287299175)</t>
  </si>
  <si>
    <t>POINT (4.842159842793375 51.82920850875356)</t>
  </si>
  <si>
    <t>POINT (4.828242334483779 51.82495440577027)</t>
  </si>
  <si>
    <t>POINT (4.845219245095084 51.82330822017091)</t>
  </si>
  <si>
    <t>POINT (4.823673354137138 51.829570648730495)</t>
  </si>
  <si>
    <t>POINT (4.827906957164223 51.823680713579286)</t>
  </si>
  <si>
    <t>3371PH</t>
  </si>
  <si>
    <t>Cornelisweer</t>
  </si>
  <si>
    <t>POINT (4.836143178952653 51.82534231508331)</t>
  </si>
  <si>
    <t>POINT (4.821411267520058 51.82381484681265)</t>
  </si>
  <si>
    <t>POINT (4.879274211596799 51.82117648338844)</t>
  </si>
  <si>
    <t>POINT (4.820495421622965 51.828485713614334)</t>
  </si>
  <si>
    <t>POINT (4.834997464058863 51.83124239855184)</t>
  </si>
  <si>
    <t>POINT (4.882679436329758 51.82674273347963)</t>
  </si>
  <si>
    <t>POINT (4.878562058676347 51.826270839157296)</t>
  </si>
  <si>
    <t>POINT (4.84097753332547 51.821883245563136)</t>
  </si>
  <si>
    <t>POINT (4.832502408477536 51.82297016937676)</t>
  </si>
  <si>
    <t>POINT (4.812690320016288 51.82654417012009)</t>
  </si>
  <si>
    <t>POINT (4.8794751590479235 51.82505235459875)</t>
  </si>
  <si>
    <t>POINT (4.8496845368968176 51.82714887740715)</t>
  </si>
  <si>
    <t>POINT (4.836869927478785 51.82997481982567)</t>
  </si>
  <si>
    <t>POINT (4.830511230425379 51.829165406497374)</t>
  </si>
  <si>
    <t>POINT (4.831370749955078 51.82299178172328)</t>
  </si>
  <si>
    <t>POINT (4.826947234351539 51.82761782874026)</t>
  </si>
  <si>
    <t>POINT (4.882046765441733 51.82339158625045)</t>
  </si>
  <si>
    <t>POINT (4.882028433267146 51.823733070772704)</t>
  </si>
  <si>
    <t>POINT (4.840921771164243 51.827225277079386)</t>
  </si>
  <si>
    <t>POINT (4.828710720551825 51.82461507056732)</t>
  </si>
  <si>
    <t>POINT (4.8850410570462115 51.82071179046359)</t>
  </si>
  <si>
    <t>POINT (4.913440088956709 51.837183670284546)</t>
  </si>
  <si>
    <t>POINT (4.8341967972446795 51.82672164818536)</t>
  </si>
  <si>
    <t>POINT (4.840958390256959 51.82540077520599)</t>
  </si>
  <si>
    <t>POINT (4.833925186959316 51.826410506472214)</t>
  </si>
  <si>
    <t>POINT (4.839530343034076 51.822143632519854)</t>
  </si>
  <si>
    <t>POINT (4.877293419249017 51.82557322004461)</t>
  </si>
  <si>
    <t>POINT (4.811950595481362 51.82510041042134)</t>
  </si>
  <si>
    <t>POINT (4.821088491585876 51.82699342064576)</t>
  </si>
  <si>
    <t>POINT (4.8295543172966475 51.828920448332056)</t>
  </si>
  <si>
    <t>POINT (4.829262359539639 51.82840178865908)</t>
  </si>
  <si>
    <t>POINT (4.81465701488368 51.82642747197365)</t>
  </si>
  <si>
    <t>POINT (4.841737715084253 51.83172333604625)</t>
  </si>
  <si>
    <t>POINT (4.821833506284707 51.82358441944327)</t>
  </si>
  <si>
    <t>POINT (4.880438291769922 51.823249825637475)</t>
  </si>
  <si>
    <t>POINT (4.836422624172194 51.826215514672285)</t>
  </si>
  <si>
    <t>POINT (4.840126339917248 51.82219171405374)</t>
  </si>
  <si>
    <t>POINT (4.824165431435336 51.822696773280406)</t>
  </si>
  <si>
    <t>POINT (4.82084694711084 51.82894428880239)</t>
  </si>
  <si>
    <t>POINT (4.882081414570913 51.822888378719966)</t>
  </si>
  <si>
    <t>POINT (4.837200148592559 51.82431359041427)</t>
  </si>
  <si>
    <t>POINT (4.8128764593742055 51.827319723317345)</t>
  </si>
  <si>
    <t>POINT (4.835957148060424 51.82394821816655)</t>
  </si>
  <si>
    <t>POINT (4.8861532319071 51.824559715189345)</t>
  </si>
  <si>
    <t>POINT (4.833199762069243 51.826872125095804)</t>
  </si>
  <si>
    <t>POINT (4.826734455585359 51.82723030574526)</t>
  </si>
  <si>
    <t>3371MD</t>
  </si>
  <si>
    <t>Langeveer</t>
  </si>
  <si>
    <t>POINT (4.846130522898127 51.820068978772746)</t>
  </si>
  <si>
    <t>POINT (4.819399181338349 51.8251606403039)</t>
  </si>
  <si>
    <t>POINT (4.8332344080162395 51.827121927256066)</t>
  </si>
  <si>
    <t>POINT (4.883121267481555 51.82199399759789)</t>
  </si>
  <si>
    <t>POINT (4.887011072822968 51.82419098874029)</t>
  </si>
  <si>
    <t>POINT (4.841458211609824 51.829645687006796)</t>
  </si>
  <si>
    <t>POINT (4.883921153170559 51.8257006957522)</t>
  </si>
  <si>
    <t>POINT (4.878619669212739 51.8237363285527)</t>
  </si>
  <si>
    <t>POINT (4.884125131236441 51.824394829771755)</t>
  </si>
  <si>
    <t>POINT (4.828581157335839 51.82336504644402)</t>
  </si>
  <si>
    <t>POINT (4.829497190942229 51.82915122731539)</t>
  </si>
  <si>
    <t>POINT (4.884528854756449 51.823838678495136)</t>
  </si>
  <si>
    <t>POINT (4.855877455319278 51.83204272775533)</t>
  </si>
  <si>
    <t>POINT (4.866100026958294 51.82011297489268)</t>
  </si>
  <si>
    <t>POINT (4.8305680780400655 51.82589354232049)</t>
  </si>
  <si>
    <t>POINT (4.810236174194275 51.823075665248496)</t>
  </si>
  <si>
    <t>POINT (4.839135431728843 51.826201246225295)</t>
  </si>
  <si>
    <t>POINT (4.885844605587716 51.821007936220305)</t>
  </si>
  <si>
    <t>POINT (4.830133596698644 51.82644504051099)</t>
  </si>
  <si>
    <t>POINT (4.8521372386743495 51.83071953779178)</t>
  </si>
  <si>
    <t>POINT (4.829720204941269 51.82861078112174)</t>
  </si>
  <si>
    <t>POINT (4.878907518817332 51.822649965238845)</t>
  </si>
  <si>
    <t>POINT (4.842332614606205 51.82691723548265)</t>
  </si>
  <si>
    <t>POINT (4.852510550740647 51.823710189130495)</t>
  </si>
  <si>
    <t>POINT (4.865135706254217 51.82033991960193)</t>
  </si>
  <si>
    <t>POINT (4.868938998052792 51.81978600278746)</t>
  </si>
  <si>
    <t>POINT (4.820558643703889 51.82807254575237)</t>
  </si>
  <si>
    <t>POINT (4.880402512386955 51.82385190146474)</t>
  </si>
  <si>
    <t>POINT (4.833607371006554 51.82866513083216)</t>
  </si>
  <si>
    <t>POINT (4.882503688240997 51.82882114531221)</t>
  </si>
  <si>
    <t>POINT (4.822689696980362 51.824712108648306)</t>
  </si>
  <si>
    <t>POINT (4.824451444661532 51.82661516443112)</t>
  </si>
  <si>
    <t>POINT (4.829588934604372 51.827495578827886)</t>
  </si>
  <si>
    <t>POINT (4.8215609017726395 51.822189880900304)</t>
  </si>
  <si>
    <t>POINT (4.832963690140125 51.8291025318377)</t>
  </si>
  <si>
    <t>POINT (4.8211937939750875 51.827167766902704)</t>
  </si>
  <si>
    <t>POINT (4.82956578200806 51.823504556341426)</t>
  </si>
  <si>
    <t>POINT (4.873827341447822 51.82235989139513)</t>
  </si>
  <si>
    <t>POINT (4.889473030149981 51.82342330944246)</t>
  </si>
  <si>
    <t>POINT (4.829315330229881 51.827332485131386)</t>
  </si>
  <si>
    <t>POINT (4.851416601207281 51.82543998701403)</t>
  </si>
  <si>
    <t>POINT (4.852455334039755 51.827414442101016)</t>
  </si>
  <si>
    <t>POINT (4.821725477288494 51.82294571206978)</t>
  </si>
  <si>
    <t>POINT (4.886185638252858 51.82425424424974)</t>
  </si>
  <si>
    <t>POINT (4.811095823055959 51.828428373722666)</t>
  </si>
  <si>
    <t>POINT (4.826888624701684 51.82320271797952)</t>
  </si>
  <si>
    <t>POINT (4.839995094025928 51.82281239003251)</t>
  </si>
  <si>
    <t>POINT (4.842673049956042 51.82627351945209)</t>
  </si>
  <si>
    <t>POINT (4.8380161358907445 51.831454306569555)</t>
  </si>
  <si>
    <t>POINT (4.818477550629692 51.82763749427311)</t>
  </si>
  <si>
    <t>POINT (4.826704773836632 51.827284095276184)</t>
  </si>
  <si>
    <t>POINT (4.8799449411665465 51.823265671772695)</t>
  </si>
  <si>
    <t>POINT (4.835763687567307 51.83146172495284)</t>
  </si>
  <si>
    <t>POINT (4.821725251774701 51.82296368808259)</t>
  </si>
  <si>
    <t>POINT (4.821695597070605 51.82621873884016)</t>
  </si>
  <si>
    <t>POINT (4.836726795000127 51.826252895594976)</t>
  </si>
  <si>
    <t>POINT (4.885033659207152 51.824797620858845)</t>
  </si>
  <si>
    <t>POINT (4.880620402004837 51.826405578830894)</t>
  </si>
  <si>
    <t>POINT (4.844315102927223 51.826117452851314)</t>
  </si>
  <si>
    <t>POINT (4.890453190710787 51.823984748697065)</t>
  </si>
  <si>
    <t>POINT (4.876873828404851 51.821634427583135)</t>
  </si>
  <si>
    <t>POINT (4.8356911529582405 51.831461384217896)</t>
  </si>
  <si>
    <t>POINT (4.832253734910096 51.823139776276676)</t>
  </si>
  <si>
    <t>POINT (4.843359683717865 51.82234683459414)</t>
  </si>
  <si>
    <t>POINT (4.830458318490236 51.82287959501628)</t>
  </si>
  <si>
    <t>POINT (4.840108690401226 51.82847988503256)</t>
  </si>
  <si>
    <t>POINT (4.819465840177707 51.82845377308937)</t>
  </si>
  <si>
    <t>POINT (4.8842849994882345 51.82403565984555)</t>
  </si>
  <si>
    <t>POINT (4.838931794570093 51.82856720987162)</t>
  </si>
  <si>
    <t>POINT (4.82932791790978 51.829831358657835)</t>
  </si>
  <si>
    <t>POINT (4.835699662176463 51.83181876324332)</t>
  </si>
  <si>
    <t>POINT (4.842596258787615 51.825507259321945)</t>
  </si>
  <si>
    <t>POINT (4.847235092125783 51.82639602844907)</t>
  </si>
  <si>
    <t>POINT (4.882773784084562 51.827007194294886)</t>
  </si>
  <si>
    <t>POINT (4.83262331546914 51.8250161821259)</t>
  </si>
  <si>
    <t>POINT (4.82360482961464 51.82228959819072)</t>
  </si>
  <si>
    <t>POINT (4.82169590517025 51.82299051235051)</t>
  </si>
  <si>
    <t>POINT (4.880034544392357 51.82457242226928)</t>
  </si>
  <si>
    <t>POINT (4.836925897799334 51.825390929594846)</t>
  </si>
  <si>
    <t>POINT (4.885318005245219 51.82486464176887)</t>
  </si>
  <si>
    <t>POINT (4.8289434285380635 51.82530057415298)</t>
  </si>
  <si>
    <t>POINT (4.828397169948654 51.82299564035315)</t>
  </si>
  <si>
    <t>POINT (4.825284117200617 51.82290453808413)</t>
  </si>
  <si>
    <t>POINT (4.815412071395068 51.82323871532862)</t>
  </si>
  <si>
    <t>POINT (4.81750007972041 51.82788695963106)</t>
  </si>
  <si>
    <t>POINT (4.826703228471184 51.82717040082203)</t>
  </si>
  <si>
    <t>POINT (4.878619471490988 51.82632501896741)</t>
  </si>
  <si>
    <t>POINT (4.841337863489666 51.82196066821684)</t>
  </si>
  <si>
    <t>POINT (4.826860312099725 51.82760842531724)</t>
  </si>
  <si>
    <t>POINT (4.882494945498423 51.82909533801833)</t>
  </si>
  <si>
    <t>POINT (4.808211908490417 51.82405763003156)</t>
  </si>
  <si>
    <t>POINT (4.882624036513156 51.82824718031372)</t>
  </si>
  <si>
    <t>POINT (4.881024130083898 51.82662304456574)</t>
  </si>
  <si>
    <t>POINT (4.833955573684783 51.82748028562148)</t>
  </si>
  <si>
    <t>POINT (4.817983646495408 51.82760647183193)</t>
  </si>
  <si>
    <t>POINT (4.8921772717493255 51.82285049171798)</t>
  </si>
  <si>
    <t>POINT (4.88142493709112 51.827101163028914)</t>
  </si>
  <si>
    <t>POINT (4.825308055124906 51.82412243895142)</t>
  </si>
  <si>
    <t>POINT (4.826141139672319 51.823221996380234)</t>
  </si>
  <si>
    <t>POINT (4.83971848732396 51.828005745472225)</t>
  </si>
  <si>
    <t>POINT (4.840962496502259 51.82670413169592)</t>
  </si>
  <si>
    <t>POINT (4.837184545136252 51.829158337867455)</t>
  </si>
  <si>
    <t>POINT (4.842362364404766 51.828919020489714)</t>
  </si>
  <si>
    <t>POINT (4.815204575394231 51.82732613802503)</t>
  </si>
  <si>
    <t>POINT (4.843346479347355 51.827047776487206)</t>
  </si>
  <si>
    <t>POINT (4.885493634458723 51.82541759247506)</t>
  </si>
  <si>
    <t>POINT (4.888508268223973 51.8247355096494)</t>
  </si>
  <si>
    <t>POINT (4.878573720152663 51.82266649637585)</t>
  </si>
  <si>
    <t>POINT (4.814271522881998 51.82879117961854)</t>
  </si>
  <si>
    <t>POINT (4.8423102891454075 51.822764429096566)</t>
  </si>
  <si>
    <t>POINT (4.88283907741687 51.823880372769814)</t>
  </si>
  <si>
    <t>POINT (4.827156836125387 51.82326012245373)</t>
  </si>
  <si>
    <t>POINT (4.827534042160781 51.828258814269304)</t>
  </si>
  <si>
    <t>POINT (4.83427298318617 51.826439110829405)</t>
  </si>
  <si>
    <t>POINT (4.809711560902507 51.82437033189613)</t>
  </si>
  <si>
    <t>POINT (4.847632421944008 51.82376353288586)</t>
  </si>
  <si>
    <t>POINT (4.87802488255789 51.82374273859558)</t>
  </si>
  <si>
    <t>POINT (4.8552452393261945 51.82305746297811)</t>
  </si>
  <si>
    <t>POINT (4.864201238578615 51.82000565602873)</t>
  </si>
  <si>
    <t>POINT (4.817992160875467 51.82757898119838)</t>
  </si>
  <si>
    <t>POINT (4.852945978353627 51.8288174476552)</t>
  </si>
  <si>
    <t>POINT (4.818854437512326 51.82492557812036)</t>
  </si>
  <si>
    <t>POINT (4.820451225648739 51.828539431513796)</t>
  </si>
  <si>
    <t>POINT (4.8357908719149 51.82686871194845)</t>
  </si>
  <si>
    <t>POINT (4.84701677222027 51.82715273003637)</t>
  </si>
  <si>
    <t>POINT (4.835983375038552 51.83247846061581)</t>
  </si>
  <si>
    <t>POINT (4.837380677160948 51.832107494815936)</t>
  </si>
  <si>
    <t>POINT (4.837811707664818 51.828882630129804)</t>
  </si>
  <si>
    <t>POINT (4.837179528853007 51.82600333876894)</t>
  </si>
  <si>
    <t>POINT (4.81278623169805 51.82682328459384)</t>
  </si>
  <si>
    <t>POINT (4.844382649015863 51.830144626308496)</t>
  </si>
  <si>
    <t>POINT (4.853645647185357 51.82558476999567)</t>
  </si>
  <si>
    <t>POINT (4.833945319105329 51.825952185916904)</t>
  </si>
  <si>
    <t>POINT (4.847853406208673 51.82119264151028)</t>
  </si>
  <si>
    <t>POINT (4.833146498778466 51.824571931270775)</t>
  </si>
  <si>
    <t>POINT (4.847912173466434 51.82112999178708)</t>
  </si>
  <si>
    <t>POINT (4.886062560035407 51.82097291289835)</t>
  </si>
  <si>
    <t>POINT (4.8912590537889935 51.823251098675605)</t>
  </si>
  <si>
    <t>POINT (4.846903977685074 51.825568153392226)</t>
  </si>
  <si>
    <t>POINT (4.834042784683729 51.829889201609774)</t>
  </si>
  <si>
    <t>POINT (4.841967625860167 51.82231341108411)</t>
  </si>
  <si>
    <t>POINT (4.837497285442993 51.825683172445075)</t>
  </si>
  <si>
    <t>POINT (4.83339163034403 51.82459534367268)</t>
  </si>
  <si>
    <t>POINT (4.821898738063332 51.82300946647169)</t>
  </si>
  <si>
    <t>POINT (4.857156036364155 51.83078724760672)</t>
  </si>
  <si>
    <t>POINT (4.81851985949867 51.828771586356844)</t>
  </si>
  <si>
    <t>POINT (4.847042666535628 51.82590840529156)</t>
  </si>
  <si>
    <t>POINT (4.812672903502732 51.82419610402773)</t>
  </si>
  <si>
    <t>POINT (4.829134325632199 51.82906346456431)</t>
  </si>
  <si>
    <t>POINT (4.886920050787795 51.82343043376822)</t>
  </si>
  <si>
    <t>POINT (4.855711162256136 51.82413819676957)</t>
  </si>
  <si>
    <t>POINT (4.837274133672062 51.82485632338755)</t>
  </si>
  <si>
    <t>POINT (4.830560504440939 51.82627773954307)</t>
  </si>
  <si>
    <t>POINT (4.830608683835637 51.82677541177234)</t>
  </si>
  <si>
    <t>POINT (4.809577687906972 51.82349778319048)</t>
  </si>
  <si>
    <t>POINT (4.825401909874699 51.82590262008613)</t>
  </si>
  <si>
    <t>POINT (4.8336399823305 51.82719116464923)</t>
  </si>
  <si>
    <t>POINT (4.817291801515328 51.828635440646075)</t>
  </si>
  <si>
    <t>POINT (4.81340987452973 51.822971737480636)</t>
  </si>
  <si>
    <t>POINT (4.84182039714185 51.823149407070346)</t>
  </si>
  <si>
    <t>POINT (4.8292108509971685 51.82520498512861)</t>
  </si>
  <si>
    <t>POINT (4.9049955175800966 51.83001374652227)</t>
  </si>
  <si>
    <t>POINT (4.824763275518547 51.823607482735326)</t>
  </si>
  <si>
    <t>POINT (4.8437216895829485 51.82600684457535)</t>
  </si>
  <si>
    <t>POINT (4.824275178183388 51.82320065833762)</t>
  </si>
  <si>
    <t>POINT (4.837377404372377 51.82446586868904)</t>
  </si>
  <si>
    <t>POINT (4.842968288458464 51.82593144578356)</t>
  </si>
  <si>
    <t>POINT (4.883018276107623 51.82502928982335)</t>
  </si>
  <si>
    <t>POINT (4.828686938036813 51.82887552580424)</t>
  </si>
  <si>
    <t>POINT (4.836479681345904 51.82985613881197)</t>
  </si>
  <si>
    <t>POINT (4.838615650066741 51.826001070497014)</t>
  </si>
  <si>
    <t>POINT (4.877778567646048 51.82628541877129)</t>
  </si>
  <si>
    <t>POINT (4.864839383334607 51.82000849768484)</t>
  </si>
  <si>
    <t>POINT (4.879318192607252 51.82224725970368)</t>
  </si>
  <si>
    <t>POINT (4.82613638022165 51.82400056148333)</t>
  </si>
  <si>
    <t>POINT (4.89413756164697 51.82398230508058)</t>
  </si>
  <si>
    <t>POINT (4.890626702871851 51.822718103470066)</t>
  </si>
  <si>
    <t>POINT (4.8360271427031964 51.82415528324778)</t>
  </si>
  <si>
    <t>POINT (4.873323668635769 51.82133130660106)</t>
  </si>
  <si>
    <t>POINT (4.8445276992157424 51.825327445072254)</t>
  </si>
  <si>
    <t>POINT (4.889447991303109 51.82306366299775)</t>
  </si>
  <si>
    <t>POINT (4.841902537362586 51.828892715284006)</t>
  </si>
  <si>
    <t>POINT (4.810356054991064 51.82875541167476)</t>
  </si>
  <si>
    <t>POINT (4.883806965652332 51.82454320537228)</t>
  </si>
  <si>
    <t>POINT (4.82266000604148 51.82363489515365)</t>
  </si>
  <si>
    <t>POINT (4.88303481683203 51.82420799988549)</t>
  </si>
  <si>
    <t>POINT (4.848145147367882 51.82244081714027)</t>
  </si>
  <si>
    <t>POINT (4.855774757065517 51.82735637649847)</t>
  </si>
  <si>
    <t>POINT (4.8240045560925635 51.82396338672048)</t>
  </si>
  <si>
    <t>POINT (4.837169349360294 51.83278064457894)</t>
  </si>
  <si>
    <t>POINT (4.827026560025235 51.82823841661755)</t>
  </si>
  <si>
    <t>POINT (4.814227818238671 51.82688298490715)</t>
  </si>
  <si>
    <t>POINT (4.844732267995102 51.82838201909975)</t>
  </si>
  <si>
    <t>POINT (4.825892870914582 51.82331861380551)</t>
  </si>
  <si>
    <t>POINT (4.830376874186655 51.82477579125379)</t>
  </si>
  <si>
    <t>POINT (4.880703685533197 51.825345410964324)</t>
  </si>
  <si>
    <t>POINT (4.885444500803098 51.82307358403228)</t>
  </si>
  <si>
    <t>POINT (4.88388893405512 51.82446284903031)</t>
  </si>
  <si>
    <t>POINT (4.877561190883207 51.826266498224854)</t>
  </si>
  <si>
    <t>POINT (4.846079324151615 51.826059586917424)</t>
  </si>
  <si>
    <t>POINT (4.8229775411874405 51.82489326351682)</t>
  </si>
  <si>
    <t>POINT (4.878134534814905 51.82302413310355)</t>
  </si>
  <si>
    <t>POINT (4.832941862875431 51.82851817395047)</t>
  </si>
  <si>
    <t>POINT (4.827609807941281 51.827998507802384)</t>
  </si>
  <si>
    <t>POINT (4.875003011562179 51.820705576243235)</t>
  </si>
  <si>
    <t>POINT (4.812710644590176 51.82578726271279)</t>
  </si>
  <si>
    <t>POINT (4.878199120884014 51.826296231552185)</t>
  </si>
  <si>
    <t>POINT (4.875065750675504 51.82119510401278)</t>
  </si>
  <si>
    <t>POINT (4.836055801359057 51.83248778918629)</t>
  </si>
  <si>
    <t>POINT (4.841545543464689 51.82842365287794)</t>
  </si>
  <si>
    <t>POINT (4.834904176255752 51.82490357711725)</t>
  </si>
  <si>
    <t>POINT (4.882008892718203 51.827817760447516)</t>
  </si>
  <si>
    <t>POINT (4.826079943975422 51.829699027671836)</t>
  </si>
  <si>
    <t>POINT (4.845116554187176 51.83184684885951)</t>
  </si>
  <si>
    <t>POINT (4.826263827346531 51.82238367268643)</t>
  </si>
  <si>
    <t>POINT (4.821862965926941 51.82354860713739)</t>
  </si>
  <si>
    <t>POINT (4.824762378292105 51.823679386811)</t>
  </si>
  <si>
    <t>POINT (4.811233166767496 51.823531975918925)</t>
  </si>
  <si>
    <t>POINT (4.811946713020922 51.826516133452955)</t>
  </si>
  <si>
    <t>POINT (4.828293093376812 51.82437039214118)</t>
  </si>
  <si>
    <t>POINT (4.883809729468801 51.82528674663826)</t>
  </si>
  <si>
    <t>POINT (4.879960052389637 51.82321180599724)</t>
  </si>
  <si>
    <t>POINT (4.8298038074241605 51.82845833701154)</t>
  </si>
  <si>
    <t>POINT (4.855227390367572 51.82579888262675)</t>
  </si>
  <si>
    <t>POINT (4.845232394510535 51.83186536074632)</t>
  </si>
  <si>
    <t>POINT (4.813005884081978 51.826558127327054)</t>
  </si>
  <si>
    <t>POINT (4.840988707288031 51.82529305386684)</t>
  </si>
  <si>
    <t>POINT (4.88070946273402 51.82530633587359)</t>
  </si>
  <si>
    <t>POINT (4.879951298707529 51.8246019493785)</t>
  </si>
  <si>
    <t>POINT (4.847211032081027 51.832611537385326)</t>
  </si>
  <si>
    <t>POINT (4.835861985427754 51.824612923108056)</t>
  </si>
  <si>
    <t>POINT (4.878820493815849 51.8226495883706)</t>
  </si>
  <si>
    <t>POINT (4.843238367125783 51.821582246839036)</t>
  </si>
  <si>
    <t>POINT (4.817936486106203 51.82785451579657)</t>
  </si>
  <si>
    <t>POINT (4.8188410377654165 51.825199079737516)</t>
  </si>
  <si>
    <t>POINT (4.899092992006452 51.8271579779135)</t>
  </si>
  <si>
    <t>POINT (4.840082521369627 51.827050586421606)</t>
  </si>
  <si>
    <t>POINT (4.907065650546368 51.8304267131575)</t>
  </si>
  <si>
    <t>POINT (4.87861551130576 51.824104839553094)</t>
  </si>
  <si>
    <t>POINT (4.879384001878396 51.82670584612714)</t>
  </si>
  <si>
    <t>POINT (4.826193395478572 51.82417813305119)</t>
  </si>
  <si>
    <t>POINT (4.877778770819317 51.82626744263195)</t>
  </si>
  <si>
    <t>POINT (4.838923830146743 51.82690136377645)</t>
  </si>
  <si>
    <t>POINT (4.813396615741365 51.825458041489206)</t>
  </si>
  <si>
    <t>POINT (4.84295700656749 51.82326179889203)</t>
  </si>
  <si>
    <t>POINT (4.833317175810263 51.82939106031901)</t>
  </si>
  <si>
    <t>POINT (4.840704503971 51.82600182528561)</t>
  </si>
  <si>
    <t>POINT (4.817523974428348 51.82587264306894)</t>
  </si>
  <si>
    <t>POINT (4.814282580163109 51.82875670856988)</t>
  </si>
  <si>
    <t>POINT (4.827176263313557 51.8220280472347)</t>
  </si>
  <si>
    <t>POINT (4.842314955622336 51.829577758521104)</t>
  </si>
  <si>
    <t>POINT (4.841875700279058 51.82871282001744)</t>
  </si>
  <si>
    <t>POINT (4.8275583991949365 51.82482416584944)</t>
  </si>
  <si>
    <t>POINT (4.826199870123064 51.82243538374898)</t>
  </si>
  <si>
    <t>POINT (4.825496781525275 51.82527387599961)</t>
  </si>
  <si>
    <t>POINT (4.837047034291509 51.83210419696718)</t>
  </si>
  <si>
    <t>POINT (4.885219697161254 51.820838915062716)</t>
  </si>
  <si>
    <t>POINT (4.836349123690609 51.829855526259784)</t>
  </si>
  <si>
    <t>POINT (4.832343194398689 51.8229424512504)</t>
  </si>
  <si>
    <t>POINT (4.840152765839852 51.82484872288934)</t>
  </si>
  <si>
    <t>POINT (4.878585991320009 51.821578939290745)</t>
  </si>
  <si>
    <t>POINT (4.881089418628877 51.82597615345241)</t>
  </si>
  <si>
    <t>POINT (4.8389018519679325 51.82870795627596)</t>
  </si>
  <si>
    <t>POINT (4.822010184873618 51.82221901076705)</t>
  </si>
  <si>
    <t>POINT (4.823358374987802 51.82227942602314)</t>
  </si>
  <si>
    <t>POINT (4.839611847753078 51.824001278379406)</t>
  </si>
  <si>
    <t>POINT (4.829396512661664 51.82311724468303)</t>
  </si>
  <si>
    <t>POINT (4.849008997929682 51.82837521492084)</t>
  </si>
  <si>
    <t>POINT (4.8337374378786215 51.8293740227241)</t>
  </si>
  <si>
    <t>POINT (4.836564049507147 51.82454324059358)</t>
  </si>
  <si>
    <t>POINT (4.8552650199276135 51.823839554501475)</t>
  </si>
  <si>
    <t>POINT (4.8164175796391655 51.82401662464313)</t>
  </si>
  <si>
    <t>POINT (4.840718666319009 51.829491275292014)</t>
  </si>
  <si>
    <t>POINT (4.87981886256097 51.82673469199882)</t>
  </si>
  <si>
    <t>POINT (4.886521086202201 51.821478226208)</t>
  </si>
  <si>
    <t>POINT (4.805684392286153 51.82863857579736)</t>
  </si>
  <si>
    <t>POINT (4.885753784417144 51.821349111698304)</t>
  </si>
  <si>
    <t>POINT (4.855247042535643 51.82290466617561)</t>
  </si>
  <si>
    <t>POINT (4.851837460142612 51.82542393012601)</t>
  </si>
  <si>
    <t>POINT (4.832640926077429 51.82350114786535)</t>
  </si>
  <si>
    <t>POINT (4.845133279666339 51.82201347422575)</t>
  </si>
  <si>
    <t>POINT (4.827502244794002 51.827314865908065)</t>
  </si>
  <si>
    <t>POINT (4.8261792224921365 51.824054697527224)</t>
  </si>
  <si>
    <t>POINT (4.846134837356119 51.825577554206816)</t>
  </si>
  <si>
    <t>POINT (4.838004023558217 51.82619595834892)</t>
  </si>
  <si>
    <t>POINT (4.843974187996759 51.83205642112511)</t>
  </si>
  <si>
    <t>POINT (4.838746810711643 51.82558762649927)</t>
  </si>
  <si>
    <t>POINT (4.884959415354713 51.82625344137277)</t>
  </si>
  <si>
    <t>POINT (4.830130772502402 51.8261794337158)</t>
  </si>
  <si>
    <t>POINT (4.828005788624055 51.82414431020891)</t>
  </si>
  <si>
    <t>POINT (4.827229542467285 51.82707986328563)</t>
  </si>
  <si>
    <t>POINT (4.840179154254068 51.82626004581447)</t>
  </si>
  <si>
    <t>POINT (4.836132189817432 51.82624111720228)</t>
  </si>
  <si>
    <t>POINT (4.83128073088702 51.82940142471842)</t>
  </si>
  <si>
    <t>POINT (4.841900568406094 51.828832438044124)</t>
  </si>
  <si>
    <t>POINT (4.904097169282582 51.8299111797977)</t>
  </si>
  <si>
    <t>POINT (4.845099772511387 51.822099213925775)</t>
  </si>
  <si>
    <t>POINT (4.837259209069573 51.83242076036895)</t>
  </si>
  <si>
    <t>POINT (4.883422837274835 51.822264947601205)</t>
  </si>
  <si>
    <t>POINT (4.828846282155222 51.8288942608899)</t>
  </si>
  <si>
    <t>POINT (4.828474094147755 51.826220313890616)</t>
  </si>
  <si>
    <t>POINT (4.84159794947816 51.826491362135265)</t>
  </si>
  <si>
    <t>POINT (4.84268217494655 51.82920194419861)</t>
  </si>
  <si>
    <t>POINT (4.8379059105729585 51.82948530262042)</t>
  </si>
  <si>
    <t>POINT (4.836148889942308 51.83199385701624)</t>
  </si>
  <si>
    <t>POINT (4.837136425765428 51.824260133608334)</t>
  </si>
  <si>
    <t>POINT (4.888908648876512 51.82330406445388)</t>
  </si>
  <si>
    <t>POINT (4.844159979548957 51.826952668732595)</t>
  </si>
  <si>
    <t>POINT (4.855762808730774 51.825909170101575)</t>
  </si>
  <si>
    <t>POINT (4.890516359212065 51.82351761369568)</t>
  </si>
  <si>
    <t>POINT (4.888042387209321 51.82567396991978)</t>
  </si>
  <si>
    <t>POINT (4.883660771590648 51.823038980452964)</t>
  </si>
  <si>
    <t>POINT (4.833546586501084 51.82888955755588)</t>
  </si>
  <si>
    <t>POINT (4.886178589158766 51.82097340820852)</t>
  </si>
  <si>
    <t>POINT (4.831231822115331 51.82837525946895)</t>
  </si>
  <si>
    <t>POINT (4.84295325461324 51.822418063589566)</t>
  </si>
  <si>
    <t>POINT (4.878822343631254 51.8263438747372)</t>
  </si>
  <si>
    <t>POINT (4.9087289616132574 51.830900905246295)</t>
  </si>
  <si>
    <t>POINT (4.84667469271894 51.832573115113206)</t>
  </si>
  <si>
    <t>POINT (4.874376073130639 51.821650911784936)</t>
  </si>
  <si>
    <t>POINT (4.841471925333077 51.82851319597083)</t>
  </si>
  <si>
    <t>POINT (4.823975996368868 51.82392729549923)</t>
  </si>
  <si>
    <t>POINT (4.878300556778777 51.82630565984408)</t>
  </si>
  <si>
    <t>POINT (4.880569176715345 51.82192907922519)</t>
  </si>
  <si>
    <t>POINT (4.832156553099994 51.82985375534468)</t>
  </si>
  <si>
    <t>POINT (4.84224569045361 51.8269078434519)</t>
  </si>
  <si>
    <t>POINT (4.814748531495099 51.82755721275661)</t>
  </si>
  <si>
    <t>POINT (4.878243245866624 51.82624249180812)</t>
  </si>
  <si>
    <t>POINT (4.813525286025921 51.82658261689225)</t>
  </si>
  <si>
    <t>POINT (4.840884627067299 51.82198529151013)</t>
  </si>
  <si>
    <t>POINT (4.838449089610704 51.826575558228285)</t>
  </si>
  <si>
    <t>POINT (4.82403356506155 51.823963525901924)</t>
  </si>
  <si>
    <t>POINT (4.813237977025096 51.825385357488905)</t>
  </si>
  <si>
    <t>POINT (4.889230617405621 51.82673889586737)</t>
  </si>
  <si>
    <t>POINT (4.8328674689064455 51.82395164500472)</t>
  </si>
  <si>
    <t>POINT (4.833297459198449 51.82334778423458)</t>
  </si>
  <si>
    <t>POINT (4.824009436352112 51.82705546973315)</t>
  </si>
  <si>
    <t>POINT (4.8244047298136925 51.829088776139564)</t>
  </si>
  <si>
    <t>POINT (4.823285855282802 51.822279077642705)</t>
  </si>
  <si>
    <t>POINT (4.826233717434172 51.82316905587441)</t>
  </si>
  <si>
    <t>POINT (4.827229357448138 51.823260468444204)</t>
  </si>
  <si>
    <t>POINT (4.834949247733994 51.82351590473413)</t>
  </si>
  <si>
    <t>POINT (4.833401757139098 51.82892315667898)</t>
  </si>
  <si>
    <t>POINT (4.877326699791914 51.825195847108965)</t>
  </si>
  <si>
    <t>POINT (4.810117737615739 51.82291725294607)</t>
  </si>
  <si>
    <t>POINT (4.824675576267328 51.82366099376778)</t>
  </si>
  <si>
    <t>POINT (4.829552848084053 51.82457813144624)</t>
  </si>
  <si>
    <t>POINT (4.835624764359844 51.83214420066246)</t>
  </si>
  <si>
    <t>POINT (4.860182220755213 51.82067860974101)</t>
  </si>
  <si>
    <t>POINT (4.819623835153156 51.823493541865815)</t>
  </si>
  <si>
    <t>POINT (4.879131886218102 51.82333406358777)</t>
  </si>
  <si>
    <t>POINT (4.883008873071156 51.82331005314666)</t>
  </si>
  <si>
    <t>POINT (4.825832533508122 51.82274876599119)</t>
  </si>
  <si>
    <t>POINT (4.88276381698445 51.82734948772717)</t>
  </si>
  <si>
    <t>POINT (4.837637782704274 51.83005931374334)</t>
  </si>
  <si>
    <t>POINT (4.841482988685941 51.82834471244997)</t>
  </si>
  <si>
    <t>POINT (4.833391989717196 51.82848434421813)</t>
  </si>
  <si>
    <t>POINT (4.839409938646302 51.828301116388005)</t>
  </si>
  <si>
    <t>POINT (4.880514053441211 51.826994388486085)</t>
  </si>
  <si>
    <t>POINT (4.824416938392218 51.82230248329437)</t>
  </si>
  <si>
    <t>POINT (4.842298582398525 51.82889821262275)</t>
  </si>
  <si>
    <t>POINT (4.832773570689202 51.824726831712354)</t>
  </si>
  <si>
    <t>POINT (4.890588782525284 51.823526908617794)</t>
  </si>
  <si>
    <t>POINT (4.838887786780263 51.8250944998769)</t>
  </si>
  <si>
    <t>POINT (4.83333109432684 51.824020825140956)</t>
  </si>
  <si>
    <t>POINT (4.841823468900711 51.82583624719846)</t>
  </si>
  <si>
    <t>POINT (4.842587091936622 51.82862364853584)</t>
  </si>
  <si>
    <t>POINT (4.836231251308516 51.82400669914709)</t>
  </si>
  <si>
    <t>POINT (4.834942445746641 51.829684894415884)</t>
  </si>
  <si>
    <t>POINT (4.845142196436772 51.82354200670991)</t>
  </si>
  <si>
    <t>POINT (4.883718783761632 51.82563690841123)</t>
  </si>
  <si>
    <t>POINT (4.85516638250411 51.82236498891124)</t>
  </si>
  <si>
    <t>POINT (4.888463155414984 51.82535433838707)</t>
  </si>
  <si>
    <t>POINT (4.810526269232733 51.828212000189595)</t>
  </si>
  <si>
    <t>POINT (4.855235296228396 51.822670911211766)</t>
  </si>
  <si>
    <t>POINT (4.855758703014043 51.823796848006396)</t>
  </si>
  <si>
    <t>POINT (4.833777485301024 51.82662553512826)</t>
  </si>
  <si>
    <t>POINT (4.840878021327789 51.82604757564213)</t>
  </si>
  <si>
    <t>POINT (4.880384273250409 51.82676409995906)</t>
  </si>
  <si>
    <t>POINT (4.830584860199096 51.823203782717286)</t>
  </si>
  <si>
    <t>POINT (4.875485597725637 51.83167199382692)</t>
  </si>
  <si>
    <t>POINT (4.891184751606549 51.82341257783612)</t>
  </si>
  <si>
    <t>POINT (4.832096520560874 51.8253052713767)</t>
  </si>
  <si>
    <t>POINT (4.826215275280694 51.8239166170159)</t>
  </si>
  <si>
    <t>POINT (4.859405579702798 51.820802145987514)</t>
  </si>
  <si>
    <t>POINT (4.828954896471466 51.82246797000249)</t>
  </si>
  <si>
    <t>POINT (4.844540910769485 51.82335901737424)</t>
  </si>
  <si>
    <t>POINT (4.821478342676564 51.82298946398774)</t>
  </si>
  <si>
    <t>POINT (4.88454242695772 51.82332140295535)</t>
  </si>
  <si>
    <t>POINT (4.825296861648566 51.82269320643538)</t>
  </si>
  <si>
    <t>POINT (4.839886855140576 51.82763392894826)</t>
  </si>
  <si>
    <t>POINT (4.81778704877719 51.82239634799723)</t>
  </si>
  <si>
    <t>POINT (4.88338414665154 51.82667528117641)</t>
  </si>
  <si>
    <t>POINT (4.829501883295723 51.82984117378441)</t>
  </si>
  <si>
    <t>POINT (4.830664860754903 51.824947939294745)</t>
  </si>
  <si>
    <t>POINT (4.8262165106589645 51.8232952267627)</t>
  </si>
  <si>
    <t>POINT (4.843406453426602 51.826886260768525)</t>
  </si>
  <si>
    <t>POINT (4.8306793444406555 51.82661088798328)</t>
  </si>
  <si>
    <t>POINT (4.843331323069264 51.82710163745428)</t>
  </si>
  <si>
    <t>POINT (4.844735030149777 51.82953010959306)</t>
  </si>
  <si>
    <t>POINT (4.883984532786824 51.82432832338861)</t>
  </si>
  <si>
    <t>POINT (4.8172076857134645 51.822330616143454)</t>
  </si>
  <si>
    <t>POINT (4.881677815573496 51.822661928484166)</t>
  </si>
  <si>
    <t>POINT (4.8551820534371934 51.82226618612422)</t>
  </si>
  <si>
    <t>POINT (4.827171563733071 51.82324221562961)</t>
  </si>
  <si>
    <t>POINT (4.821294979288567 51.82257510680205)</t>
  </si>
  <si>
    <t>POINT (4.841151006511595 51.82626457061444)</t>
  </si>
  <si>
    <t>POINT (4.834368802998766 51.829270950968464)</t>
  </si>
  <si>
    <t>POINT (4.8467484593657595 51.827155423031996)</t>
  </si>
  <si>
    <t>POINT (4.826090064301669 51.824020393537154)</t>
  </si>
  <si>
    <t>POINT (4.814217735206054 51.82899168530475)</t>
  </si>
  <si>
    <t>POINT (4.813987964157415 51.827347735416815)</t>
  </si>
  <si>
    <t>POINT (4.869549033453087 51.82037092624685)</t>
  </si>
  <si>
    <t>POINT (4.835915105527304 51.82432704044541)</t>
  </si>
  <si>
    <t>POINT (4.840167426770631 51.82787407103841)</t>
  </si>
  <si>
    <t>POINT (4.86338997182581 51.831156791803814)</t>
  </si>
  <si>
    <t>POINT (4.888008906753464 51.8220328619881)</t>
  </si>
  <si>
    <t>POINT (4.885093894295593 51.82329679759017)</t>
  </si>
  <si>
    <t>POINT (4.855236675164867 51.822554066593014)</t>
  </si>
  <si>
    <t>POINT (4.884434844579768 51.82126257324017)</t>
  </si>
  <si>
    <t>POINT (4.879305938873254 51.82333481680127)</t>
  </si>
  <si>
    <t>POINT (4.8256458622192975 51.82838322289059)</t>
  </si>
  <si>
    <t>POINT (4.833568176065678 51.82417621389682)</t>
  </si>
  <si>
    <t>POINT (4.823309801812911 51.8250027226748)</t>
  </si>
  <si>
    <t>POINT (4.883953349388303 51.82429295475161)</t>
  </si>
  <si>
    <t>POINT (4.838303923031241 51.824201905995565)</t>
  </si>
  <si>
    <t>POINT (4.816961232359115 51.822320430542185)</t>
  </si>
  <si>
    <t>POINT (4.889682475740181 51.826011682347705)</t>
  </si>
  <si>
    <t>POINT (4.832327133421395 51.82596511380396)</t>
  </si>
  <si>
    <t>POINT (4.826098814657946 51.82934856482514)</t>
  </si>
  <si>
    <t>POINT (4.842526399520575 51.82648668525946)</t>
  </si>
  <si>
    <t>POINT (4.869302372121881 51.82037882670507)</t>
  </si>
  <si>
    <t>POINT (4.8314046884301 51.827297453497266)</t>
  </si>
  <si>
    <t>POINT (4.829735992060958 51.82733448356963)</t>
  </si>
  <si>
    <t>POINT (4.859520029812059 51.82093748847269)</t>
  </si>
  <si>
    <t>POINT (4.888842089160389 51.822764471447)</t>
  </si>
  <si>
    <t>POINT (4.836790962677876 51.825749838446626)</t>
  </si>
  <si>
    <t>POINT (4.809089016563049 51.824277381899826)</t>
  </si>
  <si>
    <t>POINT (4.846844123151054 51.83054248867158)</t>
  </si>
  <si>
    <t>POINT (4.810500274260662 51.828362691389614)</t>
  </si>
  <si>
    <t>POINT (4.87976380602214 51.8238940847465)</t>
  </si>
  <si>
    <t>POINT (4.824335298128217 51.82462736610688)</t>
  </si>
  <si>
    <t>POINT (4.888512071743639 51.822439483591666)</t>
  </si>
  <si>
    <t>POINT (4.880809750714806 51.823754785336504)</t>
  </si>
  <si>
    <t>POINT (4.811098991435379 51.828093134295344)</t>
  </si>
  <si>
    <t>POINT (4.828545665063493 51.822717702289346)</t>
  </si>
  <si>
    <t>POINT (4.834746768027879 51.82498229508288)</t>
  </si>
  <si>
    <t>POINT (4.834881929357288 51.83294181098095)</t>
  </si>
  <si>
    <t>POINT (4.824820844438093 51.82364371275347)</t>
  </si>
  <si>
    <t>POINT (4.830089160561284 51.823408167578606)</t>
  </si>
  <si>
    <t>POINT (4.906420657331725 51.83034205356339)</t>
  </si>
  <si>
    <t>POINT (4.886796957802051 51.821452437054525)</t>
  </si>
  <si>
    <t>POINT (4.818367309649035 51.82758737929866)</t>
  </si>
  <si>
    <t>POINT (4.825911557548279 51.8269117749547)</t>
  </si>
  <si>
    <t>POINT (4.8838758824839035 51.82459504998724)</t>
  </si>
  <si>
    <t>POINT (4.8271897970388995 51.82911108382141)</t>
  </si>
  <si>
    <t>POINT (4.882571540458514 51.823160142110964)</t>
  </si>
  <si>
    <t>POINT (4.889335326943367 51.82602544607745)</t>
  </si>
  <si>
    <t>POINT (4.889984230045912 51.8239614874557)</t>
  </si>
  <si>
    <t>POINT (4.8539790601140185 51.83077286054487)</t>
  </si>
  <si>
    <t>POINT (4.878662979955983 51.82375449321755)</t>
  </si>
  <si>
    <t>POINT (4.8423205855059255 51.82832019047899)</t>
  </si>
  <si>
    <t>POINT (4.836850409755366 51.82563326619586)</t>
  </si>
  <si>
    <t>POINT (4.913533745039789 51.83753591109884)</t>
  </si>
  <si>
    <t>POINT (4.871104083611084 51.82136651113138)</t>
  </si>
  <si>
    <t>POINT (4.824958443788914 51.82457146855507)</t>
  </si>
  <si>
    <t>POINT (4.836761732974499 51.82576767846117)</t>
  </si>
  <si>
    <t>POINT (4.838902945457707 51.8286180760616)</t>
  </si>
  <si>
    <t>POINT (4.83392586242836 51.82661899878852)</t>
  </si>
  <si>
    <t>POINT (4.811718671338182 51.828550041713854)</t>
  </si>
  <si>
    <t>POINT (4.883030680714905 51.824905885932324)</t>
  </si>
  <si>
    <t>POINT (4.827506811455931 51.82928337794393)</t>
  </si>
  <si>
    <t>POINT (4.817896529583116 51.82815122271078)</t>
  </si>
  <si>
    <t>POINT (4.876761565888934 51.831548266850845)</t>
  </si>
  <si>
    <t>POINT (4.83803605093864 51.82475794239698)</t>
  </si>
  <si>
    <t>3372DG</t>
  </si>
  <si>
    <t>Kerkstoep</t>
  </si>
  <si>
    <t>POINT (4.884759081346469 51.821733215791774)</t>
  </si>
  <si>
    <t>POINT (4.8433879361423 51.83202761324508)</t>
  </si>
  <si>
    <t>POINT (4.888503619642653 51.823203470852945)</t>
  </si>
  <si>
    <t>POINT (4.884878708972512 51.8209944316956)</t>
  </si>
  <si>
    <t>POINT (4.839456554492458 51.82961838747255)</t>
  </si>
  <si>
    <t>POINT (4.851272376500469 51.82658986011526)</t>
  </si>
  <si>
    <t>POINT (4.8392734898842615 51.83155006708497)</t>
  </si>
  <si>
    <t>POINT (4.817568154143578 51.828678156250845)</t>
  </si>
  <si>
    <t>POINT (4.8306791543727625 51.828489491677594)</t>
  </si>
  <si>
    <t>POINT (4.9119891525246935 51.83515700774468)</t>
  </si>
  <si>
    <t>POINT (4.826233087524017 51.82388983537939)</t>
  </si>
  <si>
    <t>POINT (4.829505048171538 51.82255148209636)</t>
  </si>
  <si>
    <t>POINT (4.837240621482241 51.82670290612267)</t>
  </si>
  <si>
    <t>POINT (4.826675762719073 51.827283956752)</t>
  </si>
  <si>
    <t>POINT (4.824494410209742 51.828815891476616)</t>
  </si>
  <si>
    <t>POINT (4.881697742062026 51.82476532585763)</t>
  </si>
  <si>
    <t>POINT (4.882139033373038 51.825513271611705)</t>
  </si>
  <si>
    <t>POINT (4.825409686773654 51.8287700023437)</t>
  </si>
  <si>
    <t>POINT (4.830422053884964 51.824641177431474)</t>
  </si>
  <si>
    <t>POINT (4.831875626345241 51.82439638394554)</t>
  </si>
  <si>
    <t>POINT (4.8328434343180104 51.82354704713571)</t>
  </si>
  <si>
    <t>POINT (4.837464988194165 51.82689922400359)</t>
  </si>
  <si>
    <t>POINT (4.821863078658308 51.82353961913146)</t>
  </si>
  <si>
    <t>POINT (4.830110774360509 51.82283300335103)</t>
  </si>
  <si>
    <t>POINT (4.821901369279885 51.82511279944702)</t>
  </si>
  <si>
    <t>POINT (4.837182404230363 51.83171107074432)</t>
  </si>
  <si>
    <t>POINT (4.832413846859536 51.82427308939839)</t>
  </si>
  <si>
    <t>POINT (4.841129684267568 51.82922169836765)</t>
  </si>
  <si>
    <t>POINT (4.841764143179694 51.82594383395544)</t>
  </si>
  <si>
    <t>POINT (4.839918736992644 51.82895665916395)</t>
  </si>
  <si>
    <t>POINT (4.832101077236166 51.830824254792596)</t>
  </si>
  <si>
    <t>POINT (4.8261742051864465 51.82408720309315)</t>
  </si>
  <si>
    <t>POINT (4.829551550650155 51.82844646057917)</t>
  </si>
  <si>
    <t>POINT (4.835027138540098 51.83118860693901)</t>
  </si>
  <si>
    <t>POINT (4.829326417710661 51.82517104538631)</t>
  </si>
  <si>
    <t>POINT (4.839025778281987 51.83163879596148)</t>
  </si>
  <si>
    <t>POINT (4.825914487567963 51.829006119118155)</t>
  </si>
  <si>
    <t>POINT (4.886667055222953 51.822701286057814)</t>
  </si>
  <si>
    <t>POINT (4.820144247360518 51.82526611814581)</t>
  </si>
  <si>
    <t>POINT (4.878060317190485 51.82487809647587)</t>
  </si>
  <si>
    <t>POINT (4.827402266058125 51.82575923658067)</t>
  </si>
  <si>
    <t>POINT (4.83706282927069 51.82605672312374)</t>
  </si>
  <si>
    <t>POINT (4.824034463458323 51.82389162183595)</t>
  </si>
  <si>
    <t>POINT (4.825141200200777 51.827033928541745)</t>
  </si>
  <si>
    <t>POINT (4.839617126639662 51.82200857113586)</t>
  </si>
  <si>
    <t>POINT (4.832605664903464 51.827545824118744)</t>
  </si>
  <si>
    <t>POINT (4.843417514546156 51.8259694817761)</t>
  </si>
  <si>
    <t>POINT (4.880417926420984 51.823771071407606)</t>
  </si>
  <si>
    <t>POINT (4.855696678629784 51.82301816072852)</t>
  </si>
  <si>
    <t>POINT (4.828885120914375 51.82713862432711)</t>
  </si>
  <si>
    <t>POINT (4.823603554742268 51.82571513640927)</t>
  </si>
  <si>
    <t>POINT (4.88337130081198 51.82687583153524)</t>
  </si>
  <si>
    <t>POINT (4.889360042272064 51.825663224294736)</t>
  </si>
  <si>
    <t>POINT (4.827638042118721 51.82455603076236)</t>
  </si>
  <si>
    <t>POINT (4.821725026260701 51.82298166409537)</t>
  </si>
  <si>
    <t>POINT (4.828060653118577 51.827610868060056)</t>
  </si>
  <si>
    <t>POINT (4.835220630833139 51.83315800511178)</t>
  </si>
  <si>
    <t>POINT (4.879969499699988 51.82366127243402)</t>
  </si>
  <si>
    <t>POINT (4.8646657434478895 51.83123438528552)</t>
  </si>
  <si>
    <t>POINT (4.8330119613481894 51.82399726998233)</t>
  </si>
  <si>
    <t>POINT (4.900326160982963 51.828107187493934)</t>
  </si>
  <si>
    <t>POINT (4.828151267717849 51.82294053817214)</t>
  </si>
  <si>
    <t>POINT (4.81587495372867 51.82333984333026)</t>
  </si>
  <si>
    <t>POINT (4.8389484301750185 51.824879058264635)</t>
  </si>
  <si>
    <t>POINT (4.831999860828011 51.82844181421021)</t>
  </si>
  <si>
    <t>POINT (4.829690243126522 51.825206831508886)</t>
  </si>
  <si>
    <t>POINT (4.846935857052859 51.82168022051866)</t>
  </si>
  <si>
    <t>POINT (4.825307718986339 51.824149402980254)</t>
  </si>
  <si>
    <t>POINT (4.837824395199628 51.82427157098615)</t>
  </si>
  <si>
    <t>POINT (4.889509993712118 51.82401670758301)</t>
  </si>
  <si>
    <t>POINT (4.8803755727228015 51.8223776691235)</t>
  </si>
  <si>
    <t>POINT (4.818544079961059 51.82332583883149)</t>
  </si>
  <si>
    <t>POINT (4.840462277193814 51.82564115597084)</t>
  </si>
  <si>
    <t>POINT (4.882162879248378 51.82493084691194)</t>
  </si>
  <si>
    <t>POINT (4.824627562453356 51.82750786085688)</t>
  </si>
  <si>
    <t>POINT (4.822599516170062 51.82496335423676)</t>
  </si>
  <si>
    <t>POINT (4.833785652157822 51.82596042181426)</t>
  </si>
  <si>
    <t>POINT (4.8341727964451735 51.82986219239105)</t>
  </si>
  <si>
    <t>POINT (4.833603595952077 51.82812804800935)</t>
  </si>
  <si>
    <t>POINT (4.833621348605058 51.82634615423809)</t>
  </si>
  <si>
    <t>POINT (4.825122435202073 51.827375403317184)</t>
  </si>
  <si>
    <t>POINT (4.85106930113507 51.82658893281199)</t>
  </si>
  <si>
    <t>POINT (4.909773171145195 51.830932121778396)</t>
  </si>
  <si>
    <t>POINT (4.836265051983596 51.82961244135071)</t>
  </si>
  <si>
    <t>POINT (4.827947513063443 51.82512808934954)</t>
  </si>
  <si>
    <t>POINT (4.825409250816197 51.82414988895706)</t>
  </si>
  <si>
    <t>POINT (4.831383849556329 51.82898719990446)</t>
  </si>
  <si>
    <t>POINT (4.891287042170511 51.82466241220827)</t>
  </si>
  <si>
    <t>POINT (4.879071421330927 51.82226416875955)</t>
  </si>
  <si>
    <t>POINT (4.879870067974785 51.826051786611266)</t>
  </si>
  <si>
    <t>POINT (4.84524138353123 51.826292515102935)</t>
  </si>
  <si>
    <t>POINT (4.839658469035109 51.82801923597565)</t>
  </si>
  <si>
    <t>POINT (4.809837517740995 51.82822337385175)</t>
  </si>
  <si>
    <t>POINT (4.8781503371432935 51.82547806554086)</t>
  </si>
  <si>
    <t>POINT (4.825395807323219 51.82522845005235)</t>
  </si>
  <si>
    <t>POINT (4.812158198002914 51.8288071198681)</t>
  </si>
  <si>
    <t>POINT (4.824083459824519 51.822291895372366)</t>
  </si>
  <si>
    <t>POINT (4.888122277758053 51.82481132318785)</t>
  </si>
  <si>
    <t>POINT (4.878629001833966 51.824194783124334)</t>
  </si>
  <si>
    <t>POINT (4.831020098720208 51.82319685725831)</t>
  </si>
  <si>
    <t>POINT (4.826470656541641 51.82256986093448)</t>
  </si>
  <si>
    <t>POINT (4.831124933528205 51.82410519675467)</t>
  </si>
  <si>
    <t>POINT (4.831410494451026 51.823297580380796)</t>
  </si>
  <si>
    <t>POINT (4.846935426154058 51.82171617267346)</t>
  </si>
  <si>
    <t>POINT (4.8412483902293095 51.82987476381462)</t>
  </si>
  <si>
    <t>POINT (4.894321600856363 51.82439654909846)</t>
  </si>
  <si>
    <t>POINT (4.852147630117509 51.8212906207645)</t>
  </si>
  <si>
    <t>POINT (4.885767608248593 51.82532209169963)</t>
  </si>
  <si>
    <t>POINT (4.811301897872606 51.824782630188594)</t>
  </si>
  <si>
    <t>POINT (4.812251183952749 51.82541648248429)</t>
  </si>
  <si>
    <t>POINT (4.878629204655665 51.82417680697852)</t>
  </si>
  <si>
    <t>POINT (4.817372357449405 51.828646968514775)</t>
  </si>
  <si>
    <t>POINT (4.842388842789706 51.82586583816857)</t>
  </si>
  <si>
    <t>POINT (4.844201777626937 51.82348328854307)</t>
  </si>
  <si>
    <t>POINT (4.847220545254878 51.826337679910566)</t>
  </si>
  <si>
    <t>POINT (4.827950348510945 51.82779416724827)</t>
  </si>
  <si>
    <t>POINT (4.812023387940098 51.82651650917825)</t>
  </si>
  <si>
    <t>POINT (4.877250753928095 51.82421576934732)</t>
  </si>
  <si>
    <t>POINT (4.818834836537378 51.827629103613646)</t>
  </si>
  <si>
    <t>POINT (4.836550534472069 51.82906897683099)</t>
  </si>
  <si>
    <t>POINT (4.828563981877958 51.82943223012723)</t>
  </si>
  <si>
    <t>POINT (4.910964879925804 51.831377955075254)</t>
  </si>
  <si>
    <t>POINT (4.821893508056782 51.82738878726216)</t>
  </si>
  <si>
    <t>POINT (4.8422603086441285 51.82833110140301)</t>
  </si>
  <si>
    <t>POINT (4.828083429420741 51.822562696140594)</t>
  </si>
  <si>
    <t>POINT (4.883816160783995 51.82410171126337)</t>
  </si>
  <si>
    <t>POINT (4.827256520741997 51.829578806136325)</t>
  </si>
  <si>
    <t>POINT (4.824734001802449 51.825953352878685)</t>
  </si>
  <si>
    <t>POINT (4.812047807409144 51.82852579473466)</t>
  </si>
  <si>
    <t>POINT (4.827534430299509 51.82930461471005)</t>
  </si>
  <si>
    <t>POINT (4.885043300441762 51.821328097376046)</t>
  </si>
  <si>
    <t>POINT (4.8374245533189475 51.824749596986884)</t>
  </si>
  <si>
    <t>POINT (4.8291251995668425 51.8274574209417)</t>
  </si>
  <si>
    <t>POINT (4.887206553323762 51.82113958460517)</t>
  </si>
  <si>
    <t>POINT (4.811798787715826 51.82759713571664)</t>
  </si>
  <si>
    <t>POINT (4.840159727901442 51.83025086340649)</t>
  </si>
  <si>
    <t>POINT (4.874658841001041 51.831487178990486)</t>
  </si>
  <si>
    <t>POINT (4.826202618378667 51.824205142766026)</t>
  </si>
  <si>
    <t>POINT (4.838753136751536 51.82219712580848)</t>
  </si>
  <si>
    <t>POINT (4.821746818401197 51.82355703622962)</t>
  </si>
  <si>
    <t>POINT (4.888924742946901 51.823160316656036)</t>
  </si>
  <si>
    <t>POINT (4.827483066769545 51.82418676157883)</t>
  </si>
  <si>
    <t>POINT (4.82985702090925 51.82812381155483)</t>
  </si>
  <si>
    <t>POINT (4.87954980957866 51.824863918725335)</t>
  </si>
  <si>
    <t>POINT (4.88702421185952 51.82424875993052)</t>
  </si>
  <si>
    <t>POINT (4.878150946203335 51.82542413711493)</t>
  </si>
  <si>
    <t>POINT (4.85523391728368 51.822787755828806)</t>
  </si>
  <si>
    <t>POINT (4.832881420729879 51.82399665359672)</t>
  </si>
  <si>
    <t>POINT (4.883914770834169 51.82237491995867)</t>
  </si>
  <si>
    <t>POINT (4.907268840352356 51.83041855548677)</t>
  </si>
  <si>
    <t>POINT (4.845943970904464 51.82341639744061)</t>
  </si>
  <si>
    <t>POINT (4.843576854588651 51.82598819686159)</t>
  </si>
  <si>
    <t>POINT (4.853079056391829 51.82632715336375)</t>
  </si>
  <si>
    <t>POINT (4.882923113013026 51.82544473440695)</t>
  </si>
  <si>
    <t>POINT (4.824459020371535 51.82357905884257)</t>
  </si>
  <si>
    <t>POINT (4.870720704613409 51.82191312457378)</t>
  </si>
  <si>
    <t>POINT (4.8143366954740605 51.82567835834643)</t>
  </si>
  <si>
    <t>POINT (4.811198546722375 51.82379273482789)</t>
  </si>
  <si>
    <t>POINT (4.844639850824578 51.826856013810996)</t>
  </si>
  <si>
    <t>POINT (4.877716708833419 51.82534135665288)</t>
  </si>
  <si>
    <t>POINT (4.835205572862024 51.833202876960335)</t>
  </si>
  <si>
    <t>POINT (4.84286935143622 51.82840624877709)</t>
  </si>
  <si>
    <t>POINT (4.815541013532054 51.82740354139782)</t>
  </si>
  <si>
    <t>POINT (4.833819549528045 51.8275402901263)</t>
  </si>
  <si>
    <t>POINT (4.806552225486153 51.82414800929827)</t>
  </si>
  <si>
    <t>POINT (4.87983379338992 51.82570857437342)</t>
  </si>
  <si>
    <t>POINT (4.826646751601717 51.82728381822065)</t>
  </si>
  <si>
    <t>POINT (4.833262209406566 51.828420812133416)</t>
  </si>
  <si>
    <t>POINT (4.814723366304384 51.827769345634664)</t>
  </si>
  <si>
    <t>POINT (4.835191201645257 51.83200733485811)</t>
  </si>
  <si>
    <t>POINT (4.891608945884938 51.8235306897607)</t>
  </si>
  <si>
    <t>POINT (4.842599611702455 51.82282869155222)</t>
  </si>
  <si>
    <t>POINT (4.826690129822457 51.82738380715415)</t>
  </si>
  <si>
    <t>POINT (4.878446117475743 51.82626134822781)</t>
  </si>
  <si>
    <t>POINT (4.846654822654135 51.82761972578929)</t>
  </si>
  <si>
    <t>3362JL</t>
  </si>
  <si>
    <t>Beugelaar</t>
  </si>
  <si>
    <t>POINT (4.799134455494776 51.82205074935988)</t>
  </si>
  <si>
    <t>BU06100305</t>
  </si>
  <si>
    <t>De Grienden</t>
  </si>
  <si>
    <t>WK061003</t>
  </si>
  <si>
    <t>Wijk 03 Sliedrecht-Oost</t>
  </si>
  <si>
    <t>GM0610</t>
  </si>
  <si>
    <t>Sliedrecht</t>
  </si>
  <si>
    <t>3361BS</t>
  </si>
  <si>
    <t>nut</t>
  </si>
  <si>
    <t>POINT (4.782054508285463 51.81696151922213)</t>
  </si>
  <si>
    <t>BU06100303</t>
  </si>
  <si>
    <t>Middenveer</t>
  </si>
  <si>
    <t>3363EJ</t>
  </si>
  <si>
    <t>3363EE-3363EJ</t>
  </si>
  <si>
    <t>POINT (4.771922358859477 51.82647934635506)</t>
  </si>
  <si>
    <t>BU06100201</t>
  </si>
  <si>
    <t>Rivierenbuurt-Noord</t>
  </si>
  <si>
    <t>WK061002</t>
  </si>
  <si>
    <t>Wijk 02 Sliedrecht-Centrum</t>
  </si>
  <si>
    <t>3363JH</t>
  </si>
  <si>
    <t>Molshoefweer</t>
  </si>
  <si>
    <t>POINT (4.749826036423076 51.829340355097244)</t>
  </si>
  <si>
    <t>BU06100103</t>
  </si>
  <si>
    <t>De Weren</t>
  </si>
  <si>
    <t>WK061001</t>
  </si>
  <si>
    <t>Wijk 01 Sliedrecht-West</t>
  </si>
  <si>
    <t>3362SB</t>
  </si>
  <si>
    <t>Prof. Keesomlaan</t>
  </si>
  <si>
    <t>grg</t>
  </si>
  <si>
    <t>POINT (4.783267274189704 51.82073883512267)</t>
  </si>
  <si>
    <t>BU06100208</t>
  </si>
  <si>
    <t>Winklerplein-Noord</t>
  </si>
  <si>
    <t>3364BE</t>
  </si>
  <si>
    <t>Brouwerstraat</t>
  </si>
  <si>
    <t>3364BB-3364DA</t>
  </si>
  <si>
    <t>POINT (4.748646166501439 51.83198189247546)</t>
  </si>
  <si>
    <t>BU06100403</t>
  </si>
  <si>
    <t>Bedrijventerrein Nijverwaard</t>
  </si>
  <si>
    <t>WK061004</t>
  </si>
  <si>
    <t>Wijk 04 Sliedrecht-Noord</t>
  </si>
  <si>
    <t>3363CZ</t>
  </si>
  <si>
    <t>Zuiderzeestraat</t>
  </si>
  <si>
    <t>POINT (4.770591323149185 51.82456678250016)</t>
  </si>
  <si>
    <t>BU06100202</t>
  </si>
  <si>
    <t>Rivierenbuurt-Zuid</t>
  </si>
  <si>
    <t>3361AT</t>
  </si>
  <si>
    <t>POINT (4.796520454290721 51.81977798749131)</t>
  </si>
  <si>
    <t>BU06100307</t>
  </si>
  <si>
    <t>Rivierdijk-Oost</t>
  </si>
  <si>
    <t>3362VM</t>
  </si>
  <si>
    <t>Antony van Leeuwenhoekstraat</t>
  </si>
  <si>
    <t>POINT (4.779247942995376 51.82303147598137)</t>
  </si>
  <si>
    <t>3362BC</t>
  </si>
  <si>
    <t>Lijsterweg</t>
  </si>
  <si>
    <t>3362BB-3362BJ</t>
  </si>
  <si>
    <t>POINT (4.7858524549180546 51.82376705633493)</t>
  </si>
  <si>
    <t>BU06100301</t>
  </si>
  <si>
    <t>Vogelbuurt-Noord</t>
  </si>
  <si>
    <t>3362XK</t>
  </si>
  <si>
    <t>POINT (4.773710754675832 51.82387401866071)</t>
  </si>
  <si>
    <t>3361HS</t>
  </si>
  <si>
    <t>POINT (4.770953070600428 51.817948138649676)</t>
  </si>
  <si>
    <t>BU06100211</t>
  </si>
  <si>
    <t>Buitenuitbreiding-Oost</t>
  </si>
  <si>
    <t>3361XB</t>
  </si>
  <si>
    <t>POINT (4.7692161998787705 51.82092576183277)</t>
  </si>
  <si>
    <t>BU06100204</t>
  </si>
  <si>
    <t>Buitenuitbreiding-West</t>
  </si>
  <si>
    <t>3361TG</t>
  </si>
  <si>
    <t>De Wiel</t>
  </si>
  <si>
    <t>POINT (4.786003574083875 51.81752670213142)</t>
  </si>
  <si>
    <t>3363HD</t>
  </si>
  <si>
    <t>Elzenhof</t>
  </si>
  <si>
    <t>3363HA-3363HD</t>
  </si>
  <si>
    <t>POINT (4.75874403959085 51.826176905508504)</t>
  </si>
  <si>
    <t>BU06100107</t>
  </si>
  <si>
    <t>3362PN</t>
  </si>
  <si>
    <t>Tuinfluiterstraat</t>
  </si>
  <si>
    <t>3362PM-3362PS</t>
  </si>
  <si>
    <t>POINT (4.785331142940246 51.82095284794957)</t>
  </si>
  <si>
    <t>BU06100302</t>
  </si>
  <si>
    <t>Vogelbuurt-Zuid</t>
  </si>
  <si>
    <t>3362EP</t>
  </si>
  <si>
    <t>3362EM-3362EP</t>
  </si>
  <si>
    <t>POINT (4.786227222579924 51.825391772566036)</t>
  </si>
  <si>
    <t>3362TR</t>
  </si>
  <si>
    <t>Joost van den Vondelstraat</t>
  </si>
  <si>
    <t>POINT (4.777163439220469 51.81955718026159)</t>
  </si>
  <si>
    <t>BU06100209</t>
  </si>
  <si>
    <t>Winklerplein-Zuid</t>
  </si>
  <si>
    <t>3361TD</t>
  </si>
  <si>
    <t>POINT (4.786461557093764 51.816930497650446)</t>
  </si>
  <si>
    <t>BU06100304</t>
  </si>
  <si>
    <t>Rivierdijk-West</t>
  </si>
  <si>
    <t>3362BX</t>
  </si>
  <si>
    <t>Vogelenzang</t>
  </si>
  <si>
    <t>POINT (4.789280883005541 51.82423022394431)</t>
  </si>
  <si>
    <t>3361XN</t>
  </si>
  <si>
    <t>POINT (4.76643129976266 51.82245743582605)</t>
  </si>
  <si>
    <t>3362CA</t>
  </si>
  <si>
    <t>Cort van der Lindenlaan</t>
  </si>
  <si>
    <t>3362BZ-3362CA</t>
  </si>
  <si>
    <t>POINT (4.7781636660625635 51.82604410262704)</t>
  </si>
  <si>
    <t>BU06100207</t>
  </si>
  <si>
    <t>POINT (4.771540763005774 51.81857386251694)</t>
  </si>
  <si>
    <t>3361VW</t>
  </si>
  <si>
    <t>POINT (4.774167216306271 51.81719932286368)</t>
  </si>
  <si>
    <t>3361CH</t>
  </si>
  <si>
    <t>Krommestoep</t>
  </si>
  <si>
    <t>3361CH-3362TV</t>
  </si>
  <si>
    <t>POINT (4.779237482804772 51.81826864213766)</t>
  </si>
  <si>
    <t>3362ET</t>
  </si>
  <si>
    <t>3362ER-3362ET</t>
  </si>
  <si>
    <t>POINT (4.78719692154203 51.825567426208686)</t>
  </si>
  <si>
    <t>3362WV</t>
  </si>
  <si>
    <t>Thorbeckelaan</t>
  </si>
  <si>
    <t>POINT (4.796184431230571 51.82087047456505)</t>
  </si>
  <si>
    <t>3361EP</t>
  </si>
  <si>
    <t>Molendijk</t>
  </si>
  <si>
    <t>POINT (4.760076023108629 51.82448590486061)</t>
  </si>
  <si>
    <t>BU06100108</t>
  </si>
  <si>
    <t>3361XL</t>
  </si>
  <si>
    <t>3361XG-3361XL</t>
  </si>
  <si>
    <t>POINT (4.766697985550798 51.821979214861024)</t>
  </si>
  <si>
    <t>3361XW</t>
  </si>
  <si>
    <t>Zuiderstraat</t>
  </si>
  <si>
    <t>POINT (4.767931260555796 51.82145405312442)</t>
  </si>
  <si>
    <t>3363HR</t>
  </si>
  <si>
    <t>POINT (4.76270636178493 51.8259696527759)</t>
  </si>
  <si>
    <t>3361VV</t>
  </si>
  <si>
    <t>Oosterstraat</t>
  </si>
  <si>
    <t>POINT (4.77669487722717 51.8168752464974)</t>
  </si>
  <si>
    <t>3363EA</t>
  </si>
  <si>
    <t>3363EA-3363ED</t>
  </si>
  <si>
    <t>POINT (4.771455491982174 51.82551727733114)</t>
  </si>
  <si>
    <t>3363EH</t>
  </si>
  <si>
    <t>3362AA</t>
  </si>
  <si>
    <t>Burgemeester Winklerplein</t>
  </si>
  <si>
    <t>3362BV</t>
  </si>
  <si>
    <t>POINT (4.782037488405233 51.82379338128427)</t>
  </si>
  <si>
    <t>3362TA</t>
  </si>
  <si>
    <t>Adama van Scheltemastraat</t>
  </si>
  <si>
    <t>POINT (4.7788634880101695 51.82076894598294)</t>
  </si>
  <si>
    <t>POINT (4.786804546837644 51.81791128882681)</t>
  </si>
  <si>
    <t>3361TB</t>
  </si>
  <si>
    <t>POINT (4.787424310184833 51.81740750174459)</t>
  </si>
  <si>
    <t>POINT (4.766865710071948 51.822395104567214)</t>
  </si>
  <si>
    <t>3362TV</t>
  </si>
  <si>
    <t>POINT (4.7786648824233975 51.81896696401681)</t>
  </si>
  <si>
    <t>3362ES</t>
  </si>
  <si>
    <t>3362GC</t>
  </si>
  <si>
    <t>Valkhof</t>
  </si>
  <si>
    <t>3362GA-3362GC</t>
  </si>
  <si>
    <t>POINT (4.792685453325586 51.82476984276122)</t>
  </si>
  <si>
    <t>POINT (4.777531180072651 51.81988483730669)</t>
  </si>
  <si>
    <t>3361CC</t>
  </si>
  <si>
    <t>Salonstoep</t>
  </si>
  <si>
    <t>POINT (4.7801560125457065 51.81769641931169)</t>
  </si>
  <si>
    <t>3362TC</t>
  </si>
  <si>
    <t>Douwes Dekkerstraat</t>
  </si>
  <si>
    <t>POINT (4.778075145554841 51.82106094128286)</t>
  </si>
  <si>
    <t>3361AH</t>
  </si>
  <si>
    <t>POINT (4.799486656246495 51.820157633641)</t>
  </si>
  <si>
    <t>3362WJ</t>
  </si>
  <si>
    <t>Boog</t>
  </si>
  <si>
    <t>POINT (4.80328503683106 51.82088291297477)</t>
  </si>
  <si>
    <t>3363KD</t>
  </si>
  <si>
    <t>Rossinistraat</t>
  </si>
  <si>
    <t>POINT (4.740797002183396 51.82765541677455)</t>
  </si>
  <si>
    <t>BU06100101</t>
  </si>
  <si>
    <t>Baanhoek-West</t>
  </si>
  <si>
    <t>3363LB</t>
  </si>
  <si>
    <t>Rondo</t>
  </si>
  <si>
    <t>POINT (4.739306461367726 51.82894587253927)</t>
  </si>
  <si>
    <t>3362XG</t>
  </si>
  <si>
    <t>POINT (4.773301626456817 51.8218880992439)</t>
  </si>
  <si>
    <t>3361BE</t>
  </si>
  <si>
    <t>3364AA</t>
  </si>
  <si>
    <t>Bruningsstraat</t>
  </si>
  <si>
    <t>3364AA-3364AB</t>
  </si>
  <si>
    <t>POINT (4.764708955197114 51.83041837626484)</t>
  </si>
  <si>
    <t>3362RK</t>
  </si>
  <si>
    <t>POINT (4.785741058395602 51.81936424066994)</t>
  </si>
  <si>
    <t>3361AN</t>
  </si>
  <si>
    <t>POINT (4.784496504675067 51.81637895088477)</t>
  </si>
  <si>
    <t>3362ST</t>
  </si>
  <si>
    <t>Prof. Zeemanweg</t>
  </si>
  <si>
    <t>3362SR-3362ST</t>
  </si>
  <si>
    <t>POINT (4.782219366102897 51.820714832150735)</t>
  </si>
  <si>
    <t>3362JH</t>
  </si>
  <si>
    <t>Stobbe</t>
  </si>
  <si>
    <t>POINT (4.793769474573414 51.82256530895058)</t>
  </si>
  <si>
    <t>3363AB</t>
  </si>
  <si>
    <t>Deltalaan</t>
  </si>
  <si>
    <t>POINT (4.770082477267351 51.82525461134019)</t>
  </si>
  <si>
    <t>3362HD</t>
  </si>
  <si>
    <t>POINT (4.774430315661391 51.82723860725824)</t>
  </si>
  <si>
    <t>BU06100206</t>
  </si>
  <si>
    <t>POINT (4.742182361155277 51.83011401296898)</t>
  </si>
  <si>
    <t>POINT (4.777495864417055 51.819847171464936)</t>
  </si>
  <si>
    <t>3363BP</t>
  </si>
  <si>
    <t>Weresteijn</t>
  </si>
  <si>
    <t>POINT (4.761698219078487 51.82710682430452)</t>
  </si>
  <si>
    <t>BU06100106</t>
  </si>
  <si>
    <t>Prickwaert en Weresteijn</t>
  </si>
  <si>
    <t>3362VJ</t>
  </si>
  <si>
    <t>Prof. Kamerlingh Onneslaan</t>
  </si>
  <si>
    <t>POINT (4.780805809550996 51.82304088289069)</t>
  </si>
  <si>
    <t>3362AD</t>
  </si>
  <si>
    <t>POINT (4.776776205668039 51.82174047131814)</t>
  </si>
  <si>
    <t>3362PR</t>
  </si>
  <si>
    <t>3364AH</t>
  </si>
  <si>
    <t>3364AC-3364AS</t>
  </si>
  <si>
    <t>POINT (4.765758150257742 51.83098763608317)</t>
  </si>
  <si>
    <t>3362ND</t>
  </si>
  <si>
    <t>Jac. P. Thijssesingel</t>
  </si>
  <si>
    <t>POINT (4.791835077954017 51.82033740329329)</t>
  </si>
  <si>
    <t>3361TJ</t>
  </si>
  <si>
    <t>POINT (4.781697787817673 51.81759436327464)</t>
  </si>
  <si>
    <t>3362KA</t>
  </si>
  <si>
    <t>IJsbaan</t>
  </si>
  <si>
    <t>POINT (4.793715503855486 51.821927297067624)</t>
  </si>
  <si>
    <t>3361CG</t>
  </si>
  <si>
    <t>Zoutstoep</t>
  </si>
  <si>
    <t>POINT (4.777327503791697 51.81901934702212)</t>
  </si>
  <si>
    <t>3362TE</t>
  </si>
  <si>
    <t>POINT (4.776954588348473 51.8201245326155)</t>
  </si>
  <si>
    <t>3362ED</t>
  </si>
  <si>
    <t>De Horst</t>
  </si>
  <si>
    <t>POINT (4.792113438035423 51.822862536097766)</t>
  </si>
  <si>
    <t>3362XX</t>
  </si>
  <si>
    <t>Van Goghstraat</t>
  </si>
  <si>
    <t>3361BA-3362XX</t>
  </si>
  <si>
    <t>POINT (4.773801803925126 51.82045586644325)</t>
  </si>
  <si>
    <t>BU06100210</t>
  </si>
  <si>
    <t>Kerkbuurt-Oost</t>
  </si>
  <si>
    <t>3363CH</t>
  </si>
  <si>
    <t>3363CG-3363CH</t>
  </si>
  <si>
    <t>POINT (4.770868797648553 51.82601072751009)</t>
  </si>
  <si>
    <t>3362RR</t>
  </si>
  <si>
    <t>POINT (4.787441377992343 51.820190812136936)</t>
  </si>
  <si>
    <t>3361XG</t>
  </si>
  <si>
    <t>POINT (4.766961245874155 51.82189498999129)</t>
  </si>
  <si>
    <t>3363BB</t>
  </si>
  <si>
    <t>Prickwaert</t>
  </si>
  <si>
    <t>POINT (4.758961303598874 51.82831294834343)</t>
  </si>
  <si>
    <t>3363CT</t>
  </si>
  <si>
    <t>Waterwegstraat</t>
  </si>
  <si>
    <t>POINT (4.767782159947073 51.82735373357955)</t>
  </si>
  <si>
    <t>3362AA-3362AB</t>
  </si>
  <si>
    <t>POINT (4.777651469387599 51.82262697957183)</t>
  </si>
  <si>
    <t>POINT (4.767051293910551 51.82184525553961)</t>
  </si>
  <si>
    <t>3361BZ</t>
  </si>
  <si>
    <t>3361BX-3361BZ</t>
  </si>
  <si>
    <t>POINT (4.778170101504809 51.817758039686034)</t>
  </si>
  <si>
    <t>3363CL</t>
  </si>
  <si>
    <t>Volkerakstraat</t>
  </si>
  <si>
    <t>3363CK-3363GB</t>
  </si>
  <si>
    <t>POINT (4.7695021407503 51.82491286899302)</t>
  </si>
  <si>
    <t>3362BB</t>
  </si>
  <si>
    <t>POINT (4.73845499169391 51.828465672761)</t>
  </si>
  <si>
    <t>3363XK</t>
  </si>
  <si>
    <t>Locksweer</t>
  </si>
  <si>
    <t>POINT (4.7540383714710455 51.82629192906599)</t>
  </si>
  <si>
    <t>3362CT</t>
  </si>
  <si>
    <t>POINT (4.7798897063621215 51.824550506129306)</t>
  </si>
  <si>
    <t>3362EN</t>
  </si>
  <si>
    <t>3363XR</t>
  </si>
  <si>
    <t>Reinenweer</t>
  </si>
  <si>
    <t>POINT (4.7522933865101 51.82911588800597)</t>
  </si>
  <si>
    <t>3362JJ</t>
  </si>
  <si>
    <t>Stormrand</t>
  </si>
  <si>
    <t>POINT (4.796289391285533 51.82406095573765)</t>
  </si>
  <si>
    <t>3362EA</t>
  </si>
  <si>
    <t>POINT (4.790976993027158 51.824231390985)</t>
  </si>
  <si>
    <t>3361XV</t>
  </si>
  <si>
    <t>POINT (4.76450688999158 51.82265982243737)</t>
  </si>
  <si>
    <t>3363CE</t>
  </si>
  <si>
    <t>Kilstraat</t>
  </si>
  <si>
    <t>POINT (4.767211794527781 51.827056256472794)</t>
  </si>
  <si>
    <t>3362EM</t>
  </si>
  <si>
    <t>3363XM</t>
  </si>
  <si>
    <t>POINT (4.7541057343424 51.82647395188513)</t>
  </si>
  <si>
    <t>POINT (4.738785466393958 51.82882812146969)</t>
  </si>
  <si>
    <t>POINT (4.768933900242604 51.820771352280026)</t>
  </si>
  <si>
    <t>POINT (4.773303393120686 51.821939433300905)</t>
  </si>
  <si>
    <t>POINT (4.796658020033541 51.823979936329266)</t>
  </si>
  <si>
    <t>3362WT</t>
  </si>
  <si>
    <t>Zaaistoep</t>
  </si>
  <si>
    <t>POINT (4.80028214571727 51.820318464646675)</t>
  </si>
  <si>
    <t>3361VH</t>
  </si>
  <si>
    <t>Burgemeester Drijberplein</t>
  </si>
  <si>
    <t>POINT (4.7720043717327645 51.818122279842285)</t>
  </si>
  <si>
    <t>3361BW</t>
  </si>
  <si>
    <t>3361BV-3361BW</t>
  </si>
  <si>
    <t>POINT (4.782509584702199 51.816271923589)</t>
  </si>
  <si>
    <t>3362VB</t>
  </si>
  <si>
    <t>Christiaan Huygensstraat</t>
  </si>
  <si>
    <t>POINT (4.777959045798732 51.82323341799885)</t>
  </si>
  <si>
    <t>POINT (4.8000659957149905 51.821691016321495)</t>
  </si>
  <si>
    <t>POINT (4.769821070591583 51.82126309576755)</t>
  </si>
  <si>
    <t>3363EB</t>
  </si>
  <si>
    <t>3363BR</t>
  </si>
  <si>
    <t>POINT (4.760765553759838 51.82705798637217)</t>
  </si>
  <si>
    <t>3362AK</t>
  </si>
  <si>
    <t>POINT (4.779899934718823 51.821148417989164)</t>
  </si>
  <si>
    <t>POINT (4.77374817147502 51.82401308780823)</t>
  </si>
  <si>
    <t>3362XW</t>
  </si>
  <si>
    <t>POINT (4.7745080614199855 51.82338713695276)</t>
  </si>
  <si>
    <t>3363LA</t>
  </si>
  <si>
    <t>Sonate</t>
  </si>
  <si>
    <t>3363KG-3363LA</t>
  </si>
  <si>
    <t>POINT (4.740757118333683 51.8300708027796)</t>
  </si>
  <si>
    <t>3362PM</t>
  </si>
  <si>
    <t>3361TA</t>
  </si>
  <si>
    <t>POINT (4.7870987717361295 51.81765356294966)</t>
  </si>
  <si>
    <t>3363HA</t>
  </si>
  <si>
    <t>3362RL</t>
  </si>
  <si>
    <t>Mezenstraat</t>
  </si>
  <si>
    <t>POINT (4.78734074405486 51.81956765916862)</t>
  </si>
  <si>
    <t>3363LH</t>
  </si>
  <si>
    <t>Haydnsingel</t>
  </si>
  <si>
    <t>3363LH-3363LJ</t>
  </si>
  <si>
    <t>POINT (4.739714391108403 51.829507861543426)</t>
  </si>
  <si>
    <t>3362WE</t>
  </si>
  <si>
    <t>Kraal</t>
  </si>
  <si>
    <t>POINT (4.802243439900204 51.82157874476209)</t>
  </si>
  <si>
    <t>3362TK</t>
  </si>
  <si>
    <t>POINT (4.776748193399587 51.819192781308836)</t>
  </si>
  <si>
    <t>3363XN</t>
  </si>
  <si>
    <t>Leenweer</t>
  </si>
  <si>
    <t>POINT (4.751773502617877 51.829122602865304)</t>
  </si>
  <si>
    <t>3363HH</t>
  </si>
  <si>
    <t>POINT (4.7568901054720785 51.82531952045972)</t>
  </si>
  <si>
    <t>3361BL</t>
  </si>
  <si>
    <t>3361BL-3361XA</t>
  </si>
  <si>
    <t>POINT (4.772562372029255 51.82096946207648)</t>
  </si>
  <si>
    <t>3363XP</t>
  </si>
  <si>
    <t>Groenenweer</t>
  </si>
  <si>
    <t>POINT (4.753690360081803 51.82869701673412)</t>
  </si>
  <si>
    <t>3362GG</t>
  </si>
  <si>
    <t>3362GD-3362GG</t>
  </si>
  <si>
    <t>POINT (4.793475710587618 51.82437421093153)</t>
  </si>
  <si>
    <t>3362JG</t>
  </si>
  <si>
    <t>Padakker</t>
  </si>
  <si>
    <t>POINT (4.796580057316437 51.82378593036286)</t>
  </si>
  <si>
    <t>3363LC</t>
  </si>
  <si>
    <t>Bernsteineiland</t>
  </si>
  <si>
    <t>POINT (4.735840784114654 51.831405821686964)</t>
  </si>
  <si>
    <t>3363EK</t>
  </si>
  <si>
    <t>POINT (4.77188413386408 51.82745162045512)</t>
  </si>
  <si>
    <t>3362EB</t>
  </si>
  <si>
    <t>POINT (4.791668411647808 51.82317083412695)</t>
  </si>
  <si>
    <t>POINT (4.795665476233273 51.824185360928944)</t>
  </si>
  <si>
    <t>POINT (4.769009479506634 51.820749368789585)</t>
  </si>
  <si>
    <t>3362SL</t>
  </si>
  <si>
    <t>Prof. Snelliusweg</t>
  </si>
  <si>
    <t>POINT (4.7829705000800065 51.82104291938885)</t>
  </si>
  <si>
    <t>3362AM</t>
  </si>
  <si>
    <t>3362AM-3362AR</t>
  </si>
  <si>
    <t>POINT (4.784501325024829 51.81920777189369)</t>
  </si>
  <si>
    <t>3362PE</t>
  </si>
  <si>
    <t>Reigerlaan</t>
  </si>
  <si>
    <t>POINT (4.785817476002297 51.82172042139696)</t>
  </si>
  <si>
    <t>3361EV</t>
  </si>
  <si>
    <t>Rijshoutstraat</t>
  </si>
  <si>
    <t>POINT (4.765059404684496 51.82348862388392)</t>
  </si>
  <si>
    <t>POINT (4.735847704767787 51.83082968168513)</t>
  </si>
  <si>
    <t>3362BJ</t>
  </si>
  <si>
    <t>3363XD</t>
  </si>
  <si>
    <t>Koningsweer</t>
  </si>
  <si>
    <t>POINT (4.753283118647515 51.82670878861566)</t>
  </si>
  <si>
    <t>3363AW</t>
  </si>
  <si>
    <t>Benedenveer</t>
  </si>
  <si>
    <t>POINT (4.743365302681538 51.82733846363339)</t>
  </si>
  <si>
    <t>BU06100104</t>
  </si>
  <si>
    <t>3363KL</t>
  </si>
  <si>
    <t>Fagotstraat</t>
  </si>
  <si>
    <t>POINT (4.737834613870045 51.826798775358746)</t>
  </si>
  <si>
    <t>3361TC</t>
  </si>
  <si>
    <t>POINT (4.787018808135483 51.817079952356025)</t>
  </si>
  <si>
    <t>3361HJ</t>
  </si>
  <si>
    <t>Industrieweg</t>
  </si>
  <si>
    <t>POINT (4.764658422469358 51.819943015534626)</t>
  </si>
  <si>
    <t>BU06100205</t>
  </si>
  <si>
    <t>Bedrijventerrein Kerkerak</t>
  </si>
  <si>
    <t>3361AR</t>
  </si>
  <si>
    <t>POINT (4.801334013389454 51.81923421555196)</t>
  </si>
  <si>
    <t>3361GJ</t>
  </si>
  <si>
    <t>Baanhoek</t>
  </si>
  <si>
    <t>POINT (4.7340153295960405 51.828033149186176)</t>
  </si>
  <si>
    <t>3362BS</t>
  </si>
  <si>
    <t>3362BS-3362VE</t>
  </si>
  <si>
    <t>POINT (4.789344977362266 51.82244919533646)</t>
  </si>
  <si>
    <t>POINT (4.736997800617393 51.828725201028796)</t>
  </si>
  <si>
    <t>3362NP</t>
  </si>
  <si>
    <t>'t Orleans</t>
  </si>
  <si>
    <t>POINT (4.792090542737881 51.819400112031225)</t>
  </si>
  <si>
    <t>POINT (4.767330600996242 51.82737274272547)</t>
  </si>
  <si>
    <t>3363GA</t>
  </si>
  <si>
    <t>POINT (4.772198615635464 51.82348573566419)</t>
  </si>
  <si>
    <t>3363HJ</t>
  </si>
  <si>
    <t>POINT (4.75584454684395 51.825866609910534)</t>
  </si>
  <si>
    <t>3361HR</t>
  </si>
  <si>
    <t>POINT (4.771728553008027 51.82052024754277)</t>
  </si>
  <si>
    <t>POINT (4.770942103050748 51.830208149781576)</t>
  </si>
  <si>
    <t>POINT (4.776607642819602 51.81862585922222)</t>
  </si>
  <si>
    <t>3362AN</t>
  </si>
  <si>
    <t>3361TN</t>
  </si>
  <si>
    <t>Erasmusplaats</t>
  </si>
  <si>
    <t>POINT (4.785410472021021 51.81793327214926)</t>
  </si>
  <si>
    <t>brg</t>
  </si>
  <si>
    <t>POINT (4.7490560197778695 51.82922597143797)</t>
  </si>
  <si>
    <t>3363JJ</t>
  </si>
  <si>
    <t>3363JB-3363JC</t>
  </si>
  <si>
    <t>POINT (4.7471520773214255 51.829135876781685)</t>
  </si>
  <si>
    <t>POINT (4.776509164021802 51.820146035633584)</t>
  </si>
  <si>
    <t>3363CA</t>
  </si>
  <si>
    <t>Grevelingenlaan</t>
  </si>
  <si>
    <t>POINT (4.766236260199829 51.82492790619765)</t>
  </si>
  <si>
    <t>3363KB</t>
  </si>
  <si>
    <t>Puccinistraat</t>
  </si>
  <si>
    <t>POINT (4.741016166162701 51.82847710302835)</t>
  </si>
  <si>
    <t>3363BC</t>
  </si>
  <si>
    <t>POINT (4.757673763613673 51.82685286512874)</t>
  </si>
  <si>
    <t>3361TM</t>
  </si>
  <si>
    <t>POINT (4.781595938921684 51.81787769723464)</t>
  </si>
  <si>
    <t>3363JL</t>
  </si>
  <si>
    <t>Alewijnsweer</t>
  </si>
  <si>
    <t>POINT (4.746041627003524 51.82981420851434)</t>
  </si>
  <si>
    <t>POINT (4.750295780167545 51.82864224384768)</t>
  </si>
  <si>
    <t>3361GE</t>
  </si>
  <si>
    <t>POINT (4.742763732074738 51.8238465238619)</t>
  </si>
  <si>
    <t>BU06100105</t>
  </si>
  <si>
    <t>Baanhoek-Oost</t>
  </si>
  <si>
    <t>POINT (4.773262156086783 51.821026786362225)</t>
  </si>
  <si>
    <t>3363BS</t>
  </si>
  <si>
    <t>POINT (4.7602266786102785 51.82809796529588)</t>
  </si>
  <si>
    <t>3364DJ</t>
  </si>
  <si>
    <t>Prisma</t>
  </si>
  <si>
    <t>POINT (4.801378150079399 51.82725511048512)</t>
  </si>
  <si>
    <t>BU06100406</t>
  </si>
  <si>
    <t>Bedrijventerrein Noordoost-Kwadrant</t>
  </si>
  <si>
    <t>3362NN</t>
  </si>
  <si>
    <t>Het Groenevelt</t>
  </si>
  <si>
    <t>POINT (4.791190836801249 51.819116990848805)</t>
  </si>
  <si>
    <t>3363JA</t>
  </si>
  <si>
    <t>Ambachtsweer</t>
  </si>
  <si>
    <t>POINT (4.747973117837456 51.828373173997285)</t>
  </si>
  <si>
    <t>POINT (4.792436183255516 51.82282893673561)</t>
  </si>
  <si>
    <t>3362SC</t>
  </si>
  <si>
    <t>Prof. Lorentzlaan</t>
  </si>
  <si>
    <t>POINT (4.779024959528534 51.82212067657585)</t>
  </si>
  <si>
    <t>POINT (4.772470005198645 51.82143548594907)</t>
  </si>
  <si>
    <t>POINT (4.766001984541895 51.822644643947186)</t>
  </si>
  <si>
    <t>3361GA</t>
  </si>
  <si>
    <t>POINT (4.754530688149127 51.82480553309531)</t>
  </si>
  <si>
    <t>POINT (4.777880779157612 51.823025015996244)</t>
  </si>
  <si>
    <t>3363HS</t>
  </si>
  <si>
    <t>3363AG-3363HT</t>
  </si>
  <si>
    <t>POINT (4.764736353920211 51.82559060023977)</t>
  </si>
  <si>
    <t>POINT (4.7490693102670845 51.82978315675005)</t>
  </si>
  <si>
    <t>3361GG</t>
  </si>
  <si>
    <t>POINT (4.73937076389438 51.82335252861011)</t>
  </si>
  <si>
    <t>3363KG</t>
  </si>
  <si>
    <t>Vivaldilaan</t>
  </si>
  <si>
    <t>POINT (4.738660660319111 51.82794421184458)</t>
  </si>
  <si>
    <t>3362WH</t>
  </si>
  <si>
    <t>Hopper</t>
  </si>
  <si>
    <t>POINT (4.801008580671048 51.82113888589608)</t>
  </si>
  <si>
    <t>3361GM</t>
  </si>
  <si>
    <t>POINT (4.7375797080062165 51.82358635567735)</t>
  </si>
  <si>
    <t>BU06100102</t>
  </si>
  <si>
    <t>Baanhoek-Bedrijven</t>
  </si>
  <si>
    <t>3362AC</t>
  </si>
  <si>
    <t>POINT (4.774638476115729 51.82247898206753)</t>
  </si>
  <si>
    <t>3363HP</t>
  </si>
  <si>
    <t>3363HN-3363HP</t>
  </si>
  <si>
    <t>POINT (4.763765117881614 51.82540639313265)</t>
  </si>
  <si>
    <t>POINT (4.751072147883445 51.8294161468952)</t>
  </si>
  <si>
    <t>3364AB</t>
  </si>
  <si>
    <t>POINT (4.773283405161106 51.82922151710219)</t>
  </si>
  <si>
    <t>3364AJ</t>
  </si>
  <si>
    <t>POINT (4.766191188359355 51.83040980474562)</t>
  </si>
  <si>
    <t>3362EL</t>
  </si>
  <si>
    <t>3362EJ-3362EK</t>
  </si>
  <si>
    <t>POINT (4.790495245798951 51.824901287969766)</t>
  </si>
  <si>
    <t>3361AS</t>
  </si>
  <si>
    <t>POINT (4.797199492435774 51.81940433231101)</t>
  </si>
  <si>
    <t>POINT (4.776483315219929 51.82180771038143)</t>
  </si>
  <si>
    <t>3363BD</t>
  </si>
  <si>
    <t>POINT (4.758044450584445 51.8271506670527)</t>
  </si>
  <si>
    <t>3364DH</t>
  </si>
  <si>
    <t>Parabool</t>
  </si>
  <si>
    <t>POINT (4.7961654574473815 51.82767148731348)</t>
  </si>
  <si>
    <t>3362SK</t>
  </si>
  <si>
    <t>3362SJ-3362SK</t>
  </si>
  <si>
    <t>POINT (4.780442533261114 51.82220549467951)</t>
  </si>
  <si>
    <t>3361BA</t>
  </si>
  <si>
    <t>Waterkeringweg</t>
  </si>
  <si>
    <t>POINT (4.774394899447827 51.818726324677435)</t>
  </si>
  <si>
    <t>3361GB</t>
  </si>
  <si>
    <t>POINT (4.752023326005514 51.82387969393142)</t>
  </si>
  <si>
    <t>3361HC</t>
  </si>
  <si>
    <t>Burgemeester Ypeijstraat</t>
  </si>
  <si>
    <t>POINT (4.770141930194205 51.81922735767177)</t>
  </si>
  <si>
    <t>POINT (4.800835206147978 51.82731954416608)</t>
  </si>
  <si>
    <t>POINT (4.755615934915519 51.825607587195286)</t>
  </si>
  <si>
    <t>3361VM</t>
  </si>
  <si>
    <t>Joh. Kraaijeveldstraat</t>
  </si>
  <si>
    <t>POINT (4.772980056543806 51.81724704754074)</t>
  </si>
  <si>
    <t>3364AP</t>
  </si>
  <si>
    <t>POINT (4.774498557562872 51.82862122685392)</t>
  </si>
  <si>
    <t>POINT (4.75953589933994 51.8285330965299)</t>
  </si>
  <si>
    <t>3361VS</t>
  </si>
  <si>
    <t>Middeldiepstraat</t>
  </si>
  <si>
    <t>POINT (4.776543683664472 51.817426538951395)</t>
  </si>
  <si>
    <t>POINT (4.7612567059858515 51.827426082430776)</t>
  </si>
  <si>
    <t>POINT (4.771271861971009 51.826747479902934)</t>
  </si>
  <si>
    <t>3364AN</t>
  </si>
  <si>
    <t>3364AM-3364AN</t>
  </si>
  <si>
    <t>POINT (4.775081412829355 51.828602245620026)</t>
  </si>
  <si>
    <t>BU06100404</t>
  </si>
  <si>
    <t>Bedrijventerrein Stationspark</t>
  </si>
  <si>
    <t>3361BR</t>
  </si>
  <si>
    <t>Oosterbrugstraat</t>
  </si>
  <si>
    <t>3361BJ-3361BR</t>
  </si>
  <si>
    <t>POINT (4.776473002999406 51.81786912872999)</t>
  </si>
  <si>
    <t>3362ER</t>
  </si>
  <si>
    <t>POINT (4.73979224583282 51.82876806164088)</t>
  </si>
  <si>
    <t>3362PG</t>
  </si>
  <si>
    <t>3362PE-3362PJ</t>
  </si>
  <si>
    <t>POINT (4.7869877380956645 51.82250718606791)</t>
  </si>
  <si>
    <t>3361XD</t>
  </si>
  <si>
    <t>POINT (4.765825009020116 51.82165244552634)</t>
  </si>
  <si>
    <t>3361XJ</t>
  </si>
  <si>
    <t>POINT (4.769681646393284 51.82106981777643)</t>
  </si>
  <si>
    <t>3361BV</t>
  </si>
  <si>
    <t>POINT (4.777495195344384 51.81827954088888)</t>
  </si>
  <si>
    <t>POINT (4.77174046606841 51.82038071725412)</t>
  </si>
  <si>
    <t>POINT (4.786373249543823 51.82252255868726)</t>
  </si>
  <si>
    <t>3362BE</t>
  </si>
  <si>
    <t>3362NC</t>
  </si>
  <si>
    <t>POINT (4.791478528273383 51.8212839784725)</t>
  </si>
  <si>
    <t>POINT (4.752022706633768 51.8290834130235)</t>
  </si>
  <si>
    <t>POINT (4.777383225742036 51.81973566716523)</t>
  </si>
  <si>
    <t>3362CC</t>
  </si>
  <si>
    <t>POINT (4.778657456485176 51.82629630333696)</t>
  </si>
  <si>
    <t>3361EN</t>
  </si>
  <si>
    <t>POINT (4.763948569807299 51.82411957232414)</t>
  </si>
  <si>
    <t>3362XB</t>
  </si>
  <si>
    <t>POINT (4.774549797396082 51.82077545226302)</t>
  </si>
  <si>
    <t>POINT (4.7771814696543595 51.818857153127915)</t>
  </si>
  <si>
    <t>POINT (4.74105598246846 51.82787544544154)</t>
  </si>
  <si>
    <t>3363LE</t>
  </si>
  <si>
    <t>Monteverdistraat</t>
  </si>
  <si>
    <t>POINT (4.739566227058342 51.83129369030761)</t>
  </si>
  <si>
    <t>3361XC</t>
  </si>
  <si>
    <t>POINT (4.768338436891626 51.82075446157603)</t>
  </si>
  <si>
    <t>POINT (4.774796686233927 51.82165977919142)</t>
  </si>
  <si>
    <t>3363KH</t>
  </si>
  <si>
    <t>Menuet</t>
  </si>
  <si>
    <t>POINT (4.738547314205703 51.82736301161789)</t>
  </si>
  <si>
    <t>POINT (4.736629345073522 51.82786951174331)</t>
  </si>
  <si>
    <t>3362BH</t>
  </si>
  <si>
    <t>3362WR</t>
  </si>
  <si>
    <t>Buitenaf</t>
  </si>
  <si>
    <t>POINT (4.802250745342035 51.82019984540725)</t>
  </si>
  <si>
    <t>3361VP</t>
  </si>
  <si>
    <t>3361VN-3361VP</t>
  </si>
  <si>
    <t>POINT (4.772869322190078 51.818934075520254)</t>
  </si>
  <si>
    <t>3361EH</t>
  </si>
  <si>
    <t>L. van der Wielstraat</t>
  </si>
  <si>
    <t>POINT (4.762816255129737 51.82348210605453)</t>
  </si>
  <si>
    <t>3362TL</t>
  </si>
  <si>
    <t>3362TL-3362TP</t>
  </si>
  <si>
    <t>POINT (4.778003383195594 51.81956657650558)</t>
  </si>
  <si>
    <t>POINT (4.753408203358855 51.8268193945674)</t>
  </si>
  <si>
    <t>3361HZ</t>
  </si>
  <si>
    <t>Oranjehof</t>
  </si>
  <si>
    <t>POINT (4.771883592255987 51.81984107380502)</t>
  </si>
  <si>
    <t>3363KM</t>
  </si>
  <si>
    <t>Klarinetstraat</t>
  </si>
  <si>
    <t>POINT (4.735563770677698 51.82759148910288)</t>
  </si>
  <si>
    <t>POINT (4.7642196937659325 51.82226082299653)</t>
  </si>
  <si>
    <t>3363EL</t>
  </si>
  <si>
    <t>Bonkelaarplein</t>
  </si>
  <si>
    <t>POINT (4.7716414295569125 51.82359056109913)</t>
  </si>
  <si>
    <t>3362WC</t>
  </si>
  <si>
    <t>POINT (4.801250052357561 51.82062774335705)</t>
  </si>
  <si>
    <t>3363HB</t>
  </si>
  <si>
    <t>3361BK</t>
  </si>
  <si>
    <t>POINT (4.77405458428553 51.81974358340519)</t>
  </si>
  <si>
    <t>3363BM</t>
  </si>
  <si>
    <t>POINT (4.762030615401221 51.82777222243625)</t>
  </si>
  <si>
    <t>POINT (4.774489379296076 51.82334227629491)</t>
  </si>
  <si>
    <t>3361EC</t>
  </si>
  <si>
    <t>Dwarsstraat</t>
  </si>
  <si>
    <t>POINT (4.76543983492307 51.8242383104432)</t>
  </si>
  <si>
    <t>3362RP</t>
  </si>
  <si>
    <t>POINT (4.785598394987364 51.82008825854981)</t>
  </si>
  <si>
    <t>3361VR</t>
  </si>
  <si>
    <t>POINT (4.773624034157525 51.81838477582931)</t>
  </si>
  <si>
    <t>3362CS</t>
  </si>
  <si>
    <t>POINT (4.7813483570447985 51.824968318525734)</t>
  </si>
  <si>
    <t>3363WB</t>
  </si>
  <si>
    <t>3363LP-3363XA</t>
  </si>
  <si>
    <t>POINT (4.749237521776035 51.8255355212796)</t>
  </si>
  <si>
    <t>3362NJ</t>
  </si>
  <si>
    <t>Leeuweriksingel</t>
  </si>
  <si>
    <t>POINT (4.789641781860766 51.820400592946)</t>
  </si>
  <si>
    <t>POINT (4.759026678859403 51.828483092634855)</t>
  </si>
  <si>
    <t>3361HK</t>
  </si>
  <si>
    <t>Merwestraat</t>
  </si>
  <si>
    <t>POINT (4.768663874163012 51.81837914434544)</t>
  </si>
  <si>
    <t>3364AE</t>
  </si>
  <si>
    <t>POINT (4.755630927661287 51.830758939259056)</t>
  </si>
  <si>
    <t>POINT (4.764496200668067 51.822215639484135)</t>
  </si>
  <si>
    <t>POINT (4.795713186150619 51.819632262220914)</t>
  </si>
  <si>
    <t>BU06100306</t>
  </si>
  <si>
    <t>Rivierdijk-Midden</t>
  </si>
  <si>
    <t>POINT (4.768234747406091 51.83078760138417)</t>
  </si>
  <si>
    <t>POINT (4.753475483647535 51.826914317826045)</t>
  </si>
  <si>
    <t>POINT (4.7493515505265504 51.829573009321024)</t>
  </si>
  <si>
    <t>3362XD</t>
  </si>
  <si>
    <t>POINT (4.7761917436204016 51.821103465523244)</t>
  </si>
  <si>
    <t>3362DX</t>
  </si>
  <si>
    <t>Binnenhof</t>
  </si>
  <si>
    <t>3362CZ-3362DZ</t>
  </si>
  <si>
    <t>POINT (4.779702644626818 51.82556948988194)</t>
  </si>
  <si>
    <t>3363JD</t>
  </si>
  <si>
    <t>Dorlandsweer</t>
  </si>
  <si>
    <t>3362PK</t>
  </si>
  <si>
    <t>POINT (4.789066993263984 51.82163467278416)</t>
  </si>
  <si>
    <t>3362CJ</t>
  </si>
  <si>
    <t>Dr. Kuyperhof</t>
  </si>
  <si>
    <t>3362CG-3362CL</t>
  </si>
  <si>
    <t>POINT (4.777682914389209 51.82442378912518)</t>
  </si>
  <si>
    <t>POINT (4.784823791836656 51.823708659354516)</t>
  </si>
  <si>
    <t>3362JK</t>
  </si>
  <si>
    <t>POINT (4.797589256657904 51.82319335432198)</t>
  </si>
  <si>
    <t>3362EC</t>
  </si>
  <si>
    <t>POINT (4.793040949768851 51.82295703059944)</t>
  </si>
  <si>
    <t>POINT (4.747012924263354 51.828004442392036)</t>
  </si>
  <si>
    <t>3364DK</t>
  </si>
  <si>
    <t>3364DG-3364DK</t>
  </si>
  <si>
    <t>POINT (4.80036745484188 51.82585377923913)</t>
  </si>
  <si>
    <t>POINT (4.737370630199896 51.82504301581974)</t>
  </si>
  <si>
    <t>3364DL</t>
  </si>
  <si>
    <t>Trapezium</t>
  </si>
  <si>
    <t>3364DL-3366BA</t>
  </si>
  <si>
    <t>POINT (4.8008335327778715 51.82545234221771)</t>
  </si>
  <si>
    <t>3363BH</t>
  </si>
  <si>
    <t>POINT (4.757514762735038 51.82840065643184)</t>
  </si>
  <si>
    <t>POINT (4.781768650736954 51.82491504556329)</t>
  </si>
  <si>
    <t>POINT (4.782540868088944 51.82108690818086)</t>
  </si>
  <si>
    <t>3362CZ</t>
  </si>
  <si>
    <t>Troelstralaan</t>
  </si>
  <si>
    <t>POINT (4.779097215912493 51.82570244201735)</t>
  </si>
  <si>
    <t>POINT (4.779455121181928 51.821285348755296)</t>
  </si>
  <si>
    <t>POINT (4.760190409409703 51.828087704352086)</t>
  </si>
  <si>
    <t>3362TX</t>
  </si>
  <si>
    <t>Willem Kloosweg</t>
  </si>
  <si>
    <t>POINT (4.781038465000798 51.8197516353542)</t>
  </si>
  <si>
    <t>POINT (4.7765568603503015 51.82017981120928)</t>
  </si>
  <si>
    <t>POINT (4.737383687198111 51.82840320879054)</t>
  </si>
  <si>
    <t>3361EM</t>
  </si>
  <si>
    <t>POINT (4.755896911034382 51.824800125275246)</t>
  </si>
  <si>
    <t>POINT (4.783252687137286 51.82065840217294)</t>
  </si>
  <si>
    <t>POINT (4.76350457035982 51.825900639725944)</t>
  </si>
  <si>
    <t>3362KB</t>
  </si>
  <si>
    <t>POINT (4.793205883562169 51.82031450655241)</t>
  </si>
  <si>
    <t>POINT (4.750576251984294 51.828279098024254)</t>
  </si>
  <si>
    <t>POINT (4.77766870308384 51.82506275829621)</t>
  </si>
  <si>
    <t>POINT (4.741643204696274 51.829631120901524)</t>
  </si>
  <si>
    <t>3362JP</t>
  </si>
  <si>
    <t>POINT (4.797653425125665 51.821403603574296)</t>
  </si>
  <si>
    <t>3362EE</t>
  </si>
  <si>
    <t>3362EE-3362EH</t>
  </si>
  <si>
    <t>POINT (4.789665263327745 51.82525984447856)</t>
  </si>
  <si>
    <t>3362RS</t>
  </si>
  <si>
    <t>Zwanensingel</t>
  </si>
  <si>
    <t>POINT (4.789432196583887 51.81953644276633)</t>
  </si>
  <si>
    <t>3364AX</t>
  </si>
  <si>
    <t>Beyerinckstraat</t>
  </si>
  <si>
    <t>POINT (4.758727020864154 51.83244182363847)</t>
  </si>
  <si>
    <t>POINT (4.778974010921794 51.82011326240264)</t>
  </si>
  <si>
    <t>POINT (4.7815819261085055 51.81799231924438)</t>
  </si>
  <si>
    <t>POINT (4.777051054981967 51.81871975885405)</t>
  </si>
  <si>
    <t>3361HT</t>
  </si>
  <si>
    <t>POINT (4.773724562882029 51.81692330738723)</t>
  </si>
  <si>
    <t>POINT (4.794207544628811 51.82251961384518)</t>
  </si>
  <si>
    <t>3362TH</t>
  </si>
  <si>
    <t>POINT (4.7808672086452235 51.81844417050069)</t>
  </si>
  <si>
    <t>3361BJ</t>
  </si>
  <si>
    <t>POINT (4.776413082588373 51.818385579724435)</t>
  </si>
  <si>
    <t>POINT (4.751114318284705 51.82940909465249)</t>
  </si>
  <si>
    <t>3363JK</t>
  </si>
  <si>
    <t>Prinsenweer</t>
  </si>
  <si>
    <t>POINT (4.745184477717671 51.829848713986536)</t>
  </si>
  <si>
    <t>3361BB</t>
  </si>
  <si>
    <t>POINT (4.775633084796141 51.81893140374792)</t>
  </si>
  <si>
    <t>3361VT</t>
  </si>
  <si>
    <t>POINT (4.772392880877977 51.81955026527471)</t>
  </si>
  <si>
    <t>3361GN</t>
  </si>
  <si>
    <t>POINT (4.732089293454814 51.824229042364124)</t>
  </si>
  <si>
    <t>POINT (4.774021730753158 51.81823494710177)</t>
  </si>
  <si>
    <t>3362CP</t>
  </si>
  <si>
    <t>Februariplantsoen</t>
  </si>
  <si>
    <t>POINT (4.782616431776503 51.82593732629353)</t>
  </si>
  <si>
    <t>3362BK</t>
  </si>
  <si>
    <t>POINT (4.78448637945349 51.82062932872417)</t>
  </si>
  <si>
    <t>POINT (4.790077290982174 51.821707590675175)</t>
  </si>
  <si>
    <t>3364BC</t>
  </si>
  <si>
    <t>Kweldamweg</t>
  </si>
  <si>
    <t>POINT (4.7807372996135316 51.825491444091895)</t>
  </si>
  <si>
    <t>3363JC</t>
  </si>
  <si>
    <t>Blijenburghsweer</t>
  </si>
  <si>
    <t>POINT (4.790129342700302 51.81913577502194)</t>
  </si>
  <si>
    <t>3361HH</t>
  </si>
  <si>
    <t>Hugo de Grootstraat</t>
  </si>
  <si>
    <t>POINT (4.772952190497557 51.816822730147955)</t>
  </si>
  <si>
    <t>3361EL</t>
  </si>
  <si>
    <t>POINT (4.762655967301739 51.825021268359784)</t>
  </si>
  <si>
    <t>POINT (4.779265856847118 51.826230873038874)</t>
  </si>
  <si>
    <t>POINT (4.793823560344967 51.82332691415097)</t>
  </si>
  <si>
    <t>POINT (4.737152847527843 51.824930863536615)</t>
  </si>
  <si>
    <t>POINT (4.775409000567211 51.81907893409076)</t>
  </si>
  <si>
    <t>3361HM</t>
  </si>
  <si>
    <t>POINT (4.768319967743547 51.81727173456388)</t>
  </si>
  <si>
    <t>POINT (4.737076959815009 51.82871853847388)</t>
  </si>
  <si>
    <t>3362EH</t>
  </si>
  <si>
    <t>POINT (4.754158021631479 51.82887562619212)</t>
  </si>
  <si>
    <t>POINT (4.774401784696087 51.81810246277886)</t>
  </si>
  <si>
    <t>POINT (4.774757932343634 51.82156564628565)</t>
  </si>
  <si>
    <t>3362CN</t>
  </si>
  <si>
    <t>POINT (4.782030368043519 51.82538243479161)</t>
  </si>
  <si>
    <t>3363BL</t>
  </si>
  <si>
    <t>POINT (4.761822611722195 51.82832472148056)</t>
  </si>
  <si>
    <t>3362WG</t>
  </si>
  <si>
    <t>Krabbelaar</t>
  </si>
  <si>
    <t>POINT (4.8016991874358474 51.82235228355402)</t>
  </si>
  <si>
    <t>3362NG</t>
  </si>
  <si>
    <t>Kievitlaan</t>
  </si>
  <si>
    <t>POINT (4.788971076555351 51.82128803398788)</t>
  </si>
  <si>
    <t>3362JN</t>
  </si>
  <si>
    <t>Lepelaar</t>
  </si>
  <si>
    <t>POINT (4.79892235286689 51.82278755787201)</t>
  </si>
  <si>
    <t>3362AH</t>
  </si>
  <si>
    <t>POINT (4.778299633402427 51.82195521151211)</t>
  </si>
  <si>
    <t>POINT (4.798565914515768 51.82022564728571)</t>
  </si>
  <si>
    <t>3362BM</t>
  </si>
  <si>
    <t>POINT (4.779655319258733 51.823811636607)</t>
  </si>
  <si>
    <t>3362XA</t>
  </si>
  <si>
    <t>POINT (4.775380115898724 51.82170938267075)</t>
  </si>
  <si>
    <t>3361AL</t>
  </si>
  <si>
    <t>3361AL-3361AM</t>
  </si>
  <si>
    <t>POINT (4.789807464530884 51.81800040804844)</t>
  </si>
  <si>
    <t>3361XT</t>
  </si>
  <si>
    <t>3361XR-3361XT</t>
  </si>
  <si>
    <t>POINT (4.768884956232912 51.82186197648805)</t>
  </si>
  <si>
    <t>POINT (4.769372063682299 51.821662352229495)</t>
  </si>
  <si>
    <t>3363EG</t>
  </si>
  <si>
    <t>3361VK</t>
  </si>
  <si>
    <t>POINT (4.772977427020446 51.816982319810904)</t>
  </si>
  <si>
    <t>POINT (4.791069351684946 51.82039589739529)</t>
  </si>
  <si>
    <t>3363CJ</t>
  </si>
  <si>
    <t>Maaslaan</t>
  </si>
  <si>
    <t>POINT (4.766047564042024 51.82665235667318)</t>
  </si>
  <si>
    <t>3363CB</t>
  </si>
  <si>
    <t>POINT (4.76765802851657 51.82522943568474)</t>
  </si>
  <si>
    <t>3362XE</t>
  </si>
  <si>
    <t>POINT (4.77609242559507 51.82204216547246)</t>
  </si>
  <si>
    <t>POINT (4.798114316663564 51.828300595355955)</t>
  </si>
  <si>
    <t>3361HG</t>
  </si>
  <si>
    <t>POINT (4.770471080076132 51.81714535265155)</t>
  </si>
  <si>
    <t>POINT (4.773757666466867 51.816877998154574)</t>
  </si>
  <si>
    <t>3362CG</t>
  </si>
  <si>
    <t>Dr. de Visserstraat</t>
  </si>
  <si>
    <t>POINT (4.780471945927774 51.824406140437326)</t>
  </si>
  <si>
    <t>POINT (4.772360470946396 51.82145855220439)</t>
  </si>
  <si>
    <t>3361ER</t>
  </si>
  <si>
    <t>POINT (4.756221554708388 51.824468124379614)</t>
  </si>
  <si>
    <t>POINT (4.753161465849721 51.829035188358326)</t>
  </si>
  <si>
    <t>POINT (4.75996253556846 51.82802320728819)</t>
  </si>
  <si>
    <t>POINT (4.797275053480229 51.823372355893206)</t>
  </si>
  <si>
    <t>3362BT</t>
  </si>
  <si>
    <t>POINT (4.790506340879867 51.82423852727375)</t>
  </si>
  <si>
    <t>POINT (4.7518964795998535 51.8285802676077)</t>
  </si>
  <si>
    <t>POINT (4.796511791103694 51.82401425595934)</t>
  </si>
  <si>
    <t>POINT (4.792431013158441 51.82339662858615)</t>
  </si>
  <si>
    <t>POINT (4.738199655994216 51.82659501810218)</t>
  </si>
  <si>
    <t>3362AP</t>
  </si>
  <si>
    <t>POINT (4.7996061420588765 51.821940125335466)</t>
  </si>
  <si>
    <t>POINT (4.765549760046044 51.824229724313994)</t>
  </si>
  <si>
    <t>POINT (4.73402898332884 51.82795187826732)</t>
  </si>
  <si>
    <t>POINT (4.76610682712142 51.82546779496344)</t>
  </si>
  <si>
    <t>3362XH</t>
  </si>
  <si>
    <t>POINT (4.77424521181271 51.8241348730206)</t>
  </si>
  <si>
    <t>POINT (4.798126255895559 51.82022847513646)</t>
  </si>
  <si>
    <t>POINT (4.776734677496436 51.81728838921246)</t>
  </si>
  <si>
    <t>3362PC</t>
  </si>
  <si>
    <t>Putterstraat</t>
  </si>
  <si>
    <t>3362PB-3362PC</t>
  </si>
  <si>
    <t>POINT (4.787439023555993 51.82053128736282)</t>
  </si>
  <si>
    <t>3362SW</t>
  </si>
  <si>
    <t>Prof. van Musschenbroekstraat</t>
  </si>
  <si>
    <t>POINT (4.782158890834747 51.82042248147685)</t>
  </si>
  <si>
    <t>3363WG</t>
  </si>
  <si>
    <t>Wieldraaier</t>
  </si>
  <si>
    <t>POINT (4.7452768800262906 51.82456869579549)</t>
  </si>
  <si>
    <t>POINT (4.769372069842011 51.821661902832545)</t>
  </si>
  <si>
    <t>3361HL</t>
  </si>
  <si>
    <t>POINT (4.769985596110906 51.819130717288516)</t>
  </si>
  <si>
    <t>3361CE</t>
  </si>
  <si>
    <t>Veerstoep</t>
  </si>
  <si>
    <t>POINT (4.784569257336288 51.81738101201337)</t>
  </si>
  <si>
    <t>POINT (4.762840717683336 51.82043860905088)</t>
  </si>
  <si>
    <t>3363LM</t>
  </si>
  <si>
    <t>Mozartplantsoen</t>
  </si>
  <si>
    <t>3363LL-3363LM</t>
  </si>
  <si>
    <t>POINT (4.737670796387676 51.829743641283464)</t>
  </si>
  <si>
    <t>3362XV</t>
  </si>
  <si>
    <t>POINT (4.773995661349356 51.82215590165538)</t>
  </si>
  <si>
    <t>POINT (4.781916221489429 51.82316706119876)</t>
  </si>
  <si>
    <t>3362JS</t>
  </si>
  <si>
    <t>Batelier</t>
  </si>
  <si>
    <t>POINT (4.79789987604497 51.82244508803251)</t>
  </si>
  <si>
    <t>POINT (4.784602980926828 51.81990338065573)</t>
  </si>
  <si>
    <t>POINT (4.773317776748554 51.82317310175576)</t>
  </si>
  <si>
    <t>3362SP</t>
  </si>
  <si>
    <t>Prof. van der Waalslaan</t>
  </si>
  <si>
    <t>POINT (4.7838367467591105 51.82006465430455)</t>
  </si>
  <si>
    <t>3362SV</t>
  </si>
  <si>
    <t>POINT (4.783654213392049 51.82060078340168)</t>
  </si>
  <si>
    <t>3362NB</t>
  </si>
  <si>
    <t>POINT (4.790890908929902 51.822153245629295)</t>
  </si>
  <si>
    <t>POINT (4.771479284407089 51.829866220711125)</t>
  </si>
  <si>
    <t>3362RH</t>
  </si>
  <si>
    <t>Karekietstraat</t>
  </si>
  <si>
    <t>3362RH-3362RJ</t>
  </si>
  <si>
    <t>POINT (4.787846775008158 51.81917591544096)</t>
  </si>
  <si>
    <t>3362CM</t>
  </si>
  <si>
    <t>POINT (4.782487210665612 51.82504331326268)</t>
  </si>
  <si>
    <t>POINT (4.7691390477816284 51.82143585346744)</t>
  </si>
  <si>
    <t>POINT (4.789575042089763 51.823268416859534)</t>
  </si>
  <si>
    <t>POINT (4.7705018813519215 51.825898330708604)</t>
  </si>
  <si>
    <t>POINT (4.751142288171086 51.8236037818561)</t>
  </si>
  <si>
    <t>POINT (4.783081243008198 51.8206261497324)</t>
  </si>
  <si>
    <t>POINT (4.744674690145958 51.82903470381655)</t>
  </si>
  <si>
    <t>POINT (4.746854608478372 51.82990673437064)</t>
  </si>
  <si>
    <t>3362NE</t>
  </si>
  <si>
    <t>POINT (4.786837905979318 51.821221862575385)</t>
  </si>
  <si>
    <t>3363HK</t>
  </si>
  <si>
    <t>Populierenhof</t>
  </si>
  <si>
    <t>POINT (4.761994497555646 51.825837416409534)</t>
  </si>
  <si>
    <t>POINT (4.759033409148735 51.82833328889163)</t>
  </si>
  <si>
    <t>POINT (4.753579369865964 51.828460557039385)</t>
  </si>
  <si>
    <t>POINT (4.798485993508094 51.8202258756479)</t>
  </si>
  <si>
    <t>POINT (4.763829934482799 51.82563891258501)</t>
  </si>
  <si>
    <t>3362NK</t>
  </si>
  <si>
    <t>Nachtegaallaan</t>
  </si>
  <si>
    <t>POINT (4.789045270285981 51.82007998816187)</t>
  </si>
  <si>
    <t>POINT (4.7588550961518115 51.82828298719561)</t>
  </si>
  <si>
    <t>POINT (4.773168686398479 51.829921846261485)</t>
  </si>
  <si>
    <t>3361BD</t>
  </si>
  <si>
    <t>POINT (4.75169742177634 51.82365415871162)</t>
  </si>
  <si>
    <t>POINT (4.76764047382717 51.82110358152043)</t>
  </si>
  <si>
    <t>POINT (4.794682728008752 51.8243732090167)</t>
  </si>
  <si>
    <t>3362JR</t>
  </si>
  <si>
    <t>POINT (4.798672450129771 51.8230638720294)</t>
  </si>
  <si>
    <t>3364DG</t>
  </si>
  <si>
    <t>Kubus</t>
  </si>
  <si>
    <t>POINT (4.794626405539885 51.82714562736892)</t>
  </si>
  <si>
    <t>POINT (4.774620695961258 51.81879231110087)</t>
  </si>
  <si>
    <t>3361TE</t>
  </si>
  <si>
    <t>POINT (4.785963461477981 51.816804354103475)</t>
  </si>
  <si>
    <t>POINT (4.736918114593893 51.82779318062635)</t>
  </si>
  <si>
    <t>POINT (4.749159624895121 51.828814407558504)</t>
  </si>
  <si>
    <t>POINT (4.7543031094718735 51.82878139913099)</t>
  </si>
  <si>
    <t>POINT (4.749100674848356 51.829484007069574)</t>
  </si>
  <si>
    <t>POINT (4.75194563906621 51.83259519783215)</t>
  </si>
  <si>
    <t>POINT (4.798169463280108 51.83314151577598)</t>
  </si>
  <si>
    <t>BU06100401</t>
  </si>
  <si>
    <t>Het Buitengebied</t>
  </si>
  <si>
    <t>POINT (4.754122229848034 51.82459740207246)</t>
  </si>
  <si>
    <t>POINT (4.76786730851681 51.82135807710576)</t>
  </si>
  <si>
    <t>3362GE</t>
  </si>
  <si>
    <t>3361HW</t>
  </si>
  <si>
    <t>P. Rijsdijkstraat</t>
  </si>
  <si>
    <t>POINT (4.769934238294393 51.81797721104652)</t>
  </si>
  <si>
    <t>3362PA</t>
  </si>
  <si>
    <t>POINT (4.788240412490723 51.82087856342755)</t>
  </si>
  <si>
    <t>3363XA</t>
  </si>
  <si>
    <t>Baaneweer</t>
  </si>
  <si>
    <t>POINT (4.752069851209064 51.827889623427154)</t>
  </si>
  <si>
    <t>POINT (4.771912852640766 51.82262998098809)</t>
  </si>
  <si>
    <t>POINT (4.769920385099876 51.821477968962185)</t>
  </si>
  <si>
    <t>POINT (4.749611206167213 51.8287134025063)</t>
  </si>
  <si>
    <t>3362GA</t>
  </si>
  <si>
    <t>3363ED</t>
  </si>
  <si>
    <t>POINT (4.772086950109309 51.82576058319434)</t>
  </si>
  <si>
    <t>POINT (4.736212312011385 51.8274382723999)</t>
  </si>
  <si>
    <t>POINT (4.764057219105176 51.82236719441481)</t>
  </si>
  <si>
    <t>POINT (4.763883032058774 51.82249184013664)</t>
  </si>
  <si>
    <t>POINT (4.767477835258482 51.8306224427331)</t>
  </si>
  <si>
    <t>POINT (4.76550668431522 51.824239833046775)</t>
  </si>
  <si>
    <t>POINT (4.786151916154719 51.820846494367224)</t>
  </si>
  <si>
    <t>3363XL</t>
  </si>
  <si>
    <t>POINT (4.754942382834465 51.82633428431603)</t>
  </si>
  <si>
    <t>POINT (4.782493483649265 51.824727127524945)</t>
  </si>
  <si>
    <t>POINT (4.767722833647404 51.827195041681314)</t>
  </si>
  <si>
    <t>POINT (4.777039716552449 51.81960031154771)</t>
  </si>
  <si>
    <t>POINT (4.775175943620084 51.821139251006045)</t>
  </si>
  <si>
    <t>POINT (4.76430050635417 51.82224884763746)</t>
  </si>
  <si>
    <t>3362AW</t>
  </si>
  <si>
    <t>3362AS-3362AW</t>
  </si>
  <si>
    <t>POINT (4.78634078065306 51.81878862772731)</t>
  </si>
  <si>
    <t>3361AZ</t>
  </si>
  <si>
    <t>POINT (4.786364126785812 51.81642326767875)</t>
  </si>
  <si>
    <t>3362JB</t>
  </si>
  <si>
    <t>Hoepel</t>
  </si>
  <si>
    <t>POINT (4.794549456962276 51.82314604620058)</t>
  </si>
  <si>
    <t>3361VC</t>
  </si>
  <si>
    <t>Admiraal de Ruyterstraat</t>
  </si>
  <si>
    <t>POINT (4.772708440880346 51.81838331149381)</t>
  </si>
  <si>
    <t>3362VD</t>
  </si>
  <si>
    <t>POINT (4.780982446142896 51.82110223978935)</t>
  </si>
  <si>
    <t>POINT (4.738297143055018 51.82844646352452)</t>
  </si>
  <si>
    <t>POINT (4.79437668480114 51.82276127198072)</t>
  </si>
  <si>
    <t>POINT (4.800242860425788 51.8231127233357)</t>
  </si>
  <si>
    <t>3362BW</t>
  </si>
  <si>
    <t>POINT (4.787405013944194 51.82388295281288)</t>
  </si>
  <si>
    <t>3361AP</t>
  </si>
  <si>
    <t>POINT (4.804939505250719 51.819505365078086)</t>
  </si>
  <si>
    <t>3362JM</t>
  </si>
  <si>
    <t>POINT (4.800065575710136 51.82248047990748)</t>
  </si>
  <si>
    <t>3361TH</t>
  </si>
  <si>
    <t>POINT (4.7831414798556695 51.81726751710746)</t>
  </si>
  <si>
    <t>POINT (4.748215676036547 51.829819627018004)</t>
  </si>
  <si>
    <t>3364AL</t>
  </si>
  <si>
    <t>3364AK-3364AL</t>
  </si>
  <si>
    <t>POINT (4.742896508664254 51.8276682988433)</t>
  </si>
  <si>
    <t>POINT (4.737605685932552 51.82531046957117)</t>
  </si>
  <si>
    <t>POINT (4.780870779731568 51.82325748370046)</t>
  </si>
  <si>
    <t>3361HA</t>
  </si>
  <si>
    <t>Adriaan Volkersingel</t>
  </si>
  <si>
    <t>3361GP-3361HA</t>
  </si>
  <si>
    <t>POINT (4.772400843295734 51.816573645794044)</t>
  </si>
  <si>
    <t>POINT (4.7866185822667395 51.817728498418944)</t>
  </si>
  <si>
    <t>3363JE</t>
  </si>
  <si>
    <t>Gildersweer</t>
  </si>
  <si>
    <t>3363JE-3363JG</t>
  </si>
  <si>
    <t>POINT (4.74754549416178 51.82950493569828)</t>
  </si>
  <si>
    <t>3363XC</t>
  </si>
  <si>
    <t>POINT (4.753052722441115 51.82627833876099)</t>
  </si>
  <si>
    <t>POINT (4.787066015139505 51.82148684380252)</t>
  </si>
  <si>
    <t>3361VL</t>
  </si>
  <si>
    <t>POINT (4.7715243238058624 51.81749433653004)</t>
  </si>
  <si>
    <t>POINT (4.780331835117148 51.824739161971756)</t>
  </si>
  <si>
    <t>3364AV</t>
  </si>
  <si>
    <t>Wijngaardsedijk</t>
  </si>
  <si>
    <t>3364AT-3364AX</t>
  </si>
  <si>
    <t>POINT (4.801831131200524 51.845898810481664)</t>
  </si>
  <si>
    <t>3363JM</t>
  </si>
  <si>
    <t>3363JM-3363KA</t>
  </si>
  <si>
    <t>POINT (4.74541401635969 51.82855273481388)</t>
  </si>
  <si>
    <t>3361XZ</t>
  </si>
  <si>
    <t>Wilhelminapark</t>
  </si>
  <si>
    <t>POINT (4.76906890705257 51.82274820435248)</t>
  </si>
  <si>
    <t>BU06100203</t>
  </si>
  <si>
    <t>Kerkbuurt-West</t>
  </si>
  <si>
    <t>3362TP</t>
  </si>
  <si>
    <t>POINT (4.796250765549328 51.82067863294929)</t>
  </si>
  <si>
    <t>POINT (4.7839968358980025 51.81736845368129)</t>
  </si>
  <si>
    <t>3363AH</t>
  </si>
  <si>
    <t>POINT (4.768773217241904 51.82588626968733)</t>
  </si>
  <si>
    <t>3361HN</t>
  </si>
  <si>
    <t>POINT (4.771015797047768 51.81857955688552)</t>
  </si>
  <si>
    <t>POINT (4.771673563158729 51.818216633423106)</t>
  </si>
  <si>
    <t>3361VZ</t>
  </si>
  <si>
    <t>3361VZ-3361WB</t>
  </si>
  <si>
    <t>POINT (4.77297386792355 51.81854218093245)</t>
  </si>
  <si>
    <t>POINT (4.765807997007646 51.82006038611443)</t>
  </si>
  <si>
    <t>POINT (4.781156373480404 51.82543760971166)</t>
  </si>
  <si>
    <t>3362VK</t>
  </si>
  <si>
    <t>Prof. van 't Hoffstraat</t>
  </si>
  <si>
    <t>POINT (4.780334689657818 51.82342828266032)</t>
  </si>
  <si>
    <t>3362BZ</t>
  </si>
  <si>
    <t>Burgemeester Feitsmapark</t>
  </si>
  <si>
    <t>POINT (4.783258483051307 51.82308918598638)</t>
  </si>
  <si>
    <t>POINT (4.783447068392792 51.8178735716283)</t>
  </si>
  <si>
    <t>POINT (4.744285521826712 51.82851213315382)</t>
  </si>
  <si>
    <t>POINT (4.766187729029806 51.82543918987897)</t>
  </si>
  <si>
    <t>POINT (4.750316376137444 51.82839615799898)</t>
  </si>
  <si>
    <t>POINT (4.750398271731437 51.82703554924438)</t>
  </si>
  <si>
    <t>POINT (4.7870834999963465 51.82022799329354)</t>
  </si>
  <si>
    <t>POINT (4.757201427958914 51.824394018429444)</t>
  </si>
  <si>
    <t>3363JG</t>
  </si>
  <si>
    <t>Landskroonweer</t>
  </si>
  <si>
    <t>POINT (4.747149889342086 51.82797229102569)</t>
  </si>
  <si>
    <t>POINT (4.750165019847941 51.829569606599954)</t>
  </si>
  <si>
    <t>3363BE</t>
  </si>
  <si>
    <t>POINT (4.757915520241829 51.82789638841633)</t>
  </si>
  <si>
    <t>POINT (4.733948024438005 51.82796266350729)</t>
  </si>
  <si>
    <t>3363AD</t>
  </si>
  <si>
    <t>POINT (4.767498337258204 51.825629034165566)</t>
  </si>
  <si>
    <t>3361TL</t>
  </si>
  <si>
    <t>POINT (4.78198330577837 51.817220203047036)</t>
  </si>
  <si>
    <t>POINT (4.76452407038311 51.822098666002965)</t>
  </si>
  <si>
    <t>POINT (4.747440830802444 51.82886581549127)</t>
  </si>
  <si>
    <t>3362VN</t>
  </si>
  <si>
    <t>POINT (4.779076810538466 51.823631475963396)</t>
  </si>
  <si>
    <t>POINT (4.75245495374708 51.827584206690865)</t>
  </si>
  <si>
    <t>3362AT</t>
  </si>
  <si>
    <t>POINT (4.779917574948842 51.824641767517925)</t>
  </si>
  <si>
    <t>POINT (4.773536435205462 51.828569730149695)</t>
  </si>
  <si>
    <t>3362SH</t>
  </si>
  <si>
    <t>POINT (4.7811678386354215 51.82184475495561)</t>
  </si>
  <si>
    <t>3361BP</t>
  </si>
  <si>
    <t>POINT (4.771041529523242 51.82167351900703)</t>
  </si>
  <si>
    <t>3362PS</t>
  </si>
  <si>
    <t>POINT (4.786494284048733 51.82173416108913)</t>
  </si>
  <si>
    <t>3362CD</t>
  </si>
  <si>
    <t>Suze Groenewegplantsoen</t>
  </si>
  <si>
    <t>3362CD-3362CE</t>
  </si>
  <si>
    <t>POINT (4.7779400617465155 51.82544374572893)</t>
  </si>
  <si>
    <t>3362VG</t>
  </si>
  <si>
    <t>POINT (4.780261008693658 51.82142425758347)</t>
  </si>
  <si>
    <t>3363CR</t>
  </si>
  <si>
    <t>POINT (4.76883042817612 51.82675963214771)</t>
  </si>
  <si>
    <t>POINT (4.771131508850814 51.82178657336474)</t>
  </si>
  <si>
    <t>POINT (4.802388224732262 51.82021257515788)</t>
  </si>
  <si>
    <t>POINT (4.769870998066241 51.82528522901222)</t>
  </si>
  <si>
    <t>3361GD</t>
  </si>
  <si>
    <t>POINT (4.745011671311224 51.82385417024692)</t>
  </si>
  <si>
    <t>POINT (4.777583402429524 51.821010389248286)</t>
  </si>
  <si>
    <t>3362BA</t>
  </si>
  <si>
    <t>Fazantplein</t>
  </si>
  <si>
    <t>POINT (4.790412168811145 51.82330970898799)</t>
  </si>
  <si>
    <t>POINT (4.779383294691383 51.82233088800859)</t>
  </si>
  <si>
    <t>POINT (4.773565145288771 51.81842770306322)</t>
  </si>
  <si>
    <t>POINT (4.749746256477072 51.83194463618019)</t>
  </si>
  <si>
    <t>3362RN</t>
  </si>
  <si>
    <t>Vinkenstraat</t>
  </si>
  <si>
    <t>POINT (4.78725270775897 51.81872830527305)</t>
  </si>
  <si>
    <t>3362PL</t>
  </si>
  <si>
    <t>POINT (4.787840171196328 51.82246516091546)</t>
  </si>
  <si>
    <t>3362PH</t>
  </si>
  <si>
    <t>POINT (4.783033104136272 51.817529965188285)</t>
  </si>
  <si>
    <t>POINT (4.784588324960909 51.81984964359596)</t>
  </si>
  <si>
    <t>3363EC</t>
  </si>
  <si>
    <t>3362TD</t>
  </si>
  <si>
    <t>POINT (4.777779674265685 51.82143755715775)</t>
  </si>
  <si>
    <t>POINT (4.797226692668374 51.82332141731806)</t>
  </si>
  <si>
    <t>3363CS</t>
  </si>
  <si>
    <t>POINT (4.767496960951518 51.82659422105985)</t>
  </si>
  <si>
    <t>POINT (4.772140755163359 51.82130654562115)</t>
  </si>
  <si>
    <t>POINT (4.786022147661512 51.82450804466601)</t>
  </si>
  <si>
    <t>3361VE</t>
  </si>
  <si>
    <t>Albrechtplein</t>
  </si>
  <si>
    <t>POINT (4.775655423779522 51.81706875236628)</t>
  </si>
  <si>
    <t>POINT (4.779956188151988 51.825145696093145)</t>
  </si>
  <si>
    <t>POINT (4.7877579615584525 51.82013948670639)</t>
  </si>
  <si>
    <t>3362RT</t>
  </si>
  <si>
    <t>Ganzenstraat</t>
  </si>
  <si>
    <t>POINT (4.788325187706465 51.81930123133076)</t>
  </si>
  <si>
    <t>POINT (4.768493901597393 51.81701521830227)</t>
  </si>
  <si>
    <t>3362NH</t>
  </si>
  <si>
    <t>POINT (4.790753465938582 51.82059195132988)</t>
  </si>
  <si>
    <t>3361ET</t>
  </si>
  <si>
    <t>POINT (4.764909910036967 51.82391541856958)</t>
  </si>
  <si>
    <t>POINT (4.750246163968029 51.828919542413935)</t>
  </si>
  <si>
    <t>POINT (4.798248861689181 51.823166823742014)</t>
  </si>
  <si>
    <t>POINT (4.760976448704584 51.82718531143334)</t>
  </si>
  <si>
    <t>3362AJ</t>
  </si>
  <si>
    <t>POINT (4.778789057925225 51.82149061292585)</t>
  </si>
  <si>
    <t>3362PP</t>
  </si>
  <si>
    <t>POINT (4.750174749956492 51.82913784737471)</t>
  </si>
  <si>
    <t>POINT (4.764616156551601 51.823528250374494)</t>
  </si>
  <si>
    <t>3362SM</t>
  </si>
  <si>
    <t>POINT (4.783186914756193 51.821020662973616)</t>
  </si>
  <si>
    <t>3361VN</t>
  </si>
  <si>
    <t>Karel Doormanstraat</t>
  </si>
  <si>
    <t>POINT (4.772540039991409 51.81869280565528)</t>
  </si>
  <si>
    <t>POINT (4.788987883968144 51.819868554060726)</t>
  </si>
  <si>
    <t>POINT (4.7373680421582005 51.82958174383125)</t>
  </si>
  <si>
    <t>3362RJ</t>
  </si>
  <si>
    <t>POINT (4.786289269035363 51.81937792484743)</t>
  </si>
  <si>
    <t>POINT (4.790208339974192 51.82246878037756)</t>
  </si>
  <si>
    <t>3361XA</t>
  </si>
  <si>
    <t>De Klopstraat</t>
  </si>
  <si>
    <t>POINT (4.768304531881215 51.8213646079907)</t>
  </si>
  <si>
    <t>3363CP</t>
  </si>
  <si>
    <t>POINT (4.768585438964385 51.82611332058261)</t>
  </si>
  <si>
    <t>POINT (4.736360310740114 51.829321504720006)</t>
  </si>
  <si>
    <t>POINT (4.7863438609084215 51.81730615712961)</t>
  </si>
  <si>
    <t>POINT (4.779233147902147 51.821353860697116)</t>
  </si>
  <si>
    <t>POINT (4.754003828257757 51.825880244894954)</t>
  </si>
  <si>
    <t>3364DA</t>
  </si>
  <si>
    <t>Stationspark</t>
  </si>
  <si>
    <t>POINT (4.7770723113530815 51.8290543988022)</t>
  </si>
  <si>
    <t>3363KK</t>
  </si>
  <si>
    <t>Hobostraat</t>
  </si>
  <si>
    <t>POINT (4.737146554748758 51.8269843568489)</t>
  </si>
  <si>
    <t>POINT (4.781574677825842 51.81651303066708)</t>
  </si>
  <si>
    <t>POINT (4.780466722609731 51.8261518745947)</t>
  </si>
  <si>
    <t>3362SE</t>
  </si>
  <si>
    <t>POINT (4.779636702403561 51.8215340140941)</t>
  </si>
  <si>
    <t>POINT (4.7711129901482385 51.81951209390937)</t>
  </si>
  <si>
    <t>3362EJ</t>
  </si>
  <si>
    <t>POINT (4.756946133686814 51.825410336437514)</t>
  </si>
  <si>
    <t>3361AB</t>
  </si>
  <si>
    <t>De Korverstoep</t>
  </si>
  <si>
    <t>POINT (4.784462135042905 51.81661742123845)</t>
  </si>
  <si>
    <t>POINT (4.7630317235666 51.82570846713412)</t>
  </si>
  <si>
    <t>3362GD</t>
  </si>
  <si>
    <t>3361BX</t>
  </si>
  <si>
    <t>POINT (4.779524669630071 51.81726682361975)</t>
  </si>
  <si>
    <t>POINT (4.767560293734874 51.82212489115528)</t>
  </si>
  <si>
    <t>POINT (4.753930471063772 51.828912330683906)</t>
  </si>
  <si>
    <t>3362CE</t>
  </si>
  <si>
    <t>POINT (4.777696427115132 51.82588844017156)</t>
  </si>
  <si>
    <t>POINT (4.754811613664143 51.82495383069963)</t>
  </si>
  <si>
    <t>POINT (4.773824688856925 51.82181191406519)</t>
  </si>
  <si>
    <t>POINT (4.741110023903785 51.83090470343707)</t>
  </si>
  <si>
    <t>POINT (4.791935892902512 51.820710041533275)</t>
  </si>
  <si>
    <t>POINT (4.7790284413089195 51.8253714768783)</t>
  </si>
  <si>
    <t>3361BM</t>
  </si>
  <si>
    <t>POINT (4.768082233274089 51.82216306044202)</t>
  </si>
  <si>
    <t>POINT (4.800968397571526 51.82478624435446)</t>
  </si>
  <si>
    <t>POINT (4.749608718425218 51.827597275134195)</t>
  </si>
  <si>
    <t>POINT (4.766211864026025 51.81943404126069)</t>
  </si>
  <si>
    <t>POINT (4.788351171900803 51.821352107373684)</t>
  </si>
  <si>
    <t>3362WB</t>
  </si>
  <si>
    <t>POINT (4.803180785229665 51.82151833520375)</t>
  </si>
  <si>
    <t>3362AS</t>
  </si>
  <si>
    <t>POINT (4.7738974912212155 51.821972650832514)</t>
  </si>
  <si>
    <t>POINT (4.766713305503572 51.82258171107045)</t>
  </si>
  <si>
    <t>3362TG</t>
  </si>
  <si>
    <t>POINT (4.778575029799036 51.82005744245417)</t>
  </si>
  <si>
    <t>POINT (4.782435489501232 51.82069257562342)</t>
  </si>
  <si>
    <t>POINT (4.789016849391699 51.821915669702975)</t>
  </si>
  <si>
    <t>POINT (4.75374084896134 51.829109505997714)</t>
  </si>
  <si>
    <t>3362DZ</t>
  </si>
  <si>
    <t>Thorbeckehof</t>
  </si>
  <si>
    <t>POINT (4.781208667511441 51.82398649437808)</t>
  </si>
  <si>
    <t>POINT (4.775497846091308 51.82093266359206)</t>
  </si>
  <si>
    <t>POINT (4.771598316919221 51.82171945094975)</t>
  </si>
  <si>
    <t>POINT (4.747995242347952 51.8256841577607)</t>
  </si>
  <si>
    <t>POINT (4.792597058430213 51.81967206668027)</t>
  </si>
  <si>
    <t>POINT (4.766716706327396 51.82618057932397)</t>
  </si>
  <si>
    <t>POINT (4.768228250340095 51.827405434003495)</t>
  </si>
  <si>
    <t>3362WP</t>
  </si>
  <si>
    <t>Grienduil</t>
  </si>
  <si>
    <t>3362WN-3362WP</t>
  </si>
  <si>
    <t>POINT (4.80006874911533 51.82059990803504)</t>
  </si>
  <si>
    <t>POINT (4.781074748507497 51.825002950180064)</t>
  </si>
  <si>
    <t>POINT (4.783643537838784 51.8209409551794)</t>
  </si>
  <si>
    <t>3361BN</t>
  </si>
  <si>
    <t>POINT (4.767479861217603 51.823987171477114)</t>
  </si>
  <si>
    <t>3363CN</t>
  </si>
  <si>
    <t>3361BT</t>
  </si>
  <si>
    <t>POINT (4.781577560721677 51.816967778006855)</t>
  </si>
  <si>
    <t>POINT (4.7907985630158265 51.833826262226474)</t>
  </si>
  <si>
    <t>POINT (4.796165473949321 51.82767022899792)</t>
  </si>
  <si>
    <t>POINT (4.77352469869685 51.82059976336209)</t>
  </si>
  <si>
    <t>POINT (4.800233403054243 51.820174313941834)</t>
  </si>
  <si>
    <t>POINT (4.78176210936502 51.81669269074938)</t>
  </si>
  <si>
    <t>POINT (4.779085327677403 51.82422582689387)</t>
  </si>
  <si>
    <t>POINT (4.779383464978019 51.8182522300346)</t>
  </si>
  <si>
    <t>POINT (4.768949271140129 51.827074229324246)</t>
  </si>
  <si>
    <t>POINT (4.770402973881312 51.82485783200031)</t>
  </si>
  <si>
    <t>POINT (4.784407433720956 51.81793172033207)</t>
  </si>
  <si>
    <t>POINT (4.779269182942605 51.822091200814846)</t>
  </si>
  <si>
    <t>POINT (4.777707183413892 51.821285004062794)</t>
  </si>
  <si>
    <t>POINT (4.750229734495598 51.828881071967906)</t>
  </si>
  <si>
    <t>POINT (4.772266048127279 51.8216178746003)</t>
  </si>
  <si>
    <t>POINT (4.746509810019673 51.82869975189629)</t>
  </si>
  <si>
    <t>POINT (4.748356404286444 51.82979455975248)</t>
  </si>
  <si>
    <t>POINT (4.768959508281864 51.8222893810295)</t>
  </si>
  <si>
    <t>3362VE</t>
  </si>
  <si>
    <t>POINT (4.7813113771706455 51.82143903245125)</t>
  </si>
  <si>
    <t>3363AE</t>
  </si>
  <si>
    <t>POINT (4.766001818424838 51.825845658742224)</t>
  </si>
  <si>
    <t>POINT (4.785877872729818 51.81991558196603)</t>
  </si>
  <si>
    <t>3363KC</t>
  </si>
  <si>
    <t>Pergolesilaan</t>
  </si>
  <si>
    <t>POINT (4.739337272337602 51.8272769489054)</t>
  </si>
  <si>
    <t>POINT (4.762543653017718 51.82536951783968)</t>
  </si>
  <si>
    <t>POINT (4.797419882469767 51.82175981576093)</t>
  </si>
  <si>
    <t>POINT (4.785698514547887 51.819204745040295)</t>
  </si>
  <si>
    <t>POINT (4.778276600554332 51.82136247487246)</t>
  </si>
  <si>
    <t>3362XJ</t>
  </si>
  <si>
    <t>POINT (4.772991263293291 51.8219917318771)</t>
  </si>
  <si>
    <t>POINT (4.7742971504591525 51.84532821429242)</t>
  </si>
  <si>
    <t>POINT (4.783843284788324 51.817701500326024)</t>
  </si>
  <si>
    <t>POINT (4.773422619402233 51.81715678033679)</t>
  </si>
  <si>
    <t>POINT (4.770047412862335 51.82142844467599)</t>
  </si>
  <si>
    <t>POINT (4.7715182643239435 51.8216547626735)</t>
  </si>
  <si>
    <t>POINT (4.765289732204118 51.8242887501918)</t>
  </si>
  <si>
    <t>POINT (4.799995594161313 51.823164878675165)</t>
  </si>
  <si>
    <t>POINT (4.779887643634162 51.818734111216585)</t>
  </si>
  <si>
    <t>POINT (4.770753807203227 51.81774556802649)</t>
  </si>
  <si>
    <t>POINT (4.791998979868685 51.824159725397344)</t>
  </si>
  <si>
    <t>POINT (4.778467457338527 51.82507174818528)</t>
  </si>
  <si>
    <t>POINT (4.766318031855536 51.82751066929962)</t>
  </si>
  <si>
    <t>3362XS</t>
  </si>
  <si>
    <t>POINT (4.774439845163122 51.82228055599502)</t>
  </si>
  <si>
    <t>POINT (4.792089811393897 51.82323481275767)</t>
  </si>
  <si>
    <t>3362NL</t>
  </si>
  <si>
    <t>POINT (4.788758900142726 51.820881927226274)</t>
  </si>
  <si>
    <t>POINT (4.774168689478859 51.8188081080301)</t>
  </si>
  <si>
    <t>POINT (4.780431021841855 51.824116586610145)</t>
  </si>
  <si>
    <t>POINT (4.798679739904442 51.82212783935043)</t>
  </si>
  <si>
    <t>POINT (4.737768540297524 51.8275686793463)</t>
  </si>
  <si>
    <t>POINT (4.778780737010188 51.82215006194849)</t>
  </si>
  <si>
    <t>POINT (4.791493607832774 51.821339244838875)</t>
  </si>
  <si>
    <t>3362PB</t>
  </si>
  <si>
    <t>POINT (4.78767840377102 51.821573746856664)</t>
  </si>
  <si>
    <t>POINT (4.738202779582698 51.82745395950261)</t>
  </si>
  <si>
    <t>3361VG</t>
  </si>
  <si>
    <t>POINT (4.77291591232891 51.8175267063954)</t>
  </si>
  <si>
    <t>POINT (4.776358402005887 51.82154216684732)</t>
  </si>
  <si>
    <t>POINT (4.798872982672964 51.8215469782034)</t>
  </si>
  <si>
    <t>POINT (4.768849778372026 51.82125006382337)</t>
  </si>
  <si>
    <t>POINT (4.779919902739375 51.818191277814655)</t>
  </si>
  <si>
    <t>3362XC</t>
  </si>
  <si>
    <t>POINT (4.775764020061023 51.82418198468115)</t>
  </si>
  <si>
    <t>POINT (4.773713392017448 51.81700882036685)</t>
  </si>
  <si>
    <t>3361BG</t>
  </si>
  <si>
    <t>POINT (4.769103905750464 51.82355223791591)</t>
  </si>
  <si>
    <t>3361GC</t>
  </si>
  <si>
    <t>POINT (4.748146122976202 51.82384548030833)</t>
  </si>
  <si>
    <t>POINT (4.753250120178744 51.82666213937279)</t>
  </si>
  <si>
    <t>POINT (4.771112199205291 51.81778708955128)</t>
  </si>
  <si>
    <t>POINT (4.7757025694550785 51.81902464484369)</t>
  </si>
  <si>
    <t>POINT (4.782653267309258 51.81694554913802)</t>
  </si>
  <si>
    <t>POINT (4.750385995435743 51.82938267432805)</t>
  </si>
  <si>
    <t>POINT (4.789764028330699 51.820774510735134)</t>
  </si>
  <si>
    <t>3362RC</t>
  </si>
  <si>
    <t>POINT (4.788112830679481 51.81828450130338)</t>
  </si>
  <si>
    <t>POINT (4.7808966953504255 51.81940061808058)</t>
  </si>
  <si>
    <t>POINT (4.76187965277269 51.82565658345338)</t>
  </si>
  <si>
    <t>POINT (4.736490403075856 51.82944965737534)</t>
  </si>
  <si>
    <t>POINT (4.740514617613791 51.83019377044307)</t>
  </si>
  <si>
    <t>POINT (4.750046980063023 51.828457975757225)</t>
  </si>
  <si>
    <t>3363KJ</t>
  </si>
  <si>
    <t>Landinistraat</t>
  </si>
  <si>
    <t>POINT (4.735894054604955 51.828335484388106)</t>
  </si>
  <si>
    <t>3364AG</t>
  </si>
  <si>
    <t>Leemansstraat</t>
  </si>
  <si>
    <t>POINT (4.7672277461934565 51.82950312261741)</t>
  </si>
  <si>
    <t>POINT (4.780497722521688 51.82529299670074)</t>
  </si>
  <si>
    <t>POINT (4.7767384760417695 51.81972827063439)</t>
  </si>
  <si>
    <t>3361VJ</t>
  </si>
  <si>
    <t>POINT (4.770719499714773 51.817337755228316)</t>
  </si>
  <si>
    <t>POINT (4.77232537044251 51.82151167064381)</t>
  </si>
  <si>
    <t>3362HB</t>
  </si>
  <si>
    <t>POINT (4.7731383116359485 51.82416594070674)</t>
  </si>
  <si>
    <t>POINT (4.776307542734448 51.822458737529615)</t>
  </si>
  <si>
    <t>POINT (4.801235691980943 51.82048277598123)</t>
  </si>
  <si>
    <t>POINT (4.766352878159525 51.822443268504934)</t>
  </si>
  <si>
    <t>POINT (4.766416651497259 51.8226152878579)</t>
  </si>
  <si>
    <t>3362WD</t>
  </si>
  <si>
    <t>POINT (4.802533416102975 51.821330487224856)</t>
  </si>
  <si>
    <t>POINT (4.802374635613487 51.82046625465445)</t>
  </si>
  <si>
    <t>POINT (4.739510795257803 51.82961090726058)</t>
  </si>
  <si>
    <t>POINT (4.7888075440784155 51.8243523035542)</t>
  </si>
  <si>
    <t>POINT (4.770999623851958 51.818033235365114)</t>
  </si>
  <si>
    <t>POINT (4.750109485312562 51.829054528461015)</t>
  </si>
  <si>
    <t>3361BH</t>
  </si>
  <si>
    <t>POINT (4.767422610155366 51.82444274332023)</t>
  </si>
  <si>
    <t>3362EK</t>
  </si>
  <si>
    <t>POINT (4.784649871951602 51.81641704098695)</t>
  </si>
  <si>
    <t>POINT (4.77114083674092 51.82305679932924)</t>
  </si>
  <si>
    <t>POINT (4.753193124944498 51.82654767639613)</t>
  </si>
  <si>
    <t>POINT (4.737542872651364 51.82968112774737)</t>
  </si>
  <si>
    <t>POINT (4.773970196677934 51.82259899566482)</t>
  </si>
  <si>
    <t>3361AX</t>
  </si>
  <si>
    <t>POINT (4.7868470139640875 51.816432255486504)</t>
  </si>
  <si>
    <t>POINT (4.78134083342691 51.82226044397034)</t>
  </si>
  <si>
    <t>3363HC</t>
  </si>
  <si>
    <t>POINT (4.761200886995832 51.82530375880421)</t>
  </si>
  <si>
    <t>POINT (4.76685237076341 51.82215232419516)</t>
  </si>
  <si>
    <t>POINT (4.751621061155953 51.82744396671774)</t>
  </si>
  <si>
    <t>POINT (4.7608811467994 51.82765463644249)</t>
  </si>
  <si>
    <t>3363XS</t>
  </si>
  <si>
    <t>Tolsteeg</t>
  </si>
  <si>
    <t>POINT (4.753363741289499 51.824998874165956)</t>
  </si>
  <si>
    <t>3363KA</t>
  </si>
  <si>
    <t>Busonisingel</t>
  </si>
  <si>
    <t>POINT (4.740546138970272 51.828932295136454)</t>
  </si>
  <si>
    <t>POINT (4.790166412011877 51.818132838523226)</t>
  </si>
  <si>
    <t>POINT (4.773485325517355 51.82973420268858)</t>
  </si>
  <si>
    <t>3362XP</t>
  </si>
  <si>
    <t>Ruysdaelstraat</t>
  </si>
  <si>
    <t>POINT (4.775302777034997 51.82304710978042)</t>
  </si>
  <si>
    <t>3362SN</t>
  </si>
  <si>
    <t>POINT (4.784245419771221 51.82112048542221)</t>
  </si>
  <si>
    <t>POINT (4.787937336294148 51.82012080757674)</t>
  </si>
  <si>
    <t>POINT (4.756840507959503 51.82850265353763)</t>
  </si>
  <si>
    <t>POINT (4.7408720022997555 51.82851514009647)</t>
  </si>
  <si>
    <t>3362HA</t>
  </si>
  <si>
    <t>3362GH-3362HA</t>
  </si>
  <si>
    <t>POINT (4.772444901698127 51.822373214442365)</t>
  </si>
  <si>
    <t>POINT (4.7863555852792405 51.81735142970885)</t>
  </si>
  <si>
    <t>POINT (4.779266484809177 51.822345024332854)</t>
  </si>
  <si>
    <t>POINT (4.786376034812999 51.81970195782969)</t>
  </si>
  <si>
    <t>POINT (4.771783692340081 51.82162343621932)</t>
  </si>
  <si>
    <t>3363XB</t>
  </si>
  <si>
    <t>POINT (4.7511523543402605 51.82808123608552)</t>
  </si>
  <si>
    <t>3363BK</t>
  </si>
  <si>
    <t>3363BJ-3363BK</t>
  </si>
  <si>
    <t>POINT (4.763431287154646 51.82811413907697)</t>
  </si>
  <si>
    <t>POINT (4.776006759459778 51.82358153533853)</t>
  </si>
  <si>
    <t>POINT (4.767665236056658 51.827090020712646)</t>
  </si>
  <si>
    <t>POINT (4.7895270229714955 51.81981215584968)</t>
  </si>
  <si>
    <t>POINT (4.779368631917415 51.82343973306688)</t>
  </si>
  <si>
    <t>3361EB</t>
  </si>
  <si>
    <t>A.W. de Landgraafstraat</t>
  </si>
  <si>
    <t>POINT (4.765583706475574 51.8230830501331)</t>
  </si>
  <si>
    <t>POINT (4.7686648085653465 51.826323172829525)</t>
  </si>
  <si>
    <t>3361XP</t>
  </si>
  <si>
    <t>POINT (4.766505055357802 51.82220899477314)</t>
  </si>
  <si>
    <t>POINT (4.768516375694093 51.82511045982949)</t>
  </si>
  <si>
    <t>POINT (4.76906487020056 51.8214486221341)</t>
  </si>
  <si>
    <t>3362VC</t>
  </si>
  <si>
    <t>POINT (4.781047871355818 51.82077791017899)</t>
  </si>
  <si>
    <t>3361HV</t>
  </si>
  <si>
    <t>POINT (4.769512521147771 51.81800573334099)</t>
  </si>
  <si>
    <t>POINT (4.76380206602571 51.82251487036142)</t>
  </si>
  <si>
    <t>POINT (4.76793061659924 51.81754176554424)</t>
  </si>
  <si>
    <t>POINT (4.7610533327421996 51.82708091464153)</t>
  </si>
  <si>
    <t>3362SG</t>
  </si>
  <si>
    <t>POINT (4.780108495010393 51.82194642440659)</t>
  </si>
  <si>
    <t>POINT (4.772003102484269 51.818629768931196)</t>
  </si>
  <si>
    <t>POINT (4.769211854357516 51.81896916571713)</t>
  </si>
  <si>
    <t>POINT (4.797895928844591 51.820217431512766)</t>
  </si>
  <si>
    <t>POINT (4.7727852035377305 51.82080667694726)</t>
  </si>
  <si>
    <t>POINT (4.769528597518608 51.82498284951277)</t>
  </si>
  <si>
    <t>3361VD</t>
  </si>
  <si>
    <t>POINT (4.775630173823274 51.81746537705659)</t>
  </si>
  <si>
    <t>POINT (4.778770297890098 51.82454386414969)</t>
  </si>
  <si>
    <t>POINT (4.77754386559777 51.8288772570795)</t>
  </si>
  <si>
    <t>POINT (4.740506785655812 51.8277320190951)</t>
  </si>
  <si>
    <t>POINT (4.78300880445145 51.81878033154996)</t>
  </si>
  <si>
    <t>POINT (4.8031268675320025 51.8216160422601)</t>
  </si>
  <si>
    <t>3362CR</t>
  </si>
  <si>
    <t>Goeman Borgesiusweg</t>
  </si>
  <si>
    <t>POINT (4.778300602830304 51.826618580816906)</t>
  </si>
  <si>
    <t>POINT (4.752952665996941 51.82414201791358)</t>
  </si>
  <si>
    <t>3362XR</t>
  </si>
  <si>
    <t>POINT (4.7774350517651385 51.82396749092614)</t>
  </si>
  <si>
    <t>POINT (4.793452672444309 51.8186198272939)</t>
  </si>
  <si>
    <t>POINT (4.758709023656376 51.826825874008954)</t>
  </si>
  <si>
    <t>POINT (4.779053733237213 51.81828935266453)</t>
  </si>
  <si>
    <t>POINT (4.768168197129868 51.827246738504336)</t>
  </si>
  <si>
    <t>POINT (4.7786422243428515 51.824284149403624)</t>
  </si>
  <si>
    <t>POINT (4.765952332758793 51.824489558496865)</t>
  </si>
  <si>
    <t>3363WC</t>
  </si>
  <si>
    <t>Spinnershoek</t>
  </si>
  <si>
    <t>POINT (4.757157772675677 51.82494352647595)</t>
  </si>
  <si>
    <t>3362KC</t>
  </si>
  <si>
    <t>POINT (4.794911736021798 51.82146161934746)</t>
  </si>
  <si>
    <t>POINT (4.799844178916728 51.821215490025)</t>
  </si>
  <si>
    <t>3364AK</t>
  </si>
  <si>
    <t>POINT (4.765731691063354 51.83533510028496)</t>
  </si>
  <si>
    <t>POINT (4.758166932185118 51.827625381687504)</t>
  </si>
  <si>
    <t>POINT (4.791363063936004 51.81979227801443)</t>
  </si>
  <si>
    <t>POINT (4.745631254534693 51.82934267174716)</t>
  </si>
  <si>
    <t>3363HE</t>
  </si>
  <si>
    <t>POINT (4.758441893658 51.825250271517746)</t>
  </si>
  <si>
    <t>3361TK</t>
  </si>
  <si>
    <t>POINT (4.784516588507319 51.81686192064527)</t>
  </si>
  <si>
    <t>POINT (4.797386465502154 51.82380373772376)</t>
  </si>
  <si>
    <t>POINT (4.767986831628881 51.817598780164744)</t>
  </si>
  <si>
    <t>POINT (4.770694374684824 51.817647819528766)</t>
  </si>
  <si>
    <t>POINT (4.7734004492288795 51.828446055437624)</t>
  </si>
  <si>
    <t>3362PJ</t>
  </si>
  <si>
    <t>POINT (4.7982287203115535 51.822821112334054)</t>
  </si>
  <si>
    <t>POINT (4.759770168833683 51.83228537540283)</t>
  </si>
  <si>
    <t>POINT (4.776342993978176 51.81867616649457)</t>
  </si>
  <si>
    <t>POINT (4.7686846867266155 51.82637568101296)</t>
  </si>
  <si>
    <t>POINT (4.785427697022406 51.82013052866706)</t>
  </si>
  <si>
    <t>POINT (4.760627812340683 51.82460093937137)</t>
  </si>
  <si>
    <t>3363EE</t>
  </si>
  <si>
    <t>POINT (4.772572933329017 51.8266942559182)</t>
  </si>
  <si>
    <t>3362TT</t>
  </si>
  <si>
    <t>POINT (4.776582026905047 51.82092383730894)</t>
  </si>
  <si>
    <t>POINT (4.779897618035159 51.82495375663209)</t>
  </si>
  <si>
    <t>POINT (4.760868513348317 51.82733196862976)</t>
  </si>
  <si>
    <t>POINT (4.793215884345021 51.82362819355037)</t>
  </si>
  <si>
    <t>POINT (4.774669677770499 51.81774926141173)</t>
  </si>
  <si>
    <t>POINT (4.770442333629906 51.823073355413186)</t>
  </si>
  <si>
    <t>POINT (4.795075156912152 51.81946653180363)</t>
  </si>
  <si>
    <t>POINT (4.777980128069166 51.81812136110099)</t>
  </si>
  <si>
    <t>POINT (4.780544801731469 51.81804475968007)</t>
  </si>
  <si>
    <t>POINT (4.750098699505959 51.832362271784326)</t>
  </si>
  <si>
    <t>POINT (4.74762157770495 51.82796704194026)</t>
  </si>
  <si>
    <t>3363CM</t>
  </si>
  <si>
    <t>POINT (4.771120775570516 51.82702892846126)</t>
  </si>
  <si>
    <t>POINT (4.745800773488001 51.82418998458879)</t>
  </si>
  <si>
    <t>3362AR</t>
  </si>
  <si>
    <t>POINT (4.784182293148422 51.81622210407318)</t>
  </si>
  <si>
    <t>POINT (4.772767439759812 51.817034163465216)</t>
  </si>
  <si>
    <t>POINT (4.764385337585052 51.82263886330636)</t>
  </si>
  <si>
    <t>POINT (4.751705944172764 51.828049538441405)</t>
  </si>
  <si>
    <t>POINT (4.798146411532248 51.82265962419926)</t>
  </si>
  <si>
    <t>POINT (4.776418528385457 51.82008066643799)</t>
  </si>
  <si>
    <t>POINT (4.7908273810168795 51.82081551318838)</t>
  </si>
  <si>
    <t>POINT (4.737808893391578 51.82548300672109)</t>
  </si>
  <si>
    <t>POINT (4.7865362786242605 51.816449271945544)</t>
  </si>
  <si>
    <t>POINT (4.758243436647521 51.82316214688965)</t>
  </si>
  <si>
    <t>BU06100109</t>
  </si>
  <si>
    <t>Bedrijventerrein Het Plaatje</t>
  </si>
  <si>
    <t>POINT (4.772178156409993 51.81936370574121)</t>
  </si>
  <si>
    <t>POINT (4.766186310065893 51.82222907912622)</t>
  </si>
  <si>
    <t>POINT (4.8022742818705275 51.821090999179795)</t>
  </si>
  <si>
    <t>POINT (4.787433267265356 51.81660342919196)</t>
  </si>
  <si>
    <t>POINT (4.802648262959044 51.82235054214137)</t>
  </si>
  <si>
    <t>POINT (4.797462635434705 51.82379135667925)</t>
  </si>
  <si>
    <t>POINT (4.761097443645739 51.82823914960991)</t>
  </si>
  <si>
    <t>POINT (4.797035554328811 51.82831459213338)</t>
  </si>
  <si>
    <t>POINT (4.752638646671788 51.82906499187308)</t>
  </si>
  <si>
    <t>POINT (4.802458777038347 51.82251112280616)</t>
  </si>
  <si>
    <t>POINT (4.771492333646702 51.81916757442744)</t>
  </si>
  <si>
    <t>POINT (4.764851448597859 51.82467212749558)</t>
  </si>
  <si>
    <t>POINT (4.803992832085044 51.81914669527629)</t>
  </si>
  <si>
    <t>POINT (4.787098330906285 51.82375518573116)</t>
  </si>
  <si>
    <t>POINT (4.799327919135996 51.830071492803036)</t>
  </si>
  <si>
    <t>POINT (4.766220475589292 51.82263078914579)</t>
  </si>
  <si>
    <t>POINT (4.779676946330254 51.82121701540033)</t>
  </si>
  <si>
    <t>POINT (4.756293663303328 51.82464316036762)</t>
  </si>
  <si>
    <t>POINT (4.779299595471176 51.823191740206234)</t>
  </si>
  <si>
    <t>3363CK</t>
  </si>
  <si>
    <t>Scheldelaan</t>
  </si>
  <si>
    <t>POINT (4.767765493751892 51.82473926205369)</t>
  </si>
  <si>
    <t>POINT (4.7663269883291575 51.824691357113124)</t>
  </si>
  <si>
    <t>POINT (4.770747540796696 51.819296246639034)</t>
  </si>
  <si>
    <t>POINT (4.7533841550484315 51.825125453937865)</t>
  </si>
  <si>
    <t>POINT (4.7779031630529945 51.826068997363116)</t>
  </si>
  <si>
    <t>POINT (4.792111239137982 51.823314739892595)</t>
  </si>
  <si>
    <t>POINT (4.753527436733349 51.82629384600568)</t>
  </si>
  <si>
    <t>POINT (4.791081142661414 51.821807522719176)</t>
  </si>
  <si>
    <t>POINT (4.7912967130274575 51.81954502503814)</t>
  </si>
  <si>
    <t>3363JB</t>
  </si>
  <si>
    <t>Beversweer</t>
  </si>
  <si>
    <t>POINT (4.750810780623199 51.8291453421)</t>
  </si>
  <si>
    <t>3363XG</t>
  </si>
  <si>
    <t>POINT (4.75360433144317 51.82739707163564)</t>
  </si>
  <si>
    <t>POINT (4.770595587476341 51.81712964760748)</t>
  </si>
  <si>
    <t>POINT (4.786876999004443 51.819538951611754)</t>
  </si>
  <si>
    <t>Rietlanden</t>
  </si>
  <si>
    <t>POINT (4.807346547599761 51.82010991520023)</t>
  </si>
  <si>
    <t>POINT (4.791254728121568 51.82074604483037)</t>
  </si>
  <si>
    <t>POINT (4.7711369757724915 51.82648053028837)</t>
  </si>
  <si>
    <t>3362JD</t>
  </si>
  <si>
    <t>Overlaat</t>
  </si>
  <si>
    <t>POINT (4.7954653051961404 51.822582948889945)</t>
  </si>
  <si>
    <t>POINT (4.77914967485415 51.82235916054065)</t>
  </si>
  <si>
    <t>POINT (4.74010208075865 51.82760862240563)</t>
  </si>
  <si>
    <t>POINT (4.747373686546267 51.82863938633675)</t>
  </si>
  <si>
    <t>POINT (4.776317368230434 51.82144478671179)</t>
  </si>
  <si>
    <t>POINT (4.74988061730032 51.82841473635801)</t>
  </si>
  <si>
    <t>POINT (4.791220940537032 51.82295050025116)</t>
  </si>
  <si>
    <t>POINT (4.787619670522651 51.821518436770084)</t>
  </si>
  <si>
    <t>POINT (4.786483084620028 51.82285749581844)</t>
  </si>
  <si>
    <t>3363KE</t>
  </si>
  <si>
    <t>Scarlattistraat</t>
  </si>
  <si>
    <t>POINT (4.739335753882326 51.828401774338566)</t>
  </si>
  <si>
    <t>POINT (4.767703246358042 51.827142534872415)</t>
  </si>
  <si>
    <t>POINT (4.758647587943346 51.827694471986874)</t>
  </si>
  <si>
    <t>POINT (4.752735155812459 51.82880475448626)</t>
  </si>
  <si>
    <t>POINT (4.794181870704349 51.82099816871381)</t>
  </si>
  <si>
    <t>POINT (4.768775556312659 51.823728302627245)</t>
  </si>
  <si>
    <t>POINT (4.737399848784398 51.826480482801415)</t>
  </si>
  <si>
    <t>POINT (4.781189760617869 51.82090466274707)</t>
  </si>
  <si>
    <t>POINT (4.794629451368212 51.823284065045215)</t>
  </si>
  <si>
    <t>3361HP</t>
  </si>
  <si>
    <t>POINT (4.770821039881927 51.818354808243356)</t>
  </si>
  <si>
    <t>POINT (4.798806912877574 51.82021921538176)</t>
  </si>
  <si>
    <t>POINT (4.751755691661085 51.823739416438606)</t>
  </si>
  <si>
    <t>POINT (4.779915051461794 51.818777488116496)</t>
  </si>
  <si>
    <t>POINT (4.736279063782139 51.82904376477155)</t>
  </si>
  <si>
    <t>POINT (4.8021125203262205 51.82825659290717)</t>
  </si>
  <si>
    <t>POINT (4.772942612350826 51.81844107551074)</t>
  </si>
  <si>
    <t>POINT (4.773198546389909 51.8226831396384)</t>
  </si>
  <si>
    <t>POINT (4.7699445262936395 51.82327397052748)</t>
  </si>
  <si>
    <t>POINT (4.7521052324433475 51.82419715598767)</t>
  </si>
  <si>
    <t>POINT (4.796195648949409 51.826851522891594)</t>
  </si>
  <si>
    <t>POINT (4.776136455313815 51.82088071025844)</t>
  </si>
  <si>
    <t>POINT (4.73668712951763 51.826998890022644)</t>
  </si>
  <si>
    <t>POINT (4.80191812686947 51.82136454351592)</t>
  </si>
  <si>
    <t>POINT (4.769428322954626 51.822120922483364)</t>
  </si>
  <si>
    <t>POINT (4.790846661429861 51.82106845970658)</t>
  </si>
  <si>
    <t>POINT (4.778489018469323 51.82430446018025)</t>
  </si>
  <si>
    <t>3361AM</t>
  </si>
  <si>
    <t>POINT (4.789284493364526 51.81779082796158)</t>
  </si>
  <si>
    <t>POINT (4.739861691034467 51.82879127567747)</t>
  </si>
  <si>
    <t>POINT (4.7863504646667785 51.8179967835089)</t>
  </si>
  <si>
    <t>POINT (4.735778558631394 51.83127845846171)</t>
  </si>
  <si>
    <t>POINT (4.749884173054166 51.82961994634811)</t>
  </si>
  <si>
    <t>POINT (4.773967602821999 51.82353595197094)</t>
  </si>
  <si>
    <t>POINT (4.757601675679779 51.82777641567104)</t>
  </si>
  <si>
    <t>POINT (4.791664582836966 51.82073796800395)</t>
  </si>
  <si>
    <t>POINT (4.765858849139683 51.82363164231797)</t>
  </si>
  <si>
    <t>POINT (4.771712490320304 51.81664023882143)</t>
  </si>
  <si>
    <t>POINT (4.758191888599408 51.827271634651865)</t>
  </si>
  <si>
    <t>POINT (4.789317644823364 51.82324130884714)</t>
  </si>
  <si>
    <t>POINT (4.782897431542836 51.821364963516714)</t>
  </si>
  <si>
    <t>3362CH</t>
  </si>
  <si>
    <t>Dr. Kuyperstraat</t>
  </si>
  <si>
    <t>POINT (4.77818010849548 51.82583746865402)</t>
  </si>
  <si>
    <t>POINT (4.7538272606631 51.82910278140247)</t>
  </si>
  <si>
    <t>POINT (4.779494296356442 51.8182396806151)</t>
  </si>
  <si>
    <t>POINT (4.774751129888292 51.82917579172981)</t>
  </si>
  <si>
    <t>POINT (4.790888187152017 51.81969467733935)</t>
  </si>
  <si>
    <t>POINT (4.774169732866736 51.81818745151824)</t>
  </si>
  <si>
    <t>POINT (4.750036075249306 51.82838789541503)</t>
  </si>
  <si>
    <t>POINT (4.764627094363027 51.82333496383858)</t>
  </si>
  <si>
    <t>POINT (4.804757662676632 51.81928698452134)</t>
  </si>
  <si>
    <t>3361BC</t>
  </si>
  <si>
    <t>POINT (4.775273654350528 51.81986077477734)</t>
  </si>
  <si>
    <t>POINT (4.75047231896741 51.82937199674019)</t>
  </si>
  <si>
    <t>POINT (4.782707722728429 51.82531185915433)</t>
  </si>
  <si>
    <t>POINT (4.7704350040074806 51.81715325280679)</t>
  </si>
  <si>
    <t>POINT (4.788284374250113 51.821041301188195)</t>
  </si>
  <si>
    <t>3364BB</t>
  </si>
  <si>
    <t>Blankenstraat</t>
  </si>
  <si>
    <t>3364AZ-3364BA</t>
  </si>
  <si>
    <t>POINT (4.755791650032564 51.83160849727409)</t>
  </si>
  <si>
    <t>POINT (4.774570945246866 51.821375191110604)</t>
  </si>
  <si>
    <t>POINT (4.789629975147026 51.82094110568033)</t>
  </si>
  <si>
    <t>POINT (4.781098237438001 51.82151954832164)</t>
  </si>
  <si>
    <t>POINT (4.755667722147933 51.825659280588354)</t>
  </si>
  <si>
    <t>3362RM</t>
  </si>
  <si>
    <t>Rietzangerstraat</t>
  </si>
  <si>
    <t>POINT (4.785088108280473 51.819460755950104)</t>
  </si>
  <si>
    <t>POINT (4.763117164724403 51.825320794206526)</t>
  </si>
  <si>
    <t>POINT (4.750237877333934 51.82890026185811)</t>
  </si>
  <si>
    <t>3362XM</t>
  </si>
  <si>
    <t>POINT (4.773787518280587 51.82145235621072)</t>
  </si>
  <si>
    <t>POINT (4.768193996547894 51.81782701470079)</t>
  </si>
  <si>
    <t>3361HX</t>
  </si>
  <si>
    <t>POINT (4.769518716269733 51.8175324267126)</t>
  </si>
  <si>
    <t>POINT (4.785167333625206 51.816786610386785)</t>
  </si>
  <si>
    <t>POINT (4.794914654033027 51.82412063228288)</t>
  </si>
  <si>
    <t>POINT (4.7746972386280655 51.81804782635805)</t>
  </si>
  <si>
    <t>POINT (4.774654510803176 51.81878008333522)</t>
  </si>
  <si>
    <t>3362TM</t>
  </si>
  <si>
    <t>POINT (4.801625123222049 51.82159993079304)</t>
  </si>
  <si>
    <t>POINT (4.761519182669985 51.82705652278725)</t>
  </si>
  <si>
    <t>POINT (4.739381184277229 51.82896525089035)</t>
  </si>
  <si>
    <t>POINT (4.765963327484964 51.82642809512812)</t>
  </si>
  <si>
    <t>POINT (4.752448095577452 51.82910108452915)</t>
  </si>
  <si>
    <t>POINT (4.781159772533131 51.81757918214634)</t>
  </si>
  <si>
    <t>3362VL</t>
  </si>
  <si>
    <t>POINT (4.779840602569049 51.82301135363037)</t>
  </si>
  <si>
    <t>POINT (4.784667734833523 51.821319953384425)</t>
  </si>
  <si>
    <t>POINT (4.780267802685632 51.82997353342381)</t>
  </si>
  <si>
    <t>POINT (4.778018219582078 51.823405676648875)</t>
  </si>
  <si>
    <t>POINT (4.739155048936671 51.827500388463925)</t>
  </si>
  <si>
    <t>POINT (4.7572030021694065 51.831545528593246)</t>
  </si>
  <si>
    <t>POINT (4.762819247462455 51.82794657383782)</t>
  </si>
  <si>
    <t>POINT (4.76888786136084 51.8187349244842)</t>
  </si>
  <si>
    <t>POINT (4.768161106781525 51.82605202854183)</t>
  </si>
  <si>
    <t>POINT (4.774508542201383 51.821110870662814)</t>
  </si>
  <si>
    <t>POINT (4.759926842961518 51.828013219000994)</t>
  </si>
  <si>
    <t>POINT (4.778832334608283 51.82476981696862)</t>
  </si>
  <si>
    <t>POINT (4.774961394096407 51.82209173089804)</t>
  </si>
  <si>
    <t>POINT (4.797642806636449 51.82331335099561)</t>
  </si>
  <si>
    <t>POINT (4.78863515330623 51.82441182778842)</t>
  </si>
  <si>
    <t>POINT (4.766519804840187 51.818200008306704)</t>
  </si>
  <si>
    <t>POINT (4.787221804532428 51.822150817278114)</t>
  </si>
  <si>
    <t>POINT (4.758116807509011 51.828535027922015)</t>
  </si>
  <si>
    <t>POINT (4.78384912852338 51.8209167452959)</t>
  </si>
  <si>
    <t>3362TB</t>
  </si>
  <si>
    <t>POINT (4.778416750799591 51.820640250250555)</t>
  </si>
  <si>
    <t>POINT (4.764943195649665 51.822670675455655)</t>
  </si>
  <si>
    <t>POINT (4.769709751273675 51.82315282793429)</t>
  </si>
  <si>
    <t>POINT (4.783555410409427 51.820093858776644)</t>
  </si>
  <si>
    <t>POINT (4.797978162425745 51.821338539033945)</t>
  </si>
  <si>
    <t>POINT (4.786995308587671 51.820577018186064)</t>
  </si>
  <si>
    <t>POINT (4.7781165621923956 51.82840788046312)</t>
  </si>
  <si>
    <t>POINT (4.799450192196048 51.82121891095031)</t>
  </si>
  <si>
    <t>POINT (4.753262622179493 51.82855781127001)</t>
  </si>
  <si>
    <t>POINT (4.771042727009998 51.81805242758261)</t>
  </si>
  <si>
    <t>POINT (4.781482111490387 51.82124360309614)</t>
  </si>
  <si>
    <t>POINT (4.745085129221734 51.82810582081285)</t>
  </si>
  <si>
    <t>POINT (4.774579144125135 51.82878658782179)</t>
  </si>
  <si>
    <t>3363HL</t>
  </si>
  <si>
    <t>POINT (4.759850040243257 51.82534984915383)</t>
  </si>
  <si>
    <t>POINT (4.77143628428411 51.82156130075406)</t>
  </si>
  <si>
    <t>POINT (4.789091443222412 51.820349521165944)</t>
  </si>
  <si>
    <t>POINT (4.774923445265558 51.817688294622215)</t>
  </si>
  <si>
    <t>3362EG</t>
  </si>
  <si>
    <t>POINT (4.789548897553141 51.823161679285825)</t>
  </si>
  <si>
    <t>POINT (4.750776013296473 51.82885419284254)</t>
  </si>
  <si>
    <t>POINT (4.7547915578609485 51.82656924261863)</t>
  </si>
  <si>
    <t>POINT (4.792627780391824 51.81971806403593)</t>
  </si>
  <si>
    <t>POINT (4.772289980657614 51.817088380898674)</t>
  </si>
  <si>
    <t>POINT (4.779470555813776 51.82417590402266)</t>
  </si>
  <si>
    <t>POINT (4.780899130440077 51.825225948612676)</t>
  </si>
  <si>
    <t>POINT (4.7776919563137525 51.82215367138679)</t>
  </si>
  <si>
    <t>POINT (4.795918164421188 51.82197364886321)</t>
  </si>
  <si>
    <t>POINT (4.752072458707996 51.829269206764934)</t>
  </si>
  <si>
    <t>3361AW</t>
  </si>
  <si>
    <t>POINT (4.789253497568658 51.81735031963422)</t>
  </si>
  <si>
    <t>POINT (4.740944084261575 51.828496121584635)</t>
  </si>
  <si>
    <t>POINT (4.802610324555241 51.82440343067031)</t>
  </si>
  <si>
    <t>POINT (4.785541509124373 51.82039474710848)</t>
  </si>
  <si>
    <t>POINT (4.7507448940893 51.82855128828488)</t>
  </si>
  <si>
    <t>POINT (4.768718948009117 51.82168343342649)</t>
  </si>
  <si>
    <t>POINT (4.771338627832015 51.819430403304516)</t>
  </si>
  <si>
    <t>POINT (4.768376559611895 51.81847407741262)</t>
  </si>
  <si>
    <t>3362WS</t>
  </si>
  <si>
    <t>POINT (4.802249721429054 51.82079290585336)</t>
  </si>
  <si>
    <t>POINT (4.783876260962179 51.81691723631602)</t>
  </si>
  <si>
    <t>POINT (4.7517762561726515 51.83208588652281)</t>
  </si>
  <si>
    <t>POINT (4.802702314228884 51.819558064272684)</t>
  </si>
  <si>
    <t>POINT (4.7705096756745915 51.819646181245794)</t>
  </si>
  <si>
    <t>3362AG</t>
  </si>
  <si>
    <t>POINT (4.781589246213426 51.81969299667848)</t>
  </si>
  <si>
    <t>POINT (4.745205916284745 51.829433468175765)</t>
  </si>
  <si>
    <t>POINT (4.7888534507254725 51.819244241422794)</t>
  </si>
  <si>
    <t>POINT (4.774527023891312 51.82343271815716)</t>
  </si>
  <si>
    <t>3361GK</t>
  </si>
  <si>
    <t>POINT (4.754591170600262 51.82454761674071)</t>
  </si>
  <si>
    <t>POINT (4.789805373339338 51.824079100036364)</t>
  </si>
  <si>
    <t>POINT (4.760762708119904 51.82846288737524)</t>
  </si>
  <si>
    <t>POINT (4.801812374416552 51.821097595075926)</t>
  </si>
  <si>
    <t>3362BD</t>
  </si>
  <si>
    <t>POINT (4.789457384659069 51.82096206909817)</t>
  </si>
  <si>
    <t>3363BT</t>
  </si>
  <si>
    <t>POINT (4.760325566527727 51.828247434321554)</t>
  </si>
  <si>
    <t>3364AS</t>
  </si>
  <si>
    <t>POINT (4.771296206971375 51.82933937458168)</t>
  </si>
  <si>
    <t>POINT (4.739322653032897 51.828314063155304)</t>
  </si>
  <si>
    <t>POINT (4.771601169964956 51.82433559341145)</t>
  </si>
  <si>
    <t>3363CC</t>
  </si>
  <si>
    <t>3363CC-3363CD</t>
  </si>
  <si>
    <t>POINT (4.766920778325393 51.825307877538485)</t>
  </si>
  <si>
    <t>POINT (4.7680870572244585 51.82709188673096)</t>
  </si>
  <si>
    <t>3362AB</t>
  </si>
  <si>
    <t>POINT (4.777945174498354 51.82201683154424)</t>
  </si>
  <si>
    <t>POINT (4.760747112783409 51.8248363581282)</t>
  </si>
  <si>
    <t>POINT (4.756940875989667 51.82537138760075)</t>
  </si>
  <si>
    <t>POINT (4.771489931782484 51.81922661685467)</t>
  </si>
  <si>
    <t>POINT (4.745850902490518 51.829005631116914)</t>
  </si>
  <si>
    <t>POINT (4.782470720478257 51.825331761543126)</t>
  </si>
  <si>
    <t>POINT (4.788833145827318 51.81763796908116)</t>
  </si>
  <si>
    <t>POINT (4.7380626502679055 51.828722645195505)</t>
  </si>
  <si>
    <t>POINT (4.75418027287638 51.82462692804846)</t>
  </si>
  <si>
    <t>POINT (4.766365027164032 51.82710040924888)</t>
  </si>
  <si>
    <t>POINT (4.766869129972296 51.821581691292096)</t>
  </si>
  <si>
    <t>POINT (4.751847021424581 51.82737561825858)</t>
  </si>
  <si>
    <t>POINT (4.791672404737269 51.822912522882106)</t>
  </si>
  <si>
    <t>POINT (4.79466979617113 51.8192881303213)</t>
  </si>
  <si>
    <t>POINT (4.77549053064262 51.82350246119905)</t>
  </si>
  <si>
    <t>POINT (4.735906786384746 51.8267046802897)</t>
  </si>
  <si>
    <t>POINT (4.737914160750786 51.82753020471461)</t>
  </si>
  <si>
    <t>POINT (4.748070490864265 51.82847320796743)</t>
  </si>
  <si>
    <t>3361VB</t>
  </si>
  <si>
    <t>POINT (4.774541130508608 51.817517943290525)</t>
  </si>
  <si>
    <t>3361HB</t>
  </si>
  <si>
    <t>POINT (4.77501066006739 51.816830249517416)</t>
  </si>
  <si>
    <t>POINT (4.767079061552682 51.82621278571552)</t>
  </si>
  <si>
    <t>POINT (4.773394452621014 51.81697793987241)</t>
  </si>
  <si>
    <t>3363AC</t>
  </si>
  <si>
    <t>POINT (4.768797171537108 51.82544083179824)</t>
  </si>
  <si>
    <t>POINT (4.770900312546724 51.81755308272752)</t>
  </si>
  <si>
    <t>POINT (4.770172932557798 51.81825513498711)</t>
  </si>
  <si>
    <t>POINT (4.80150799044089 51.820244230233584)</t>
  </si>
  <si>
    <t>POINT (4.775300399768598 51.8178370441389)</t>
  </si>
  <si>
    <t>POINT (4.76883982695589 51.817267193921495)</t>
  </si>
  <si>
    <t>POINT (4.757635908180663 51.82690434649794)</t>
  </si>
  <si>
    <t>POINT (4.749026566591179 51.82878572972362)</t>
  </si>
  <si>
    <t>3363LJ</t>
  </si>
  <si>
    <t>Bachstraat</t>
  </si>
  <si>
    <t>POINT (4.739117420711597 51.829498616764724)</t>
  </si>
  <si>
    <t>POINT (4.772341860707501 51.82184460434401)</t>
  </si>
  <si>
    <t>POINT (4.769718202053159 51.827586401206894)</t>
  </si>
  <si>
    <t>POINT (4.788389051321121 51.82242041283569)</t>
  </si>
  <si>
    <t>POINT (4.778484117293744 51.82542886086359)</t>
  </si>
  <si>
    <t>POINT (4.763203171843814 51.831648828561036)</t>
  </si>
  <si>
    <t>POINT (4.7587319997757715 51.82557352683242)</t>
  </si>
  <si>
    <t>POINT (4.759195166458899 51.82853064492415)</t>
  </si>
  <si>
    <t>POINT (4.791859928584659 51.82287059867775)</t>
  </si>
  <si>
    <t>POINT (4.7631352449711075 51.82012827123395)</t>
  </si>
  <si>
    <t>POINT (4.767250965458892 51.827161450008816)</t>
  </si>
  <si>
    <t>POINT (4.766020487478399 51.825480461419)</t>
  </si>
  <si>
    <t>POINT (4.754422153265013 51.82666756452334)</t>
  </si>
  <si>
    <t>POINT (4.76502835611583 51.82227544917363)</t>
  </si>
  <si>
    <t>3361CB</t>
  </si>
  <si>
    <t>Jordaanstoep</t>
  </si>
  <si>
    <t>POINT (4.779613686506232 51.81758134562767)</t>
  </si>
  <si>
    <t>POINT (4.77097533687516 51.817974412356726)</t>
  </si>
  <si>
    <t>POINT (4.746694711396883 51.82867352549825)</t>
  </si>
  <si>
    <t>POINT (4.779920708242267 51.825543940156926)</t>
  </si>
  <si>
    <t>POINT (4.771495240780273 51.81720259408492)</t>
  </si>
  <si>
    <t>3361VX</t>
  </si>
  <si>
    <t>POINT (4.774397417690507 51.817335443756)</t>
  </si>
  <si>
    <t>POINT (4.787154262936993 51.82183101807815)</t>
  </si>
  <si>
    <t>POINT (4.768206171300451 51.82124984434135)</t>
  </si>
  <si>
    <t>POINT (4.74887315504491 51.828493844879105)</t>
  </si>
  <si>
    <t>POINT (4.7981071198922365 51.821326512450035)</t>
  </si>
  <si>
    <t>POINT (4.777636433468043 51.82113245995973)</t>
  </si>
  <si>
    <t>POINT (4.7575518994092505 51.82841110262841)</t>
  </si>
  <si>
    <t>POINT (4.78226998852926 51.82376249052995)</t>
  </si>
  <si>
    <t>POINT (4.800090856505443 51.822833587295534)</t>
  </si>
  <si>
    <t>POINT (4.775277878550627 51.82138732808052)</t>
  </si>
  <si>
    <t>POINT (4.783022135217594 51.82011232796621)</t>
  </si>
  <si>
    <t>POINT (4.7873687848706155 51.821166330830096)</t>
  </si>
  <si>
    <t>3361GL</t>
  </si>
  <si>
    <t>POINT (4.749368686030057 51.823411598873285)</t>
  </si>
  <si>
    <t>POINT (4.770494391565013 51.81797512210334)</t>
  </si>
  <si>
    <t>POINT (4.753230698938266 51.82622779549212)</t>
  </si>
  <si>
    <t>POINT (4.774470134572088 51.81671246477795)</t>
  </si>
  <si>
    <t>3361AJ</t>
  </si>
  <si>
    <t>POINT (4.793934101187252 51.81981051509508)</t>
  </si>
  <si>
    <t>POINT (4.794557053386758 51.821487154289365)</t>
  </si>
  <si>
    <t>POINT (4.770719142215935 51.826845070722946)</t>
  </si>
  <si>
    <t>POINT (4.772800874273299 51.81751801450996)</t>
  </si>
  <si>
    <t>POINT (4.739759974411681 51.83062251966116)</t>
  </si>
  <si>
    <t>POINT (4.751859800744838 51.82929888684244)</t>
  </si>
  <si>
    <t>POINT (4.787990915446912 51.81883975954242)</t>
  </si>
  <si>
    <t>3362JA</t>
  </si>
  <si>
    <t>POINT (4.794781243830465 51.822605655055746)</t>
  </si>
  <si>
    <t>POINT (4.765790187417462 51.82587635816073)</t>
  </si>
  <si>
    <t>POINT (4.802980461430849 51.8219559801963)</t>
  </si>
  <si>
    <t>POINT (4.794344461511989 51.82345772326074)</t>
  </si>
  <si>
    <t>3362VA</t>
  </si>
  <si>
    <t>POINT (4.778427813158012 51.82360150558004)</t>
  </si>
  <si>
    <t>POINT (4.780290651094065 51.82584890331187)</t>
  </si>
  <si>
    <t>POINT (4.74907613687992 51.828440477611494)</t>
  </si>
  <si>
    <t>POINT (4.773167093890115 51.829921604228495)</t>
  </si>
  <si>
    <t>3362TN</t>
  </si>
  <si>
    <t>POINT (4.763376386386131 51.82553025795357)</t>
  </si>
  <si>
    <t>POINT (4.766988659116849 51.825487558501294)</t>
  </si>
  <si>
    <t>POINT (4.773299584701766 51.82168656449979)</t>
  </si>
  <si>
    <t>POINT (4.759253392985327 51.82394578676151)</t>
  </si>
  <si>
    <t>POINT (4.773874117657802 51.81895739756824)</t>
  </si>
  <si>
    <t>POINT (4.750790639414829 51.82897930347409)</t>
  </si>
  <si>
    <t>3362BL</t>
  </si>
  <si>
    <t>POINT (4.7777816292337345 51.82395356082645)</t>
  </si>
  <si>
    <t>POINT (4.74423483129592 51.824266179661734)</t>
  </si>
  <si>
    <t>POINT (4.772326840872285 51.82451934841079)</t>
  </si>
  <si>
    <t>POINT (4.7404941078228635 51.82743271866605)</t>
  </si>
  <si>
    <t>POINT (4.7990577360156035 51.82184983005315)</t>
  </si>
  <si>
    <t>POINT (4.7965821384740215 51.82399240818974)</t>
  </si>
  <si>
    <t>POINT (4.7859801247846665 51.81743624678371)</t>
  </si>
  <si>
    <t>POINT (4.736277717197359 51.829043586521024)</t>
  </si>
  <si>
    <t>POINT (4.775301271030776 51.821448482515876)</t>
  </si>
  <si>
    <t>POINT (4.767290425444185 51.82726673494211)</t>
  </si>
  <si>
    <t>POINT (4.781432489158958 51.82495760690518)</t>
  </si>
  <si>
    <t>3363HT</t>
  </si>
  <si>
    <t>POINT (4.760838210919341 51.82536851938823)</t>
  </si>
  <si>
    <t>POINT (4.780838310458013 51.819083019526275)</t>
  </si>
  <si>
    <t>POINT (4.793982971317893 51.822522434045794)</t>
  </si>
  <si>
    <t>3363CX</t>
  </si>
  <si>
    <t>POINT (4.769303838263654 51.82669111530578)</t>
  </si>
  <si>
    <t>POINT (4.736277729141023 51.829042759635655)</t>
  </si>
  <si>
    <t>POINT (4.764829528637301 51.823759399923645)</t>
  </si>
  <si>
    <t>POINT (4.7736190711984925 51.81777972800768)</t>
  </si>
  <si>
    <t>POINT (4.767359122799884 51.82218737828628)</t>
  </si>
  <si>
    <t>POINT (4.7955245885651765 51.82038716054838)</t>
  </si>
  <si>
    <t>POINT (4.739232757450782 51.831041984995714)</t>
  </si>
  <si>
    <t>3361AV</t>
  </si>
  <si>
    <t>POINT (4.790494675563048 51.81793190537646)</t>
  </si>
  <si>
    <t>POINT (4.758458537375476 51.826833521172674)</t>
  </si>
  <si>
    <t>POINT (4.776179038814348 51.82900633775584)</t>
  </si>
  <si>
    <t>POINT (4.7882698573682925 51.82098765520787)</t>
  </si>
  <si>
    <t>POINT (4.7671698354655625 51.82152721833785)</t>
  </si>
  <si>
    <t>3361ED</t>
  </si>
  <si>
    <t>Kleindiepstraat</t>
  </si>
  <si>
    <t>POINT (4.765092056877114 51.82319325214723)</t>
  </si>
  <si>
    <t>POINT (4.799105687104021 51.82757973997543)</t>
  </si>
  <si>
    <t>POINT (4.777700603022526 51.82026988927722)</t>
  </si>
  <si>
    <t>POINT (4.785188828752148 51.8182505109923)</t>
  </si>
  <si>
    <t>3362GB</t>
  </si>
  <si>
    <t>POINT (4.801245444523794 51.820580530382195)</t>
  </si>
  <si>
    <t>POINT (4.75903805773362 51.83265713353684)</t>
  </si>
  <si>
    <t>POINT (4.781909614346238 51.818873991832405)</t>
  </si>
  <si>
    <t>POINT (4.786896111637656 51.82153451326989)</t>
  </si>
  <si>
    <t>POINT (4.749742106508853 51.82842288296547)</t>
  </si>
  <si>
    <t>POINT (4.757413134920561 51.82711914730444)</t>
  </si>
  <si>
    <t>POINT (4.773495444226075 51.8234089923801)</t>
  </si>
  <si>
    <t>POINT (4.780565052522329 51.81811344724192)</t>
  </si>
  <si>
    <t>POINT (4.753648447796301 51.828923123264836)</t>
  </si>
  <si>
    <t>POINT (4.793084669219038 51.823117607969905)</t>
  </si>
  <si>
    <t>POINT (4.792062276236971 51.82118959354375)</t>
  </si>
  <si>
    <t>POINT (4.7586987815909065 51.82552148480215)</t>
  </si>
  <si>
    <t>POINT (4.775361333844446 51.82318925484718)</t>
  </si>
  <si>
    <t>POINT (4.773801082283068 51.818036045195214)</t>
  </si>
  <si>
    <t>POINT (4.761663222269952 51.82824863774979)</t>
  </si>
  <si>
    <t>POINT (4.792606683272374 51.8213394955735)</t>
  </si>
  <si>
    <t>3363HM</t>
  </si>
  <si>
    <t>POINT (4.759440571812057 51.82546208474697)</t>
  </si>
  <si>
    <t>POINT (4.780014976959025 51.82180365145545)</t>
  </si>
  <si>
    <t>POINT (4.782755684188535 51.82106491398168)</t>
  </si>
  <si>
    <t>3361AK</t>
  </si>
  <si>
    <t>POINT (4.792216726836634 51.818971547358075)</t>
  </si>
  <si>
    <t>POINT (4.747294117338704 51.82962518133974)</t>
  </si>
  <si>
    <t>POINT (4.7670758464541265 51.82449603883886)</t>
  </si>
  <si>
    <t>POINT (4.780484315582271 51.81784049606189)</t>
  </si>
  <si>
    <t>POINT (4.774361784460363 51.819935296414364)</t>
  </si>
  <si>
    <t>POINT (4.749535744541655 51.82845888503202)</t>
  </si>
  <si>
    <t>POINT (4.777456769517199 51.81981011517985)</t>
  </si>
  <si>
    <t>POINT (4.763520041576302 51.82768630459398)</t>
  </si>
  <si>
    <t>POINT (4.769647213475244 51.818146664154604)</t>
  </si>
  <si>
    <t>POINT (4.773896823580045 51.818290563027226)</t>
  </si>
  <si>
    <t>POINT (4.760651128191739 51.82721233892163)</t>
  </si>
  <si>
    <t>POINT (4.780400888580678 51.82640869740826)</t>
  </si>
  <si>
    <t>POINT (4.789222633627583 51.820770495357536)</t>
  </si>
  <si>
    <t>POINT (4.774138109153329 51.820235515585544)</t>
  </si>
  <si>
    <t>POINT (4.791269338221748 51.819388574745254)</t>
  </si>
  <si>
    <t>POINT (4.744906833941735 51.82860506086963)</t>
  </si>
  <si>
    <t>3362PD</t>
  </si>
  <si>
    <t>POINT (4.787098661032865 51.82084324895143)</t>
  </si>
  <si>
    <t>POINT (4.739068335081304 51.829534452968105)</t>
  </si>
  <si>
    <t>POINT (4.766773332876661 51.82257286002105)</t>
  </si>
  <si>
    <t>POINT (4.767286708277153 51.825659736286916)</t>
  </si>
  <si>
    <t>POINT (4.7662133028573885 51.82581504805348)</t>
  </si>
  <si>
    <t>POINT (4.7988486672354895 51.82147629607434)</t>
  </si>
  <si>
    <t>POINT (4.7502328149293955 51.8286528682811)</t>
  </si>
  <si>
    <t>POINT (4.765852057278482 51.82265122101713)</t>
  </si>
  <si>
    <t>3362RB</t>
  </si>
  <si>
    <t>POINT (4.788547154267483 51.818892844144266)</t>
  </si>
  <si>
    <t>POINT (4.781882425376776 51.82650443473043)</t>
  </si>
  <si>
    <t>POINT (4.776024759553152 51.81764019313577)</t>
  </si>
  <si>
    <t>POINT (4.737453329868017 51.827949759665245)</t>
  </si>
  <si>
    <t>POINT (4.788531667209847 51.822232290404095)</t>
  </si>
  <si>
    <t>POINT (4.7380587603971955 51.827492083801964)</t>
  </si>
  <si>
    <t>POINT (4.8002496065211675 51.82022203437817)</t>
  </si>
  <si>
    <t>POINT (4.753396708342149 51.82899834711304)</t>
  </si>
  <si>
    <t>POINT (4.802692030104203 51.8223086936234)</t>
  </si>
  <si>
    <t>3362AL</t>
  </si>
  <si>
    <t>POINT (4.781196159665118 51.820342370214846)</t>
  </si>
  <si>
    <t>POINT (4.769283959242797 51.82663860722779)</t>
  </si>
  <si>
    <t>POINT (4.790912745896645 51.82124811747436)</t>
  </si>
  <si>
    <t>POINT (4.778036955743652 51.820226962186894)</t>
  </si>
  <si>
    <t>POINT (4.772313818976163 51.82223087671358)</t>
  </si>
  <si>
    <t>POINT (4.775871929776627 51.81800118781379)</t>
  </si>
  <si>
    <t>3363WE</t>
  </si>
  <si>
    <t>3362TS</t>
  </si>
  <si>
    <t>POINT (4.776947217503034 51.820743987456645)</t>
  </si>
  <si>
    <t>3363LG</t>
  </si>
  <si>
    <t>Corellistraat</t>
  </si>
  <si>
    <t>POINT (4.737532618289335 51.83061078009428)</t>
  </si>
  <si>
    <t>POINT (4.747083037954145 51.82972721957642)</t>
  </si>
  <si>
    <t>POINT (4.7924192395416405 51.8190454711136)</t>
  </si>
  <si>
    <t>POINT (4.767211862013001 51.82117135736762)</t>
  </si>
  <si>
    <t>POINT (4.8000124115784395 51.822842632889696)</t>
  </si>
  <si>
    <t>POINT (4.780849122935773 51.823185283435066)</t>
  </si>
  <si>
    <t>POINT (4.780133418615019 51.821291285848154)</t>
  </si>
  <si>
    <t>POINT (4.798331442271084 51.82163109211438)</t>
  </si>
  <si>
    <t>POINT (4.784106287529841 51.82383324194355)</t>
  </si>
  <si>
    <t>3361GH</t>
  </si>
  <si>
    <t>POINT (4.738751279870268 51.82343072441153)</t>
  </si>
  <si>
    <t>POINT (4.744978531298606 51.82816501183214)</t>
  </si>
  <si>
    <t>POINT (4.787754061388428 51.81677890722134)</t>
  </si>
  <si>
    <t>POINT (4.800843571140265 51.82064431975992)</t>
  </si>
  <si>
    <t>POINT (4.774326221798802 51.82200688960152)</t>
  </si>
  <si>
    <t>POINT (4.766187439607118 51.8271235592669)</t>
  </si>
  <si>
    <t>POINT (4.770291380702089 51.82675806107308)</t>
  </si>
  <si>
    <t>POINT (4.782894071414338 51.82142085517249)</t>
  </si>
  <si>
    <t>POINT (4.778129936535497 51.82565466831508)</t>
  </si>
  <si>
    <t>POINT (4.800390943792762 51.82275724694664)</t>
  </si>
  <si>
    <t>3363HG</t>
  </si>
  <si>
    <t>POINT (4.756771251484379 51.82586242236407)</t>
  </si>
  <si>
    <t>POINT (4.773048559991721 51.822129916576145)</t>
  </si>
  <si>
    <t>POINT (4.767794035162472 51.82124380502368)</t>
  </si>
  <si>
    <t>POINT (4.779623900041769 51.82415602413531)</t>
  </si>
  <si>
    <t>POINT (4.770592171555054 51.81758085694121)</t>
  </si>
  <si>
    <t>POINT (4.7883054155548646 51.81951218221584)</t>
  </si>
  <si>
    <t>POINT (4.763381375960332 51.82455142720839)</t>
  </si>
  <si>
    <t>POINT (4.7440735205055935 51.828617666501344)</t>
  </si>
  <si>
    <t>POINT (4.738034253718128 51.82711679087336)</t>
  </si>
  <si>
    <t>POINT (4.7619943884572296 51.82782164648835)</t>
  </si>
  <si>
    <t>POINT (4.801684045810599 51.81966552585553)</t>
  </si>
  <si>
    <t>POINT (4.760705977038761 51.82600079016356)</t>
  </si>
  <si>
    <t>POINT (4.773716656370368 51.8170673531465)</t>
  </si>
  <si>
    <t>POINT (4.7821198502415605 51.82020817224995)</t>
  </si>
  <si>
    <t>POINT (4.742136226595887 51.823907435368625)</t>
  </si>
  <si>
    <t>POINT (4.74894518924357 51.82980953761519)</t>
  </si>
  <si>
    <t>POINT (4.769033049680278 51.81878737366419)</t>
  </si>
  <si>
    <t>POINT (4.761058558063796 51.828291884971975)</t>
  </si>
  <si>
    <t>POINT (4.7776099494677124 51.8266407933846)</t>
  </si>
  <si>
    <t>POINT (4.769111827873791 51.81888091035447)</t>
  </si>
  <si>
    <t>POINT (4.746245825103673 51.82839081085141)</t>
  </si>
  <si>
    <t>POINT (4.761930146804265 51.825707907622785)</t>
  </si>
  <si>
    <t>POINT (4.770056139423246 51.818628805828006)</t>
  </si>
  <si>
    <t>POINT (4.768321843309568 51.81794858547795)</t>
  </si>
  <si>
    <t>POINT (4.781921961631207 51.82380896504746)</t>
  </si>
  <si>
    <t>POINT (4.792627409662605 51.82381478306447)</t>
  </si>
  <si>
    <t>POINT (4.753244960939024 51.82740016493251)</t>
  </si>
  <si>
    <t>POINT (4.7858274930654785 51.81701650708391)</t>
  </si>
  <si>
    <t>POINT (4.750372238405433 51.82366270641723)</t>
  </si>
  <si>
    <t>3363LK</t>
  </si>
  <si>
    <t>Beethovenstraat</t>
  </si>
  <si>
    <t>POINT (4.738546901096058 51.82901439557028)</t>
  </si>
  <si>
    <t>POINT (4.784397785115873 51.816428690064235)</t>
  </si>
  <si>
    <t>POINT (4.7771150956019275 51.823182743281556)</t>
  </si>
  <si>
    <t>POINT (4.77228933599649 51.8209102353581)</t>
  </si>
  <si>
    <t>POINT (4.773030724346188 51.82208694770401)</t>
  </si>
  <si>
    <t>POINT (4.766314504460273 51.821728868172315)</t>
  </si>
  <si>
    <t>POINT (4.73629960841363 51.82684395345472)</t>
  </si>
  <si>
    <t>POINT (4.797348737175321 51.82167667354642)</t>
  </si>
  <si>
    <t>POINT (4.781388848019853 51.82837489123894)</t>
  </si>
  <si>
    <t>POINT (4.771862493842169 51.82157791769349)</t>
  </si>
  <si>
    <t>POINT (4.767447758395817 51.82758773903691)</t>
  </si>
  <si>
    <t>POINT (4.748121073149762 51.83000073555719)</t>
  </si>
  <si>
    <t>POINT (4.7393008853449565 51.828233854559585)</t>
  </si>
  <si>
    <t>POINT (4.768889776308629 51.826916975309814)</t>
  </si>
  <si>
    <t>POINT (4.789743911829948 51.82071643203765)</t>
  </si>
  <si>
    <t>POINT (4.781656289046708 51.82178507495749)</t>
  </si>
  <si>
    <t>3362NM</t>
  </si>
  <si>
    <t>Burgemeester van Hofwegensingel</t>
  </si>
  <si>
    <t>POINT (4.790372672626437 51.81980738051659)</t>
  </si>
  <si>
    <t>POINT (4.7696361236227265 51.82259169662216)</t>
  </si>
  <si>
    <t>POINT (4.73722325142769 51.82948072826669)</t>
  </si>
  <si>
    <t>POINT (4.792025906737798 51.82377928592873)</t>
  </si>
  <si>
    <t>POINT (4.794706936201823 51.82340337494318)</t>
  </si>
  <si>
    <t>POINT (4.770086171610539 51.82491063767923)</t>
  </si>
  <si>
    <t>POINT (4.779720215180849 51.81776957869918)</t>
  </si>
  <si>
    <t>POINT (4.767064443452534 51.82187523005051)</t>
  </si>
  <si>
    <t>POINT (4.739430202220176 51.827412111057356)</t>
  </si>
  <si>
    <t>POINT (4.793841836868752 51.82255560757851)</t>
  </si>
  <si>
    <t>POINT (4.751029833677002 51.82942310845755)</t>
  </si>
  <si>
    <t>POINT (4.8000247431699306 51.819769234162706)</t>
  </si>
  <si>
    <t>POINT (4.753653023067339 51.83099169221351)</t>
  </si>
  <si>
    <t>POINT (4.73811632830224 51.83030077432233)</t>
  </si>
  <si>
    <t>POINT (4.761415228412786 51.82665543716799)</t>
  </si>
  <si>
    <t>POINT (4.761346342671884 51.825264714993914)</t>
  </si>
  <si>
    <t>POINT (4.769191649206922 51.81699408598461)</t>
  </si>
  <si>
    <t>POINT (4.775981573511388 51.82042957576372)</t>
  </si>
  <si>
    <t>POINT (4.7720636745898535 51.81692243413544)</t>
  </si>
  <si>
    <t>POINT (4.737607308902512 51.82971268378211)</t>
  </si>
  <si>
    <t>POINT (4.757781358033183 51.82858015015919)</t>
  </si>
  <si>
    <t>POINT (4.78217099212503 51.81885089056345)</t>
  </si>
  <si>
    <t>POINT (4.798436100800606 51.82242449858334)</t>
  </si>
  <si>
    <t>POINT (4.776197335998784 51.81843198841713)</t>
  </si>
  <si>
    <t>POINT (4.788613353113641 51.82046105906286)</t>
  </si>
  <si>
    <t>POINT (4.751818896892166 51.82858847674371)</t>
  </si>
  <si>
    <t>3363WD</t>
  </si>
  <si>
    <t>Zeeldraaier</t>
  </si>
  <si>
    <t>POINT (4.778766070280529 51.81784547060975)</t>
  </si>
  <si>
    <t>POINT (4.762510426838078 51.82531774651798)</t>
  </si>
  <si>
    <t>3362XT</t>
  </si>
  <si>
    <t>POINT (4.774917421347269 51.823374801424826)</t>
  </si>
  <si>
    <t>POINT (4.793694846050443 51.82257086407734)</t>
  </si>
  <si>
    <t>POINT (4.774011105124669 51.823579594090354)</t>
  </si>
  <si>
    <t>POINT (4.793781505653111 51.8228523747835)</t>
  </si>
  <si>
    <t>POINT (4.777413834738831 51.82391677500329)</t>
  </si>
  <si>
    <t>POINT (4.780988686275391 51.82545912536802)</t>
  </si>
  <si>
    <t>3363GB</t>
  </si>
  <si>
    <t>POINT (4.7729399630207086 51.82519202811261)</t>
  </si>
  <si>
    <t>POINT (4.801980447557731 51.82047453687464)</t>
  </si>
  <si>
    <t>3363LD</t>
  </si>
  <si>
    <t>Gershwineiland</t>
  </si>
  <si>
    <t>POINT (4.735529117484249 51.82976020223708)</t>
  </si>
  <si>
    <t>POINT (4.804113826321731 51.8191666218398)</t>
  </si>
  <si>
    <t>POINT (4.74878062091287 51.829455031418114)</t>
  </si>
  <si>
    <t>POINT (4.7787189826762235 51.82111587526296)</t>
  </si>
  <si>
    <t>POINT (4.798961092246517 51.82260887957053)</t>
  </si>
  <si>
    <t>POINT (4.7963775679297935 51.82347570464052)</t>
  </si>
  <si>
    <t>POINT (4.7725375292347 51.81948324893276)</t>
  </si>
  <si>
    <t>POINT (4.773748533404457 51.82396518055857)</t>
  </si>
  <si>
    <t>POINT (4.749082695890914 51.829104231112986)</t>
  </si>
  <si>
    <t>POINT (4.767905587457574 51.821981907358506)</t>
  </si>
  <si>
    <t>POINT (4.73640296367282 51.8293655786209)</t>
  </si>
  <si>
    <t>POINT (4.789134310485743 51.820507489087504)</t>
  </si>
  <si>
    <t>POINT (4.762738883097888 51.825025394824785)</t>
  </si>
  <si>
    <t>POINT (4.7385223335418525 51.82766740748423)</t>
  </si>
  <si>
    <t>POINT (4.7904767541580595 51.82412862643126)</t>
  </si>
  <si>
    <t>POINT (4.785042438881923 51.8179935855001)</t>
  </si>
  <si>
    <t>POINT (4.770022286053501 51.81808230127999)</t>
  </si>
  <si>
    <t>POINT (4.7695080653284565 51.81732536338518)</t>
  </si>
  <si>
    <t>POINT (4.7942771232200485 51.81918187987044)</t>
  </si>
  <si>
    <t>POINT (4.78684756082621 51.819429679710474)</t>
  </si>
  <si>
    <t>POINT (4.779973977242861 51.82226302542231)</t>
  </si>
  <si>
    <t>POINT (4.737222489165377 51.827117592984564)</t>
  </si>
  <si>
    <t>POINT (4.739905540860555 51.828556285773765)</t>
  </si>
  <si>
    <t>POINT (4.781900290733089 51.81953595274805)</t>
  </si>
  <si>
    <t>POINT (4.77390969532574 51.82140616413881)</t>
  </si>
  <si>
    <t>POINT (4.773187093922844 51.81825305510663)</t>
  </si>
  <si>
    <t>POINT (4.756474526193985 51.831154208767195)</t>
  </si>
  <si>
    <t>POINT (4.779928365049784 51.81882276957454)</t>
  </si>
  <si>
    <t>POINT (4.792204082770245 51.8209294641239)</t>
  </si>
  <si>
    <t>POINT (4.772232613516804 51.82477017553537)</t>
  </si>
  <si>
    <t>POINT (4.756518779544731 51.82459214641843)</t>
  </si>
  <si>
    <t>POINT (4.768673694981051 51.827409130298086)</t>
  </si>
  <si>
    <t>POINT (4.796861399062742 51.821730671699974)</t>
  </si>
  <si>
    <t>POINT (4.776980637820125 51.828871454233386)</t>
  </si>
  <si>
    <t>POINT (4.765680996267302 51.822064502006846)</t>
  </si>
  <si>
    <t>POINT (4.7814120640017785 51.82181491521103)</t>
  </si>
  <si>
    <t>POINT (4.745704275367112 51.828299674433396)</t>
  </si>
  <si>
    <t>POINT (4.75976517097724 51.8280388712896)</t>
  </si>
  <si>
    <t>POINT (4.752839071362824 51.8264002381844)</t>
  </si>
  <si>
    <t>POINT (4.788168072661205 51.82362618091302)</t>
  </si>
  <si>
    <t>POINT (4.758597751050398 51.82802255826343)</t>
  </si>
  <si>
    <t>POINT (4.780212338279148 51.8229058630578)</t>
  </si>
  <si>
    <t>POINT (4.775711424321716 51.81771963811155)</t>
  </si>
  <si>
    <t>POINT (4.775192211022762 51.82907481343372)</t>
  </si>
  <si>
    <t>POINT (4.773168240477388 51.81774186532013)</t>
  </si>
  <si>
    <t>POINT (4.776044088535392 51.82039736262264)</t>
  </si>
  <si>
    <t>POINT (4.770097740362688 51.817200288027124)</t>
  </si>
  <si>
    <t>POINT (4.781736612466694 51.81889350358915)</t>
  </si>
  <si>
    <t>POINT (4.757898661298768 51.82791939871043)</t>
  </si>
  <si>
    <t>POINT (4.761734922996805 51.82711708710156)</t>
  </si>
  <si>
    <t>POINT (4.772000388483767 51.830121163293136)</t>
  </si>
  <si>
    <t>POINT (4.793160501566107 51.82342800751375)</t>
  </si>
  <si>
    <t>3363BG</t>
  </si>
  <si>
    <t>POINT (4.757419492285585 51.82805525316805)</t>
  </si>
  <si>
    <t>POINT (4.737429385443196 51.83004712673502)</t>
  </si>
  <si>
    <t>POINT (4.771056187165759 51.8263205589383)</t>
  </si>
  <si>
    <t>POINT (4.742152441823192 51.83067482698893)</t>
  </si>
  <si>
    <t>POINT (4.773345318544336 51.82586901129199)</t>
  </si>
  <si>
    <t>POINT (4.778749683319774 51.817551971278775)</t>
  </si>
  <si>
    <t>POINT (4.778354566562799 51.82491441087923)</t>
  </si>
  <si>
    <t>POINT (4.781431698080754 51.824735854667665)</t>
  </si>
  <si>
    <t>POINT (4.782650304976399 51.82067049173366)</t>
  </si>
  <si>
    <t>POINT (4.799492557048679 51.82295346682707)</t>
  </si>
  <si>
    <t>POINT (4.779011030125725 51.821422281586386)</t>
  </si>
  <si>
    <t>POINT (4.777393043162535 51.82386678037287)</t>
  </si>
  <si>
    <t>POINT (4.758437091144089 51.825209797129624)</t>
  </si>
  <si>
    <t>POINT (4.745949530604688 51.82829337416946)</t>
  </si>
  <si>
    <t>POINT (4.784687618878229 51.81781397043133)</t>
  </si>
  <si>
    <t>POINT (4.773880112802286 51.81728015836863)</t>
  </si>
  <si>
    <t>POINT (4.746662084215648 51.82847865445601)</t>
  </si>
  <si>
    <t>POINT (4.7609466313032085 51.82844373431915)</t>
  </si>
  <si>
    <t>POINT (4.783309721457567 51.81750541179728)</t>
  </si>
  <si>
    <t>POINT (4.783744481056068 51.82056448425048)</t>
  </si>
  <si>
    <t>POINT (4.747195048497373 51.83004288058018)</t>
  </si>
  <si>
    <t>3364AT</t>
  </si>
  <si>
    <t>POINT (4.784894443232385 51.82803890684232)</t>
  </si>
  <si>
    <t>3362CW</t>
  </si>
  <si>
    <t>POINT (4.779373801744337 51.8251043545029)</t>
  </si>
  <si>
    <t>POINT (4.7392662981619065 51.8281472831764)</t>
  </si>
  <si>
    <t>POINT (4.784530825255566 51.81619836673491)</t>
  </si>
  <si>
    <t>POINT (4.757933053573039 51.82744067103795)</t>
  </si>
  <si>
    <t>3361HE</t>
  </si>
  <si>
    <t>Dr. Langeveldplein</t>
  </si>
  <si>
    <t>POINT (4.773457752192752 51.817867961451725)</t>
  </si>
  <si>
    <t>POINT (4.801269292072981 51.82082136322712)</t>
  </si>
  <si>
    <t>POINT (4.774007652747263 51.82615768077266)</t>
  </si>
  <si>
    <t>POINT (4.785503181911438 51.81973460926438)</t>
  </si>
  <si>
    <t>POINT (4.767780151981541 51.824101203753266)</t>
  </si>
  <si>
    <t>POINT (4.763437263450284 51.8257957448051)</t>
  </si>
  <si>
    <t>POINT (4.789002265860718 51.81992148018359)</t>
  </si>
  <si>
    <t>POINT (4.76636768398879 51.821940156609834)</t>
  </si>
  <si>
    <t>POINT (4.740863520899069 51.830610569817765)</t>
  </si>
  <si>
    <t>POINT (4.785699889349234 51.822927820439006)</t>
  </si>
  <si>
    <t>POINT (4.7657179841721335 51.822263282770365)</t>
  </si>
  <si>
    <t>POINT (4.795752583054219 51.820012227864076)</t>
  </si>
  <si>
    <t>POINT (4.76514353766132 51.823646100432505)</t>
  </si>
  <si>
    <t>POINT (4.7910121142357065 51.82135684465786)</t>
  </si>
  <si>
    <t>POINT (4.769372809527045 51.821661906726085)</t>
  </si>
  <si>
    <t>POINT (4.79695749651511 51.819808500108984)</t>
  </si>
  <si>
    <t>POINT (4.777351271965248 51.82267647536031)</t>
  </si>
  <si>
    <t>POINT (4.782865121447598 51.82064831757067)</t>
  </si>
  <si>
    <t>POINT (4.772612830135808 51.82163029744872)</t>
  </si>
  <si>
    <t>POINT (4.76905437810029 51.817475241519915)</t>
  </si>
  <si>
    <t>POINT (4.755404958714646 51.824701210503)</t>
  </si>
  <si>
    <t>POINT (4.734342452468302 51.828714417790295)</t>
  </si>
  <si>
    <t>POINT (4.768585544315692 51.82547153626541)</t>
  </si>
  <si>
    <t>POINT (4.799197823598977 51.82087347472153)</t>
  </si>
  <si>
    <t>POINT (4.738860829891744 51.82884327904927)</t>
  </si>
  <si>
    <t>POINT (4.777257655442097 51.82835110720121)</t>
  </si>
  <si>
    <t>POINT (4.768930290768332 51.82123119844539)</t>
  </si>
  <si>
    <t>POINT (4.792541506167247 51.824070072670516)</t>
  </si>
  <si>
    <t>POINT (4.7525768328852855 51.82739709396214)</t>
  </si>
  <si>
    <t>POINT (4.752371225975712 51.82911010686211)</t>
  </si>
  <si>
    <t>POINT (4.790580165401476 51.82019548342341)</t>
  </si>
  <si>
    <t>POINT (4.791060168725845 51.82386498992323)</t>
  </si>
  <si>
    <t>POINT (4.786729710013967 51.82027400307978)</t>
  </si>
  <si>
    <t>POINT (4.7887934427932635 51.82130636404311)</t>
  </si>
  <si>
    <t>POINT (4.778782699431021 51.82458905109125)</t>
  </si>
  <si>
    <t>POINT (4.783926500729342 51.817985787481625)</t>
  </si>
  <si>
    <t>POINT (4.746299400322104 51.83010136362492)</t>
  </si>
  <si>
    <t>POINT (4.793926620605499 51.82374010025753)</t>
  </si>
  <si>
    <t>POINT (4.769802986757437 51.81783917501021)</t>
  </si>
  <si>
    <t>POINT (4.774068246635706 51.816936968278476)</t>
  </si>
  <si>
    <t>POINT (4.768157255032886 51.82123133952386)</t>
  </si>
  <si>
    <t>3363XH</t>
  </si>
  <si>
    <t>POINT (4.752844853989093 51.82680358766593)</t>
  </si>
  <si>
    <t>POINT (4.738348675218217 51.83156661113204)</t>
  </si>
  <si>
    <t>POINT (4.775341876025823 51.81688626778225)</t>
  </si>
  <si>
    <t>POINT (4.738586779119274 51.831173507198486)</t>
  </si>
  <si>
    <t>POINT (4.782978106161977 51.816904616038435)</t>
  </si>
  <si>
    <t>POINT (4.790040652510206 51.821538958424725)</t>
  </si>
  <si>
    <t>POINT (4.761869946644032 51.825613835949014)</t>
  </si>
  <si>
    <t>POINT (4.758393408844375 51.825159227015675)</t>
  </si>
  <si>
    <t>POINT (4.771830856170656 51.82003863613582)</t>
  </si>
  <si>
    <t>POINT (4.796617106408044 51.82285139576525)</t>
  </si>
  <si>
    <t>POINT (4.80137216534945 51.82024930506939)</t>
  </si>
  <si>
    <t>POINT (4.739851706287304 51.82910966879486)</t>
  </si>
  <si>
    <t>POINT (4.802191191776499 51.82184939968964)</t>
  </si>
  <si>
    <t>POINT (4.773479528376931 51.81783445800168)</t>
  </si>
  <si>
    <t>POINT (4.737749612371363 51.830478634912566)</t>
  </si>
  <si>
    <t>POINT (4.754582110226485 51.825172455032494)</t>
  </si>
  <si>
    <t>3362SR</t>
  </si>
  <si>
    <t>POINT (4.784030566797466 51.82032146544608)</t>
  </si>
  <si>
    <t>POINT (4.776156080886458 51.82024612853049)</t>
  </si>
  <si>
    <t>3362HC</t>
  </si>
  <si>
    <t>POINT (4.773894551129597 51.82594109432056)</t>
  </si>
  <si>
    <t>POINT (4.767234434338929 51.82202426899265)</t>
  </si>
  <si>
    <t>3363LL</t>
  </si>
  <si>
    <t>Weberstraat</t>
  </si>
  <si>
    <t>POINT (4.737547342002707 51.82900581177176)</t>
  </si>
  <si>
    <t>POINT (4.791225294544116 51.823498825140796)</t>
  </si>
  <si>
    <t>POINT (4.767075225295086 51.82569034891303)</t>
  </si>
  <si>
    <t>POINT (4.775451627471331 51.82340841766193)</t>
  </si>
  <si>
    <t>POINT (4.751233338763978 51.82801695699552)</t>
  </si>
  <si>
    <t>POINT (4.764038210752552 51.822619493119646)</t>
  </si>
  <si>
    <t>POINT (4.760901632539976 51.8272870226317)</t>
  </si>
  <si>
    <t>POINT (4.790708127428133 51.82042300540303)</t>
  </si>
  <si>
    <t>POINT (4.77478856823757 51.81947941178437)</t>
  </si>
  <si>
    <t>POINT (4.806911926634066 51.82012267029308)</t>
  </si>
  <si>
    <t>POINT (4.782297063250273 51.81884839437885)</t>
  </si>
  <si>
    <t>POINT (4.8025027797023885 51.81958853042694)</t>
  </si>
  <si>
    <t>POINT (4.794620119767537 51.820948697819354)</t>
  </si>
  <si>
    <t>POINT (4.768966316523573 51.82183530446679)</t>
  </si>
  <si>
    <t>POINT (4.78065232748105 51.81712443501059)</t>
  </si>
  <si>
    <t>POINT (4.736136335679584 51.82730007366312)</t>
  </si>
  <si>
    <t>3364AR</t>
  </si>
  <si>
    <t>Stieltjesstraat</t>
  </si>
  <si>
    <t>POINT (4.760739081329343 51.830235580017025)</t>
  </si>
  <si>
    <t>POINT (4.774994528699225 51.82214044207482)</t>
  </si>
  <si>
    <t>POINT (4.776602879817521 51.81818512408316)</t>
  </si>
  <si>
    <t>POINT (4.800265524638398 51.82026939384229)</t>
  </si>
  <si>
    <t>POINT (4.738141753718456 51.82872991394971)</t>
  </si>
  <si>
    <t>POINT (4.73993538948141 51.82881127722864)</t>
  </si>
  <si>
    <t>POINT (4.797239657520242 51.82383805534801)</t>
  </si>
  <si>
    <t>POINT (4.736557262305853 51.827888527605005)</t>
  </si>
  <si>
    <t>POINT (4.7893288738815585 51.81916873318343)</t>
  </si>
  <si>
    <t>POINT (4.7953801869185435 51.81953188910656)</t>
  </si>
  <si>
    <t>POINT (4.787618542624001 51.82051278922443)</t>
  </si>
  <si>
    <t>POINT (4.7745362816363635 51.81867510874502)</t>
  </si>
  <si>
    <t>POINT (4.770271640631705 51.826705913440684)</t>
  </si>
  <si>
    <t>POINT (4.781468066394434 51.826012509857144)</t>
  </si>
  <si>
    <t>POINT (4.754084496314557 51.824350911026755)</t>
  </si>
  <si>
    <t>POINT (4.773865048879653 51.8258065609041)</t>
  </si>
  <si>
    <t>POINT (4.767844290013948 51.820900975768545)</t>
  </si>
  <si>
    <t>POINT (4.740044299159105 51.830636320959215)</t>
  </si>
  <si>
    <t>POINT (4.740524261259419 51.83094415589411)</t>
  </si>
  <si>
    <t>POINT (4.799241593584055 51.82153210650217)</t>
  </si>
  <si>
    <t>POINT (4.80237697991692 51.82133644930666)</t>
  </si>
  <si>
    <t>POINT (4.739805984361578 51.82946178779229)</t>
  </si>
  <si>
    <t>POINT (4.782782654673803 51.82563026075668)</t>
  </si>
  <si>
    <t>3361VA</t>
  </si>
  <si>
    <t>POINT (4.772337737158962 51.81822317088393)</t>
  </si>
  <si>
    <t>POINT (4.781871838458079 51.81861968980798)</t>
  </si>
  <si>
    <t>POINT (4.751406874082151 51.82922785159491)</t>
  </si>
  <si>
    <t>POINT (4.769887653603964 51.823296053011326)</t>
  </si>
  <si>
    <t>POINT (4.757366797920763 51.824372793958496)</t>
  </si>
  <si>
    <t>POINT (4.800221592118505 51.82117045772037)</t>
  </si>
  <si>
    <t>POINT (4.801932826265364 51.82233259529395)</t>
  </si>
  <si>
    <t>POINT (4.79406127924806 51.82253487446722)</t>
  </si>
  <si>
    <t>POINT (4.777577714084309 51.82198867694187)</t>
  </si>
  <si>
    <t>POINT (4.767042793291179 51.82764672261158)</t>
  </si>
  <si>
    <t>POINT (4.771569727777981 51.830078259200896)</t>
  </si>
  <si>
    <t>POINT (4.802729827419754 51.82155267398395)</t>
  </si>
  <si>
    <t>POINT (4.767113613561439 51.82157375187933)</t>
  </si>
  <si>
    <t>POINT (4.750829823443145 51.82901933537293)</t>
  </si>
  <si>
    <t>POINT (4.779041031035669 51.82352037152927)</t>
  </si>
  <si>
    <t>POINT (4.767688620763692 51.82178275277207)</t>
  </si>
  <si>
    <t>POINT (4.805055427770663 51.820524614054364)</t>
  </si>
  <si>
    <t>POINT (4.8024533582975675 51.8204689838989)</t>
  </si>
  <si>
    <t>POINT (4.780716918330292 51.820214594044366)</t>
  </si>
  <si>
    <t>POINT (4.781123735737925 51.81841493427525)</t>
  </si>
  <si>
    <t>POINT (4.76944641048439 51.81743236267047)</t>
  </si>
  <si>
    <t>POINT (4.791653527271553 51.820356167223174)</t>
  </si>
  <si>
    <t>POINT (4.781530693335383 51.82519505250789)</t>
  </si>
  <si>
    <t>POINT (4.744007989919584 51.8241322650642)</t>
  </si>
  <si>
    <t>3361XS</t>
  </si>
  <si>
    <t>Westerstraat</t>
  </si>
  <si>
    <t>POINT (4.763221291985818 51.82277649833587)</t>
  </si>
  <si>
    <t>POINT (4.802212948371267 51.82207296382266)</t>
  </si>
  <si>
    <t>POINT (4.77121481743653 51.821888941167806)</t>
  </si>
  <si>
    <t>POINT (4.786905548818008 51.82058626681243)</t>
  </si>
  <si>
    <t>POINT (4.780656367340528 51.82612660805074)</t>
  </si>
  <si>
    <t>POINT (4.7751473130528765 51.818301944613964)</t>
  </si>
  <si>
    <t>POINT (4.7874578217231045 51.82115698826664)</t>
  </si>
  <si>
    <t>POINT (4.791845407510811 51.82071938014127)</t>
  </si>
  <si>
    <t>3361EE</t>
  </si>
  <si>
    <t>Kroonstraat</t>
  </si>
  <si>
    <t>POINT (4.76211975659683 51.823635789191115)</t>
  </si>
  <si>
    <t>POINT (4.746936267605362 51.82984668654491)</t>
  </si>
  <si>
    <t>POINT (4.752452942794947 51.827242898909454)</t>
  </si>
  <si>
    <t>POINT (4.773225903662687 51.82170766182015)</t>
  </si>
  <si>
    <t>POINT (4.746095584444537 51.82930502957601)</t>
  </si>
  <si>
    <t>POINT (4.741007936459385 51.82995045114374)</t>
  </si>
  <si>
    <t>POINT (4.751987547435125 51.827687384146515)</t>
  </si>
  <si>
    <t>POINT (4.780110475281277 51.822725564680205)</t>
  </si>
  <si>
    <t>POINT (4.762182493285299 51.82376645783706)</t>
  </si>
  <si>
    <t>POINT (4.740710350089988 51.82737557379923)</t>
  </si>
  <si>
    <t>POINT (4.740775298390478 51.83092724674967)</t>
  </si>
  <si>
    <t>POINT (4.752417955653838 51.82886173511007)</t>
  </si>
  <si>
    <t>3362BG</t>
  </si>
  <si>
    <t>POINT (4.786303638018366 51.81943157033608)</t>
  </si>
  <si>
    <t>POINT (4.773479867642194 51.82331722739343)</t>
  </si>
  <si>
    <t>POINT (4.753413113266932 51.826274262849644)</t>
  </si>
  <si>
    <t>POINT (4.803224099896814 51.82132098208218)</t>
  </si>
  <si>
    <t>POINT (4.7623489042305795 51.82403601279899)</t>
  </si>
  <si>
    <t>POINT (4.772501851533036 51.817323913185106)</t>
  </si>
  <si>
    <t>POINT (4.761339357717184 51.82744953392194)</t>
  </si>
  <si>
    <t>POINT (4.7724743889335794 51.82484712584152)</t>
  </si>
  <si>
    <t>POINT (4.794828707879518 51.824358036048054)</t>
  </si>
  <si>
    <t>POINT (4.735978090530824 51.825122128115325)</t>
  </si>
  <si>
    <t>POINT (4.777140387519865 51.81695216835719)</t>
  </si>
  <si>
    <t>POINT (4.799642043787145 51.81978673432139)</t>
  </si>
  <si>
    <t>POINT (4.801286102542387 51.82170403437069)</t>
  </si>
  <si>
    <t>POINT (4.775094246571582 51.82239165371479)</t>
  </si>
  <si>
    <t>POINT (4.774366910439272 51.82833829834172)</t>
  </si>
  <si>
    <t>POINT (4.7891463101577045 51.818491205972194)</t>
  </si>
  <si>
    <t>POINT (4.780705187635213 51.818628588067014)</t>
  </si>
  <si>
    <t>POINT (4.771075028381711 51.81753548354818)</t>
  </si>
  <si>
    <t>POINT (4.739658497785778 51.829048280638034)</t>
  </si>
  <si>
    <t>POINT (4.781029405105663 51.82045773146974)</t>
  </si>
  <si>
    <t>POINT (4.776800544630419 51.817040377136465)</t>
  </si>
  <si>
    <t>POINT (4.769429806134959 51.81790318759422)</t>
  </si>
  <si>
    <t>3361WB</t>
  </si>
  <si>
    <t>Gantelweg</t>
  </si>
  <si>
    <t>POINT (4.772709494278916 51.82030633543465)</t>
  </si>
  <si>
    <t>POINT (4.793252594253495 51.82058916403029)</t>
  </si>
  <si>
    <t>POINT (4.773186499788613 51.81794528272607)</t>
  </si>
  <si>
    <t>POINT (4.7829223916001755 51.821526347110684)</t>
  </si>
  <si>
    <t>POINT (4.763381871802494 51.825074206151555)</t>
  </si>
  <si>
    <t>POINT (4.79779166723625 51.821602226106286)</t>
  </si>
  <si>
    <t>POINT (4.781200968931822 51.81693131797781)</t>
  </si>
  <si>
    <t>POINT (4.788756550329091 51.82348428691777)</t>
  </si>
  <si>
    <t>POINT (4.75130571376103 51.82365868881989)</t>
  </si>
  <si>
    <t>POINT (4.784621170173233 51.81758783614515)</t>
  </si>
  <si>
    <t>POINT (4.770914317408 51.82747682428748)</t>
  </si>
  <si>
    <t>POINT (4.767308174251106 51.82528026171001)</t>
  </si>
  <si>
    <t>POINT (4.76801745925931 51.82144048568473)</t>
  </si>
  <si>
    <t>POINT (4.7717683111924 51.820444682230615)</t>
  </si>
  <si>
    <t>POINT (4.76596843821182 51.829399684884784)</t>
  </si>
  <si>
    <t>POINT (4.77482682962454 51.81844804528248)</t>
  </si>
  <si>
    <t>POINT (4.778276607462965 51.82302404996938)</t>
  </si>
  <si>
    <t>POINT (4.773919154150481 51.82927131117477)</t>
  </si>
  <si>
    <t>3362JE</t>
  </si>
  <si>
    <t>POINT (4.796550384029272 51.822618885347815)</t>
  </si>
  <si>
    <t>POINT (4.764603245307603 51.82328683827248)</t>
  </si>
  <si>
    <t>POINT (4.777239307264554 51.81701587226059)</t>
  </si>
  <si>
    <t>POINT (4.739807380250944 51.82807809011276)</t>
  </si>
  <si>
    <t>POINT (4.771874869716018 51.818386854241005)</t>
  </si>
  <si>
    <t>POINT (4.794786640277093 51.823541482093354)</t>
  </si>
  <si>
    <t>POINT (4.741445698415648 51.828670654296076)</t>
  </si>
  <si>
    <t>3362TJ</t>
  </si>
  <si>
    <t>IsaÃ¤c da Costastraat</t>
  </si>
  <si>
    <t>POINT (4.781419777848837 51.81933060139831)</t>
  </si>
  <si>
    <t>POINT (4.744830406536645 51.827516419959785)</t>
  </si>
  <si>
    <t>POINT (4.803088547355398 51.82176371343993)</t>
  </si>
  <si>
    <t>3364AZ</t>
  </si>
  <si>
    <t>Marisstraat</t>
  </si>
  <si>
    <t>POINT (4.754625346921079 51.831600159916675)</t>
  </si>
  <si>
    <t>POINT (4.7654480956133485 51.822482792968955)</t>
  </si>
  <si>
    <t>POINT (4.781411203789808 51.819277884058074)</t>
  </si>
  <si>
    <t>POINT (4.769673702735872 51.817335223604694)</t>
  </si>
  <si>
    <t>POINT (4.753567734097618 51.82912304331028)</t>
  </si>
  <si>
    <t>POINT (4.749626271907498 51.82911482507247)</t>
  </si>
  <si>
    <t>POINT (4.786496654216015 51.821904596602145)</t>
  </si>
  <si>
    <t>POINT (4.7498572966956605 51.82360130578346)</t>
  </si>
  <si>
    <t>POINT (4.778485921684005 51.82009356388409)</t>
  </si>
  <si>
    <t>POINT (4.799638236433896 51.82291635429214)</t>
  </si>
  <si>
    <t>POINT (4.75992960551848 51.82818994939382)</t>
  </si>
  <si>
    <t>POINT (4.791094825956075 51.8217489867239)</t>
  </si>
  <si>
    <t>POINT (4.779548674690793 51.828000282136756)</t>
  </si>
  <si>
    <t>POINT (4.779350675398786 51.82338373112099)</t>
  </si>
  <si>
    <t>POINT (4.7770506709214295 51.822948615428686)</t>
  </si>
  <si>
    <t>POINT (4.788503209900844 51.82212518123422)</t>
  </si>
  <si>
    <t>POINT (4.784310996702126 51.82014322454708)</t>
  </si>
  <si>
    <t>POINT (4.742826401414624 51.82462734845108)</t>
  </si>
  <si>
    <t>POINT (4.781367248459009 51.819008718820136)</t>
  </si>
  <si>
    <t>POINT (4.7408045091690765 51.828244571091176)</t>
  </si>
  <si>
    <t>POINT (4.753699544331443 51.826609196004405)</t>
  </si>
  <si>
    <t>POINT (4.801837728752174 51.82135668208052)</t>
  </si>
  <si>
    <t>3363CD</t>
  </si>
  <si>
    <t>POINT (4.766096520314317 51.82679463535925)</t>
  </si>
  <si>
    <t>3362AV</t>
  </si>
  <si>
    <t>POINT (4.784414883810538 51.823806513105)</t>
  </si>
  <si>
    <t>POINT (4.7513427379326965 51.823399118889036)</t>
  </si>
  <si>
    <t>POINT (4.77344868877972 51.82032332645071)</t>
  </si>
  <si>
    <t>POINT (4.78672501230477 51.817915466116006)</t>
  </si>
  <si>
    <t>POINT (4.779245667511934 51.82190968947208)</t>
  </si>
  <si>
    <t>3363BN</t>
  </si>
  <si>
    <t>POINT (4.762501196391557 51.827019776360586)</t>
  </si>
  <si>
    <t>POINT (4.739367964394346 51.827321611888)</t>
  </si>
  <si>
    <t>POINT (4.74429108939966 51.829148915960275)</t>
  </si>
  <si>
    <t>POINT (4.762220041250044 51.82714681654037)</t>
  </si>
  <si>
    <t>POINT (4.73406475953681 51.82666445925605)</t>
  </si>
  <si>
    <t>POINT (4.767772190742936 51.8209229768767)</t>
  </si>
  <si>
    <t>POINT (4.750039793757479 51.828412184804314)</t>
  </si>
  <si>
    <t>POINT (4.761708217874275 51.82493352678483)</t>
  </si>
  <si>
    <t>POINT (4.780399429421157 51.82160393589644)</t>
  </si>
  <si>
    <t>POINT (4.768516913634032 51.822006703883794)</t>
  </si>
  <si>
    <t>POINT (4.772730011096566 51.81808832905649)</t>
  </si>
  <si>
    <t>3363CW</t>
  </si>
  <si>
    <t>POINT (4.770685927567126 51.82637811925571)</t>
  </si>
  <si>
    <t>POINT (4.749136378204942 51.82909355683591)</t>
  </si>
  <si>
    <t>POINT (4.787408741880313 51.819220777942796)</t>
  </si>
  <si>
    <t>POINT (4.757249012985091 51.82460110135533)</t>
  </si>
  <si>
    <t>POINT (4.801692100473624 51.82085439378829)</t>
  </si>
  <si>
    <t>POINT (4.73788497678989 51.82925369794603)</t>
  </si>
  <si>
    <t>POINT (4.80070450491417 51.82628269004861)</t>
  </si>
  <si>
    <t>POINT (4.7743363956281595 51.82118394797419)</t>
  </si>
  <si>
    <t>POINT (4.773514074308902 51.82244551367206)</t>
  </si>
  <si>
    <t>POINT (4.745858707515174 51.8296090782588)</t>
  </si>
  <si>
    <t>POINT (4.774953388598559 51.82351404239463)</t>
  </si>
  <si>
    <t>POINT (4.752269485759583 51.82860880212077)</t>
  </si>
  <si>
    <t>POINT (4.789098365852763 51.81723699218867)</t>
  </si>
  <si>
    <t>POINT (4.75573446902237 51.82579249109067)</t>
  </si>
  <si>
    <t>POINT (4.7544222851265765 51.82583162602916)</t>
  </si>
  <si>
    <t>POINT (4.760817055231085 51.82484500089459)</t>
  </si>
  <si>
    <t>POINT (4.786499861484636 51.82051021526763)</t>
  </si>
  <si>
    <t>POINT (4.773197481493064 51.81772467032116)</t>
  </si>
  <si>
    <t>POINT (4.769586264237443 51.825093532758835)</t>
  </si>
  <si>
    <t>POINT (4.766732723613856 51.821644196028466)</t>
  </si>
  <si>
    <t>POINT (4.776295938705601 51.81905541966075)</t>
  </si>
  <si>
    <t>POINT (4.76921525432693 51.82142003032834)</t>
  </si>
  <si>
    <t>POINT (4.766382740903106 51.82490881624749)</t>
  </si>
  <si>
    <t>POINT (4.754394492806021 51.826116684287136)</t>
  </si>
  <si>
    <t>POINT (4.771270313081778 51.81944110078767)</t>
  </si>
  <si>
    <t>POINT (4.776878200326013 51.821727788498364)</t>
  </si>
  <si>
    <t>POINT (4.790272351550889 51.8194423836412)</t>
  </si>
  <si>
    <t>POINT (4.80165320229251 51.82046562404754)</t>
  </si>
  <si>
    <t>POINT (4.779353260569023 51.82051378080118)</t>
  </si>
  <si>
    <t>POINT (4.750418089485559 51.829524059229946)</t>
  </si>
  <si>
    <t>POINT (4.7719934779677375 51.82114166914971)</t>
  </si>
  <si>
    <t>POINT (4.749359165498712 51.82972172203867)</t>
  </si>
  <si>
    <t>POINT (4.79317114508714 51.823467880737944)</t>
  </si>
  <si>
    <t>POINT (4.788172216102752 51.82138256432041)</t>
  </si>
  <si>
    <t>POINT (4.7806912919702125 51.82265818675796)</t>
  </si>
  <si>
    <t>POINT (4.771327709132922 51.817257084806776)</t>
  </si>
  <si>
    <t>3361WC</t>
  </si>
  <si>
    <t>POINT (4.772219057403045 51.82122419800482)</t>
  </si>
  <si>
    <t>POINT (4.758020220060779 51.82681849865852)</t>
  </si>
  <si>
    <t>POINT (4.75892671430461 51.83267742716041)</t>
  </si>
  <si>
    <t>POINT (4.768111690833181 51.817050685237284)</t>
  </si>
  <si>
    <t>POINT (4.7937981716964915 51.819107371012414)</t>
  </si>
  <si>
    <t>POINT (4.74341360073616 51.82677546684107)</t>
  </si>
  <si>
    <t>POINT (4.786977498923208 51.821849170068255)</t>
  </si>
  <si>
    <t>POINT (4.775042748524777 51.81938020942442)</t>
  </si>
  <si>
    <t>POINT (4.745658802231176 51.828773125017136)</t>
  </si>
  <si>
    <t>POINT (4.789801048733934 51.82783081653378)</t>
  </si>
  <si>
    <t>BU06100405</t>
  </si>
  <si>
    <t>Sportpark</t>
  </si>
  <si>
    <t>POINT (4.736444361231867 51.82679617262868)</t>
  </si>
  <si>
    <t>POINT (4.736922070675163 51.82663831051517)</t>
  </si>
  <si>
    <t>POINT (4.798327460303986 51.820226069118355)</t>
  </si>
  <si>
    <t>POINT (4.7768550706415 51.818572675340995)</t>
  </si>
  <si>
    <t>3364BA</t>
  </si>
  <si>
    <t>Ringersstraat</t>
  </si>
  <si>
    <t>POINT (4.75439268073419 51.83252706746363)</t>
  </si>
  <si>
    <t>POINT (4.747628541566397 51.82346927469483)</t>
  </si>
  <si>
    <t>POINT (4.7865440731345394 51.82067547179122)</t>
  </si>
  <si>
    <t>POINT (4.74902813044894 51.82979192147821)</t>
  </si>
  <si>
    <t>POINT (4.789157903816275 51.818538913492254)</t>
  </si>
  <si>
    <t>POINT (4.763896528015288 51.82574299451919)</t>
  </si>
  <si>
    <t>POINT (4.772281695289275 51.822150799905)</t>
  </si>
  <si>
    <t>POINT (4.785317213479297 51.81972574581041)</t>
  </si>
  <si>
    <t>POINT (4.77320149263101 51.82249879919791)</t>
  </si>
  <si>
    <t>POINT (4.7896776098717275 51.82426289518427)</t>
  </si>
  <si>
    <t>POINT (4.773188860926904 51.82421402439952)</t>
  </si>
  <si>
    <t>POINT (4.761567642844789 51.827254440117535)</t>
  </si>
  <si>
    <t>POINT (4.752036566827037 51.82784270264337)</t>
  </si>
  <si>
    <t>POINT (4.774811750318645 51.81744412114707)</t>
  </si>
  <si>
    <t>POINT (4.758996851170181 51.82832293614767)</t>
  </si>
  <si>
    <t>POINT (4.736275033600482 51.82904357163995)</t>
  </si>
  <si>
    <t>POINT (4.789208108560221 51.82071738876797)</t>
  </si>
  <si>
    <t>POINT (4.754007158073328 51.824538445390715)</t>
  </si>
  <si>
    <t>POINT (4.789356020489434 51.81926531888061)</t>
  </si>
  <si>
    <t>POINT (4.754808853804701 51.82485071664863)</t>
  </si>
  <si>
    <t>POINT (4.797385961687566 51.823554032845124)</t>
  </si>
  <si>
    <t>POINT (4.774332696654349 51.8219573963145)</t>
  </si>
  <si>
    <t>POINT (4.8041670583817435 51.819188818378194)</t>
  </si>
  <si>
    <t>POINT (4.750812667937897 51.8289397832033)</t>
  </si>
  <si>
    <t>POINT (4.777664933959268 51.818214940684165)</t>
  </si>
  <si>
    <t>POINT (4.782195120063784 51.8190955942318)</t>
  </si>
  <si>
    <t>POINT (4.761845907070919 51.82679229155628)</t>
  </si>
  <si>
    <t>POINT (4.803234236072157 51.82122152910931)</t>
  </si>
  <si>
    <t>POINT (4.782130285468416 51.8203168080899)</t>
  </si>
  <si>
    <t>POINT (4.759846889634327 51.828462850295985)</t>
  </si>
  <si>
    <t>POINT (4.740440572546339 51.830949789106946)</t>
  </si>
  <si>
    <t>POINT (4.749007358994929 51.82909716999269)</t>
  </si>
  <si>
    <t>POINT (4.7397232748891165 51.829068269061125)</t>
  </si>
  <si>
    <t>POINT (4.758665562229122 51.82546953264147)</t>
  </si>
  <si>
    <t>POINT (4.782808516753104 51.81628074413057)</t>
  </si>
  <si>
    <t>POINT (4.76676176362398 51.82462516301472)</t>
  </si>
  <si>
    <t>POINT (4.770318000569045 51.81841175971014)</t>
  </si>
  <si>
    <t>POINT (4.736181608242375 51.827393626493155)</t>
  </si>
  <si>
    <t>3362TW</t>
  </si>
  <si>
    <t>POINT (4.779615143680145 51.82086290495466)</t>
  </si>
  <si>
    <t>POINT (4.779777859805434 51.826192535727195)</t>
  </si>
  <si>
    <t>POINT (4.742449732063968 51.82381315957873)</t>
  </si>
  <si>
    <t>POINT (4.769178287305245 51.82732046405108)</t>
  </si>
  <si>
    <t>3361EA</t>
  </si>
  <si>
    <t>POINT (4.765494008870018 51.82366548503032)</t>
  </si>
  <si>
    <t>POINT (4.788548419638626 51.8237995334303)</t>
  </si>
  <si>
    <t>POINT (4.778503506515577 51.82131547302499)</t>
  </si>
  <si>
    <t>POINT (4.76977286217816 51.830341598411366)</t>
  </si>
  <si>
    <t>POINT (4.776340823053493 51.821501446967424)</t>
  </si>
  <si>
    <t>POINT (4.796435620535341 51.824026636385355)</t>
  </si>
  <si>
    <t>POINT (4.737941427839398 51.826981789962986)</t>
  </si>
  <si>
    <t>POINT (4.797286852491196 51.826139275060655)</t>
  </si>
  <si>
    <t>POINT (4.760634718559307 51.82723445314402)</t>
  </si>
  <si>
    <t>POINT (4.798546571560687 51.82260653179911)</t>
  </si>
  <si>
    <t>POINT (4.78156103376129 51.818489459815574)</t>
  </si>
  <si>
    <t>POINT (4.740227419707161 51.82924449280001)</t>
  </si>
  <si>
    <t>POINT (4.801572697129922 51.821872831710685)</t>
  </si>
  <si>
    <t>POINT (4.7375155073672754 51.82910082489229)</t>
  </si>
  <si>
    <t>POINT (4.787165114947597 51.81650471223685)</t>
  </si>
  <si>
    <t>POINT (4.780648628317884 51.82490160502805)</t>
  </si>
  <si>
    <t>POINT (4.743671612394165 51.823888088557275)</t>
  </si>
  <si>
    <t>POINT (4.792860103022478 51.81921444242508)</t>
  </si>
  <si>
    <t>POINT (4.758793408574304 51.826849696127375)</t>
  </si>
  <si>
    <t>POINT (4.776698078520236 51.821147537624086)</t>
  </si>
  <si>
    <t>POINT (4.75046486713622 51.828277145597085)</t>
  </si>
  <si>
    <t>POINT (4.796817723115204 51.82348169452431)</t>
  </si>
  <si>
    <t>POINT (4.798885129849353 51.82021619180373)</t>
  </si>
  <si>
    <t>POINT (4.7706368230084415 51.82662738435818)</t>
  </si>
  <si>
    <t>POINT (4.768502225224893 51.820921074643245)</t>
  </si>
  <si>
    <t>POINT (4.776054688634364 51.82841981510283)</t>
  </si>
  <si>
    <t>POINT (4.801079164506797 51.81945855622414)</t>
  </si>
  <si>
    <t>POINT (4.771083160892671 51.82637418257971)</t>
  </si>
  <si>
    <t>POINT (4.781500411881502 51.818284117420355)</t>
  </si>
  <si>
    <t>POINT (4.77534153454547 51.82314115261393)</t>
  </si>
  <si>
    <t>POINT (4.804515117327116 51.819213827202766)</t>
  </si>
  <si>
    <t>POINT (4.771226067111364 51.81702167951679)</t>
  </si>
  <si>
    <t>POINT (4.789162933594179 51.82061307091046)</t>
  </si>
  <si>
    <t>POINT (4.767448727278797 51.821731060359035)</t>
  </si>
  <si>
    <t>POINT (4.779221927552915 51.821755592126905)</t>
  </si>
  <si>
    <t>POINT (4.738217734429628 51.82844027181822)</t>
  </si>
  <si>
    <t>POINT (4.766808650421134 51.827035969537896)</t>
  </si>
  <si>
    <t>POINT (4.773805027814921 51.820730574462814)</t>
  </si>
  <si>
    <t>POINT (4.795241822645493 51.82086806146355)</t>
  </si>
  <si>
    <t>3362AE</t>
  </si>
  <si>
    <t>POINT (4.780204350881909 51.820569240481554)</t>
  </si>
  <si>
    <t>POINT (4.770594615220779 51.819342633429855)</t>
  </si>
  <si>
    <t>POINT (4.762510472241675 51.826800594090926)</t>
  </si>
  <si>
    <t>POINT (4.767306101184951 51.827424297697995)</t>
  </si>
  <si>
    <t>POINT (4.746065413209876 51.828040348929235)</t>
  </si>
  <si>
    <t>POINT (4.74011549467689 51.830637872964544)</t>
  </si>
  <si>
    <t>POINT (4.794558190560525 51.82391596110659)</t>
  </si>
  <si>
    <t>POINT (4.778686956925463 51.81757879160403)</t>
  </si>
  <si>
    <t>POINT (4.738511888108356 51.82905824624127)</t>
  </si>
  <si>
    <t>POINT (4.777296084149175 51.81715009726351)</t>
  </si>
  <si>
    <t>POINT (4.801662956905085 51.82056328853557)</t>
  </si>
  <si>
    <t>POINT (4.746299327258903 51.829576069686176)</t>
  </si>
  <si>
    <t>POINT (4.740982008090817 51.8278949929176)</t>
  </si>
  <si>
    <t>POINT (4.74054175995231 51.8289250711436)</t>
  </si>
  <si>
    <t>POINT (4.8024061545781365 51.82078703381777)</t>
  </si>
  <si>
    <t>3362WL</t>
  </si>
  <si>
    <t>'t Stort</t>
  </si>
  <si>
    <t>POINT (4.798067305455226 51.820843716417386)</t>
  </si>
  <si>
    <t>POINT (4.778745148284819 51.824452301973075)</t>
  </si>
  <si>
    <t>POINT (4.776533553729411 51.8208188681287)</t>
  </si>
  <si>
    <t>POINT (4.7638502669402945 51.825385452511426)</t>
  </si>
  <si>
    <t>POINT (4.781776212896287 51.824692239811384)</t>
  </si>
  <si>
    <t>POINT (4.794796820938417 51.82275584276507)</t>
  </si>
  <si>
    <t>POINT (4.747426911567092 51.827955824004256)</t>
  </si>
  <si>
    <t>3361AC</t>
  </si>
  <si>
    <t>Poelenstoep</t>
  </si>
  <si>
    <t>POINT (4.790852321337212 51.81903994711291)</t>
  </si>
  <si>
    <t>POINT (4.751853006920406 51.82377140333109)</t>
  </si>
  <si>
    <t>POINT (4.802093928245514 51.82080534252334)</t>
  </si>
  <si>
    <t>POINT (4.782868823854776 51.82125929031804)</t>
  </si>
  <si>
    <t>POINT (4.783720898534884 51.81771066865774)</t>
  </si>
  <si>
    <t>POINT (4.78451622975114 51.82073995162254)</t>
  </si>
  <si>
    <t>POINT (4.769159031861902 51.823615268519376)</t>
  </si>
  <si>
    <t>POINT (4.762627458994062 51.825613015225606)</t>
  </si>
  <si>
    <t>POINT (4.762120167675875 51.82807219903129)</t>
  </si>
  <si>
    <t>3362WK</t>
  </si>
  <si>
    <t>Aveling</t>
  </si>
  <si>
    <t>POINT (4.796854293870922 51.821176760393676)</t>
  </si>
  <si>
    <t>POINT (4.778510516321 51.82031301284725)</t>
  </si>
  <si>
    <t>POINT (4.772279891111694 51.81736023288837)</t>
  </si>
  <si>
    <t>POINT (4.7869454640377915 51.82365570956592)</t>
  </si>
  <si>
    <t>POINT (4.776027966490082 51.821875271418996)</t>
  </si>
  <si>
    <t>POINT (4.749041020320462 51.82787875116394)</t>
  </si>
  <si>
    <t>POINT (4.77276444654436 51.81751980129891)</t>
  </si>
  <si>
    <t>POINT (4.786659796271385 51.81796618757007)</t>
  </si>
  <si>
    <t>POINT (4.7646065181672 51.822062789458215)</t>
  </si>
  <si>
    <t>POINT (4.736038737229868 51.826044965435344)</t>
  </si>
  <si>
    <t>POINT (4.774754741337089 51.81846978106054)</t>
  </si>
  <si>
    <t>POINT (4.7761562226173835 51.828611287976116)</t>
  </si>
  <si>
    <t>POINT (4.779865043170388 51.823738026862216)</t>
  </si>
  <si>
    <t>POINT (4.7692673566716275 51.825384342854775)</t>
  </si>
  <si>
    <t>POINT (4.7459423203493625 51.82714849295922)</t>
  </si>
  <si>
    <t>POINT (4.77645269209983 51.81687398646058)</t>
  </si>
  <si>
    <t>POINT (4.775516844635148 51.82212995200065)</t>
  </si>
  <si>
    <t>POINT (4.770866654637285 51.820460444954136)</t>
  </si>
  <si>
    <t>POINT (4.763200057585989 51.82090514040006)</t>
  </si>
  <si>
    <t>3363GC</t>
  </si>
  <si>
    <t>POINT (4.773720179721095 51.826772974993574)</t>
  </si>
  <si>
    <t>POINT (4.771720415717942 51.8169733076804)</t>
  </si>
  <si>
    <t>POINT (4.794825404227995 51.82774383190279)</t>
  </si>
  <si>
    <t>POINT (4.747501632248346 51.82365240001061)</t>
  </si>
  <si>
    <t>POINT (4.791490398930828 51.82346978951274)</t>
  </si>
  <si>
    <t>POINT (4.738010609128996 51.82811571653505)</t>
  </si>
  <si>
    <t>POINT (4.7799214594986745 51.82166087842834)</t>
  </si>
  <si>
    <t>POINT (4.784561040005245 51.8170952228201)</t>
  </si>
  <si>
    <t>POINT (4.774890286150176 51.81726790514498)</t>
  </si>
  <si>
    <t>POINT (4.754334068563072 51.826411543937105)</t>
  </si>
  <si>
    <t>POINT (4.771992435464805 51.817126461283515)</t>
  </si>
  <si>
    <t>POINT (4.771882429247054 51.82136390509963)</t>
  </si>
  <si>
    <t>POINT (4.799464570512644 51.82196278680225)</t>
  </si>
  <si>
    <t>POINT (4.767160280033369 51.821825400258604)</t>
  </si>
  <si>
    <t>POINT (4.7920229673298405 51.82094805106687)</t>
  </si>
  <si>
    <t>POINT (4.800184939060345 51.82003106346361)</t>
  </si>
  <si>
    <t>POINT (4.769075893577031 51.8209641952821)</t>
  </si>
  <si>
    <t>POINT (4.7806476919315335 51.82251360488971)</t>
  </si>
  <si>
    <t>POINT (4.777539137043142 51.824068703675216)</t>
  </si>
  <si>
    <t>POINT (4.754512625573824 51.826371248854606)</t>
  </si>
  <si>
    <t>POINT (4.7397643910009695 51.82797043920812)</t>
  </si>
  <si>
    <t>POINT (4.77688796716446 51.82152065246579)</t>
  </si>
  <si>
    <t>3363CV</t>
  </si>
  <si>
    <t>POINT (4.769675141816523 51.826303593977656)</t>
  </si>
  <si>
    <t>POINT (4.773747458790587 51.817105895426394)</t>
  </si>
  <si>
    <t>POINT (4.75238497950095 51.82890614019923)</t>
  </si>
  <si>
    <t>POINT (4.7846318722862575 51.820009773979855)</t>
  </si>
  <si>
    <t>POINT (4.801681292386829 51.82136264323458)</t>
  </si>
  <si>
    <t>POINT (4.738407444502488 51.82918872284992)</t>
  </si>
  <si>
    <t>POINT (4.791544632096255 51.81835167495789)</t>
  </si>
  <si>
    <t>POINT (4.787914235618882 51.81673073744387)</t>
  </si>
  <si>
    <t>POINT (4.767653004385072 51.82149519060706)</t>
  </si>
  <si>
    <t>POINT (4.7820827623110125 51.81885439068844)</t>
  </si>
  <si>
    <t>POINT (4.782259153786677 51.82508851919839)</t>
  </si>
  <si>
    <t>POINT (4.774378168871232 51.817855243194266)</t>
  </si>
  <si>
    <t>POINT (4.763203144338016 51.83165081489128)</t>
  </si>
  <si>
    <t>POINT (4.789222862949472 51.81877966192261)</t>
  </si>
  <si>
    <t>POINT (4.76534306524273 51.82338801668341)</t>
  </si>
  <si>
    <t>POINT (4.757626460413851 51.828432176300595)</t>
  </si>
  <si>
    <t>POINT (4.764770593943671 51.82265960318531)</t>
  </si>
  <si>
    <t>POINT (4.771613386919339 51.81746154591655)</t>
  </si>
  <si>
    <t>POINT (4.787236181478371 51.82220401323974)</t>
  </si>
  <si>
    <t>POINT (4.73810984912129 51.82992369361832)</t>
  </si>
  <si>
    <t>POINT (4.769366754240289 51.82138938581719)</t>
  </si>
  <si>
    <t>POINT (4.781263879951442 51.818800459083896)</t>
  </si>
  <si>
    <t>POINT (4.773600610456296 51.81780408045638)</t>
  </si>
  <si>
    <t>POINT (4.78029962031847 51.823318081147306)</t>
  </si>
  <si>
    <t>POINT (4.776471530393487 51.818887797506214)</t>
  </si>
  <si>
    <t>POINT (4.801735322502111 51.82111132281338)</t>
  </si>
  <si>
    <t>POINT (4.765715822375988 51.823347924353634)</t>
  </si>
  <si>
    <t>POINT (4.771755950183561 51.81846047646733)</t>
  </si>
  <si>
    <t>POINT (4.746536823963724 51.83001394220912)</t>
  </si>
  <si>
    <t>POINT (4.798383744915801 51.8221908028897)</t>
  </si>
  <si>
    <t>POINT (4.7961662044268385 51.826021640364836)</t>
  </si>
  <si>
    <t>POINT (4.789351555001227 51.8238889283496)</t>
  </si>
  <si>
    <t>POINT (4.749982602824615 51.828917303018464)</t>
  </si>
  <si>
    <t>POINT (4.768215904910936 51.83074408719715)</t>
  </si>
  <si>
    <t>POINT (4.754887793004437 51.82627556440707)</t>
  </si>
  <si>
    <t>POINT (4.773030590207358 51.81775345945608)</t>
  </si>
  <si>
    <t>POINT (4.747683028011237 51.82368772493424)</t>
  </si>
  <si>
    <t>POINT (4.772162790992927 51.82109581583)</t>
  </si>
  <si>
    <t>POINT (4.768297186234734 51.82678001237537)</t>
  </si>
  <si>
    <t>POINT (4.791291753950784 51.81824147674269)</t>
  </si>
  <si>
    <t>POINT (4.754064189420947 51.824567696309515)</t>
  </si>
  <si>
    <t>POINT (4.780293216269569 51.81854735898054)</t>
  </si>
  <si>
    <t>POINT (4.765180686598046 51.82371856555371)</t>
  </si>
  <si>
    <t>POINT (4.769369965823932 51.82113391109862)</t>
  </si>
  <si>
    <t>POINT (4.796891068481765 51.821802100261024)</t>
  </si>
  <si>
    <t>POINT (4.7938153979394444 51.82048720391562)</t>
  </si>
  <si>
    <t>POINT (4.762534881955026 51.826912901557606)</t>
  </si>
  <si>
    <t>POINT (4.754787077117262 51.826133900908296)</t>
  </si>
  <si>
    <t>POINT (4.766365681976832 51.826231486265314)</t>
  </si>
  <si>
    <t>3362JC</t>
  </si>
  <si>
    <t>Leiakker</t>
  </si>
  <si>
    <t>POINT (4.795766248679142 51.823967356685486)</t>
  </si>
  <si>
    <t>POINT (4.799228582776049 51.82201805310053)</t>
  </si>
  <si>
    <t>POINT (4.792946861370822 51.81924553275391)</t>
  </si>
  <si>
    <t>POINT (4.736773511723995 51.827831390007745)</t>
  </si>
  <si>
    <t>POINT (4.767319640738036 51.82149758322226)</t>
  </si>
  <si>
    <t>POINT (4.772123720294055 51.817113576608776)</t>
  </si>
  <si>
    <t>POINT (4.7997596025020535 51.82219607884515)</t>
  </si>
  <si>
    <t>POINT (4.774480766367539 51.81924883008883)</t>
  </si>
  <si>
    <t>POINT (4.792598962023096 51.81954974184373)</t>
  </si>
  <si>
    <t>POINT (4.737841059798601 51.827549485387664)</t>
  </si>
  <si>
    <t>POINT (4.766703701731141 51.83240375480026)</t>
  </si>
  <si>
    <t>POINT (4.7772571814208735 51.82348765525709)</t>
  </si>
  <si>
    <t>POINT (4.745581271193956 51.82927687168317)</t>
  </si>
  <si>
    <t>POINT (4.771652960316363 51.82071328551848)</t>
  </si>
  <si>
    <t>POINT (4.773758576179961 51.818345929324636)</t>
  </si>
  <si>
    <t>POINT (4.734927410048503 51.82988359963636)</t>
  </si>
  <si>
    <t>POINT (4.738763412244177 51.82730595941903)</t>
  </si>
  <si>
    <t>POINT (4.750494720677024 51.82826903802268)</t>
  </si>
  <si>
    <t>POINT (4.760700064385815 51.82714617445031)</t>
  </si>
  <si>
    <t>POINT (4.771863835136908 51.819237746087005)</t>
  </si>
  <si>
    <t>POINT (4.777180869346262 51.82130231439379)</t>
  </si>
  <si>
    <t>POINT (4.779340139289429 51.824519922684885)</t>
  </si>
  <si>
    <t>3361AD</t>
  </si>
  <si>
    <t>POINT (4.803924333987914 51.81954212143585)</t>
  </si>
  <si>
    <t>POINT (4.774840360696647 51.82179744249806)</t>
  </si>
  <si>
    <t>POINT (4.79355605609018 51.82156694793944)</t>
  </si>
  <si>
    <t>POINT (4.758097116238435 51.82458326833604)</t>
  </si>
  <si>
    <t>POINT (4.773594885721851 51.82359485683755)</t>
  </si>
  <si>
    <t>POINT (4.750704035534705 51.823668730765725)</t>
  </si>
  <si>
    <t>POINT (4.772299720035079 51.82107406179816)</t>
  </si>
  <si>
    <t>POINT (4.769293317256237 51.818358999648346)</t>
  </si>
  <si>
    <t>POINT (4.770709834333893 51.817715764595235)</t>
  </si>
  <si>
    <t>POINT (4.778623229071428 51.82096724699897)</t>
  </si>
  <si>
    <t>POINT (4.74095172895597 51.828913953851476)</t>
  </si>
  <si>
    <t>POINT (4.756615410089001 51.825585815246356)</t>
  </si>
  <si>
    <t>POINT (4.766640773823861 51.82429949613936)</t>
  </si>
  <si>
    <t>POINT (4.7775320575303875 51.8203025413302)</t>
  </si>
  <si>
    <t>POINT (4.734422074667058 51.827133494977566)</t>
  </si>
  <si>
    <t>POINT (4.773759437776837 51.81714218205263)</t>
  </si>
  <si>
    <t>POINT (4.784643191692193 51.81737258280366)</t>
  </si>
  <si>
    <t>POINT (4.757829757216598 51.82801269039257)</t>
  </si>
  <si>
    <t>POINT (4.7841134376912295 51.82029591429507)</t>
  </si>
  <si>
    <t>POINT (4.78007240609644 51.81731370236608)</t>
  </si>
  <si>
    <t>POINT (4.753654435970489 51.829116320408396)</t>
  </si>
  <si>
    <t>POINT (4.773105216967253 51.82177210780829)</t>
  </si>
  <si>
    <t>POINT (4.764954168842192 51.823956191737715)</t>
  </si>
  <si>
    <t>POINT (4.76651978902301 51.826733324934565)</t>
  </si>
  <si>
    <t>POINT (4.73827486096428 51.82743494262684)</t>
  </si>
  <si>
    <t>POINT (4.765513957713104 51.82396491067199)</t>
  </si>
  <si>
    <t>POINT (4.774295537949196 51.826823530159054)</t>
  </si>
  <si>
    <t>POINT (4.748389084684156 51.823426136335044)</t>
  </si>
  <si>
    <t>POINT (4.768374063090067 51.825502151235746)</t>
  </si>
  <si>
    <t>POINT (4.768519504330915 51.81843626994644)</t>
  </si>
  <si>
    <t>POINT (4.7758145908160685 51.81978008981633)</t>
  </si>
  <si>
    <t>POINT (4.7734005580650285 51.82395383352593)</t>
  </si>
  <si>
    <t>POINT (4.7955172291108505 51.822958932772906)</t>
  </si>
  <si>
    <t>POINT (4.752768549167781 51.8268242984713)</t>
  </si>
  <si>
    <t>POINT (4.787351676174683 51.821776208083)</t>
  </si>
  <si>
    <t>POINT (4.793121142455754 51.82015219348446)</t>
  </si>
  <si>
    <t>POINT (4.757170344300488 51.825860160728865)</t>
  </si>
  <si>
    <t>POINT (4.77169759471337 51.81847482185366)</t>
  </si>
  <si>
    <t>POINT (4.793994320159644 51.823721116994314)</t>
  </si>
  <si>
    <t>POINT (4.777048160225119 51.818101023515084)</t>
  </si>
  <si>
    <t>POINT (4.795688201213891 51.82676438453436)</t>
  </si>
  <si>
    <t>POINT (4.754428198387422 51.826164685309266)</t>
  </si>
  <si>
    <t>POINT (4.762539931638111 51.82696721949446)</t>
  </si>
  <si>
    <t>POINT (4.775159546873276 51.82874539161139)</t>
  </si>
  <si>
    <t>POINT (4.797453174241106 51.81990258525995)</t>
  </si>
  <si>
    <t>POINT (4.783727062384167 51.82117220234001)</t>
  </si>
  <si>
    <t>POINT (4.761606058636183 51.82603363508747)</t>
  </si>
  <si>
    <t>POINT (4.780713237133748 51.822730478434686)</t>
  </si>
  <si>
    <t>POINT (4.773901573794749 51.82192844833177)</t>
  </si>
  <si>
    <t>POINT (4.7583544125562 51.82884820504171)</t>
  </si>
  <si>
    <t>POINT (4.750744592957755 51.82338518061018)</t>
  </si>
  <si>
    <t>POINT (4.7925363646188925 51.82088656475588)</t>
  </si>
  <si>
    <t>POINT (4.788990378647975 51.81945104743874)</t>
  </si>
  <si>
    <t>POINT (4.767360613564938 51.821788904047516)</t>
  </si>
  <si>
    <t>POINT (4.768247943099898 51.821852030396485)</t>
  </si>
  <si>
    <t>POINT (4.79077993681931 51.819292877350804)</t>
  </si>
  <si>
    <t>POINT (4.7501086753751 51.8288963248128)</t>
  </si>
  <si>
    <t>POINT (4.789785806420196 51.8176647542296)</t>
  </si>
  <si>
    <t>POINT (4.783273836953128 51.82290134082602)</t>
  </si>
  <si>
    <t>POINT (4.7654698582291015 51.82218902630831)</t>
  </si>
  <si>
    <t>POINT (4.736132154103982 51.830748519577384)</t>
  </si>
  <si>
    <t>POINT (4.7948710629142175 51.82291216909734)</t>
  </si>
  <si>
    <t>POINT (4.736856240989496 51.82548627153441)</t>
  </si>
  <si>
    <t>POINT (4.784519896940782 51.81815494502045)</t>
  </si>
  <si>
    <t>POINT (4.79483092849264 51.82283151887356)</t>
  </si>
  <si>
    <t>POINT (4.78754334688935 51.81879486785125)</t>
  </si>
  <si>
    <t>POINT (4.798689043887625 51.82280391603432)</t>
  </si>
  <si>
    <t>POINT (4.761157512316713 51.82690169855618)</t>
  </si>
  <si>
    <t>POINT (4.773260439026906 51.827254786096034)</t>
  </si>
  <si>
    <t>POINT (4.750660467819193 51.82878723051695)</t>
  </si>
  <si>
    <t>POINT (4.7538565384279465 51.82892918990617)</t>
  </si>
  <si>
    <t>POINT (4.77239002584216 51.828766603639764)</t>
  </si>
  <si>
    <t>POINT (4.802456216639951 51.82134439447222)</t>
  </si>
  <si>
    <t>POINT (4.741198642467162 51.82879225899706)</t>
  </si>
  <si>
    <t>POINT (4.770628395026939 51.81996931552466)</t>
  </si>
  <si>
    <t>POINT (4.780375646322398 51.820450757865174)</t>
  </si>
  <si>
    <t>POINT (4.788448296248369 51.82422813713517)</t>
  </si>
  <si>
    <t>POINT (4.757477627333996 51.8283901203444)</t>
  </si>
  <si>
    <t>POINT (4.791065307598933 51.82422222177158)</t>
  </si>
  <si>
    <t>POINT (4.74434557081208 51.82413977725102)</t>
  </si>
  <si>
    <t>POINT (4.801658088933705 51.820513737253115)</t>
  </si>
  <si>
    <t>POINT (4.762060045378709 51.824949872711194)</t>
  </si>
  <si>
    <t>POINT (4.7921318511627335 51.82164359950221)</t>
  </si>
  <si>
    <t>POINT (4.760433726994472 51.831881647375226)</t>
  </si>
  <si>
    <t>POINT (4.793998838525057 51.82130573156112)</t>
  </si>
  <si>
    <t>POINT (4.798062080312255 51.82078850038317)</t>
  </si>
  <si>
    <t>POINT (4.791903979954692 51.819216608010805)</t>
  </si>
  <si>
    <t>POINT (4.770033390476801 51.82649819330633)</t>
  </si>
  <si>
    <t>POINT (4.793786073122089 51.82377246772747)</t>
  </si>
  <si>
    <t>POINT (4.788532147232815 51.81948772147251)</t>
  </si>
  <si>
    <t>POINT (4.773233304560643 51.82318758098173)</t>
  </si>
  <si>
    <t>POINT (4.7805109008921445 51.81681341809563)</t>
  </si>
  <si>
    <t>POINT (4.789868483506617 51.817696994599146)</t>
  </si>
  <si>
    <t>POINT (4.7480603236101935 51.82364600551563)</t>
  </si>
  <si>
    <t>POINT (4.771965295164901 51.81780801369076)</t>
  </si>
  <si>
    <t>POINT (4.77421062278766 51.81790021004566)</t>
  </si>
  <si>
    <t>POINT (4.791272301054948 51.82038227661693)</t>
  </si>
  <si>
    <t>POINT (4.782652383221172 51.81926100324489)</t>
  </si>
  <si>
    <t>POINT (4.773068051304511 51.82534092003887)</t>
  </si>
  <si>
    <t>POINT (4.737972132945884 51.827026444401874)</t>
  </si>
  <si>
    <t>POINT (4.796920453804333 51.82187307795654)</t>
  </si>
  <si>
    <t>POINT (4.779404281666574 51.82354975809819)</t>
  </si>
  <si>
    <t>POINT (4.787084633221327 51.820567767266375)</t>
  </si>
  <si>
    <t>POINT (4.7843415765561 51.81711917388086)</t>
  </si>
  <si>
    <t>POINT (4.773318341958997 51.817689258297996)</t>
  </si>
  <si>
    <t>POINT (4.7626499152092645 51.827415526220314)</t>
  </si>
  <si>
    <t>3363XE</t>
  </si>
  <si>
    <t>POINT (4.753938345101415 51.82689632182301)</t>
  </si>
  <si>
    <t>POINT (4.7932027844919505 51.823587588815485)</t>
  </si>
  <si>
    <t>POINT (4.750158336030136 51.82863646441491)</t>
  </si>
  <si>
    <t>POINT (4.7906036070350035 51.823925680141144)</t>
  </si>
  <si>
    <t>POINT (4.767909492365385 51.820884780809365)</t>
  </si>
  <si>
    <t>POINT (4.753613971396302 51.826401816709875)</t>
  </si>
  <si>
    <t>POINT (4.777197472214158 51.823333730135666)</t>
  </si>
  <si>
    <t>POINT (4.788502816741891 51.823923882438784)</t>
  </si>
  <si>
    <t>POINT (4.7834024070812715 51.82153286225344)</t>
  </si>
  <si>
    <t>POINT (4.7704294479853875 51.8271420597039)</t>
  </si>
  <si>
    <t>POINT (4.795679931760282 51.81998903077704)</t>
  </si>
  <si>
    <t>POINT (4.745343723635653 51.82845644213574)</t>
  </si>
  <si>
    <t>POINT (4.757852229538401 51.827847420836406)</t>
  </si>
  <si>
    <t>POINT (4.749217570947758 51.829096874489835)</t>
  </si>
  <si>
    <t>POINT (4.793205279856067 51.81978795293653)</t>
  </si>
  <si>
    <t>POINT (4.744618520138626 51.82585215341437)</t>
  </si>
  <si>
    <t>POINT (4.791077934355622 51.82077786545863)</t>
  </si>
  <si>
    <t>POINT (4.740543078244822 51.82892621096962)</t>
  </si>
  <si>
    <t>POINT (4.770583895418828 51.819044785149615)</t>
  </si>
  <si>
    <t>POINT (4.795897598137331 51.82353036513937)</t>
  </si>
  <si>
    <t>POINT (4.769139089550034 51.82625430171025)</t>
  </si>
  <si>
    <t>POINT (4.7520035688250095 51.82779605305712)</t>
  </si>
  <si>
    <t>POINT (4.794955107165684 51.82064450753272)</t>
  </si>
  <si>
    <t>3361EK</t>
  </si>
  <si>
    <t>POINT (4.7661744617493635 51.824675539288506)</t>
  </si>
  <si>
    <t>POINT (4.7403292303582525 51.83063820602672)</t>
  </si>
  <si>
    <t>POINT (4.770275248113668 51.82767166553333)</t>
  </si>
  <si>
    <t>POINT (4.79387267103073 51.82350792251305)</t>
  </si>
  <si>
    <t>POINT (4.770242208785712 51.82717100771526)</t>
  </si>
  <si>
    <t>POINT (4.7783214044108435 51.8205260501069)</t>
  </si>
  <si>
    <t>POINT (4.782020586247562 51.8166146546431)</t>
  </si>
  <si>
    <t>POINT (4.7535163515853895 51.82837185900376)</t>
  </si>
  <si>
    <t>POINT (4.753849798810072 51.82797393590828)</t>
  </si>
  <si>
    <t>POINT (4.773998985824946 51.8203537887093)</t>
  </si>
  <si>
    <t>POINT (4.78346814439983 51.81696044012193)</t>
  </si>
  <si>
    <t>POINT (4.7348127744633155 51.82972114973348)</t>
  </si>
  <si>
    <t>3363CG</t>
  </si>
  <si>
    <t>POINT (4.767894007202032 51.82539004857034)</t>
  </si>
  <si>
    <t>POINT (4.771882729214885 51.81897987265431)</t>
  </si>
  <si>
    <t>POINT (4.758419077948873 51.827696663832036)</t>
  </si>
  <si>
    <t>POINT (4.779439650076684 51.82103430747145)</t>
  </si>
  <si>
    <t>POINT (4.79709257325301 51.82022615904925)</t>
  </si>
  <si>
    <t>POINT (4.768566916929286 51.83056967149551)</t>
  </si>
  <si>
    <t>POINT (4.750158089985877 51.82837678258866)</t>
  </si>
  <si>
    <t>POINT (4.783138596294982 51.81654104501326)</t>
  </si>
  <si>
    <t>POINT (4.780138786116923 51.825518390101244)</t>
  </si>
  <si>
    <t>POINT (4.790083063234627 51.81777018386159)</t>
  </si>
  <si>
    <t>POINT (4.797623893258896 51.82081146815004)</t>
  </si>
  <si>
    <t>POINT (4.778314302149107 51.82313494886037)</t>
  </si>
  <si>
    <t>POINT (4.768000365365801 51.82196685713423)</t>
  </si>
  <si>
    <t>POINT (4.786747252193066 51.819991491972644)</t>
  </si>
  <si>
    <t>POINT (4.768519379068982 51.82592726828676)</t>
  </si>
  <si>
    <t>POINT (4.772439565792714 51.81819026674635)</t>
  </si>
  <si>
    <t>POINT (4.766345682746911 51.82221903705796)</t>
  </si>
  <si>
    <t>POINT (4.7688124409882855 51.81783629718243)</t>
  </si>
  <si>
    <t>POINT (4.7936652377008775 51.81938876026214)</t>
  </si>
  <si>
    <t>POINT (4.752295239737153 51.828716624759046)</t>
  </si>
  <si>
    <t>POINT (4.776543242329716 51.819268567557906)</t>
  </si>
  <si>
    <t>POINT (4.750860284060901 51.82945113273935)</t>
  </si>
  <si>
    <t>POINT (4.776810591292563 51.817101731550736)</t>
  </si>
  <si>
    <t>POINT (4.780731949274755 51.81872005035123)</t>
  </si>
  <si>
    <t>POINT (4.796499635484037 51.82022668201648)</t>
  </si>
  <si>
    <t>POINT (4.772850050108703 51.81934780922223)</t>
  </si>
  <si>
    <t>POINT (4.792371690368168 51.8228358007806)</t>
  </si>
  <si>
    <t>POINT (4.773285614889646 51.82266966276382)</t>
  </si>
  <si>
    <t>POINT (4.741837284801336 51.830751376484585)</t>
  </si>
  <si>
    <t>POINT (4.739888735108124 51.82839313985704)</t>
  </si>
  <si>
    <t>POINT (4.800697943576818 51.82024333129688)</t>
  </si>
  <si>
    <t>POINT (4.774237196841923 51.820159090813206)</t>
  </si>
  <si>
    <t>POINT (4.781412534627647 51.824683082715545)</t>
  </si>
  <si>
    <t>POINT (4.779416693237378 51.82160739038468)</t>
  </si>
  <si>
    <t>POINT (4.787261247131256 51.82054961436289)</t>
  </si>
  <si>
    <t>POINT (4.791222483939704 51.82323967039573)</t>
  </si>
  <si>
    <t>POINT (4.779879695471221 51.81964704042168)</t>
  </si>
  <si>
    <t>POINT (4.756889470485727 51.827916500867744)</t>
  </si>
  <si>
    <t>POINT (4.739973142728433 51.83063406801541)</t>
  </si>
  <si>
    <t>POINT (4.792450024741063 51.81937245165333)</t>
  </si>
  <si>
    <t>POINT (4.758082796704235 51.82858122676499)</t>
  </si>
  <si>
    <t>POINT (4.776317152337452 51.821268070050024)</t>
  </si>
  <si>
    <t>POINT (4.770387290312108 51.81848870666364)</t>
  </si>
  <si>
    <t>POINT (4.76658474083256 51.82220403197108)</t>
  </si>
  <si>
    <t>POINT (4.757060770269673 51.8241831999612)</t>
  </si>
  <si>
    <t>POINT (4.787750711809093 51.82361856716994)</t>
  </si>
  <si>
    <t>POINT (4.767345889516148 51.82173734864169)</t>
  </si>
  <si>
    <t>POINT (4.761851502819987 51.825374910883)</t>
  </si>
  <si>
    <t>POINT (4.770820582084438 51.81780488388481)</t>
  </si>
  <si>
    <t>POINT (4.780494193960227 51.82370164088965)</t>
  </si>
  <si>
    <t>POINT (4.791168129953683 51.82076852596999)</t>
  </si>
  <si>
    <t>POINT (4.782711957226935 51.81628932530857)</t>
  </si>
  <si>
    <t>POINT (4.739233031130272 51.82892740013612)</t>
  </si>
  <si>
    <t>POINT (4.796824744991905 51.82352145930392)</t>
  </si>
  <si>
    <t>POINT (4.766619683782898 51.82769590119935)</t>
  </si>
  <si>
    <t>POINT (4.787354792158072 51.820212301786356)</t>
  </si>
  <si>
    <t>POINT (4.750169623807461 51.82922339096747)</t>
  </si>
  <si>
    <t>POINT (4.798779544660081 51.823204720447556)</t>
  </si>
  <si>
    <t>POINT (4.787757310650114 51.819184986446864)</t>
  </si>
  <si>
    <t>POINT (4.774622422386735 51.81864391854248)</t>
  </si>
  <si>
    <t>POINT (4.759820806181862 51.824000685124716)</t>
  </si>
  <si>
    <t>POINT (4.758704027996202 51.83271802308313)</t>
  </si>
  <si>
    <t>POINT (4.757864443979532 51.82860369630748)</t>
  </si>
  <si>
    <t>POINT (4.784144488824527 51.82117317926899)</t>
  </si>
  <si>
    <t>POINT (4.7969551426935135 51.820220883847206)</t>
  </si>
  <si>
    <t>POINT (4.773114285235929 51.81681575831062)</t>
  </si>
  <si>
    <t>POINT (4.772834245912447 51.81701680566838)</t>
  </si>
  <si>
    <t>POINT (4.768987429187659 51.82146666784363)</t>
  </si>
  <si>
    <t>POINT (4.786764532505006 51.81771414435739)</t>
  </si>
  <si>
    <t>POINT (4.7548382872778 51.8250274112214)</t>
  </si>
  <si>
    <t>POINT (4.77276212731072 51.82939451642852)</t>
  </si>
  <si>
    <t>POINT (4.754694683789745 51.82442763751678)</t>
  </si>
  <si>
    <t>POINT (4.753309012585703 51.828611633799504)</t>
  </si>
  <si>
    <t>POINT (4.80054214872048 51.819966244149256)</t>
  </si>
  <si>
    <t>POINT (4.789584259568207 51.820024128232056)</t>
  </si>
  <si>
    <t>POINT (4.802141280387424 51.820487203577265)</t>
  </si>
  <si>
    <t>POINT (4.766831796958955 51.82256166364556)</t>
  </si>
  <si>
    <t>POINT (4.7687186536482455 51.817103232706)</t>
  </si>
  <si>
    <t>POINT (4.783997569774579 51.82056533577206)</t>
  </si>
  <si>
    <t>POINT (4.735552582029703 51.83093355198778)</t>
  </si>
  <si>
    <t>POINT (4.78137595778159 51.81906215595037)</t>
  </si>
  <si>
    <t>POINT (4.7738597140579095 51.825463079387475)</t>
  </si>
  <si>
    <t>POINT (4.749081471169981 51.8293443996974)</t>
  </si>
  <si>
    <t>POINT (4.765236247891778 51.819786711203975)</t>
  </si>
  <si>
    <t>POINT (4.749673269939279 51.829227977070246)</t>
  </si>
  <si>
    <t>POINT (4.768927052944084 51.82100408470334)</t>
  </si>
  <si>
    <t>POINT (4.802172651504102 51.82080807195689)</t>
  </si>
  <si>
    <t>POINT (4.772879427459458 51.81783068929087)</t>
  </si>
  <si>
    <t>POINT (4.767650678189454 51.827558069262935)</t>
  </si>
  <si>
    <t>POINT (4.773401997042325 51.82036505898042)</t>
  </si>
  <si>
    <t>POINT (4.789671416964753 51.820451798920296)</t>
  </si>
  <si>
    <t>POINT (4.778209327705022 51.82039414545576)</t>
  </si>
  <si>
    <t>POINT (4.768473707928998 51.81745096871696)</t>
  </si>
  <si>
    <t>POINT (4.767166835406187 51.82623302427228)</t>
  </si>
  <si>
    <t>POINT (4.794474830938206 51.82416614144779)</t>
  </si>
  <si>
    <t>POINT (4.766492498900187 51.82771419464788)</t>
  </si>
  <si>
    <t>POINT (4.740330725482045 51.83028442298227)</t>
  </si>
  <si>
    <t>POINT (4.769671297987515 51.82129687797935)</t>
  </si>
  <si>
    <t>POINT (4.8002370312240785 51.8213325987744)</t>
  </si>
  <si>
    <t>POINT (4.756617164203722 51.8250664637683)</t>
  </si>
  <si>
    <t>POINT (4.799580493837333 51.821214979190344)</t>
  </si>
  <si>
    <t>POINT (4.774688007195467 51.82381880893615)</t>
  </si>
  <si>
    <t>POINT (4.769263359012485 51.8172010214196)</t>
  </si>
  <si>
    <t>POINT (4.7705504870528594 51.8173625747145)</t>
  </si>
  <si>
    <t>POINT (4.779155479610253 51.820305210012606)</t>
  </si>
  <si>
    <t>POINT (4.758149843079849 51.82878733485882)</t>
  </si>
  <si>
    <t>POINT (4.799816907995492 51.82252912231248)</t>
  </si>
  <si>
    <t>POINT (4.776779406316437 51.82040091947073)</t>
  </si>
  <si>
    <t>POINT (4.7926905690063695 51.82337025870669)</t>
  </si>
  <si>
    <t>POINT (4.79985614520993 51.82320247225897)</t>
  </si>
  <si>
    <t>POINT (4.737732334306339 51.8297739857273)</t>
  </si>
  <si>
    <t>POINT (4.76833515325505 51.83101904732969)</t>
  </si>
  <si>
    <t>POINT (4.786833182816804 51.81937666344499)</t>
  </si>
  <si>
    <t>POINT (4.803030876151188 51.82039383888797)</t>
  </si>
  <si>
    <t>POINT (4.797912515481338 51.821800042056005)</t>
  </si>
  <si>
    <t>POINT (4.756983827333537 51.8255882432961)</t>
  </si>
  <si>
    <t>POINT (4.771323564598717 51.8213821960271)</t>
  </si>
  <si>
    <t>POINT (4.760033340603476 51.82804318073002)</t>
  </si>
  <si>
    <t>POINT (4.791240481432397 51.824204235299575)</t>
  </si>
  <si>
    <t>POINT (4.799368542370854 51.82235258944371)</t>
  </si>
  <si>
    <t>POINT (4.762917986464265 51.82367751980499)</t>
  </si>
  <si>
    <t>POINT (4.766377792496329 51.82766909455827)</t>
  </si>
  <si>
    <t>POINT (4.796462955390104 51.822007402548046)</t>
  </si>
  <si>
    <t>POINT (4.769288167042507 51.82090805568971)</t>
  </si>
  <si>
    <t>POINT (4.78822631409455 51.82082617797643)</t>
  </si>
  <si>
    <t>POINT (4.798613359881283 51.82282367092969)</t>
  </si>
  <si>
    <t>POINT (4.7716452048312314 51.81765928201138)</t>
  </si>
  <si>
    <t>POINT (4.77796735732702 51.82666422150066)</t>
  </si>
  <si>
    <t>POINT (4.768791803898434 51.81849487244519)</t>
  </si>
  <si>
    <t>POINT (4.755900449436236 51.83127885072781)</t>
  </si>
  <si>
    <t>POINT (4.749454154171311 51.829037307277616)</t>
  </si>
  <si>
    <t>POINT (4.777671334664198 51.82579704885416)</t>
  </si>
  <si>
    <t>POINT (4.781432442789 51.826266972323324)</t>
  </si>
  <si>
    <t>POINT (4.7524190757415825 51.82719615485129)</t>
  </si>
  <si>
    <t>POINT (4.773008997790516 51.81649602253158)</t>
  </si>
  <si>
    <t>POINT (4.765195445411222 51.822480915055884)</t>
  </si>
  <si>
    <t>POINT (4.742630729027786 51.826829740243916)</t>
  </si>
  <si>
    <t>POINT (4.741092691263936 51.82816840626048)</t>
  </si>
  <si>
    <t>POINT (4.767618329061523 51.82435023237121)</t>
  </si>
  <si>
    <t>POINT (4.782373908726881 51.825065830143465)</t>
  </si>
  <si>
    <t>POINT (4.780739029513472 51.82364879491119)</t>
  </si>
  <si>
    <t>POINT (4.791112225476126 51.82397599347226)</t>
  </si>
  <si>
    <t>POINT (4.752218996084104 51.8280326298596)</t>
  </si>
  <si>
    <t>POINT (4.786661125309798 51.820000309565046)</t>
  </si>
  <si>
    <t>POINT (4.772495331599514 51.81757870555656)</t>
  </si>
  <si>
    <t>POINT (4.774608204640227 51.821419159983805)</t>
  </si>
  <si>
    <t>POINT (4.736597795249696 51.82520142850263)</t>
  </si>
  <si>
    <t>POINT (4.771688299219881 51.81876258772843)</t>
  </si>
  <si>
    <t>POINT (4.779164564797498 51.818276803556856)</t>
  </si>
  <si>
    <t>POINT (4.753216836731786 51.82661512903716)</t>
  </si>
  <si>
    <t>POINT (4.782365327468838 51.8264403186246)</t>
  </si>
  <si>
    <t>POINT (4.779477009162503 51.82380379234019)</t>
  </si>
  <si>
    <t>POINT (4.770651384920407 51.81817180830676)</t>
  </si>
  <si>
    <t>POINT (4.736845594309466 51.82781237401276)</t>
  </si>
  <si>
    <t>POINT (4.785433633903933 51.81942504561925)</t>
  </si>
  <si>
    <t>3363BA</t>
  </si>
  <si>
    <t>POINT (4.7605051555141165 51.826735164501315)</t>
  </si>
  <si>
    <t>POINT (4.805298575521749 51.819812397452914)</t>
  </si>
  <si>
    <t>POINT (4.7594066401684865 51.825409140244396)</t>
  </si>
  <si>
    <t>POINT (4.743824608244254 51.823890635110075)</t>
  </si>
  <si>
    <t>POINT (4.77985813774913 51.82306636457837)</t>
  </si>
  <si>
    <t>POINT (4.755610824654241 51.82556854920302)</t>
  </si>
  <si>
    <t>POINT (4.762191493468539 51.830366375735025)</t>
  </si>
  <si>
    <t>POINT (4.759930266566371 51.828486396533954)</t>
  </si>
  <si>
    <t>POINT (4.800396287619235 51.822101647755495)</t>
  </si>
  <si>
    <t>POINT (4.781210770274706 51.818618975069015)</t>
  </si>
  <si>
    <t>POINT (4.774407309004282 51.82115294806771)</t>
  </si>
  <si>
    <t>POINT (4.765253084383185 51.82386456432034)</t>
  </si>
  <si>
    <t>POINT (4.774549406757225 51.81806152640336)</t>
  </si>
  <si>
    <t>POINT (4.775984856206282 51.82156736774992)</t>
  </si>
  <si>
    <t>POINT (4.772975782290279 51.823840962045566)</t>
  </si>
  <si>
    <t>POINT (4.78230672160617 51.81939324204549)</t>
  </si>
  <si>
    <t>POINT (4.757007549013716 51.8285497517785)</t>
  </si>
  <si>
    <t>POINT (4.777611518144001 51.82650336619982)</t>
  </si>
  <si>
    <t>POINT (4.774131321130223 51.82646133173928)</t>
  </si>
  <si>
    <t>POINT (4.788130508964611 51.822447137908796)</t>
  </si>
  <si>
    <t>POINT (4.76016210186036 51.82844359108161)</t>
  </si>
  <si>
    <t>POINT (4.754004372321162 51.82624419600561)</t>
  </si>
  <si>
    <t>POINT (4.737624376620611 51.82760671242935)</t>
  </si>
  <si>
    <t>POINT (4.767423121265073 51.82123774823268)</t>
  </si>
  <si>
    <t>POINT (4.783280454577739 51.81648550652224)</t>
  </si>
  <si>
    <t>POINT (4.73624301571126 51.82748292728632)</t>
  </si>
  <si>
    <t>POINT (4.747566729384586 51.82794750748297)</t>
  </si>
  <si>
    <t>POINT (4.801840972712617 51.82592082057023)</t>
  </si>
  <si>
    <t>POINT (4.753279969243303 51.82865498174397)</t>
  </si>
  <si>
    <t>POINT (4.784411141031259 51.81710128436162)</t>
  </si>
  <si>
    <t>POINT (4.778700293317602 51.8193908514555)</t>
  </si>
  <si>
    <t>POINT (4.7860202911725125 51.817763097525535)</t>
  </si>
  <si>
    <t>POINT (4.744333728062194 51.824471751394675)</t>
  </si>
  <si>
    <t>POINT (4.7801087579866675 51.81739290006287)</t>
  </si>
  <si>
    <t>POINT (4.771909942999344 51.82990912513293)</t>
  </si>
  <si>
    <t>POINT (4.768747435363734 51.817764495351916)</t>
  </si>
  <si>
    <t>POINT (4.742181152077165 51.823798830245586)</t>
  </si>
  <si>
    <t>3363LN</t>
  </si>
  <si>
    <t>Tenorweg</t>
  </si>
  <si>
    <t>POINT (4.742114309145572 51.831247883244714)</t>
  </si>
  <si>
    <t>POINT (4.800487003063845 51.823055338496424)</t>
  </si>
  <si>
    <t>POINT (4.793774171800971 51.823145005501395)</t>
  </si>
  <si>
    <t>POINT (4.759561141913267 51.82817890138046)</t>
  </si>
  <si>
    <t>POINT (4.7711503889293985 51.818728305486005)</t>
  </si>
  <si>
    <t>POINT (4.787982214880271 51.823989628956966)</t>
  </si>
  <si>
    <t>POINT (4.769216347231669 51.821420719215304)</t>
  </si>
  <si>
    <t>POINT (4.780214484914599 51.8181578360702)</t>
  </si>
  <si>
    <t>POINT (4.8015448697736325 51.82159206988014)</t>
  </si>
  <si>
    <t>POINT (4.791663507560994 51.82204894575421)</t>
  </si>
  <si>
    <t>POINT (4.764847479410661 51.82317370876524)</t>
  </si>
  <si>
    <t>POINT (4.789119925868781 51.820454742743316)</t>
  </si>
  <si>
    <t>POINT (4.7371075955113024 51.825005874533886)</t>
  </si>
  <si>
    <t>POINT (4.7402054139329595 51.83034274253927)</t>
  </si>
  <si>
    <t>POINT (4.749463040472392 51.82359116448482)</t>
  </si>
  <si>
    <t>POINT (4.77969074310618 51.82643522584506)</t>
  </si>
  <si>
    <t>POINT (4.774034423930083 51.822249315768886)</t>
  </si>
  <si>
    <t>POINT (4.776292332210947 51.82923155188827)</t>
  </si>
  <si>
    <t>POINT (4.7788447506560425 51.824815012965736)</t>
  </si>
  <si>
    <t>POINT (4.769985202223181 51.82590703054216)</t>
  </si>
  <si>
    <t>POINT (4.790309053539112 51.81912419496628)</t>
  </si>
  <si>
    <t>POINT (4.777265724881383 51.82042304279372)</t>
  </si>
  <si>
    <t>POINT (4.772601106938139 51.81753278849789)</t>
  </si>
  <si>
    <t>POINT (4.801776387691063 51.822338466689146)</t>
  </si>
  <si>
    <t>POINT (4.748039401077711 51.83002087477215)</t>
  </si>
  <si>
    <t>POINT (4.778402955003235 51.81762369989131)</t>
  </si>
  <si>
    <t>POINT (4.796339879723037 51.82045292917738)</t>
  </si>
  <si>
    <t>POINT (4.73627772680422 51.82904292141757)</t>
  </si>
  <si>
    <t>POINT (4.768129304644283 51.82680429512904)</t>
  </si>
  <si>
    <t>POINT (4.756538861477137 51.8250955256707)</t>
  </si>
  <si>
    <t>POINT (4.800229511070161 51.82125292247295)</t>
  </si>
  <si>
    <t>POINT (4.746419215037856 51.82972503601416)</t>
  </si>
  <si>
    <t>3363XJ</t>
  </si>
  <si>
    <t>POINT (4.752408534419324 51.82661597396307)</t>
  </si>
  <si>
    <t>POINT (4.740385718839269 51.823543021728234)</t>
  </si>
  <si>
    <t>3362CL</t>
  </si>
  <si>
    <t>POINT (4.782260385643286 51.824088906112216)</t>
  </si>
  <si>
    <t>POINT (4.7445533232308135 51.82939690912986)</t>
  </si>
  <si>
    <t>POINT (4.780625611614546 51.82244059341341)</t>
  </si>
  <si>
    <t>POINT (4.7675213320877425 51.821012976780054)</t>
  </si>
  <si>
    <t>POINT (4.779414181690322 51.82057809498373)</t>
  </si>
  <si>
    <t>POINT (4.773801776968148 51.827034160084025)</t>
  </si>
  <si>
    <t>POINT (4.755415905178106 51.831462945900505)</t>
  </si>
  <si>
    <t>POINT (4.759542581323192 51.825157647373466)</t>
  </si>
  <si>
    <t>POINT (4.781979754628212 51.817484718733795)</t>
  </si>
  <si>
    <t>POINT (4.772313077991731 51.8188720178026)</t>
  </si>
  <si>
    <t>POINT (4.78112310110058 51.81707698937275)</t>
  </si>
  <si>
    <t>POINT (4.770802496336102 51.81846994458009)</t>
  </si>
  <si>
    <t>POINT (4.752469010048575 51.828388671903035)</t>
  </si>
  <si>
    <t>POINT (4.752030400003706 51.827024527438496)</t>
  </si>
  <si>
    <t>POINT (4.797923858172162 51.81990054491098)</t>
  </si>
  <si>
    <t>POINT (4.794276716270826 51.8224988401464)</t>
  </si>
  <si>
    <t>POINT (4.762012428164408 51.827797023956684)</t>
  </si>
  <si>
    <t>POINT (4.765436483482014 51.822662143701876)</t>
  </si>
  <si>
    <t>POINT (4.769437581357554 51.82137130504784)</t>
  </si>
  <si>
    <t>POINT (4.762624317661056 51.82664569734611)</t>
  </si>
  <si>
    <t>POINT (4.7807350373270285 51.82280276935737)</t>
  </si>
  <si>
    <t>POINT (4.77722536796329 51.820071918774076)</t>
  </si>
  <si>
    <t>POINT (4.764678808043623 51.82203773517593)</t>
  </si>
  <si>
    <t>POINT (4.802774943884521 51.82222335559155)</t>
  </si>
  <si>
    <t>POINT (4.753852391973586 51.82592104508186)</t>
  </si>
  <si>
    <t>POINT (4.795020174255073 51.819787685722616)</t>
  </si>
  <si>
    <t>POINT (4.763410242972473 51.82792616582179)</t>
  </si>
  <si>
    <t>POINT (4.769372803367342 51.821662356123035)</t>
  </si>
  <si>
    <t>POINT (4.782046048158011 51.82450630935445)</t>
  </si>
  <si>
    <t>POINT (4.7665772408941 51.82770196881544)</t>
  </si>
  <si>
    <t>POINT (4.775227052320109 51.82126355994968)</t>
  </si>
  <si>
    <t>POINT (4.769527797155762 51.820648549053246)</t>
  </si>
  <si>
    <t>POINT (4.761626401891041 51.827086666696395)</t>
  </si>
  <si>
    <t>POINT (4.768322156892966 51.82096830415756)</t>
  </si>
  <si>
    <t>POINT (4.741758917644467 51.83077040593731)</t>
  </si>
  <si>
    <t>POINT (4.768768379473664 51.820815513099554)</t>
  </si>
  <si>
    <t>POINT (4.777890794547006 51.82394729623312)</t>
  </si>
  <si>
    <t>POINT (4.750319737846321 51.827640918551886)</t>
  </si>
  <si>
    <t>POINT (4.80321620417084 51.821370649556584)</t>
  </si>
  <si>
    <t>POINT (4.765559005450277 51.823843353891185)</t>
  </si>
  <si>
    <t>POINT (4.774659365863591 51.821454122925644)</t>
  </si>
  <si>
    <t>POINT (4.7676912118502885 51.81725349632152)</t>
  </si>
  <si>
    <t>POINT (4.747626790089951 51.82919437326299)</t>
  </si>
  <si>
    <t>POINT (4.786749015104549 51.82123111553028)</t>
  </si>
  <si>
    <t>POINT (4.754139808640701 51.825814103207165)</t>
  </si>
  <si>
    <t>POINT (4.781391220484503 51.821099406624626)</t>
  </si>
  <si>
    <t>POINT (4.775497641967868 51.81750603389035)</t>
  </si>
  <si>
    <t>POINT (4.769203047331844 51.82642461255222)</t>
  </si>
  <si>
    <t>POINT (4.746314543729151 51.828954950863825)</t>
  </si>
  <si>
    <t>POINT (4.761251987944542 51.81992175204879)</t>
  </si>
  <si>
    <t>POINT (4.771349625743829 51.81839182955046)</t>
  </si>
  <si>
    <t>POINT (4.768157962106254 51.81777900533271)</t>
  </si>
  <si>
    <t>POINT (4.7515067727603535 51.82871757089721)</t>
  </si>
  <si>
    <t>POINT (4.767073333360831 51.826196845659446)</t>
  </si>
  <si>
    <t>POINT (4.772279948485922 51.81657984376853)</t>
  </si>
  <si>
    <t>POINT (4.796572325708491 51.823744993484496)</t>
  </si>
  <si>
    <t>POINT (4.76608396054826 51.83014898208044)</t>
  </si>
  <si>
    <t>POINT (4.802664059090726 51.82106534605883)</t>
  </si>
  <si>
    <t>POINT (4.7625334021137515 51.82757436376418)</t>
  </si>
  <si>
    <t>POINT (4.752914647647573 51.82637970317006)</t>
  </si>
  <si>
    <t>POINT (4.773781921590915 51.823036025521915)</t>
  </si>
  <si>
    <t>POINT (4.775322155770108 51.823094131198886)</t>
  </si>
  <si>
    <t>POINT (4.734655831561466 51.82733991472886)</t>
  </si>
  <si>
    <t>POINT (4.787855559549954 51.82050060677522)</t>
  </si>
  <si>
    <t>POINT (4.771166210324312 51.82653857017918)</t>
  </si>
  <si>
    <t>POINT (4.765423268237382 51.823977643527485)</t>
  </si>
  <si>
    <t>POINT (4.779773183740808 51.81795025372927)</t>
  </si>
  <si>
    <t>POINT (4.791455930655177 51.82099640923685)</t>
  </si>
  <si>
    <t>POINT (4.79733760173223 51.823503004436574)</t>
  </si>
  <si>
    <t>POINT (4.770814480140118 51.81929066573296)</t>
  </si>
  <si>
    <t>POINT (4.797658493505176 51.82100498604607)</t>
  </si>
  <si>
    <t>POINT (4.749799962539753 51.82963503938963)</t>
  </si>
  <si>
    <t>POINT (4.78020332843081 51.81785540241959)</t>
  </si>
  <si>
    <t>POINT (4.780066098394662 51.82552690386057)</t>
  </si>
  <si>
    <t>POINT (4.763599020039855 51.82512371859817)</t>
  </si>
  <si>
    <t>POINT (4.7767078757973085 51.816964930327146)</t>
  </si>
  <si>
    <t>POINT (4.780219316081247 51.82616839290243)</t>
  </si>
  <si>
    <t>POINT (4.79115654105209 51.82324643652727)</t>
  </si>
  <si>
    <t>POINT (4.792870577321783 51.81884902006387)</t>
  </si>
  <si>
    <t>POINT (4.745583328084786 51.82831726025773)</t>
  </si>
  <si>
    <t>POINT (4.788381960866964 51.819503943736656)</t>
  </si>
  <si>
    <t>POINT (4.773225664715374 51.81744437377873)</t>
  </si>
  <si>
    <t>POINT (4.7585217425930955 51.82812605929225)</t>
  </si>
  <si>
    <t>POINT (4.748914598243338 51.82952137672964)</t>
  </si>
  <si>
    <t>POINT (4.753614585026839 51.828504431674574)</t>
  </si>
  <si>
    <t>POINT (4.760116260780442 51.82784929046686)</t>
  </si>
  <si>
    <t>POINT (4.7745368330687326 51.81780214001178)</t>
  </si>
  <si>
    <t>POINT (4.7756554060714915 51.821207546543796)</t>
  </si>
  <si>
    <t>POINT (4.766596238227008 51.82558498802234)</t>
  </si>
  <si>
    <t>POINT (4.748550093041043 51.82852408705562)</t>
  </si>
  <si>
    <t>POINT (4.795955287690904 51.82362197957585)</t>
  </si>
  <si>
    <t>POINT (4.7980579831075545 51.82074686274772)</t>
  </si>
  <si>
    <t>POINT (4.769228191170231 51.82369158619984)</t>
  </si>
  <si>
    <t>POINT (4.794334948051222 51.822670186749974)</t>
  </si>
  <si>
    <t>POINT (4.755341173225906 51.82520539695563)</t>
  </si>
  <si>
    <t>POINT (4.743597234148593 51.824231045423055)</t>
  </si>
  <si>
    <t>POINT (4.781547358749394 51.81739143387047)</t>
  </si>
  <si>
    <t>POINT (4.769871338853464 51.818990613466504)</t>
  </si>
  <si>
    <t>POINT (4.773682091748031 51.81751839963894)</t>
  </si>
  <si>
    <t>POINT (4.777602006516946 51.82659526993958)</t>
  </si>
  <si>
    <t>POINT (4.746611781881592 51.829394587605925)</t>
  </si>
  <si>
    <t>POINT (4.7973278696561055 51.821608704992485)</t>
  </si>
  <si>
    <t>POINT (4.737696458489408 51.827587695910026)</t>
  </si>
  <si>
    <t>3363WH</t>
  </si>
  <si>
    <t>Spoelmaker</t>
  </si>
  <si>
    <t>POINT (4.737403405891995 51.83067470195032)</t>
  </si>
  <si>
    <t>POINT (4.742329328978188 51.823803599419016)</t>
  </si>
  <si>
    <t>POINT (4.790906552383835 51.81977557792535)</t>
  </si>
  <si>
    <t>POINT (4.763403894613308 51.825743703328236)</t>
  </si>
  <si>
    <t>POINT (4.785249921373817 51.82014885262201)</t>
  </si>
  <si>
    <t>POINT (4.769752803499802 51.81778632775537)</t>
  </si>
  <si>
    <t>POINT (4.802321536132046 51.82157401045758)</t>
  </si>
  <si>
    <t>POINT (4.797705976730008 51.823429800530036)</t>
  </si>
  <si>
    <t>POINT (4.737880032054785 51.82689249911671)</t>
  </si>
  <si>
    <t>POINT (4.774420777568709 51.82712925635963)</t>
  </si>
  <si>
    <t>POINT (4.76775813897572 51.817354162276416)</t>
  </si>
  <si>
    <t>POINT (4.782397324326569 51.81715896775569)</t>
  </si>
  <si>
    <t>POINT (4.7711396849379675 51.81915071299168)</t>
  </si>
  <si>
    <t>POINT (4.751772518956688 51.828142930788594)</t>
  </si>
  <si>
    <t>POINT (4.760493042973443 51.82829470968951)</t>
  </si>
  <si>
    <t>POINT (4.738087764775577 51.82630120905837)</t>
  </si>
  <si>
    <t>POINT (4.762610312333983 51.82480916439083)</t>
  </si>
  <si>
    <t>POINT (4.75149101432578 51.82868287947371)</t>
  </si>
  <si>
    <t>POINT (4.7383772433452815 51.82845499603697)</t>
  </si>
  <si>
    <t>POINT (4.766961925801083 51.825416856851675)</t>
  </si>
  <si>
    <t>POINT (4.757374687445477 51.82717143438634)</t>
  </si>
  <si>
    <t>POINT (4.78683286329833 51.82087083290348)</t>
  </si>
  <si>
    <t>POINT (4.760075895556458 51.82561055664725)</t>
  </si>
  <si>
    <t>POINT (4.7657572347193895 51.82205073966235)</t>
  </si>
  <si>
    <t>POINT (4.769152640942616 51.817131226267456)</t>
  </si>
  <si>
    <t>POINT (4.7873347170887675 51.82145927415462)</t>
  </si>
  <si>
    <t>POINT (4.763270747604729 51.824369719143846)</t>
  </si>
  <si>
    <t>POINT (4.768915119023133 51.82924640966198)</t>
  </si>
  <si>
    <t>3362NA</t>
  </si>
  <si>
    <t>POINT (4.7898310437904 51.82178103272065)</t>
  </si>
  <si>
    <t>POINT (4.777196865654508 51.8172692197101)</t>
  </si>
  <si>
    <t>POINT (4.759596873659421 51.827019384764725)</t>
  </si>
  <si>
    <t>POINT (4.763905716297113 51.82473245639769)</t>
  </si>
  <si>
    <t>POINT (4.782473591233361 51.819322822482405)</t>
  </si>
  <si>
    <t>POINT (4.777540610598867 51.82287664589415)</t>
  </si>
  <si>
    <t>POINT (4.78175675775819 51.82463955629789)</t>
  </si>
  <si>
    <t>POINT (4.774279716059309 51.81695730841288)</t>
  </si>
  <si>
    <t>POINT (4.786378745242731 51.817441883498695)</t>
  </si>
  <si>
    <t>POINT (4.742598923220149 51.82480182664164)</t>
  </si>
  <si>
    <t>POINT (4.76618051580357 51.822488558025206)</t>
  </si>
  <si>
    <t>POINT (4.77197778437841 51.83006814705707)</t>
  </si>
  <si>
    <t>POINT (4.776843900484646 51.8171267132787)</t>
  </si>
  <si>
    <t>POINT (4.8031258798486505 51.82058406028861)</t>
  </si>
  <si>
    <t>POINT (4.787932978227052 51.81862661422879)</t>
  </si>
  <si>
    <t>POINT (4.7353250703716725 51.82982249288269)</t>
  </si>
  <si>
    <t>POINT (4.789308485401548 51.817436260912935)</t>
  </si>
  <si>
    <t>POINT (4.776247367620695 51.81701017354259)</t>
  </si>
  <si>
    <t>POINT (4.786996208878826 51.82023707483762)</t>
  </si>
  <si>
    <t>POINT (4.761988361408428 51.82579873279604)</t>
  </si>
  <si>
    <t>POINT (4.783234127867429 51.81687986691948)</t>
  </si>
  <si>
    <t>POINT (4.73742663514378 51.82961507432819)</t>
  </si>
  <si>
    <t>POINT (4.789342307506333 51.81921662083559)</t>
  </si>
  <si>
    <t>POINT (4.788532644916156 51.818838658905186)</t>
  </si>
  <si>
    <t>POINT (4.775671265310755 51.82390878794714)</t>
  </si>
  <si>
    <t>POINT (4.749958731165887 51.82377272980163)</t>
  </si>
  <si>
    <t>POINT (4.792642062262372 51.82386959766744)</t>
  </si>
  <si>
    <t>POINT (4.797211161334664 51.81992015510506)</t>
  </si>
  <si>
    <t>POINT (4.776119184133174 51.819522714925945)</t>
  </si>
  <si>
    <t>POINT (4.778757881990637 51.824498668143455)</t>
  </si>
  <si>
    <t>POINT (4.772511780824521 51.81707435204433)</t>
  </si>
  <si>
    <t>POINT (4.783200395497014 51.81904036855319)</t>
  </si>
  <si>
    <t>POINT (4.767528585822751 51.82605606172796)</t>
  </si>
  <si>
    <t>POINT (4.796873105562507 51.82357239804307)</t>
  </si>
  <si>
    <t>POINT (4.792270979286515 51.819388532648716)</t>
  </si>
  <si>
    <t>POINT (4.7608048578417606 51.8277578677786)</t>
  </si>
  <si>
    <t>POINT (4.784610166895486 51.81993002374119)</t>
  </si>
  <si>
    <t>POINT (4.751231878735239 51.82797650041189)</t>
  </si>
  <si>
    <t>POINT (4.740856548926935 51.82733700882697)</t>
  </si>
  <si>
    <t>POINT (4.777506625992327 51.820949587184735)</t>
  </si>
  <si>
    <t>POINT (4.776986154570327 51.82170345141697)</t>
  </si>
  <si>
    <t>POINT (4.763442440981879 51.82831446401573)</t>
  </si>
  <si>
    <t>POINT (4.770332372226976 51.827165279450654)</t>
  </si>
  <si>
    <t>POINT (4.7524254598422475 51.82400326037694)</t>
  </si>
  <si>
    <t>POINT (4.766810399767226 51.819595225962345)</t>
  </si>
  <si>
    <t>POINT (4.771407101091905 51.817496957440625)</t>
  </si>
  <si>
    <t>POINT (4.780214136925941 51.819530121192436)</t>
  </si>
  <si>
    <t>POINT (4.788647056280984 51.81977980704304)</t>
  </si>
  <si>
    <t>POINT (4.738920845719791 51.82926781860878)</t>
  </si>
  <si>
    <t>POINT (4.773843614022183 51.82419452672819)</t>
  </si>
  <si>
    <t>POINT (4.737381247317345 51.82796877603327)</t>
  </si>
  <si>
    <t>POINT (4.778155015212493 51.82574606845003)</t>
  </si>
  <si>
    <t>POINT (4.780545769717454 51.820333077914746)</t>
  </si>
  <si>
    <t>POINT (4.802757811199207 51.82079274032141)</t>
  </si>
  <si>
    <t>POINT (4.767097257818711 51.82153750437563)</t>
  </si>
  <si>
    <t>POINT (4.79111922459864 51.82228411041335)</t>
  </si>
  <si>
    <t>POINT (4.774781866922853 51.81773285843578)</t>
  </si>
  <si>
    <t>POINT (4.74900630814995 51.82844405297144)</t>
  </si>
  <si>
    <t>POINT (4.778531659023033 51.820841830888014)</t>
  </si>
  <si>
    <t>POINT (4.743026778769574 51.82400445939522)</t>
  </si>
  <si>
    <t>POINT (4.763308515061932 51.825424281320885)</t>
  </si>
  <si>
    <t>POINT (4.7379366507975025 51.82353228667911)</t>
  </si>
  <si>
    <t>POINT (4.780734005101427 51.82638309368239)</t>
  </si>
  <si>
    <t>POINT (4.786363896550949 51.81642313167137)</t>
  </si>
  <si>
    <t>POINT (4.759704431897753 51.82760853256734)</t>
  </si>
  <si>
    <t>POINT (4.767961566691775 51.82682866828668)</t>
  </si>
  <si>
    <t>POINT (4.799843896807339 51.8208809341671)</t>
  </si>
  <si>
    <t>POINT (4.786271365016777 51.818000962717576)</t>
  </si>
  <si>
    <t>POINT (4.76661064939239 51.830701185630545)</t>
  </si>
  <si>
    <t>POINT (4.770333918802002 51.817418064773165)</t>
  </si>
  <si>
    <t>POINT (4.760230229055229 51.8259136673747)</t>
  </si>
  <si>
    <t>POINT (4.783796312112591 51.821535876666225)</t>
  </si>
  <si>
    <t>POINT (4.738669761580042 51.82435807814971)</t>
  </si>
  <si>
    <t>POINT (4.802509464444586 51.82247254471334)</t>
  </si>
  <si>
    <t>POINT (4.760150987466685 51.82685479881118)</t>
  </si>
  <si>
    <t>POINT (4.7889770867688926 51.8216439222522)</t>
  </si>
  <si>
    <t>POINT (4.778102873698615 51.82028626938797)</t>
  </si>
  <si>
    <t>POINT (4.779046984043558 51.826261289173814)</t>
  </si>
  <si>
    <t>POINT (4.782762985849318 51.825916805084205)</t>
  </si>
  <si>
    <t>POINT (4.743371431539186 51.827436464008535)</t>
  </si>
  <si>
    <t>POINT (4.79436334554875 51.82280497893743)</t>
  </si>
  <si>
    <t>POINT (4.773111794092321 51.82428103559979)</t>
  </si>
  <si>
    <t>POINT (4.778162137005321 51.82138561084521)</t>
  </si>
  <si>
    <t>POINT (4.784983402663723 51.82017633879307)</t>
  </si>
  <si>
    <t>POINT (4.774271014965609 51.8176079469048)</t>
  </si>
  <si>
    <t>POINT (4.776622091557626 51.819839932661196)</t>
  </si>
  <si>
    <t>POINT (4.742480660390758 51.82487569264834)</t>
  </si>
  <si>
    <t>POINT (4.783945017686409 51.82033037390357)</t>
  </si>
  <si>
    <t>POINT (4.777231519597251 51.82343314099617)</t>
  </si>
  <si>
    <t>POINT (4.794774510035239 51.82253308332187)</t>
  </si>
  <si>
    <t>POINT (4.775338177971277 51.81756479700665)</t>
  </si>
  <si>
    <t>POINT (4.77682282172989 51.82050451396458)</t>
  </si>
  <si>
    <t>POINT (4.774999861225132 51.82218568246017)</t>
  </si>
  <si>
    <t>POINT (4.780325720401702 51.822219901697984)</t>
  </si>
  <si>
    <t>POINT (4.741445433592793 51.83084654111927)</t>
  </si>
  <si>
    <t>POINT (4.7795103628610365 51.8207166576055)</t>
  </si>
  <si>
    <t>POINT (4.753543360586516 51.82701841263015)</t>
  </si>
  <si>
    <t>POINT (4.78821179735013 51.82077253198778)</t>
  </si>
  <si>
    <t>POINT (4.805042515650212 51.820435023919785)</t>
  </si>
  <si>
    <t>POINT (4.779500104500763 51.822316751567946)</t>
  </si>
  <si>
    <t>POINT (4.752748146089152 51.82386325484206)</t>
  </si>
  <si>
    <t>POINT (4.782557808375266 51.81881836778141)</t>
  </si>
  <si>
    <t>POINT (4.776370686016324 51.820046979930744)</t>
  </si>
  <si>
    <t>POINT (4.768325738858836 51.820781360390676)</t>
  </si>
  <si>
    <t>POINT (4.743408658010319 51.82670309047985)</t>
  </si>
  <si>
    <t>POINT (4.767751061065859 51.82184415079281)</t>
  </si>
  <si>
    <t>POINT (4.796762848667583 51.82668521249168)</t>
  </si>
  <si>
    <t>POINT (4.766625989698977 51.82259194587572)</t>
  </si>
  <si>
    <t>POINT (4.765873336299018 51.82225345375781)</t>
  </si>
  <si>
    <t>POINT (4.783468840563537 51.81794810907882)</t>
  </si>
  <si>
    <t>POINT (4.774298791839545 51.819351877907856)</t>
  </si>
  <si>
    <t>POINT (4.791094488935361 51.818133061536834)</t>
  </si>
  <si>
    <t>POINT (4.789605408465498 51.82337400740562)</t>
  </si>
  <si>
    <t>POINT (4.750987519457543 51.82943007000457)</t>
  </si>
  <si>
    <t>POINT (4.769612833438973 51.82318629488544)</t>
  </si>
  <si>
    <t>POINT (4.786781671716776 51.81926943587451)</t>
  </si>
  <si>
    <t>POINT (4.791761696633094 51.8193264457333)</t>
  </si>
  <si>
    <t>POINT (4.796141431147288 51.82116319550571)</t>
  </si>
  <si>
    <t>POINT (4.753500544005627 51.824079719882505)</t>
  </si>
  <si>
    <t>POINT (4.759631077249773 51.824677680352586)</t>
  </si>
  <si>
    <t>POINT (4.778389327202769 51.82133906012176)</t>
  </si>
  <si>
    <t>POINT (4.802195189494092 51.821083144494594)</t>
  </si>
  <si>
    <t>POINT (4.769891606431349 51.82756151601798)</t>
  </si>
  <si>
    <t>POINT (4.7909774140427235 51.820405407728224)</t>
  </si>
  <si>
    <t>POINT (4.779393891022772 51.82418583494072)</t>
  </si>
  <si>
    <t>POINT (4.778699125107644 51.82504731395998)</t>
  </si>
  <si>
    <t>POINT (4.770802992496571 51.81991863809406)</t>
  </si>
  <si>
    <t>POINT (4.780823149632368 51.82363880275834)</t>
  </si>
  <si>
    <t>POINT (4.784298796795672 51.816207871448306)</t>
  </si>
  <si>
    <t>POINT (4.765295187532206 51.82487105978506)</t>
  </si>
  <si>
    <t>POINT (4.763159750684534 51.824141358229454)</t>
  </si>
  <si>
    <t>POINT (4.765097134766788 51.82356100222836)</t>
  </si>
  <si>
    <t>POINT (4.765749256783899 51.822690406341685)</t>
  </si>
  <si>
    <t>POINT (4.774139112309104 51.816930327369306)</t>
  </si>
  <si>
    <t>POINT (4.789778828653902 51.82082878716881)</t>
  </si>
  <si>
    <t>POINT (4.7833647763885345 51.81899312545924)</t>
  </si>
  <si>
    <t>POINT (4.785072435645361 51.820167177795405)</t>
  </si>
  <si>
    <t>POINT (4.7501884720188245 51.823589710560086)</t>
  </si>
  <si>
    <t>POINT (4.762217028024604 51.823838820106495)</t>
  </si>
  <si>
    <t>POINT (4.760435362892086 51.824337265277386)</t>
  </si>
  <si>
    <t>POINT (4.739433435065776 51.82867080297334)</t>
  </si>
  <si>
    <t>POINT (4.802877529561788 51.820161709909605)</t>
  </si>
  <si>
    <t>POINT (4.7758402597469845 51.81741685457758)</t>
  </si>
  <si>
    <t>POINT (4.775919969096765 51.82146420044857)</t>
  </si>
  <si>
    <t>POINT (4.779224398098658 51.821099258764846)</t>
  </si>
  <si>
    <t>POINT (4.787111091799555 51.8234722008171)</t>
  </si>
  <si>
    <t>POINT (4.74107606202983 51.8288527068253)</t>
  </si>
  <si>
    <t>POINT (4.8018858584802295 51.82185012463417)</t>
  </si>
  <si>
    <t>POINT (4.7737306883595405 51.81696342851405)</t>
  </si>
  <si>
    <t>POINT (4.768437513690958 51.82113081481411)</t>
  </si>
  <si>
    <t>POINT (4.785269551315345 51.82052098152857)</t>
  </si>
  <si>
    <t>POINT (4.740128116556063 51.827654338147504)</t>
  </si>
  <si>
    <t>POINT (4.799700561186413 51.821907250388755)</t>
  </si>
  <si>
    <t>POINT (4.76671156011815 51.827039051791466)</t>
  </si>
  <si>
    <t>POINT (4.7529017302557515 51.82827667604216)</t>
  </si>
  <si>
    <t>POINT (4.77348006801797 51.82313206363431)</t>
  </si>
  <si>
    <t>POINT (4.776917742525154 51.81964282259538)</t>
  </si>
  <si>
    <t>POINT (4.7700511277508975 51.821216441409696)</t>
  </si>
  <si>
    <t>POINT (4.759732987357981 51.827276736643555)</t>
  </si>
  <si>
    <t>POINT (4.786398277809924 51.81775011199763)</t>
  </si>
  <si>
    <t>POINT (4.757764368586013 51.827397250603134)</t>
  </si>
  <si>
    <t>POINT (4.740797881733533 51.82853468665432)</t>
  </si>
  <si>
    <t>POINT (4.789933306875522 51.82122237401019)</t>
  </si>
  <si>
    <t>POINT (4.786838741489966 51.817706883684394)</t>
  </si>
  <si>
    <t>POINT (4.793808334250487 51.822808736086316)</t>
  </si>
  <si>
    <t>POINT (4.767699373362598 51.82603125586216)</t>
  </si>
  <si>
    <t>POINT (4.7382981895990595 51.82678395503366)</t>
  </si>
  <si>
    <t>POINT (4.782465572877687 51.82157468996162)</t>
  </si>
  <si>
    <t>POINT (4.749060252999724 51.829306082826626)</t>
  </si>
  <si>
    <t>POINT (4.794474867343527 51.823667006496)</t>
  </si>
  <si>
    <t>POINT (4.7694727269756685 51.82632868571149)</t>
  </si>
  <si>
    <t>POINT (4.772154110647955 51.81858543764242)</t>
  </si>
  <si>
    <t>POINT (4.787010787393126 51.82085241741735)</t>
  </si>
  <si>
    <t>POINT (4.770189015555323 51.82137799913868)</t>
  </si>
  <si>
    <t>POINT (4.757597167275165 51.826956901736395)</t>
  </si>
  <si>
    <t>POINT (4.786936844322838 51.81976100588684)</t>
  </si>
  <si>
    <t>POINT (4.762909373428884 51.82478109301276)</t>
  </si>
  <si>
    <t>POINT (4.753938905396348 51.82723843069837)</t>
  </si>
  <si>
    <t>POINT (4.755993610564524 51.82450357228298)</t>
  </si>
  <si>
    <t>POINT (4.77087010008513 51.82482289318609)</t>
  </si>
  <si>
    <t>POINT (4.783499190939181 51.81802107270348)</t>
  </si>
  <si>
    <t>POINT (4.766078606371726 51.824073605743195)</t>
  </si>
  <si>
    <t>POINT (4.759111067046349 51.82850691452545)</t>
  </si>
  <si>
    <t>POINT (4.776451311842244 51.817243500102435)</t>
  </si>
  <si>
    <t>POINT (4.763199965834517 51.831648811519386)</t>
  </si>
  <si>
    <t>POINT (4.76953179734267 51.82110075002448)</t>
  </si>
  <si>
    <t>POINT (4.767549363381135 51.827572904959574)</t>
  </si>
  <si>
    <t>POINT (4.80308805675987 51.82171202675812)</t>
  </si>
  <si>
    <t>POINT (4.769659372299699 51.825315935418814)</t>
  </si>
  <si>
    <t>POINT (4.741409130991137 51.82389301043272)</t>
  </si>
  <si>
    <t>POINT (4.749264787861814 51.829071513606166)</t>
  </si>
  <si>
    <t>POINT (4.7536589237978175 51.828652623203084)</t>
  </si>
  <si>
    <t>POINT (4.793809174083257 51.82327380887081)</t>
  </si>
  <si>
    <t>POINT (4.78392564334396 51.82091102635881)</t>
  </si>
  <si>
    <t>POINT (4.748207559488892 51.82393201546432)</t>
  </si>
  <si>
    <t>POINT (4.735353742722374 51.83058230597402)</t>
  </si>
  <si>
    <t>POINT (4.7985649296301665 51.819967850203696)</t>
  </si>
  <si>
    <t>POINT (4.748749918833623 51.82946151599737)</t>
  </si>
  <si>
    <t>POINT (4.77651784493 51.820715058146476)</t>
  </si>
  <si>
    <t>POINT (4.787725453192997 51.82099161740627)</t>
  </si>
  <si>
    <t>POINT (4.740208295119818 51.82351435896364)</t>
  </si>
  <si>
    <t>POINT (4.785003661261539 51.816216973251564)</t>
  </si>
  <si>
    <t>POINT (4.746076095068492 51.8298795640919)</t>
  </si>
  <si>
    <t>POINT (4.770465874767813 51.817949894090106)</t>
  </si>
  <si>
    <t>POINT (4.761169172723803 51.82592649890125)</t>
  </si>
  <si>
    <t>POINT (4.745454483266577 51.82860419106213)</t>
  </si>
  <si>
    <t>POINT (4.768074725785895 51.82783113257825)</t>
  </si>
  <si>
    <t>POINT (4.782324599021212 51.82110907427128)</t>
  </si>
  <si>
    <t>POINT (4.795517212419278 51.82314805214649)</t>
  </si>
  <si>
    <t>POINT (4.79258198865883 51.82105641024484)</t>
  </si>
  <si>
    <t>POINT (4.765540933342288 51.82395471666834)</t>
  </si>
  <si>
    <t>POINT (4.7835535006146825 51.81625060135841)</t>
  </si>
  <si>
    <t>POINT (4.761813052608373 51.831208837603285)</t>
  </si>
  <si>
    <t>POINT (4.778510965915518 51.82080603890655)</t>
  </si>
  <si>
    <t>POINT (4.747211679799844 51.8296685962675)</t>
  </si>
  <si>
    <t>POINT (4.774096151407821 51.81720991772949)</t>
  </si>
  <si>
    <t>POINT (4.773530801595811 51.816529043621834)</t>
  </si>
  <si>
    <t>POINT (4.761190522907563 51.825496418889706)</t>
  </si>
  <si>
    <t>POINT (4.799941629024752 51.82286475018637)</t>
  </si>
  <si>
    <t>POINT (4.773899755144491 51.820068610718664)</t>
  </si>
  <si>
    <t>POINT (4.782008031639947 51.82648413900987)</t>
  </si>
  <si>
    <t>POINT (4.789458788529048 51.82149060437481)</t>
  </si>
  <si>
    <t>3361GP</t>
  </si>
  <si>
    <t>Het Plaatje</t>
  </si>
  <si>
    <t>POINT (4.754608371377632 51.82357426249288)</t>
  </si>
  <si>
    <t>POINT (4.751222551896848 51.83231749028053)</t>
  </si>
  <si>
    <t>POINT (4.7400759012498765 51.82756281597926)</t>
  </si>
  <si>
    <t>POINT (4.7963892237402295 51.82235408004279)</t>
  </si>
  <si>
    <t>POINT (4.793858140794775 51.823454726627034)</t>
  </si>
  <si>
    <t>POINT (4.77445085704355 51.82845918349482)</t>
  </si>
  <si>
    <t>POINT (4.78166857608814 51.819661136973785)</t>
  </si>
  <si>
    <t>POINT (4.761520615967044 51.82605466240793)</t>
  </si>
  <si>
    <t>POINT (4.786472486912187 51.81774285155646)</t>
  </si>
  <si>
    <t>POINT (4.77931721157249 51.82419577472144)</t>
  </si>
  <si>
    <t>POINT (4.790237209237197 51.81936894802204)</t>
  </si>
  <si>
    <t>POINT (4.736305148143024 51.827573274743784)</t>
  </si>
  <si>
    <t>POINT (4.771544659404046 51.818235462563806)</t>
  </si>
  <si>
    <t>POINT (4.774264308431095 51.8212159304525)</t>
  </si>
  <si>
    <t>POINT (4.772123925361165 51.817598152577055)</t>
  </si>
  <si>
    <t>POINT (4.758099655802458 51.82855821644653)</t>
  </si>
  <si>
    <t>POINT (4.770007046541164 51.81747926644348)</t>
  </si>
  <si>
    <t>POINT (4.74529289344263 51.82992696835979)</t>
  </si>
  <si>
    <t>POINT (4.774835163643511 51.82175292189612)</t>
  </si>
  <si>
    <t>POINT (4.77368138637207 51.82009589137882)</t>
  </si>
  <si>
    <t>POINT (4.77091072948164 51.82036629621754)</t>
  </si>
  <si>
    <t>POINT (4.778279784382566 51.8246420825328)</t>
  </si>
  <si>
    <t>POINT (4.780333153212661 51.81868356274438)</t>
  </si>
  <si>
    <t>POINT (4.7537598865351836 51.82728034037293)</t>
  </si>
  <si>
    <t>POINT (4.790694809755217 51.8201798866882)</t>
  </si>
  <si>
    <t>POINT (4.774607094730868 51.8236246827517)</t>
  </si>
  <si>
    <t>POINT (4.792346332269169 51.81937165651232)</t>
  </si>
  <si>
    <t>POINT (4.7807694476186215 51.8211831153347)</t>
  </si>
  <si>
    <t>POINT (4.7827039786207175 51.82277898517934)</t>
  </si>
  <si>
    <t>POINT (4.740698467163406 51.83010300053131)</t>
  </si>
  <si>
    <t>POINT (4.740644636274576 51.82358363857208)</t>
  </si>
  <si>
    <t>POINT (4.75058702102382 51.82932417033396)</t>
  </si>
  <si>
    <t>POINT (4.774874161086332 51.82332397004007)</t>
  </si>
  <si>
    <t>POINT (4.801737126375671 51.82265871315916)</t>
  </si>
  <si>
    <t>POINT (4.785067406996424 51.81827424717876)</t>
  </si>
  <si>
    <t>POINT (4.784044944846246 51.8179677898653)</t>
  </si>
  <si>
    <t>POINT (4.770802029605362 51.81896017980742)</t>
  </si>
  <si>
    <t>POINT (4.790195420211549 51.817815150012535)</t>
  </si>
  <si>
    <t>POINT (4.767498958262075 51.82132267735295)</t>
  </si>
  <si>
    <t>POINT (4.738691331274063 51.827324976595875)</t>
  </si>
  <si>
    <t>3362XL</t>
  </si>
  <si>
    <t>POINT (4.776569523644755 51.823763355066106)</t>
  </si>
  <si>
    <t>POINT (4.7994820247219545 51.82250416561405)</t>
  </si>
  <si>
    <t>POINT (4.745070502967744 51.82932576320525)</t>
  </si>
  <si>
    <t>POINT (4.7919970630881865 51.81819741619393)</t>
  </si>
  <si>
    <t>POINT (4.763929271477995 51.822441659687854)</t>
  </si>
  <si>
    <t>POINT (4.769383212219055 51.826900967059224)</t>
  </si>
  <si>
    <t>POINT (4.798452290616831 51.82182908727085)</t>
  </si>
  <si>
    <t>POINT (4.762333489971419 51.82407017726949)</t>
  </si>
  <si>
    <t>POINT (4.751292437072153 51.827920470006774)</t>
  </si>
  <si>
    <t>POINT (4.773388488912379 51.82596910017054)</t>
  </si>
  <si>
    <t>POINT (4.770405423577458 51.8178736228263)</t>
  </si>
  <si>
    <t>POINT (4.774103019998065 51.82386042809384)</t>
  </si>
  <si>
    <t>POINT (4.760237428416527 51.82452020465944)</t>
  </si>
  <si>
    <t>POINT (4.736759943258439 51.828751388406296)</t>
  </si>
  <si>
    <t>POINT (4.79452466054507 51.82311239364013)</t>
  </si>
  <si>
    <t>POINT (4.7660225163990155 51.82658570859971)</t>
  </si>
  <si>
    <t>POINT (4.769838495784063 51.82094818236386)</t>
  </si>
  <si>
    <t>POINT (4.798959168476785 51.822567342756905)</t>
  </si>
  <si>
    <t>POINT (4.737986678833471 51.827511100544584)</t>
  </si>
  <si>
    <t>POINT (4.779075045943747 51.823848271329105)</t>
  </si>
  <si>
    <t>POINT (4.740651309144515 51.83062638065735)</t>
  </si>
  <si>
    <t>POINT (4.783280847931698 51.820808296790226)</t>
  </si>
  <si>
    <t>POINT (4.774246109995201 51.81892761115903)</t>
  </si>
  <si>
    <t>POINT (4.7539043468673015 51.82684849885747)</t>
  </si>
  <si>
    <t>POINT (4.757582489026914 51.82466401302908)</t>
  </si>
  <si>
    <t>POINT (4.737707576324788 51.82539696449267)</t>
  </si>
  <si>
    <t>POINT (4.7683836852002806 51.820955595112544)</t>
  </si>
  <si>
    <t>POINT (4.78955652693209 51.819971673518495)</t>
  </si>
  <si>
    <t>POINT (4.769630900885744 51.827256150898975)</t>
  </si>
  <si>
    <t>POINT (4.787110633603449 51.81769946535211)</t>
  </si>
  <si>
    <t>POINT (4.736832627318088 51.82924969687145)</t>
  </si>
  <si>
    <t>POINT (4.779963384418057 51.823361554701776)</t>
  </si>
  <si>
    <t>POINT (4.778017558320899 51.82095394794318)</t>
  </si>
  <si>
    <t>POINT (4.753852444953623 51.82656759493652)</t>
  </si>
  <si>
    <t>POINT (4.792756511848391 51.82336349171309)</t>
  </si>
  <si>
    <t>POINT (4.768229127008872 51.821299852069274)</t>
  </si>
  <si>
    <t>POINT (4.760694369506574 51.82460264292681)</t>
  </si>
  <si>
    <t>POINT (4.773475445441247 51.82235299894306)</t>
  </si>
  <si>
    <t>POINT (4.787825867795747 51.823889866527445)</t>
  </si>
  <si>
    <t>POINT (4.778370383368748 51.823300000424524)</t>
  </si>
  <si>
    <t>POINT (4.764126804461272 51.83002970458765)</t>
  </si>
  <si>
    <t>POINT (4.744012733870616 51.82448086910438)</t>
  </si>
  <si>
    <t>POINT (4.77442317639991 51.818716045552826)</t>
  </si>
  <si>
    <t>POINT (4.7924264749613945 51.82047576952727)</t>
  </si>
  <si>
    <t>POINT (4.779628067830962 51.82557823628525)</t>
  </si>
  <si>
    <t>POINT (4.7948399359073095 51.82412178329562)</t>
  </si>
  <si>
    <t>POINT (4.752065106445143 51.8270734334162)</t>
  </si>
  <si>
    <t>POINT (4.78027989755474 51.81850243708021)</t>
  </si>
  <si>
    <t>POINT (4.756781044254428 51.82625123156514)</t>
  </si>
  <si>
    <t>POINT (4.766106638140969 51.82223410464982)</t>
  </si>
  <si>
    <t>POINT (4.779979108692331 51.825878815038024)</t>
  </si>
  <si>
    <t>POINT (4.751766804909667 51.829042028820496)</t>
  </si>
  <si>
    <t>POINT (4.7362737194718365 51.827527582164635)</t>
  </si>
  <si>
    <t>POINT (4.774203663562404 51.816684107535146)</t>
  </si>
  <si>
    <t>POINT (4.746850193296442 51.82357100656725)</t>
  </si>
  <si>
    <t>POINT (4.769595999961398 51.821314171333874)</t>
  </si>
  <si>
    <t>POINT (4.769137374513242 51.8175677218013)</t>
  </si>
  <si>
    <t>POINT (4.765167916813408 51.822289491979085)</t>
  </si>
  <si>
    <t>POINT (4.753095300702383 51.82731432446795)</t>
  </si>
  <si>
    <t>POINT (4.74557999490035 51.828785727753896)</t>
  </si>
  <si>
    <t>POINT (4.787692618107257 51.82162829022036)</t>
  </si>
  <si>
    <t>POINT (4.753290409536899 51.826458585530325)</t>
  </si>
  <si>
    <t>POINT (4.775933996012582 51.81956345764268)</t>
  </si>
  <si>
    <t>POINT (4.732694658696665 51.825394377351586)</t>
  </si>
  <si>
    <t>POINT (4.797892080543277 51.82673573995506)</t>
  </si>
  <si>
    <t>POINT (4.774403608087411 51.8221933573267)</t>
  </si>
  <si>
    <t>POINT (4.793784690873877 51.82318334998379)</t>
  </si>
  <si>
    <t>POINT (4.771009024599702 51.81920234068198)</t>
  </si>
  <si>
    <t>POINT (4.73592817561097 51.830810829636036)</t>
  </si>
  <si>
    <t>POINT (4.789464021720681 51.8241148445901)</t>
  </si>
  <si>
    <t>POINT (4.780465627179389 51.825188024014125)</t>
  </si>
  <si>
    <t>POINT (4.773766322613741 51.81682806684067)</t>
  </si>
  <si>
    <t>POINT (4.7990894821113965 51.82301859252998)</t>
  </si>
  <si>
    <t>POINT (4.777203242693386 51.818042343170625)</t>
  </si>
  <si>
    <t>POINT (4.767427502746296 51.82216176235262)</t>
  </si>
  <si>
    <t>POINT (4.775496093801202 51.821959600102886)</t>
  </si>
  <si>
    <t>POINT (4.768689573060714 51.821935228753844)</t>
  </si>
  <si>
    <t>POINT (4.745773193606098 51.82805430277608)</t>
  </si>
  <si>
    <t>POINT (4.747078378600699 51.830096086113805)</t>
  </si>
  <si>
    <t>POINT (4.799560648629557 51.82292639261767)</t>
  </si>
  <si>
    <t>POINT (4.795455268893434 51.822474586048955)</t>
  </si>
  <si>
    <t>POINT (4.755967394527056 51.82548471608748)</t>
  </si>
  <si>
    <t>POINT (4.7858489856811435 51.81980864966519)</t>
  </si>
  <si>
    <t>POINT (4.786015017711091 51.81757125422005)</t>
  </si>
  <si>
    <t>POINT (4.76911935596275 51.82620179436601)</t>
  </si>
  <si>
    <t>POINT (4.7807187775174205 51.818674949491104)</t>
  </si>
  <si>
    <t>POINT (4.779823429369429 51.8184622338294)</t>
  </si>
  <si>
    <t>POINT (4.739398656511779 51.82736627486242)</t>
  </si>
  <si>
    <t>POINT (4.782256330891856 51.82474765789637)</t>
  </si>
  <si>
    <t>POINT (4.7881135166019675 51.82010238152584)</t>
  </si>
  <si>
    <t>POINT (4.800166868485244 51.822822012683325)</t>
  </si>
  <si>
    <t>POINT (4.771689436747374 51.81819064976049)</t>
  </si>
  <si>
    <t>POINT (4.7537155997121205 51.825487595964525)</t>
  </si>
  <si>
    <t>POINT (4.779212163540711 51.82292037159153)</t>
  </si>
  <si>
    <t>POINT (4.7797632582136815 51.81785806937361)</t>
  </si>
  <si>
    <t>POINT (4.768443717126784 51.820692635826376)</t>
  </si>
  <si>
    <t>POINT (4.787495655512473 51.82206358943822)</t>
  </si>
  <si>
    <t>POINT (4.799176997627043 51.820635353126676)</t>
  </si>
  <si>
    <t>POINT (4.7615291988212505 51.827306818446544)</t>
  </si>
  <si>
    <t>POINT (4.771325967949266 51.819889923391706)</t>
  </si>
  <si>
    <t>POINT (4.793897423151908 51.82103241585626)</t>
  </si>
  <si>
    <t>POINT (4.779970747604891 51.82519339288866)</t>
  </si>
  <si>
    <t>POINT (4.7747647058172396 51.82400284586074)</t>
  </si>
  <si>
    <t>POINT (4.779163881701226 51.8242156452947)</t>
  </si>
  <si>
    <t>POINT (4.779106180640183 51.82262643534431)</t>
  </si>
  <si>
    <t>POINT (4.782841219920251 51.81755198804375)</t>
  </si>
  <si>
    <t>POINT (4.7924886685463095 51.81907081116386)</t>
  </si>
  <si>
    <t>POINT (4.773739551892697 51.82553094443352)</t>
  </si>
  <si>
    <t>POINT (4.7519670310819135 51.82855629033338)</t>
  </si>
  <si>
    <t>POINT (4.736907859465292 51.829267929078945)</t>
  </si>
  <si>
    <t>POINT (4.770614186980149 51.82759272891634)</t>
  </si>
  <si>
    <t>POINT (4.780827466208915 51.82311308316513)</t>
  </si>
  <si>
    <t>POINT (4.784343991320989 51.821482781978126)</t>
  </si>
  <si>
    <t>POINT (4.769764197651582 51.82333962750149)</t>
  </si>
  <si>
    <t>POINT (4.7650541716731425 51.82352095506615)</t>
  </si>
  <si>
    <t>POINT (4.778811581862316 51.820692273999825)</t>
  </si>
  <si>
    <t>POINT (4.761999429710024 51.82594197996238)</t>
  </si>
  <si>
    <t>POINT (4.799889243976516 51.82010562751311)</t>
  </si>
  <si>
    <t>POINT (4.764751142934422 51.82357444854489)</t>
  </si>
  <si>
    <t>POINT (4.776513197786581 51.82353115666112)</t>
  </si>
  <si>
    <t>POINT (4.777729106492296 51.8223025354229)</t>
  </si>
  <si>
    <t>POINT (4.7665656759060635 51.822600525677785)</t>
  </si>
  <si>
    <t>POINT (4.774250476454995 51.818158480545904)</t>
  </si>
  <si>
    <t>POINT (4.774574990911884 51.82886800264555)</t>
  </si>
  <si>
    <t>POINT (4.787413309063109 51.81983678845398)</t>
  </si>
  <si>
    <t>POINT (4.760925371797481 51.82594407441422)</t>
  </si>
  <si>
    <t>POINT (4.738646546546672 51.82763465623467)</t>
  </si>
  <si>
    <t>POINT (4.754006914943662 51.827116372943635)</t>
  </si>
  <si>
    <t>POINT (4.782022848073507 51.824105928473905)</t>
  </si>
  <si>
    <t>POINT (4.785198942645736 51.82367283198952)</t>
  </si>
  <si>
    <t>POINT (4.762160232223629 51.828018031425295)</t>
  </si>
  <si>
    <t>POINT (4.802911468214696 51.82020655203256)</t>
  </si>
  <si>
    <t>POINT (4.77048771191048 51.82484542357088)</t>
  </si>
  <si>
    <t>POINT (4.768054683828778 51.817663855995455)</t>
  </si>
  <si>
    <t>POINT (4.783359446431625 51.82137246479288)</t>
  </si>
  <si>
    <t>POINT (4.792628366107108 51.82406116457052)</t>
  </si>
  <si>
    <t>POINT (4.7557254939428315 51.82574974699003)</t>
  </si>
  <si>
    <t>POINT (4.783670411411273 51.816953480573936)</t>
  </si>
  <si>
    <t>POINT (4.736074090385599 51.82720955470103)</t>
  </si>
  <si>
    <t>POINT (4.799265070070204 51.82332409462092)</t>
  </si>
  <si>
    <t>POINT (4.766559912609548 51.82135151275256)</t>
  </si>
  <si>
    <t>POINT (4.736682202874904 51.82961046589107)</t>
  </si>
  <si>
    <t>POINT (4.791380205467133 51.819856094020025)</t>
  </si>
  <si>
    <t>POINT (4.784370765764292 51.820196564152454)</t>
  </si>
  <si>
    <t>POINT (4.736583564616556 51.82953131388911)</t>
  </si>
  <si>
    <t>POINT (4.778741845981809 51.82389211667112)</t>
  </si>
  <si>
    <t>POINT (4.801891753000646 51.8210945752828)</t>
  </si>
  <si>
    <t>POINT (4.777418405912601 51.819772613251466)</t>
  </si>
  <si>
    <t>POINT (4.769221297036627 51.825262934263)</t>
  </si>
  <si>
    <t>POINT (4.766954537928782 51.821601387221456)</t>
  </si>
  <si>
    <t>POINT (4.760618310160336 51.82725647748481)</t>
  </si>
  <si>
    <t>POINT (4.780265084177306 51.82307134587799)</t>
  </si>
  <si>
    <t>POINT (4.799608860432871 51.823255974978245)</t>
  </si>
  <si>
    <t>POINT (4.794515083652476 51.82039896581543)</t>
  </si>
  <si>
    <t>POINT (4.778243374546476 51.826334155058866)</t>
  </si>
  <si>
    <t>POINT (4.769372057399391 51.821662810614384)</t>
  </si>
  <si>
    <t>POINT (4.778182433504833 51.8287399006009)</t>
  </si>
  <si>
    <t>POINT (4.777486125646457 51.81796142368884)</t>
  </si>
  <si>
    <t>POINT (4.764550077899622 51.82313500862853)</t>
  </si>
  <si>
    <t>POINT (4.7493792219349995 51.829022158859324)</t>
  </si>
  <si>
    <t>POINT (4.796523821428396 51.82369396401306)</t>
  </si>
  <si>
    <t>POINT (4.773899089228631 51.8243283869187)</t>
  </si>
  <si>
    <t>POINT (4.761775343196362 51.825991931275084)</t>
  </si>
  <si>
    <t>POINT (4.7587657869532025 51.82562638087216)</t>
  </si>
  <si>
    <t>POINT (4.7682457511137555 51.82096592377233)</t>
  </si>
  <si>
    <t>POINT (4.777052529361636 51.81801074689544)</t>
  </si>
  <si>
    <t>POINT (4.774864049650552 51.81740565320597)</t>
  </si>
  <si>
    <t>POINT (4.751428001120248 51.8285940904463)</t>
  </si>
  <si>
    <t>POINT (4.736902377972566 51.825415337377116)</t>
  </si>
  <si>
    <t>POINT (4.7611193761854045 51.82818497552801)</t>
  </si>
  <si>
    <t>POINT (4.737744200713491 51.828703985161376)</t>
  </si>
  <si>
    <t>POINT (4.779141537820599 51.82273654884086)</t>
  </si>
  <si>
    <t>POINT (4.801963928219552 51.81917740438095)</t>
  </si>
  <si>
    <t>POINT (4.776462175873564 51.820113522124885)</t>
  </si>
  <si>
    <t>POINT (4.7815023345306065 51.817914337055065)</t>
  </si>
  <si>
    <t>POINT (4.779232420739508 51.820386146274174)</t>
  </si>
  <si>
    <t>POINT (4.775738492446763 51.81852551604619)</t>
  </si>
  <si>
    <t>POINT (4.773994890887958 51.82626403888379)</t>
  </si>
  <si>
    <t>POINT (4.791042112994037 51.82146845532511)</t>
  </si>
  <si>
    <t>POINT (4.751750703547482 51.82862010699897)</t>
  </si>
  <si>
    <t>POINT (4.774744338839678 51.82395384171034)</t>
  </si>
  <si>
    <t>POINT (4.78119346831801 51.817144048019706)</t>
  </si>
  <si>
    <t>POINT (4.787172533856031 51.820218740822376)</t>
  </si>
  <si>
    <t>POINT (4.771448906267242 51.82241051865786)</t>
  </si>
  <si>
    <t>POINT (4.771997225601173 51.81742373907368)</t>
  </si>
  <si>
    <t>POINT (4.737675371857891 51.826389505985965)</t>
  </si>
  <si>
    <t>POINT (4.770730715708772 51.828883561642755)</t>
  </si>
  <si>
    <t>POINT (4.776660589896431 51.81980318984726)</t>
  </si>
  <si>
    <t>POINT (4.782147554383777 51.819440870084335)</t>
  </si>
  <si>
    <t>POINT (4.7847143929312805 51.817905072309486)</t>
  </si>
  <si>
    <t>POINT (4.7815164749784 51.824946984355336)</t>
  </si>
  <si>
    <t>POINT (4.784284901929873 51.81794088850615)</t>
  </si>
  <si>
    <t>3363WJ</t>
  </si>
  <si>
    <t>Twijndershoek</t>
  </si>
  <si>
    <t>POINT (4.760129572564583 51.82848773104901)</t>
  </si>
  <si>
    <t>POINT (4.7739541690244165 51.8174228347023)</t>
  </si>
  <si>
    <t>POINT (4.749199831663705 51.82905875632243)</t>
  </si>
  <si>
    <t>POINT (4.74350864446753 51.824045484274485)</t>
  </si>
  <si>
    <t>POINT (4.772625752218052 51.818756983591285)</t>
  </si>
  <si>
    <t>POINT (4.735714704058024 51.82621323188123)</t>
  </si>
  <si>
    <t>POINT (4.785997132964941 51.81767255378957)</t>
  </si>
  <si>
    <t>POINT (4.791097428471314 51.82392126782492)</t>
  </si>
  <si>
    <t>POINT (4.802329085881656 51.82080211014433)</t>
  </si>
  <si>
    <t>POINT (4.788263610812673 51.821370446720294)</t>
  </si>
  <si>
    <t>POINT (4.768029801007376 51.82418494625293)</t>
  </si>
  <si>
    <t>POINT (4.765122189455399 51.82319601854059)</t>
  </si>
  <si>
    <t>POINT (4.801259671610863 51.82072459823293)</t>
  </si>
  <si>
    <t>POINT (4.792775375197392 51.81918336231517)</t>
  </si>
  <si>
    <t>POINT (4.781121659092992 51.81753377276138)</t>
  </si>
  <si>
    <t>POINT (4.774415478870734 51.82046662238834)</t>
  </si>
  <si>
    <t>POINT (4.738981694589804 51.82724828968405)</t>
  </si>
  <si>
    <t>POINT (4.765631622738977 51.82394198372173)</t>
  </si>
  <si>
    <t>POINT (4.765270600982589 51.8270522795401)</t>
  </si>
  <si>
    <t>POINT (4.775932007772842 51.81796662500876)</t>
  </si>
  <si>
    <t>POINT (4.752216655580309 51.829125360417486)</t>
  </si>
  <si>
    <t>POINT (4.80059417642505 51.820058636998674)</t>
  </si>
  <si>
    <t>POINT (4.777147188326551 51.82293356686428)</t>
  </si>
  <si>
    <t>POINT (4.752984298673671 51.82634727114816)</t>
  </si>
  <si>
    <t>POINT (4.778329417598954 51.82482284861861)</t>
  </si>
  <si>
    <t>POINT (4.768790576835138 51.82165771697039)</t>
  </si>
  <si>
    <t>POINT (4.770511069055212 51.82640362716483)</t>
  </si>
  <si>
    <t>POINT (4.758276039595134 51.83177168241769)</t>
  </si>
  <si>
    <t>POINT (4.781653515522388 51.8186444507228)</t>
  </si>
  <si>
    <t>POINT (4.774063829332192 51.823766382589596)</t>
  </si>
  <si>
    <t>POINT (4.7571913786830065 51.82733368349114)</t>
  </si>
  <si>
    <t>POINT (4.787976394834085 51.818786473031984)</t>
  </si>
  <si>
    <t>POINT (4.765189043935843 51.82461603045579)</t>
  </si>
  <si>
    <t>POINT (4.770115791856396 51.821402701337995)</t>
  </si>
  <si>
    <t>POINT (4.770096970082809 51.81816772605276)</t>
  </si>
  <si>
    <t>POINT (4.739923467345495 51.8294070029591)</t>
  </si>
  <si>
    <t>POINT (4.788489121559396 51.82207198690462)</t>
  </si>
  <si>
    <t>POINT (4.740858972514321 51.830921613218095)</t>
  </si>
  <si>
    <t>POINT (4.773385492715678 51.8200858770696)</t>
  </si>
  <si>
    <t>POINT (4.738000055460997 51.824236085892245)</t>
  </si>
  <si>
    <t>POINT (4.799658772051293 51.822220023068006)</t>
  </si>
  <si>
    <t>POINT (4.757664463720521 51.82844289676699)</t>
  </si>
  <si>
    <t>POINT (4.764868962324915 51.823802934003595)</t>
  </si>
  <si>
    <t>POINT (4.780940127828185 51.81843591814391)</t>
  </si>
  <si>
    <t>POINT (4.784313865184338 51.81998297292693)</t>
  </si>
  <si>
    <t>POINT (4.773796289226455 51.82263044585447)</t>
  </si>
  <si>
    <t>POINT (4.793192140915063 51.82354771559463)</t>
  </si>
  <si>
    <t>POINT (4.743026733421779 51.82427151058472)</t>
  </si>
  <si>
    <t>POINT (4.78512399574878 51.81669776066199)</t>
  </si>
  <si>
    <t>POINT (4.741166811099813 51.828148859514336)</t>
  </si>
  <si>
    <t>POINT (4.7391643978894775 51.82790951142486)</t>
  </si>
  <si>
    <t>POINT (4.776865100519157 51.821474062592834)</t>
  </si>
  <si>
    <t>POINT (4.786166291427367 51.82089969046563)</t>
  </si>
  <si>
    <t>POINT (4.768819865283169 51.82188371853675)</t>
  </si>
  <si>
    <t>POINT (4.7740875663634315 51.82163747081618)</t>
  </si>
  <si>
    <t>POINT (4.779691436888843 51.826200807398344)</t>
  </si>
  <si>
    <t>POINT (4.737803909054162 51.826754120883194)</t>
  </si>
  <si>
    <t>3363LP</t>
  </si>
  <si>
    <t>Intermezzo</t>
  </si>
  <si>
    <t>POINT (4.742933778559484 51.829822423542375)</t>
  </si>
  <si>
    <t>POINT (4.7389473466645855 51.831089397098836)</t>
  </si>
  <si>
    <t>POINT (4.8012933859664555 51.82177975444321)</t>
  </si>
  <si>
    <t>POINT (4.734490098740061 51.82914150551623)</t>
  </si>
  <si>
    <t>POINT (4.783577840487135 51.82060677254743)</t>
  </si>
  <si>
    <t>POINT (4.780433811190722 51.82508386173269)</t>
  </si>
  <si>
    <t>POINT (4.7960269629945955 51.82256986927933)</t>
  </si>
  <si>
    <t>POINT (4.779912524239525 51.82500262374531)</t>
  </si>
  <si>
    <t>POINT (4.761683532321194 51.82541617237268)</t>
  </si>
  <si>
    <t>POINT (4.737905685257993 51.83023090052952)</t>
  </si>
  <si>
    <t>POINT (4.790824052677777 51.819389728695285)</t>
  </si>
  <si>
    <t>POINT (4.757589179902812 51.82842163947041)</t>
  </si>
  <si>
    <t>POINT (4.780317154966836 51.823373181905275)</t>
  </si>
  <si>
    <t>POINT (4.78739879240486 51.81978323224004)</t>
  </si>
  <si>
    <t>POINT (4.781684103569489 51.826020186141996)</t>
  </si>
  <si>
    <t>POINT (4.803862314899602 51.81912294606098)</t>
  </si>
  <si>
    <t>POINT (4.773674528540115 51.82170803019739)</t>
  </si>
  <si>
    <t>POINT (4.778121440131009 51.82390364027714)</t>
  </si>
  <si>
    <t>POINT (4.7914803026422135 51.82321302471605)</t>
  </si>
  <si>
    <t>POINT (4.781116799684215 51.819847768275615)</t>
  </si>
  <si>
    <t>POINT (4.785969640047513 51.81739592423548)</t>
  </si>
  <si>
    <t>POINT (4.7947982704691405 51.820129210268206)</t>
  </si>
  <si>
    <t>POINT (4.801278820310595 51.82162822441724)</t>
  </si>
  <si>
    <t>POINT (4.765650261915743 51.82554609575968)</t>
  </si>
  <si>
    <t>POINT (4.764948412712625 51.82330143242659)</t>
  </si>
  <si>
    <t>POINT (4.775724827760849 51.822207043145255)</t>
  </si>
  <si>
    <t>POINT (4.765029817572075 51.822679224374895)</t>
  </si>
  <si>
    <t>POINT (4.77214771339202 51.81829956699015)</t>
  </si>
  <si>
    <t>POINT (4.775230076193616 51.82895717061769)</t>
  </si>
  <si>
    <t>POINT (4.792024489258958 51.82070096293392)</t>
  </si>
  <si>
    <t>POINT (4.774401352103563 51.81756880805285)</t>
  </si>
  <si>
    <t>POINT (4.76504515422924 51.82433185770116)</t>
  </si>
  <si>
    <t>POINT (4.779038203996513 51.825969168904386)</t>
  </si>
  <si>
    <t>POINT (4.772785762974109 51.82861856639262)</t>
  </si>
  <si>
    <t>POINT (4.738837673066903 51.82853699933816)</t>
  </si>
  <si>
    <t>POINT (4.75704375088695 51.82762070572561)</t>
  </si>
  <si>
    <t>POINT (4.772736036026083 51.81682699182501)</t>
  </si>
  <si>
    <t>POINT (4.773162296231948 51.825397322060724)</t>
  </si>
  <si>
    <t>POINT (4.738394705530891 51.83001711391784)</t>
  </si>
  <si>
    <t>POINT (4.793915448887976 51.82255013710614)</t>
  </si>
  <si>
    <t>POINT (4.766804935253152 51.826167742566774)</t>
  </si>
  <si>
    <t>POINT (4.780821143960005 51.82548064153379)</t>
  </si>
  <si>
    <t>POINT (4.793698511405155 51.81907576664504)</t>
  </si>
  <si>
    <t>POINT (4.772260196964965 51.81760255197171)</t>
  </si>
  <si>
    <t>POINT (4.7387099514216455 51.82881341243486)</t>
  </si>
  <si>
    <t>POINT (4.779240546593043 51.824205714527125)</t>
  </si>
  <si>
    <t>POINT (4.753129468946113 51.82625709084365)</t>
  </si>
  <si>
    <t>POINT (4.743386062074509 51.82701347777782)</t>
  </si>
  <si>
    <t>POINT (4.772856621870705 51.817247929555116)</t>
  </si>
  <si>
    <t>POINT (4.7980814966178045 51.820989761988564)</t>
  </si>
  <si>
    <t>POINT (4.779439795117677 51.81785001294301)</t>
  </si>
  <si>
    <t>POINT (4.764103091596506 51.82532342532998)</t>
  </si>
  <si>
    <t>POINT (4.7915854776887015 51.81878830452406)</t>
  </si>
  <si>
    <t>POINT (4.77411333463515 51.817929993426475)</t>
  </si>
  <si>
    <t>POINT (4.801604093775592 51.821376460041)</t>
  </si>
  <si>
    <t>POINT (4.737976549138926 51.82389420898746)</t>
  </si>
  <si>
    <t>POINT (4.770755551353091 51.820152901204345)</t>
  </si>
  <si>
    <t>POINT (4.800926944309955 51.822910214154334)</t>
  </si>
  <si>
    <t>POINT (4.764145528722104 51.81980861108906)</t>
  </si>
  <si>
    <t>POINT (4.754210405132942 51.82881271888145)</t>
  </si>
  <si>
    <t>POINT (4.765620710757531 51.8244387251706)</t>
  </si>
  <si>
    <t>POINT (4.778077650009922 51.82605232128941)</t>
  </si>
  <si>
    <t>POINT (4.748568080029835 51.82341587462103)</t>
  </si>
  <si>
    <t>POINT (4.736712036008623 51.82670750057895)</t>
  </si>
  <si>
    <t>POINT (4.7745639629529615 51.82093911844239)</t>
  </si>
  <si>
    <t>POINT (4.749686577787474 51.82950759461121)</t>
  </si>
  <si>
    <t>POINT (4.769422971999305 51.82700589329598)</t>
  </si>
  <si>
    <t>POINT (4.775349529753752 51.818224438715816)</t>
  </si>
  <si>
    <t>POINT (4.784430557795034 51.82147387844816)</t>
  </si>
  <si>
    <t>POINT (4.783330714293308 51.82126517312652)</t>
  </si>
  <si>
    <t>POINT (4.783030845466418 51.82021996609648)</t>
  </si>
  <si>
    <t>POINT (4.7721979724804084 51.81827268481767)</t>
  </si>
  <si>
    <t>POINT (4.78850501442599 51.820056380152366)</t>
  </si>
  <si>
    <t>POINT (4.765142346800084 51.83578593802831)</t>
  </si>
  <si>
    <t>POINT (4.78571274493973 51.819257850580186)</t>
  </si>
  <si>
    <t>POINT (4.740304175718095 51.82926985019576)</t>
  </si>
  <si>
    <t>POINT (4.762541873793649 51.82563395264167)</t>
  </si>
  <si>
    <t>POINT (4.771370342283584 51.826992935421885)</t>
  </si>
  <si>
    <t>POINT (4.754005627885226 51.82699115489976)</t>
  </si>
  <si>
    <t>POINT (4.774918006615191 51.821954248912355)</t>
  </si>
  <si>
    <t>POINT (4.792013578057994 51.820318983156675)</t>
  </si>
  <si>
    <t>POINT (4.796666069840631 51.822391247709696)</t>
  </si>
  <si>
    <t>POINT (4.767585577286872 51.82682758305859)</t>
  </si>
  <si>
    <t>POINT (4.777151413481313 51.823285851287245)</t>
  </si>
  <si>
    <t>POINT (4.769291751433937 51.82366846060896)</t>
  </si>
  <si>
    <t>POINT (4.738994105985522 51.82920938378739)</t>
  </si>
  <si>
    <t>POINT (4.790360333395786 51.81823072166023)</t>
  </si>
  <si>
    <t>POINT (4.802351333587421 51.82107727108811)</t>
  </si>
  <si>
    <t>POINT (4.781197177486294 51.81857279345996)</t>
  </si>
  <si>
    <t>POINT (4.7622712668972 51.82780460436804)</t>
  </si>
  <si>
    <t>POINT (4.73735192043986 51.82767864128849)</t>
  </si>
  <si>
    <t>POINT (4.805286818677681 51.820622028980324)</t>
  </si>
  <si>
    <t>POINT (4.743355110024793 51.82751679549559)</t>
  </si>
  <si>
    <t>POINT (4.757881658537295 51.827942318345194)</t>
  </si>
  <si>
    <t>POINT (4.77481849849204 51.81723562111114)</t>
  </si>
  <si>
    <t>POINT (4.780057448746496 51.82255945112803)</t>
  </si>
  <si>
    <t>POINT (4.795122118963121 51.82432760700196)</t>
  </si>
  <si>
    <t>POINT (4.7669860963178445 51.826559253897805)</t>
  </si>
  <si>
    <t>POINT (4.737983241188841 51.82871645332999)</t>
  </si>
  <si>
    <t>POINT (4.768860809322235 51.825877472895485)</t>
  </si>
  <si>
    <t>POINT (4.7369498607203075 51.830499321699136)</t>
  </si>
  <si>
    <t>POINT (4.776345862312687 51.81709445985528)</t>
  </si>
  <si>
    <t>POINT (4.79392139517188 51.81964083651582)</t>
  </si>
  <si>
    <t>POINT (4.7961146974186155 51.823854507662205)</t>
  </si>
  <si>
    <t>POINT (4.793832962347642 51.82289919570543)</t>
  </si>
  <si>
    <t>POINT (4.775606379023856 51.81906962589283)</t>
  </si>
  <si>
    <t>POINT (4.761240003130569 51.82554755818201)</t>
  </si>
  <si>
    <t>POINT (4.787015108676123 51.82120326361715)</t>
  </si>
  <si>
    <t>POINT (4.773405480068229 51.818149300573175)</t>
  </si>
  <si>
    <t>POINT (4.766676915365364 51.82574127661045)</t>
  </si>
  <si>
    <t>POINT (4.737018940143434 51.828064386035294)</t>
  </si>
  <si>
    <t>POINT (4.8004968420896414 51.82226601195542)</t>
  </si>
  <si>
    <t>POINT (4.7688611357425446 51.82102482468683)</t>
  </si>
  <si>
    <t>POINT (4.771720797526248 51.827291756175455)</t>
  </si>
  <si>
    <t>POINT (4.7606837998554195 51.82716828945398)</t>
  </si>
  <si>
    <t>POINT (4.764854725165421 51.82268045339397)</t>
  </si>
  <si>
    <t>POINT (4.782698322323018 51.82564501717461)</t>
  </si>
  <si>
    <t>POINT (4.749486027112767 51.8295221454257)</t>
  </si>
  <si>
    <t>POINT (4.75812840310433 51.827174307558025)</t>
  </si>
  <si>
    <t>POINT (4.788400279978008 51.81929316519818)</t>
  </si>
  <si>
    <t>POINT (4.802084700528345 51.82157211098876)</t>
  </si>
  <si>
    <t>POINT (4.762067764859592 51.826579095481115)</t>
  </si>
  <si>
    <t>POINT (4.794622405700074 51.824150976791096)</t>
  </si>
  <si>
    <t>POINT (4.777456482314511 51.820850002866045)</t>
  </si>
  <si>
    <t>POINT (4.77072452785359 51.81826396602127)</t>
  </si>
  <si>
    <t>POINT (4.7673462996355 51.827602483912855)</t>
  </si>
  <si>
    <t>POINT (4.774315197673455 51.81890262413111)</t>
  </si>
  <si>
    <t>POINT (4.774701544646986 51.82443441760484)</t>
  </si>
  <si>
    <t>POINT (4.779759868140745 51.817905152008656)</t>
  </si>
  <si>
    <t>POINT (4.790811340195182 51.819342024655285)</t>
  </si>
  <si>
    <t>POINT (4.762572585424439 51.82752091041493)</t>
  </si>
  <si>
    <t>POINT (4.769098023907059 51.817539380276806)</t>
  </si>
  <si>
    <t>POINT (4.779489641706219 51.82534234259702)</t>
  </si>
  <si>
    <t>POINT (4.755285064184138 51.826963209790144)</t>
  </si>
  <si>
    <t>POINT (4.7884753722228615 51.81928509901751)</t>
  </si>
  <si>
    <t>POINT (4.7745080047356865 51.818685387897)</t>
  </si>
  <si>
    <t>POINT (4.7817618967985505 51.817302475162464)</t>
  </si>
  <si>
    <t>POINT (4.786390685676568 51.81975623394821)</t>
  </si>
  <si>
    <t>POINT (4.7822746668002925 51.824462275249374)</t>
  </si>
  <si>
    <t>POINT (4.756883239739665 51.825281461844064)</t>
  </si>
  <si>
    <t>POINT (4.770835560643734 51.817335218790625)</t>
  </si>
  <si>
    <t>POINT (4.765116613097834 51.82268570677457)</t>
  </si>
  <si>
    <t>POINT (4.805823306151391 51.81971315732645)</t>
  </si>
  <si>
    <t>POINT (4.795534584275674 51.823338517566505)</t>
  </si>
  <si>
    <t>POINT (4.771944150805658 51.818124570862096)</t>
  </si>
  <si>
    <t>POINT (4.765526644701847 51.823739184537594)</t>
  </si>
  <si>
    <t>POINT (4.738004414198685 51.8263232196151)</t>
  </si>
  <si>
    <t>POINT (4.747768618650556 51.829177528277796)</t>
  </si>
  <si>
    <t>3363HN</t>
  </si>
  <si>
    <t>POINT (4.759572957322174 51.82591384014851)</t>
  </si>
  <si>
    <t>POINT (4.740513658428645 51.82356305219392)</t>
  </si>
  <si>
    <t>POINT (4.7777787460193455 51.82024027317343)</t>
  </si>
  <si>
    <t>POINT (4.781081255283635 51.82605078195687)</t>
  </si>
  <si>
    <t>POINT (4.762277620616126 51.827859019139396)</t>
  </si>
  <si>
    <t>POINT (4.773615531585035 51.823644581739124)</t>
  </si>
  <si>
    <t>POINT (4.77042825360653 51.81790106811816)</t>
  </si>
  <si>
    <t>POINT (4.757150586444962 51.825820774531536)</t>
  </si>
  <si>
    <t>POINT (4.77695329145743 51.81720970745249)</t>
  </si>
  <si>
    <t>POINT (4.757807278051561 51.82453245706578)</t>
  </si>
  <si>
    <t>POINT (4.78918808158206 51.818635451763)</t>
  </si>
  <si>
    <t>POINT (4.780433294685654 51.819012703070705)</t>
  </si>
  <si>
    <t>POINT (4.761403693273902 51.82468633535511)</t>
  </si>
  <si>
    <t>POINT (4.735748131148361 51.83122860061444)</t>
  </si>
  <si>
    <t>POINT (4.799350541790784 51.8215306747127)</t>
  </si>
  <si>
    <t>POINT (4.758482999155263 51.8281787945737)</t>
  </si>
  <si>
    <t>POINT (4.737203862146831 51.82381254066861)</t>
  </si>
  <si>
    <t>POINT (4.802013226139968 51.822340456666)</t>
  </si>
  <si>
    <t>POINT (4.750798415694718 51.82902446837166)</t>
  </si>
  <si>
    <t>POINT (4.777735249878054 51.82284583712688)</t>
  </si>
  <si>
    <t>POINT (4.741005438825217 51.83059607949878)</t>
  </si>
  <si>
    <t>POINT (4.7910521258610785 51.82106231259301)</t>
  </si>
  <si>
    <t>POINT (4.737236101823241 51.82870845366193)</t>
  </si>
  <si>
    <t>POINT (4.765867017434688 51.82249193252588)</t>
  </si>
  <si>
    <t>POINT (4.737073534401007 51.829368269709924)</t>
  </si>
  <si>
    <t>POINT (4.764182635459613 51.82505733593194)</t>
  </si>
  <si>
    <t>POINT (4.750259402689856 51.829358257616136)</t>
  </si>
  <si>
    <t>POINT (4.768975305288743 51.82457356278787)</t>
  </si>
  <si>
    <t>POINT (4.790808914332958 51.82016123098346)</t>
  </si>
  <si>
    <t>POINT (4.800236789981435 51.822799171860304)</t>
  </si>
  <si>
    <t>POINT (4.774123624909973 51.822964104415476)</t>
  </si>
  <si>
    <t>POINT (4.777621029731482 51.826411462458225)</t>
  </si>
  <si>
    <t>POINT (4.7726373285247705 51.81730143209956)</t>
  </si>
  <si>
    <t>POINT (4.780906013897728 51.823625118741845)</t>
  </si>
  <si>
    <t>POINT (4.768344586045122 51.82207087278885)</t>
  </si>
  <si>
    <t>POINT (4.795847031470786 51.81967850870406)</t>
  </si>
  <si>
    <t>POINT (4.7872755684776855 51.820824917752404)</t>
  </si>
  <si>
    <t>POINT (4.764285278511588 51.81993959757818)</t>
  </si>
  <si>
    <t>POINT (4.777981629904338 51.82392349856042)</t>
  </si>
  <si>
    <t>POINT (4.769869677120005 51.8183811783011)</t>
  </si>
  <si>
    <t>POINT (4.7962639485752465 51.81972833782442)</t>
  </si>
  <si>
    <t>POINT (4.769772134543904 51.81829158827136)</t>
  </si>
  <si>
    <t>POINT (4.805022658425215 51.82011951672564)</t>
  </si>
  <si>
    <t>POINT (4.756000613303238 51.82553648924837)</t>
  </si>
  <si>
    <t>POINT (4.774043039098443 51.82371656712967)</t>
  </si>
  <si>
    <t>POINT (4.792704184660284 51.821447133221724)</t>
  </si>
  <si>
    <t>POINT (4.777361339483424 51.820045479813494)</t>
  </si>
  <si>
    <t>POINT (4.753971087130376 51.82619727575988)</t>
  </si>
  <si>
    <t>POINT (4.79718017821808 51.82072483584183)</t>
  </si>
  <si>
    <t>POINT (4.7752694963924665 51.82276334652067)</t>
  </si>
  <si>
    <t>POINT (4.77426725567418 51.81857779589447)</t>
  </si>
  <si>
    <t>POINT (4.7794447207748565 51.830415171042894)</t>
  </si>
  <si>
    <t>POINT (4.768452494923521 51.82464428970663)</t>
  </si>
  <si>
    <t>POINT (4.78959182489384 51.820219308708154)</t>
  </si>
  <si>
    <t>POINT (4.760675860512114 51.82669589676743)</t>
  </si>
  <si>
    <t>POINT (4.780222390525942 51.81958499422584)</t>
  </si>
  <si>
    <t>POINT (4.795983982446389 51.822805602693876)</t>
  </si>
  <si>
    <t>POINT (4.77468166946953 51.82903493787453)</t>
  </si>
  <si>
    <t>POINT (4.742742899910059 51.82719846634745)</t>
  </si>
  <si>
    <t>POINT (4.763780193197979 51.82505061501055)</t>
  </si>
  <si>
    <t>POINT (4.773185649345162 51.820797536767465)</t>
  </si>
  <si>
    <t>POINT (4.800167582062642 51.82245537270213)</t>
  </si>
  <si>
    <t>POINT (4.773940099584621 51.82442729581217)</t>
  </si>
  <si>
    <t>POINT (4.8051308365064616 51.82000895459536)</t>
  </si>
  <si>
    <t>POINT (4.780894776656923 51.81703067840381)</t>
  </si>
  <si>
    <t>POINT (4.748268014921861 51.824036612333146)</t>
  </si>
  <si>
    <t>POINT (4.787369072337987 51.82082863152469)</t>
  </si>
  <si>
    <t>POINT (4.76592149218763 51.826316505142415)</t>
  </si>
  <si>
    <t>POINT (4.759396204130589 51.82791824917531)</t>
  </si>
  <si>
    <t>POINT (4.786655809264222 51.82088925257196)</t>
  </si>
  <si>
    <t>POINT (4.784276221466138 51.82089970441357)</t>
  </si>
  <si>
    <t>POINT (4.783922209800331 51.82057151011878)</t>
  </si>
  <si>
    <t>POINT (4.7656911373739685 51.82249774280129)</t>
  </si>
  <si>
    <t>POINT (4.741337677264684 51.829876375092205)</t>
  </si>
  <si>
    <t>POINT (4.76274044417229 51.82805356824595)</t>
  </si>
  <si>
    <t>POINT (4.765629407821577 51.82249328117127)</t>
  </si>
  <si>
    <t>POINT (4.792146925709646 51.82169931518214)</t>
  </si>
  <si>
    <t>POINT (4.767606915795683 51.82106520287198)</t>
  </si>
  <si>
    <t>POINT (4.750821755744612 51.82897425878362)</t>
  </si>
  <si>
    <t>POINT (4.771843142696568 51.818405474052646)</t>
  </si>
  <si>
    <t>POINT (4.794768529915397 51.82413580462808)</t>
  </si>
  <si>
    <t>POINT (4.792626080124617 51.823376763371165)</t>
  </si>
  <si>
    <t>POINT (4.769902615748893 51.823072046263555)</t>
  </si>
  <si>
    <t>POINT (4.8030354468671135 51.81952628529515)</t>
  </si>
  <si>
    <t>3362VH</t>
  </si>
  <si>
    <t>POINT (4.780490062443281 51.8219072296555)</t>
  </si>
  <si>
    <t>POINT (4.784645871426676 51.817725488248705)</t>
  </si>
  <si>
    <t>POINT (4.780560935418597 51.822191545188005)</t>
  </si>
  <si>
    <t>POINT (4.772606772994037 51.82080861911896)</t>
  </si>
  <si>
    <t>POINT (4.796003791249065 51.82367300928162)</t>
  </si>
  <si>
    <t>POINT (4.761767516985315 51.82539558659761)</t>
  </si>
  <si>
    <t>POINT (4.768152278883516 51.82080156883399)</t>
  </si>
  <si>
    <t>POINT (4.7390792153903005 51.83140558014776)</t>
  </si>
  <si>
    <t>POINT (4.776093700614682 51.82082475844386)</t>
  </si>
  <si>
    <t>POINT (4.736904242063427 51.8289757344743)</t>
  </si>
  <si>
    <t>POINT (4.780896389497594 51.825106206630245)</t>
  </si>
  <si>
    <t>POINT (4.747029750585635 51.829781489759455)</t>
  </si>
  <si>
    <t>POINT (4.779020479678087 51.81945446032455)</t>
  </si>
  <si>
    <t>POINT (4.760016977420736 51.828510140297)</t>
  </si>
  <si>
    <t>POINT (4.739274607477065 51.82718590801051)</t>
  </si>
  <si>
    <t>POINT (4.77763698386297 51.822861506293386)</t>
  </si>
  <si>
    <t>POINT (4.762639054142087 51.82586493715947)</t>
  </si>
  <si>
    <t>3361HD</t>
  </si>
  <si>
    <t>C.M. van Reesstraat</t>
  </si>
  <si>
    <t>POINT (4.77042042246392 51.81882325632799)</t>
  </si>
  <si>
    <t>POINT (4.759472948027327 51.827813852660306)</t>
  </si>
  <si>
    <t>POINT (4.776918894786494 51.8228873652953)</t>
  </si>
  <si>
    <t>POINT (4.792650566420633 51.82312592655156)</t>
  </si>
  <si>
    <t>POINT (4.800886384977355 51.82114411813132)</t>
  </si>
  <si>
    <t>POINT (4.7717521775929965 51.8169626879309)</t>
  </si>
  <si>
    <t>POINT (4.782451069991616 51.82152050399824)</t>
  </si>
  <si>
    <t>POINT (4.772634112998723 51.81812243301549)</t>
  </si>
  <si>
    <t>POINT (4.766016760394107 51.829939677946186)</t>
  </si>
  <si>
    <t>POINT (4.774310984088468 51.81814576307815)</t>
  </si>
  <si>
    <t>POINT (4.784682109703575 51.82137305977951)</t>
  </si>
  <si>
    <t>POINT (4.773690387679448 51.82382510420798)</t>
  </si>
  <si>
    <t>POINT (4.761025438285578 51.82833683100791)</t>
  </si>
  <si>
    <t>POINT (4.773462152734334 51.81680966797409)</t>
  </si>
  <si>
    <t>POINT (4.780904987057439 51.8254699287952)</t>
  </si>
  <si>
    <t>POINT (4.7686019895185865 51.82591152422163)</t>
  </si>
  <si>
    <t>POINT (4.79038646443239 51.81911622924192)</t>
  </si>
  <si>
    <t>POINT (4.763172072375329 51.82411050298968)</t>
  </si>
  <si>
    <t>POINT (4.801966113615382 51.82185789543454)</t>
  </si>
  <si>
    <t>POINT (4.78874425561149 51.820826932368426)</t>
  </si>
  <si>
    <t>POINT (4.7726163315082655 51.81704370916269)</t>
  </si>
  <si>
    <t>POINT (4.773041884684936 51.824003731617516)</t>
  </si>
  <si>
    <t>POINT (4.772382142073873 51.82475073453199)</t>
  </si>
  <si>
    <t>POINT (4.750097007023724 51.82355442825343)</t>
  </si>
  <si>
    <t>POINT (4.771432498849204 51.81701790892224)</t>
  </si>
  <si>
    <t>POINT (4.802086997194292 51.81960731191139)</t>
  </si>
  <si>
    <t>POINT (4.781292744498161 51.81758094732035)</t>
  </si>
  <si>
    <t>POINT (4.769968108523536 51.82123198657197)</t>
  </si>
  <si>
    <t>POINT (4.744570075702548 51.823878089966364)</t>
  </si>
  <si>
    <t>POINT (4.7662386785532425 51.82730027623423)</t>
  </si>
  <si>
    <t>POINT (4.766691596285457 51.82670843603214)</t>
  </si>
  <si>
    <t>POINT (4.753401765963922 51.828040460180475)</t>
  </si>
  <si>
    <t>POINT (4.771298980032844 51.82680119413328)</t>
  </si>
  <si>
    <t>POINT (4.791309567546175 51.81959299940072)</t>
  </si>
  <si>
    <t>POINT (4.7804816083574995 51.82524006058629)</t>
  </si>
  <si>
    <t>POINT (4.791334851582932 51.823484640098435)</t>
  </si>
  <si>
    <t>POINT (4.781180385208711 51.82498956332427)</t>
  </si>
  <si>
    <t>POINT (4.768644639168494 51.81701160842878)</t>
  </si>
  <si>
    <t>POINT (4.758378586843237 51.82511950792245)</t>
  </si>
  <si>
    <t>POINT (4.737465147827527 51.82645891206956)</t>
  </si>
  <si>
    <t>POINT (4.736840019581892 51.828741495195274)</t>
  </si>
  <si>
    <t>POINT (4.736883156355181 51.82726117611436)</t>
  </si>
  <si>
    <t>POINT (4.758535639065005 51.82686988849092)</t>
  </si>
  <si>
    <t>POINT (4.769291602263552 51.82140129558181)</t>
  </si>
  <si>
    <t>POINT (4.766716305093231 51.821609368336226)</t>
  </si>
  <si>
    <t>POINT (4.780216788274601 51.817900594720406)</t>
  </si>
  <si>
    <t>POINT (4.773656867696961 51.826692465964435)</t>
  </si>
  <si>
    <t>POINT (4.799754430590281 51.82322731100097)</t>
  </si>
  <si>
    <t>POINT (4.761119216918602 51.82695380788878)</t>
  </si>
  <si>
    <t>POINT (4.777089978842869 51.8200981808333)</t>
  </si>
  <si>
    <t>POINT (4.776134365428921 51.817889208385225)</t>
  </si>
  <si>
    <t>POINT (4.77965758080418 51.81744521602493)</t>
  </si>
  <si>
    <t>POINT (4.774527165996446 51.82348629084668)</t>
  </si>
  <si>
    <t>POINT (4.769817959229084 51.8230999150576)</t>
  </si>
  <si>
    <t>POINT (4.767110829879291 51.824821071151035)</t>
  </si>
  <si>
    <t>POINT (4.772426112192567 51.82944983462247)</t>
  </si>
  <si>
    <t>POINT (4.7967956334517625 51.82166876922352)</t>
  </si>
  <si>
    <t>POINT (4.785806577267599 51.82036734212048)</t>
  </si>
  <si>
    <t>POINT (4.797083336102659 51.82287063917206)</t>
  </si>
  <si>
    <t>POINT (4.7843196309066585 51.81688400974096)</t>
  </si>
  <si>
    <t>POINT (4.787665874513937 51.82077091323381)</t>
  </si>
  <si>
    <t>POINT (4.737207901116321 51.8277166746613)</t>
  </si>
  <si>
    <t>POINT (4.772009414571591 51.817635843803124)</t>
  </si>
  <si>
    <t>POINT (4.787033232847613 51.819961854176384)</t>
  </si>
  <si>
    <t>POINT (4.778304600941347 51.82473246557874)</t>
  </si>
  <si>
    <t>POINT (4.768045435073207 51.82681652667752)</t>
  </si>
  <si>
    <t>POINT (4.75318478379764 51.82489265121395)</t>
  </si>
  <si>
    <t>3364AD</t>
  </si>
  <si>
    <t>Krausstraat</t>
  </si>
  <si>
    <t>POINT (4.769759305108968 51.829128698204165)</t>
  </si>
  <si>
    <t>POINT (4.7400428659125415 51.823509042556275)</t>
  </si>
  <si>
    <t>POINT (4.7772255210507355 51.81953539100119)</t>
  </si>
  <si>
    <t>POINT (4.789442626532141 51.82138589507303)</t>
  </si>
  <si>
    <t>3362GH</t>
  </si>
  <si>
    <t>Valkweg</t>
  </si>
  <si>
    <t>POINT (4.78847101058778 51.824811341583164)</t>
  </si>
  <si>
    <t>POINT (4.773245255321532 51.82397144789904)</t>
  </si>
  <si>
    <t>POINT (4.788949571242665 51.823717086118215)</t>
  </si>
  <si>
    <t>POINT (4.741160184725406 51.82843906498423)</t>
  </si>
  <si>
    <t>POINT (4.7405425952329105 51.82892549820931)</t>
  </si>
  <si>
    <t>POINT (4.742935568482888 51.82515926406639)</t>
  </si>
  <si>
    <t>POINT (4.772348314048245 51.81709677624021)</t>
  </si>
  <si>
    <t>POINT (4.7671248908416555 51.822481056686705)</t>
  </si>
  <si>
    <t>POINT (4.805024961263579 51.820165819252075)</t>
  </si>
  <si>
    <t>POINT (4.7386324005049625 51.82879905164639)</t>
  </si>
  <si>
    <t>POINT (4.7380452826132835 51.82990113473311)</t>
  </si>
  <si>
    <t>POINT (4.7659947778849805 51.82247292375606)</t>
  </si>
  <si>
    <t>POINT (4.772018068751468 51.82480248883459)</t>
  </si>
  <si>
    <t>POINT (4.769044455505202 51.817849833774936)</t>
  </si>
  <si>
    <t>POINT (4.766138908746137 51.82198165110206)</t>
  </si>
  <si>
    <t>POINT (4.738761057210502 51.82825604182879)</t>
  </si>
  <si>
    <t>POINT (4.757229380040235 51.8272822030479)</t>
  </si>
  <si>
    <t>POINT (4.787154177685016 51.82147785654001)</t>
  </si>
  <si>
    <t>POINT (4.75291847450414 51.82906596490721)</t>
  </si>
  <si>
    <t>POINT (4.780213362594838 51.82550965236093)</t>
  </si>
  <si>
    <t>POINT (4.801808659095482 51.82186394157316)</t>
  </si>
  <si>
    <t>POINT (4.781823766652831 51.81888370616908)</t>
  </si>
  <si>
    <t>POINT (4.76095669514413 51.82755247973609)</t>
  </si>
  <si>
    <t>POINT (4.757081607601113 51.827569224553926)</t>
  </si>
  <si>
    <t>POINT (4.795844429783985 51.82207700547873)</t>
  </si>
  <si>
    <t>POINT (4.782448770700983 51.817345745947414)</t>
  </si>
  <si>
    <t>POINT (4.740180332073664 51.82774586029185)</t>
  </si>
  <si>
    <t>POINT (4.7579495269331105 51.82785045925495)</t>
  </si>
  <si>
    <t>POINT (4.794219607265975 51.82124985956607)</t>
  </si>
  <si>
    <t>POINT (4.763027356613364 51.823824166037596)</t>
  </si>
  <si>
    <t>POINT (4.777629999849437 51.820449833594076)</t>
  </si>
  <si>
    <t>POINT (4.782383930791722 51.81883832540865)</t>
  </si>
  <si>
    <t>POINT (4.760011765735576 51.82547601435315)</t>
  </si>
  <si>
    <t>POINT (4.800331718177408 51.82062171710788)</t>
  </si>
  <si>
    <t>POINT (4.797109737138393 51.827047488037046)</t>
  </si>
  <si>
    <t>POINT (4.765910530451876 51.82264991259551)</t>
  </si>
  <si>
    <t>POINT (4.776306613901606 51.82131790183608)</t>
  </si>
  <si>
    <t>POINT (4.760154106678023 51.82779834757529)</t>
  </si>
  <si>
    <t>POINT (4.739896484042238 51.82844954112397)</t>
  </si>
  <si>
    <t>POINT (4.769442908902717 51.826091140323335)</t>
  </si>
  <si>
    <t>POINT (4.755673711578141 51.82569769410612)</t>
  </si>
  <si>
    <t>POINT (4.768969006139855 51.82712664681253)</t>
  </si>
  <si>
    <t>POINT (4.8016823457373805 51.82075672930591)</t>
  </si>
  <si>
    <t>POINT (4.740342564884797 51.8281871959298)</t>
  </si>
  <si>
    <t>POINT (4.7903382385965845 51.824510053237375)</t>
  </si>
  <si>
    <t>POINT (4.7501436542418505 51.829285091556905)</t>
  </si>
  <si>
    <t>POINT (4.770601084817692 51.81810619700958)</t>
  </si>
  <si>
    <t>POINT (4.789850023788333 51.82424525627886)</t>
  </si>
  <si>
    <t>POINT (4.77621979658433 51.82116329574708)</t>
  </si>
  <si>
    <t>POINT (4.779824288687775 51.825893681133216)</t>
  </si>
  <si>
    <t>POINT (4.752686895635761 51.82644184185258)</t>
  </si>
  <si>
    <t>POINT (4.7872643271669295 51.82022010890838)</t>
  </si>
  <si>
    <t>POINT (4.754237158140667 51.824656267980174)</t>
  </si>
  <si>
    <t>POINT (4.775078807523861 51.828559086870065)</t>
  </si>
  <si>
    <t>POINT (4.768551365623269 51.82125930460029)</t>
  </si>
  <si>
    <t>POINT (4.7872432255236355 51.82223056553861)</t>
  </si>
  <si>
    <t>POINT (4.782478249037098 51.826435597158344)</t>
  </si>
  <si>
    <t>POINT (4.786277704982126 51.81722069657382)</t>
  </si>
  <si>
    <t>POINT (4.7932242890892605 51.82044772044597)</t>
  </si>
  <si>
    <t>POINT (4.792144833564463 51.81893513870574)</t>
  </si>
  <si>
    <t>POINT (4.7781920076652 51.82662511842784)</t>
  </si>
  <si>
    <t>POINT (4.770715304501549 51.82138826105373)</t>
  </si>
  <si>
    <t>POINT (4.767153260077049 51.826196998226976)</t>
  </si>
  <si>
    <t>POINT (4.750694998368806 51.82860207295565)</t>
  </si>
  <si>
    <t>POINT (4.764429457727704 51.82244808986663)</t>
  </si>
  <si>
    <t>POINT (4.762157967519688 51.82371500238575)</t>
  </si>
  <si>
    <t>POINT (4.767749183159024 51.82167893961224)</t>
  </si>
  <si>
    <t>POINT (4.748202453749369 51.82998068458493)</t>
  </si>
  <si>
    <t>POINT (4.778566356231315 51.821559209721954)</t>
  </si>
  <si>
    <t>POINT (4.786691629909394 51.81772132178188)</t>
  </si>
  <si>
    <t>POINT (4.781324908288759 51.81972012624883)</t>
  </si>
  <si>
    <t>POINT (4.743368526398257 51.827715975572175)</t>
  </si>
  <si>
    <t>POINT (4.7502549266833825 51.82358827347777)</t>
  </si>
  <si>
    <t>POINT (4.777292846133689 51.820058696675744)</t>
  </si>
  <si>
    <t>POINT (4.777731755296877 51.826085374565345)</t>
  </si>
  <si>
    <t>POINT (4.774331262738347 51.81758228450424)</t>
  </si>
  <si>
    <t>POINT (4.751484165309024 51.829219820920805)</t>
  </si>
  <si>
    <t>POINT (4.779635016863761 51.82532530675851)</t>
  </si>
  <si>
    <t>POINT (4.790048558111729 51.821599132197406)</t>
  </si>
  <si>
    <t>POINT (4.747357656029559 51.82795994082094)</t>
  </si>
  <si>
    <t>POINT (4.761273808096543 51.82528599072707)</t>
  </si>
  <si>
    <t>POINT (4.767859818676043 51.82655847398777)</t>
  </si>
  <si>
    <t>POINT (4.768581440059032 51.81757980382239)</t>
  </si>
  <si>
    <t>POINT (4.77148699136949 51.8192719938017)</t>
  </si>
  <si>
    <t>POINT (4.768988886239289 51.82717906506116)</t>
  </si>
  <si>
    <t>POINT (4.786489306537001 51.82001794678677)</t>
  </si>
  <si>
    <t>POINT (4.789394457759043 51.819472970985814)</t>
  </si>
  <si>
    <t>POINT (4.783296682850594 51.820849725725196)</t>
  </si>
  <si>
    <t>POINT (4.7460049331985825 51.82923235601792)</t>
  </si>
  <si>
    <t>POINT (4.780948397244325 51.824313233431326)</t>
  </si>
  <si>
    <t>POINT (4.77701406955742 51.820959252036786)</t>
  </si>
  <si>
    <t>POINT (4.781530227447106 51.8252621048728)</t>
  </si>
  <si>
    <t>POINT (4.7745560899081045 51.823578035465026)</t>
  </si>
  <si>
    <t>POINT (4.783461586299127 51.81647547235224)</t>
  </si>
  <si>
    <t>POINT (4.779928172207788 51.82325126244852)</t>
  </si>
  <si>
    <t>POINT (4.780056511343566 51.825871386370196)</t>
  </si>
  <si>
    <t>POINT (4.765890447780624 51.83043086461613)</t>
  </si>
  <si>
    <t>POINT (4.772391724682922 51.81736989724517)</t>
  </si>
  <si>
    <t>POINT (4.759352177599824 51.824080964313325)</t>
  </si>
  <si>
    <t>POINT (4.7873262005344115 51.82428991214094)</t>
  </si>
  <si>
    <t>POINT (4.778808103210542 51.820649110776074)</t>
  </si>
  <si>
    <t>POINT (4.749461541959589 51.823392598162684)</t>
  </si>
  <si>
    <t>POINT (4.775458616017712 51.817517605534015)</t>
  </si>
  <si>
    <t>POINT (4.785852177504031 51.81711218217364)</t>
  </si>
  <si>
    <t>POINT (4.792524311506246 51.82200908634626)</t>
  </si>
  <si>
    <t>POINT (4.770740001490524 51.82690028027234)</t>
  </si>
  <si>
    <t>POINT (4.753903805597615 51.82610244265636)</t>
  </si>
  <si>
    <t>POINT (4.7627006741396745 51.8281074679566)</t>
  </si>
  <si>
    <t>POINT (4.779945851417868 51.82330636401206)</t>
  </si>
  <si>
    <t>POINT (4.765316425429511 51.82427801542775)</t>
  </si>
  <si>
    <t>POINT (4.772455006136999 51.816845295056204)</t>
  </si>
  <si>
    <t>POINT (4.777886051196333 51.82309641268809)</t>
  </si>
  <si>
    <t>POINT (4.742772972499567 51.82407272789253)</t>
  </si>
  <si>
    <t>POINT (4.777646242435864 51.8257056485426)</t>
  </si>
  <si>
    <t>POINT (4.78999083602946 51.82143443751994)</t>
  </si>
  <si>
    <t>POINT (4.777783501635059 51.81783935712926)</t>
  </si>
  <si>
    <t>POINT (4.775419288413088 51.82177277659239)</t>
  </si>
  <si>
    <t>POINT (4.7685785321062655 51.82774731858136)</t>
  </si>
  <si>
    <t>POINT (4.7629493406269185 51.82536205828175)</t>
  </si>
  <si>
    <t>POINT (4.773484274080238 51.81723017998215)</t>
  </si>
  <si>
    <t>POINT (4.780892581638205 51.82332968471061)</t>
  </si>
  <si>
    <t>3362CB</t>
  </si>
  <si>
    <t>POINT (4.781744885169745 51.82565295687276)</t>
  </si>
  <si>
    <t>POINT (4.7738811117574285 51.82428505790895)</t>
  </si>
  <si>
    <t>POINT (4.738477469522702 51.82910111144045)</t>
  </si>
  <si>
    <t>POINT (4.797393691650578 51.82359514943137)</t>
  </si>
  <si>
    <t>POINT (4.787586172597362 51.81895544286721)</t>
  </si>
  <si>
    <t>POINT (4.749810717330865 51.82943878690457)</t>
  </si>
  <si>
    <t>POINT (4.802530270857629 51.82045471568537)</t>
  </si>
  <si>
    <t>POINT (4.779663863813263 51.82857878966946)</t>
  </si>
  <si>
    <t>POINT (4.780372955047347 51.81881904670636)</t>
  </si>
  <si>
    <t>POINT (4.770436192399485 51.82184941032398)</t>
  </si>
  <si>
    <t>POINT (4.774419619949352 51.823245464642646)</t>
  </si>
  <si>
    <t>POINT (4.79589906497041 51.822522933923004)</t>
  </si>
  <si>
    <t>POINT (4.782726444752303 51.81923253135315)</t>
  </si>
  <si>
    <t>POINT (4.7884614904520095 51.81857214418108)</t>
  </si>
  <si>
    <t>POINT (4.744662468140334 51.82831482996367)</t>
  </si>
  <si>
    <t>POINT (4.738131000731487 51.823453183178124)</t>
  </si>
  <si>
    <t>POINT (4.769059433833913 51.820745047705095)</t>
  </si>
  <si>
    <t>POINT (4.789196180167594 51.81868314147025)</t>
  </si>
  <si>
    <t>POINT (4.775581234296346 51.8177372964587)</t>
  </si>
  <si>
    <t>POINT (4.78571754283801 51.82037659355416)</t>
  </si>
  <si>
    <t>POINT (4.767461032476151 51.821280212760676)</t>
  </si>
  <si>
    <t>POINT (4.788529151536074 51.82168999693624)</t>
  </si>
  <si>
    <t>POINT (4.77258225741062 51.8181387903642)</t>
  </si>
  <si>
    <t>POINT (4.7689096562243485 51.826969393572924)</t>
  </si>
  <si>
    <t>POINT (4.770742808679126 51.819621069386784)</t>
  </si>
  <si>
    <t>POINT (4.762545955091618 51.826752424321064)</t>
  </si>
  <si>
    <t>POINT (4.789187798220211 51.817240953447985)</t>
  </si>
  <si>
    <t>POINT (4.758632344197221 51.825417490592)</t>
  </si>
  <si>
    <t>POINT (4.753697715630845 51.829112868662904)</t>
  </si>
  <si>
    <t>POINT (4.744767852838984 51.828269564917704)</t>
  </si>
  <si>
    <t>POINT (4.770666074929916 51.81734160934679)</t>
  </si>
  <si>
    <t>POINT (4.738687858896057 51.8285038127857)</t>
  </si>
  <si>
    <t>POINT (4.74756499887428 51.829214171033684)</t>
  </si>
  <si>
    <t>POINT (4.738100325017175 51.82408248580215)</t>
  </si>
  <si>
    <t>POINT (4.774747585467244 51.81726707068848)</t>
  </si>
  <si>
    <t>POINT (4.767124363930045 51.82612529645383)</t>
  </si>
  <si>
    <t>POINT (4.798052611778275 51.820691735864344)</t>
  </si>
  <si>
    <t>POINT (4.748774807070141 51.82917931960486)</t>
  </si>
  <si>
    <t>POINT (4.798369072760819 51.821692852582615)</t>
  </si>
  <si>
    <t>POINT (4.753304441958986 51.82875093229069)</t>
  </si>
  <si>
    <t>POINT (4.806070302319687 51.819882466643925)</t>
  </si>
  <si>
    <t>POINT (4.736730606816305 51.82814054004889)</t>
  </si>
  <si>
    <t>POINT (4.771592331530633 51.83013126652683)</t>
  </si>
  <si>
    <t>POINT (4.756365635352532 51.82462071616582)</t>
  </si>
  <si>
    <t>POINT (4.793870440404921 51.82022834165832)</t>
  </si>
  <si>
    <t>POINT (4.737973013107047 51.82987553101654)</t>
  </si>
  <si>
    <t>POINT (4.743601867760354 51.83091964112734)</t>
  </si>
  <si>
    <t>POINT (4.772366647707389 51.81916604550011)</t>
  </si>
  <si>
    <t>POINT (4.7793599692800655 51.82505658049788)</t>
  </si>
  <si>
    <t>POINT (4.75192215738617 51.8275922904943)</t>
  </si>
  <si>
    <t>POINT (4.759256606382598 51.82425653958921)</t>
  </si>
  <si>
    <t>POINT (4.780016264073508 51.82352784729014)</t>
  </si>
  <si>
    <t>POINT (4.7368026899149385 51.82812152408185)</t>
  </si>
  <si>
    <t>POINT (4.764968913250293 51.82319286906374)</t>
  </si>
  <si>
    <t>POINT (4.746741719590899 51.82953057498455)</t>
  </si>
  <si>
    <t>POINT (4.776379064377023 51.82330340717529)</t>
  </si>
  <si>
    <t>POINT (4.749125325699616 51.82907498025362)</t>
  </si>
  <si>
    <t>POINT (4.762605482215396 51.824487796622876)</t>
  </si>
  <si>
    <t>POINT (4.788475190143071 51.81982297448116)</t>
  </si>
  <si>
    <t>POINT (4.766339679159442 51.82262225137767)</t>
  </si>
  <si>
    <t>POINT (4.7579489768324565 51.82862751981042)</t>
  </si>
  <si>
    <t>POINT (4.751739659729702 51.82809673131049)</t>
  </si>
  <si>
    <t>POINT (4.745954370472375 51.82916646306283)</t>
  </si>
  <si>
    <t>POINT (4.740154296170744 51.82770014456189)</t>
  </si>
  <si>
    <t>POINT (4.773167525978826 51.82174465906275)</t>
  </si>
  <si>
    <t>POINT (4.741523801142515 51.8308275028886)</t>
  </si>
  <si>
    <t>POINT (4.791733337870436 51.82316415243641)</t>
  </si>
  <si>
    <t>POINT (4.782000219180907 51.81887724552001)</t>
  </si>
  <si>
    <t>POINT (4.767621945885959 51.82698894032322)</t>
  </si>
  <si>
    <t>POINT (4.775228070820781 51.82917962740153)</t>
  </si>
  <si>
    <t>POINT (4.777970979989754 51.82371338019382)</t>
  </si>
  <si>
    <t>POINT (4.796768928753889 51.8234306636935)</t>
  </si>
  <si>
    <t>POINT (4.76627814496011 51.8274049323475)</t>
  </si>
  <si>
    <t>POINT (4.781805125764432 51.823824811602634)</t>
  </si>
  <si>
    <t>POINT (4.778853962221113 51.825030993296025)</t>
  </si>
  <si>
    <t>POINT (4.747016726642376 51.830126401014695)</t>
  </si>
  <si>
    <t>POINT (4.779847850598711 51.8185980878136)</t>
  </si>
  <si>
    <t>POINT (4.754572516876427 51.82591791733551)</t>
  </si>
  <si>
    <t>POINT (4.749758475691955 51.82897837710808)</t>
  </si>
  <si>
    <t>POINT (4.7787486235948435 51.82060700554657)</t>
  </si>
  <si>
    <t>POINT (4.763934105515666 51.825364864413714)</t>
  </si>
  <si>
    <t>POINT (4.74054300603439 51.82892719931798)</t>
  </si>
  <si>
    <t>POINT (4.74072506656142 51.827674435999036)</t>
  </si>
  <si>
    <t>POINT (4.78372749511439 51.818691356750726)</t>
  </si>
  <si>
    <t>POINT (4.77893505634755 51.82322580599166)</t>
  </si>
  <si>
    <t>POINT (4.793062670337757 51.82303686915441)</t>
  </si>
  <si>
    <t>POINT (4.799347114782719 51.82228282074806)</t>
  </si>
  <si>
    <t>POINT (4.76885662828211 51.825061467233446)</t>
  </si>
  <si>
    <t>POINT (4.768263702819014 51.82132753948263)</t>
  </si>
  <si>
    <t>POINT (4.744016682324138 51.823899238198486)</t>
  </si>
  <si>
    <t>POINT (4.767417456213473 51.82638400775484)</t>
  </si>
  <si>
    <t>POINT (4.767676653151868 51.821130648372375)</t>
  </si>
  <si>
    <t>POINT (4.772934860688094 51.82936602778628)</t>
  </si>
  <si>
    <t>POINT (4.794496769316708 51.823060388768006)</t>
  </si>
  <si>
    <t>POINT (4.767536883995796 51.82136515092081)</t>
  </si>
  <si>
    <t>POINT (4.78208278875961 51.81947909720622)</t>
  </si>
  <si>
    <t>POINT (4.773848404861679 51.818022360197055)</t>
  </si>
  <si>
    <t>POINT (4.775252465400633 51.821325444018015)</t>
  </si>
  <si>
    <t>POINT (4.787208379885313 51.819247348804176)</t>
  </si>
  <si>
    <t>POINT (4.79241126136885 51.82041960374164)</t>
  </si>
  <si>
    <t>POINT (4.738728693042103 51.82814611219472)</t>
  </si>
  <si>
    <t>POINT (4.799834286047988 51.82836386451298)</t>
  </si>
  <si>
    <t>POINT (4.7897293873565046 51.820663235631635)</t>
  </si>
  <si>
    <t>POINT (4.778424453803695 51.82011284019176)</t>
  </si>
  <si>
    <t>POINT (4.780248758442689 51.81909165742352)</t>
  </si>
  <si>
    <t>POINT (4.779851074248097 51.817529901196245)</t>
  </si>
  <si>
    <t>POINT (4.734119829412898 51.827939530031905)</t>
  </si>
  <si>
    <t>POINT (4.769462588141899 51.82711072887555)</t>
  </si>
  <si>
    <t>POINT (4.764009514607065 51.822418445765805)</t>
  </si>
  <si>
    <t>POINT (4.783026386603071 51.82791110731036)</t>
  </si>
  <si>
    <t>POINT (4.777951715295596 51.82089976458276)</t>
  </si>
  <si>
    <t>POINT (4.7814930930108686 51.82568302798173)</t>
  </si>
  <si>
    <t>POINT (4.784734936022322 51.816671764657016)</t>
  </si>
  <si>
    <t>POINT (4.766028702367349 51.82224366056798)</t>
  </si>
  <si>
    <t>POINT (4.7739470943242805 51.823486767164496)</t>
  </si>
  <si>
    <t>POINT (4.7590365109707005 51.828017086961374)</t>
  </si>
  <si>
    <t>POINT (4.765215173220234 51.823195612446476)</t>
  </si>
  <si>
    <t>POINT (4.766850066113844 51.821285883915216)</t>
  </si>
  <si>
    <t>POINT (4.769060155475388 51.82604427231184)</t>
  </si>
  <si>
    <t>POINT (4.780571339569189 51.82613902232227)</t>
  </si>
  <si>
    <t>POINT (4.790437114003616 51.81999035600985)</t>
  </si>
  <si>
    <t>POINT (4.774232220160429 51.822551646196736)</t>
  </si>
  <si>
    <t>POINT (4.752763640060581 51.826420773933876)</t>
  </si>
  <si>
    <t>POINT (4.775462956348183 51.821911068824924)</t>
  </si>
  <si>
    <t>POINT (4.768196671943498 51.82141347644449)</t>
  </si>
  <si>
    <t>POINT (4.738487275063113 51.8315450404655)</t>
  </si>
  <si>
    <t>POINT (4.770674019826464 51.818202937845754)</t>
  </si>
  <si>
    <t>POINT (4.750091735193239 51.828380916762384)</t>
  </si>
  <si>
    <t>POINT (4.778297986481528 51.81763178440061)</t>
  </si>
  <si>
    <t>POINT (4.780278561032306 51.81735207123459)</t>
  </si>
  <si>
    <t>POINT (4.788608691269002 51.819479572724944)</t>
  </si>
  <si>
    <t>POINT (4.75393780200874 51.82615035550454)</t>
  </si>
  <si>
    <t>POINT (4.772003821024555 51.81834330636593)</t>
  </si>
  <si>
    <t>POINT (4.748835231044185 51.82948130544605)</t>
  </si>
  <si>
    <t>POINT (4.767454434095172 51.82239731568162)</t>
  </si>
  <si>
    <t>POINT (4.782152870056424 51.82377779665956)</t>
  </si>
  <si>
    <t>POINT (4.782049401947467 51.825434127337964)</t>
  </si>
  <si>
    <t>POINT (4.782543825294369 51.8173305955603)</t>
  </si>
  <si>
    <t>POINT (4.781250571068231 51.81875472837722)</t>
  </si>
  <si>
    <t>POINT (4.735429533264109 51.83070648189828)</t>
  </si>
  <si>
    <t>POINT (4.787649432116764 51.821461870890914)</t>
  </si>
  <si>
    <t>POINT (4.773602795769546 51.82646603067471)</t>
  </si>
  <si>
    <t>POINT (4.7800922407091715 51.82224862625631)</t>
  </si>
  <si>
    <t>POINT (4.766627590957188 51.824761799329245)</t>
  </si>
  <si>
    <t>POINT (4.77658519823356 51.81987596472585)</t>
  </si>
  <si>
    <t>POINT (4.771486109693159 51.818232189189956)</t>
  </si>
  <si>
    <t>POINT (4.782008726417672 51.8195075686896)</t>
  </si>
  <si>
    <t>POINT (4.776899722274476 51.821573746223535)</t>
  </si>
  <si>
    <t>POINT (4.773929628710841 51.827307631465395)</t>
  </si>
  <si>
    <t>POINT (4.748285378735135 51.823620085203075)</t>
  </si>
  <si>
    <t>POINT (4.784166314156161 51.817958795740246)</t>
  </si>
  <si>
    <t>POINT (4.753722789097186 51.828743033560045)</t>
  </si>
  <si>
    <t>POINT (4.787867670801737 51.82417142227402)</t>
  </si>
  <si>
    <t>POINT (4.738130843194706 51.82747297713604)</t>
  </si>
  <si>
    <t>POINT (4.761562596617904 51.827931433583814)</t>
  </si>
  <si>
    <t>POINT (4.781757447094876 51.81905927062153)</t>
  </si>
  <si>
    <t>POINT (4.782875130341915 51.81916606243125)</t>
  </si>
  <si>
    <t>POINT (4.770032148644032 51.8262287090894)</t>
  </si>
  <si>
    <t>POINT (4.760980193905867 51.8283982513526)</t>
  </si>
  <si>
    <t>POINT (4.754852001372436 51.8265002661983)</t>
  </si>
  <si>
    <t>POINT (4.736949861440161 51.82410488155417)</t>
  </si>
  <si>
    <t>POINT (4.799196713501342 51.82316016033487)</t>
  </si>
  <si>
    <t>POINT (4.753188103104782 51.82814204595874)</t>
  </si>
  <si>
    <t>POINT (4.780058960816365 51.81916276420439)</t>
  </si>
  <si>
    <t>POINT (4.769292695169006 51.821401984468054)</t>
  </si>
  <si>
    <t>POINT (4.766604675453842 51.82672100996561)</t>
  </si>
  <si>
    <t>POINT (4.767795550248375 51.822231299361086)</t>
  </si>
  <si>
    <t>POINT (4.7983603405945585 51.81991855537463)</t>
  </si>
  <si>
    <t>POINT (4.746491913146863 51.8282749429986)</t>
  </si>
  <si>
    <t>POINT (4.758956045321471 51.82459002598961)</t>
  </si>
  <si>
    <t>POINT (4.769157177201806 51.82072506844894)</t>
  </si>
  <si>
    <t>POINT (4.783804261151103 51.817994776884944)</t>
  </si>
  <si>
    <t>POINT (4.748486127280074 51.82854387347693)</t>
  </si>
  <si>
    <t>POINT (4.801498488191539 51.82110951204488)</t>
  </si>
  <si>
    <t>POINT (4.766357359764532 51.82761487522054)</t>
  </si>
  <si>
    <t>POINT (4.791655413816544 51.823825225933064)</t>
  </si>
  <si>
    <t>POINT (4.7725294795913635 51.82133934990199)</t>
  </si>
  <si>
    <t>POINT (4.771940148870847 51.81764204238855)</t>
  </si>
  <si>
    <t>POINT (4.802587007488686 51.82107907435605)</t>
  </si>
  <si>
    <t>POINT (4.780906126715549 51.82065124806743)</t>
  </si>
  <si>
    <t>POINT (4.775071971030912 51.817644755617835)</t>
  </si>
  <si>
    <t>POINT (4.785684013321367 51.819150199937695)</t>
  </si>
  <si>
    <t>POINT (4.774398490945847 51.81784330459471)</t>
  </si>
  <si>
    <t>POINT (4.780779462390513 51.817085632090674)</t>
  </si>
  <si>
    <t>POINT (4.762049098963217 51.82774697306184)</t>
  </si>
  <si>
    <t>POINT (4.762672423429415 51.82591688897251)</t>
  </si>
  <si>
    <t>POINT (4.788700303136901 51.820663385856655)</t>
  </si>
  <si>
    <t>POINT (4.781766419182388 51.819114776449936)</t>
  </si>
  <si>
    <t>POINT (4.7392134332520115 51.82861556722405)</t>
  </si>
  <si>
    <t>POINT (4.781534124339796 51.81839808684668)</t>
  </si>
  <si>
    <t>POINT (4.780799608702357 51.8283286227564)</t>
  </si>
  <si>
    <t>POINT (4.778212467532216 51.82389782058038)</t>
  </si>
  <si>
    <t>POINT (4.791502309223466 51.818793005928306)</t>
  </si>
  <si>
    <t>POINT (4.791488244930181 51.821756017695854)</t>
  </si>
  <si>
    <t>POINT (4.763983617903898 51.82503623488259)</t>
  </si>
  <si>
    <t>POINT (4.773243462084958 51.82558327092824)</t>
  </si>
  <si>
    <t>POINT (4.778351689583484 51.823244983239725)</t>
  </si>
  <si>
    <t>POINT (4.7816667884518385 51.81677093898555)</t>
  </si>
  <si>
    <t>POINT (4.744255264928772 51.82907717050675)</t>
  </si>
  <si>
    <t>POINT (4.775047634478846 51.817920308667794)</t>
  </si>
  <si>
    <t>POINT (4.777834496365413 51.820611791095835)</t>
  </si>
  <si>
    <t>POINT (4.763763760971806 51.82968863783995)</t>
  </si>
  <si>
    <t>POINT (4.757402921411324 51.82836904579947)</t>
  </si>
  <si>
    <t>POINT (4.788301514275968 51.82110493786862)</t>
  </si>
  <si>
    <t>POINT (4.773977968605026 51.822113023563055)</t>
  </si>
  <si>
    <t>POINT (4.7718873389831105 51.82985611786638)</t>
  </si>
  <si>
    <t>POINT (4.789286284152155 51.823385685331516)</t>
  </si>
  <si>
    <t>POINT (4.734624206127989 51.82938670524294)</t>
  </si>
  <si>
    <t>POINT (4.764874984250805 51.83134034341172)</t>
  </si>
  <si>
    <t>POINT (4.7821107142151975 51.8255997432923)</t>
  </si>
  <si>
    <t>POINT (4.782173121051476 51.82047531779347)</t>
  </si>
  <si>
    <t>POINT (4.791329085987936 51.824195067360286)</t>
  </si>
  <si>
    <t>POINT (4.770090819382889 51.81812967197405)</t>
  </si>
  <si>
    <t>POINT (4.768626730385072 51.81762974944793)</t>
  </si>
  <si>
    <t>POINT (4.735671534260723 51.83054096986524)</t>
  </si>
  <si>
    <t>POINT (4.791434674934335 51.82005861341875)</t>
  </si>
  <si>
    <t>POINT (4.79967738584724 51.820124252186574)</t>
  </si>
  <si>
    <t>POINT (4.791051424148149 51.82169663257671)</t>
  </si>
  <si>
    <t>POINT (4.736975994136656 51.82739617793323)</t>
  </si>
  <si>
    <t>POINT (4.794420626315536 51.823578105307796)</t>
  </si>
  <si>
    <t>POINT (4.780416984786657 51.82472827656902)</t>
  </si>
  <si>
    <t>POINT (4.7912317248943115 51.82299055414648)</t>
  </si>
  <si>
    <t>POINT (4.756392430906266 51.82513141228944)</t>
  </si>
  <si>
    <t>POINT (4.773125517104015 51.82231557394166)</t>
  </si>
  <si>
    <t>POINT (4.778634425885072 51.82865721281731)</t>
  </si>
  <si>
    <t>POINT (4.773714593829797 51.81757061346405)</t>
  </si>
  <si>
    <t>POINT (4.786799635837258 51.82151424494561)</t>
  </si>
  <si>
    <t>POINT (4.770960520189646 51.81955695550874)</t>
  </si>
  <si>
    <t>POINT (4.7527031490191565 51.82875972841154)</t>
  </si>
  <si>
    <t>POINT (4.781816101371578 51.81646286150899)</t>
  </si>
  <si>
    <t>POINT (4.771317332569703 51.81826078623208)</t>
  </si>
  <si>
    <t>POINT (4.7480394125941405 51.828434657445165)</t>
  </si>
  <si>
    <t>POINT (4.769910227094931 51.82096992551179)</t>
  </si>
  <si>
    <t>POINT (4.765798389479805 51.82984755774959)</t>
  </si>
  <si>
    <t>POINT (4.763112243516719 51.82404196150526)</t>
  </si>
  <si>
    <t>POINT (4.7579665321350655 51.827827359851675)</t>
  </si>
  <si>
    <t>POINT (4.796844007097049 51.822659912207406)</t>
  </si>
  <si>
    <t>POINT (4.770436238149039 51.821846066810195)</t>
  </si>
  <si>
    <t>POINT (4.763049392284691 51.824809702258015)</t>
  </si>
  <si>
    <t>POINT (4.759887751979294 51.82468309726)</t>
  </si>
  <si>
    <t>POINT (4.77405529195564 51.82637725095718)</t>
  </si>
  <si>
    <t>POINT (4.774612343572179 51.81749647273586)</t>
  </si>
  <si>
    <t>POINT (4.737346742573989 51.82729829574929)</t>
  </si>
  <si>
    <t>POINT (4.778756879793215 51.82629214467238)</t>
  </si>
  <si>
    <t>POINT (4.763402462287061 51.82459998776507)</t>
  </si>
  <si>
    <t>POINT (4.7839833700135435 51.81732344156483)</t>
  </si>
  <si>
    <t>POINT (4.77522738981665 51.81757419671929)</t>
  </si>
  <si>
    <t>POINT (4.765624362531648 51.82547818467579)</t>
  </si>
  <si>
    <t>POINT (4.775686675004693 51.81691395194355)</t>
  </si>
  <si>
    <t>POINT (4.767502415122516 51.82666175411656)</t>
  </si>
  <si>
    <t>POINT (4.778412422733314 51.82431461553103)</t>
  </si>
  <si>
    <t>POINT (4.753188776970426 51.82703204823901)</t>
  </si>
  <si>
    <t>POINT (4.79014814066632 51.8187804623703)</t>
  </si>
  <si>
    <t>POINT (4.754361354876356 51.82606958517456)</t>
  </si>
  <si>
    <t>POINT (4.740543012937702 51.82892570724819)</t>
  </si>
  <si>
    <t>POINT (4.785140602028387 51.81974389579356)</t>
  </si>
  <si>
    <t>POINT (4.770002887611373 51.82275123162489)</t>
  </si>
  <si>
    <t>POINT (4.777697744271058 51.82256232232324)</t>
  </si>
  <si>
    <t>POINT (4.767051873613405 51.82613291333679)</t>
  </si>
  <si>
    <t>POINT (4.73908092930165 51.82751993394131)</t>
  </si>
  <si>
    <t>POINT (4.775014074159261 51.82365961439305)</t>
  </si>
  <si>
    <t>POINT (4.807687551503443 51.820059357828114)</t>
  </si>
  <si>
    <t>POINT (4.739085566724927 51.8278228754894)</t>
  </si>
  <si>
    <t>POINT (4.760763323028321 51.826675779695954)</t>
  </si>
  <si>
    <t>POINT (4.767444226715199 51.82607233512195)</t>
  </si>
  <si>
    <t>lft</t>
  </si>
  <si>
    <t>POINT (4.775077818291153 51.82018454713381)</t>
  </si>
  <si>
    <t>POINT (4.789634550765233 51.82409710651853)</t>
  </si>
  <si>
    <t>POINT (4.745509314351066 51.83012257494834)</t>
  </si>
  <si>
    <t>POINT (4.78272892546521 51.81879875522323)</t>
  </si>
  <si>
    <t>POINT (4.774534678333692 51.820628589754996)</t>
  </si>
  <si>
    <t>POINT (4.802816956900033 51.820123926024706)</t>
  </si>
  <si>
    <t>POINT (4.780194803938498 51.82285076228157)</t>
  </si>
  <si>
    <t>POINT (4.773634005485714 51.82652839478217)</t>
  </si>
  <si>
    <t>POINT (4.768962917720248 51.8173865816877)</t>
  </si>
  <si>
    <t>POINT (4.79605790811574 51.822765166930196)</t>
  </si>
  <si>
    <t>POINT (4.768478245613088 51.83313946084651)</t>
  </si>
  <si>
    <t>POINT (4.766541267395037 51.826205988369935)</t>
  </si>
  <si>
    <t>POINT (4.776368992921841 51.81712136623131)</t>
  </si>
  <si>
    <t>POINT (4.789603867321525 51.823501187840634)</t>
  </si>
  <si>
    <t>POINT (4.733197910930343 51.826581072245965)</t>
  </si>
  <si>
    <t>POINT (4.737630765739813 51.83013046000375)</t>
  </si>
  <si>
    <t>POINT (4.788216281739911 51.820478718352376)</t>
  </si>
  <si>
    <t>POINT (4.750043794760469 51.828437015042475)</t>
  </si>
  <si>
    <t>POINT (4.780208909888756 51.82223412884096)</t>
  </si>
  <si>
    <t>POINT (4.775188141765246 51.81708932740407)</t>
  </si>
  <si>
    <t>POINT (4.779985292704705 51.82524108061916)</t>
  </si>
  <si>
    <t>POINT (4.759451655936194 51.828509275720165)</t>
  </si>
  <si>
    <t>POINT (4.739246239041042 51.82714107805651)</t>
  </si>
  <si>
    <t>POINT (4.738760854339138 51.82852219324652)</t>
  </si>
  <si>
    <t>POINT (4.770390452276517 51.819105610201866)</t>
  </si>
  <si>
    <t>POINT (4.775133097317167 51.81787482270429)</t>
  </si>
  <si>
    <t>POINT (4.772628262295286 51.81682813535863)</t>
  </si>
  <si>
    <t>POINT (4.74564759402289 51.82805226809854)</t>
  </si>
  <si>
    <t>POINT (4.774937925967264 51.828314941504345)</t>
  </si>
  <si>
    <t>POINT (4.757847650452022 51.827988337365284)</t>
  </si>
  <si>
    <t>POINT (4.800887876360092 51.81988087246187)</t>
  </si>
  <si>
    <t>POINT (4.7707138076793605 51.81870848537123)</t>
  </si>
  <si>
    <t>POINT (4.80250226686807 51.821819759377405)</t>
  </si>
  <si>
    <t>POINT (4.75325211589055 51.82810841480506)</t>
  </si>
  <si>
    <t>POINT (4.789400893047593 51.81942518454064)</t>
  </si>
  <si>
    <t>POINT (4.756318556539555 51.82347617010663)</t>
  </si>
  <si>
    <t>POINT (4.765004503725279 51.82247450988896)</t>
  </si>
  <si>
    <t>POINT (4.792047350791018 51.82286930199596)</t>
  </si>
  <si>
    <t>POINT (4.772023007393847 51.83017416162474)</t>
  </si>
  <si>
    <t>POINT (4.759455591201074 51.83258102249846)</t>
  </si>
  <si>
    <t>POINT (4.760112105058344 51.82572921971342)</t>
  </si>
  <si>
    <t>POINT (4.782588495784664 51.82532185161278)</t>
  </si>
  <si>
    <t>A+++++</t>
  </si>
  <si>
    <t>POINT (4.752585308132898 51.83220360912031)</t>
  </si>
  <si>
    <t>POINT (4.774189893237006 51.82124844004336)</t>
  </si>
  <si>
    <t>POINT (4.781293354187407 51.81661836302887)</t>
  </si>
  <si>
    <t>POINT (4.74871010277375 51.829169259998736)</t>
  </si>
  <si>
    <t>POINT (4.762625512316478 51.82831803016359)</t>
  </si>
  <si>
    <t>POINT (4.773146812331356 51.81862290454238)</t>
  </si>
  <si>
    <t>POINT (4.75125918580421 51.82818994768949)</t>
  </si>
  <si>
    <t>POINT (4.766945350746167 51.82645261376762)</t>
  </si>
  <si>
    <t>POINT (4.769820396490239 51.82492344204827)</t>
  </si>
  <si>
    <t>POINT (4.763098031479502 51.82581209857885)</t>
  </si>
  <si>
    <t>POINT (4.770093401833252 51.81892634431479)</t>
  </si>
  <si>
    <t>POINT (4.74899534130276 51.82923894467688)</t>
  </si>
  <si>
    <t>POINT (4.771356172761019 51.820301309770144)</t>
  </si>
  <si>
    <t>POINT (4.738936766881619 51.827557968638956)</t>
  </si>
  <si>
    <t>POINT (4.778969750511055 51.82329906292297)</t>
  </si>
  <si>
    <t>POINT (4.788474887019257 51.82201888171289)</t>
  </si>
  <si>
    <t>POINT (4.781660906539938 51.8256629504266)</t>
  </si>
  <si>
    <t>POINT (4.7905523143554705 51.81908893821156)</t>
  </si>
  <si>
    <t>POINT (4.741155133597198 51.82368100964524)</t>
  </si>
  <si>
    <t>POINT (4.773958075945866 51.824470714691756)</t>
  </si>
  <si>
    <t>POINT (4.765983057490175 51.826480602995844)</t>
  </si>
  <si>
    <t>POINT (4.753128076017265 51.82470637084145)</t>
  </si>
  <si>
    <t>POINT (4.737197538561795 51.82654727158991)</t>
  </si>
  <si>
    <t>POINT (4.797951581853964 51.82251752580194)</t>
  </si>
  <si>
    <t>POINT (4.773165679427315 51.82241259110306)</t>
  </si>
  <si>
    <t>POINT (4.759935085803947 51.82741057822774)</t>
  </si>
  <si>
    <t>POINT (4.7545697429252405 51.82493742651037)</t>
  </si>
  <si>
    <t>POINT (4.766461113939273 51.830371952290406)</t>
  </si>
  <si>
    <t>POINT (4.7808104605841555 51.825778737376694)</t>
  </si>
  <si>
    <t>POINT (4.776202250091037 51.81940809348782)</t>
  </si>
  <si>
    <t>POINT (4.773806961327859 51.817188272241154)</t>
  </si>
  <si>
    <t>POINT (4.745064772567893 51.828526555633104)</t>
  </si>
  <si>
    <t>POINT (4.768272577571021 51.83087463051355)</t>
  </si>
  <si>
    <t>POINT (4.7749837814898015 51.818980359206975)</t>
  </si>
  <si>
    <t>POINT (4.792113493808417 51.823770202126695)</t>
  </si>
  <si>
    <t>3363LS</t>
  </si>
  <si>
    <t>Sopraanweg</t>
  </si>
  <si>
    <t>POINT (4.790773483582644 51.818388414119596)</t>
  </si>
  <si>
    <t>POINT (4.76592714764049 51.83055743829459)</t>
  </si>
  <si>
    <t>POINT (4.773460771328833 51.81814689313946)</t>
  </si>
  <si>
    <t>POINT (4.794339156286541 51.82271416210591)</t>
  </si>
  <si>
    <t>POINT (4.73623435112312 51.82686556871594)</t>
  </si>
  <si>
    <t>POINT (4.773281465567627 51.8257964091662)</t>
  </si>
  <si>
    <t>POINT (4.775361129596059 51.81755143377584)</t>
  </si>
  <si>
    <t>POINT (4.7946777617527045 51.821286239967826)</t>
  </si>
  <si>
    <t>POINT (4.759435242647495 51.82786506574414)</t>
  </si>
  <si>
    <t>POINT (4.7742812376202535 51.81891485104116)</t>
  </si>
  <si>
    <t>POINT (4.770866621863703 51.82511967792916)</t>
  </si>
  <si>
    <t>POINT (4.768208089559469 51.82735238494367)</t>
  </si>
  <si>
    <t>POINT (4.786905743292935 51.81964588292476)</t>
  </si>
  <si>
    <t>POINT (4.780683456681568 51.81846506333849)</t>
  </si>
  <si>
    <t>POINT (4.783689452385616 51.81729703220731)</t>
  </si>
  <si>
    <t>POINT (4.800395861449574 51.81961630702921)</t>
  </si>
  <si>
    <t>POINT (4.785078824600327 51.823054970471425)</t>
  </si>
  <si>
    <t>POINT (4.784189801099658 51.82090860857713)</t>
  </si>
  <si>
    <t>POINT (4.758104313238603 51.82684240959604)</t>
  </si>
  <si>
    <t>POINT (4.800268409375703 51.81972479097116)</t>
  </si>
  <si>
    <t>POINT (4.79382330495555 51.82075699091061)</t>
  </si>
  <si>
    <t>POINT (4.739868366501752 51.82828615305152)</t>
  </si>
  <si>
    <t>POINT (4.768275272787193 51.82528069097285)</t>
  </si>
  <si>
    <t>POINT (4.785551768833033 51.81818073306107)</t>
  </si>
  <si>
    <t>POINT (4.743929454002936 51.824360145215074)</t>
  </si>
  <si>
    <t>POINT (4.773997841961535 51.82620706670778)</t>
  </si>
  <si>
    <t>POINT (4.770938005107846 51.81925176458947)</t>
  </si>
  <si>
    <t>POINT (4.78117002689672 51.817121707200926)</t>
  </si>
  <si>
    <t>POINT (4.777450623766779 51.82157260949338)</t>
  </si>
  <si>
    <t>POINT (4.800998043760647 51.82792717505257)</t>
  </si>
  <si>
    <t>POINT (4.772947507114553 51.818507616681565)</t>
  </si>
  <si>
    <t>POINT (4.752632997616368 51.82689053078527)</t>
  </si>
  <si>
    <t>POINT (4.783959115492238 51.817163410034624)</t>
  </si>
  <si>
    <t>POINT (4.773814481942522 51.82705993380876)</t>
  </si>
  <si>
    <t>POINT (4.7630801391189435 51.823930152521)</t>
  </si>
  <si>
    <t>POINT (4.77526645820013 51.817100072641324)</t>
  </si>
  <si>
    <t>POINT (4.7687673152423 51.82151471181355)</t>
  </si>
  <si>
    <t>POINT (4.7681056581503185 51.83048984813378)</t>
  </si>
  <si>
    <t>3362RA</t>
  </si>
  <si>
    <t>POINT (4.787916626592611 51.819507501170044)</t>
  </si>
  <si>
    <t>POINT (4.773220288469437 51.82452645212611)</t>
  </si>
  <si>
    <t>POINT (4.750183354375135 51.82890886469896)</t>
  </si>
  <si>
    <t>POINT (4.766745231563255 51.82131190904658)</t>
  </si>
  <si>
    <t>POINT (4.788930140512454 51.81923600332427)</t>
  </si>
  <si>
    <t>POINT (4.769778768004328 51.82152942082302)</t>
  </si>
  <si>
    <t>POINT (4.7895088195661 51.82428073205949)</t>
  </si>
  <si>
    <t>POINT (4.802629594062455 51.820457097998464)</t>
  </si>
  <si>
    <t>POINT (4.790019896925212 51.82208742540981)</t>
  </si>
  <si>
    <t>POINT (4.768654685973247 51.82085626150382)</t>
  </si>
  <si>
    <t>POINT (4.774668588531957 51.822888838808986)</t>
  </si>
  <si>
    <t>POINT (4.791524038129804 51.82145121711203)</t>
  </si>
  <si>
    <t>POINT (4.751011871718907 51.823399213632285)</t>
  </si>
  <si>
    <t>POINT (4.796189635726825 51.82295153406723)</t>
  </si>
  <si>
    <t>POINT (4.756781826367462 51.82811385155906)</t>
  </si>
  <si>
    <t>POINT (4.7807530793655655 51.82468525038559)</t>
  </si>
  <si>
    <t>POINT (4.787243067768463 51.82146869315873)</t>
  </si>
  <si>
    <t>POINT (4.761087159972184 51.82700586059866)</t>
  </si>
  <si>
    <t>POINT (4.766435193889161 51.82674555149694)</t>
  </si>
  <si>
    <t>POINT (4.773741123093261 51.82149355110762)</t>
  </si>
  <si>
    <t>POINT (4.768810693496663 51.826707214634304)</t>
  </si>
  <si>
    <t>POINT (4.790907208891872 51.81810316699207)</t>
  </si>
  <si>
    <t>POINT (4.7605168506011015 51.82550810474021)</t>
  </si>
  <si>
    <t>POINT (4.797552135993549 51.82376897535886)</t>
  </si>
  <si>
    <t>POINT (4.790335066301077 51.817849657302794)</t>
  </si>
  <si>
    <t>POINT (4.78240881741824 51.821361637883825)</t>
  </si>
  <si>
    <t>POINT (4.747938391314134 51.829440650270726)</t>
  </si>
  <si>
    <t>POINT (4.775203234947197 51.829042871579105)</t>
  </si>
  <si>
    <t>POINT (4.790062787232481 51.821652776481585)</t>
  </si>
  <si>
    <t>POINT (4.7968754740630555 51.82775514815159)</t>
  </si>
  <si>
    <t>POINT (4.780211345701137 51.825856520043345)</t>
  </si>
  <si>
    <t>POINT (4.762267408563691 51.828333921645985)</t>
  </si>
  <si>
    <t>POINT (4.774552774946469 51.81881685496829)</t>
  </si>
  <si>
    <t>POINT (4.79444866163515 51.82363020080733)</t>
  </si>
  <si>
    <t>POINT (4.765990115195747 51.822007164309305)</t>
  </si>
  <si>
    <t>POINT (4.734843185393313 51.82977100774823)</t>
  </si>
  <si>
    <t>POINT (4.758007910833407 51.82826128107254)</t>
  </si>
  <si>
    <t>POINT (4.759272899973789 51.82520060864868)</t>
  </si>
  <si>
    <t>POINT (4.748243071490808 51.8299706586828)</t>
  </si>
  <si>
    <t>POINT (4.773793811585158 51.820454835929624)</t>
  </si>
  <si>
    <t>POINT (4.775591289306989 51.81747721913883)</t>
  </si>
  <si>
    <t>POINT (4.779415065366909 51.82535107987781)</t>
  </si>
  <si>
    <t>POINT (4.779816438269645 51.823771212870746)</t>
  </si>
  <si>
    <t>POINT (4.749865059418251 51.82894039477422)</t>
  </si>
  <si>
    <t>POINT (4.753835327668773 51.827259174833046)</t>
  </si>
  <si>
    <t>POINT (4.762174980997107 51.82368057679485)</t>
  </si>
  <si>
    <t>POINT (4.790798385144245 51.820759726589486)</t>
  </si>
  <si>
    <t>POINT (4.738958992262949 51.83143358096528)</t>
  </si>
  <si>
    <t>POINT (4.774498388643586 51.81710927870859)</t>
  </si>
  <si>
    <t>POINT (4.792116924062518 51.821587704795945)</t>
  </si>
  <si>
    <t>POINT (4.764999531813442 51.82319195274341)</t>
  </si>
  <si>
    <t>POINT (4.737348207018609 51.82430438762751)</t>
  </si>
  <si>
    <t>POINT (4.768768345173649 51.81910534382737)</t>
  </si>
  <si>
    <t>POINT (4.780761340730559 51.82611960002451)</t>
  </si>
  <si>
    <t>POINT (4.7687595778891305 51.821909503758135)</t>
  </si>
  <si>
    <t>POINT (4.760294968643519 51.82397085962586)</t>
  </si>
  <si>
    <t>POINT (4.786973424035782 51.81734056884589)</t>
  </si>
  <si>
    <t>POINT (4.738159728109143 51.82808624954768)</t>
  </si>
  <si>
    <t>POINT (4.780306387564073 51.81859245988836)</t>
  </si>
  <si>
    <t>POINT (4.787773151058389 51.82116776742075)</t>
  </si>
  <si>
    <t>POINT (4.78951021115573 51.82159423483033)</t>
  </si>
  <si>
    <t>POINT (4.797626297867037 51.82067197764702)</t>
  </si>
  <si>
    <t>POINT (4.770106971740688 51.82622020377237)</t>
  </si>
  <si>
    <t>POINT (4.760854282681657 51.82596562726088)</t>
  </si>
  <si>
    <t>POINT (4.771245025479927 51.82669439634389)</t>
  </si>
  <si>
    <t>POINT (4.772045611605127 51.83022717785159)</t>
  </si>
  <si>
    <t>POINT (4.746648574937547 51.83018434662181)</t>
  </si>
  <si>
    <t>POINT (4.739226576303398 51.823352901223586)</t>
  </si>
  <si>
    <t>POINT (4.76393046643267 51.82579584785105)</t>
  </si>
  <si>
    <t>POINT (4.777089040628821 51.82313586723603)</t>
  </si>
  <si>
    <t>POINT (4.792114393255953 51.820691711126095)</t>
  </si>
  <si>
    <t>POINT (4.769588286350288 51.82632210292395)</t>
  </si>
  <si>
    <t>POINT (4.793798933219671 51.82323636465448)</t>
  </si>
  <si>
    <t>POINT (4.769980037521781 51.827216280210116)</t>
  </si>
  <si>
    <t>POINT (4.793359130019363 51.82089180897264)</t>
  </si>
  <si>
    <t>POINT (4.791210023042322 51.82290954682155)</t>
  </si>
  <si>
    <t>POINT (4.77765360980901 51.81789935556032)</t>
  </si>
  <si>
    <t>POINT (4.771070550759739 51.8173006780501)</t>
  </si>
  <si>
    <t>POINT (4.76815926562911 51.818529020337486)</t>
  </si>
  <si>
    <t>POINT (4.796312724862362 51.82049962292332)</t>
  </si>
  <si>
    <t>POINT (4.802342607151101 51.82259944091181)</t>
  </si>
  <si>
    <t>POINT (4.774210584055625 51.822980018947995)</t>
  </si>
  <si>
    <t>POINT (4.775233329568403 51.81735032196909)</t>
  </si>
  <si>
    <t>POINT (4.780282762519656 51.82312653727201)</t>
  </si>
  <si>
    <t>POINT (4.7802475497085695 51.82301624511056)</t>
  </si>
  <si>
    <t>POINT (4.763469332362564 51.824809687348534)</t>
  </si>
  <si>
    <t>POINT (4.788519942513504 51.820111825922154)</t>
  </si>
  <si>
    <t>POINT (4.771953517729598 51.81716194198181)</t>
  </si>
  <si>
    <t>POINT (4.7747614269880065 51.82405199629138)</t>
  </si>
  <si>
    <t>POINT (4.782851384806316 51.82638960975428)</t>
  </si>
  <si>
    <t>POINT (4.805283846999624 51.821739831897006)</t>
  </si>
  <si>
    <t>POINT (4.784658990688208 51.81683074234155)</t>
  </si>
  <si>
    <t>POINT (4.746520057127738 51.82925449412021)</t>
  </si>
  <si>
    <t>POINT (4.771547124078276 51.830025251870396)</t>
  </si>
  <si>
    <t>POINT (4.781783835213439 51.81922192028912)</t>
  </si>
  <si>
    <t>POINT (4.760237385308686 51.82595190710433)</t>
  </si>
  <si>
    <t>POINT (4.793770092922911 51.82276072356739)</t>
  </si>
  <si>
    <t>POINT (4.797286563932791 51.82678195582775)</t>
  </si>
  <si>
    <t>POINT (4.757352764879084 51.82855322253473)</t>
  </si>
  <si>
    <t>POINT (4.784020664078909 51.82089893069909)</t>
  </si>
  <si>
    <t>POINT (4.7699495232180125 51.82651033633847)</t>
  </si>
  <si>
    <t>POINT (4.7721313611248135 51.818094901006056)</t>
  </si>
  <si>
    <t>POINT (4.771382790604807 51.817896372725336)</t>
  </si>
  <si>
    <t>POINT (4.791754486980587 51.82072871647214)</t>
  </si>
  <si>
    <t>POINT (4.801154364000654 51.82138329388347)</t>
  </si>
  <si>
    <t>POINT (4.784803883871469 51.820194832901144)</t>
  </si>
  <si>
    <t>POINT (4.7735569662402995 51.82350342449058)</t>
  </si>
  <si>
    <t>POINT (4.776534125969011 51.82358169147907)</t>
  </si>
  <si>
    <t>POINT (4.7960663385838895 51.823803478733375)</t>
  </si>
  <si>
    <t>POINT (4.768835340263582 51.81854588736993)</t>
  </si>
  <si>
    <t>POINT (4.767605446995818 51.82688063069585)</t>
  </si>
  <si>
    <t>POINT (4.752998047425477 51.82676189940328)</t>
  </si>
  <si>
    <t>POINT (4.7726009071499025 51.81790913968938)</t>
  </si>
  <si>
    <t>POINT (4.75004160870867 51.831505618892436)</t>
  </si>
  <si>
    <t>POINT (4.794998305941014 51.823870093568694)</t>
  </si>
  <si>
    <t>POINT (4.766029828055365 51.8236134015873)</t>
  </si>
  <si>
    <t>POINT (4.773038787428721 51.8252955543653)</t>
  </si>
  <si>
    <t>POINT (4.7785400789499874 51.82630872819691)</t>
  </si>
  <si>
    <t>POINT (4.789724274699438 51.823817479403466)</t>
  </si>
  <si>
    <t>POINT (4.7862048982437635 51.818047542770195)</t>
  </si>
  <si>
    <t>POINT (4.780185493037133 51.81911532975822)</t>
  </si>
  <si>
    <t>POINT (4.737758162933564 51.825439940277136)</t>
  </si>
  <si>
    <t>POINT (4.737865432457469 51.826843592250135)</t>
  </si>
  <si>
    <t>POINT (4.766540758548902 51.82707509188816)</t>
  </si>
  <si>
    <t>POINT (4.768772181963231 51.8250736962531)</t>
  </si>
  <si>
    <t>POINT (4.774815579997428 51.823183712203104)</t>
  </si>
  <si>
    <t>POINT (4.785840732953619 51.817067719946806)</t>
  </si>
  <si>
    <t>POINT (4.800341871389809 51.82308382580053)</t>
  </si>
  <si>
    <t>POINT (4.80506605756535 51.81970149409018)</t>
  </si>
  <si>
    <t>POINT (4.765604254292321 51.82480105785541)</t>
  </si>
  <si>
    <t>POINT (4.737563259917583 51.82895826026832)</t>
  </si>
  <si>
    <t>POINT (4.767821147731439 51.82201516900947)</t>
  </si>
  <si>
    <t>POINT (4.772920388089974 51.82100863896226)</t>
  </si>
  <si>
    <t>POINT (4.748643290798848 51.82868342255562)</t>
  </si>
  <si>
    <t>POINT (4.779102147339442 51.82257059537021)</t>
  </si>
  <si>
    <t>POINT (4.796770445481562 51.82087872713112)</t>
  </si>
  <si>
    <t>POINT (4.779331442208649 51.82106691498247)</t>
  </si>
  <si>
    <t>POINT (4.802640899141948 51.82078209092887)</t>
  </si>
  <si>
    <t>POINT (4.798038073343079 51.82064995593254)</t>
  </si>
  <si>
    <t>POINT (4.8032056407167625 51.82142470815339)</t>
  </si>
  <si>
    <t>POINT (4.779792361213431 51.82282387190499)</t>
  </si>
  <si>
    <t>POINT (4.796280664613725 51.82316654946399)</t>
  </si>
  <si>
    <t>POINT (4.754182910791805 51.82645306514259)</t>
  </si>
  <si>
    <t>POINT (4.76705007483008 51.82672749867043)</t>
  </si>
  <si>
    <t>POINT (4.747219144917056 51.82796817433168)</t>
  </si>
  <si>
    <t>POINT (4.7406079355742445 51.830938513553754)</t>
  </si>
  <si>
    <t>POINT (4.759841205141359 51.825307196013924)</t>
  </si>
  <si>
    <t>POINT (4.773624853323781 51.822661459277896)</t>
  </si>
  <si>
    <t>POINT (4.775103973846309 51.81705023754428)</t>
  </si>
  <si>
    <t>POINT (4.772209888823243 51.81687825743257)</t>
  </si>
  <si>
    <t>POINT (4.772145624418634 51.81806998747434)</t>
  </si>
  <si>
    <t>POINT (4.773394624733672 51.82314330200857)</t>
  </si>
  <si>
    <t>POINT (4.791856620658114 51.81883803870713)</t>
  </si>
  <si>
    <t>POINT (4.795948266566361 51.823582214745876)</t>
  </si>
  <si>
    <t>POINT (4.76717226098677 51.82185386748972)</t>
  </si>
  <si>
    <t>POINT (4.772465718841613 51.81951631038751)</t>
  </si>
  <si>
    <t>POINT (4.769032899674551 51.825852761842306)</t>
  </si>
  <si>
    <t>POINT (4.801300813283819 51.82185556511842)</t>
  </si>
  <si>
    <t>POINT (4.737275009299089 51.82951821867141)</t>
  </si>
  <si>
    <t>POINT (4.735752004660867 51.83052211793552)</t>
  </si>
  <si>
    <t>POINT (4.737981608456796 51.829172166477846)</t>
  </si>
  <si>
    <t>POINT (4.797170884101742 51.8232299927376)</t>
  </si>
  <si>
    <t>POINT (4.791775708811563 51.81947348000181)</t>
  </si>
  <si>
    <t>POINT (4.74486309528588 51.82898674706773)</t>
  </si>
  <si>
    <t>POINT (4.787902110635364 51.81945385513582)</t>
  </si>
  <si>
    <t>POINT (4.777277605782313 51.817079440832046)</t>
  </si>
  <si>
    <t>POINT (4.770038565887065 51.81746523021554)</t>
  </si>
  <si>
    <t>POINT (4.758763500680061 51.82388653676748)</t>
  </si>
  <si>
    <t>POINT (4.802607383696973 51.822393393768145)</t>
  </si>
  <si>
    <t>POINT (4.781973117923481 51.825227626023256)</t>
  </si>
  <si>
    <t>POINT (4.781213152936792 51.81750305481262)</t>
  </si>
  <si>
    <t>POINT (4.760610165994208 51.823105233418325)</t>
  </si>
  <si>
    <t>POINT (4.772634589752253 51.81841726122381)</t>
  </si>
  <si>
    <t>POINT (4.765345481478125 51.82336007497387)</t>
  </si>
  <si>
    <t>POINT (4.789444399647296 51.82143812771451)</t>
  </si>
  <si>
    <t>POINT (4.757826727603833 51.825424948811865)</t>
  </si>
  <si>
    <t>POINT (4.790976994475443 51.819943662568484)</t>
  </si>
  <si>
    <t>POINT (4.764629746692655 51.823363471734375)</t>
  </si>
  <si>
    <t>POINT (4.7669261994558045 51.826347436020114)</t>
  </si>
  <si>
    <t>POINT (4.766973498924042 51.8279595187193)</t>
  </si>
  <si>
    <t>POINT (4.7518169204667045 51.82930485687881)</t>
  </si>
  <si>
    <t>POINT (4.759090274846593 51.82717802024671)</t>
  </si>
  <si>
    <t>POINT (4.77533644841084 51.82157109040472)</t>
  </si>
  <si>
    <t>POINT (4.79157552762323 51.818322915504325)</t>
  </si>
  <si>
    <t>POINT (4.787930996359383 51.819561236341364)</t>
  </si>
  <si>
    <t>POINT (4.764880180144589 51.82432469113991)</t>
  </si>
  <si>
    <t>POINT (4.745824729392464 51.82955010719377)</t>
  </si>
  <si>
    <t>POINT (4.798780677688354 51.821395687350005)</t>
  </si>
  <si>
    <t>POINT (4.762179841468278 51.82830909635904)</t>
  </si>
  <si>
    <t>POINT (4.785899064560705 51.81729390183727)</t>
  </si>
  <si>
    <t>POINT (4.737279983335894 51.82769765839863)</t>
  </si>
  <si>
    <t>POINT (4.796151322471555 51.82091767760689)</t>
  </si>
  <si>
    <t>POINT (4.774422006909175 51.82223767721235)</t>
  </si>
  <si>
    <t>POINT (4.757758654921286 51.82819064275597)</t>
  </si>
  <si>
    <t>POINT (4.799036435500697 51.81989174370905)</t>
  </si>
  <si>
    <t>POINT (4.7804448189040825 51.82175553822096)</t>
  </si>
  <si>
    <t>POINT (4.7737767285769355 51.82525078490199)</t>
  </si>
  <si>
    <t>POINT (4.769840740967351 51.81753933442507)</t>
  </si>
  <si>
    <t>POINT (4.749224543810989 51.82879903036214)</t>
  </si>
  <si>
    <t>POINT (4.783424875666462 51.81779795337955)</t>
  </si>
  <si>
    <t>POINT (4.749842140970317 51.82962744833077)</t>
  </si>
  <si>
    <t>POINT (4.793032376622913 51.82279312558373)</t>
  </si>
  <si>
    <t>POINT (4.7732114561645345 51.82550490286731)</t>
  </si>
  <si>
    <t>POINT (4.773322069815167 51.82198456379062)</t>
  </si>
  <si>
    <t>POINT (4.801757186972457 51.8190369606664)</t>
  </si>
  <si>
    <t>POINT (4.796468439536392 51.823603260331645)</t>
  </si>
  <si>
    <t>POINT (4.777267731526421 51.82356555118052)</t>
  </si>
  <si>
    <t>POINT (4.774860019943917 51.82184509466786)</t>
  </si>
  <si>
    <t>POINT (4.781199283086008 51.81761776740883)</t>
  </si>
  <si>
    <t>POINT (4.772174762281045 51.82903090870352)</t>
  </si>
  <si>
    <t>POINT (4.802409590282736 51.82205389919596)</t>
  </si>
  <si>
    <t>POINT (4.774107512721213 51.81739828801317)</t>
  </si>
  <si>
    <t>POINT (4.795525838786733 51.82324229581478)</t>
  </si>
  <si>
    <t>POINT (4.759519140719334 51.82467429536249)</t>
  </si>
  <si>
    <t>POINT (4.742072386133235 51.83069426983577)</t>
  </si>
  <si>
    <t>POINT (4.765305883179537 51.824001290839874)</t>
  </si>
  <si>
    <t>POINT (4.750045709737917 51.828906949144816)</t>
  </si>
  <si>
    <t>POINT (4.7633297816480065 51.82450621005005)</t>
  </si>
  <si>
    <t>POINT (4.750817560855293 51.829055582811435)</t>
  </si>
  <si>
    <t>POINT (4.77871026486481 51.820558268348265)</t>
  </si>
  <si>
    <t>POINT (4.7378363705754225 51.83020659844531)</t>
  </si>
  <si>
    <t>POINT (4.786347159894833 51.819594036971)</t>
  </si>
  <si>
    <t>POINT (4.746428692936003 51.82801779368012)</t>
  </si>
  <si>
    <t>POINT (4.7767907175109166 51.821322218168895)</t>
  </si>
  <si>
    <t>POINT (4.736573939624865 51.82818030028268)</t>
  </si>
  <si>
    <t>POINT (4.7834754852168775 51.81893562874607)</t>
  </si>
  <si>
    <t>POINT (4.790858339724106 51.819582707829575)</t>
  </si>
  <si>
    <t>POINT (4.774592832956224 51.81865473017955)</t>
  </si>
  <si>
    <t>POINT (4.787326090910927 51.81951347304542)</t>
  </si>
  <si>
    <t>POINT (4.787695732712031 51.82088153533377)</t>
  </si>
  <si>
    <t>POINT (4.767640561769231 51.82097055086083)</t>
  </si>
  <si>
    <t>POINT (4.753157965203691 51.828469427479604)</t>
  </si>
  <si>
    <t>POINT (4.751375979813227 51.82853852883186)</t>
  </si>
  <si>
    <t>POINT (4.77292130054728 51.81650329374961)</t>
  </si>
  <si>
    <t>POINT (4.761935418828487 51.82574613720754)</t>
  </si>
  <si>
    <t>POINT (4.775201638088748 51.821201765754964)</t>
  </si>
  <si>
    <t>POINT (4.77582426317504 51.82203987012848)</t>
  </si>
  <si>
    <t>POINT (4.7654642752324 51.82359171099973)</t>
  </si>
  <si>
    <t>POINT (4.782964016094892 51.82638488632666)</t>
  </si>
  <si>
    <t>POINT (4.79082170325703 51.818832784656834)</t>
  </si>
  <si>
    <t>POINT (4.799320137232307 51.82122616957083)</t>
  </si>
  <si>
    <t>POINT (4.775374638008956 51.82166414154359)</t>
  </si>
  <si>
    <t>POINT (4.773413416154232 51.82608796965758)</t>
  </si>
  <si>
    <t>POINT (4.79318164358413 51.823507753227)</t>
  </si>
  <si>
    <t>POINT (4.7799984517572875 51.82347184619295)</t>
  </si>
  <si>
    <t>POINT (4.773628754104914 51.826626432731196)</t>
  </si>
  <si>
    <t>POINT (4.779115621581877 51.82596173194496)</t>
  </si>
  <si>
    <t>POINT (4.784444647669739 51.82544228071379)</t>
  </si>
  <si>
    <t>POINT (4.772784282015636 51.81725626980658)</t>
  </si>
  <si>
    <t>POINT (4.773124183756257 51.825437121866095)</t>
  </si>
  <si>
    <t>POINT (4.773360555465364 51.822076898055776)</t>
  </si>
  <si>
    <t>POINT (4.776729553957749 51.817345440089305)</t>
  </si>
  <si>
    <t>POINT (4.762624357009312 51.82455980577314)</t>
  </si>
  <si>
    <t>POINT (4.7885620424194 51.82240250912932)</t>
  </si>
  <si>
    <t>POINT (4.766066271663091 51.82264246735881)</t>
  </si>
  <si>
    <t>POINT (4.748724477096618 51.82971108076909)</t>
  </si>
  <si>
    <t>POINT (4.79099649553814 51.82129851937448)</t>
  </si>
  <si>
    <t>POINT (4.785309081775576 51.818227397887675)</t>
  </si>
  <si>
    <t>POINT (4.774369841133303 51.822052509699496)</t>
  </si>
  <si>
    <t>POINT (4.779875967242084 51.82450546519361)</t>
  </si>
  <si>
    <t>POINT (4.750868242003762 51.829175226074604)</t>
  </si>
  <si>
    <t>POINT (4.766429241046916 51.81990017103102)</t>
  </si>
  <si>
    <t>POINT (4.796118087890819 51.82121781833941)</t>
  </si>
  <si>
    <t>POINT (4.773316172759881 51.82043660870193)</t>
  </si>
  <si>
    <t>POINT (4.775255876270684 51.81687530276134)</t>
  </si>
  <si>
    <t>POINT (4.772053117386606 51.83128954998637)</t>
  </si>
  <si>
    <t>POINT (4.779704696296794 51.82254809804397)</t>
  </si>
  <si>
    <t>POINT (4.753270942504688 51.82493428433434)</t>
  </si>
  <si>
    <t>POINT (4.779239639869456 51.81770218373855)</t>
  </si>
  <si>
    <t>POINT (4.798907463667957 51.8225169274285)</t>
  </si>
  <si>
    <t>POINT (4.760106117025957 51.824783408235774)</t>
  </si>
  <si>
    <t>POINT (4.773953066285406 51.82300519011582)</t>
  </si>
  <si>
    <t>POINT (4.784256989704818 51.82149168320913)</t>
  </si>
  <si>
    <t>POINT (4.779107832433063 51.81736461772906)</t>
  </si>
  <si>
    <t>POINT (4.774102857431777 51.82128106343606)</t>
  </si>
  <si>
    <t>POINT (4.786653008796717 51.82121920885931)</t>
  </si>
  <si>
    <t>POINT (4.79713974507399 51.82294939293993)</t>
  </si>
  <si>
    <t>POINT (4.801986558743015 51.82207066679747)</t>
  </si>
  <si>
    <t>POINT (4.799715270983837 51.82290424577648)</t>
  </si>
  <si>
    <t>POINT (4.738097577607352 51.82902719243971)</t>
  </si>
  <si>
    <t>POINT (4.738231810521512 51.82806723270154)</t>
  </si>
  <si>
    <t>POINT (4.765903711263836 51.82626994004538)</t>
  </si>
  <si>
    <t>POINT (4.7688733036499835 51.82775812990749)</t>
  </si>
  <si>
    <t>POINT (4.779505657479736 51.81807470903869)</t>
  </si>
  <si>
    <t>POINT (4.7518022035522645 51.82414633038524)</t>
  </si>
  <si>
    <t>POINT (4.769759759772607 51.81696076219214)</t>
  </si>
  <si>
    <t>POINT (4.778218741170171 51.820438148465925)</t>
  </si>
  <si>
    <t>POINT (4.74842376347121 51.82856321915119)</t>
  </si>
  <si>
    <t>POINT (4.773897610758548 51.823296400103274)</t>
  </si>
  <si>
    <t>POINT (4.762780635959522 51.823393738500904)</t>
  </si>
  <si>
    <t>POINT (4.7669458702479135 51.82186446438972)</t>
  </si>
  <si>
    <t>POINT (4.800119666491033 51.82763757838264)</t>
  </si>
  <si>
    <t>POINT (4.788619058213671 51.82168074781171)</t>
  </si>
  <si>
    <t>POINT (4.743361708606827 51.8272935368706)</t>
  </si>
  <si>
    <t>POINT (4.759617100859592 51.825139709099346)</t>
  </si>
  <si>
    <t>POINT (4.774408891392463 51.81698216224203)</t>
  </si>
  <si>
    <t>POINT (4.781027236221585 51.82460972429714)</t>
  </si>
  <si>
    <t>POINT (4.760072098123641 51.825570716904515)</t>
  </si>
  <si>
    <t>POINT (4.780568304150639 51.82551313216113)</t>
  </si>
  <si>
    <t>POINT (4.773081646336408 51.817497641712485)</t>
  </si>
  <si>
    <t>POINT (4.759566934155523 51.83256072837213)</t>
  </si>
  <si>
    <t>POINT (4.787189840844884 51.82118501130565)</t>
  </si>
  <si>
    <t>POINT (4.769364424315248 51.818430204082446)</t>
  </si>
  <si>
    <t>POINT (4.739289651381542 51.828631807879475)</t>
  </si>
  <si>
    <t>POINT (4.792143586593439 51.823435530486194)</t>
  </si>
  <si>
    <t>POINT (4.768517138765839 51.821216751985716)</t>
  </si>
  <si>
    <t>POINT (4.761993041735194 51.82747953371427)</t>
  </si>
  <si>
    <t>POINT (4.797707475704312 51.82107480357793)</t>
  </si>
  <si>
    <t>POINT (4.7705240823935755 51.81905957172741)</t>
  </si>
  <si>
    <t>POINT (4.77063065326333 51.81712138255198)</t>
  </si>
  <si>
    <t>POINT (4.756515179112849 51.82542995386178)</t>
  </si>
  <si>
    <t>POINT (4.787811135231104 51.82235804862061)</t>
  </si>
  <si>
    <t>POINT (4.7800219565322895 51.822448438356226)</t>
  </si>
  <si>
    <t>POINT (4.740393034942086 51.828380189666944)</t>
  </si>
  <si>
    <t>POINT (4.741299941334281 51.8298380737781)</t>
  </si>
  <si>
    <t>POINT (4.788528155596693 51.82022512386424)</t>
  </si>
  <si>
    <t>POINT (4.796368331576294 51.82040687115382)</t>
  </si>
  <si>
    <t>POINT (4.776676019735731 51.82175882626428)</t>
  </si>
  <si>
    <t>POINT (4.767814086167258 51.821272943979004)</t>
  </si>
  <si>
    <t>POINT (4.7740721958525825 51.822340926976466)</t>
  </si>
  <si>
    <t>POINT (4.760359170499696 51.82521612235719)</t>
  </si>
  <si>
    <t>POINT (4.778824098409201 51.82388085786575)</t>
  </si>
  <si>
    <t>POINT (4.773109044364985 51.82399311692802)</t>
  </si>
  <si>
    <t>POINT (4.747706828795451 51.829197236244305)</t>
  </si>
  <si>
    <t>POINT (4.759344247172046 51.83260131651374)</t>
  </si>
  <si>
    <t>POINT (4.768381199488807 51.826767871290656)</t>
  </si>
  <si>
    <t>POINT (4.7496571059695745 51.82910923984127)</t>
  </si>
  <si>
    <t>POINT (4.746820896434659 51.82863448435516)</t>
  </si>
  <si>
    <t>POINT (4.774923061176856 51.8219985889942)</t>
  </si>
  <si>
    <t>POINT (4.780726627774581 51.82578864113089)</t>
  </si>
  <si>
    <t>POINT (4.752486664864396 51.827289642173355)</t>
  </si>
  <si>
    <t>POINT (4.76776174001945 51.827868401932164)</t>
  </si>
  <si>
    <t>POINT (4.775051582351763 51.8237495160525)</t>
  </si>
  <si>
    <t>POINT (4.767321710067337 51.82151691961767)</t>
  </si>
  <si>
    <t>POINT (4.7695213827534655 51.82728748412465)</t>
  </si>
  <si>
    <t>POINT (4.74792429429189 51.823694971689896)</t>
  </si>
  <si>
    <t>POINT (4.774993707063914 51.82361061028372)</t>
  </si>
  <si>
    <t>POINT (4.753048928889136 51.82464068605595)</t>
  </si>
  <si>
    <t>POINT (4.746444303434089 51.83005217807174)</t>
  </si>
  <si>
    <t>POINT (4.737773204298982 51.826709466399414)</t>
  </si>
  <si>
    <t>POINT (4.767240224146147 51.821769940487656)</t>
  </si>
  <si>
    <t>POINT (4.740820905291883 51.83004263320542)</t>
  </si>
  <si>
    <t>POINT (4.79412252951463 51.82309409316309)</t>
  </si>
  <si>
    <t>POINT (4.791138889891023 51.82103830432259)</t>
  </si>
  <si>
    <t>POINT (4.739395515175662 51.82966678247231)</t>
  </si>
  <si>
    <t>POINT (4.772774585932303 51.818074090789125)</t>
  </si>
  <si>
    <t>POINT (4.769818562735115 51.81728430130119)</t>
  </si>
  <si>
    <t>POINT (4.745128441926286 51.829790251280315)</t>
  </si>
  <si>
    <t>POINT (4.80273180414952 51.81898393161552)</t>
  </si>
  <si>
    <t>POINT (4.773636038568205 51.823693856481476)</t>
  </si>
  <si>
    <t>POINT (4.787065663391908 51.821840092994165)</t>
  </si>
  <si>
    <t>POINT (4.781063554339819 51.82574903399341)</t>
  </si>
  <si>
    <t>POINT (4.767856039591318 51.824025560760475)</t>
  </si>
  <si>
    <t>POINT (4.774915074586768 51.828437965808675)</t>
  </si>
  <si>
    <t>POINT (4.773878028173545 51.82260354769991)</t>
  </si>
  <si>
    <t>POINT (4.801782138230816 51.82159415236845)</t>
  </si>
  <si>
    <t>POINT (4.786466258873735 51.82179091533787)</t>
  </si>
  <si>
    <t>POINT (4.773102503364463 51.824079283210885)</t>
  </si>
  <si>
    <t>POINT (4.781700805209981 51.817326519064416)</t>
  </si>
  <si>
    <t>POINT (4.79653928041186 51.82017870279673)</t>
  </si>
  <si>
    <t>POINT (4.770366069636545 51.8178242484118)</t>
  </si>
  <si>
    <t>POINT (4.7674898841921465 51.82527322135105)</t>
  </si>
  <si>
    <t>POINT (4.744423243117109 51.82930190652592)</t>
  </si>
  <si>
    <t>POINT (4.750000364808937 51.82356729666433)</t>
  </si>
  <si>
    <t>POINT (4.7677528632624595 51.82754323807145)</t>
  </si>
  <si>
    <t>POINT (4.775620004680353 51.823816747464605)</t>
  </si>
  <si>
    <t>POINT (4.752037547019524 51.82853482963056)</t>
  </si>
  <si>
    <t>POINT (4.780189868613831 51.81781021011704)</t>
  </si>
  <si>
    <t>POINT (4.789865841749396 51.82250443034534)</t>
  </si>
  <si>
    <t>POINT (4.788758732443538 51.819463349430826)</t>
  </si>
  <si>
    <t>POINT (4.79008534474069 51.82173468725046)</t>
  </si>
  <si>
    <t>3364AC</t>
  </si>
  <si>
    <t>Conradstraat</t>
  </si>
  <si>
    <t>POINT (4.7737968526721986 51.82950626273496)</t>
  </si>
  <si>
    <t>POINT (4.775952434317362 51.81879197349664)</t>
  </si>
  <si>
    <t>POINT (4.783549129400839 51.81826671782301)</t>
  </si>
  <si>
    <t>POINT (4.749929131299052 51.82895413563442)</t>
  </si>
  <si>
    <t>POINT (4.798344022821094 51.82326617539725)</t>
  </si>
  <si>
    <t>POINT (4.761636958486679 51.82783106784047)</t>
  </si>
  <si>
    <t>POINT (4.805122563434831 51.820008275379685)</t>
  </si>
  <si>
    <t>POINT (4.7884889800308486 51.82410286420303)</t>
  </si>
  <si>
    <t>POINT (4.774855334803098 51.82327901880348)</t>
  </si>
  <si>
    <t>POINT (4.7453844911454794 51.82851733808094)</t>
  </si>
  <si>
    <t>POINT (4.765820935919399 51.832589193936364)</t>
  </si>
  <si>
    <t>POINT (4.766198731189617 51.82356683557434)</t>
  </si>
  <si>
    <t>POINT (4.750945203956089 51.82943712141536)</t>
  </si>
  <si>
    <t>POINT (4.753453482401371 51.82828289207959)</t>
  </si>
  <si>
    <t>POINT (4.794226292826342 51.82326656871351)</t>
  </si>
  <si>
    <t>POINT (4.735459959914129 51.830756348817964)</t>
  </si>
  <si>
    <t>POINT (4.7977040138555145 51.82221570504791)</t>
  </si>
  <si>
    <t>POINT (4.780913646313728 51.82340278076552)</t>
  </si>
  <si>
    <t>POINT (4.7680905755138925 51.81771168487176)</t>
  </si>
  <si>
    <t>POINT (4.774032605022744 51.82952681984266)</t>
  </si>
  <si>
    <t>POINT (4.735353009116574 51.82947163404054)</t>
  </si>
  <si>
    <t>POINT (4.765813028882703 51.824745714937166)</t>
  </si>
  <si>
    <t>POINT (4.7408823870859385 51.8300123295954)</t>
  </si>
  <si>
    <t>POINT (4.754820364373353 51.82618073104518)</t>
  </si>
  <si>
    <t>POINT (4.739438075276065 51.83095992864554)</t>
  </si>
  <si>
    <t>POINT (4.793073602579178 51.82307683373704)</t>
  </si>
  <si>
    <t>POINT (4.740542632431022 51.82892593885567)</t>
  </si>
  <si>
    <t>POINT (4.769263264954889 51.827312102614634)</t>
  </si>
  <si>
    <t>POINT (4.761823738393464 51.82742811599398)</t>
  </si>
  <si>
    <t>POINT (4.753526709098694 51.82741858479677)</t>
  </si>
  <si>
    <t>POINT (4.778823777541616 51.817392088899865)</t>
  </si>
  <si>
    <t>POINT (4.737797724734303 51.82785881319277)</t>
  </si>
  <si>
    <t>POINT (4.772142098956852 51.81740355495867)</t>
  </si>
  <si>
    <t>POINT (4.772143937170725 51.821015943331666)</t>
  </si>
  <si>
    <t>POINT (4.796163896771069 51.82318879251789)</t>
  </si>
  <si>
    <t>POINT (4.763795996300887 51.82558605922346)</t>
  </si>
  <si>
    <t>POINT (4.793882903734569 51.82354599587984)</t>
  </si>
  <si>
    <t>POINT (4.7895553612696595 51.819917376590695)</t>
  </si>
  <si>
    <t>POINT (4.737869808229198 51.8278397066892)</t>
  </si>
  <si>
    <t>POINT (4.784639059490145 51.82003632718366)</t>
  </si>
  <si>
    <t>POINT (4.786265712244298 51.81717380466717)</t>
  </si>
  <si>
    <t>POINT (4.776769629098053 51.82119788628369)</t>
  </si>
  <si>
    <t>POINT (4.764313570321152 51.819298681245364)</t>
  </si>
  <si>
    <t>POINT (4.7792301197048515 51.822976373561126)</t>
  </si>
  <si>
    <t>POINT (4.787053371712731 51.818983011213035)</t>
  </si>
  <si>
    <t>POINT (4.805041065691504 51.82036760250086)</t>
  </si>
  <si>
    <t>POINT (4.769372076124917 51.82166144444763)</t>
  </si>
  <si>
    <t>POINT (4.7740246351609406 51.8236726067098)</t>
  </si>
  <si>
    <t>POINT (4.791352681592373 51.819699912654585)</t>
  </si>
  <si>
    <t>POINT (4.767057891890972 51.82614885492667)</t>
  </si>
  <si>
    <t>POINT (4.741382583747943 51.82870167729073)</t>
  </si>
  <si>
    <t>POINT (4.778488102819601 51.820737607115014)</t>
  </si>
  <si>
    <t>POINT (4.755820341823248 51.824539763287795)</t>
  </si>
  <si>
    <t>POINT (4.773265502504529 51.82567974378982)</t>
  </si>
  <si>
    <t>POINT (4.738720521503112 51.82761511023115)</t>
  </si>
  <si>
    <t>POINT (4.775096747084357 51.82279498444557)</t>
  </si>
  <si>
    <t>POINT (4.776617128561171 51.82916861389088)</t>
  </si>
  <si>
    <t>POINT (4.738837303728967 51.83111472147266)</t>
  </si>
  <si>
    <t>POINT (4.763064950632033 51.82576023830727)</t>
  </si>
  <si>
    <t>POINT (4.767958160257302 51.82099523769086)</t>
  </si>
  <si>
    <t>POINT (4.788552317269336 51.81981464897155)</t>
  </si>
  <si>
    <t>POINT (4.7777407898289495 51.820505149397626)</t>
  </si>
  <si>
    <t>POINT (4.7946543953630245 51.823317538555834)</t>
  </si>
  <si>
    <t>POINT (4.739689428834626 51.83124613711976)</t>
  </si>
  <si>
    <t>POINT (4.777144436711272 51.82271890525725)</t>
  </si>
  <si>
    <t>POINT (4.762274773337203 51.8238796661039)</t>
  </si>
  <si>
    <t>POINT (4.776549149204292 51.81686244365874)</t>
  </si>
  <si>
    <t>POINT (4.766277017649549 51.82624432038991)</t>
  </si>
  <si>
    <t>POINT (4.775915940947308 51.82151523462119)</t>
  </si>
  <si>
    <t>POINT (4.780176408823663 51.81776501781274)</t>
  </si>
  <si>
    <t>POINT (4.799917632660037 51.82250221119683)</t>
  </si>
  <si>
    <t>POINT (4.781936171796693 51.81664756698576)</t>
  </si>
  <si>
    <t>POINT (4.790923992427959 51.82014572611455)</t>
  </si>
  <si>
    <t>POINT (4.736749247672476 51.82708923717025)</t>
  </si>
  <si>
    <t>POINT (4.784483767356781 51.81709302830727)</t>
  </si>
  <si>
    <t>POINT (4.760641920827981 51.82793721936194)</t>
  </si>
  <si>
    <t>POINT (4.780122226354792 51.819139091938226)</t>
  </si>
  <si>
    <t>POINT (4.7896962391668625 51.8237110917893)</t>
  </si>
  <si>
    <t>POINT (4.76873110982656 51.820593028914075)</t>
  </si>
  <si>
    <t>POINT (4.766739866576505 51.82769096359112)</t>
  </si>
  <si>
    <t>POINT (4.737721565097176 51.824909409944254)</t>
  </si>
  <si>
    <t>POINT (4.76467686934147 51.823417383542704)</t>
  </si>
  <si>
    <t>POINT (4.746451372816159 51.82978965978152)</t>
  </si>
  <si>
    <t>POINT (4.779115760877626 51.821131414424826)</t>
  </si>
  <si>
    <t>POINT (4.77685391760443 51.819664782401084)</t>
  </si>
  <si>
    <t>POINT (4.7702516228056995 51.826652865486494)</t>
  </si>
  <si>
    <t>POINT (4.7588153698010185 51.832697720672925)</t>
  </si>
  <si>
    <t>POINT (4.778535721516454 51.82557443779402)</t>
  </si>
  <si>
    <t>POINT (4.767828995357886 51.821327942934076)</t>
  </si>
  <si>
    <t>POINT (4.773419056121988 51.81971832053042)</t>
  </si>
  <si>
    <t>POINT (4.7567690586711215 51.82816582692403)</t>
  </si>
  <si>
    <t>POINT (4.788707657137275 51.82167167172171)</t>
  </si>
  <si>
    <t>POINT (4.7669659336642605 51.826506474260086)</t>
  </si>
  <si>
    <t>POINT (4.779618507238508 51.82230280302849)</t>
  </si>
  <si>
    <t>POINT (4.746187388335157 51.828032026479704)</t>
  </si>
  <si>
    <t>POINT (4.780075365018364 51.82375996841691)</t>
  </si>
  <si>
    <t>POINT (4.760918699060296 51.82760387151195)</t>
  </si>
  <si>
    <t>POINT (4.759163087920216 51.824638683612186)</t>
  </si>
  <si>
    <t>POINT (4.776755753049807 51.82853069664067)</t>
  </si>
  <si>
    <t>POINT (4.7530166247566115 51.82391699240372)</t>
  </si>
  <si>
    <t>POINT (4.79056698004556 51.81830961338004)</t>
  </si>
  <si>
    <t>POINT (4.803108404907292 51.82166403920222)</t>
  </si>
  <si>
    <t>POINT (4.7669401721254925 51.82125399220624)</t>
  </si>
  <si>
    <t>POINT (4.7405426967742175 51.828925498768704)</t>
  </si>
  <si>
    <t>POINT (4.767624612490722 51.82693214655307)</t>
  </si>
  <si>
    <t>POINT (4.775424766360441 51.82181801771697)</t>
  </si>
  <si>
    <t>POINT (4.769606301355324 51.821085277217335)</t>
  </si>
  <si>
    <t>POINT (4.767547090688559 51.822325626514676)</t>
  </si>
  <si>
    <t>POINT (4.789016505140956 51.819974225805915)</t>
  </si>
  <si>
    <t>POINT (4.753336298909541 51.82880665381424)</t>
  </si>
  <si>
    <t>POINT (4.787962019282608 51.818733187259944)</t>
  </si>
  <si>
    <t>POINT (4.787369767562964 51.81967549064833)</t>
  </si>
  <si>
    <t>POINT (4.801579032010849 51.821117284556)</t>
  </si>
  <si>
    <t>POINT (4.781600605805568 51.82493636249365)</t>
  </si>
  <si>
    <t>POINT (4.778390289915242 51.82349075144059)</t>
  </si>
  <si>
    <t>POINT (4.744468964210047 51.82874081892355)</t>
  </si>
  <si>
    <t>POINT (4.770775463683205 51.82636510661032)</t>
  </si>
  <si>
    <t>POINT (4.769772239669818 51.82723163649971)</t>
  </si>
  <si>
    <t>POINT (4.765795653177898 51.82225835476951)</t>
  </si>
  <si>
    <t>POINT (4.775008106631454 51.82280674663335)</t>
  </si>
  <si>
    <t>POINT (4.752874793077989 51.823873539156466)</t>
  </si>
  <si>
    <t>POINT (4.735402060467791 51.82598498329546)</t>
  </si>
  <si>
    <t>POINT (4.77786498833032 51.82545166148559)</t>
  </si>
  <si>
    <t>POINT (4.758890498618435 51.82829297425557)</t>
  </si>
  <si>
    <t>POINT (4.781423577248717 51.817709530210244)</t>
  </si>
  <si>
    <t>POINT (4.770171268491791 51.818895922836866)</t>
  </si>
  <si>
    <t>POINT (4.750767444387228 51.82902951384235)</t>
  </si>
  <si>
    <t>POINT (4.766145731397954 51.82421301436983)</t>
  </si>
  <si>
    <t>POINT (4.787996316536962 51.82427095334722)</t>
  </si>
  <si>
    <t>POINT (4.790840933368426 51.81893598132387)</t>
  </si>
  <si>
    <t>POINT (4.767730685479149 51.82204336520538)</t>
  </si>
  <si>
    <t>POINT (4.76703592180844 51.82181025365107)</t>
  </si>
  <si>
    <t>POINT (4.7737220131345035 51.8256045591278)</t>
  </si>
  <si>
    <t>POINT (4.773863556000852 51.82424271984359)</t>
  </si>
  <si>
    <t>POINT (4.751742123194367 51.82446105548601)</t>
  </si>
  <si>
    <t>POINT (4.780243987200866 51.817991789732964)</t>
  </si>
  <si>
    <t>POINT (4.770616246711701 51.826572715589045)</t>
  </si>
  <si>
    <t>POINT (4.737486180033845 51.829650810020986)</t>
  </si>
  <si>
    <t>POINT (4.789211269280441 51.81873194542221)</t>
  </si>
  <si>
    <t>POINT (4.77667014045366 51.820993507765586)</t>
  </si>
  <si>
    <t>POINT (4.757684760051338 51.827799961946226)</t>
  </si>
  <si>
    <t>POINT (4.7687329381081325 51.817161464175754)</t>
  </si>
  <si>
    <t>POINT (4.777408533091848 51.81832911213948)</t>
  </si>
  <si>
    <t>POINT (4.767566296527489 51.82191929989563)</t>
  </si>
  <si>
    <t>POINT (4.752494532077109 51.82746235560014)</t>
  </si>
  <si>
    <t>POINT (4.765457735017372 51.82255160673923)</t>
  </si>
  <si>
    <t>POINT (4.796410456407151 51.82191824137914)</t>
  </si>
  <si>
    <t>POINT (4.790961514662764 51.81883313543924)</t>
  </si>
  <si>
    <t>POINT (4.7474402723860765 51.829252591725314)</t>
  </si>
  <si>
    <t>POINT (4.787755867915792 51.821104040044396)</t>
  </si>
  <si>
    <t>POINT (4.791226080827426 51.8192815708415)</t>
  </si>
  <si>
    <t>POINT (4.797474554960041 51.821904716511)</t>
  </si>
  <si>
    <t>POINT (4.756481248418714 51.82537718827717)</t>
  </si>
  <si>
    <t>POINT (4.773437243279362 51.82226111563191)</t>
  </si>
  <si>
    <t>POINT (4.753135974403643 51.82818679724015)</t>
  </si>
  <si>
    <t>POINT (4.765943316095392 51.82637495656646)</t>
  </si>
  <si>
    <t>POINT (4.788489952614913 51.818678714124914)</t>
  </si>
  <si>
    <t>POINT (4.764905471863421 51.82248234427484)</t>
  </si>
  <si>
    <t>POINT (4.7748184712632655 51.81696003084721)</t>
  </si>
  <si>
    <t>POINT (4.767743775174157 51.821769543010134)</t>
  </si>
  <si>
    <t>POINT (4.768432365792326 51.82593615776126)</t>
  </si>
  <si>
    <t>POINT (4.776296432407209 51.82052802202998)</t>
  </si>
  <si>
    <t>POINT (4.737319546281648 51.83031898120475)</t>
  </si>
  <si>
    <t>POINT (4.779283588494163 51.823141770692295)</t>
  </si>
  <si>
    <t>POINT (4.776321996768221 51.82139222759237)</t>
  </si>
  <si>
    <t>POINT (4.749833153158019 51.82340072890341)</t>
  </si>
  <si>
    <t>POINT (4.77903141080036 51.82237355875556)</t>
  </si>
  <si>
    <t>POINT (4.780000213602782 51.82528994779491)</t>
  </si>
  <si>
    <t>POINT (4.750853018395993 51.82896912499214)</t>
  </si>
  <si>
    <t>POINT (4.789401673815177 51.821225600009264)</t>
  </si>
  <si>
    <t>POINT (4.785188489729179 51.82750385154823)</t>
  </si>
  <si>
    <t>POINT (4.793379419312151 51.821025212132405)</t>
  </si>
  <si>
    <t>POINT (4.779395969540224 51.82470291361186)</t>
  </si>
  <si>
    <t>POINT (4.760923674448215 51.82850895886459)</t>
  </si>
  <si>
    <t>POINT (4.757887057968803 51.827088161617176)</t>
  </si>
  <si>
    <t>POINT (4.77151868338143 51.8190967028023)</t>
  </si>
  <si>
    <t>POINT (4.768645075501263 51.82627066540682)</t>
  </si>
  <si>
    <t>POINT (4.786505130521176 51.81798148564153)</t>
  </si>
  <si>
    <t>POINT (4.7930298713593995 51.82291715515875)</t>
  </si>
  <si>
    <t>POINT (4.778573700347009 51.8239156938607)</t>
  </si>
  <si>
    <t>POINT (4.794486929852173 51.823929983000724)</t>
  </si>
  <si>
    <t>POINT (4.801274293000218 51.82087181404552)</t>
  </si>
  <si>
    <t>POINT (4.772063550443324 51.81833454095434)</t>
  </si>
  <si>
    <t>POINT (4.779775332485554 51.82556097634799)</t>
  </si>
  <si>
    <t>POINT (4.758819837505016 51.82827309078067)</t>
  </si>
  <si>
    <t>POINT (4.757520818300121 51.82860059513169)</t>
  </si>
  <si>
    <t>POINT (4.767271750198716 51.82609335649199)</t>
  </si>
  <si>
    <t>POINT (4.774464283177237 51.822510162096876)</t>
  </si>
  <si>
    <t>POINT (4.7352309833552635 51.83040656219315)</t>
  </si>
  <si>
    <t>POINT (4.777351179790064 51.823766070557205)</t>
  </si>
  <si>
    <t>POINT (4.7548577906787495 51.826449511835186)</t>
  </si>
  <si>
    <t>POINT (4.755374956147532 51.82525825196695)</t>
  </si>
  <si>
    <t>POINT (4.789473028832189 51.821543349933435)</t>
  </si>
  <si>
    <t>POINT (4.76829750998806 51.81848498622091)</t>
  </si>
  <si>
    <t>POINT (4.750481346884918 51.82865089084714)</t>
  </si>
  <si>
    <t>POINT (4.767131079044349 51.826143309095315)</t>
  </si>
  <si>
    <t>POINT (4.752639636956154 51.82403902455219)</t>
  </si>
  <si>
    <t>POINT (4.798053132519243 51.81994164243221)</t>
  </si>
  <si>
    <t>POINT (4.773801405765398 51.817692503038465)</t>
  </si>
  <si>
    <t>POINT (4.7579832409335445 51.82780470828658)</t>
  </si>
  <si>
    <t>POINT (4.786188487167909 51.8163738749873)</t>
  </si>
  <si>
    <t>POINT (4.738375830108109 51.828029198074205)</t>
  </si>
  <si>
    <t>POINT (4.789983833878706 51.82132797718733)</t>
  </si>
  <si>
    <t>POINT (4.771163882286943 51.81728453907804)</t>
  </si>
  <si>
    <t>POINT (4.800481251355289 51.81970841729702)</t>
  </si>
  <si>
    <t>POINT (4.766736595999232 51.82202251026631)</t>
  </si>
  <si>
    <t>POINT (4.780756100294815 51.822875955323916)</t>
  </si>
  <si>
    <t>POINT (4.768849137399876 51.82149873872783)</t>
  </si>
  <si>
    <t>POINT (4.760954178081702 51.824862720995256)</t>
  </si>
  <si>
    <t>POINT (4.737582638237579 51.82870084401937)</t>
  </si>
  <si>
    <t>POINT (4.796432948304934 51.8235664982454)</t>
  </si>
  <si>
    <t>POINT (4.748946370192669 51.82911157969385)</t>
  </si>
  <si>
    <t>POINT (4.757152785712326 51.82738596971977)</t>
  </si>
  <si>
    <t>POINT (4.778066877439848 51.821114650093364)</t>
  </si>
  <si>
    <t>POINT (4.770798662618172 51.82027770945144)</t>
  </si>
  <si>
    <t>POINT (4.79671181560202 51.82333923233085)</t>
  </si>
  <si>
    <t>POINT (4.768077837292051 51.82141653499414)</t>
  </si>
  <si>
    <t>POINT (4.775453537157271 51.81779568595566)</t>
  </si>
  <si>
    <t>POINT (4.776636250793903 51.819265725653814)</t>
  </si>
  <si>
    <t>POINT (4.787708347791907 51.82168886366637)</t>
  </si>
  <si>
    <t>POINT (4.791508679114402 51.82139514036081)</t>
  </si>
  <si>
    <t>POINT (4.7467583880080735 51.82865373847245)</t>
  </si>
  <si>
    <t>POINT (4.796059171111272 51.82376380305995)</t>
  </si>
  <si>
    <t>POINT (4.7459673297142535 51.82974423095105)</t>
  </si>
  <si>
    <t>POINT (4.760882927942394 51.82849723607585)</t>
  </si>
  <si>
    <t>POINT (4.750737334603635 51.82382729044729)</t>
  </si>
  <si>
    <t>POINT (4.769450165850661 51.82598502335273)</t>
  </si>
  <si>
    <t>POINT (4.752777155600052 51.82436830114338)</t>
  </si>
  <si>
    <t>POINT (4.783971601755079 51.82118352658444)</t>
  </si>
  <si>
    <t>POINT (4.784278989364832 51.818187774443544)</t>
  </si>
  <si>
    <t>POINT (4.753627054872968 51.82779287213973)</t>
  </si>
  <si>
    <t>POINT (4.774604447865118 51.81728771650423)</t>
  </si>
  <si>
    <t>POINT (4.735200571699819 51.83035669529338)</t>
  </si>
  <si>
    <t>POINT (4.787514752627321 51.818687488024686)</t>
  </si>
  <si>
    <t>POINT (4.771501887825121 51.82991923704338)</t>
  </si>
  <si>
    <t>POINT (4.8005479800335795 51.82760915860982)</t>
  </si>
  <si>
    <t>POINT (4.779959467231661 51.81897951160708)</t>
  </si>
  <si>
    <t>POINT (4.780518026352242 51.817954375902005)</t>
  </si>
  <si>
    <t>POINT (4.775186077300133 51.822785832476285)</t>
  </si>
  <si>
    <t>POINT (4.773271277262265 51.81652319205252)</t>
  </si>
  <si>
    <t>POINT (4.8006714353216635 51.82019609874426)</t>
  </si>
  <si>
    <t>POINT (4.768364913574941 51.82648545404431)</t>
  </si>
  <si>
    <t>POINT (4.782617824509145 51.82375939286575)</t>
  </si>
  <si>
    <t>POINT (4.802111811881872 51.821852419683026)</t>
  </si>
  <si>
    <t>POINT (4.777033574541122 51.81682873911496)</t>
  </si>
  <si>
    <t>POINT (4.774229400008797 51.82175641148995)</t>
  </si>
  <si>
    <t>POINT (4.747902823850981 51.829381041959074)</t>
  </si>
  <si>
    <t>POINT (4.752255926210518 51.826657305078854)</t>
  </si>
  <si>
    <t>POINT (4.770449386630388 51.819091448275856)</t>
  </si>
  <si>
    <t>POINT (4.791398339870399 51.82176517913957)</t>
  </si>
  <si>
    <t>POINT (4.74719109432181 51.82894229538583)</t>
  </si>
  <si>
    <t>POINT (4.798041175055376 51.822010660846296)</t>
  </si>
  <si>
    <t>POINT (4.739958789132525 51.831080902043894)</t>
  </si>
  <si>
    <t>POINT (4.782422904390291 51.82141438353828)</t>
  </si>
  <si>
    <t>POINT (4.775405036812921 51.81781071374777)</t>
  </si>
  <si>
    <t>POINT (4.761257042874454 51.828132946699334)</t>
  </si>
  <si>
    <t>POINT (4.7798131198526566 51.81741896542326)</t>
  </si>
  <si>
    <t>POINT (4.745895023427331 51.82907562368092)</t>
  </si>
  <si>
    <t>POINT (4.779426012792007 51.81930258656226)</t>
  </si>
  <si>
    <t>POINT (4.7765262304455725 51.8224086405937)</t>
  </si>
  <si>
    <t>POINT (4.802118137719991 51.82109687248362)</t>
  </si>
  <si>
    <t>POINT (4.781830172828557 51.82564270035277)</t>
  </si>
  <si>
    <t>POINT (4.76787610021306 51.826840981176)</t>
  </si>
  <si>
    <t>POINT (4.785224149885448 51.83417727182064)</t>
  </si>
  <si>
    <t>POINT (4.7745460904547965 51.82869958567053)</t>
  </si>
  <si>
    <t>POINT (4.780162022011141 51.828393092196194)</t>
  </si>
  <si>
    <t>POINT (4.745843487471173 51.82829324425567)</t>
  </si>
  <si>
    <t>POINT (4.773870366939591 51.82325185415153)</t>
  </si>
  <si>
    <t>POINT (4.78866270644944 51.81686426204586)</t>
  </si>
  <si>
    <t>POINT (4.78211577855834 51.82026298159649)</t>
  </si>
  <si>
    <t>POINT (4.788931151993506 51.821924670931196)</t>
  </si>
  <si>
    <t>POINT (4.768944867594188 51.825861915988135)</t>
  </si>
  <si>
    <t>POINT (4.7605377530312705 51.8243177674087)</t>
  </si>
  <si>
    <t>POINT (4.786123308347168 51.82074028266626)</t>
  </si>
  <si>
    <t>POINT (4.785816505443285 51.81968839584956)</t>
  </si>
  <si>
    <t>POINT (4.736470974407371 51.827906745586965)</t>
  </si>
  <si>
    <t>POINT (4.789673774306577 51.82212314625449)</t>
  </si>
  <si>
    <t>POINT (4.7631319690109795 51.82586495213973)</t>
  </si>
  <si>
    <t>POINT (4.786361668054862 51.81964813259208)</t>
  </si>
  <si>
    <t>POINT (4.740782430294395 51.82735655538107)</t>
  </si>
  <si>
    <t>POINT (4.754060344802586 51.82705113430364)</t>
  </si>
  <si>
    <t>POINT (4.7384482133590495 51.82768695256073)</t>
  </si>
  <si>
    <t>POINT (4.7687283603295505 51.82649123464983)</t>
  </si>
  <si>
    <t>POINT (4.742542860264932 51.826409130438265)</t>
  </si>
  <si>
    <t>POINT (4.73959911154211 51.82956373695672)</t>
  </si>
  <si>
    <t>POINT (4.736419878297756 51.82545778606466)</t>
  </si>
  <si>
    <t>POINT (4.774116659700426 51.81659772216664)</t>
  </si>
  <si>
    <t>POINT (4.7377975601429805 51.82490039238032)</t>
  </si>
  <si>
    <t>POINT (4.801524713508592 51.82137956951848)</t>
  </si>
  <si>
    <t>POINT (4.760843001739792 51.82770629705657)</t>
  </si>
  <si>
    <t>POINT (4.7950494049610946 51.82434180167938)</t>
  </si>
  <si>
    <t>POINT (4.788037778279894 51.820497222588465)</t>
  </si>
  <si>
    <t>POINT (4.794339209543054 51.823945236635595)</t>
  </si>
  <si>
    <t>POINT (4.739361760133588 51.8286513515887)</t>
  </si>
  <si>
    <t>POINT (4.76015486425876 51.8280775371506)</t>
  </si>
  <si>
    <t>POINT (4.800645633570051 51.820150307886564)</t>
  </si>
  <si>
    <t>POINT (4.7683385496824044 51.82182383456472)</t>
  </si>
  <si>
    <t>POINT (4.7525555306776734 51.824037221539015)</t>
  </si>
  <si>
    <t>POINT (4.737315313035854 51.827252603446105)</t>
  </si>
  <si>
    <t>POINT (4.774525126660493 51.8205203173335)</t>
  </si>
  <si>
    <t>POINT (4.776814992976896 51.82137187150218)</t>
  </si>
  <si>
    <t>POINT (4.745299786063229 51.82887273350208)</t>
  </si>
  <si>
    <t>POINT (4.777130479876094 51.82323567609458)</t>
  </si>
  <si>
    <t>POINT (4.773710789475473 51.82264590879497)</t>
  </si>
  <si>
    <t>POINT (4.800129592872046 51.82184180301636)</t>
  </si>
  <si>
    <t>POINT (4.773325755603668 51.82451495905108)</t>
  </si>
  <si>
    <t>POINT (4.800977609037256 51.81938263495922)</t>
  </si>
  <si>
    <t>POINT (4.773068218711172 51.822177479161994)</t>
  </si>
  <si>
    <t>POINT (4.7783682402679775 51.82632581419388)</t>
  </si>
  <si>
    <t>POINT (4.740392018063025 51.830254208470784)</t>
  </si>
  <si>
    <t>POINT (4.7477168797230025 51.82989974970354)</t>
  </si>
  <si>
    <t>POINT (4.744614619706747 51.82945261445062)</t>
  </si>
  <si>
    <t>POINT (4.794412065806562 51.82393122288882)</t>
  </si>
  <si>
    <t>POINT (4.796516798613175 51.82365428909636)</t>
  </si>
  <si>
    <t>POINT (4.773678475533377 51.818082504551256)</t>
  </si>
  <si>
    <t>POINT (4.760779053392219 51.82524137469353)</t>
  </si>
  <si>
    <t>POINT (4.736926275293819 51.825377717617485)</t>
  </si>
  <si>
    <t>POINT (4.781223942508491 51.818664075874956)</t>
  </si>
  <si>
    <t>POINT (4.774139391108823 51.818818831187784)</t>
  </si>
  <si>
    <t>POINT (4.7409410087365815 51.829980149567085)</t>
  </si>
  <si>
    <t>POINT (4.736777204254284 51.826685992423315)</t>
  </si>
  <si>
    <t>POINT (4.770203954059859 51.823544003316655)</t>
  </si>
  <si>
    <t>POINT (4.788209272287394 51.82335295880366)</t>
  </si>
  <si>
    <t>POINT (4.772424319644957 51.81758534471079)</t>
  </si>
  <si>
    <t>POINT (4.772190461772784 51.82477642646796)</t>
  </si>
  <si>
    <t>POINT (4.7755395881389475 51.81813437497293)</t>
  </si>
  <si>
    <t>POINT (4.748161835989901 51.829990710472984)</t>
  </si>
  <si>
    <t>POINT (4.773437051245524 51.820751931251245)</t>
  </si>
  <si>
    <t>POINT (4.749319619918193 51.82842616081984)</t>
  </si>
  <si>
    <t>POINT (4.775898635339916 51.81975383147889)</t>
  </si>
  <si>
    <t>POINT (4.769099622421213 51.826149287018204)</t>
  </si>
  <si>
    <t>POINT (4.762285484068926 51.82682114890786)</t>
  </si>
  <si>
    <t>POINT (4.743416820629956 51.82650131417889)</t>
  </si>
  <si>
    <t>POINT (4.77516684137719 51.82880646207249)</t>
  </si>
  <si>
    <t>POINT (4.7678688193574095 51.81746881162931)</t>
  </si>
  <si>
    <t>POINT (4.796897546102341 51.82272516881123)</t>
  </si>
  <si>
    <t>POINT (4.737741774735969 51.826663774207155)</t>
  </si>
  <si>
    <t>POINT (4.803081774385701 51.82054024626378)</t>
  </si>
  <si>
    <t>POINT (4.802555024455797 51.82155441010744)</t>
  </si>
  <si>
    <t>POINT (4.756731054781578 51.82821739708976)</t>
  </si>
  <si>
    <t>POINT (4.802477825781422 51.82156822748823)</t>
  </si>
  <si>
    <t>POINT (4.792101712859371 51.821531359218305)</t>
  </si>
  <si>
    <t>POINT (4.80016233073356 51.827280047085765)</t>
  </si>
  <si>
    <t>POINT (4.749922391597185 51.82338826986339)</t>
  </si>
  <si>
    <t>POINT (4.795443343806143 51.820852808323224)</t>
  </si>
  <si>
    <t>POINT (4.7539136140900915 51.82807818833274)</t>
  </si>
  <si>
    <t>POINT (4.800969501027302 51.8216121184579)</t>
  </si>
  <si>
    <t>POINT (4.7588898022391195 51.82685497608377)</t>
  </si>
  <si>
    <t>POINT (4.759802146185733 51.82468470709714)</t>
  </si>
  <si>
    <t>POINT (4.752094785203906 51.82677912763937)</t>
  </si>
  <si>
    <t>POINT (4.792958499976463 51.82189443391468)</t>
  </si>
  <si>
    <t>POINT (4.761885978285704 51.8267375847588)</t>
  </si>
  <si>
    <t>POINT (4.774166050723296 51.82652092762684)</t>
  </si>
  <si>
    <t>POINT (4.759907828550675 51.82506450058525)</t>
  </si>
  <si>
    <t>POINT (4.7733461325330575 51.81788508522998)</t>
  </si>
  <si>
    <t>POINT (4.805698908537646 51.81964207074419)</t>
  </si>
  <si>
    <t>POINT (4.7533333402815146 51.828707583557474)</t>
  </si>
  <si>
    <t>POINT (4.77893170438884 51.81747642190947)</t>
  </si>
  <si>
    <t>POINT (4.76002103617686 51.825518669804715)</t>
  </si>
  <si>
    <t>POINT (4.751437186959042 51.827778425315365)</t>
  </si>
  <si>
    <t>POINT (4.775111425134923 51.82389310611112)</t>
  </si>
  <si>
    <t>POINT (4.761126222766212 51.82532169731064)</t>
  </si>
  <si>
    <t>POINT (4.767035901606546 51.821589278067925)</t>
  </si>
  <si>
    <t>POINT (4.796191831901538 51.820770648824556)</t>
  </si>
  <si>
    <t>POINT (4.765212646131116 51.823820216075184)</t>
  </si>
  <si>
    <t>POINT (4.799571728399665 51.82613752232306)</t>
  </si>
  <si>
    <t>POINT (4.796784543691027 51.82100940195309)</t>
  </si>
  <si>
    <t>POINT (4.771030948125858 51.8270419398443)</t>
  </si>
  <si>
    <t>POINT (4.792284134707634 51.818996158198736)</t>
  </si>
  <si>
    <t>POINT (4.7925071858949115 51.82284538603273)</t>
  </si>
  <si>
    <t>POINT (4.769697777351308 51.82654667443236)</t>
  </si>
  <si>
    <t>POINT (4.766620822395951 51.82189266027053)</t>
  </si>
  <si>
    <t>POINT (4.7722934422809615 51.818238129540035)</t>
  </si>
  <si>
    <t>POINT (4.772442872275175 51.817969074887145)</t>
  </si>
  <si>
    <t>POINT (4.761423887759243 51.82747353468307)</t>
  </si>
  <si>
    <t>POINT (4.7711348970177845 51.81752707888616)</t>
  </si>
  <si>
    <t>POINT (4.737122332378986 51.82903267180312)</t>
  </si>
  <si>
    <t>POINT (4.750508707787363 51.828767890974845)</t>
  </si>
  <si>
    <t>POINT (4.754489729357121 51.82676221913186)</t>
  </si>
  <si>
    <t>POINT (4.782011187927783 51.82533083137362)</t>
  </si>
  <si>
    <t>POINT (4.770172770070992 51.81744049812914)</t>
  </si>
  <si>
    <t>POINT (4.757338593079353 51.8212633976722)</t>
  </si>
  <si>
    <t>POINT (4.801160412302894 51.81979126925218)</t>
  </si>
  <si>
    <t>POINT (4.76915882318307 51.826306809050905)</t>
  </si>
  <si>
    <t>POINT (4.765120582815382 51.81954987799966)</t>
  </si>
  <si>
    <t>POINT (4.760766121139411 51.827810334183376)</t>
  </si>
  <si>
    <t>POINT (4.777288674411257 51.81802366843414)</t>
  </si>
  <si>
    <t>POINT (4.795126615726405 51.819822199506135)</t>
  </si>
  <si>
    <t>POINT (4.757450990789319 51.827067666009135)</t>
  </si>
  <si>
    <t>POINT (4.7415682818238105 51.83026753312823)</t>
  </si>
  <si>
    <t>POINT (4.742851107811136 51.827504600915454)</t>
  </si>
  <si>
    <t>POINT (4.770328855994277 51.81884794315554)</t>
  </si>
  <si>
    <t>POINT (4.775423195953809 51.817124529739246)</t>
  </si>
  <si>
    <t>POINT (4.801593143909309 51.8220853334995)</t>
  </si>
  <si>
    <t>POINT (4.7596898747648995 51.825122120989604)</t>
  </si>
  <si>
    <t>POINT (4.734831002298184 51.829163508095334)</t>
  </si>
  <si>
    <t>POINT (4.777562544642676 51.82548353758098)</t>
  </si>
  <si>
    <t>POINT (4.796231579072745 51.82072599599456)</t>
  </si>
  <si>
    <t>POINT (4.7351489072570585 51.8295337712676)</t>
  </si>
  <si>
    <t>POINT (4.763357968272154 51.830088631215666)</t>
  </si>
  <si>
    <t>POINT (4.7739800114473425 51.8245643105344)</t>
  </si>
  <si>
    <t>POINT (4.7663379040836835 51.82756344750732)</t>
  </si>
  <si>
    <t>POINT (4.7878255141333135 51.822411154630316)</t>
  </si>
  <si>
    <t>POINT (4.761369982150354 51.831783633250026)</t>
  </si>
  <si>
    <t>POINT (4.773989118106837 51.81692199335923)</t>
  </si>
  <si>
    <t>POINT (4.756810076729971 51.8280232185177)</t>
  </si>
  <si>
    <t>POINT (4.736279085462445 51.829042263794825)</t>
  </si>
  <si>
    <t>POINT (4.739824372167213 51.828127261595526)</t>
  </si>
  <si>
    <t>POINT (4.771421432572872 51.817923631127194)</t>
  </si>
  <si>
    <t>POINT (4.769982254423752 51.82145520264312)</t>
  </si>
  <si>
    <t>POINT (4.768508630601137 51.823582359512145)</t>
  </si>
  <si>
    <t>POINT (4.767950934881435 51.82630385870783)</t>
  </si>
  <si>
    <t>POINT (4.7505292425896855 51.82834122390824)</t>
  </si>
  <si>
    <t>POINT (4.7765549152438105 51.82363177614118)</t>
  </si>
  <si>
    <t>POINT (4.7803450499446 51.817218035706205)</t>
  </si>
  <si>
    <t>POINT (4.748905783219854 51.8296213718508)</t>
  </si>
  <si>
    <t>POINT (4.747172507610354 51.82931126579501)</t>
  </si>
  <si>
    <t>POINT (4.78598554790244 51.81762773131788)</t>
  </si>
  <si>
    <t>POINT (4.789146683770369 51.823259044247855)</t>
  </si>
  <si>
    <t>POINT (4.775600626546202 51.82376963621899)</t>
  </si>
  <si>
    <t>POINT (4.790930024713198 51.8187686172679)</t>
  </si>
  <si>
    <t>POINT (4.753209660425621 51.82476379922824)</t>
  </si>
  <si>
    <t>POINT (4.7558410369357285 51.82582722099443)</t>
  </si>
  <si>
    <t>POINT (4.772662120881899 51.817557377178765)</t>
  </si>
  <si>
    <t>POINT (4.76913974124328 51.81818848640991)</t>
  </si>
  <si>
    <t>POINT (4.750217634657671 51.8238766051479)</t>
  </si>
  <si>
    <t>POINT (4.778317016449411 51.82477766163103)</t>
  </si>
  <si>
    <t>POINT (4.78035250237512 51.82348428370739)</t>
  </si>
  <si>
    <t>POINT (4.775017037462499 51.81835780338926)</t>
  </si>
  <si>
    <t>POINT (4.7918899720401305 51.81900332798385)</t>
  </si>
  <si>
    <t>POINT (4.778446363353382 51.82365643211896)</t>
  </si>
  <si>
    <t>POINT (4.751569420815731 51.82887341280582)</t>
  </si>
  <si>
    <t>POINT (4.771195129413755 51.82664092211022)</t>
  </si>
  <si>
    <t>POINT (4.783402963431352 51.81772305565518)</t>
  </si>
  <si>
    <t>POINT (4.787427818580386 51.81989088394376)</t>
  </si>
  <si>
    <t>POINT (4.786976979948656 51.82149600630787)</t>
  </si>
  <si>
    <t>POINT (4.79536228202942 51.819890352923885)</t>
  </si>
  <si>
    <t>POINT (4.801830126056667 51.82208732456755)</t>
  </si>
  <si>
    <t>POINT (4.749595002658276 51.829120407931796)</t>
  </si>
  <si>
    <t>POINT (4.738220552840349 51.8287381697143)</t>
  </si>
  <si>
    <t>POINT (4.801938714258669 51.82157749538197)</t>
  </si>
  <si>
    <t>POINT (4.769079888925426 51.82609677966682)</t>
  </si>
  <si>
    <t>POINT (4.762611175966309 51.827468352757165)</t>
  </si>
  <si>
    <t>POINT (4.784100303762098 51.81690868013455)</t>
  </si>
  <si>
    <t>POINT (4.784500752691041 51.82068252502477)</t>
  </si>
  <si>
    <t>POINT (4.774922701940577 51.82282589627074)</t>
  </si>
  <si>
    <t>POINT (4.773289890088071 51.820726353126844)</t>
  </si>
  <si>
    <t>POINT (4.765506263747137 51.830537862091845)</t>
  </si>
  <si>
    <t>POINT (4.733829666096968 51.82537893927932)</t>
  </si>
  <si>
    <t>POINT (4.783792461251931 51.81823704836222)</t>
  </si>
  <si>
    <t>POINT (4.795473931351595 51.822677192568094)</t>
  </si>
  <si>
    <t>POINT (4.758790315339166 51.834072996999474)</t>
  </si>
  <si>
    <t>POINT (4.76040865444857 51.82827088879153)</t>
  </si>
  <si>
    <t>POINT (4.769701824098958 51.8208197984938)</t>
  </si>
  <si>
    <t>POINT (4.799368877402579 51.82199322826685)</t>
  </si>
  <si>
    <t>POINT (4.738160029905625 51.827763110899625)</t>
  </si>
  <si>
    <t>POINT (4.774708142394004 51.81905999815418)</t>
  </si>
  <si>
    <t>POINT (4.759392655239055 51.82813134961608)</t>
  </si>
  <si>
    <t>POINT (4.7402332537258465 51.827838734593456)</t>
  </si>
  <si>
    <t>POINT (4.736276377623015 51.8290429229247)</t>
  </si>
  <si>
    <t>POINT (4.785591424270694 51.822001621104285)</t>
  </si>
  <si>
    <t>POINT (4.767749696865667 51.821198268541295)</t>
  </si>
  <si>
    <t>POINT (4.778598216063497 51.82042420695844)</t>
  </si>
  <si>
    <t>POINT (4.771253393416319 51.81882178810933)</t>
  </si>
  <si>
    <t>POINT (4.764017942771883 51.82534436613522)</t>
  </si>
  <si>
    <t>POINT (4.8055784433743245 51.82023635498483)</t>
  </si>
  <si>
    <t>POINT (4.775529710643786 51.82359749490812)</t>
  </si>
  <si>
    <t>POINT (4.737931807065785 51.82353523511536)</t>
  </si>
  <si>
    <t>3362WN</t>
  </si>
  <si>
    <t>Rijswaard</t>
  </si>
  <si>
    <t>POINT (4.798569967103535 51.82090385506007)</t>
  </si>
  <si>
    <t>POINT (4.745973051140797 51.82876099961119)</t>
  </si>
  <si>
    <t>POINT (4.782337220849311 51.817022930415234)</t>
  </si>
  <si>
    <t>POINT (4.7863321413528315 51.817260525030335)</t>
  </si>
  <si>
    <t>POINT (4.794251089104846 51.82330022133616)</t>
  </si>
  <si>
    <t>POINT (4.768140534057937 51.83057012029627)</t>
  </si>
  <si>
    <t>POINT (4.801907179612467 51.822073596771936)</t>
  </si>
  <si>
    <t>POINT (4.757073461923697 51.832457444398905)</t>
  </si>
  <si>
    <t>POINT (4.749193284811372 51.829756864843894)</t>
  </si>
  <si>
    <t>POINT (4.790321422375497 51.81962501137932)</t>
  </si>
  <si>
    <t>POINT (4.760681097950862 51.82788439580523)</t>
  </si>
  <si>
    <t>POINT (4.767005833756645 51.8266113121982)</t>
  </si>
  <si>
    <t>POINT (4.762007593752261 51.82826053959144)</t>
  </si>
  <si>
    <t>POINT (4.748649105059451 51.828959044511464)</t>
  </si>
  <si>
    <t>POINT (4.767570528144036 51.82524218703725)</t>
  </si>
  <si>
    <t>POINT (4.776656831239472 51.82833683792957)</t>
  </si>
  <si>
    <t>POINT (4.793431945803734 51.82399886067399)</t>
  </si>
  <si>
    <t>POINT (4.769264224087824 51.82658618978917)</t>
  </si>
  <si>
    <t>POINT (4.773395451829665 51.81925861962994)</t>
  </si>
  <si>
    <t>POINT (4.791608059031687 51.82291920748354)</t>
  </si>
  <si>
    <t>POINT (4.739600399896312 51.82767210171324)</t>
  </si>
  <si>
    <t>POINT (4.780786002626452 51.816696460179564)</t>
  </si>
  <si>
    <t>POINT (4.792551991098072 51.820944440441416)</t>
  </si>
  <si>
    <t>POINT (4.760318038009055 51.827620619916814)</t>
  </si>
  <si>
    <t>POINT (4.7512073406686826 51.828132229686915)</t>
  </si>
  <si>
    <t>POINT (4.7960448117301 51.823221810065945)</t>
  </si>
  <si>
    <t>POINT (4.763377640107043 51.82503094855239)</t>
  </si>
  <si>
    <t>POINT (4.740257989357301 51.8306388111643)</t>
  </si>
  <si>
    <t>POINT (4.739240137614223 51.82806992667233)</t>
  </si>
  <si>
    <t>POINT (4.768213964925685 51.82511848328332)</t>
  </si>
  <si>
    <t>POINT (4.741088102945614 51.828458083629215)</t>
  </si>
  <si>
    <t>POINT (4.75902221809452 51.824608896646986)</t>
  </si>
  <si>
    <t>POINT (4.774776529803454 51.823089937322905)</t>
  </si>
  <si>
    <t>POINT (4.7965085149009035 51.82311313571669)</t>
  </si>
  <si>
    <t>POINT (4.746019962929819 51.82724202100146)</t>
  </si>
  <si>
    <t>POINT (4.753035725313749 51.827073917289866)</t>
  </si>
  <si>
    <t>POINT (4.794441146439163 51.81924922378905)</t>
  </si>
  <si>
    <t>POINT (4.780824890059657 51.81917499327159)</t>
  </si>
  <si>
    <t>POINT (4.779739762377753 51.822658389621246)</t>
  </si>
  <si>
    <t>POINT (4.784624627246216 51.82115937587248)</t>
  </si>
  <si>
    <t>POINT (4.736536290158615 51.829490800892096)</t>
  </si>
  <si>
    <t>POINT (4.778565614171005 51.824294304779364)</t>
  </si>
  <si>
    <t>POINT (4.760367328137126 51.82671555253449)</t>
  </si>
  <si>
    <t>POINT (4.799033278607752 51.8217788775981)</t>
  </si>
  <si>
    <t>POINT (4.803245245124094 51.81911772032862)</t>
  </si>
  <si>
    <t>POINT (4.787349263967132 51.8205405363289)</t>
  </si>
  <si>
    <t>POINT (4.772745353180022 51.81896317880361)</t>
  </si>
  <si>
    <t>POINT (4.774649646209706 51.82002398837866)</t>
  </si>
  <si>
    <t>POINT (4.796119673970827 51.82389534081248)</t>
  </si>
  <si>
    <t>POINT (4.776593969605997 51.82372555043012)</t>
  </si>
  <si>
    <t>POINT (4.771041512936962 51.82167473237912)</t>
  </si>
  <si>
    <t>POINT (4.766265996477076 51.82222405362518)</t>
  </si>
  <si>
    <t>POINT (4.76412234777064 51.82263989445629)</t>
  </si>
  <si>
    <t>POINT (4.775001787878988 51.82356031637497)</t>
  </si>
  <si>
    <t>POINT (4.751635612051553 51.82896320770392)</t>
  </si>
  <si>
    <t>POINT (4.784332418268539 51.82111176395747)</t>
  </si>
  <si>
    <t>POINT (4.774623387992567 51.817761693727846)</t>
  </si>
  <si>
    <t>POINT (4.796768988164052 51.82605047105808)</t>
  </si>
  <si>
    <t>POINT (4.772885269511234 51.82342584504101)</t>
  </si>
  <si>
    <t>POINT (4.769362566439326 51.82088961625294)</t>
  </si>
  <si>
    <t>POINT (4.780176847834721 51.82279467057738)</t>
  </si>
  <si>
    <t>POINT (4.791213369137449 51.8192337769641)</t>
  </si>
  <si>
    <t>POINT (4.797219669290885 51.82328174244084)</t>
  </si>
  <si>
    <t>POINT (4.7803857351499195 51.82492685244198)</t>
  </si>
  <si>
    <t>POINT (4.744873192190942 51.828217288422586)</t>
  </si>
  <si>
    <t>POINT (4.774872834550924 51.81800069860627)</t>
  </si>
  <si>
    <t>POINT (4.747440198954455 51.823494225337)</t>
  </si>
  <si>
    <t>POINT (4.783027307745196 51.82397924053273)</t>
  </si>
  <si>
    <t>POINT (4.7382291733963084 51.83157569418855)</t>
  </si>
  <si>
    <t>POINT (4.790606161700264 51.81863672704912)</t>
  </si>
  <si>
    <t>POINT (4.786529289933085 51.82062020627884)</t>
  </si>
  <si>
    <t>POINT (4.7372846229332914 51.82720794891773)</t>
  </si>
  <si>
    <t>POINT (4.774750103297681 51.822857085043644)</t>
  </si>
  <si>
    <t>POINT (4.752841164815164 51.82907534471314)</t>
  </si>
  <si>
    <t>POINT (4.767159977686511 51.82621483110813)</t>
  </si>
  <si>
    <t>POINT (4.801760674067415 51.82137058959315)</t>
  </si>
  <si>
    <t>POINT (4.7481589326019575 51.82361723958383)</t>
  </si>
  <si>
    <t>POINT (4.7688870524905935 51.81791623931446)</t>
  </si>
  <si>
    <t>POINT (4.771498407839712 51.817501661108025)</t>
  </si>
  <si>
    <t>POINT (4.740890766496427 51.823727014091894)</t>
  </si>
  <si>
    <t>POINT (4.768466521873549 51.82675546738903)</t>
  </si>
  <si>
    <t>POINT (4.738619395297134 51.827343994529805)</t>
  </si>
  <si>
    <t>POINT (4.772767657491448 51.818369599315595)</t>
  </si>
  <si>
    <t>POINT (4.762125427998799 51.8250153881811)</t>
  </si>
  <si>
    <t>POINT (4.788838880141926 51.81946780291369)</t>
  </si>
  <si>
    <t>POINT (4.76255713763838 51.82826912798005)</t>
  </si>
  <si>
    <t>POINT (4.741306387922837 51.828400409582756)</t>
  </si>
  <si>
    <t>POINT (4.788020089856216 51.8189472320941)</t>
  </si>
  <si>
    <t>POINT (4.782161084572828 51.82448416127664)</t>
  </si>
  <si>
    <t>POINT (4.789642499126031 51.82034648537992)</t>
  </si>
  <si>
    <t>POINT (4.772009975478199 51.82145156521318)</t>
  </si>
  <si>
    <t>POINT (4.802424973990373 51.82182962128728)</t>
  </si>
  <si>
    <t>POINT (4.790515294141977 51.82393475912854)</t>
  </si>
  <si>
    <t>POINT (4.753106750721263 51.82704697566163)</t>
  </si>
  <si>
    <t>POINT (4.761662237949913 51.827096745119476)</t>
  </si>
  <si>
    <t>POINT (4.756973729392639 51.82551160627186)</t>
  </si>
  <si>
    <t>POINT (4.768178220029325 51.830657058813436)</t>
  </si>
  <si>
    <t>POINT (4.766525907426419 51.82538318195392)</t>
  </si>
  <si>
    <t>POINT (4.779739853244937 51.82380326531509)</t>
  </si>
  <si>
    <t>POINT (4.752767166465549 51.82884951091488)</t>
  </si>
  <si>
    <t>POINT (4.735323330683122 51.83053244809455)</t>
  </si>
  <si>
    <t>POINT (4.7666734600324805 51.82800458376448)</t>
  </si>
  <si>
    <t>POINT (4.752644037343111 51.82850700921048)</t>
  </si>
  <si>
    <t>POINT (4.772242775742442 51.829341011400395)</t>
  </si>
  <si>
    <t>POINT (4.738372432537068 51.82923248359903)</t>
  </si>
  <si>
    <t>POINT (4.778717704201011 51.82540423879968)</t>
  </si>
  <si>
    <t>POINT (4.788594006948281 51.8203887821403)</t>
  </si>
  <si>
    <t>POINT (4.774036445049981 51.817409062601065)</t>
  </si>
  <si>
    <t>POINT (4.751444050860068 51.8286286935707)</t>
  </si>
  <si>
    <t>POINT (4.774598977316576 51.819963590293305)</t>
  </si>
  <si>
    <t>POINT (4.7586535242765 51.82477249278291)</t>
  </si>
  <si>
    <t>POINT (4.770807832387136 51.81960711903411)</t>
  </si>
  <si>
    <t>POINT (4.7355221695347876 51.83088369416121)</t>
  </si>
  <si>
    <t>POINT (4.757094085911982 51.827517157713956)</t>
  </si>
  <si>
    <t>POINT (4.742777913258627 51.82734188294686)</t>
  </si>
  <si>
    <t>POINT (4.797910696377547 51.82755307340499)</t>
  </si>
  <si>
    <t>POINT (4.795482824025098 51.822773235301554)</t>
  </si>
  <si>
    <t>POINT (4.776638489317198 51.82021412282976)</t>
  </si>
  <si>
    <t>POINT (4.737293941852388 51.82518056636078)</t>
  </si>
  <si>
    <t>POINT (4.753680173944435 51.83185699039107)</t>
  </si>
  <si>
    <t>POINT (4.773919733314506 51.82437829152229)</t>
  </si>
  <si>
    <t>POINT (4.769451493066979 51.82111822367788)</t>
  </si>
  <si>
    <t>POINT (4.786274490160088 51.81932238965659)</t>
  </si>
  <si>
    <t>POINT (4.786332654165458 51.8195397615886)</t>
  </si>
  <si>
    <t>POINT (4.773823109032611 51.824145072265466)</t>
  </si>
  <si>
    <t>POINT (4.745897316528387 51.82804796985558)</t>
  </si>
  <si>
    <t>POINT (4.737599389579928 51.827911108079505)</t>
  </si>
  <si>
    <t>POINT (4.791071973995346 51.82157952596869)</t>
  </si>
  <si>
    <t>POINT (4.778332995843604 51.82318996605167)</t>
  </si>
  <si>
    <t>POINT (4.796719471472841 51.822455874508066)</t>
  </si>
  <si>
    <t>POINT (4.785656241824019 51.81629681264842)</t>
  </si>
  <si>
    <t>POINT (4.782904399880019 51.81984979464815)</t>
  </si>
  <si>
    <t>POINT (4.784379983432018 51.816210086192115)</t>
  </si>
  <si>
    <t>POINT (4.769781644744864 51.826534531580414)</t>
  </si>
  <si>
    <t>POINT (4.801859335993974 51.821580425325536)</t>
  </si>
  <si>
    <t>POINT (4.791799861905879 51.823157299043565)</t>
  </si>
  <si>
    <t>POINT (4.776257039019618 51.81754864026163)</t>
  </si>
  <si>
    <t>POINT (4.773928830723804 51.82344316700425)</t>
  </si>
  <si>
    <t>POINT (4.761735766436285 51.828300169364304)</t>
  </si>
  <si>
    <t>POINT (4.757932524223647 51.82787337889732)</t>
  </si>
  <si>
    <t>POINT (4.764233085894566 51.82479711442454)</t>
  </si>
  <si>
    <t>POINT (4.774111066460625 51.818203414422996)</t>
  </si>
  <si>
    <t>POINT (4.780783873763592 51.82296787219725)</t>
  </si>
  <si>
    <t>POINT (4.756864598806233 51.82623055709102)</t>
  </si>
  <si>
    <t>POINT (4.764720446706759 51.81784621566208)</t>
  </si>
  <si>
    <t>POINT (4.778981926733373 51.82091328720313)</t>
  </si>
  <si>
    <t>POINT (4.758925901100788 51.82830296130483)</t>
  </si>
  <si>
    <t>POINT (4.74444621508782 51.82564378905277)</t>
  </si>
  <si>
    <t>POINT (4.770871494880804 51.82706519213035)</t>
  </si>
  <si>
    <t>POINT (4.790738398237206 51.82053587594807)</t>
  </si>
  <si>
    <t>POINT (4.792803104751619 51.82404308367979)</t>
  </si>
  <si>
    <t>POINT (4.7798480203170035 51.82555246276895)</t>
  </si>
  <si>
    <t>POINT (4.803164883288128 51.821570209978354)</t>
  </si>
  <si>
    <t>POINT (4.772954278707157 51.81926453616399)</t>
  </si>
  <si>
    <t>POINT (4.784700793159696 51.817859160736006)</t>
  </si>
  <si>
    <t>POINT (4.781325134283647 51.82570310454789)</t>
  </si>
  <si>
    <t>POINT (4.764854075553641 51.82226526697986)</t>
  </si>
  <si>
    <t>POINT (4.779122352537054 51.8257939950439)</t>
  </si>
  <si>
    <t>POINT (4.78238998705179 51.824440577839404)</t>
  </si>
  <si>
    <t>POINT (4.787947498737786 51.8186799007454)</t>
  </si>
  <si>
    <t>POINT (4.785535688383777 51.81791854364307)</t>
  </si>
  <si>
    <t>POINT (4.7781708342621885 51.82377994407242)</t>
  </si>
  <si>
    <t>POINT (4.766425369123015 51.82221401144867)</t>
  </si>
  <si>
    <t>POINT (4.770479673614396 51.81879651202681)</t>
  </si>
  <si>
    <t>POINT (4.737935611174425 51.8281357058661)</t>
  </si>
  <si>
    <t>POINT (4.7499776792534325 51.82867044949498)</t>
  </si>
  <si>
    <t>POINT (4.757139315659137 51.82620156067018)</t>
  </si>
  <si>
    <t>POINT (4.802062824423588 51.82048627316628)</t>
  </si>
  <si>
    <t>POINT (4.77189864060367 51.81942929559992)</t>
  </si>
  <si>
    <t>POINT (4.766627490474073 51.82706575289142)</t>
  </si>
  <si>
    <t>POINT (4.773822077061821 51.8172285302332)</t>
  </si>
  <si>
    <t>POINT (4.794767783349151 51.822459972308735)</t>
  </si>
  <si>
    <t>POINT (4.739215692801786 51.82941991576696)</t>
  </si>
  <si>
    <t>POINT (4.770311259719535 51.82681065886098)</t>
  </si>
  <si>
    <t>POINT (4.756692311686312 51.82826995201761)</t>
  </si>
  <si>
    <t>POINT (4.779887285289701 51.81969732586778)</t>
  </si>
  <si>
    <t>POINT (4.783256479407294 51.81875149452089)</t>
  </si>
  <si>
    <t>POINT (4.801717803917339 51.81933329705098)</t>
  </si>
  <si>
    <t>POINT (4.774388051279487 51.82292153109379)</t>
  </si>
  <si>
    <t>POINT (4.794925592639153 51.82388428817129)</t>
  </si>
  <si>
    <t>POINT (4.757688954746699 51.824352859656166)</t>
  </si>
  <si>
    <t>POINT (4.768357591119714 51.83215298478782)</t>
  </si>
  <si>
    <t>POINT (4.738299191402797 51.82874750317068)</t>
  </si>
  <si>
    <t>POINT (4.792496953705696 51.82339004149794)</t>
  </si>
  <si>
    <t>POINT (4.750754125555878 51.82858585453737)</t>
  </si>
  <si>
    <t>POINT (4.786891371131765 51.81959241726929)</t>
  </si>
  <si>
    <t>POINT (4.775501570627878 51.82200493110248)</t>
  </si>
  <si>
    <t>POINT (4.7832201612220375 51.81623360581392)</t>
  </si>
  <si>
    <t>POINT (4.779861852270989 51.82445925379626)</t>
  </si>
  <si>
    <t>POINT (4.77014316589976 51.81822585545962)</t>
  </si>
  <si>
    <t>POINT (4.779927300356204 51.818869504696906)</t>
  </si>
  <si>
    <t>POINT (4.766273194542452 51.82542678833428)</t>
  </si>
  <si>
    <t>POINT (4.77455430031713 51.82082832864483)</t>
  </si>
  <si>
    <t>POINT (4.7691898366335534 51.817655277288964)</t>
  </si>
  <si>
    <t>POINT (4.77343088958492 51.826147026107726)</t>
  </si>
  <si>
    <t>POINT (4.745504775599252 51.828801046631426)</t>
  </si>
  <si>
    <t>POINT (4.753470631150991 51.82898220721382)</t>
  </si>
  <si>
    <t>POINT (4.79661974234838 51.82308196576395)</t>
  </si>
  <si>
    <t>POINT (4.798077025356519 51.82094344842216)</t>
  </si>
  <si>
    <t>POINT (4.775509909767627 51.82354948258453)</t>
  </si>
  <si>
    <t>POINT (4.772986629175455 51.8175204249434)</t>
  </si>
  <si>
    <t>POINT (4.7760822546688 51.816833227488345)</t>
  </si>
  <si>
    <t>POINT (4.765657744179498 51.82393061665164)</t>
  </si>
  <si>
    <t>POINT (4.74988134227001 51.828978954362036)</t>
  </si>
  <si>
    <t>POINT (4.762628855012526 51.82461205341102)</t>
  </si>
  <si>
    <t>POINT (4.787658338460672 51.82340947061856)</t>
  </si>
  <si>
    <t>POINT (4.805866296080485 51.82025750194056)</t>
  </si>
  <si>
    <t>POINT (4.780897560552431 51.82515933516009)</t>
  </si>
  <si>
    <t>POINT (4.7651766660857495 51.823747127958654)</t>
  </si>
  <si>
    <t>POINT (4.770331120720068 51.819138196619235)</t>
  </si>
  <si>
    <t>POINT (4.800316231348138 51.822791569268986)</t>
  </si>
  <si>
    <t>POINT (4.752557851707594 51.82691133760537)</t>
  </si>
  <si>
    <t>POINT (4.763216447321486 51.826468805104554)</t>
  </si>
  <si>
    <t>POINT (4.780895230536052 51.825052179304954)</t>
  </si>
  <si>
    <t>POINT (4.7630333258603255 51.82534138172023)</t>
  </si>
  <si>
    <t>POINT (4.800925851112286 51.820841939912405)</t>
  </si>
  <si>
    <t>POINT (4.739489961481255 51.830904962023865)</t>
  </si>
  <si>
    <t>POINT (4.738014408907346 51.82780158583437)</t>
  </si>
  <si>
    <t>POINT (4.791322423280152 51.819640883881966)</t>
  </si>
  <si>
    <t>POINT (4.775471147185349 51.82950484260591)</t>
  </si>
  <si>
    <t>POINT (4.798095000026103 51.822586828453)</t>
  </si>
  <si>
    <t>POINT (4.784080643824849 51.82116422218706)</t>
  </si>
  <si>
    <t>POINT (4.735260594034879 51.82433254070239)</t>
  </si>
  <si>
    <t>POINT (4.77066209720952 51.817621852720336)</t>
  </si>
  <si>
    <t>POINT (4.79378357186091 51.82271746681057)</t>
  </si>
  <si>
    <t>POINT (4.768932261466739 51.82509952780391)</t>
  </si>
  <si>
    <t>POINT (4.78928819572597 51.81739139443407)</t>
  </si>
  <si>
    <t>POINT (4.754126735410677 51.82428696027523)</t>
  </si>
  <si>
    <t>POINT (4.784082840131428 51.821509574611746)</t>
  </si>
  <si>
    <t>POINT (4.790832918172998 51.819487030118225)</t>
  </si>
  <si>
    <t>POINT (4.796749465810817 51.823953071122574)</t>
  </si>
  <si>
    <t>POINT (4.7376999787744625 51.83015676610633)</t>
  </si>
  <si>
    <t>POINT (4.747987480566212 51.823647855995716)</t>
  </si>
  <si>
    <t>POINT (4.75481748606279 51.82490748118876)</t>
  </si>
  <si>
    <t>POINT (4.784624685090777 51.819983220775555)</t>
  </si>
  <si>
    <t>POINT (4.773061158008385 51.820438780180005)</t>
  </si>
  <si>
    <t>POINT (4.76948081110367 51.816932867890586)</t>
  </si>
  <si>
    <t>POINT (4.760072286477349 51.8246919034068)</t>
  </si>
  <si>
    <t>POINT (4.738001538353237 51.82910791830486)</t>
  </si>
  <si>
    <t>POINT (4.779749658090369 51.81719904585945)</t>
  </si>
  <si>
    <t>POINT (4.775042308162917 51.817041556536054)</t>
  </si>
  <si>
    <t>POINT (4.779919523186674 51.81737321582758)</t>
  </si>
  <si>
    <t>POINT (4.783253329061882 51.82068627006957)</t>
  </si>
  <si>
    <t>POINT (4.777998263583314 51.82019224520845)</t>
  </si>
  <si>
    <t>POINT (4.786390469683354 51.81748715607386)</t>
  </si>
  <si>
    <t>POINT (4.7574997518267015 51.8243668557366)</t>
  </si>
  <si>
    <t>POINT (4.781541700645263 51.81795292145316)</t>
  </si>
  <si>
    <t>POINT (4.781240217627415 51.825426806853706)</t>
  </si>
  <si>
    <t>POINT (4.7575862396669795 51.828102528787916)</t>
  </si>
  <si>
    <t>POINT (4.767582239290645 51.82099271445992)</t>
  </si>
  <si>
    <t>POINT (4.797318714549879 51.82257430075307)</t>
  </si>
  <si>
    <t>POINT (4.75736564100504 51.82835850889837)</t>
  </si>
  <si>
    <t>POINT (4.777247839373565 51.820458544637724)</t>
  </si>
  <si>
    <t>POINT (4.7405417157897505 51.828925115843326)</t>
  </si>
  <si>
    <t>POINT (4.747416180308058 51.8236637093348)</t>
  </si>
  <si>
    <t>POINT (4.783005438437349 51.817278412125304)</t>
  </si>
  <si>
    <t>POINT (4.790461699099504 51.820203959642065)</t>
  </si>
  <si>
    <t>POINT (4.77859810518054 51.82580157001056)</t>
  </si>
  <si>
    <t>POINT (4.760393450017054 51.82751792352471)</t>
  </si>
  <si>
    <t>POINT (4.7660689199693 51.82247133863933)</t>
  </si>
  <si>
    <t>POINT (4.745838098470018 51.82856997373449)</t>
  </si>
  <si>
    <t>POINT (4.783236969120588 51.81725236839727)</t>
  </si>
  <si>
    <t>POINT (4.801255057915915 51.82067783465807)</t>
  </si>
  <si>
    <t>POINT (4.748402660675344 51.82975517177873)</t>
  </si>
  <si>
    <t>POINT (4.756422785111532 51.8261444999316)</t>
  </si>
  <si>
    <t>POINT (4.760160330449566 51.82497380655345)</t>
  </si>
  <si>
    <t>POINT (4.7914187755732724 51.8199995676724)</t>
  </si>
  <si>
    <t>POINT (4.766634357697556 51.825692603151545)</t>
  </si>
  <si>
    <t>POINT (4.762037795636908 51.82506894290503)</t>
  </si>
  <si>
    <t>POINT (4.776505656737192 51.820672568617674)</t>
  </si>
  <si>
    <t>POINT (4.737237082033943 51.82800680863607)</t>
  </si>
  <si>
    <t>POINT (4.764523048198919 51.82246665347103)</t>
  </si>
  <si>
    <t>POINT (4.800354088409479 51.820841958950915)</t>
  </si>
  <si>
    <t>POINT (4.767245130919935 51.8276172302331)</t>
  </si>
  <si>
    <t>POINT (4.757841740138286 51.82821418892024)</t>
  </si>
  <si>
    <t>POINT (4.772910053129883 51.818318570415144)</t>
  </si>
  <si>
    <t>POINT (4.798193439107725 51.82273491472151)</t>
  </si>
  <si>
    <t>POINT (4.7963896103033665 51.82204793137303)</t>
  </si>
  <si>
    <t>POINT (4.780375146446393 51.81904413214221)</t>
  </si>
  <si>
    <t>POINT (4.765914542563977 51.82201998652708)</t>
  </si>
  <si>
    <t>POINT (4.7745681552551 51.82881592311603)</t>
  </si>
  <si>
    <t>POINT (4.790783462365366 51.82070365195137)</t>
  </si>
  <si>
    <t>POINT (4.77296101452938 51.823168358991765)</t>
  </si>
  <si>
    <t>POINT (4.787959881025239 51.819668707418245)</t>
  </si>
  <si>
    <t>POINT (4.773026488794487 51.825240030470674)</t>
  </si>
  <si>
    <t>POINT (4.758187394899714 51.8268660453948)</t>
  </si>
  <si>
    <t>POINT (4.79560759023988 51.82595428847695)</t>
  </si>
  <si>
    <t>POINT (4.78847572151676 51.818625429154025)</t>
  </si>
  <si>
    <t>POINT (4.794020206778707 51.820199975675074)</t>
  </si>
  <si>
    <t>POINT (4.756465646220775 51.825113469002964)</t>
  </si>
  <si>
    <t>POINT (4.766775221025485 51.822065805735406)</t>
  </si>
  <si>
    <t>POINT (4.785755565754949 51.819418336366134)</t>
  </si>
  <si>
    <t>POINT (4.75011640942963 51.829026521627505)</t>
  </si>
  <si>
    <t>POINT (4.784350941865198 51.817405777962435)</t>
  </si>
  <si>
    <t>POINT (4.759339769916835 51.825304874465935)</t>
  </si>
  <si>
    <t>POINT (4.737499304093724 51.83007679860019)</t>
  </si>
  <si>
    <t>POINT (4.771937906135212 51.817413181128316)</t>
  </si>
  <si>
    <t>POINT (4.771475857129166 51.81799528606333)</t>
  </si>
  <si>
    <t>POINT (4.775670006242718 51.818078606249074)</t>
  </si>
  <si>
    <t>POINT (4.761555018680785 51.82706660124297)</t>
  </si>
  <si>
    <t>POINT (4.748057220056012 51.82955212670111)</t>
  </si>
  <si>
    <t>POINT (4.7540073564371115 51.828902138900105)</t>
  </si>
  <si>
    <t>POINT (4.734699354013981 51.82694896347834)</t>
  </si>
  <si>
    <t>POINT (4.77696114674197 51.82085075435756)</t>
  </si>
  <si>
    <t>POINT (4.769459982946203 51.826136622521936)</t>
  </si>
  <si>
    <t>POINT (4.762079165294418 51.827503722260914)</t>
  </si>
  <si>
    <t>POINT (4.736105518503842 51.827255256322566)</t>
  </si>
  <si>
    <t>POINT (4.7776306984871955 51.826318660673465)</t>
  </si>
  <si>
    <t>POINT (4.770302959040696 51.81716864840433)</t>
  </si>
  <si>
    <t>POINT (4.7908449219913605 51.81841520353443)</t>
  </si>
  <si>
    <t>POINT (4.779799943090954 51.81804171622984)</t>
  </si>
  <si>
    <t>POINT (4.782679868184895 51.81731961119854)</t>
  </si>
  <si>
    <t>POINT (4.7757025857160365 51.8173982500648)</t>
  </si>
  <si>
    <t>POINT (4.774311657387396 51.82296068198557)</t>
  </si>
  <si>
    <t>POINT (4.788055307796012 51.823368711979455)</t>
  </si>
  <si>
    <t>POINT (4.781889765335567 51.81780307968682)</t>
  </si>
  <si>
    <t>POINT (4.802014115430924 51.820819506107576)</t>
  </si>
  <si>
    <t>POINT (4.797063458015477 51.82207343311769)</t>
  </si>
  <si>
    <t>POINT (4.739164278072056 51.823377995048126)</t>
  </si>
  <si>
    <t>POINT (4.759643794136279 51.828202354064516)</t>
  </si>
  <si>
    <t>POINT (4.749059251734609 51.829253853650364)</t>
  </si>
  <si>
    <t>POINT (4.76644019922109 51.82540268338133)</t>
  </si>
  <si>
    <t>POINT (4.768759161089226 51.82739690670947)</t>
  </si>
  <si>
    <t>POINT (4.7497292705626775 51.828991881174524)</t>
  </si>
  <si>
    <t>POINT (4.783188700361755 51.817520968489966)</t>
  </si>
  <si>
    <t>POINT (4.77355813175462 51.826379686602515)</t>
  </si>
  <si>
    <t>POINT (4.799349043928439 51.820166292612974)</t>
  </si>
  <si>
    <t>POINT (4.7670633972444305 51.82683462308571)</t>
  </si>
  <si>
    <t>POINT (4.773040589542993 51.81799890025835)</t>
  </si>
  <si>
    <t>POINT (4.7472884004795475 51.82796405759675)</t>
  </si>
  <si>
    <t>POINT (4.799837235662166 51.81977809351106)</t>
  </si>
  <si>
    <t>POINT (4.788348466655817 51.821708580418154)</t>
  </si>
  <si>
    <t>POINT (4.790165094096863 51.82397064050739)</t>
  </si>
  <si>
    <t>POINT (4.767223010252033 51.830648782013014)</t>
  </si>
  <si>
    <t>POINT (4.781303960246139 51.81893702278524)</t>
  </si>
  <si>
    <t>POINT (4.737399152119387 51.82449343045033)</t>
  </si>
  <si>
    <t>POINT (4.784245554675881 51.8168922582441)</t>
  </si>
  <si>
    <t>POINT (4.7958692286396465 51.820164542659)</t>
  </si>
  <si>
    <t>POINT (4.7931345790584 51.81927569589)</t>
  </si>
  <si>
    <t>POINT (4.792571825001932 51.82283843276828)</t>
  </si>
  <si>
    <t>POINT (4.802840059769701 51.81955012112473)</t>
  </si>
  <si>
    <t>POINT (4.779291158310356 51.826452212913125)</t>
  </si>
  <si>
    <t>POINT (4.76823504319738 51.82624540332774)</t>
  </si>
  <si>
    <t>POINT (4.7940970730509065 51.820464987657495)</t>
  </si>
  <si>
    <t>POINT (4.767426510169766 51.81898482982586)</t>
  </si>
  <si>
    <t>POINT (4.7807942882266925 51.81845251269168)</t>
  </si>
  <si>
    <t>POINT (4.779138082200844 51.822680891633134)</t>
  </si>
  <si>
    <t>POINT (4.7788816057220735 51.823059150392226)</t>
  </si>
  <si>
    <t>POINT (4.782409262964256 51.82130680985091)</t>
  </si>
  <si>
    <t>POINT (4.7712865028425515 51.81701417661488)</t>
  </si>
  <si>
    <t>POINT (4.781239846396999 51.82571336070041)</t>
  </si>
  <si>
    <t>POINT (4.752123379517709 51.82793090102756)</t>
  </si>
  <si>
    <t>POINT (4.781943923545227 51.82598656058257)</t>
  </si>
  <si>
    <t>POINT (4.779550889084139 51.81976542604929)</t>
  </si>
  <si>
    <t>POINT (4.775176792197528 51.81759415720441)</t>
  </si>
  <si>
    <t>POINT (4.777893651370164 51.82072077015966)</t>
  </si>
  <si>
    <t>POINT (4.736659375831686 51.828160819099)</t>
  </si>
  <si>
    <t>POINT (4.796248698039073 51.82062612929424)</t>
  </si>
  <si>
    <t>POINT (4.753998255059758 51.828166373595614)</t>
  </si>
  <si>
    <t>POINT (4.773380779955304 51.822125542177375)</t>
  </si>
  <si>
    <t>POINT (4.805451359360904 51.81948210599673)</t>
  </si>
  <si>
    <t>POINT (4.784343835627725 51.820095394213574)</t>
  </si>
  <si>
    <t>POINT (4.76461993306362 51.82245674064391)</t>
  </si>
  <si>
    <t>POINT (4.77520773128029 51.81786847045479)</t>
  </si>
  <si>
    <t>POINT (4.777920873264276 51.823181535526324)</t>
  </si>
  <si>
    <t>POINT (4.748283689214222 51.829960632766536)</t>
  </si>
  <si>
    <t>POINT (4.76691915692071 51.8223795671098)</t>
  </si>
  <si>
    <t>POINT (4.767376084873147 51.821818818875286)</t>
  </si>
  <si>
    <t>POINT (4.771932561452119 51.82996214145888)</t>
  </si>
  <si>
    <t>POINT (4.745866543368698 51.830159402922895)</t>
  </si>
  <si>
    <t>POINT (4.781088630650648 51.82477965576)</t>
  </si>
  <si>
    <t>POINT (4.773037793015341 51.81948164309833)</t>
  </si>
  <si>
    <t>POINT (4.777733006353202 51.81818866101207)</t>
  </si>
  <si>
    <t>POINT (4.781547439444766 51.81844336812544)</t>
  </si>
  <si>
    <t>POINT (4.777059379335398 51.829061288742906)</t>
  </si>
  <si>
    <t>POINT (4.7754959267999295 51.82207878783907)</t>
  </si>
  <si>
    <t>POINT (4.790085951933948 51.81810833982373)</t>
  </si>
  <si>
    <t>POINT (4.805046266406559 51.82029059630466)</t>
  </si>
  <si>
    <t>POINT (4.786812190533389 51.82058255341344)</t>
  </si>
  <si>
    <t>POINT (4.761241427019311 51.82590459253458)</t>
  </si>
  <si>
    <t>POINT (4.769383287062085 51.82593253758623)</t>
  </si>
  <si>
    <t>POINT (4.779903460014039 51.824595547138244)</t>
  </si>
  <si>
    <t>POINT (4.798491328439082 51.82251609942306)</t>
  </si>
  <si>
    <t>POINT (4.773193126389707 51.81913055261851)</t>
  </si>
  <si>
    <t>POINT (4.752685100553093 51.8283312345391)</t>
  </si>
  <si>
    <t>POINT (4.747550196036738 51.82880573846619)</t>
  </si>
  <si>
    <t>POINT (4.7414131740692005 51.83048475233234)</t>
  </si>
  <si>
    <t>POINT (4.801652077095188 51.82186981208206)</t>
  </si>
  <si>
    <t>POINT (4.789073095669291 51.82402773144235)</t>
  </si>
  <si>
    <t>POINT (4.78928516395823 51.82097701180182)</t>
  </si>
  <si>
    <t>POINT (4.778090208378886 51.825427923059245)</t>
  </si>
  <si>
    <t>POINT (4.7896703598001915 51.8175990892368)</t>
  </si>
  <si>
    <t>POINT (4.799785913700489 51.82151271998715)</t>
  </si>
  <si>
    <t>POINT (4.791940498847374 51.82378811105967)</t>
  </si>
  <si>
    <t>POINT (4.792690357431907 51.81915228067494)</t>
  </si>
  <si>
    <t>POINT (4.778807516970237 51.824679434032966)</t>
  </si>
  <si>
    <t>POINT (4.781013048193233 51.8184275758622)</t>
  </si>
  <si>
    <t>POINT (4.7621798262668555 51.827201432797686)</t>
  </si>
  <si>
    <t>POINT (4.792571890215244 51.821646009360855)</t>
  </si>
  <si>
    <t>POINT (4.77143453824162 51.81905590260929)</t>
  </si>
  <si>
    <t>POINT (4.739189010417562 51.827983533619204)</t>
  </si>
  <si>
    <t>POINT (4.776402905973316 51.821651070410674)</t>
  </si>
  <si>
    <t>POINT (4.764596359645617 51.82265121857782)</t>
  </si>
  <si>
    <t>POINT (4.768431825580656 51.81807203942017)</t>
  </si>
  <si>
    <t>POINT (4.762187367748544 51.8247852505802)</t>
  </si>
  <si>
    <t>POINT (4.7736831213700786 51.818369893997115)</t>
  </si>
  <si>
    <t>POINT (4.765667274504411 51.82420724595823)</t>
  </si>
  <si>
    <t>POINT (4.8000830648261585 51.82176139228631)</t>
  </si>
  <si>
    <t>POINT (4.765686728426272 51.8273828365461)</t>
  </si>
  <si>
    <t>POINT (4.775316931373584 51.82152361882763)</t>
  </si>
  <si>
    <t>POINT (4.739320562442264 51.82360573026688)</t>
  </si>
  <si>
    <t>POINT (4.762164970053529 51.82678733937329)</t>
  </si>
  <si>
    <t>POINT (4.745525054322666 51.82806966538565)</t>
  </si>
  <si>
    <t>POINT (4.7710611140556045 51.817046700812064)</t>
  </si>
  <si>
    <t>POINT (4.777101503576462 51.81957888036338)</t>
  </si>
  <si>
    <t>POINT (4.738435727044455 51.831232761282244)</t>
  </si>
  <si>
    <t>POINT (4.747832730685696 51.82915774304119)</t>
  </si>
  <si>
    <t>POINT (4.766659389308938 51.821935946483414)</t>
  </si>
  <si>
    <t>POINT (4.80279611162413 51.825826435892694)</t>
  </si>
  <si>
    <t>POINT (4.746884425323225 51.82861487622734)</t>
  </si>
  <si>
    <t>POINT (4.785897513828758 51.82036771814146)</t>
  </si>
  <si>
    <t>POINT (4.763073047694675 51.82396040636138)</t>
  </si>
  <si>
    <t>POINT (4.759983479115899 51.824527476990774)</t>
  </si>
  <si>
    <t>POINT (4.793679766854073 51.82022405185811)</t>
  </si>
  <si>
    <t>POINT (4.762488244529102 51.82427036793599)</t>
  </si>
  <si>
    <t>POINT (4.776301809208285 51.81936070256727)</t>
  </si>
  <si>
    <t>POINT (4.792146651751316 51.8220496882911)</t>
  </si>
  <si>
    <t>POINT (4.780103652724855 51.81817047605026)</t>
  </si>
  <si>
    <t>POINT (4.750860841867734 51.823576009658694)</t>
  </si>
  <si>
    <t>POINT (4.781428897017857 51.8193859282395)</t>
  </si>
  <si>
    <t>POINT (4.740453325068161 51.830223994007)</t>
  </si>
  <si>
    <t>POINT (4.769517188998749 51.82135601196355)</t>
  </si>
  <si>
    <t>POINT (4.736780676392953 51.82713493861261)</t>
  </si>
  <si>
    <t>POINT (4.772552816084664 51.81733029233957)</t>
  </si>
  <si>
    <t>POINT (4.738232111800296 51.82774409405167)</t>
  </si>
  <si>
    <t>POINT (4.791477772114306 51.822932568483125)</t>
  </si>
  <si>
    <t>POINT (4.773632283582289 51.823735274217135)</t>
  </si>
  <si>
    <t>POINT (4.798535363936704 51.8219653211712)</t>
  </si>
  <si>
    <t>POINT (4.7409426612529355 51.830915970718856)</t>
  </si>
  <si>
    <t>POINT (4.77135645529105 51.821448434714945)</t>
  </si>
  <si>
    <t>POINT (4.7785886832715 51.820367529460285)</t>
  </si>
  <si>
    <t>POINT (4.743421718934027 51.82657375321811)</t>
  </si>
  <si>
    <t>POINT (4.774161030100086 51.82912956634046)</t>
  </si>
  <si>
    <t>POINT (4.73790367282893 51.82871124927593)</t>
  </si>
  <si>
    <t>POINT (4.786793552628007 51.819009007669756)</t>
  </si>
  <si>
    <t>POINT (4.780034790812657 51.826212021915076)</t>
  </si>
  <si>
    <t>POINT (4.760867212395721 51.83106842684815)</t>
  </si>
  <si>
    <t>POINT (4.788439045052794 51.8213430277853)</t>
  </si>
  <si>
    <t>POINT (4.743451517410176 51.826371475358975)</t>
  </si>
  <si>
    <t>POINT (4.746922750832353 51.82900096572682)</t>
  </si>
  <si>
    <t>POINT (4.791923966036376 51.82032814648024)</t>
  </si>
  <si>
    <t>POINT (4.796765819234373 51.82159733990804)</t>
  </si>
  <si>
    <t>POINT (4.769612455697386 51.82655907923068)</t>
  </si>
  <si>
    <t>POINT (4.786407676618718 51.82157201334435)</t>
  </si>
  <si>
    <t>POINT (4.77756896374294 51.81992233618477)</t>
  </si>
  <si>
    <t>POINT (4.736718543607125 51.82704459140159)</t>
  </si>
  <si>
    <t>POINT (4.784585058425911 51.81683908168349)</t>
  </si>
  <si>
    <t>POINT (4.764323302466339 51.82478725632139)</t>
  </si>
  <si>
    <t>POINT (4.736918772188625 51.8287328530013)</t>
  </si>
  <si>
    <t>POINT (4.7747255136468425 51.8239088005767)</t>
  </si>
  <si>
    <t>POINT (4.767418709484736 51.82644055256449)</t>
  </si>
  <si>
    <t>POINT (4.734654616755131 51.82943655431997)</t>
  </si>
  <si>
    <t>POINT (4.7832603741385205 51.82071255296949)</t>
  </si>
  <si>
    <t>POINT (4.7405424479813885 51.828925650204354)</t>
  </si>
  <si>
    <t>POINT (4.762065010487842 51.82351469097182)</t>
  </si>
  <si>
    <t>POINT (4.768026592644346 51.821081799282005)</t>
  </si>
  <si>
    <t>POINT (4.78416998685211 51.82150067425515)</t>
  </si>
  <si>
    <t>POINT (4.782908161382698 51.82147342101006)</t>
  </si>
  <si>
    <t>POINT (4.778917098026265 51.82316998373806)</t>
  </si>
  <si>
    <t>POINT (4.745364598026283 51.82884459404232)</t>
  </si>
  <si>
    <t>POINT (4.76706390769936 51.82616497627481)</t>
  </si>
  <si>
    <t>POINT (4.744769034511003 51.82387180843473)</t>
  </si>
  <si>
    <t>POINT (4.79264063400575 51.819766218013406)</t>
  </si>
  <si>
    <t>POINT (4.790253407129732 51.82396156178379)</t>
  </si>
  <si>
    <t>POINT (4.772276165632644 51.82204578426331)</t>
  </si>
  <si>
    <t>POINT (4.78758244502331 51.819202969240386)</t>
  </si>
  <si>
    <t>POINT (4.770657041553563 51.82482069564568)</t>
  </si>
  <si>
    <t>POINT (4.791600801130713 51.823457496111516)</t>
  </si>
  <si>
    <t>POINT (4.773146301561358 51.82412247776815)</t>
  </si>
  <si>
    <t>POINT (4.757440201835083 51.82837958268876)</t>
  </si>
  <si>
    <t>POINT (4.795953168511027 51.82261138431238)</t>
  </si>
  <si>
    <t>POINT (4.771860302824956 51.8191352576607)</t>
  </si>
  <si>
    <t>POINT (4.765403337283453 51.82501230412504)</t>
  </si>
  <si>
    <t>POINT (4.770572304846705 51.82483301431821)</t>
  </si>
  <si>
    <t>POINT (4.738182344094198 51.830321462560185)</t>
  </si>
  <si>
    <t>POINT (4.767786730182062 51.82601850365178)</t>
  </si>
  <si>
    <t>POINT (4.7971435942778236 51.82068303486064)</t>
  </si>
  <si>
    <t>POINT (4.7519445433102 51.8292871209856)</t>
  </si>
  <si>
    <t>POINT (4.798532875493321 51.82215586629776)</t>
  </si>
  <si>
    <t>POINT (4.758318242314843 51.82502597293173)</t>
  </si>
  <si>
    <t>POINT (4.779706767985728 51.8177234875458)</t>
  </si>
  <si>
    <t>POINT (4.750725100873554 51.82932617749389)</t>
  </si>
  <si>
    <t>POINT (4.763210680863061 51.824192594290956)</t>
  </si>
  <si>
    <t>POINT (4.769218598483156 51.81717588734305)</t>
  </si>
  <si>
    <t>POINT (4.787075330941414 51.817562298901606)</t>
  </si>
  <si>
    <t>POINT (4.741167204686041 51.830581473526045)</t>
  </si>
  <si>
    <t>POINT (4.77348120940786 51.81762575176132)</t>
  </si>
  <si>
    <t>POINT (4.786955618430961 51.823481383180315)</t>
  </si>
  <si>
    <t>POINT (4.786043448273849 51.81785373113578)</t>
  </si>
  <si>
    <t>POINT (4.8032366993050335 51.82112095933264)</t>
  </si>
  <si>
    <t>POINT (4.7949034252161535 51.824356974922814)</t>
  </si>
  <si>
    <t>POINT (4.775457902484468 51.82186663888553)</t>
  </si>
  <si>
    <t>POINT (4.738935894272512 51.82885906413049)</t>
  </si>
  <si>
    <t>POINT (4.788396466455721 51.819831381680636)</t>
  </si>
  <si>
    <t>POINT (4.770994874436352 51.81671485379892)</t>
  </si>
  <si>
    <t>POINT (4.762166439414144 51.827528635957265)</t>
  </si>
  <si>
    <t>POINT (4.758319594685798 51.824523607754095)</t>
  </si>
  <si>
    <t>POINT (4.78013318218214 51.826176756278706)</t>
  </si>
  <si>
    <t>POINT (4.788594888407063 51.82033332712721)</t>
  </si>
  <si>
    <t>POINT (4.752351128161334 51.8239562974317)</t>
  </si>
  <si>
    <t>POINT (4.795890149743011 51.82011763783669)</t>
  </si>
  <si>
    <t>POINT (4.7912005136337665 51.8191858924689)</t>
  </si>
  <si>
    <t>POINT (4.738565961778195 51.82421278800473)</t>
  </si>
  <si>
    <t>POINT (4.780197495648565 51.819419565456855)</t>
  </si>
  <si>
    <t>POINT (4.759060811395627 51.83238032152877)</t>
  </si>
  <si>
    <t>POINT (4.776126493364436 51.82029954645328)</t>
  </si>
  <si>
    <t>POINT (4.801476635591375 51.82266846951011)</t>
  </si>
  <si>
    <t>POINT (4.7597626461963936 51.82843902970919)</t>
  </si>
  <si>
    <t>POINT (4.74335535809489 51.82777359218178)</t>
  </si>
  <si>
    <t>POINT (4.8006208649400035 51.824884820525)</t>
  </si>
  <si>
    <t>POINT (4.741090703226211 51.82367274502389)</t>
  </si>
  <si>
    <t>POINT (4.789102546755903 51.821906668412055)</t>
  </si>
  <si>
    <t>POINT (4.8002173446534515 51.82012659422836)</t>
  </si>
  <si>
    <t>POINT (4.770323387359869 51.8294326014563)</t>
  </si>
  <si>
    <t>POINT (4.765195852782455 51.82254599460375)</t>
  </si>
  <si>
    <t>POINT (4.74990393430348 51.828714992121064)</t>
  </si>
  <si>
    <t>POINT (4.780086960908926 51.82643125343642)</t>
  </si>
  <si>
    <t>POINT (4.772159372008025 51.81710486473859)</t>
  </si>
  <si>
    <t>POINT (4.757092370169635 51.828573667334354)</t>
  </si>
  <si>
    <t>POINT (4.77567794211297 51.817108689142145)</t>
  </si>
  <si>
    <t>POINT (4.7566652845682755 51.8262720026464)</t>
  </si>
  <si>
    <t>POINT (4.767855113732978 51.82752364318775)</t>
  </si>
  <si>
    <t>POINT (4.7673793816941625 51.82628349411668)</t>
  </si>
  <si>
    <t>POINT (4.750945504079986 51.82360001874336)</t>
  </si>
  <si>
    <t>POINT (4.771864720513569 51.829803110519144)</t>
  </si>
  <si>
    <t>POINT (4.7685170828957615 51.82175765797094)</t>
  </si>
  <si>
    <t>POINT (4.73524460104509 51.82984134452311)</t>
  </si>
  <si>
    <t>POINT (4.77397234952695 51.81825068878921)</t>
  </si>
  <si>
    <t>POINT (4.7406197078137735 51.82799070392959)</t>
  </si>
  <si>
    <t>POINT (4.764698424840532 51.823684099410336)</t>
  </si>
  <si>
    <t>POINT (4.737797803223901 51.82980134969222)</t>
  </si>
  <si>
    <t>POINT (4.74384377804142 51.82422439716174)</t>
  </si>
  <si>
    <t>POINT (4.774945652427181 51.8176763657625)</t>
  </si>
  <si>
    <t>POINT (4.761339536318506 51.826757683290616)</t>
  </si>
  <si>
    <t>POINT (4.768340062569468 51.821396704824345)</t>
  </si>
  <si>
    <t>POINT (4.741020609889347 51.82818742486535)</t>
  </si>
  <si>
    <t>POINT (4.8064219913416215 51.820099034041135)</t>
  </si>
  <si>
    <t>POINT (4.772498504373373 51.81846283980197)</t>
  </si>
  <si>
    <t>POINT (4.76288077077814 51.82503432920111)</t>
  </si>
  <si>
    <t>POINT (4.7649163382909085 51.82388057692664)</t>
  </si>
  <si>
    <t>POINT (4.747253456629876 51.82892313012728)</t>
  </si>
  <si>
    <t>POINT (4.7670674601222345 51.82618090483676)</t>
  </si>
  <si>
    <t>POINT (4.7809667006235745 51.816718786519274)</t>
  </si>
  <si>
    <t>POINT (4.737274179918042 51.83073853370384)</t>
  </si>
  <si>
    <t>POINT (4.785161178527499 51.8201580152423)</t>
  </si>
  <si>
    <t>POINT (4.765279196316794 51.82401157620558)</t>
  </si>
  <si>
    <t>POINT (4.75261396830883 51.82835529898931)</t>
  </si>
  <si>
    <t>POINT (4.774479729043784 51.81869557716265)</t>
  </si>
  <si>
    <t>POINT (4.772292834186513 51.82953174157703)</t>
  </si>
  <si>
    <t>POINT (4.771697016207195 51.82956412390605)</t>
  </si>
  <si>
    <t>POINT (4.753170407292557 51.82839965332229)</t>
  </si>
  <si>
    <t>POINT (4.78031202378187 51.81906798505447)</t>
  </si>
  <si>
    <t>POINT (4.773110612049216 51.817979761414115)</t>
  </si>
  <si>
    <t>POINT (4.773837737764641 51.818305355087944)</t>
  </si>
  <si>
    <t>POINT (4.794884707280575 51.819390246620316)</t>
  </si>
  <si>
    <t>POINT (4.791765180676416 51.82380618772439)</t>
  </si>
  <si>
    <t>POINT (4.783092658083616 51.820380460739)</t>
  </si>
  <si>
    <t>POINT (4.780319842888327 51.81863801169218)</t>
  </si>
  <si>
    <t>POINT (4.781713800670173 51.82452230346518)</t>
  </si>
  <si>
    <t>POINT (4.787279602946373 51.82117567258461)</t>
  </si>
  <si>
    <t>POINT (4.765277555786578 51.82319486436914)</t>
  </si>
  <si>
    <t>POINT (4.743393461498467 51.82711189860006)</t>
  </si>
  <si>
    <t>POINT (4.773723762957907 51.81806916850815)</t>
  </si>
  <si>
    <t>POINT (4.7941080136834895 51.81918147488397)</t>
  </si>
  <si>
    <t>POINT (4.736978246467591 51.82899457106243)</t>
  </si>
  <si>
    <t>POINT (4.76636249547312 51.828052916035915)</t>
  </si>
  <si>
    <t>POINT (4.751955871562854 51.82763957318277)</t>
  </si>
  <si>
    <t>POINT (4.754189949802678 51.82437170411895)</t>
  </si>
  <si>
    <t>POINT (4.7774122320985 51.820690045866705)</t>
  </si>
  <si>
    <t>POINT (4.792365907323475 51.820251377480226)</t>
  </si>
  <si>
    <t>POINT (4.79212202555943 51.82335470382602)</t>
  </si>
  <si>
    <t>POINT (4.771474196738309 51.817681485673006)</t>
  </si>
  <si>
    <t>POINT (4.790112288480044 51.81863850767475)</t>
  </si>
  <si>
    <t>POINT (4.783845084222325 51.81952843853505)</t>
  </si>
  <si>
    <t>POINT (4.766941624377988 51.827661468669824)</t>
  </si>
  <si>
    <t>POINT (4.775412447797687 51.823313383925104)</t>
  </si>
  <si>
    <t>POINT (4.7386448743302845 51.823517056360636)</t>
  </si>
  <si>
    <t>POINT (4.748714169416211 51.82894366838741)</t>
  </si>
  <si>
    <t>POINT (4.7652001246827345 51.82963612383334)</t>
  </si>
  <si>
    <t>POINT (4.7698945544410645 51.821250107249774)</t>
  </si>
  <si>
    <t>POINT (4.771428661046497 51.81771297649925)</t>
  </si>
  <si>
    <t>POINT (4.774451038923988 51.81885362651267)</t>
  </si>
  <si>
    <t>POINT (4.757035033407073 51.82564011273172)</t>
  </si>
  <si>
    <t>POINT (4.773861646700978 51.82144096854859)</t>
  </si>
  <si>
    <t>POINT (4.734711706489279 51.829555521253404)</t>
  </si>
  <si>
    <t>POINT (4.768766320114616 51.82658976974351)</t>
  </si>
  <si>
    <t>POINT (4.797425887193476 51.82267551124822)</t>
  </si>
  <si>
    <t>POINT (4.741321366346029 51.82873190171687)</t>
  </si>
  <si>
    <t>POINT (4.745143048643052 51.8289279651569)</t>
  </si>
  <si>
    <t>POINT (4.787008593159642 51.81747683579158)</t>
  </si>
  <si>
    <t>POINT (4.769549571155611 51.818053837516196)</t>
  </si>
  <si>
    <t>POINT (4.7877214592813235 51.82173908687712)</t>
  </si>
  <si>
    <t>POINT (4.7399880564880075 51.82349750458825)</t>
  </si>
  <si>
    <t>POINT (4.735114338510414 51.829080472655676)</t>
  </si>
  <si>
    <t>POINT (4.769865510862321 51.82652247854775)</t>
  </si>
  <si>
    <t>POINT (4.741473581593765 51.83043730124554)</t>
  </si>
  <si>
    <t>POINT (4.735628373576717 51.831057736768166)</t>
  </si>
  <si>
    <t>POINT (4.765763827937095 51.82250675672653)</t>
  </si>
  <si>
    <t>POINT (4.773065544355086 51.818690253286285)</t>
  </si>
  <si>
    <t>POINT (4.742456959481926 51.82522441018198)</t>
  </si>
  <si>
    <t>POINT (4.748157351856303 51.823698038501405)</t>
  </si>
  <si>
    <t>POINT (4.7740371932587795 51.82298405701893)</t>
  </si>
  <si>
    <t>POINT (4.768824195620001 51.82055307072545)</t>
  </si>
  <si>
    <t>POINT (4.776412123629434 51.81719215110737)</t>
  </si>
  <si>
    <t>POINT (4.779709607744293 51.825316560424845)</t>
  </si>
  <si>
    <t>POINT (4.745224566522254 51.82888805219945)</t>
  </si>
  <si>
    <t>POINT (4.769363415672206 51.82587949024126)</t>
  </si>
  <si>
    <t>POINT (4.773247470553361 51.82032658860133)</t>
  </si>
  <si>
    <t>POINT (4.7998634973316054 51.82534322522362)</t>
  </si>
  <si>
    <t>POINT (4.743399710658773 51.827212650147956)</t>
  </si>
  <si>
    <t>POINT (4.76940353186452 51.8173862951522)</t>
  </si>
  <si>
    <t>POINT (4.795797995474108 51.82416787178042)</t>
  </si>
  <si>
    <t>POINT (4.788729464888586 51.820772026648584)</t>
  </si>
  <si>
    <t>POINT (4.751166365584225 51.832238086286814)</t>
  </si>
  <si>
    <t>POINT (4.762864046148465 51.82538299747721)</t>
  </si>
  <si>
    <t>POINT (4.801642655243182 51.82023914945214)</t>
  </si>
  <si>
    <t>POINT (4.77367016454681 51.823776280389076)</t>
  </si>
  <si>
    <t>POINT (4.786008847492144 51.81771854543837)</t>
  </si>
  <si>
    <t>POINT (4.764752293545811 51.822262210458966)</t>
  </si>
  <si>
    <t>POINT (4.738376131646528 51.82770596954182)</t>
  </si>
  <si>
    <t>POINT (4.749110635131203 51.82977439279592)</t>
  </si>
  <si>
    <t>POINT (4.775361381425352 51.81711611778119)</t>
  </si>
  <si>
    <t>POINT (4.779109618095479 51.82574762891912)</t>
  </si>
  <si>
    <t>POINT (4.772083987492916 51.81738949786759)</t>
  </si>
  <si>
    <t>POINT (4.779319090336913 51.82325197476057)</t>
  </si>
  <si>
    <t>POINT (4.782374253382121 51.82473747928695)</t>
  </si>
  <si>
    <t>POINT (4.782447439486128 51.81759634077043)</t>
  </si>
  <si>
    <t>POINT (4.773986547992826 51.82138643124909)</t>
  </si>
  <si>
    <t>POINT (4.779293055087444 51.82045018937894)</t>
  </si>
  <si>
    <t>POINT (4.772547319720966 51.818446107024236)</t>
  </si>
  <si>
    <t>POINT (4.749958855802869 51.829334784177085)</t>
  </si>
  <si>
    <t>POINT (4.797528371543587 51.82198201890741)</t>
  </si>
  <si>
    <t>POINT (4.779757294876569 51.822713580345244)</t>
  </si>
  <si>
    <t>POINT (4.787918324672119 51.81857242817281)</t>
  </si>
  <si>
    <t>POINT (4.786919016511497 51.81789758250047)</t>
  </si>
  <si>
    <t>POINT (4.785726974165615 51.819311045997644)</t>
  </si>
  <si>
    <t>POINT (4.776505673192135 51.82894682529605)</t>
  </si>
  <si>
    <t>POINT (4.771280660035522 51.82700594775735)</t>
  </si>
  <si>
    <t>POINT (4.76963250743498 51.82763646621749)</t>
  </si>
  <si>
    <t>POINT (4.76073273595346 51.82710212496851)</t>
  </si>
  <si>
    <t>POINT (4.7902319338661075 51.819132072235135)</t>
  </si>
  <si>
    <t>POINT (4.762965083236021 51.82378554347889)</t>
  </si>
  <si>
    <t>POINT (4.77431716244843 51.81734994574923)</t>
  </si>
  <si>
    <t>POINT (4.764468283771005 51.82317592221446)</t>
  </si>
  <si>
    <t>POINT (4.788802433447009 51.82104430305864)</t>
  </si>
  <si>
    <t>POINT (4.750610435997595 51.82836494471592)</t>
  </si>
  <si>
    <t>POINT (4.774202228266965 51.81762160985418)</t>
  </si>
  <si>
    <t>POINT (4.7466005378817515 51.82840982548738)</t>
  </si>
  <si>
    <t>POINT (4.768476488145081 51.82388447623094)</t>
  </si>
  <si>
    <t>POINT (4.7566487722184485 51.82563776876205)</t>
  </si>
  <si>
    <t>POINT (4.76808133758917 51.818278726434514)</t>
  </si>
  <si>
    <t>POINT (4.764872372315561 51.82382910887575)</t>
  </si>
  <si>
    <t>POINT (4.740380105199254 51.828330950768574)</t>
  </si>
  <si>
    <t>POINT (4.767250811148674 51.82793195050526)</t>
  </si>
  <si>
    <t>POINT (4.739978559836935 51.82915286639611)</t>
  </si>
  <si>
    <t>POINT (4.769723206803628 51.81824234304959)</t>
  </si>
  <si>
    <t>POINT (4.767305898253051 51.82200009860498)</t>
  </si>
  <si>
    <t>POINT (4.7699985545680335 51.824921412736145)</t>
  </si>
  <si>
    <t>POINT (4.776215287680964 51.81685171751631)</t>
  </si>
  <si>
    <t>POINT (4.773419407211558 51.82221814681884)</t>
  </si>
  <si>
    <t>POINT (4.770004323854989 51.827582602693546)</t>
  </si>
  <si>
    <t>POINT (4.801232346170029 51.819769426635865)</t>
  </si>
  <si>
    <t>POINT (4.7723996038821355 51.818493691954615)</t>
  </si>
  <si>
    <t>POINT (4.78954112137617 51.819864631032395)</t>
  </si>
  <si>
    <t>POINT (4.773575085686096 51.82354693407021)</t>
  </si>
  <si>
    <t>POINT (4.759203985200796 51.828064364166615)</t>
  </si>
  <si>
    <t>POINT (4.7361670247051215 51.827344728489464)</t>
  </si>
  <si>
    <t>POINT (4.778795115379914 51.824634247094416)</t>
  </si>
  <si>
    <t>POINT (4.742679517497369 51.82703439096849)</t>
  </si>
  <si>
    <t>POINT (4.769304602142443 51.82115342280793)</t>
  </si>
  <si>
    <t>POINT (4.7705079952356275 51.82250427352601)</t>
  </si>
  <si>
    <t>POINT (4.774666658060792 51.82376737272839)</t>
  </si>
  <si>
    <t>POINT (4.773926228336256 51.82609703190919)</t>
  </si>
  <si>
    <t>POINT (4.779994090212171 51.81918714721953)</t>
  </si>
  <si>
    <t>POINT (4.798767135567043 51.82279972337852)</t>
  </si>
  <si>
    <t>POINT (4.770789814322105 51.825135543941244)</t>
  </si>
  <si>
    <t>POINT (4.757489439342737 51.82701528902211)</t>
  </si>
  <si>
    <t>POINT (4.7938480425260614 51.82341746290825)</t>
  </si>
  <si>
    <t>POINT (4.767266345972298 51.82731937075678)</t>
  </si>
  <si>
    <t>POINT (4.77451881502216 51.818829081947385)</t>
  </si>
  <si>
    <t>POINT (4.753545967016432 51.825367941011734)</t>
  </si>
  <si>
    <t>POINT (4.80059841272486 51.819443300846764)</t>
  </si>
  <si>
    <t>POINT (4.755896620957942 51.82591857439972)</t>
  </si>
  <si>
    <t>POINT (4.780281806521529 51.823262169970796)</t>
  </si>
  <si>
    <t>POINT (4.775409315957752 51.818190054427376)</t>
  </si>
  <si>
    <t>POINT (4.79271580737627 51.82405216946484)</t>
  </si>
  <si>
    <t>POINT (4.769848252407245 51.826278617435534)</t>
  </si>
  <si>
    <t>POINT (4.779890766192436 51.82319614870269)</t>
  </si>
  <si>
    <t>POINT (4.787669731629926 51.81919406701507)</t>
  </si>
  <si>
    <t>POINT (4.772446731925923 51.82103618096284)</t>
  </si>
  <si>
    <t>POINT (4.770351574732444 51.82691756518243)</t>
  </si>
  <si>
    <t>POINT (4.798071401502313 51.820885443931836)</t>
  </si>
  <si>
    <t>POINT (4.788217657906259 51.82243814466913)</t>
  </si>
  <si>
    <t>POINT (4.737177983929643 51.82703004919813)</t>
  </si>
  <si>
    <t>POINT (4.740052883587729 51.831024522976264)</t>
  </si>
  <si>
    <t>POINT (4.770489221448407 51.82519095263616)</t>
  </si>
  <si>
    <t>POINT (4.7739012799975376 51.82724815873886)</t>
  </si>
  <si>
    <t>POINT (4.763463848671888 51.820562459198605)</t>
  </si>
  <si>
    <t>POINT (4.7861376847511385 51.82079338888911)</t>
  </si>
  <si>
    <t>POINT (4.770633586858448 51.81874141164556)</t>
  </si>
  <si>
    <t>POINT (4.7622508407623645 51.83107687963957)</t>
  </si>
  <si>
    <t>POINT (4.795028788142588 51.82088748079989)</t>
  </si>
  <si>
    <t>POINT (4.780878014786682 51.819290591226085)</t>
  </si>
  <si>
    <t>POINT (4.758252184879154 51.8276494784962)</t>
  </si>
  <si>
    <t>POINT (4.770437950305877 51.82184814318195)</t>
  </si>
  <si>
    <t>POINT (4.801638379656009 51.82481116104871)</t>
  </si>
  <si>
    <t>3361XK</t>
  </si>
  <si>
    <t>POINT (4.767292535981431 51.82229354140265)</t>
  </si>
  <si>
    <t>POINT (4.760603185030699 51.82798959583205)</t>
  </si>
  <si>
    <t>POINT (4.782577740275315 51.819289561980845)</t>
  </si>
  <si>
    <t>POINT (4.79115187802966 51.82421331329224)</t>
  </si>
  <si>
    <t>POINT (4.776037522342351 51.820678401450515)</t>
  </si>
  <si>
    <t>POINT (4.768033806572799 51.8238300081222)</t>
  </si>
  <si>
    <t>POINT (4.74254587916141 51.82472755911647)</t>
  </si>
  <si>
    <t>POINT (4.775471151557867 51.82345543981013)</t>
  </si>
  <si>
    <t>POINT (4.773306621054696 51.825760047094015)</t>
  </si>
  <si>
    <t>POINT (4.781684591546252 51.82492573982332)</t>
  </si>
  <si>
    <t>POINT (4.779935770454288 51.82640161804583)</t>
  </si>
  <si>
    <t>POINT (4.751743923432789 51.82917295863527)</t>
  </si>
  <si>
    <t>POINT (4.792452757056011 51.82407924079123)</t>
  </si>
  <si>
    <t>POINT (4.798902255235509 51.82248256500306)</t>
  </si>
  <si>
    <t>POINT (4.769371344660605 51.82166189901535)</t>
  </si>
  <si>
    <t>POINT (4.773976615403799 51.824515394911394)</t>
  </si>
  <si>
    <t>POINT (4.766709186001682 51.821325731708896)</t>
  </si>
  <si>
    <t>POINT (4.761542311684288 51.82587114118541)</t>
  </si>
  <si>
    <t>POINT (4.7947283992495375 51.82628386925726)</t>
  </si>
  <si>
    <t>3361AE</t>
  </si>
  <si>
    <t>POINT (4.803581729453031 51.81982382784134)</t>
  </si>
  <si>
    <t>POINT (4.7686251961984025 51.8262182470955)</t>
  </si>
  <si>
    <t>POINT (4.771793689544248 51.81745961511891)</t>
  </si>
  <si>
    <t>POINT (4.7840105584018 51.81743764639901)</t>
  </si>
  <si>
    <t>POINT (4.74987305705243 51.8289595839018)</t>
  </si>
  <si>
    <t>POINT (4.794994334819923 51.81942504626478)</t>
  </si>
  <si>
    <t>POINT (4.796679599767199 51.81975308098034)</t>
  </si>
  <si>
    <t>POINT (4.766080883194515 51.83111851001697)</t>
  </si>
  <si>
    <t>POINT (4.737846238398167 51.83160682540145)</t>
  </si>
  <si>
    <t>POINT (4.802132402733432 51.82206519174473)</t>
  </si>
  <si>
    <t>POINT (4.767270809495925 51.821836752420154)</t>
  </si>
  <si>
    <t>POINT (4.805059380745108 51.819623260464326)</t>
  </si>
  <si>
    <t>POINT (4.794065033633302 51.823704575835336)</t>
  </si>
  <si>
    <t>POINT (4.750071238380582 51.8233866509941)</t>
  </si>
  <si>
    <t>POINT (4.785854278451413 51.816563260306744)</t>
  </si>
  <si>
    <t>POINT (4.781220812575303 51.8172029655548)</t>
  </si>
  <si>
    <t>POINT (4.738139613219815 51.82843534558119)</t>
  </si>
  <si>
    <t>POINT (4.768133697871877 51.82599867157563)</t>
  </si>
  <si>
    <t>POINT (4.795627205866988 51.82622368471356)</t>
  </si>
  <si>
    <t>POINT (4.7654151729434115 51.8235340138189)</t>
  </si>
  <si>
    <t>POINT (4.750523992708937 51.828261017172615)</t>
  </si>
  <si>
    <t>POINT (4.7779979639589945 51.81783184146443)</t>
  </si>
  <si>
    <t>POINT (4.767305526654735 51.824818863640154)</t>
  </si>
  <si>
    <t>POINT (4.777991619421094 51.82606053981342)</t>
  </si>
  <si>
    <t>POINT (4.7906382743696705 51.81833631230363)</t>
  </si>
  <si>
    <t>POINT (4.801386962192698 51.822670988223884)</t>
  </si>
  <si>
    <t>POINT (4.792193422037558 51.81939658876037)</t>
  </si>
  <si>
    <t>POINT (4.737054615023009 51.82506859123389)</t>
  </si>
  <si>
    <t>POINT (4.786796319339263 51.819323981584745)</t>
  </si>
  <si>
    <t>POINT (4.738002838242539 51.827071089844715)</t>
  </si>
  <si>
    <t>POINT (4.798248511693685 51.821495128433156)</t>
  </si>
  <si>
    <t>POINT (4.778672198709839 51.82050935288214)</t>
  </si>
  <si>
    <t>POINT (4.773199758579488 51.817195434099666)</t>
  </si>
  <si>
    <t>POINT (4.749767540121508 51.82873753200399)</t>
  </si>
  <si>
    <t>POINT (4.78003976968915 51.82250434957661)</t>
  </si>
  <si>
    <t>POINT (4.774815858225484 51.82937666453685)</t>
  </si>
  <si>
    <t>POINT (4.7813848024897565 51.81911631286482)</t>
  </si>
  <si>
    <t>POINT (4.782602104395692 51.825021074129026)</t>
  </si>
  <si>
    <t>POINT (4.766813802985656 51.82210907399795)</t>
  </si>
  <si>
    <t>POINT (4.749093443188315 51.8233863729459)</t>
  </si>
  <si>
    <t>POINT (4.7668413269696375 51.827676129360974)</t>
  </si>
  <si>
    <t>POINT (4.778705199408317 51.81728028538109)</t>
  </si>
  <si>
    <t>POINT (4.739261586600867 51.829380043979455)</t>
  </si>
  <si>
    <t>POINT (4.784069300564391 51.816548438212855)</t>
  </si>
  <si>
    <t>POINT (4.774145267869426 51.822567281638946)</t>
  </si>
  <si>
    <t>POINT (4.75466544935368 51.825156724691205)</t>
  </si>
  <si>
    <t>POINT (4.773869931113449 51.820725520482874)</t>
  </si>
  <si>
    <t>POINT (4.740450847018829 51.82355317819048)</t>
  </si>
  <si>
    <t>POINT (4.770316056415763 51.824870498572295)</t>
  </si>
  <si>
    <t>POINT (4.791367683916529 51.82039741223314)</t>
  </si>
  <si>
    <t>POINT (4.77956321462061 51.823800553318854)</t>
  </si>
  <si>
    <t>POINT (4.774564557302677 51.818664919465725)</t>
  </si>
  <si>
    <t>POINT (4.770539489030597 51.81801814475096)</t>
  </si>
  <si>
    <t>POINT (4.749152105041211 51.82976562961569)</t>
  </si>
  <si>
    <t>POINT (4.745457488459139 51.830063865759165)</t>
  </si>
  <si>
    <t>POINT (4.763947695954772 51.82263024826589)</t>
  </si>
  <si>
    <t>POINT (4.749025898134957 51.82923245924431)</t>
  </si>
  <si>
    <t>POINT (4.784282548323307 51.820036294104064)</t>
  </si>
  <si>
    <t>POINT (4.802941474749267 51.82025263297118)</t>
  </si>
  <si>
    <t>POINT (4.785924031640583 51.82008687106822)</t>
  </si>
  <si>
    <t>POINT (4.749147428174247 51.82911231317517)</t>
  </si>
  <si>
    <t>POINT (4.767144134243652 51.826997383411346)</t>
  </si>
  <si>
    <t>POINT (4.795339538866631 51.82111439162295)</t>
  </si>
  <si>
    <t>POINT (4.780401849090933 51.824979788571255)</t>
  </si>
  <si>
    <t>POINT (4.762053900878378 51.82342464701882)</t>
  </si>
  <si>
    <t>POINT (4.7941986954789675 51.82321429559819)</t>
  </si>
  <si>
    <t>POINT (4.7652175466398345 51.82488413127873)</t>
  </si>
  <si>
    <t>POINT (4.734528914915531 51.82926204281677)</t>
  </si>
  <si>
    <t>POINT (4.792351542652359 51.8190207690007)</t>
  </si>
  <si>
    <t>POINT (4.799152837859163 51.820196949527244)</t>
  </si>
  <si>
    <t>POINT (4.794974687652686 51.82434286289759)</t>
  </si>
  <si>
    <t>POINT (4.781277193693874 51.8188458302705)</t>
  </si>
  <si>
    <t>POINT (4.747901626366926 51.82362617531554)</t>
  </si>
  <si>
    <t>POINT (4.7964305883542915 51.82031577077211)</t>
  </si>
  <si>
    <t>POINT (4.800475028203298 51.81959593920803)</t>
  </si>
  <si>
    <t>POINT (4.767628843912563 51.82229792380305)</t>
  </si>
  <si>
    <t>POINT (4.774451452117406 51.818705856300895)</t>
  </si>
  <si>
    <t>POINT (4.771770803966498 51.81766991801224)</t>
  </si>
  <si>
    <t>POINT (4.764811436155999 51.822464497702484)</t>
  </si>
  <si>
    <t>POINT (4.770261560650672 51.818868982286)</t>
  </si>
  <si>
    <t>POINT (4.766912560992342 51.82452420920356)</t>
  </si>
  <si>
    <t>POINT (4.773021561753781 51.82881310869643)</t>
  </si>
  <si>
    <t>POINT (4.773598295911144 51.818112646596006)</t>
  </si>
  <si>
    <t>POINT (4.792591325317951 51.821283239201826)</t>
  </si>
  <si>
    <t>POINT (4.737975442456501 51.83025470165813)</t>
  </si>
  <si>
    <t>POINT (4.773368674537468 51.82430323274709)</t>
  </si>
  <si>
    <t>POINT (4.7492346096274245 51.829748100846)</t>
  </si>
  <si>
    <t>POINT (4.7798227894616065 51.82295544238324)</t>
  </si>
  <si>
    <t>POINT (4.748884952537367 51.82912553760173)</t>
  </si>
  <si>
    <t>POINT (4.787460290722521 51.82503763750051)</t>
  </si>
  <si>
    <t>POINT (4.777616353154814 51.82645692036889)</t>
  </si>
  <si>
    <t>POINT (4.776799256168106 51.821248646083504)</t>
  </si>
  <si>
    <t>POINT (4.780531341516151 51.81799956741711)</t>
  </si>
  <si>
    <t>POINT (4.7975160278509925 51.82277034408156)</t>
  </si>
  <si>
    <t>POINT (4.788842564103434 51.81698301940274)</t>
  </si>
  <si>
    <t>POINT (4.7925614449963145 51.823383357145104)</t>
  </si>
  <si>
    <t>POINT (4.73698753037991 51.82661669599471)</t>
  </si>
  <si>
    <t>POINT (4.783589768229323 51.81645563769529)</t>
  </si>
  <si>
    <t>POINT (4.794761047233771 51.8223875803324)</t>
  </si>
  <si>
    <t>POINT (4.763863303735259 51.825690953942065)</t>
  </si>
  <si>
    <t>POINT (4.760179927875604 51.827746261810354)</t>
  </si>
  <si>
    <t>POINT (4.7601458378457515 51.82846561612685)</t>
  </si>
  <si>
    <t>POINT (4.7493168234676135 51.82903368474261)</t>
  </si>
  <si>
    <t>POINT (4.796511869000353 51.822115601412214)</t>
  </si>
  <si>
    <t>POINT (4.741137424818931 51.82882248332648)</t>
  </si>
  <si>
    <t>POINT (4.773548818897701 51.81921579098863)</t>
  </si>
  <si>
    <t>POINT (4.758777122041281 51.82850665528559)</t>
  </si>
  <si>
    <t>POINT (4.7660287758489535 51.823973928270334)</t>
  </si>
  <si>
    <t>POINT (4.738907574002347 51.82726792493207)</t>
  </si>
  <si>
    <t>POINT (4.774428556922846 51.823196253868595)</t>
  </si>
  <si>
    <t>POINT (4.783594897064622 51.82034034891053)</t>
  </si>
  <si>
    <t>POINT (4.769154448276827 51.821186447312066)</t>
  </si>
  <si>
    <t>POINT (4.748463934276325 51.82974121333667)</t>
  </si>
  <si>
    <t>POINT (4.777212142373223 51.82338585025309)</t>
  </si>
  <si>
    <t>POINT (4.797862347305193 51.81990158436003)</t>
  </si>
  <si>
    <t>POINT (4.785875481358104 51.81720263680672)</t>
  </si>
  <si>
    <t>POINT (4.756856550940579 51.82584139772527)</t>
  </si>
  <si>
    <t>POINT (4.752955734744927 51.827088496061414)</t>
  </si>
  <si>
    <t>POINT (4.775801297829285 51.818022572273655)</t>
  </si>
  <si>
    <t>POINT (4.737124844306317 51.82597224537101)</t>
  </si>
  <si>
    <t>POINT (4.791138778923121 51.81818380226932)</t>
  </si>
  <si>
    <t>POINT (4.800201138913817 51.820079053546756)</t>
  </si>
  <si>
    <t>POINT (4.739394372690416 51.82380910041727)</t>
  </si>
  <si>
    <t>POINT (4.797185415214122 51.820779063236515)</t>
  </si>
  <si>
    <t>POINT (4.748582293577806 51.82897486052441)</t>
  </si>
  <si>
    <t>POINT (4.740637187694293 51.83013334111441)</t>
  </si>
  <si>
    <t>POINT (4.791671394354531 51.82173744188775)</t>
  </si>
  <si>
    <t>POINT (4.7739780673469445 51.81797962285062)</t>
  </si>
  <si>
    <t>POINT (4.780504711214855 51.81790918438519)</t>
  </si>
  <si>
    <t>POINT (4.777922856058207 51.82084577317187)</t>
  </si>
  <si>
    <t>POINT (4.778341833156451 51.82486804466788)</t>
  </si>
  <si>
    <t>POINT (4.794304051276691 51.8233870487777)</t>
  </si>
  <si>
    <t>POINT (4.740580905025535 51.82771247271717)</t>
  </si>
  <si>
    <t>POINT (4.782407194208494 51.81907187873435)</t>
  </si>
  <si>
    <t>POINT (4.78236837886373 51.8170679440182)</t>
  </si>
  <si>
    <t>POINT (4.789030887100375 51.82002715192476)</t>
  </si>
  <si>
    <t>POINT (4.738088953732047 51.828105093810876)</t>
  </si>
  <si>
    <t>POINT (4.7433655490071684 51.82766138944866)</t>
  </si>
  <si>
    <t>POINT (4.780253275935848 51.818411424839994)</t>
  </si>
  <si>
    <t>POINT (4.777903859821965 51.82313102127947)</t>
  </si>
  <si>
    <t>POINT (4.765624164534132 51.822684171040656)</t>
  </si>
  <si>
    <t>POINT (4.777118460214935 51.81691133607916)</t>
  </si>
  <si>
    <t>POINT (4.772921242439785 51.8234790659464)</t>
  </si>
  <si>
    <t>POINT (4.736851741948491 51.82721547478013)</t>
  </si>
  <si>
    <t>POINT (4.787948308945867 51.82050647349382)</t>
  </si>
  <si>
    <t>POINT (4.774704363604145 51.82149435694618)</t>
  </si>
  <si>
    <t>POINT (4.741260005091809 51.82876203543367)</t>
  </si>
  <si>
    <t>POINT (4.7692353015429605 51.82042220481535)</t>
  </si>
  <si>
    <t>POINT (4.739463076733522 51.82745633662726)</t>
  </si>
  <si>
    <t>POINT (4.773657700713539 51.82658865223052)</t>
  </si>
  <si>
    <t>POINT (4.789940835695837 51.82116866065265)</t>
  </si>
  <si>
    <t>POINT (4.769640967735629 51.817649741961375)</t>
  </si>
  <si>
    <t>POINT (4.80194920046856 51.82677329588)</t>
  </si>
  <si>
    <t>POINT (4.787139494182666 51.818974373087855)</t>
  </si>
  <si>
    <t>POINT (4.752692109008571 51.82865773810112)</t>
  </si>
  <si>
    <t>POINT (4.7742077724888565 51.816947225001606)</t>
  </si>
  <si>
    <t>POINT (4.7994394211320515 51.82243429090504)</t>
  </si>
  <si>
    <t>POINT (4.789387179968042 51.81937648650166)</t>
  </si>
  <si>
    <t>POINT (4.749720977777374 51.823414501481096)</t>
  </si>
  <si>
    <t>POINT (4.738327135977229 51.829996552037734)</t>
  </si>
  <si>
    <t>POINT (4.793562153062495 51.819374845953405)</t>
  </si>
  <si>
    <t>POINT (4.7687017045048785 51.82084392525543)</t>
  </si>
  <si>
    <t>POINT (4.780996115361223 51.826060769041156)</t>
  </si>
  <si>
    <t>POINT (4.7958862196509795 51.820052361016806)</t>
  </si>
  <si>
    <t>POINT (4.7682914201750215 51.83091814469096)</t>
  </si>
  <si>
    <t>POINT (4.798848255160268 51.82238575714418)</t>
  </si>
  <si>
    <t>POINT (4.7823635449730535 51.817114749624906)</t>
  </si>
  <si>
    <t>POINT (4.779871522186973 51.82004914728293)</t>
  </si>
  <si>
    <t>POINT (4.788564301447012 51.82027744196186)</t>
  </si>
  <si>
    <t>POINT (4.751156487404266 51.82940213227367)</t>
  </si>
  <si>
    <t>POINT (4.773176931681588 51.823982326234926)</t>
  </si>
  <si>
    <t>POINT (4.746331337141874 51.82964087245308)</t>
  </si>
  <si>
    <t>POINT (4.743390418611045 51.827067990571976)</t>
  </si>
  <si>
    <t>POINT (4.760935215628315 51.831353008665275)</t>
  </si>
  <si>
    <t>POINT (4.782598137777902 51.82032083695006)</t>
  </si>
  <si>
    <t>POINT (4.765784656193541 51.824183867923495)</t>
  </si>
  <si>
    <t>POINT (4.752883254852216 51.82711569939676)</t>
  </si>
  <si>
    <t>POINT (4.7573339491595945 51.82803115419841)</t>
  </si>
  <si>
    <t>POINT (4.784634482138348 51.817633566480694)</t>
  </si>
  <si>
    <t>POINT (4.7763451716529985 51.81685643846414)</t>
  </si>
  <si>
    <t>POINT (4.7869852856943105 51.81738647126239)</t>
  </si>
  <si>
    <t>POINT (4.766414890112017 51.82438612020497)</t>
  </si>
  <si>
    <t>POINT (4.738264465539611 51.8267363806698)</t>
  </si>
  <si>
    <t>POINT (4.763696339419984 51.82971740275976)</t>
  </si>
  <si>
    <t>POINT (4.76017244424649 51.82582347281511)</t>
  </si>
  <si>
    <t>POINT (4.769147856705433 51.82094573416206)</t>
  </si>
  <si>
    <t>POINT (4.782313906101283 51.81693382328322)</t>
  </si>
  <si>
    <t>POINT (4.768441106190435 51.82093567351144)</t>
  </si>
  <si>
    <t>POINT (4.768784237318015 51.8210477719001)</t>
  </si>
  <si>
    <t>POINT (4.7991300514410815 51.81990902141295)</t>
  </si>
  <si>
    <t>POINT (4.776724046327897 51.821104347720706)</t>
  </si>
  <si>
    <t>POINT (4.774725426845322 51.822463436138605)</t>
  </si>
  <si>
    <t>POINT (4.802476926172768 51.84623487370688)</t>
  </si>
  <si>
    <t>POINT (4.773208600460048 51.81793056717374)</t>
  </si>
  <si>
    <t>POINT (4.7641227583457475 51.82505504061635)</t>
  </si>
  <si>
    <t>POINT (4.781393647218914 51.81917046977835)</t>
  </si>
  <si>
    <t>POINT (4.789745205345376 51.82178976416702)</t>
  </si>
  <si>
    <t>POINT (4.740837846063944 51.827933029949506)</t>
  </si>
  <si>
    <t>POINT (4.798896873688802 51.82603994189846)</t>
  </si>
  <si>
    <t>POINT (4.785429339475307 51.818203925141)</t>
  </si>
  <si>
    <t>POINT (4.778560871434245 51.825665991015526)</t>
  </si>
  <si>
    <t>POINT (4.7930103732520895 51.82271274627446)</t>
  </si>
  <si>
    <t>POINT (4.768073319599652 51.821101281351446)</t>
  </si>
  <si>
    <t>POINT (4.773786452436417 51.82405670271922)</t>
  </si>
  <si>
    <t>POINT (4.76647177070081 51.82170102637731)</t>
  </si>
  <si>
    <t>POINT (4.75075923168991 51.82898443646242)</t>
  </si>
  <si>
    <t>POINT (4.773764412057399 51.82178598158946)</t>
  </si>
  <si>
    <t>POINT (4.770572516289211 51.81807413742259)</t>
  </si>
  <si>
    <t>POINT (4.757223158800211 51.82618097737658)</t>
  </si>
  <si>
    <t>POINT (4.777993788412258 51.823335169272816)</t>
  </si>
  <si>
    <t>POINT (4.786455791595516 51.82034522910577)</t>
  </si>
  <si>
    <t>POINT (4.798724157647278 51.823114107699126)</t>
  </si>
  <si>
    <t>POINT (4.743368925485398 51.82739153422562)</t>
  </si>
  <si>
    <t>POINT (4.797303356081076 51.81994623592276)</t>
  </si>
  <si>
    <t>POINT (4.7770227918338115 51.82011131444311)</t>
  </si>
  <si>
    <t>POINT (4.770269131498681 51.81832638089426)</t>
  </si>
  <si>
    <t>POINT (4.779155556931569 51.82382630686173)</t>
  </si>
  <si>
    <t>POINT (4.7734390043396395 51.82449658536304)</t>
  </si>
  <si>
    <t>POINT (4.754421592506214 51.82640788104022)</t>
  </si>
  <si>
    <t>POINT (4.794382354825706 51.81923103959951)</t>
  </si>
  <si>
    <t>POINT (4.795381216234997 51.82060243306491)</t>
  </si>
  <si>
    <t>POINT (4.7734157835720765 51.82443354387109)</t>
  </si>
  <si>
    <t>POINT (4.792396054929819 51.820362898675455)</t>
  </si>
  <si>
    <t>POINT (4.7848774378795 51.81978101670313)</t>
  </si>
  <si>
    <t>POINT (4.800543515261315 51.82234651312316)</t>
  </si>
  <si>
    <t>POINT (4.794719999359324 51.82674628848863)</t>
  </si>
  <si>
    <t>POINT (4.760179601687326 51.82586162266938)</t>
  </si>
  <si>
    <t>POINT (4.7786653965391555 51.82392479832061)</t>
  </si>
  <si>
    <t>POINT (4.748698911733251 51.82915023319258)</t>
  </si>
  <si>
    <t>POINT (4.762441722151047 51.82418373997584)</t>
  </si>
  <si>
    <t>POINT (4.772678899907942 51.81789049226831)</t>
  </si>
  <si>
    <t>POINT (4.778610839231913 51.82584792720177)</t>
  </si>
  <si>
    <t>POINT (4.764751183351099 51.82360303247171)</t>
  </si>
  <si>
    <t>POINT (4.791286830159418 51.82323298600675)</t>
  </si>
  <si>
    <t>POINT (4.760003125084149 51.824241475101935)</t>
  </si>
  <si>
    <t>POINT (4.753359577693661 51.824048927841964)</t>
  </si>
  <si>
    <t>POINT (4.791912439416155 51.820959355466385)</t>
  </si>
  <si>
    <t>POINT (4.78158120363779 51.82056152169997)</t>
  </si>
  <si>
    <t>POINT (4.738232648668493 51.82664300191838)</t>
  </si>
  <si>
    <t>POINT (4.748448615381313 51.82342196601241)</t>
  </si>
  <si>
    <t>POINT (4.7924415506737965 51.8205313952974)</t>
  </si>
  <si>
    <t>POINT (4.7962441312462465 51.82839797940462)</t>
  </si>
  <si>
    <t>POINT (4.797758433573605 51.82021710063973)</t>
  </si>
  <si>
    <t>POINT (4.754032354592867 51.828258690597856)</t>
  </si>
  <si>
    <t>POINT (4.791415811437508 51.82321970847499)</t>
  </si>
  <si>
    <t>POINT (4.773551385011714 51.81737156185557)</t>
  </si>
  <si>
    <t>POINT (4.779422238317165 51.82360576003498)</t>
  </si>
  <si>
    <t>POINT (4.7945527568150474 51.820523198321105)</t>
  </si>
  <si>
    <t>POINT (4.802220544856718 51.821342321300044)</t>
  </si>
  <si>
    <t>POINT (4.788225618335623 51.820714805982256)</t>
  </si>
  <si>
    <t>POINT (4.7721503036541 51.81759945933022)</t>
  </si>
  <si>
    <t>POINT (4.746865333996078 51.82796759309675)</t>
  </si>
  <si>
    <t>POINT (4.777643789100978 51.819998588451554)</t>
  </si>
  <si>
    <t>POINT (4.771614949842609 51.83018427392417)</t>
  </si>
  <si>
    <t>POINT (4.78955972124109 51.81755367291097)</t>
  </si>
  <si>
    <t>POINT (4.797039618160029 51.81989493366798)</t>
  </si>
  <si>
    <t>POINT (4.757093091740949 51.82573102941807)</t>
  </si>
  <si>
    <t>POINT (4.756319508144244 51.82514917733088)</t>
  </si>
  <si>
    <t>POINT (4.794449899869745 51.82187051501417)</t>
  </si>
  <si>
    <t>POINT (4.790352775923385 51.81973267417274)</t>
  </si>
  <si>
    <t>POINT (4.770562142778075 51.82297816657559)</t>
  </si>
  <si>
    <t>POINT (4.798497589128995 51.82190347015039)</t>
  </si>
  <si>
    <t>POINT (4.79849515372731 51.82255638738396)</t>
  </si>
  <si>
    <t>POINT (4.793833657390223 51.823364267751906)</t>
  </si>
  <si>
    <t>POINT (4.786405187950753 51.819810778961205)</t>
  </si>
  <si>
    <t>POINT (4.738626505835934 51.823654480572834)</t>
  </si>
  <si>
    <t>POINT (4.739674171000919 51.83060977695256)</t>
  </si>
  <si>
    <t>POINT (4.79733043436296 51.82346323895798)</t>
  </si>
  <si>
    <t>POINT (4.7940674715873834 51.81986189368573)</t>
  </si>
  <si>
    <t>POINT (4.7686053181751875 51.82616573890119)</t>
  </si>
  <si>
    <t>POINT (4.783688957501438 51.820356562606776)</t>
  </si>
  <si>
    <t>POINT (4.7774753243354615 51.8208081240672)</t>
  </si>
  <si>
    <t>POINT (4.788255206234737 51.82093319956849)</t>
  </si>
  <si>
    <t>POINT (4.786481592579412 51.82184843081058)</t>
  </si>
  <si>
    <t>POINT (4.770472265127893 51.8185853311215)</t>
  </si>
  <si>
    <t>POINT (4.7365096468128165 51.82677459336256)</t>
  </si>
  <si>
    <t>POINT (4.78077319397401 51.81708046722053)</t>
  </si>
  <si>
    <t>POINT (4.791567533934547 51.82037685400955)</t>
  </si>
  <si>
    <t>POINT (4.792092835084417 51.82130291460429)</t>
  </si>
  <si>
    <t>POINT (4.778440172060049 51.820688820186106)</t>
  </si>
  <si>
    <t>POINT (4.7865506537388915 51.82091091627564)</t>
  </si>
  <si>
    <t>POINT (4.741440299296034 51.82999503189239)</t>
  </si>
  <si>
    <t>POINT (4.738117507273465 51.828962944245546)</t>
  </si>
  <si>
    <t>POINT (4.764909395218554 51.82412080508162)</t>
  </si>
  <si>
    <t>POINT (4.769280134118458 51.81774420047304)</t>
  </si>
  <si>
    <t>POINT (4.779749664713263 51.81781206735457)</t>
  </si>
  <si>
    <t>POINT (4.792077901023897 51.82124755916925)</t>
  </si>
  <si>
    <t>POINT (4.737499288865351 51.82914909381339)</t>
  </si>
  <si>
    <t>POINT (4.74969200095443 51.829267808382305)</t>
  </si>
  <si>
    <t>POINT (4.781957224748581 51.81645136488335)</t>
  </si>
  <si>
    <t>POINT (4.76877863042775 51.81720323224507)</t>
  </si>
  <si>
    <t>POINT (4.759850264066224 51.82738675460347)</t>
  </si>
  <si>
    <t>POINT (4.773865748835971 51.8230156100677)</t>
  </si>
  <si>
    <t>POINT (4.768687444270751 51.82508601356257)</t>
  </si>
  <si>
    <t>POINT (4.771747374147306 51.818695572987316)</t>
  </si>
  <si>
    <t>POINT (4.759478198410659 51.828155536966094)</t>
  </si>
  <si>
    <t>POINT (4.772656829014972 51.82266924866265)</t>
  </si>
  <si>
    <t>POINT (4.764185272290101 51.81996585278327)</t>
  </si>
  <si>
    <t>POINT (4.772929133495463 51.81700345990432)</t>
  </si>
  <si>
    <t>POINT (4.755408027768805 51.82531011439397)</t>
  </si>
  <si>
    <t>POINT (4.7888816058393235 51.82129728560184)</t>
  </si>
  <si>
    <t>POINT (4.768848035128216 51.8214987329208)</t>
  </si>
  <si>
    <t>POINT (4.799896055656922 51.81973865837807)</t>
  </si>
  <si>
    <t>POINT (4.773906701060739 51.826050279157805)</t>
  </si>
  <si>
    <t>POINT (4.792132666957522 51.82339466702296)</t>
  </si>
  <si>
    <t>POINT (4.776062423688083 51.81791094572557)</t>
  </si>
  <si>
    <t>POINT (4.784036415693184 51.81821502189095)</t>
  </si>
  <si>
    <t>POINT (4.771434405853744 51.818492227491696)</t>
  </si>
  <si>
    <t>POINT (4.788343342787498 51.823568110229715)</t>
  </si>
  <si>
    <t>POINT (4.767577404898513 51.82140665841983)</t>
  </si>
  <si>
    <t>POINT (4.78906706767811 51.82392451193135)</t>
  </si>
  <si>
    <t>POINT (4.753088323995454 51.82393871870047)</t>
  </si>
  <si>
    <t>POINT (4.780230016492781 51.822961054460684)</t>
  </si>
  <si>
    <t>3366BL</t>
  </si>
  <si>
    <t>Westeinde</t>
  </si>
  <si>
    <t>POINT (4.786062698638676 51.82046698918999)</t>
  </si>
  <si>
    <t>POINT (4.737078910702319 51.830435606178874)</t>
  </si>
  <si>
    <t>POINT (4.792100597777491 51.82327477669337)</t>
  </si>
  <si>
    <t>POINT (4.802377206180129 51.81912778008165)</t>
  </si>
  <si>
    <t>POINT (4.782436987777437 51.82146739882946)</t>
  </si>
  <si>
    <t>POINT (4.737172448305554 51.829444438609826)</t>
  </si>
  <si>
    <t>POINT (4.749548443619443 51.823603763083725)</t>
  </si>
  <si>
    <t>POINT (4.760077380643409 51.827901576109014)</t>
  </si>
  <si>
    <t>POINT (4.757752040263571 51.82327569928751)</t>
  </si>
  <si>
    <t>POINT (4.7499516152747425 51.828410537624144)</t>
  </si>
  <si>
    <t>POINT (4.805307406492651 51.82029345523901)</t>
  </si>
  <si>
    <t>POINT (4.748361400883 51.8285824749131)</t>
  </si>
  <si>
    <t>POINT (4.74612225338544 51.82839912464546)</t>
  </si>
  <si>
    <t>POINT (4.801750886972534 51.8220794688579)</t>
  </si>
  <si>
    <t>POINT (4.786124219676341 51.825011927438844)</t>
  </si>
  <si>
    <t>POINT (4.789627968932326 51.82029373835776)</t>
  </si>
  <si>
    <t>POINT (4.770557709585958 51.81973973516918)</t>
  </si>
  <si>
    <t>POINT (4.79914458083231 51.82310911377489)</t>
  </si>
  <si>
    <t>POINT (4.7652462993975435 51.82389374128005)</t>
  </si>
  <si>
    <t>POINT (4.77151071133324 51.81854413241705)</t>
  </si>
  <si>
    <t>POINT (4.7709563552255245 51.821548534984956)</t>
  </si>
  <si>
    <t>POINT (4.747738308913224 51.82366618381501)</t>
  </si>
  <si>
    <t>POINT (4.783709489106656 51.81751205222612)</t>
  </si>
  <si>
    <t>POINT (4.750916894543654 51.82371545704089)</t>
  </si>
  <si>
    <t>POINT (4.768213317988392 51.82679215416468)</t>
  </si>
  <si>
    <t>POINT (4.785412299271649 51.819741154414736)</t>
  </si>
  <si>
    <t>POINT (4.786437242176245 51.821682634265116)</t>
  </si>
  <si>
    <t>POINT (4.772647976382076 51.81703102118297)</t>
  </si>
  <si>
    <t>POINT (4.76879081381054 51.826654796353196)</t>
  </si>
  <si>
    <t>POINT (4.738303145350651 51.82931920016442)</t>
  </si>
  <si>
    <t>POINT (4.756582048036273 51.82553386172093)</t>
  </si>
  <si>
    <t>POINT (4.770657685771118 51.82668232428523)</t>
  </si>
  <si>
    <t>POINT (4.756687263682046 51.825883004557134)</t>
  </si>
  <si>
    <t>POINT (4.792613038885671 51.82376059908658)</t>
  </si>
  <si>
    <t>POINT (4.784964425527804 51.81976204774311)</t>
  </si>
  <si>
    <t>POINT (4.787854683254778 51.82251916645793)</t>
  </si>
  <si>
    <t>POINT (4.781242482111519 51.82429812311657)</t>
  </si>
  <si>
    <t>POINT (4.739902054917504 51.83063107834162)</t>
  </si>
  <si>
    <t>POINT (4.771109858095336 51.82642681601913)</t>
  </si>
  <si>
    <t>POINT (4.779194927220964 51.825954124942605)</t>
  </si>
  <si>
    <t>POINT (4.7739363617943384 51.82206876212124)</t>
  </si>
  <si>
    <t>POINT (4.762093716317055 51.82828490788602)</t>
  </si>
  <si>
    <t>POINT (4.740542696258332 51.82892553472025)</t>
  </si>
  <si>
    <t>POINT (4.777607039968914 51.819959656798105)</t>
  </si>
  <si>
    <t>POINT (4.738743768534467 51.82820740786543)</t>
  </si>
  <si>
    <t>POINT (4.781330711919095 51.817626445780824)</t>
  </si>
  <si>
    <t>POINT (4.7743035113003165 51.81716992291767)</t>
  </si>
  <si>
    <t>POINT (4.749654958878775 51.829189226667)</t>
  </si>
  <si>
    <t>POINT (4.769902337606051 51.825687183490686)</t>
  </si>
  <si>
    <t>POINT (4.794609871113565 51.8243872229298)</t>
  </si>
  <si>
    <t>POINT (4.760839332589053 51.83074666656437)</t>
  </si>
  <si>
    <t>POINT (4.759901100550759 51.82540198620769)</t>
  </si>
  <si>
    <t>POINT (4.796309247980852 51.82800110267629)</t>
  </si>
  <si>
    <t>POINT (4.772148455063515 51.8247826781454)</t>
  </si>
  <si>
    <t>POINT (4.762897775708089 51.82363912091615)</t>
  </si>
  <si>
    <t>POINT (4.801224254484846 51.82211018851586)</t>
  </si>
  <si>
    <t>POINT (4.782643220705967 51.81880865066614)</t>
  </si>
  <si>
    <t>POINT (4.78857375584938 51.81682407886765)</t>
  </si>
  <si>
    <t>POINT (4.7699599221886935 51.81723479858467)</t>
  </si>
  <si>
    <t>POINT (4.781077525075928 51.826317363806346)</t>
  </si>
  <si>
    <t>POINT (4.777151378049147 51.82124148818584)</t>
  </si>
  <si>
    <t>POINT (4.7977781369872075 51.82353541900849)</t>
  </si>
  <si>
    <t>POINT (4.7958510615422085 51.82241177316325)</t>
  </si>
  <si>
    <t>POINT (4.7785446945011465 51.82506360057362)</t>
  </si>
  <si>
    <t>POINT (4.796005117799052 51.82267609400672)</t>
  </si>
  <si>
    <t>POINT (4.76275569386323 51.8233513594357)</t>
  </si>
  <si>
    <t>POINT (4.780500681531963 51.824717563366434)</t>
  </si>
  <si>
    <t>POINT (4.73916818871729 51.829458771923626)</t>
  </si>
  <si>
    <t>POINT (4.755427512295831 51.82467553463043)</t>
  </si>
  <si>
    <t>POINT (4.803678008026828 51.81914252383632)</t>
  </si>
  <si>
    <t>POINT (4.744221576638007 51.82398530307957)</t>
  </si>
  <si>
    <t>POINT (4.760843629539987 51.828485700771516)</t>
  </si>
  <si>
    <t>POINT (4.779059980744438 51.825566863176824)</t>
  </si>
  <si>
    <t>POINT (4.772590062766519 51.819140699302984)</t>
  </si>
  <si>
    <t>POINT (4.741520373787655 51.83038427421644)</t>
  </si>
  <si>
    <t>POINT (4.7753009506159145 51.82928247707573)</t>
  </si>
  <si>
    <t>POINT (4.7768394110977574 51.821421705343425)</t>
  </si>
  <si>
    <t>POINT (4.787244023940452 51.82182185914637)</t>
  </si>
  <si>
    <t>POINT (4.807146645996872 51.82010810051698)</t>
  </si>
  <si>
    <t>POINT (4.7668855487248205 51.82161650997533)</t>
  </si>
  <si>
    <t>POINT (4.774237370149403 51.826706015363975)</t>
  </si>
  <si>
    <t>POINT (4.792751718317908 51.82162624652917)</t>
  </si>
  <si>
    <t>POINT (4.743369464645291 51.82695675855619)</t>
  </si>
  <si>
    <t>POINT (4.787228993599361 51.82217737031936)</t>
  </si>
  <si>
    <t>POINT (4.779547235196815 51.82416596414161)</t>
  </si>
  <si>
    <t>POINT (4.746860386999384 51.82902022068803)</t>
  </si>
  <si>
    <t>POINT (4.78738414031802 51.81972895624564)</t>
  </si>
  <si>
    <t>POINT (4.778180760715432 51.8243453322255)</t>
  </si>
  <si>
    <t>POINT (4.790094340904766 51.818567460550916)</t>
  </si>
  <si>
    <t>POINT (4.776764268940168 51.82044767126408)</t>
  </si>
  <si>
    <t>POINT (4.781529948769541 51.825315225912185)</t>
  </si>
  <si>
    <t>POINT (4.7764621423780325 51.82348810537814)</t>
  </si>
  <si>
    <t>POINT (4.766616348061078 51.825641542659035)</t>
  </si>
  <si>
    <t>POINT (4.753246041028925 51.82902494872088)</t>
  </si>
  <si>
    <t>POINT (4.798232337528367 51.82223345803539)</t>
  </si>
  <si>
    <t>POINT (4.763396044447134 51.82467590723231)</t>
  </si>
  <si>
    <t>POINT (4.802990033315623 51.82190011897384)</t>
  </si>
  <si>
    <t>POINT (4.785627767842602 51.819104519346986)</t>
  </si>
  <si>
    <t>POINT (4.769323718562823 51.82674353350075)</t>
  </si>
  <si>
    <t>POINT (4.750792137634521 51.823572401271434)</t>
  </si>
  <si>
    <t>POINT (4.773011766399381 51.82204118649495)</t>
  </si>
  <si>
    <t>POINT (4.751598018189372 51.82919095486248)</t>
  </si>
  <si>
    <t>POINT (4.7495168427279815 51.82902578289729)</t>
  </si>
  <si>
    <t>POINT (4.747496167092142 51.82795170714665)</t>
  </si>
  <si>
    <t>POINT (4.762643138355921 51.83175661664402)</t>
  </si>
  <si>
    <t>POINT (4.746196874580417 51.830129028010845)</t>
  </si>
  <si>
    <t>POINT (4.738059296747232 51.8284317554427)</t>
  </si>
  <si>
    <t>POINT (4.734957821214346 51.82993345762085)</t>
  </si>
  <si>
    <t>POINT (4.785864037960982 51.81715808470289)</t>
  </si>
  <si>
    <t>POINT (4.756822620579482 51.82518702574128)</t>
  </si>
  <si>
    <t>POINT (4.773800222021401 51.820454869431586)</t>
  </si>
  <si>
    <t>POINT (4.786907611240494 51.82024623952052)</t>
  </si>
  <si>
    <t>POINT (4.749223873672708 51.829553439442456)</t>
  </si>
  <si>
    <t>POINT (4.752156373942559 51.827977820217)</t>
  </si>
  <si>
    <t>POINT (4.736847716497857 51.83009397210633)</t>
  </si>
  <si>
    <t>POINT (4.752340135505627 51.82758924857439)</t>
  </si>
  <si>
    <t>POINT (4.776479487300648 51.82344981438757)</t>
  </si>
  <si>
    <t>POINT (4.752946445504133 51.82389549000251)</t>
  </si>
  <si>
    <t>POINT (4.787740386602524 51.82104661386979)</t>
  </si>
  <si>
    <t>POINT (4.777340518550526 51.818355373947796)</t>
  </si>
  <si>
    <t>POINT (4.781639714763635 51.8173504730548)</t>
  </si>
  <si>
    <t>POINT (4.7735245995882085 51.817282974087696)</t>
  </si>
  <si>
    <t>POINT (4.778591786757603 51.826583147863204)</t>
  </si>
  <si>
    <t>POINT (4.79762093295229 51.82061640134526)</t>
  </si>
  <si>
    <t>POINT (4.787534966995681 51.82019893061927)</t>
  </si>
  <si>
    <t>POINT (4.791575823280421 51.8217363277477)</t>
  </si>
  <si>
    <t>POINT (4.776778720017289 51.81700269133402)</t>
  </si>
  <si>
    <t>POINT (4.773785716724965 51.82547500706676)</t>
  </si>
  <si>
    <t>POINT (4.7485927683492655 51.8256148901245)</t>
  </si>
  <si>
    <t>POINT (4.766265422035523 51.82677009124854)</t>
  </si>
  <si>
    <t>POINT (4.774795353487458 51.82313506833178)</t>
  </si>
  <si>
    <t>POINT (4.762476490445837 51.82526489277569)</t>
  </si>
  <si>
    <t>POINT (4.740049158354668 51.8275158379221)</t>
  </si>
  <si>
    <t>POINT (4.8027859248285205 51.82133165485963)</t>
  </si>
  <si>
    <t>POINT (4.785338954247779 51.82013969142192)</t>
  </si>
  <si>
    <t>POINT (4.738087511489886 51.827782215175624)</t>
  </si>
  <si>
    <t>POINT (4.771524505925208 51.8299722444592)</t>
  </si>
  <si>
    <t>POINT (4.79161961956457 51.818355767782045)</t>
  </si>
  <si>
    <t>POINT (4.771811475300616 51.818185986436795)</t>
  </si>
  <si>
    <t>POINT (4.773401145854944 51.822174456692004)</t>
  </si>
  <si>
    <t>POINT (4.777741340195264 51.828189245385694)</t>
  </si>
  <si>
    <t>POINT (4.7586930241484104 51.82848283470849)</t>
  </si>
  <si>
    <t>POINT (4.762238884292851 51.82791157591154)</t>
  </si>
  <si>
    <t>POINT (4.765833560890956 51.82203692380132)</t>
  </si>
  <si>
    <t>POINT (4.773269452517096 51.81901077447294)</t>
  </si>
  <si>
    <t>POINT (4.7384677248106275 51.83003601601933)</t>
  </si>
  <si>
    <t>POINT (4.801032765336594 51.82138718096932)</t>
  </si>
  <si>
    <t>POINT (4.793509555370452 51.821441322187)</t>
  </si>
  <si>
    <t>POINT (4.7622681603637735 51.82752648097073)</t>
  </si>
  <si>
    <t>POINT (4.734911652047139 51.824689067845796)</t>
  </si>
  <si>
    <t>POINT (4.802347629767088 51.821843437858625)</t>
  </si>
  <si>
    <t>POINT (4.796849918354513 51.82302811362948)</t>
  </si>
  <si>
    <t>POINT (4.775961620923357 51.81843535424669)</t>
  </si>
  <si>
    <t>POINT (4.7885305363001 51.82134547196033)</t>
  </si>
  <si>
    <t>POINT (4.761155949762137 51.827390130074754)</t>
  </si>
  <si>
    <t>POINT (4.760723406030056 51.82845162166827)</t>
  </si>
  <si>
    <t>POINT (4.768159376408192 51.8306136344961)</t>
  </si>
  <si>
    <t>POINT (4.767139827347104 51.82616115270491)</t>
  </si>
  <si>
    <t>POINT (4.788307348714328 51.82046929562348)</t>
  </si>
  <si>
    <t>POINT (4.8002526283486615 51.82149375187086)</t>
  </si>
  <si>
    <t>POINT (4.788958980024251 51.819762341550884)</t>
  </si>
  <si>
    <t>POINT (4.77899605737529 51.826530772464)</t>
  </si>
  <si>
    <t>POINT (4.751331246190694 51.82924137426986)</t>
  </si>
  <si>
    <t>POINT (4.759077888266833 51.831595125266816)</t>
  </si>
  <si>
    <t>POINT (4.7782921999626256 51.82468726960016)</t>
  </si>
  <si>
    <t>POINT (4.740765764959468 51.82795204839887)</t>
  </si>
  <si>
    <t>POINT (4.770294144099653 51.818385117977165)</t>
  </si>
  <si>
    <t>POINT (4.747694037976818 51.828053996912345)</t>
  </si>
  <si>
    <t>POINT (4.8009846903109175 51.819853042052465)</t>
  </si>
  <si>
    <t>POINT (4.766929409761339 51.82182739834867)</t>
  </si>
  <si>
    <t>POINT (4.772507895859566 51.822581728961545)</t>
  </si>
  <si>
    <t>POINT (4.773541195341224 51.817331689128686)</t>
  </si>
  <si>
    <t>POINT (4.739591846374955 51.829028497564934)</t>
  </si>
  <si>
    <t>POINT (4.771461185912276 51.8170094303807)</t>
  </si>
  <si>
    <t>POINT (4.768928350045302 51.827372629935674)</t>
  </si>
  <si>
    <t>POINT (4.790035493114286 51.822486777128915)</t>
  </si>
  <si>
    <t>POINT (4.77857327294787 51.82571118696123)</t>
  </si>
  <si>
    <t>POINT (4.789303252761451 51.82433721199369)</t>
  </si>
  <si>
    <t>POINT (4.777089159650206 51.821112448287955)</t>
  </si>
  <si>
    <t>POINT (4.774137614226631 51.8265852272231)</t>
  </si>
  <si>
    <t>POINT (4.801251795336014 51.82112967356906)</t>
  </si>
  <si>
    <t>POINT (4.77489710968878 51.828372165610304)</t>
  </si>
  <si>
    <t>POINT (4.78276371614924 51.81692877003878)</t>
  </si>
  <si>
    <t>POINT (4.774809363641752 51.817705227173825)</t>
  </si>
  <si>
    <t>POINT (4.768197062452013 51.83070057300689)</t>
  </si>
  <si>
    <t>POINT (4.779587200373771 51.81746966017637)</t>
  </si>
  <si>
    <t>POINT (4.7789608010121345 51.825976596899935)</t>
  </si>
  <si>
    <t>POINT (4.765450372269664 51.83027770620255)</t>
  </si>
  <si>
    <t>POINT (4.7624615720443675 51.82707367676997)</t>
  </si>
  <si>
    <t>POINT (4.779387995604694 51.82515329889223)</t>
  </si>
  <si>
    <t>POINT (4.768350427312461 51.82367383829959)</t>
  </si>
  <si>
    <t>POINT (4.786065817450937 51.82052677919887)</t>
  </si>
  <si>
    <t>POINT (4.761096254290267 51.82594399727259)</t>
  </si>
  <si>
    <t>POINT (4.801656083982691 51.821103556921265)</t>
  </si>
  <si>
    <t>POINT (4.7734075914802885 51.8260150418177)</t>
  </si>
  <si>
    <t>POINT (4.801375422612508 51.82112588626921)</t>
  </si>
  <si>
    <t>POINT (4.770985083704284 51.81890595109138)</t>
  </si>
  <si>
    <t>POINT (4.783715460171394 51.81746687036298)</t>
  </si>
  <si>
    <t>POINT (4.763076428320708 51.81989272698569)</t>
  </si>
  <si>
    <t>POINT (4.802485519052773 51.82079623800296)</t>
  </si>
  <si>
    <t>POINT (4.750795394273529 51.82889942065715)</t>
  </si>
  <si>
    <t>POINT (4.742107959621896 51.82379465279194)</t>
  </si>
  <si>
    <t>POINT (4.7589495487509454 51.83240082234182)</t>
  </si>
  <si>
    <t>POINT (4.775573801725537 51.82367268942932)</t>
  </si>
  <si>
    <t>POINT (4.761283964653871 51.83139612627528)</t>
  </si>
  <si>
    <t>POINT (4.773992392436795 51.82738589032771)</t>
  </si>
  <si>
    <t>POINT (4.7624564323170215 51.82565498064644)</t>
  </si>
  <si>
    <t>POINT (4.793931927546149 51.819711180387394)</t>
  </si>
  <si>
    <t>POINT (4.762095827279706 51.827254197939766)</t>
  </si>
  <si>
    <t>POINT (4.764595036734157 51.82326153679573)</t>
  </si>
  <si>
    <t>POINT (4.780861045735933 51.81945229803462)</t>
  </si>
  <si>
    <t>POINT (4.752484401364943 51.82659544079613)</t>
  </si>
  <si>
    <t>POINT (4.7485085506251385 51.82341995512519)</t>
  </si>
  <si>
    <t>POINT (4.778786502476415 51.819960563299865)</t>
  </si>
  <si>
    <t>POINT (4.7582716320539875 51.82689004686906)</t>
  </si>
  <si>
    <t>POINT (4.770146590758652 51.81719155627831)</t>
  </si>
  <si>
    <t>POINT (4.795509062778708 51.82221086298743)</t>
  </si>
  <si>
    <t>POINT (4.786581566851588 51.81797037144031)</t>
  </si>
  <si>
    <t>POINT (4.752990939913839 51.82822565342545)</t>
  </si>
  <si>
    <t>POINT (4.775893691076072 51.821368694723866)</t>
  </si>
  <si>
    <t>POINT (4.75066023030938 51.82852673978019)</t>
  </si>
  <si>
    <t>POINT (4.779875950943733 51.82312227581953)</t>
  </si>
  <si>
    <t>POINT (4.739915317712759 51.82913103492731)</t>
  </si>
  <si>
    <t>POINT (4.771761261262994 51.82850344901807)</t>
  </si>
  <si>
    <t>POINT (4.752258395540135 51.82760435672808)</t>
  </si>
  <si>
    <t>POINT (4.797187009660967 51.82102293111573)</t>
  </si>
  <si>
    <t>POINT (4.798515688169188 51.8235718387073)</t>
  </si>
  <si>
    <t>POINT (4.78923360910116 51.82368248927781)</t>
  </si>
  <si>
    <t>POINT (4.7402063667389 51.827791665894765)</t>
  </si>
  <si>
    <t>POINT (4.739085130864711 51.82889215728469)</t>
  </si>
  <si>
    <t>POINT (4.761806872330928 51.82684547580234)</t>
  </si>
  <si>
    <t>POINT (4.7748864727184355 51.818413570626326)</t>
  </si>
  <si>
    <t>POINT (4.740542839314932 51.828926686049265)</t>
  </si>
  <si>
    <t>POINT (4.739576930174573 51.82870970641174)</t>
  </si>
  <si>
    <t>POINT (4.7398563154460875 51.828236379622076)</t>
  </si>
  <si>
    <t>POINT (4.782612508688695 51.820374033480235)</t>
  </si>
  <si>
    <t>POINT (4.762418109008763 51.82413966008474)</t>
  </si>
  <si>
    <t>POINT (4.770295579098949 51.8211841720893)</t>
  </si>
  <si>
    <t>POINT (4.773428518047551 51.81848118984106)</t>
  </si>
  <si>
    <t>POINT (4.753564514800511 51.82637017955536)</t>
  </si>
  <si>
    <t>POINT (4.796736364649447 51.82305972152578)</t>
  </si>
  <si>
    <t>POINT (4.789933330359825 51.82209633306236)</t>
  </si>
  <si>
    <t>POINT (4.801130177498448 51.82113508871404)</t>
  </si>
  <si>
    <t>POINT (4.771827021231052 51.81745089118381)</t>
  </si>
  <si>
    <t>POINT (4.7719868305923345 51.821349216714)</t>
  </si>
  <si>
    <t>POINT (4.792567058820305 51.82100069535075)</t>
  </si>
  <si>
    <t>POINT (4.8019083788376555 51.822651477511535)</t>
  </si>
  <si>
    <t>POINT (4.774058754851859 51.821590939218865)</t>
  </si>
  <si>
    <t>POINT (4.7915437133071554 51.82292589204967)</t>
  </si>
  <si>
    <t>POINT (4.798181344986408 51.81989752284824)</t>
  </si>
  <si>
    <t>POINT (4.774225242353497 51.81878763976313)</t>
  </si>
  <si>
    <t>POINT (4.777221849851098 51.82135016685831)</t>
  </si>
  <si>
    <t>POINT (4.778921568412849 51.81783529256169)</t>
  </si>
  <si>
    <t>POINT (4.789177452613125 51.82066662690449)</t>
  </si>
  <si>
    <t>POINT (4.78884531071686 51.82193358147779)</t>
  </si>
  <si>
    <t>POINT (4.756173307206942 51.82574882947329)</t>
  </si>
  <si>
    <t>POINT (4.749548006292239 51.82950953854192)</t>
  </si>
  <si>
    <t>POINT (4.761250875278733 51.82558986252958)</t>
  </si>
  <si>
    <t>POINT (4.745219711508437 51.828332710065034)</t>
  </si>
  <si>
    <t>POINT (4.805575348955747 51.81956226927359)</t>
  </si>
  <si>
    <t>POINT (4.77907238285331 51.82561205008312)</t>
  </si>
  <si>
    <t>POINT (4.761320515338382 51.82808555574849)</t>
  </si>
  <si>
    <t>POINT (4.782415240217217 51.81627754970264)</t>
  </si>
  <si>
    <t>POINT (4.764993589216879 51.82337025484738)</t>
  </si>
  <si>
    <t>POINT (4.743362491478294 51.827617490331114)</t>
  </si>
  <si>
    <t>POINT (4.766980908863528 51.82123970887863)</t>
  </si>
  <si>
    <t>POINT (4.754241325819398 51.825784898423294)</t>
  </si>
  <si>
    <t>POINT (4.770893582953205 51.81957296327319)</t>
  </si>
  <si>
    <t>POINT (4.788303355227532 51.82242923384389)</t>
  </si>
  <si>
    <t>POINT (4.781579143447047 51.81865287579819)</t>
  </si>
  <si>
    <t>POINT (4.771373278953821 51.817233683930226)</t>
  </si>
  <si>
    <t>POINT (4.736656536833202 51.82426729832235)</t>
  </si>
  <si>
    <t>POINT (4.768426306794378 51.82203489985226)</t>
  </si>
  <si>
    <t>POINT (4.791624440272556 51.82155869061405)</t>
  </si>
  <si>
    <t>POINT (4.771821573961717 51.817648072290154)</t>
  </si>
  <si>
    <t>POINT (4.799831743070471 51.82061148599862)</t>
  </si>
  <si>
    <t>POINT (4.767910049508105 51.82222722947079)</t>
  </si>
  <si>
    <t>POINT (4.772492759638169 51.81865013190028)</t>
  </si>
  <si>
    <t>POINT (4.771863849700167 51.819077299860645)</t>
  </si>
  <si>
    <t>POINT (4.778508096901605 51.820266619215)</t>
  </si>
  <si>
    <t>POINT (4.759769905126043 51.826979861124194)</t>
  </si>
  <si>
    <t>3363AG</t>
  </si>
  <si>
    <t>POINT (4.769743465759723 51.82128044000263)</t>
  </si>
  <si>
    <t>POINT (4.789105827772937 51.82040226751417)</t>
  </si>
  <si>
    <t>POINT (4.76119610397382 51.82684914136162)</t>
  </si>
  <si>
    <t>POINT (4.762610814655059 51.82547423274369)</t>
  </si>
  <si>
    <t>POINT (4.801248576530965 51.822359203280804)</t>
  </si>
  <si>
    <t>POINT (4.779926974558198 51.817138751198556)</t>
  </si>
  <si>
    <t>POINT (4.778251497766229 51.826035704560724)</t>
  </si>
  <si>
    <t>POINT (4.7901210451346286 51.82247786423799)</t>
  </si>
  <si>
    <t>POINT (4.775627181374588 51.81720487219456)</t>
  </si>
  <si>
    <t>POINT (4.794278832789856 51.82335240529171)</t>
  </si>
  <si>
    <t>POINT (4.783750050356476 51.820928550299215)</t>
  </si>
  <si>
    <t>POINT (4.7959118439142525 51.824147232319454)</t>
  </si>
  <si>
    <t>POINT (4.758458566181618 51.82826639233077)</t>
  </si>
  <si>
    <t>POINT (4.80493369476737 51.819430821051746)</t>
  </si>
  <si>
    <t>POINT (4.769886682533143 51.82439427319461)</t>
  </si>
  <si>
    <t>POINT (4.797203583885518 51.82234972701847)</t>
  </si>
  <si>
    <t>POINT (4.795571734592395 51.823624541250126)</t>
  </si>
  <si>
    <t>POINT (4.767499507902618 51.822347217571746)</t>
  </si>
  <si>
    <t>POINT (4.782510540689941 51.82162849356137)</t>
  </si>
  <si>
    <t>POINT (4.749567276057487 51.82898839464904)</t>
  </si>
  <si>
    <t>POINT (4.770189435349387 51.816869270851036)</t>
  </si>
  <si>
    <t>POINT (4.792307054793209 51.82284248429569)</t>
  </si>
  <si>
    <t>POINT (4.787887328552341 51.819398410025165)</t>
  </si>
  <si>
    <t>POINT (4.784617354074053 51.81995657694651)</t>
  </si>
  <si>
    <t>POINT (4.773506180963157 51.818444203424676)</t>
  </si>
  <si>
    <t>POINT (4.7653555889298636 51.824856368851215)</t>
  </si>
  <si>
    <t>POINT (4.798402766845589 51.8217672671708)</t>
  </si>
  <si>
    <t>POINT (4.7873225226528335 51.822081311074115)</t>
  </si>
  <si>
    <t>POINT (4.796595077301299 51.82225219692212)</t>
  </si>
  <si>
    <t>POINT (4.746554316697884 51.82834467556477)</t>
  </si>
  <si>
    <t>POINT (4.7987837948280285 51.82324581949541)</t>
  </si>
  <si>
    <t>POINT (4.7858633590710244 51.81986193568585)</t>
  </si>
  <si>
    <t>POINT (4.761440933821894 51.82571303081869)</t>
  </si>
  <si>
    <t>POINT (4.78688773781199 51.82185832879598)</t>
  </si>
  <si>
    <t>POINT (4.8049935590961566 51.81977843614905)</t>
  </si>
  <si>
    <t>POINT (4.779034499504688 51.82017730489041)</t>
  </si>
  <si>
    <t>POINT (4.751622820035309 51.82794670831124)</t>
  </si>
  <si>
    <t>POINT (4.8025624438188315 51.82078107097135)</t>
  </si>
  <si>
    <t>POINT (4.761989252297105 51.826686090948414)</t>
  </si>
  <si>
    <t>POINT (4.7892925831088125 51.82378561894931)</t>
  </si>
  <si>
    <t>POINT (4.774674643855592 51.81727702691001)</t>
  </si>
  <si>
    <t>POINT (4.740800489875516 51.82404426420115)</t>
  </si>
  <si>
    <t>POINT (4.79983703630954 51.82501393167575)</t>
  </si>
  <si>
    <t>POINT (4.749208004936131 51.82644222048153)</t>
  </si>
  <si>
    <t>POINT (4.747199184729348 51.823510169548975)</t>
  </si>
  <si>
    <t>POINT (4.769371338500884 51.8216623484123)</t>
  </si>
  <si>
    <t>POINT (4.761020096467072 51.82713430933028)</t>
  </si>
  <si>
    <t>POINT (4.777819587160189 51.82607697682264)</t>
  </si>
  <si>
    <t>POINT (4.773735747045392 51.821739360792584)</t>
  </si>
  <si>
    <t>POINT (4.7919257269644016 51.822863741534384)</t>
  </si>
  <si>
    <t>POINT (4.7815769266653785 51.825673033799745)</t>
  </si>
  <si>
    <t>POINT (4.7672482806908665 51.82446710759578)</t>
  </si>
  <si>
    <t>POINT (4.786967249210034 51.81899164927496)</t>
  </si>
  <si>
    <t>POINT (4.7691356616254295 51.82454735162231)</t>
  </si>
  <si>
    <t>POINT (4.767167057893998 51.82204758903619)</t>
  </si>
  <si>
    <t>POINT (4.760293416056751 51.82604308100625)</t>
  </si>
  <si>
    <t>POINT (4.771510697909477 51.81802477164086)</t>
  </si>
  <si>
    <t>POINT (4.750141913671344 51.823774173595034)</t>
  </si>
  <si>
    <t>POINT (4.774006233704716 51.823628466528)</t>
  </si>
  <si>
    <t>POINT (4.784607352165719 51.82109537840059)</t>
  </si>
  <si>
    <t>POINT (4.760237719008943 51.82683512765443)</t>
  </si>
  <si>
    <t>POINT (4.779084799370539 51.82565724605101)</t>
  </si>
  <si>
    <t>POINT (4.802398733697781 51.82156028305951)</t>
  </si>
  <si>
    <t>POINT (4.803212164156267 51.821066726106444)</t>
  </si>
  <si>
    <t>POINT (4.769000193065879 51.820988650039176)</t>
  </si>
  <si>
    <t>POINT (4.766355896662188 51.82541491142669)</t>
  </si>
  <si>
    <t>POINT (4.740165827169176 51.82922091778183)</t>
  </si>
  <si>
    <t>POINT (4.777181118128408 51.820362199816515)</t>
  </si>
  <si>
    <t>POINT (4.7492088469979095 51.829077771255385)</t>
  </si>
  <si>
    <t>POINT (4.7788995639557665 51.82311497265187)</t>
  </si>
  <si>
    <t>POINT (4.7722094107462985 51.8193053538037)</t>
  </si>
  <si>
    <t>POINT (4.79182704390402 51.81962789445344)</t>
  </si>
  <si>
    <t>POINT (4.784647802539655 51.81767866765707)</t>
  </si>
  <si>
    <t>POINT (4.8013059549187815 51.819752625933724)</t>
  </si>
  <si>
    <t>POINT (4.746324810896015 51.82901846641156)</t>
  </si>
  <si>
    <t>POINT (4.76421113449804 51.82262823114436)</t>
  </si>
  <si>
    <t>POINT (4.767243826400544 51.82151119601167)</t>
  </si>
  <si>
    <t>POINT (4.781462552831351 51.81775557314493)</t>
  </si>
  <si>
    <t>POINT (4.771857103244906 51.81718085187955)</t>
  </si>
  <si>
    <t>POINT (4.78152951175651 51.82536933487753)</t>
  </si>
  <si>
    <t>POINT (4.781992152903948 51.825279228700126)</t>
  </si>
  <si>
    <t>POINT (4.770159796896917 51.8228703463854)</t>
  </si>
  <si>
    <t>POINT (4.779892766697689 51.81868757686487)</t>
  </si>
  <si>
    <t>POINT (4.7491236187693975 51.82942094197108)</t>
  </si>
  <si>
    <t>POINT (4.787207572658253 51.82209762205579)</t>
  </si>
  <si>
    <t>POINT (4.795526000485053 51.8230531771744)</t>
  </si>
  <si>
    <t>POINT (4.778518788705454 51.828164398973556)</t>
  </si>
  <si>
    <t>POINT (4.749680820980654 51.829135165904006)</t>
  </si>
  <si>
    <t>POINT (4.786881126674571 51.81900028727363)</t>
  </si>
  <si>
    <t>POINT (4.7864139078544214 51.81757851013696)</t>
  </si>
  <si>
    <t>POINT (4.787796756362536 51.822304942608895)</t>
  </si>
  <si>
    <t>POINT (4.736874772952887 51.82810250807037)</t>
  </si>
  <si>
    <t>POINT (4.796965291220075 51.823699420637105)</t>
  </si>
  <si>
    <t>POINT (4.786073148334498 51.817899635125556)</t>
  </si>
  <si>
    <t>POINT (4.76950783669678 51.8174584832292)</t>
  </si>
  <si>
    <t>POINT (4.802409534113376 51.822550157502036)</t>
  </si>
  <si>
    <t>POINT (4.751816120259263 51.82917640556329)</t>
  </si>
  <si>
    <t>POINT (4.781311951049247 51.816885689642156)</t>
  </si>
  <si>
    <t>POINT (4.79910802587386 51.82278687034766)</t>
  </si>
  <si>
    <t>POINT (4.76714654370942 51.82617907546618)</t>
  </si>
  <si>
    <t>POINT (4.7529882030521415 51.82902831991358)</t>
  </si>
  <si>
    <t>POINT (4.770964453679332 51.81707297933096)</t>
  </si>
  <si>
    <t>POINT (4.752520954562731 51.8273372873555)</t>
  </si>
  <si>
    <t>POINT (4.773287216211154 51.81742950503957)</t>
  </si>
  <si>
    <t>POINT (4.756428898914219 51.82618444213488)</t>
  </si>
  <si>
    <t>POINT (4.779990651017145 51.8237709457063)</t>
  </si>
  <si>
    <t>POINT (4.795060574161372 51.82409889707344)</t>
  </si>
  <si>
    <t>POINT (4.75896102201395 51.82689706433418)</t>
  </si>
  <si>
    <t>POINT (4.753002476301854 51.8244472701414)</t>
  </si>
  <si>
    <t>3361XR</t>
  </si>
  <si>
    <t>Van den Houte Willemsplein</t>
  </si>
  <si>
    <t>POINT (4.768260960479543 51.822974414078566)</t>
  </si>
  <si>
    <t>POINT (4.7524821255181156 51.826932141239816)</t>
  </si>
  <si>
    <t>POINT (4.773143701580177 51.81747774207417)</t>
  </si>
  <si>
    <t>POINT (4.756122387173601 51.824723496525685)</t>
  </si>
  <si>
    <t>POINT (4.76328769353166 51.82711699124158)</t>
  </si>
  <si>
    <t>POINT (4.775209145357093 51.81924930450297)</t>
  </si>
  <si>
    <t>POINT (4.789696991649494 51.82061237516377)</t>
  </si>
  <si>
    <t>POINT (4.766188933476031 51.826257157516956)</t>
  </si>
  <si>
    <t>POINT (4.79787474049184 51.82173828071475)</t>
  </si>
  <si>
    <t>POINT (4.796772587887967 51.82252014030371)</t>
  </si>
  <si>
    <t>POINT (4.776084383012895 51.82034588807139)</t>
  </si>
  <si>
    <t>POINT (4.754536600343469 51.825851747476854)</t>
  </si>
  <si>
    <t>POINT (4.736944565036779 51.827350476543906)</t>
  </si>
  <si>
    <t>POINT (4.747378181087166 51.82888479951042)</t>
  </si>
  <si>
    <t>POINT (4.747228403424342 51.823883715379445)</t>
  </si>
  <si>
    <t>POINT (4.781802266008793 51.82620838715736)</t>
  </si>
  <si>
    <t>POINT (4.767334458379452 51.824212916079084)</t>
  </si>
  <si>
    <t>POINT (4.7989256730679175 51.820666003176164)</t>
  </si>
  <si>
    <t>POINT (4.794693811761158 51.82413695554771)</t>
  </si>
  <si>
    <t>POINT (4.781464220462825 51.81786892778222)</t>
  </si>
  <si>
    <t>POINT (4.792576108880037 51.821227253201684)</t>
  </si>
  <si>
    <t>POINT (4.78193462501963 51.825123519620504)</t>
  </si>
  <si>
    <t>POINT (4.747875770739833 51.829876795400565)</t>
  </si>
  <si>
    <t>POINT (4.785174090606042 51.81945184888704)</t>
  </si>
  <si>
    <t>POINT (4.737767513046213 51.83018178649866)</t>
  </si>
  <si>
    <t>POINT (4.785260217927364 51.81944294250471)</t>
  </si>
  <si>
    <t>POINT (4.752691806587922 51.82684518663286)</t>
  </si>
  <si>
    <t>POINT (4.781074153882122 51.816989538345794)</t>
  </si>
  <si>
    <t>POINT (4.750155736071436 51.82909747528969)</t>
  </si>
  <si>
    <t>POINT (4.7813474762934405 51.826026628771224)</t>
  </si>
  <si>
    <t>POINT (4.788126957511635 51.82048797013424)</t>
  </si>
  <si>
    <t>POINT (4.78599171458793 51.81748070973826)</t>
  </si>
  <si>
    <t>POINT (4.764708492087382 51.82349080825461)</t>
  </si>
  <si>
    <t>POINT (4.753610707187375 51.82705706757069)</t>
  </si>
  <si>
    <t>POINT (4.755441664539176 51.825363058484115)</t>
  </si>
  <si>
    <t>POINT (4.738716007484664 51.83240590197601)</t>
  </si>
  <si>
    <t>POINT (4.79473424416896 51.82345564647469)</t>
  </si>
  <si>
    <t>POINT (4.770224565450145 51.81742854593693)</t>
  </si>
  <si>
    <t>POINT (4.798844406263141 51.822791751358174)</t>
  </si>
  <si>
    <t>POINT (4.7665400812628365 51.82438552384112)</t>
  </si>
  <si>
    <t>POINT (4.796018299542158 51.81969141616305)</t>
  </si>
  <si>
    <t>POINT (4.7694345497795165 51.82086966295846)</t>
  </si>
  <si>
    <t>POINT (4.771255145496079 51.818311425194594)</t>
  </si>
  <si>
    <t>POINT (4.786094701872027 51.82063398107756)</t>
  </si>
  <si>
    <t>POINT (4.798774346919607 51.82132509536222)</t>
  </si>
  <si>
    <t>POINT (4.767025713819537 51.826663551019976)</t>
  </si>
  <si>
    <t>POINT (4.773795393488738 51.82045583294135)</t>
  </si>
  <si>
    <t>3363BJ</t>
  </si>
  <si>
    <t>POINT (4.755968460082359 51.827314349777936)</t>
  </si>
  <si>
    <t>POINT (4.772063133738987 51.82479535437271)</t>
  </si>
  <si>
    <t>POINT (4.771772318596229 51.81885507146824)</t>
  </si>
  <si>
    <t>POINT (4.778409263007597 51.82354657903785)</t>
  </si>
  <si>
    <t>POINT (4.768588669943754 51.821733945872396)</t>
  </si>
  <si>
    <t>POINT (4.757935604642762 51.82821379327803)</t>
  </si>
  <si>
    <t>POINT (4.780824860523512 51.81903701838545)</t>
  </si>
  <si>
    <t>POINT (4.784878947169092 51.818300335801425)</t>
  </si>
  <si>
    <t>POINT (4.79076853367718 51.82064802670945)</t>
  </si>
  <si>
    <t>POINT (4.788704407111676 51.82131561774012)</t>
  </si>
  <si>
    <t>POINT (4.753948546457384 51.82450810728679)</t>
  </si>
  <si>
    <t>POINT (4.7410297966559884 51.823772812473564)</t>
  </si>
  <si>
    <t>POINT (4.79763672076193 51.822869285274066)</t>
  </si>
  <si>
    <t>POINT (4.773826409786018 51.82585309961781)</t>
  </si>
  <si>
    <t>POINT (4.782906642448164 51.81691269737532)</t>
  </si>
  <si>
    <t>POINT (4.737253918386078 51.827163294300895)</t>
  </si>
  <si>
    <t>POINT (4.768242664313645 51.82780298510166)</t>
  </si>
  <si>
    <t>POINT (4.778025904425821 51.82635729582334)</t>
  </si>
  <si>
    <t>POINT (4.766798442592549 51.827008230749655)</t>
  </si>
  <si>
    <t>POINT (4.777564841989015 51.81825269422233)</t>
  </si>
  <si>
    <t>POINT (4.805308197287853 51.82020073313715)</t>
  </si>
  <si>
    <t>POINT (4.796496567029959 51.822530616451424)</t>
  </si>
  <si>
    <t>POINT (4.7909566097353045 51.82105715336486)</t>
  </si>
  <si>
    <t>POINT (4.748721008797214 51.82918792570965)</t>
  </si>
  <si>
    <t>POINT (4.7984541970624655 51.82347103814311)</t>
  </si>
  <si>
    <t>POINT (4.753775217547422 51.825941841730504)</t>
  </si>
  <si>
    <t>POINT (4.770846299841409 51.816730073330014)</t>
  </si>
  <si>
    <t>POINT (4.773474977794092 51.82230212111343)</t>
  </si>
  <si>
    <t>POINT (4.790520574936092 51.82429190184866)</t>
  </si>
  <si>
    <t>POINT (4.737277329121479 51.825266315580514)</t>
  </si>
  <si>
    <t>POINT (4.748502756818583 51.827818844936196)</t>
  </si>
  <si>
    <t>POINT (4.772656249529226 51.82875442492596)</t>
  </si>
  <si>
    <t>POINT (4.761092177562424 51.8248799961818)</t>
  </si>
  <si>
    <t>POINT (4.7764366415095045 51.82334685197513)</t>
  </si>
  <si>
    <t>POINT (4.769436352220722 51.827299710559366)</t>
  </si>
  <si>
    <t>POINT (4.791393061350119 51.81990397849226)</t>
  </si>
  <si>
    <t>POINT (4.789570479000335 51.82180748100233)</t>
  </si>
  <si>
    <t>POINT (4.749078736233333 51.8236362659727)</t>
  </si>
  <si>
    <t>POINT (4.776151236946092 51.817607504028636)</t>
  </si>
  <si>
    <t>POINT (4.748324743381303 51.82995051932566)</t>
  </si>
  <si>
    <t>POINT (4.75249684709765 51.827503985306606)</t>
  </si>
  <si>
    <t>POINT (4.778776754421622 51.825039123285904)</t>
  </si>
  <si>
    <t>POINT (4.740542807017721 51.828925903863045)</t>
  </si>
  <si>
    <t>POINT (4.737091459464032 51.82804528242177)</t>
  </si>
  <si>
    <t>POINT (4.758352542156396 51.82841045078096)</t>
  </si>
  <si>
    <t>POINT (4.780359786040762 51.81877376604788)</t>
  </si>
  <si>
    <t>POINT (4.750657384886573 51.82844061361979)</t>
  </si>
  <si>
    <t>POINT (4.798852079583875 51.8224261349743)</t>
  </si>
  <si>
    <t>POINT (4.767045573896128 51.82611634105876)</t>
  </si>
  <si>
    <t>POINT (4.7961368432658045 51.821015310441545)</t>
  </si>
  <si>
    <t>POINT (4.789771495644332 51.8208020537799)</t>
  </si>
  <si>
    <t>POINT (4.769210964617636 51.81779623977392)</t>
  </si>
  <si>
    <t>POINT (4.791463448750711 51.82122871210392)</t>
  </si>
  <si>
    <t>POINT (4.765441007167092 51.82509969295988)</t>
  </si>
  <si>
    <t>POINT (4.770213640488928 51.817654551576986)</t>
  </si>
  <si>
    <t>POINT (4.740041404681867 51.829175091138715)</t>
  </si>
  <si>
    <t>POINT (4.758048934652337 51.8286271567377)</t>
  </si>
  <si>
    <t>POINT (4.776086596279773 51.82078175602504)</t>
  </si>
  <si>
    <t>POINT (4.735661694185474 51.82466222288265)</t>
  </si>
  <si>
    <t>POINT (4.741550835957948 51.830146576472195)</t>
  </si>
  <si>
    <t>POINT (4.803139486047305 51.820686957175035)</t>
  </si>
  <si>
    <t>POINT (4.779482430469984 51.817936434235904)</t>
  </si>
  <si>
    <t>POINT (4.774988604180042 51.82241645055074)</t>
  </si>
  <si>
    <t>POINT (4.75374863600794 51.82788467263138)</t>
  </si>
  <si>
    <t>POINT (4.8016736883211175 51.822093195827264)</t>
  </si>
  <si>
    <t>POINT (4.8016675733471015 51.82060987233601)</t>
  </si>
  <si>
    <t>POINT (4.765863918233373 51.824305633449676)</t>
  </si>
  <si>
    <t>POINT (4.791369869523521 51.82074779790168)</t>
  </si>
  <si>
    <t>POINT (4.740269201491534 51.83031458225499)</t>
  </si>
  <si>
    <t>POINT (4.738263811530427 51.82414226516508)</t>
  </si>
  <si>
    <t>POINT (4.750193057632312 51.82917686733493)</t>
  </si>
  <si>
    <t>POINT (4.744164518086704 51.828991101976904)</t>
  </si>
  <si>
    <t>POINT (4.771788248749624 51.817188850247206)</t>
  </si>
  <si>
    <t>POINT (4.797440454242207 51.8218282322389)</t>
  </si>
  <si>
    <t>POINT (4.7405783515409405 51.82357320618814)</t>
  </si>
  <si>
    <t>POINT (4.791421874664612 51.81829454071818)</t>
  </si>
  <si>
    <t>POINT (4.7656705664116625 51.825598966273674)</t>
  </si>
  <si>
    <t>POINT (4.778907210908338 51.82081789070066)</t>
  </si>
  <si>
    <t>POINT (4.772858019809027 51.81834796040902)</t>
  </si>
  <si>
    <t>POINT (4.781051178124699 51.81978774522073)</t>
  </si>
  <si>
    <t>POINT (4.794772579492039 51.81933601893755)</t>
  </si>
  <si>
    <t>POINT (4.738330574608436 51.82687718409915)</t>
  </si>
  <si>
    <t>POINT (4.771131785274333 51.82081122328086)</t>
  </si>
  <si>
    <t>POINT (4.779941628608607 51.82509800828356)</t>
  </si>
  <si>
    <t>POINT (4.774683311406604 51.81748237150063)</t>
  </si>
  <si>
    <t>POINT (4.798670231831563 51.82302269327835)</t>
  </si>
  <si>
    <t>POINT (4.77855322777224 51.81754717744683)</t>
  </si>
  <si>
    <t>POINT (4.787657844590593 51.820829387842565)</t>
  </si>
  <si>
    <t>POINT (4.784400684126003 51.81817617505782)</t>
  </si>
  <si>
    <t>POINT (4.771121838828954 51.81706050247324)</t>
  </si>
  <si>
    <t>POINT (4.795082185504754 51.82117295750839)</t>
  </si>
  <si>
    <t>POINT (4.734911470584655 51.8291446567352)</t>
  </si>
  <si>
    <t>POINT (4.739787696676354 51.82908875885017)</t>
  </si>
  <si>
    <t>POINT (4.766186623224102 51.82263483467989)</t>
  </si>
  <si>
    <t>POINT (4.786367164650506 51.8173967015443)</t>
  </si>
  <si>
    <t>POINT (4.778044858770386 51.823913849392426)</t>
  </si>
  <si>
    <t>POINT (4.737063735198512 51.82775479693228)</t>
  </si>
  <si>
    <t>POINT (4.738337863448497 51.829275707469606)</t>
  </si>
  <si>
    <t>POINT (4.770565238778011 51.82517984661791)</t>
  </si>
  <si>
    <t>POINT (4.74311611909176 51.82385313213823)</t>
  </si>
  <si>
    <t>POINT (4.786018526566275 51.834120939303475)</t>
  </si>
  <si>
    <t>POINT (4.792701100785638 51.822824705891925)</t>
  </si>
  <si>
    <t>POINT (4.771186384563292 51.81947994045149)</t>
  </si>
  <si>
    <t>POINT (4.787446063402125 51.81995857126857)</t>
  </si>
  <si>
    <t>POINT (4.786392480948264 51.82151503788048)</t>
  </si>
  <si>
    <t>POINT (4.774761928630626 51.82731368467304)</t>
  </si>
  <si>
    <t>POINT (4.797891072698547 51.82367315156907)</t>
  </si>
  <si>
    <t>POINT (4.7729726765612135 51.8188105739383)</t>
  </si>
  <si>
    <t>POINT (4.781799064172659 51.81862794349145)</t>
  </si>
  <si>
    <t>POINT (4.790130175900158 51.81870932977464)</t>
  </si>
  <si>
    <t>POINT (4.770117257690623 51.82648605021414)</t>
  </si>
  <si>
    <t>POINT (4.7825840437039755 51.820268630587485)</t>
  </si>
  <si>
    <t>POINT (4.798997553427799 51.82339394378848)</t>
  </si>
  <si>
    <t>POINT (4.794704460260251 51.82390069987435)</t>
  </si>
  <si>
    <t>POINT (4.764676044425288 51.82344560333728)</t>
  </si>
  <si>
    <t>POINT (4.77358781346484 51.82048741242897)</t>
  </si>
  <si>
    <t>POINT (4.764877903283673 51.82317638688004)</t>
  </si>
  <si>
    <t>POINT (4.771071453068929 51.818624792015115)</t>
  </si>
  <si>
    <t>POINT (4.7384479123384695 51.82801018109488)</t>
  </si>
  <si>
    <t>POINT (4.768481647471922 51.82117650276264)</t>
  </si>
  <si>
    <t>POINT (4.7900701098353515 51.821680318767065)</t>
  </si>
  <si>
    <t>POINT (4.795692686949533 51.82382514643357)</t>
  </si>
  <si>
    <t>POINT (4.789210248728642 51.8246123277869)</t>
  </si>
  <si>
    <t>POINT (4.791351320213814 51.82322639219847)</t>
  </si>
  <si>
    <t>POINT (4.773785117104418 51.82694724335624)</t>
  </si>
  <si>
    <t>POINT (4.772952503095746 51.82189831741994)</t>
  </si>
  <si>
    <t>POINT (4.779390370176956 51.82622711343625)</t>
  </si>
  <si>
    <t>POINT (4.790268909304338 51.81782936620801)</t>
  </si>
  <si>
    <t>POINT (4.762245457763012 51.82680987984904)</t>
  </si>
  <si>
    <t>POINT (4.793855512123145 51.82375358322356)</t>
  </si>
  <si>
    <t>POINT (4.736946855930149 51.82808349201445)</t>
  </si>
  <si>
    <t>POINT (4.774848536978071 51.81701016427068)</t>
  </si>
  <si>
    <t>POINT (4.800097873455358 51.823141211062634)</t>
  </si>
  <si>
    <t>POINT (4.775375582071519 51.818784114038976)</t>
  </si>
  <si>
    <t>POINT (4.750358890434424 51.82863162016739)</t>
  </si>
  <si>
    <t>POINT (4.7781243187452365 51.82122173253419)</t>
  </si>
  <si>
    <t>POINT (4.738696174197385 51.83114785589005)</t>
  </si>
  <si>
    <t>POINT (4.774013919607199 51.82219986132901)</t>
  </si>
  <si>
    <t>POINT (4.7378603401219515 51.82552670630743)</t>
  </si>
  <si>
    <t>POINT (4.76918968764835 51.82769507825796)</t>
  </si>
  <si>
    <t>POINT (4.7909471502309495 51.8198314234449)</t>
  </si>
  <si>
    <t>POINT (4.783274453478613 51.82076592768419)</t>
  </si>
  <si>
    <t>POINT (4.772089069206321 51.818600826817274)</t>
  </si>
  <si>
    <t>POINT (4.779722229921618 51.822603198894285)</t>
  </si>
  <si>
    <t>POINT (4.80300224228648 51.820342551437996)</t>
  </si>
  <si>
    <t>POINT (4.75063121606627 51.82840352858951)</t>
  </si>
  <si>
    <t>POINT (4.763344760167326 51.82447204313677)</t>
  </si>
  <si>
    <t>POINT (4.760012838183284 51.82821340491881)</t>
  </si>
  <si>
    <t>POINT (4.760178071991788 51.828421834121876)</t>
  </si>
  <si>
    <t>POINT (4.779834678550702 51.818553076734624)</t>
  </si>
  <si>
    <t>POINT (4.738183090699881 51.82994930262437)</t>
  </si>
  <si>
    <t>POINT (4.772700433272095 51.81883242932969)</t>
  </si>
  <si>
    <t>POINT (4.737824088946106 51.828707123714416)</t>
  </si>
  <si>
    <t>POINT (4.754354359849444 51.82467721415868)</t>
  </si>
  <si>
    <t>POINT (4.774363440846628 51.82209652034142)</t>
  </si>
  <si>
    <t>POINT (4.797645081048333 51.82086604529953)</t>
  </si>
  <si>
    <t>POINT (4.762464915155939 51.82422673899485)</t>
  </si>
  <si>
    <t>POINT (4.739306580341543 51.82723228591461)</t>
  </si>
  <si>
    <t>POINT (4.7745867348523765 51.81880462797926)</t>
  </si>
  <si>
    <t>POINT (4.777288759409167 51.81951387737551)</t>
  </si>
  <si>
    <t>POINT (4.800568375999813 51.82001275624365)</t>
  </si>
  <si>
    <t>POINT (4.778990929902528 51.82385790270937)</t>
  </si>
  <si>
    <t>POINT (4.756948165850444 51.82620898376555)</t>
  </si>
  <si>
    <t>POINT (4.774559061555442 51.82088354340644)</t>
  </si>
  <si>
    <t>POINT (4.768814665366138 51.82080371226119)</t>
  </si>
  <si>
    <t>POINT (4.739319675704744 51.831349578222216)</t>
  </si>
  <si>
    <t>POINT (4.789484443781178 51.81976367037402)</t>
  </si>
  <si>
    <t>POINT (4.759238823675754 51.825147663320585)</t>
  </si>
  <si>
    <t>POINT (4.747315818884993 51.8289039648355)</t>
  </si>
  <si>
    <t>POINT (4.7702801276840665 51.81944111371899)</t>
  </si>
  <si>
    <t>POINT (4.776987395433855 51.820904642551206)</t>
  </si>
  <si>
    <t>POINT (4.77594964956871 51.817478456844704)</t>
  </si>
  <si>
    <t>POINT (4.79565441401958 51.82217671996527)</t>
  </si>
  <si>
    <t>POINT (4.764927865215717 51.8222681750116)</t>
  </si>
  <si>
    <t>POINT (4.762998496577307 51.825656695951395)</t>
  </si>
  <si>
    <t>POINT (4.789685940111219 51.82050508521427)</t>
  </si>
  <si>
    <t>POINT (4.787504663671177 51.82342522455286)</t>
  </si>
  <si>
    <t>POINT (4.77033141535688 51.82686424684258)</t>
  </si>
  <si>
    <t>POINT (4.7412858291197875 51.83088640834422)</t>
  </si>
  <si>
    <t>POINT (4.792891126129034 51.82403409138132)</t>
  </si>
  <si>
    <t>POINT (4.775990947550532 51.81952429434546)</t>
  </si>
  <si>
    <t>POINT (4.740691609739423 51.830932880141646)</t>
  </si>
  <si>
    <t>POINT (4.781854162047931 51.824904232891875)</t>
  </si>
  <si>
    <t>POINT (4.786927233120419 51.821212521898616)</t>
  </si>
  <si>
    <t>POINT (4.756370273720955 51.8260926232164)</t>
  </si>
  <si>
    <t>POINT (4.800451203036045 51.82219522358721)</t>
  </si>
  <si>
    <t>POINT (4.781069612627539 51.82472688450176)</t>
  </si>
  <si>
    <t>POINT (4.8022900006205695 51.82205932565523)</t>
  </si>
  <si>
    <t>POINT (4.77771269165981 51.82546770640687)</t>
  </si>
  <si>
    <t>POINT (4.778987851564674 51.823355065678456)</t>
  </si>
  <si>
    <t>POINT (4.791126607590294 51.824029188953624)</t>
  </si>
  <si>
    <t>POINT (4.798581467377426 51.82078957815315)</t>
  </si>
  <si>
    <t>POINT (4.7379752393176195 51.8315959885608)</t>
  </si>
  <si>
    <t>POINT (4.773022017447388 51.81875528267099)</t>
  </si>
  <si>
    <t>POINT (4.750052595185216 51.82958967020443)</t>
  </si>
  <si>
    <t>POINT (4.78044964603795 51.825135987439495)</t>
  </si>
  <si>
    <t>POINT (4.764231456604306 51.82243823032012)</t>
  </si>
  <si>
    <t>POINT (4.768885724048153 51.82078350275068)</t>
  </si>
  <si>
    <t>POINT (4.779565619172955 51.82624752595754)</t>
  </si>
  <si>
    <t>POINT (4.788248641534379 51.81930955965326)</t>
  </si>
  <si>
    <t>POINT (4.74545099170891 51.82912443199804)</t>
  </si>
  <si>
    <t>POINT (4.774447229785816 51.8232951358675)</t>
  </si>
  <si>
    <t>POINT (4.76823411731876 51.8251720716308)</t>
  </si>
  <si>
    <t>POINT (4.806253882219176 51.82000948497514)</t>
  </si>
  <si>
    <t>POINT (4.768075914437959 51.82191557128254)</t>
  </si>
  <si>
    <t>POINT (4.776932076533552 51.82079100890834)</t>
  </si>
  <si>
    <t>POINT (4.776409763670451 51.82160526432641)</t>
  </si>
  <si>
    <t>POINT (4.772730916586974 51.81788357373948)</t>
  </si>
  <si>
    <t>POINT (4.759762514827509 51.82510372314628)</t>
  </si>
  <si>
    <t>POINT (4.740401793708896 51.830636439614)</t>
  </si>
  <si>
    <t>POINT (4.765895159443821 51.82469840232261)</t>
  </si>
  <si>
    <t>POINT (4.796463954638874 51.820270995860554)</t>
  </si>
  <si>
    <t>POINT (4.750291554730441 51.82954683298329)</t>
  </si>
  <si>
    <t>POINT (4.797167742371278 51.8208216700984)</t>
  </si>
  <si>
    <t>POINT (4.773087364900857 51.81919651483615)</t>
  </si>
  <si>
    <t>POINT (4.754344944963313 51.825812602685765)</t>
  </si>
  <si>
    <t>POINT (4.784653367205808 51.82126630770971)</t>
  </si>
  <si>
    <t>POINT (4.787197322373281 51.824186154511374)</t>
  </si>
  <si>
    <t>POINT (4.801981622467437 51.82022762683021)</t>
  </si>
  <si>
    <t>POINT (4.7864225990253075 51.821627729006465)</t>
  </si>
  <si>
    <t>POINT (4.76585033800497 51.822908519261354)</t>
  </si>
  <si>
    <t>POINT (4.7884570534664075 51.81949587756847)</t>
  </si>
  <si>
    <t>POINT (4.768633003722759 51.820618309171174)</t>
  </si>
  <si>
    <t>POINT (4.780758434267929 51.818810522454534)</t>
  </si>
  <si>
    <t>POINT (4.751806659685886 51.828190845026384)</t>
  </si>
  <si>
    <t>POINT (4.744154356628229 51.82420299835876)</t>
  </si>
  <si>
    <t>POINT (4.778805980341065 51.82599146165048)</t>
  </si>
  <si>
    <t>POINT (4.773278562838704 51.81906601205377)</t>
  </si>
  <si>
    <t>POINT (4.773154187559336 51.82439541237168)</t>
  </si>
  <si>
    <t>POINT (4.7825080132111815 51.8256984178218)</t>
  </si>
  <si>
    <t>POINT (4.758383002196938 51.828369176563044)</t>
  </si>
  <si>
    <t>POINT (4.789932524853253 51.823032848261654)</t>
  </si>
  <si>
    <t>POINT (4.767489050945186 51.82179220691089)</t>
  </si>
  <si>
    <t>POINT (4.740693683794297 51.827971066803755)</t>
  </si>
  <si>
    <t>POINT (4.791416237682715 51.824186071751306)</t>
  </si>
  <si>
    <t>POINT (4.798938053017695 51.819950754986124)</t>
  </si>
  <si>
    <t>POINT (4.791644150551107 51.82417266686664)</t>
  </si>
  <si>
    <t>POINT (4.766807666446707 51.82162437683492)</t>
  </si>
  <si>
    <t>POINT (4.740066198772516 51.83040949752062)</t>
  </si>
  <si>
    <t>POINT (4.78362790263587 51.81622878220995)</t>
  </si>
  <si>
    <t>POINT (4.783742020090854 51.81624114407134)</t>
  </si>
  <si>
    <t>POINT (4.761605196492959 51.827203495204635)</t>
  </si>
  <si>
    <t>POINT (4.760799113008405 51.82701268320682)</t>
  </si>
  <si>
    <t>POINT (4.791979346113127 51.82408672854583)</t>
  </si>
  <si>
    <t>POINT (4.786180667932094 51.82095279668235)</t>
  </si>
  <si>
    <t>POINT (4.7955659566635 51.81959354346157)</t>
  </si>
  <si>
    <t>POINT (4.7434465894267275 51.826299081099584)</t>
  </si>
  <si>
    <t>POINT (4.77269254237147 51.817293991015624)</t>
  </si>
  <si>
    <t>POINT (4.7534423423048935 51.82686748809646)</t>
  </si>
  <si>
    <t>POINT (4.768187934998598 51.82729888648359)</t>
  </si>
  <si>
    <t>POINT (4.791490484150168 51.82224509722668)</t>
  </si>
  <si>
    <t>POINT (4.7625599021744005 51.82444827393703)</t>
  </si>
  <si>
    <t>POINT (4.748525354175048 51.82972716577277)</t>
  </si>
  <si>
    <t>POINT (4.759905195421013 51.8254412882315)</t>
  </si>
  <si>
    <t>POINT (4.794810268512163 51.82357575789924)</t>
  </si>
  <si>
    <t>POINT (4.7464313210991795 51.829169516969216)</t>
  </si>
  <si>
    <t>POINT (4.766391933926517 51.8217149319462)</t>
  </si>
  <si>
    <t>POINT (4.765951019279577 51.822248561682564)</t>
  </si>
  <si>
    <t>POINT (4.784423713715374 51.81739752269124)</t>
  </si>
  <si>
    <t>POINT (4.7742542025772226 51.817884437961254)</t>
  </si>
  <si>
    <t>POINT (4.740507831631728 51.83063327557927)</t>
  </si>
  <si>
    <t>POINT (4.740575924454568 51.83016355591476)</t>
  </si>
  <si>
    <t>POINT (4.775130251927805 51.8239380573041)</t>
  </si>
  <si>
    <t>POINT (4.765137920422363 51.82367474426016)</t>
  </si>
  <si>
    <t>POINT (4.76339095044109 51.82022284226951)</t>
  </si>
  <si>
    <t>POINT (4.79194961678617 51.8239763779334)</t>
  </si>
  <si>
    <t>POINT (4.794133786472 51.82252517364784)</t>
  </si>
  <si>
    <t>POINT (4.755654046842032 51.824906412286644)</t>
  </si>
  <si>
    <t>POINT (4.782167972920231 51.816331015739536)</t>
  </si>
  <si>
    <t>POINT (4.736369752451263 51.83113779418295)</t>
  </si>
  <si>
    <t>POINT (4.793286820551375 51.82072155910886)</t>
  </si>
  <si>
    <t>POINT (4.791084983296296 51.82215324268994)</t>
  </si>
  <si>
    <t>POINT (4.7884083129012405 51.817825820954226)</t>
  </si>
  <si>
    <t>POINT (4.773201226698647 51.81682142656215)</t>
  </si>
  <si>
    <t>POINT (4.768917741490617 51.82148202181362)</t>
  </si>
  <si>
    <t>POINT (4.793353145362048 51.82399389583982)</t>
  </si>
  <si>
    <t>POINT (4.750347020952519 51.82882481054264)</t>
  </si>
  <si>
    <t>POINT (4.781371349899417 51.817786202904266)</t>
  </si>
  <si>
    <t>POINT (4.780205876084213 51.81947578743553)</t>
  </si>
  <si>
    <t>POINT (4.767812534687314 51.821823909317864)</t>
  </si>
  <si>
    <t>POINT (4.750054451404828 51.82903769074894)</t>
  </si>
  <si>
    <t>POINT (4.7530621657862975 51.82726704523792)</t>
  </si>
  <si>
    <t>POINT (4.7509238826044236 51.82379585299637)</t>
  </si>
  <si>
    <t>POINT (4.7662585518349845 51.82735296457713)</t>
  </si>
  <si>
    <t>POINT (4.770034782703618 51.82099386095628)</t>
  </si>
  <si>
    <t>POINT (4.791453966261342 51.82037681694547)</t>
  </si>
  <si>
    <t>POINT (4.801778770339563 51.82023407574987)</t>
  </si>
  <si>
    <t>POINT (4.776551964853389 51.81992019543233)</t>
  </si>
  <si>
    <t>POINT (4.775558289958568 51.817750120455145)</t>
  </si>
  <si>
    <t>POINT (4.774084757319295 51.82381673807988)</t>
  </si>
  <si>
    <t>POINT (4.792616942072615 51.81912125774946)</t>
  </si>
  <si>
    <t>POINT (4.797093429491333 51.82387237570486)</t>
  </si>
  <si>
    <t>POINT (4.769857189242407 51.825742675263456)</t>
  </si>
  <si>
    <t>POINT (4.753468066063 51.82519287204203)</t>
  </si>
  <si>
    <t>POINT (4.799190346504279 51.821235406855784)</t>
  </si>
  <si>
    <t>POINT (4.736701429077842 51.82785040595829)</t>
  </si>
  <si>
    <t>POINT (4.785852719216799 51.81632896494733)</t>
  </si>
  <si>
    <t>POINT (4.797859275640404 51.822366414002566)</t>
  </si>
  <si>
    <t>POINT (4.792784904390032 51.82192546434215)</t>
  </si>
  <si>
    <t>POINT (4.767219075682043 51.82529318413258)</t>
  </si>
  <si>
    <t>POINT (4.778794927384389 51.8253960909493)</t>
  </si>
  <si>
    <t>POINT (4.797751187620484 51.82229081671847)</t>
  </si>
  <si>
    <t>POINT (4.801264539165953 51.82077414953001)</t>
  </si>
  <si>
    <t>POINT (4.760432045595181 51.82746518682927)</t>
  </si>
  <si>
    <t>POINT (4.7846944245966085 51.819789785041415)</t>
  </si>
  <si>
    <t>POINT (4.779169436898984 51.826248979983276)</t>
  </si>
  <si>
    <t>POINT (4.781594798786184 51.8242889753237)</t>
  </si>
  <si>
    <t>POINT (4.74710971210194 51.829330248877675)</t>
  </si>
  <si>
    <t>POINT (4.737176356627156 51.82992477523847)</t>
  </si>
  <si>
    <t>POINT (4.771920520605405 51.81866573982621)</t>
  </si>
  <si>
    <t>POINT (4.7717127967364386 51.8206119383924)</t>
  </si>
  <si>
    <t>POINT (4.797974449113258 51.82604987672819)</t>
  </si>
  <si>
    <t>POINT (4.762786778922545 51.82477217141636)</t>
  </si>
  <si>
    <t>POINT (4.796782676033421 51.82806182058118)</t>
  </si>
  <si>
    <t>POINT (4.7980788054618015 51.82207242140468)</t>
  </si>
  <si>
    <t>POINT (4.777934303128372 51.82328254698655)</t>
  </si>
  <si>
    <t>POINT (4.7530287496851615 51.82721913527732)</t>
  </si>
  <si>
    <t>POINT (4.767570238577227 51.82175071276041)</t>
  </si>
  <si>
    <t>POINT (4.781346147787909 51.825413241589466)</t>
  </si>
  <si>
    <t>POINT (4.779265766329222 51.82308657839857)</t>
  </si>
  <si>
    <t>POINT (4.761632486280324 51.82777702260188)</t>
  </si>
  <si>
    <t>POINT (4.775479655863287 51.818168848451876)</t>
  </si>
  <si>
    <t>POINT (4.737115478171986 51.829891971277966)</t>
  </si>
  <si>
    <t>POINT (4.802218348607289 51.82047212737278)</t>
  </si>
  <si>
    <t>POINT (4.791932025885167 51.82202433087569)</t>
  </si>
  <si>
    <t>POINT (4.789193957759776 51.824123715990545)</t>
  </si>
  <si>
    <t>POINT (4.79660449249696 51.82270706579875)</t>
  </si>
  <si>
    <t>POINT (4.79154464878619 51.8232063401856)</t>
  </si>
  <si>
    <t>POINT (4.769252330639344 51.81831240272793)</t>
  </si>
  <si>
    <t>POINT (4.780669491916132 51.822585895826116)</t>
  </si>
  <si>
    <t>POINT (4.772225834844486 51.8173678596159)</t>
  </si>
  <si>
    <t>POINT (4.739831049590643 51.83062739695742)</t>
  </si>
  <si>
    <t>POINT (4.768533989245582 51.820667494205885)</t>
  </si>
  <si>
    <t>POINT (4.769459846957473 51.82991101668579)</t>
  </si>
  <si>
    <t>3364BD</t>
  </si>
  <si>
    <t>Cruquiusstraat</t>
  </si>
  <si>
    <t>POINT (4.786921172111917 51.820861666796134)</t>
  </si>
  <si>
    <t>POINT (4.802063822379523 51.821359157701096)</t>
  </si>
  <si>
    <t>POINT (4.764838305912175 51.83524602778371)</t>
  </si>
  <si>
    <t>POINT (4.76282729888767 51.82344926656047)</t>
  </si>
  <si>
    <t>POINT (4.773429420177735 51.817189893910935)</t>
  </si>
  <si>
    <t>POINT (4.752655839430077 51.823836059729)</t>
  </si>
  <si>
    <t>POINT (4.801677332690723 51.82070717730184)</t>
  </si>
  <si>
    <t>POINT (4.7839110134053335 51.821527297923936)</t>
  </si>
  <si>
    <t>POINT (4.774054501740844 51.82229813877586)</t>
  </si>
  <si>
    <t>POINT (4.798220902135827 51.823064213804116)</t>
  </si>
  <si>
    <t>POINT (4.770832049866302 51.82960992146204)</t>
  </si>
  <si>
    <t>POINT (4.771804516611248 51.81888697001381)</t>
  </si>
  <si>
    <t>POINT (4.77983049069235 51.81757213091105)</t>
  </si>
  <si>
    <t>POINT (4.798202115440638 51.82129391125737)</t>
  </si>
  <si>
    <t>POINT (4.797276223172233 51.82152080689478)</t>
  </si>
  <si>
    <t>POINT (4.797707549825179 51.81993783990899)</t>
  </si>
  <si>
    <t>POINT (4.768228896667761 51.81850691609716)</t>
  </si>
  <si>
    <t>POINT (4.7438656673619635 51.82464203777031)</t>
  </si>
  <si>
    <t>POINT (4.766477650926315 51.822609588106516)</t>
  </si>
  <si>
    <t>POINT (4.737910722793615 51.826937135515905)</t>
  </si>
  <si>
    <t>POINT (4.770411024676049 51.825202316810675)</t>
  </si>
  <si>
    <t>POINT (4.749629675670192 51.828976778753294)</t>
  </si>
  <si>
    <t>POINT (4.7746202858560745 51.81914268406595)</t>
  </si>
  <si>
    <t>POINT (4.750524196151064 51.82933506534519)</t>
  </si>
  <si>
    <t>POINT (4.750436823566986 51.828814241745135)</t>
  </si>
  <si>
    <t>POINT (4.737422168826898 51.82497966179432)</t>
  </si>
  <si>
    <t>POINT (4.759589403546443 51.82776413927008)</t>
  </si>
  <si>
    <t>POINT (4.759740631105962 51.82718617252966)</t>
  </si>
  <si>
    <t>POINT (4.80081402465971 51.82052956793169)</t>
  </si>
  <si>
    <t>POINT (4.796356964166726 51.823420860560894)</t>
  </si>
  <si>
    <t>POINT (4.7682218254429625 51.8246728706961)</t>
  </si>
  <si>
    <t>POINT (4.784224192047581 51.8164508989953)</t>
  </si>
  <si>
    <t>POINT (4.762565285698585 51.82500181990937)</t>
  </si>
  <si>
    <t>POINT (4.783063362734693 51.82027199757589)</t>
  </si>
  <si>
    <t>POINT (4.756034542294408 51.825589344849355)</t>
  </si>
  <si>
    <t>POINT (4.77704060114427 51.821013681002995)</t>
  </si>
  <si>
    <t>POINT (4.771637568084793 51.83023729030483)</t>
  </si>
  <si>
    <t>POINT (4.767905610105178 51.83079521359565)</t>
  </si>
  <si>
    <t>POINT (4.777946461906084 51.82814983463202)</t>
  </si>
  <si>
    <t>POINT (4.77800547747913 51.82099999666687)</t>
  </si>
  <si>
    <t>POINT (4.757267971576456 51.82723000667227)</t>
  </si>
  <si>
    <t>POINT (4.75354649711194 51.826650885968476)</t>
  </si>
  <si>
    <t>POINT (4.772071736575046 51.81657605610003)</t>
  </si>
  <si>
    <t>POINT (4.786109078208871 51.820687087304485)</t>
  </si>
  <si>
    <t>POINT (4.738267988121742 51.82936296007946)</t>
  </si>
  <si>
    <t>POINT (4.798938657652589 51.820904714719425)</t>
  </si>
  <si>
    <t>POINT (4.796335407371052 51.822265811070636)</t>
  </si>
  <si>
    <t>POINT (4.762050783276749 51.82599411762747)</t>
  </si>
  <si>
    <t>POINT (4.777350000785055 51.82371384078459)</t>
  </si>
  <si>
    <t>POINT (4.767894852617893 51.82140136766908)</t>
  </si>
  <si>
    <t>POINT (4.797321691298972 51.82022982754758)</t>
  </si>
  <si>
    <t>POINT (4.761483490480818 51.827046534972986)</t>
  </si>
  <si>
    <t>POINT (4.78883972801867 51.82352327193568)</t>
  </si>
  <si>
    <t>POINT (4.7995016419813865 51.82152244280323)</t>
  </si>
  <si>
    <t>POINT (4.77670011920917 51.81976528386735)</t>
  </si>
  <si>
    <t>POINT (4.777371970057815 51.82381615507502)</t>
  </si>
  <si>
    <t>POINT (4.795581417136018 51.824224037546244)</t>
  </si>
  <si>
    <t>POINT (4.779901691389661 51.82588625256763)</t>
  </si>
  <si>
    <t>POINT (4.7768901983257965 51.820670254259696)</t>
  </si>
  <si>
    <t>POINT (4.762729017663574 51.82730781437275)</t>
  </si>
  <si>
    <t>POINT (4.7722688916257585 51.81925110472664)</t>
  </si>
  <si>
    <t>POINT (4.768185006152954 51.82619192705306)</t>
  </si>
  <si>
    <t>POINT (4.774181997182293 51.818949388239034)</t>
  </si>
  <si>
    <t>POINT (4.779774827418059 51.82276877106632)</t>
  </si>
  <si>
    <t>POINT (4.761238230578848 51.83127327814419)</t>
  </si>
  <si>
    <t>POINT (4.787581496104075 51.82205476975954)</t>
  </si>
  <si>
    <t>POINT (4.776009811286347 51.8207217618998)</t>
  </si>
  <si>
    <t>POINT (4.793051736930827 51.82299699445027)</t>
  </si>
  <si>
    <t>POINT (4.756548541011974 51.82548190740656)</t>
  </si>
  <si>
    <t>POINT (4.766350308604411 51.826757776463865)</t>
  </si>
  <si>
    <t>POINT (4.768431552494281 51.818218731801345)</t>
  </si>
  <si>
    <t>POINT (4.774448922159234 51.82850546456374)</t>
  </si>
  <si>
    <t>POINT (4.758889291169374 51.824571242068494)</t>
  </si>
  <si>
    <t>POINT (4.779058854307271 51.8235754739746)</t>
  </si>
  <si>
    <t>POINT (4.774392944484912 51.8271918513333)</t>
  </si>
  <si>
    <t>POINT (4.798941117649409 51.82162758760032)</t>
  </si>
  <si>
    <t>POINT (4.796186133768028 51.82407041318289)</t>
  </si>
  <si>
    <t>POINT (4.766983281086811 51.82614189905781)</t>
  </si>
  <si>
    <t>POINT (4.741470751519046 51.83003645708029)</t>
  </si>
  <si>
    <t>POINT (4.785939815510129 51.81795746780725)</t>
  </si>
  <si>
    <t>POINT (4.796564840859089 51.82217977669379)</t>
  </si>
  <si>
    <t>POINT (4.757434060410246 51.82772904552472)</t>
  </si>
  <si>
    <t>POINT (4.794757446555016 51.82437205810475)</t>
  </si>
  <si>
    <t>POINT (4.7786219170099375 51.82505546182382)</t>
  </si>
  <si>
    <t>POINT (4.778904986483272 51.82386321004178)</t>
  </si>
  <si>
    <t>POINT (4.776556461187585 51.82077674096836)</t>
  </si>
  <si>
    <t>POINT (4.766407751908243 51.82772677993612)</t>
  </si>
  <si>
    <t>POINT (4.784472011056779 51.82057577290312)</t>
  </si>
  <si>
    <t>POINT (4.750903034771436 51.82944408371811)</t>
  </si>
  <si>
    <t>POINT (4.753928110781317 51.82590060007337)</t>
  </si>
  <si>
    <t>POINT (4.761562652635068 51.828251337669386)</t>
  </si>
  <si>
    <t>POINT (4.756682703303883 51.8256905342972)</t>
  </si>
  <si>
    <t>POINT (4.792594661873568 51.81877616341522)</t>
  </si>
  <si>
    <t>POINT (4.774918747862691 51.817073091148885)</t>
  </si>
  <si>
    <t>POINT (4.773889869430188 51.82591203674688)</t>
  </si>
  <si>
    <t>POINT (4.762199558928043 51.82796475873566)</t>
  </si>
  <si>
    <t>POINT (4.758557386020168 51.82530041725013)</t>
  </si>
  <si>
    <t>POINT (4.7707863856508785 51.81706008940944)</t>
  </si>
  <si>
    <t>POINT (4.7971976269683045 51.82087665059132)</t>
  </si>
  <si>
    <t>POINT (4.789084512329609 51.8202706560458)</t>
  </si>
  <si>
    <t>POINT (4.772106739662066 51.82478884144852)</t>
  </si>
  <si>
    <t>POINT (4.768835035707292 51.817309864492664)</t>
  </si>
  <si>
    <t>POINT (4.787528638075275 51.82052203758696)</t>
  </si>
  <si>
    <t>POINT (4.75237200376631 51.8288077348266)</t>
  </si>
  <si>
    <t>POINT (4.792661630318339 51.823166880582896)</t>
  </si>
  <si>
    <t>POINT (4.771469622135154 51.81941805713095)</t>
  </si>
  <si>
    <t>POINT (4.736991216334328 51.8277739005301)</t>
  </si>
  <si>
    <t>POINT (4.7666270621272755 51.821344623000876)</t>
  </si>
  <si>
    <t>POINT (4.793271780089528 51.819298142592004)</t>
  </si>
  <si>
    <t>POINT (4.778015135015043 51.825435838912085)</t>
  </si>
  <si>
    <t>POINT (4.775351953622975 51.820599774980266)</t>
  </si>
  <si>
    <t>POINT (4.778949765662703 51.8253797701614)</t>
  </si>
  <si>
    <t>POINT (4.784659048043401 51.81777049879916)</t>
  </si>
  <si>
    <t>POINT (4.797182538139479 51.82097670739661)</t>
  </si>
  <si>
    <t>POINT (4.7474444806167995 51.829998488288986)</t>
  </si>
  <si>
    <t>POINT (4.802507768876895 51.821071309038906)</t>
  </si>
  <si>
    <t>POINT (4.74862932063357 51.823413870774516)</t>
  </si>
  <si>
    <t>POINT (4.738138850544968 51.826508049711364)</t>
  </si>
  <si>
    <t>POINT (4.772574618590561 51.817943787864934)</t>
  </si>
  <si>
    <t>POINT (4.800777523160063 51.82267756278623)</t>
  </si>
  <si>
    <t>POINT (4.778709687743501 51.819988569012985)</t>
  </si>
  <si>
    <t>POINT (4.772859292913385 51.81805233239084)</t>
  </si>
  <si>
    <t>POINT (4.788796837365485 51.82166250864279)</t>
  </si>
  <si>
    <t>POINT (4.783659094770874 51.81688879447318)</t>
  </si>
  <si>
    <t>POINT (4.75490845757769 51.82640529123493)</t>
  </si>
  <si>
    <t>POINT (4.762067434955365 51.82772190267032)</t>
  </si>
  <si>
    <t>POINT (4.781768722906808 51.817550145839654)</t>
  </si>
  <si>
    <t>POINT (4.798455336510309 51.8198856843272)</t>
  </si>
  <si>
    <t>POINT (4.782068437101612 51.825485730001425)</t>
  </si>
  <si>
    <t>POINT (4.759120898291108 51.82804090884483)</t>
  </si>
  <si>
    <t>POINT (4.789997793009947 51.82138009205057)</t>
  </si>
  <si>
    <t>POINT (4.753131076277245 51.827380134454565)</t>
  </si>
  <si>
    <t>POINT (4.777592494850314 51.82668717367745)</t>
  </si>
  <si>
    <t>POINT (4.785053167633469 51.81975288527002)</t>
  </si>
  <si>
    <t>POINT (4.785887340663376 51.81724862921285)</t>
  </si>
  <si>
    <t>POINT (4.779297429293654 51.817264927753)</t>
  </si>
  <si>
    <t>POINT (4.752828541280683 51.828292280231096)</t>
  </si>
  <si>
    <t>POINT (4.780219724550096 51.81726242043809)</t>
  </si>
  <si>
    <t>POINT (4.737364237236156 51.8300176340425)</t>
  </si>
  <si>
    <t>POINT (4.778720694452495 51.82427375193953)</t>
  </si>
  <si>
    <t>POINT (4.759243464275419 51.82464801234682)</t>
  </si>
  <si>
    <t>POINT (4.797995587114674 51.821936276336366)</t>
  </si>
  <si>
    <t>POINT (4.760470193419919 51.82741334658927)</t>
  </si>
  <si>
    <t>POINT (4.759665694044678 51.82766099860795)</t>
  </si>
  <si>
    <t>POINT (4.75630840211781 51.82596330438748)</t>
  </si>
  <si>
    <t>POINT (4.7589186950716496 51.827217370887496)</t>
  </si>
  <si>
    <t>POINT (4.787754483723522 51.82203704700044)</t>
  </si>
  <si>
    <t>POINT (4.788166972449207 51.81678919504529)</t>
  </si>
  <si>
    <t>POINT (4.7967990831821234 51.828304324591564)</t>
  </si>
  <si>
    <t>POINT (4.772977119626221 51.817781943122085)</t>
  </si>
  <si>
    <t>POINT (4.799458240630896 51.82089086856452)</t>
  </si>
  <si>
    <t>POINT (4.743248459617295 51.82457952625741)</t>
  </si>
  <si>
    <t>POINT (4.766253613986643 51.82247851799494)</t>
  </si>
  <si>
    <t>POINT (4.795971985584787 51.82248168417923)</t>
  </si>
  <si>
    <t>POINT (4.801729420407786 51.821856085849454)</t>
  </si>
  <si>
    <t>POINT (4.779368236272061 51.824611374151225)</t>
  </si>
  <si>
    <t>POINT (4.786514784856725 51.82056584104509)</t>
  </si>
  <si>
    <t>POINT (4.764984659262395 51.824342862656856)</t>
  </si>
  <si>
    <t>POINT (4.774627887989689 51.823674318354335)</t>
  </si>
  <si>
    <t>POINT (4.767846074648591 51.82180770909701)</t>
  </si>
  <si>
    <t>POINT (4.757847306035056 51.82742088586467)</t>
  </si>
  <si>
    <t>POINT (4.786126813666761 51.81805172707958)</t>
  </si>
  <si>
    <t>POINT (4.773882616251993 51.8218825973818)</t>
  </si>
  <si>
    <t>POINT (4.782351350794204 51.82534157325408)</t>
  </si>
  <si>
    <t>POINT (4.787989040357374 51.81977734840329)</t>
  </si>
  <si>
    <t>POINT (4.767084934799494 51.8262287265376)</t>
  </si>
  <si>
    <t>POINT (4.7682524659313845 51.82746956039572)</t>
  </si>
  <si>
    <t>POINT (4.791057179003231 51.82152471042212)</t>
  </si>
  <si>
    <t>POINT (4.768648943386002 51.82170916738709)</t>
  </si>
  <si>
    <t>POINT (4.741602168497428 51.83080847359338)</t>
  </si>
  <si>
    <t>POINT (4.7828892148791144 51.81880785012567)</t>
  </si>
  <si>
    <t>POINT (4.7800749828072275 51.82261455192625)</t>
  </si>
  <si>
    <t>POINT (4.7499263514565335 51.82961235525891)</t>
  </si>
  <si>
    <t>POINT (4.774520229061005 51.821339511365615)</t>
  </si>
  <si>
    <t>POINT (4.779872247066528 51.81959702536394)</t>
  </si>
  <si>
    <t>POINT (4.785346198985427 51.819434125195066)</t>
  </si>
  <si>
    <t>POINT (4.767183892600093 51.82710204075924)</t>
  </si>
  <si>
    <t>POINT (4.74347486549789 51.826171885660415)</t>
  </si>
  <si>
    <t>POINT (4.786470436772164 51.82039995460885)</t>
  </si>
  <si>
    <t>POINT (4.7689195729769365 51.82052579844537)</t>
  </si>
  <si>
    <t>POINT (4.7587460971128825 51.82725689559887)</t>
  </si>
  <si>
    <t>POINT (4.767745673887531 51.82521668503238)</t>
  </si>
  <si>
    <t>POINT (4.796197828236405 51.82082218351987)</t>
  </si>
  <si>
    <t>POINT (4.750850560376498 51.82925620733347)</t>
  </si>
  <si>
    <t>POINT (4.752758572163518 51.82831617128247)</t>
  </si>
  <si>
    <t>POINT (4.805946295897524 51.81980347232913)</t>
  </si>
  <si>
    <t>POINT (4.765460407392859 51.8236197349075)</t>
  </si>
  <si>
    <t>POINT (4.7371358175396 51.82773578075843)</t>
  </si>
  <si>
    <t>POINT (4.768870042725071 51.82686446792786)</t>
  </si>
  <si>
    <t>POINT (4.775881393440683 51.817666951559815)</t>
  </si>
  <si>
    <t>POINT (4.777827371303773 51.82066676422906)</t>
  </si>
  <si>
    <t>POINT (4.784800056849459 51.82394340898706)</t>
  </si>
  <si>
    <t>POINT (4.776244611274581 51.8212159182412)</t>
  </si>
  <si>
    <t>POINT (4.754354577456137 51.82657290987524)</t>
  </si>
  <si>
    <t>POINT (4.768111567308985 51.826522049959884)</t>
  </si>
  <si>
    <t>POINT (4.796757635948673 51.82073826124753)</t>
  </si>
  <si>
    <t>POINT (4.781134289267582 51.819895408180656)</t>
  </si>
  <si>
    <t>POINT (4.770202577838274 51.82647373492762)</t>
  </si>
  <si>
    <t>POINT (4.757678540179857 51.82737288069136)</t>
  </si>
  <si>
    <t>POINT (4.775061036009683 51.82850038868226)</t>
  </si>
  <si>
    <t>POINT (4.785063107450564 51.81658733816926)</t>
  </si>
  <si>
    <t>POINT (4.77480202827522 51.82170430055224)</t>
  </si>
  <si>
    <t>POINT (4.767457767686492 51.82649064542621)</t>
  </si>
  <si>
    <t>POINT (4.791038080170589 51.82011736244245)</t>
  </si>
  <si>
    <t>POINT (4.797946143421699 51.82781544766272)</t>
  </si>
  <si>
    <t>POINT (4.783985487292525 51.817230240854634)</t>
  </si>
  <si>
    <t>POINT (4.771491145420656 51.81933951989316)</t>
  </si>
  <si>
    <t>POINT (4.7403480534210845 51.827471283984664)</t>
  </si>
  <si>
    <t>POINT (4.786485085577422 51.8204544104709)</t>
  </si>
  <si>
    <t>POINT (4.749102545588176 51.829382625896685)</t>
  </si>
  <si>
    <t>POINT (4.773342575729382 51.82203383859237)</t>
  </si>
  <si>
    <t>POINT (4.7944716959045595 51.82302574605456)</t>
  </si>
  <si>
    <t>POINT (4.771563128437582 51.81721229834111)</t>
  </si>
  <si>
    <t>POINT (4.739159301788049 51.82890955523769)</t>
  </si>
  <si>
    <t>POINT (4.768166081207104 51.82188773280687)</t>
  </si>
  <si>
    <t>POINT (4.767663889718397 51.82169519922273)</t>
  </si>
  <si>
    <t>POINT (4.788616098958968 51.8213246953085)</t>
  </si>
  <si>
    <t>POINT (4.797084162659332 51.8221427491817)</t>
  </si>
  <si>
    <t>POINT (4.76978702199713 51.818337688172825)</t>
  </si>
  <si>
    <t>POINT (4.753233971250521 51.82852170216939)</t>
  </si>
  <si>
    <t>POINT (4.76198591362839 51.824939949970734)</t>
  </si>
  <si>
    <t>POINT (4.789762230044247 51.82211397875178)</t>
  </si>
  <si>
    <t>POINT (4.7755812484523785 51.82372252496997)</t>
  </si>
  <si>
    <t>POINT (4.774508142670628 51.82057469950169)</t>
  </si>
  <si>
    <t>POINT (4.767663931804163 51.82703716096124)</t>
  </si>
  <si>
    <t>POINT (4.79614425015335 51.821114132114516)</t>
  </si>
  <si>
    <t>POINT (4.768562234523963 51.82090278457272)</t>
  </si>
  <si>
    <t>POINT (4.802430572182313 51.82108503651082)</t>
  </si>
  <si>
    <t>POINT (4.76012004065548 51.82806764345044)</t>
  </si>
  <si>
    <t>POINT (4.7713278353564785 51.821143931007676)</t>
  </si>
  <si>
    <t>POINT (4.740542590332003 51.82892583974915)</t>
  </si>
  <si>
    <t>POINT (4.7520096117115385 51.8277378396691)</t>
  </si>
  <si>
    <t>POINT (4.7743666237047435 51.81873651391564)</t>
  </si>
  <si>
    <t>POINT (4.776023086426805 51.822877023464535)</t>
  </si>
  <si>
    <t>POINT (4.766534941811792 51.827708127062465)</t>
  </si>
  <si>
    <t>POINT (4.746305814973129 51.82910968684243)</t>
  </si>
  <si>
    <t>POINT (4.766426353481594 51.82469125345972)</t>
  </si>
  <si>
    <t>POINT (4.746531322184784 51.82931927349607)</t>
  </si>
  <si>
    <t>POINT (4.740876590725832 51.82822555261943)</t>
  </si>
  <si>
    <t>POINT (4.769460480277096 51.82450223099793)</t>
  </si>
  <si>
    <t>POINT (4.789848506600547 51.82210506974928)</t>
  </si>
  <si>
    <t>POINT (4.73858894359826 51.8279680848196)</t>
  </si>
  <si>
    <t>POINT (4.792137768282293 51.82147006018786)</t>
  </si>
  <si>
    <t>POINT (4.796047193818719 51.82298488343789)</t>
  </si>
  <si>
    <t>POINT (4.792622036522617 51.82139611146169)</t>
  </si>
  <si>
    <t>POINT (4.772405868586145 51.82993412299856)</t>
  </si>
  <si>
    <t>POINT (4.794723895894035 51.82148413149846)</t>
  </si>
  <si>
    <t>POINT (4.773193848832763 51.82446546112606)</t>
  </si>
  <si>
    <t>POINT (4.776002347084591 51.817945418718374)</t>
  </si>
  <si>
    <t>POINT (4.78735525579168 51.81962157490954)</t>
  </si>
  <si>
    <t>POINT (4.744381985706788 51.829234715549)</t>
  </si>
  <si>
    <t>POINT (4.780661738278265 51.823679496019224)</t>
  </si>
  <si>
    <t>POINT (4.784671464817151 51.82144239694822)</t>
  </si>
  <si>
    <t>POINT (4.787321600200023 51.819229680715)</t>
  </si>
  <si>
    <t>POINT (4.739505255118234 51.82869025511463)</t>
  </si>
  <si>
    <t>POINT (4.779175496904211 51.82284278999333)</t>
  </si>
  <si>
    <t>POINT (4.770552834991772 51.8187707396393)</t>
  </si>
  <si>
    <t>POINT (4.760123117487906 51.825771794575466)</t>
  </si>
  <si>
    <t>POINT (4.765379468741188 51.823987658493266)</t>
  </si>
  <si>
    <t>POINT (4.781253378920575 51.81754236283788)</t>
  </si>
  <si>
    <t>POINT (4.751967280306012 51.82729330439135)</t>
  </si>
  <si>
    <t>POINT (4.76478476765839 51.82501549751482)</t>
  </si>
  <si>
    <t>POINT (4.769281583379233 51.82051646912147)</t>
  </si>
  <si>
    <t>POINT (4.782137105343247 51.824757649899055)</t>
  </si>
  <si>
    <t>POINT (4.747506843391054 51.829969165783595)</t>
  </si>
  <si>
    <t>POINT (4.737723603923949 51.82787835781006)</t>
  </si>
  <si>
    <t>POINT (4.780001411115246 51.817383805594744)</t>
  </si>
  <si>
    <t>POINT (4.798965288275611 51.82169826898241)</t>
  </si>
  <si>
    <t>POINT (4.7915016850759455 51.82116706479082)</t>
  </si>
  <si>
    <t>POINT (4.794759333378885 51.82348912069471)</t>
  </si>
  <si>
    <t>POINT (4.789134687711853 51.81844457693323)</t>
  </si>
  <si>
    <t>POINT (4.739648750351313 51.82872915846537)</t>
  </si>
  <si>
    <t>POINT (4.7954566468560245 51.81957425124201)</t>
  </si>
  <si>
    <t>POINT (4.767979191889897 51.82469064675911)</t>
  </si>
  <si>
    <t>POINT (4.773802856940983 51.82575041684464)</t>
  </si>
  <si>
    <t>POINT (4.793043306409653 51.82283326992962)</t>
  </si>
  <si>
    <t>POINT (4.760428520565512 51.82496490204122)</t>
  </si>
  <si>
    <t>POINT (4.79013102230371 51.8220860132516)</t>
  </si>
  <si>
    <t>POINT (4.8022683910200294 51.821835582498736)</t>
  </si>
  <si>
    <t>POINT (4.777800976542702 51.81816242571295)</t>
  </si>
  <si>
    <t>POINT (4.74948620038262 51.82876153152802)</t>
  </si>
  <si>
    <t>POINT (4.770334696804834 51.81779576946261)</t>
  </si>
  <si>
    <t>POINT (4.794368088184546 51.82349208903516)</t>
  </si>
  <si>
    <t>POINT (4.802612652843526 51.82133843228481)</t>
  </si>
  <si>
    <t>POINT (4.793953096810359 51.819921080657245)</t>
  </si>
  <si>
    <t>POINT (4.775093022524271 51.823848966099064)</t>
  </si>
  <si>
    <t>POINT (4.801494408441482 51.822350003495025)</t>
  </si>
  <si>
    <t>POINT (4.77084284379607 51.81894529331845)</t>
  </si>
  <si>
    <t>POINT (4.770658576258367 51.8190139870683)</t>
  </si>
  <si>
    <t>POINT (4.75960811515189 51.82771219538748)</t>
  </si>
  <si>
    <t>POINT (4.735658786305923 51.83110759456658)</t>
  </si>
  <si>
    <t>POINT (4.798817154445965 51.822334815850546)</t>
  </si>
  <si>
    <t>POINT (4.7394580283904215 51.82922967018393)</t>
  </si>
  <si>
    <t>POINT (4.749623818663871 51.82952406242711)</t>
  </si>
  <si>
    <t>POINT (4.762087121620084 51.82347876448188)</t>
  </si>
  <si>
    <t>POINT (4.786318147272696 51.819485576083736)</t>
  </si>
  <si>
    <t>POINT (4.74398956780623 51.824609998275186)</t>
  </si>
  <si>
    <t>POINT (4.781903355810354 51.824114300915184)</t>
  </si>
  <si>
    <t>POINT (4.75253710760747 51.8283637821594)</t>
  </si>
  <si>
    <t>POINT (4.745439962506231 51.82882927604796)</t>
  </si>
  <si>
    <t>POINT (4.800586304998316 51.82302635232457)</t>
  </si>
  <si>
    <t>POINT (4.767315014712171 51.82107457374988)</t>
  </si>
  <si>
    <t>POINT (4.801275980168771 51.82137805847427)</t>
  </si>
  <si>
    <t>POINT (4.795601426564246 51.828368855063275)</t>
  </si>
  <si>
    <t>POINT (4.760096937526339 51.82823713467204)</t>
  </si>
  <si>
    <t>POINT (4.75362367664948 51.82662981983686)</t>
  </si>
  <si>
    <t>POINT (4.769485406465421 51.81860854532259)</t>
  </si>
  <si>
    <t>POINT (4.76852693849369 51.81750356293338)</t>
  </si>
  <si>
    <t>POINT (4.792767191423906 51.82281766998619)</t>
  </si>
  <si>
    <t>POINT (4.7716648469122775 51.81747413018241)</t>
  </si>
  <si>
    <t>POINT (4.746109454242508 51.828748171864625)</t>
  </si>
  <si>
    <t>POINT (4.800619833040275 51.82010442714319)</t>
  </si>
  <si>
    <t>POINT (4.737609927446589 51.82641111198419)</t>
  </si>
  <si>
    <t>POINT (4.76947366349341 51.817951956826896)</t>
  </si>
  <si>
    <t>POINT (4.748658549721017 51.82848701486532)</t>
  </si>
  <si>
    <t>POINT (4.792584204889314 51.819623912697544)</t>
  </si>
  <si>
    <t>POINT (4.780584378237707 51.824706850104114)</t>
  </si>
  <si>
    <t>POINT (4.768128580178709 51.827142172132135)</t>
  </si>
  <si>
    <t>POINT (4.740909927107725 51.82791401145576)</t>
  </si>
  <si>
    <t>POINT (4.788438228370208 51.821699330692354)</t>
  </si>
  <si>
    <t>POINT (4.752199825808476 51.826757494095105)</t>
  </si>
  <si>
    <t>POINT (4.785234963845754 51.81975921094223)</t>
  </si>
  <si>
    <t>POINT (4.775639950833665 51.823864760524174)</t>
  </si>
  <si>
    <t>POINT (4.772794941286398 51.82991386835423)</t>
  </si>
  <si>
    <t>POINT (4.750207344488 51.829561926317716)</t>
  </si>
  <si>
    <t>POINT (4.774680745018413 51.82909228016369)</t>
  </si>
  <si>
    <t>POINT (4.778388317355205 51.825080083625636)</t>
  </si>
  <si>
    <t>POINT (4.7368631314887475 51.82545107436918)</t>
  </si>
  <si>
    <t>POINT (4.774316645688198 51.82694292779173)</t>
  </si>
  <si>
    <t>POINT (4.7593731324801105 51.82535700697211)</t>
  </si>
  <si>
    <t>POINT (4.748297288624225 51.828602350320665)</t>
  </si>
  <si>
    <t>POINT (4.760397232703873 51.82414812147714)</t>
  </si>
  <si>
    <t>POINT (4.763251442591274 51.824328718445074)</t>
  </si>
  <si>
    <t>POINT (4.795342227885041 51.82224624578823)</t>
  </si>
  <si>
    <t>POINT (4.77466468213045 51.816729300212785)</t>
  </si>
  <si>
    <t>POINT (4.789801411445162 51.82090872064607)</t>
  </si>
  <si>
    <t>POINT (4.7945125862002715 51.820280034410054)</t>
  </si>
  <si>
    <t>POINT (4.77329644646365 51.82457943366657)</t>
  </si>
  <si>
    <t>POINT (4.797169454575779 51.82385999412189)</t>
  </si>
  <si>
    <t>POINT (4.73499396791498 51.830067166198475)</t>
  </si>
  <si>
    <t>POINT (4.797015887280664 51.82200658864997)</t>
  </si>
  <si>
    <t>POINT (4.777638127845547 51.83039196159442)</t>
  </si>
  <si>
    <t>POINT (4.7638555328438965 51.8241656391706)</t>
  </si>
  <si>
    <t>POINT (4.7563127852608 51.82600251820889)</t>
  </si>
  <si>
    <t>POINT (4.768279447856624 51.82649776722911)</t>
  </si>
  <si>
    <t>POINT (4.751334035672973 51.82779961898935)</t>
  </si>
  <si>
    <t>POINT (4.7746578977122365 51.82895877048179)</t>
  </si>
  <si>
    <t>POINT (4.780386688461898 51.81886549879689)</t>
  </si>
  <si>
    <t>POINT (4.778036499764097 51.82345907379616)</t>
  </si>
  <si>
    <t>POINT (4.783671724796373 51.818252876678955)</t>
  </si>
  <si>
    <t>POINT (4.763397538900014 51.82742911942343)</t>
  </si>
  <si>
    <t>POINT (4.75211029503454 51.82847850522136)</t>
  </si>
  <si>
    <t>POINT (4.772981321307465 51.81682423089345)</t>
  </si>
  <si>
    <t>POINT (4.790426706955149 51.81789506618049)</t>
  </si>
  <si>
    <t>POINT (4.773939627918761 51.82202060037704)</t>
  </si>
  <si>
    <t>POINT (4.737531424054019 51.829053363272685)</t>
  </si>
  <si>
    <t>POINT (4.76662906003001 51.826193239323544)</t>
  </si>
  <si>
    <t>POINT (4.760415040483825 51.82529794721921)</t>
  </si>
  <si>
    <t>POINT (4.76708281750829 51.8211996638564)</t>
  </si>
  <si>
    <t>POINT (4.765497115491114 51.823692647021275)</t>
  </si>
  <si>
    <t>POINT (4.75073205128389 51.82377000442322)</t>
  </si>
  <si>
    <t>POINT (4.770933392533937 51.818920780518376)</t>
  </si>
  <si>
    <t>POINT (4.803146575582833 51.82063234197961)</t>
  </si>
  <si>
    <t>POINT (4.802635064209162 51.821567572517594)</t>
  </si>
  <si>
    <t>POINT (4.779335521608135 51.823302755438085)</t>
  </si>
  <si>
    <t>POINT (4.744131536125952 51.82892350680952)</t>
  </si>
  <si>
    <t>POINT (4.7689330320517325 51.81735550349989)</t>
  </si>
  <si>
    <t>POINT (4.753626347326932 51.828606785334514)</t>
  </si>
  <si>
    <t>POINT (4.751138342499508 51.83219856443072)</t>
  </si>
  <si>
    <t>POINT (4.802701930915024 51.819990322498974)</t>
  </si>
  <si>
    <t>POINT (4.770156931474607 51.827190693895965)</t>
  </si>
  <si>
    <t>POINT (4.773478811669712 51.826292352349064)</t>
  </si>
  <si>
    <t>POINT (4.77419868237921 51.82408977701163)</t>
  </si>
  <si>
    <t>POINT (4.772971460922834 51.82194407863917)</t>
  </si>
  <si>
    <t>POINT (4.7364333905191955 51.82383883273751)</t>
  </si>
  <si>
    <t>POINT (4.756087863818874 51.82576976295648)</t>
  </si>
  <si>
    <t>POINT (4.783597788573876 51.816766504132744)</t>
  </si>
  <si>
    <t>POINT (4.78163530387738 51.81791637148116)</t>
  </si>
  <si>
    <t>POINT (4.780230248145206 51.81794578701949)</t>
  </si>
  <si>
    <t>POINT (4.7837876677737805 51.81874685600602)</t>
  </si>
  <si>
    <t>POINT (4.782554755679269 51.820159717900005)</t>
  </si>
  <si>
    <t>POINT (4.737194559957221 51.82905401522295)</t>
  </si>
  <si>
    <t>POINT (4.751282013965899 51.82787780760454)</t>
  </si>
  <si>
    <t>POINT (4.792471973303072 51.82064408637605)</t>
  </si>
  <si>
    <t>POINT (4.788551917118479 51.81927686042658)</t>
  </si>
  <si>
    <t>POINT (4.742501706799144 51.825994323096126)</t>
  </si>
  <si>
    <t>POINT (4.770371313756959 51.826969802679706)</t>
  </si>
  <si>
    <t>POINT (4.771067677429709 51.819187547766646)</t>
  </si>
  <si>
    <t>POINT (4.769461941782785 51.8277188029961)</t>
  </si>
  <si>
    <t>POINT (4.774836512220552 51.82323379792536)</t>
  </si>
  <si>
    <t>POINT (4.771854764925721 51.81817030360454)</t>
  </si>
  <si>
    <t>POINT (4.737656846060313 51.82535389800479)</t>
  </si>
  <si>
    <t>POINT (4.754757644471682 51.82607082217575)</t>
  </si>
  <si>
    <t>POINT (4.792636462903559 51.82283156934794)</t>
  </si>
  <si>
    <t>POINT (4.748517289015686 51.82366314432978)</t>
  </si>
  <si>
    <t>POINT (4.794356141362068 51.81980159163276)</t>
  </si>
  <si>
    <t>POINT (4.777343414392436 51.81969797791794)</t>
  </si>
  <si>
    <t>POINT (4.783961872011625 51.817683593416994)</t>
  </si>
  <si>
    <t>POINT (4.778563243367597 51.82542052528469)</t>
  </si>
  <si>
    <t>POINT (4.774180284251037 51.8240453672205)</t>
  </si>
  <si>
    <t>POINT (4.7640619135987885 51.831501599919676)</t>
  </si>
  <si>
    <t>POINT (4.733502437174159 51.82694842517339)</t>
  </si>
  <si>
    <t>POINT (4.745826958670684 51.82849647602643)</t>
  </si>
  <si>
    <t>POINT (4.757961220911151 51.82712721013355)</t>
  </si>
  <si>
    <t>POINT (4.77697865705258 51.819621566710445)</t>
  </si>
  <si>
    <t>POINT (4.758420415318685 51.82831823190652)</t>
  </si>
  <si>
    <t>POINT (4.772292817524503 51.818007479068406)</t>
  </si>
  <si>
    <t>POINT (4.79460901893629 51.820789094650664)</t>
  </si>
  <si>
    <t>POINT (4.796911661897575 51.82360773723848)</t>
  </si>
  <si>
    <t>POINT (4.7559343221339985 51.8254328538179)</t>
  </si>
  <si>
    <t>POINT (4.777530779563995 51.82091178083039)</t>
  </si>
  <si>
    <t>POINT (4.777787765007572 51.82545979973565)</t>
  </si>
  <si>
    <t>POINT (4.776138867490131 51.82093815986471)</t>
  </si>
  <si>
    <t>POINT (4.7996318228914205 51.82151671266564)</t>
  </si>
  <si>
    <t>POINT (4.7774416897691605 51.82288709811979)</t>
  </si>
  <si>
    <t>POINT (4.751902099502794 51.82929300352912)</t>
  </si>
  <si>
    <t>POINT (4.804889433799565 51.81938440024726)</t>
  </si>
  <si>
    <t>POINT (4.745486969146116 51.82918557137035)</t>
  </si>
  <si>
    <t>POINT (4.740652985823822 51.82769345438033)</t>
  </si>
  <si>
    <t>POINT (4.787408334573777 51.82453814678184)</t>
  </si>
  <si>
    <t>POINT (4.770246726588087 51.818299656895164)</t>
  </si>
  <si>
    <t>POINT (4.77972328651467 51.81742326443943)</t>
  </si>
  <si>
    <t>POINT (4.7375252685979605 51.82793065257111)</t>
  </si>
  <si>
    <t>POINT (4.781737728144189 51.824587594061605)</t>
  </si>
  <si>
    <t>POINT (4.76789727016728 51.823949105667005)</t>
  </si>
  <si>
    <t>POINT (4.772608908111028 51.81944991551715)</t>
  </si>
  <si>
    <t>POINT (4.779023352849685 51.82346526983249)</t>
  </si>
  <si>
    <t>POINT (4.776969985971081 51.82301561033653)</t>
  </si>
  <si>
    <t>POINT (4.782312233514995 51.81736113189976)</t>
  </si>
  <si>
    <t>POINT (4.788756506239286 51.823247258054906)</t>
  </si>
  <si>
    <t>POINT (4.774857488103332 51.81952661089427)</t>
  </si>
  <si>
    <t>POINT (4.7741631325805916 51.8239519761666)</t>
  </si>
  <si>
    <t>POINT (4.739439883878477 51.8313215769541)</t>
  </si>
  <si>
    <t>POINT (4.748779233728697 51.828928292227154)</t>
  </si>
  <si>
    <t>POINT (4.763553319059849 51.825008961181574)</t>
  </si>
  <si>
    <t>POINT (4.753200247263247 51.82398929090769)</t>
  </si>
  <si>
    <t>POINT (4.799442144878211 51.82063470368805)</t>
  </si>
  <si>
    <t>POINT (4.795312100459775 51.81954772520369)</t>
  </si>
  <si>
    <t>POINT (4.768103765669138 51.82114449728854)</t>
  </si>
  <si>
    <t>POINT (4.802779377457122 51.820080234258825)</t>
  </si>
  <si>
    <t>POINT (4.753066963226168 51.82901894784688)</t>
  </si>
  <si>
    <t>POINT (4.769937730708725 51.826269829758516)</t>
  </si>
  <si>
    <t>POINT (4.757309330209744 51.826159867201746)</t>
  </si>
  <si>
    <t>POINT (4.762128390537731 51.82528290436823)</t>
  </si>
  <si>
    <t>POINT (4.7890078403501875 51.81719518337547)</t>
  </si>
  <si>
    <t>POINT (4.772275346660769 51.824763837747724)</t>
  </si>
  <si>
    <t>POINT (4.773345390462869 51.82463892438981)</t>
  </si>
  <si>
    <t>POINT (4.776456026427665 51.82339351368884)</t>
  </si>
  <si>
    <t>POINT (4.754258631607826 51.82643253004424)</t>
  </si>
  <si>
    <t>POINT (4.76193679775052 51.82535397242418)</t>
  </si>
  <si>
    <t>POINT (4.759684044673086 51.826999446707525)</t>
  </si>
  <si>
    <t>POINT (4.7679436865813525 51.82654633245019)</t>
  </si>
  <si>
    <t>POINT (4.778254967922613 51.82455169948076)</t>
  </si>
  <si>
    <t>POINT (4.7515204146029655 51.82344115917602)</t>
  </si>
  <si>
    <t>POINT (4.767561372872364 51.826762737491386)</t>
  </si>
  <si>
    <t>POINT (4.780965534016932 51.827679677914)</t>
  </si>
  <si>
    <t>POINT (4.769001943974219 51.82121421889816)</t>
  </si>
  <si>
    <t>POINT (4.774438937207746 51.817140428390495)</t>
  </si>
  <si>
    <t>POINT (4.771240560744668 51.81750003850351)</t>
  </si>
  <si>
    <t>POINT (4.802917661079254 51.82204510380745)</t>
  </si>
  <si>
    <t>POINT (4.736840113083039 51.82972415683332)</t>
  </si>
  <si>
    <t>POINT (4.738330569871769 51.831257267256056)</t>
  </si>
  <si>
    <t>POINT (4.773793784677379 51.82045681327784)</t>
  </si>
  <si>
    <t>POINT (4.768850162901249 51.82681204965752)</t>
  </si>
  <si>
    <t>POINT (4.79140591844816 51.81995177308316)</t>
  </si>
  <si>
    <t>POINT (4.777390943954553 51.82073047377397)</t>
  </si>
  <si>
    <t>POINT (4.750661358694606 51.829340393384186)</t>
  </si>
  <si>
    <t>POINT (4.791486207280792 51.82110900994563)</t>
  </si>
  <si>
    <t>POINT (4.751701043259408 51.829178928629574)</t>
  </si>
  <si>
    <t>POINT (4.789370278153914 51.82096809723592)</t>
  </si>
  <si>
    <t>POINT (4.768172257966118 51.82213504143946)</t>
  </si>
  <si>
    <t>POINT (4.797829296961584 51.82166398674668)</t>
  </si>
  <si>
    <t>POINT (4.768612347190583 51.825125167598586)</t>
  </si>
  <si>
    <t>POINT (4.740732427551626 51.82826358951845)</t>
  </si>
  <si>
    <t>POINT (4.7977547879374915 51.82138325917542)</t>
  </si>
  <si>
    <t>POINT (4.74574296722258 51.830177873423565)</t>
  </si>
  <si>
    <t>POINT (4.7885348670564625 51.820167541328736)</t>
  </si>
  <si>
    <t>POINT (4.7987278381506036 51.823154394922796)</t>
  </si>
  <si>
    <t>POINT (4.77419696531148 51.81879791883977)</t>
  </si>
  <si>
    <t>POINT (4.795904745805021 51.82301868203385)</t>
  </si>
  <si>
    <t>POINT (4.792561035143508 51.82117144769348)</t>
  </si>
  <si>
    <t>POINT (4.784435170015966 51.81657323870225)</t>
  </si>
  <si>
    <t>POINT (4.7947449783860145 51.82229689445401)</t>
  </si>
  <si>
    <t>POINT (4.748986660490784 51.82980068461456)</t>
  </si>
  <si>
    <t>POINT (4.766506143036754 51.824606373725125)</t>
  </si>
  <si>
    <t>POINT (4.736445975637043 51.82940790171837)</t>
  </si>
  <si>
    <t>POINT (4.779884737313447 51.826184190051116)</t>
  </si>
  <si>
    <t>3364AM</t>
  </si>
  <si>
    <t>POINT (4.778154587504248 51.82943708963504)</t>
  </si>
  <si>
    <t>POINT (4.7788725572823605 51.825387900213116)</t>
  </si>
  <si>
    <t>POINT (4.787311166880206 51.8194578473631)</t>
  </si>
  <si>
    <t>POINT (4.740542638234728 51.828925534400575)</t>
  </si>
  <si>
    <t>POINT (4.783809925621969 51.82119069539083)</t>
  </si>
  <si>
    <t>POINT (4.78459564873422 51.81987682670475)</t>
  </si>
  <si>
    <t>POINT (4.752028526828279 51.82690011515291)</t>
  </si>
  <si>
    <t>POINT (4.769516096090964 51.82135532307937)</t>
  </si>
  <si>
    <t>POINT (4.772709537911038 51.8203063266745)</t>
  </si>
  <si>
    <t>POINT (4.779094704257913 51.82024089644624)</t>
  </si>
  <si>
    <t>POINT (4.771137828174864 51.82739449363274)</t>
  </si>
  <si>
    <t>POINT (4.7577810093037884 51.827805331917126)</t>
  </si>
  <si>
    <t>POINT (4.750333587935089 51.829539240960386)</t>
  </si>
  <si>
    <t>POINT (4.760019039805264 51.82743421738225)</t>
  </si>
  <si>
    <t>POINT (4.737340716462356 51.824572386460545)</t>
  </si>
  <si>
    <t>POINT (4.790491963002157 51.82418506207984)</t>
  </si>
  <si>
    <t>POINT (4.7804178301224916 51.825031825153204)</t>
  </si>
  <si>
    <t>POINT (4.736786246889429 51.82968700511098)</t>
  </si>
  <si>
    <t>POINT (4.796028251887613 51.82174166911617)</t>
  </si>
  <si>
    <t>POINT (4.742576952579174 51.82567872403808)</t>
  </si>
  <si>
    <t>POINT (4.756197394037233 51.82465836393301)</t>
  </si>
  <si>
    <t>POINT (4.773012226443458 51.817238407075905)</t>
  </si>
  <si>
    <t>POINT (4.756342593174168 51.82570731326128)</t>
  </si>
  <si>
    <t>POINT (4.738045642169337 51.83027800183035)</t>
  </si>
  <si>
    <t>POINT (4.795641623318711 51.82808052480527)</t>
  </si>
  <si>
    <t>POINT (4.789189695653262 51.821897584568354)</t>
  </si>
  <si>
    <t>POINT (4.753319966463471 51.829008629158594)</t>
  </si>
  <si>
    <t>POINT (4.790780304909766 51.81803726512301)</t>
  </si>
  <si>
    <t>POINT (4.7724993982800905 51.81818455777387)</t>
  </si>
  <si>
    <t>POINT (4.756257294992103 51.82572824764773)</t>
  </si>
  <si>
    <t>POINT (4.768326850291197 51.82426057875871)</t>
  </si>
  <si>
    <t>POINT (4.803521357176955 51.8191096557461)</t>
  </si>
  <si>
    <t>POINT (4.779821362713453 51.81850797502388)</t>
  </si>
  <si>
    <t>POINT (4.745933004413467 51.82967905589135)</t>
  </si>
  <si>
    <t>POINT (4.7648334167385595 51.82372993796892)</t>
  </si>
  <si>
    <t>POINT (4.752671997455223 51.82871578558163)</t>
  </si>
  <si>
    <t>POINT (4.770271431463408 51.82284252926054)</t>
  </si>
  <si>
    <t>POINT (4.772680718293438 51.81941685397417)</t>
  </si>
  <si>
    <t>POINT (4.736632182673642 51.8295712140993)</t>
  </si>
  <si>
    <t>POINT (4.768747709464283 51.82988048104086)</t>
  </si>
  <si>
    <t>POINT (4.741407899252217 51.82995489033874)</t>
  </si>
  <si>
    <t>POINT (4.780300575054661 51.823182538328716)</t>
  </si>
  <si>
    <t>POINT (4.757268955260405 51.82852958225332)</t>
  </si>
  <si>
    <t>POINT (4.772752819653736 51.81938370402601)</t>
  </si>
  <si>
    <t>POINT (4.769770497255953 51.83069420787479)</t>
  </si>
  <si>
    <t>POINT (4.7685883738815535 51.82742135458885)</t>
  </si>
  <si>
    <t>POINT (4.7711102036465425 51.81865474766256)</t>
  </si>
  <si>
    <t>POINT (4.791195392579027 51.81822390916038)</t>
  </si>
  <si>
    <t>POINT (4.75883828890958 51.83242132755895)</t>
  </si>
  <si>
    <t>POINT (4.750513400442781 51.82858976249628)</t>
  </si>
  <si>
    <t>POINT (4.7794957458013885 51.817981535987364)</t>
  </si>
  <si>
    <t>POINT (4.786080470601983 51.82058087559134)</t>
  </si>
  <si>
    <t>POINT (4.793150004290703 51.82338804514281)</t>
  </si>
  <si>
    <t>POINT (4.76575797057056 51.82419406351857)</t>
  </si>
  <si>
    <t>POINT (4.769611362852396 51.8176192946285)</t>
  </si>
  <si>
    <t>POINT (4.774232885212117 51.81718025049989)</t>
  </si>
  <si>
    <t>POINT (4.7372370387080585 51.82995611293735)</t>
  </si>
  <si>
    <t>POINT (4.789170048399379 51.82055782742842)</t>
  </si>
  <si>
    <t>POINT (4.769012799400716 51.82736049069322)</t>
  </si>
  <si>
    <t>POINT (4.77122510516768 51.829637781830485)</t>
  </si>
  <si>
    <t>POINT (4.774470487727421 51.81731605035894)</t>
  </si>
  <si>
    <t>POINT (4.776820302427273 51.820562027796626)</t>
  </si>
  <si>
    <t>POINT (4.785834611125958 51.8197554535221)</t>
  </si>
  <si>
    <t>POINT (4.736911462852362 51.82975814252304)</t>
  </si>
  <si>
    <t>POINT (4.753540588076016 51.825255284875475)</t>
  </si>
  <si>
    <t>POINT (4.775295334385237 51.82299700458038)</t>
  </si>
  <si>
    <t>POINT (4.76272636343745 51.82831596003135)</t>
  </si>
  <si>
    <t>POINT (4.7385995048117975 51.83151805661943)</t>
  </si>
  <si>
    <t>POINT (4.738835493153606 51.827286942197766)</t>
  </si>
  <si>
    <t>POINT (4.781966370348223 51.81861127862111)</t>
  </si>
  <si>
    <t>POINT (4.757518591395257 51.82775286933714)</t>
  </si>
  <si>
    <t>POINT (4.78172628986076 51.81863619712971)</t>
  </si>
  <si>
    <t>POINT (4.759736954289902 51.82723145536217)</t>
  </si>
  <si>
    <t>POINT (4.765498856643068 51.81965435226473)</t>
  </si>
  <si>
    <t>POINT (4.747404618052078 51.828678026121985)</t>
  </si>
  <si>
    <t>POINT (4.752845671508042 51.83249723534574)</t>
  </si>
  <si>
    <t>POINT (4.774763552196453 51.82161106795685)</t>
  </si>
  <si>
    <t>POINT (4.774282336185461 51.82005011522635)</t>
  </si>
  <si>
    <t>POINT (4.753335621402468 51.8262556874539)</t>
  </si>
  <si>
    <t>POINT (4.78710225662704 51.821194181321495)</t>
  </si>
  <si>
    <t>POINT (4.7830322942481684 51.81627012125797)</t>
  </si>
  <si>
    <t>POINT (4.795346864555816 51.82637804336842)</t>
  </si>
  <si>
    <t>POINT (4.7743491577082615 51.818890397211206)</t>
  </si>
  <si>
    <t>POINT (4.792079168884298 51.82319493943585)</t>
  </si>
  <si>
    <t>POINT (4.767991585848999 51.82103271668074)</t>
  </si>
  <si>
    <t>POINT (4.7628752548870565 51.82358947399864)</t>
  </si>
  <si>
    <t>POINT (4.780825243876282 51.81923494894068)</t>
  </si>
  <si>
    <t>POINT (4.760922982847635 51.82394463966768)</t>
  </si>
  <si>
    <t>POINT (4.791355364604973 51.818267956446086)</t>
  </si>
  <si>
    <t>POINT (4.739809110880254 51.823453642079606)</t>
  </si>
  <si>
    <t>POINT (4.738613765771449 51.83007467401559)</t>
  </si>
  <si>
    <t>POINT (4.784083095548434 51.81767459863113)</t>
  </si>
  <si>
    <t>POINT (4.773338553483939 51.817674802497876)</t>
  </si>
  <si>
    <t>POINT (4.785214041978019 51.81622119852739)</t>
  </si>
  <si>
    <t>POINT (4.763342450062182 51.82547731458186)</t>
  </si>
  <si>
    <t>POINT (4.800589588560793 51.82241739350897)</t>
  </si>
  <si>
    <t>POINT (4.779558181224543 51.819816249291016)</t>
  </si>
  <si>
    <t>POINT (4.739661679230725 51.82776879760052)</t>
  </si>
  <si>
    <t>POINT (4.764986266788508 51.823343789579944)</t>
  </si>
  <si>
    <t>POINT (4.752357010424337 51.828389144868915)</t>
  </si>
  <si>
    <t>POINT (4.772695048755019 51.81880183993848)</t>
  </si>
  <si>
    <t>POINT (4.751597721951423 51.82365757385389)</t>
  </si>
  <si>
    <t>POINT (4.792628714540312 51.823045098510974)</t>
  </si>
  <si>
    <t>POINT (4.7714375962286795 51.82740047091418)</t>
  </si>
  <si>
    <t>POINT (4.764366048923251 51.822239757430076)</t>
  </si>
  <si>
    <t>POINT (4.774914337834209 51.823420267563094)</t>
  </si>
  <si>
    <t>POINT (4.765414100691801 51.82350659294418)</t>
  </si>
  <si>
    <t>POINT (4.768277932287135 51.825224346571396)</t>
  </si>
  <si>
    <t>POINT (4.772383208381739 51.81797307688115)</t>
  </si>
  <si>
    <t>POINT (4.779065976277697 51.81776346706243)</t>
  </si>
  <si>
    <t>POINT (4.7791970725560615 51.82279175674049)</t>
  </si>
  <si>
    <t>POINT (4.748729840582311 51.82848263869111)</t>
  </si>
  <si>
    <t>POINT (4.783774214241002 51.82034783260407)</t>
  </si>
  <si>
    <t>POINT (4.7833315229454705 51.82095579043022)</t>
  </si>
  <si>
    <t>POINT (4.775609929115877 51.81811307903944)</t>
  </si>
  <si>
    <t>POINT (4.769351467928729 51.82731184781657)</t>
  </si>
  <si>
    <t>POINT (4.789401952419206 51.821281150813064)</t>
  </si>
  <si>
    <t>POINT (4.7403047540479095 51.8280420912944)</t>
  </si>
  <si>
    <t>POINT (4.788715229276157 51.820719011357575)</t>
  </si>
  <si>
    <t>POINT (4.768591751150055 51.82130650979804)</t>
  </si>
  <si>
    <t>POINT (4.7670980828619225 51.82207428929361)</t>
  </si>
  <si>
    <t>POINT (4.769240422962897 51.826523503957574)</t>
  </si>
  <si>
    <t>POINT (4.780323475264574 51.81987647732787)</t>
  </si>
  <si>
    <t>POINT (4.802557702413762 51.82243269599949)</t>
  </si>
  <si>
    <t>POINT (4.796357605583697 51.82403586148014)</t>
  </si>
  <si>
    <t>POINT (4.796067013468221 51.82164947982941)</t>
  </si>
  <si>
    <t>POINT (4.791539249771443 51.821507472884235)</t>
  </si>
  <si>
    <t>POINT (4.763235467510427 51.82698098598757)</t>
  </si>
  <si>
    <t>POINT (4.765027107916806 51.82344297043528)</t>
  </si>
  <si>
    <t>POINT (4.786605608854438 51.82446096515134)</t>
  </si>
  <si>
    <t>POINT (4.750666402016307 51.82339599235231)</t>
  </si>
  <si>
    <t>POINT (4.773122256864775 51.82368343950017)</t>
  </si>
  <si>
    <t>POINT (4.76328807801117 51.82440666447829)</t>
  </si>
  <si>
    <t>POINT (4.780641196960893 51.825798716339314)</t>
  </si>
  <si>
    <t>POINT (4.780894437197768 51.82576892419122)</t>
  </si>
  <si>
    <t>POINT (4.7649466311319735 51.823987342179564)</t>
  </si>
  <si>
    <t>POINT (4.7379113651989435 51.829851792714706)</t>
  </si>
  <si>
    <t>POINT (4.798407671376948 51.820225842319246)</t>
  </si>
  <si>
    <t>POINT (4.778649271242674 51.82600651415551)</t>
  </si>
  <si>
    <t>POINT (4.7870204536926995 51.81752282808359)</t>
  </si>
  <si>
    <t>POINT (4.795508477830101 51.82286316041435)</t>
  </si>
  <si>
    <t>POINT (4.794649376068271 51.8211505490346)</t>
  </si>
  <si>
    <t>POINT (4.770514866793154 51.81736894922899)</t>
  </si>
  <si>
    <t>POINT (4.792105080211178 51.82030946980522)</t>
  </si>
  <si>
    <t>POINT (4.762779623920841 51.8280003844686)</t>
  </si>
  <si>
    <t>POINT (4.76032466441867 51.82452651317249)</t>
  </si>
  <si>
    <t>POINT (4.783450219902161 51.816241261293186)</t>
  </si>
  <si>
    <t>POINT (4.8032364776983645 51.821171653731525)</t>
  </si>
  <si>
    <t>POINT (4.741568059580491 51.83020710155496)</t>
  </si>
  <si>
    <t>POINT (4.789658205378552 51.82179857952332)</t>
  </si>
  <si>
    <t>POINT (4.79795795693535 51.82187451575063)</t>
  </si>
  <si>
    <t>POINT (4.762558089119372 51.82440116407951)</t>
  </si>
  <si>
    <t>POINT (4.749317259211465 51.82973057280647)</t>
  </si>
  <si>
    <t>POINT (4.797546091055194 51.81990673740555)</t>
  </si>
  <si>
    <t>POINT (4.7707136520745 51.82514664934345)</t>
  </si>
  <si>
    <t>POINT (4.788913688505749 51.819459285575896)</t>
  </si>
  <si>
    <t>POINT (4.737049773257063 51.82901420285543)</t>
  </si>
  <si>
    <t>POINT (4.7967906062226815 51.82259519558692)</t>
  </si>
  <si>
    <t>POINT (4.766277790611969 51.82711477898967)</t>
  </si>
  <si>
    <t>POINT (4.768704566167417 51.826428099313475)</t>
  </si>
  <si>
    <t>POINT (4.797649176706355 51.82090777282803)</t>
  </si>
  <si>
    <t>POINT (4.747580478452479 51.82956472071303)</t>
  </si>
  <si>
    <t>POINT (4.793402310472173 51.82117031359121)</t>
  </si>
  <si>
    <t>POINT (4.782835178708894 51.81692077866865)</t>
  </si>
  <si>
    <t>POINT (4.7743691837713635 51.81715058083884)</t>
  </si>
  <si>
    <t>POINT (4.764790761869278 51.823646567347566)</t>
  </si>
  <si>
    <t>POINT (4.740943203144606 51.827616761818106)</t>
  </si>
  <si>
    <t>POINT (4.7656166426931375 51.827657695881996)</t>
  </si>
  <si>
    <t>POINT (4.741994004667942 51.83071329936619)</t>
  </si>
  <si>
    <t>POINT (4.785630252360907 51.82038558420146)</t>
  </si>
  <si>
    <t>POINT (4.767104379780903 51.82689245641103)</t>
  </si>
  <si>
    <t>POINT (4.779310401997819 51.81826039079348)</t>
  </si>
  <si>
    <t>POINT (4.796647910287318 51.82231592203702)</t>
  </si>
  <si>
    <t>POINT (4.7707438137817535 51.82480802805901)</t>
  </si>
  <si>
    <t>POINT (4.744179739518344 51.828564856128274)</t>
  </si>
  <si>
    <t>POINT (4.741026335335423 51.83091033706789)</t>
  </si>
  <si>
    <t>POINT (4.7682209708156 51.82628775523562)</t>
  </si>
  <si>
    <t>POINT (4.752029287098362 51.829275265188365)</t>
  </si>
  <si>
    <t>POINT (4.774519429826363 51.820683340526614)</t>
  </si>
  <si>
    <t>POINT (4.773227766350083 51.82554283010469)</t>
  </si>
  <si>
    <t>POINT (4.7963320762464745 51.822918274403015)</t>
  </si>
  <si>
    <t>POINT (4.766297736891912 51.82745698999362)</t>
  </si>
  <si>
    <t>POINT (4.788262592518846 51.8168076602076)</t>
  </si>
  <si>
    <t>POINT (4.795989028507329 51.821834772897674)</t>
  </si>
  <si>
    <t>POINT (4.747282892748576 51.83001720266919)</t>
  </si>
  <si>
    <t>POINT (4.775443909123024 51.81869755056821)</t>
  </si>
  <si>
    <t>POINT (4.749834864971229 51.8287263921752)</t>
  </si>
  <si>
    <t>POINT (4.791726381761043 51.82286722467767)</t>
  </si>
  <si>
    <t>POINT (4.793153316050622 51.818998493240464)</t>
  </si>
  <si>
    <t>POINT (4.770468406717445 51.82373325454018)</t>
  </si>
  <si>
    <t>POINT (4.766177225949037 51.82709626982196)</t>
  </si>
  <si>
    <t>POINT (4.761454553552928 51.82660225459798)</t>
  </si>
  <si>
    <t>POINT (4.774195404431579 51.82171776280834)</t>
  </si>
  <si>
    <t>POINT (4.744265222188135 51.82440333244697)</t>
  </si>
  <si>
    <t>POINT (4.766172346423281 51.824386904575604)</t>
  </si>
  <si>
    <t>POINT (4.747031322135141 51.823716980735476)</t>
  </si>
  <si>
    <t>POINT (4.738516570088867 51.827987190161494)</t>
  </si>
  <si>
    <t>POINT (4.786918925734319 51.819973853631105)</t>
  </si>
  <si>
    <t>POINT (4.7734984049320754 51.823361997572746)</t>
  </si>
  <si>
    <t>POINT (4.756601820276451 51.825903938414164)</t>
  </si>
  <si>
    <t>POINT (4.7731552433125595 51.81915390452949)</t>
  </si>
  <si>
    <t>POINT (4.765212954227853 51.822116071090235)</t>
  </si>
  <si>
    <t>POINT (4.761475013134914 51.82576597550861)</t>
  </si>
  <si>
    <t>POINT (4.790340557393995 51.82395265685273)</t>
  </si>
  <si>
    <t>POINT (4.738718545561307 51.831489582229864)</t>
  </si>
  <si>
    <t>POINT (4.754327649436951 51.826021584132896)</t>
  </si>
  <si>
    <t>POINT (4.764580667528586 51.822264625962475)</t>
  </si>
  <si>
    <t>POINT (4.760803462058911 51.82847407093047)</t>
  </si>
  <si>
    <t>POINT (4.77508752283948 51.8183365984064)</t>
  </si>
  <si>
    <t>POINT (4.784158400640307 51.818203424247336)</t>
  </si>
  <si>
    <t>POINT (4.767159587273278 51.82117349915973)</t>
  </si>
  <si>
    <t>POINT (4.750724708295214 51.828593874657706)</t>
  </si>
  <si>
    <t>POINT (4.778638229420888 51.82003880424773)</t>
  </si>
  <si>
    <t>POINT (4.7376924471175705 51.83245583772939)</t>
  </si>
  <si>
    <t>POINT (4.77490121729357 51.82243208428464)</t>
  </si>
  <si>
    <t>POINT (4.798551258929694 51.82264745328052)</t>
  </si>
  <si>
    <t>POINT (4.79220676634703 51.8206822021088)</t>
  </si>
  <si>
    <t>POINT (4.788972676703768 51.8232767638757)</t>
  </si>
  <si>
    <t>POINT (4.770255940843994 51.817742952018136)</t>
  </si>
  <si>
    <t>POINT (4.7433964535237125 51.827166475818125)</t>
  </si>
  <si>
    <t>POINT (4.7487861056000735 51.8296925399067)</t>
  </si>
  <si>
    <t>POINT (4.7379417453128685 51.82782068921778)</t>
  </si>
  <si>
    <t>POINT (4.765090362132261 51.8235892803869)</t>
  </si>
  <si>
    <t>POINT (4.791866160070538 51.81985091960297)</t>
  </si>
  <si>
    <t>POINT (4.7813697222326095 51.82456592038695)</t>
  </si>
  <si>
    <t>POINT (4.748811031588303 51.829448635132046)</t>
  </si>
  <si>
    <t>POINT (4.7946347133268725 51.82106328588061)</t>
  </si>
  <si>
    <t>POINT (4.788241783817696 51.82441027061436)</t>
  </si>
  <si>
    <t>POINT (4.781290509879081 51.81889102169628)</t>
  </si>
  <si>
    <t>POINT (4.791744593290256 51.82034674182511)</t>
  </si>
  <si>
    <t>POINT (4.769232816292167 51.82070928725642)</t>
  </si>
  <si>
    <t>POINT (4.77002681293325 51.81917120291231)</t>
  </si>
  <si>
    <t>POINT (4.780745266085482 51.81876515195903)</t>
  </si>
  <si>
    <t>POINT (4.738666909370531 51.82946258318694)</t>
  </si>
  <si>
    <t>POINT (4.796474663953119 51.82288483553586)</t>
  </si>
  <si>
    <t>POINT (4.775092588975937 51.8176323690125)</t>
  </si>
  <si>
    <t>POINT (4.767955733368934 51.82555342714738)</t>
  </si>
  <si>
    <t>POINT (4.763116717918543 51.82401214317793)</t>
  </si>
  <si>
    <t>POINT (4.748586343945184 51.82971275629311)</t>
  </si>
  <si>
    <t>POINT (4.798043786220913 51.82060126656865)</t>
  </si>
  <si>
    <t>POINT (4.761377383656753 51.826706470356385)</t>
  </si>
  <si>
    <t>POINT (4.740948673510768 51.8282064442244)</t>
  </si>
  <si>
    <t>POINT (4.76505265468238 51.824072217150835)</t>
  </si>
  <si>
    <t>POINT (4.799710818884828 51.821209249689645)</t>
  </si>
  <si>
    <t>POINT (4.7731670509391515 51.818276410464996)</t>
  </si>
  <si>
    <t>POINT (4.748328134136596 51.82342814163504)</t>
  </si>
  <si>
    <t>POINT (4.738248676982851 51.82997761977589)</t>
  </si>
  <si>
    <t>POINT (4.796951376520409 51.8227903369693)</t>
  </si>
  <si>
    <t>POINT (4.783820423159632 51.81645134069578)</t>
  </si>
  <si>
    <t>POINT (4.788474893614388 51.822411502624966)</t>
  </si>
  <si>
    <t>POINT (4.782140891055306 51.82409745855461)</t>
  </si>
  <si>
    <t>POINT (4.767936772541731 51.82095782220435)</t>
  </si>
  <si>
    <t>POINT (4.769952279817725 51.81800481101913)</t>
  </si>
  <si>
    <t>POINT (4.753611302627156 51.82911968304181)</t>
  </si>
  <si>
    <t>POINT (4.772974990750288 51.82353714380748)</t>
  </si>
  <si>
    <t>POINT (4.766454056152104 51.82621865053945)</t>
  </si>
  <si>
    <t>POINT (4.778116155031055 51.820323101613376)</t>
  </si>
  <si>
    <t>POINT (4.769605534806436 51.818097636796)</t>
  </si>
  <si>
    <t>POINT (4.764867223504101 51.819316898829236)</t>
  </si>
  <si>
    <t>POINT (4.748080309016819 51.8300108505062)</t>
  </si>
  <si>
    <t>POINT (4.776846833548042 51.8206164568085)</t>
  </si>
  <si>
    <t>POINT (4.792639779584186 51.823085962665)</t>
  </si>
  <si>
    <t>POINT (4.800197809258005 51.819788975822064)</t>
  </si>
  <si>
    <t>POINT (4.762689096997481 51.82736216270993)</t>
  </si>
  <si>
    <t>POINT (4.775776458385696 51.8177046064413)</t>
  </si>
  <si>
    <t>POINT (4.7868622097767535 51.819484135532)</t>
  </si>
  <si>
    <t>POINT (4.800963157152763 51.82298095524806)</t>
  </si>
  <si>
    <t>POINT (4.758727654699562 51.827736787514674)</t>
  </si>
  <si>
    <t>POINT (4.789263772680625 51.82486831627742)</t>
  </si>
  <si>
    <t>POINT (4.767612721297348 51.82145008895486)</t>
  </si>
  <si>
    <t>POINT (4.775278607158691 51.81824582134746)</t>
  </si>
  <si>
    <t>POINT (4.7632063503474535 51.83165083193289)</t>
  </si>
  <si>
    <t>POINT (4.783915968229618 51.81823094182949)</t>
  </si>
  <si>
    <t>POINT (4.756174238862314 51.82518498003408)</t>
  </si>
  <si>
    <t>POINT (4.782852130841119 51.8261500681289)</t>
  </si>
  <si>
    <t>POINT (4.7610230307153945 51.82596257260166)</t>
  </si>
  <si>
    <t>POINT (4.779562329359229 51.82533382020631)</t>
  </si>
  <si>
    <t>POINT (4.738348980806748 51.827415397658626)</t>
  </si>
  <si>
    <t>POINT (4.794998694946923 51.821731805086095)</t>
  </si>
  <si>
    <t>POINT (4.7680276994936355 51.82653419161767)</t>
  </si>
  <si>
    <t>POINT (4.77451433324599 51.81781424703856)</t>
  </si>
  <si>
    <t>POINT (4.7890165992786855 51.82344282686952)</t>
  </si>
  <si>
    <t>POINT (4.749437031009215 51.82956044030705)</t>
  </si>
  <si>
    <t>POINT (4.744764336442375 51.82954403898203)</t>
  </si>
  <si>
    <t>POINT (4.7713035157603505 51.81835913878516)</t>
  </si>
  <si>
    <t>POINT (4.749985821946657 51.82868963940292)</t>
  </si>
  <si>
    <t>POINT (4.774878006792183 51.8300557160203)</t>
  </si>
  <si>
    <t>POINT (4.796127214687592 51.82106380022754)</t>
  </si>
  <si>
    <t>POINT (4.792651238345016 51.81987494357624)</t>
  </si>
  <si>
    <t>POINT (4.74058032637193 51.83063022330853)</t>
  </si>
  <si>
    <t>POINT (4.783454754278636 51.820104486894834)</t>
  </si>
  <si>
    <t>POINT (4.7529207235832445 51.826782874459376)</t>
  </si>
  <si>
    <t>POINT (4.774884341372575 51.82825488797258)</t>
  </si>
  <si>
    <t>POINT (4.794146302052338 51.82312836983629)</t>
  </si>
  <si>
    <t>POINT (4.755900393377562 51.82537999818729)</t>
  </si>
  <si>
    <t>POINT (4.760782407168537 51.827035245298546)</t>
  </si>
  <si>
    <t>POINT (4.767260512415409 51.82154558460116)</t>
  </si>
  <si>
    <t>POINT (4.773325601471794 51.81792299957648)</t>
  </si>
  <si>
    <t>POINT (4.746811307887455 51.82958488621044)</t>
  </si>
  <si>
    <t>POINT (4.7948507286804105 51.823885528339346)</t>
  </si>
  <si>
    <t>POINT (4.761448954990933 51.82703682297164)</t>
  </si>
  <si>
    <t>POINT (4.773048742984382 51.823894286568525)</t>
  </si>
  <si>
    <t>POINT (4.765470767368732 51.822090516179216)</t>
  </si>
  <si>
    <t>POINT (4.758861076218281 51.828530385146905)</t>
  </si>
  <si>
    <t>POINT (4.77071735540388 51.817070333373614)</t>
  </si>
  <si>
    <t>POINT (4.753595056226807 51.828562392569026)</t>
  </si>
  <si>
    <t>POINT (4.774388653729723 51.82315460818077)</t>
  </si>
  <si>
    <t>POINT (4.783059263839293 51.81909519161337)</t>
  </si>
  <si>
    <t>POINT (4.7695964867070435 51.82503561018081)</t>
  </si>
  <si>
    <t>POINT (4.767140380978963 51.821790500310016)</t>
  </si>
  <si>
    <t>POINT (4.757435996864819 51.82857667988514)</t>
  </si>
  <si>
    <t>POINT (4.738792602925682 51.82759609303784)</t>
  </si>
  <si>
    <t>POINT (4.78742529106806 51.821803190451604)</t>
  </si>
  <si>
    <t>POINT (4.773735356258684 51.8176009236475)</t>
  </si>
  <si>
    <t>POINT (4.7836568248184435 51.8173400096215)</t>
  </si>
  <si>
    <t>POINT (4.740186744172063 51.83063869714762)</t>
  </si>
  <si>
    <t>POINT (4.778259231158313 51.82433492608246)</t>
  </si>
  <si>
    <t>POINT (4.771170130841643 51.826591353724424)</t>
  </si>
  <si>
    <t>POINT (4.757041169049694 51.82567852696035)</t>
  </si>
  <si>
    <t>POINT (4.774245401160314 51.81736907622859)</t>
  </si>
  <si>
    <t>POINT (4.772659808768283 51.816524755844966)</t>
  </si>
  <si>
    <t>POINT (4.7705991522973346 51.82639078679228)</t>
  </si>
  <si>
    <t>POINT (4.746306122986039 51.82801694476284)</t>
  </si>
  <si>
    <t>POINT (4.78977811165434 51.822513511736055)</t>
  </si>
  <si>
    <t>POINT (4.753652879182005 51.82539862990507)</t>
  </si>
  <si>
    <t>POINT (4.757682564492956 51.82815446013409)</t>
  </si>
  <si>
    <t>POINT (4.779786354342631 51.81799535469757)</t>
  </si>
  <si>
    <t>POINT (4.788205316355243 51.820092333418245)</t>
  </si>
  <si>
    <t>POINT (4.775197908965909 51.82884752206774)</t>
  </si>
  <si>
    <t>POINT (4.794573696968623 51.82065148106955)</t>
  </si>
  <si>
    <t>POINT (4.739320686992858 51.82353651867364)</t>
  </si>
  <si>
    <t>POINT (4.753691673790485 51.827313589590524)</t>
  </si>
  <si>
    <t>POINT (4.760602195602527 51.82727823373422)</t>
  </si>
  <si>
    <t>POINT (4.789416447828715 51.817475641500906)</t>
  </si>
  <si>
    <t>POINT (4.736626817773541 51.82895301111636)</t>
  </si>
  <si>
    <t>POINT (4.765344392840256 51.82994672458554)</t>
  </si>
  <si>
    <t>POINT (4.794113849678411 51.82074425744607)</t>
  </si>
  <si>
    <t>POINT (4.749418876667014 51.82877258127747)</t>
  </si>
  <si>
    <t>POINT (4.77504805317005 51.81739816379291)</t>
  </si>
  <si>
    <t>POINT (4.778095456667234 51.82116792092619)</t>
  </si>
  <si>
    <t>POINT (4.737065117950151 51.82627123518607)</t>
  </si>
  <si>
    <t>POINT (4.738473194534995 51.82738255671173)</t>
  </si>
  <si>
    <t>POINT (4.763478464181458 51.828248229787945)</t>
  </si>
  <si>
    <t>POINT (4.767186254307302 51.82156204596753)</t>
  </si>
  <si>
    <t>POINT (4.7674658798724385 51.81785130655706)</t>
  </si>
  <si>
    <t>POINT (4.780575703677088 51.81714947668713)</t>
  </si>
  <si>
    <t>POINT (4.75867637498934 51.824818996277884)</t>
  </si>
  <si>
    <t>POINT (4.789950958718087 51.82249551536416)</t>
  </si>
  <si>
    <t>POINT (4.796398519051399 51.8203611814024)</t>
  </si>
  <si>
    <t>POINT (4.7407929281710794 51.83061655403157)</t>
  </si>
  <si>
    <t>POINT (4.80091071400832 51.821392413952964)</t>
  </si>
  <si>
    <t>POINT (4.759845362546212 51.82816612886639)</t>
  </si>
  <si>
    <t>POINT (4.781174100371217 51.8199441520821)</t>
  </si>
  <si>
    <t>POINT (4.793454044937375 51.821316999123056)</t>
  </si>
  <si>
    <t>POINT (4.778295608499985 51.823079931665774)</t>
  </si>
  <si>
    <t>POINT (4.765469497684239 51.82223829984767)</t>
  </si>
  <si>
    <t>POINT (4.787945367354996 51.81961488163092)</t>
  </si>
  <si>
    <t>POINT (4.794355407710373 51.82250418133943)</t>
  </si>
  <si>
    <t>POINT (4.7712850455421165 51.81668666964423)</t>
  </si>
  <si>
    <t>POINT (4.736124626655887 51.825993847265764)</t>
  </si>
  <si>
    <t>POINT (4.7691756418900315 51.81823577567728)</t>
  </si>
  <si>
    <t>POINT (4.792068249364238 51.823154075965675)</t>
  </si>
  <si>
    <t>POINT (4.7936442720940144 51.81980239822663)</t>
  </si>
  <si>
    <t>POINT (4.782882911333967 51.821312035918695)</t>
  </si>
  <si>
    <t>POINT (4.786545534601006 51.81773567501047)</t>
  </si>
  <si>
    <t>POINT (4.7753926475823265 51.8232332823469)</t>
  </si>
  <si>
    <t>POINT (4.7855103067058025 51.820102728049356)</t>
  </si>
  <si>
    <t>POINT (4.793799228050896 51.822949540922885)</t>
  </si>
  <si>
    <t>POINT (4.749811361275159 51.82841885462175)</t>
  </si>
  <si>
    <t>POINT (4.791867042819662 51.823430173233184)</t>
  </si>
  <si>
    <t>POINT (4.754062778316501 51.825834990707115)</t>
  </si>
  <si>
    <t>POINT (4.739688559177688 51.8278163158177)</t>
  </si>
  <si>
    <t>POINT (4.773314305371635 51.82396048343681)</t>
  </si>
  <si>
    <t>POINT (4.785892102355199 51.81996877735996)</t>
  </si>
  <si>
    <t>POINT (4.763235241494554 51.82429402625523)</t>
  </si>
  <si>
    <t>POINT (4.770717515325271 51.81899946548945)</t>
  </si>
  <si>
    <t>POINT (4.763414840400837 51.819649407073456)</t>
  </si>
  <si>
    <t>POINT (4.776901235280048 51.81724107659929)</t>
  </si>
  <si>
    <t>POINT (4.74042217242981 51.82745173770578)</t>
  </si>
  <si>
    <t>POINT (4.798719003281232 51.82123133680188)</t>
  </si>
  <si>
    <t>POINT (4.767112260056874 51.824242663192024)</t>
  </si>
  <si>
    <t>POINT (4.7809921331056655 51.82361747382404)</t>
  </si>
  <si>
    <t>POINT (4.797635613394245 51.82076928074926)</t>
  </si>
  <si>
    <t>POINT (4.789969588281083 51.82127559120719)</t>
  </si>
  <si>
    <t>POINT (4.769112617255534 51.82502191741816)</t>
  </si>
  <si>
    <t>POINT (4.758598979940313 51.82536553763537)</t>
  </si>
  <si>
    <t>POINT (4.799902764377691 51.82216272858557)</t>
  </si>
  <si>
    <t>POINT (4.801470231247817 51.82210089962264)</t>
  </si>
  <si>
    <t>POINT (4.793945133696455 51.81911548456095)</t>
  </si>
  <si>
    <t>POINT (4.768000366980352 51.82219903237246)</t>
  </si>
  <si>
    <t>POINT (4.772075743283073 51.81938608994644)</t>
  </si>
  <si>
    <t>POINT (4.7744688619016005 51.81754237452565)</t>
  </si>
  <si>
    <t>POINT (4.751515344099636 51.8288195479597)</t>
  </si>
  <si>
    <t>POINT (4.7413736774869415 51.829915332000844)</t>
  </si>
  <si>
    <t>POINT (4.778932651901484 51.82502269116304)</t>
  </si>
  <si>
    <t>POINT (4.790055603721662 51.82162568433179)</t>
  </si>
  <si>
    <t>POINT (4.770404826354003 51.817408460099976)</t>
  </si>
  <si>
    <t>POINT (4.765564949717758 51.8238120152004)</t>
  </si>
  <si>
    <t>POINT (4.752332812456641 51.826636507865295)</t>
  </si>
  <si>
    <t>POINT (4.751392224708211 51.82341799336225)</t>
  </si>
  <si>
    <t>POINT (4.7897932093952695 51.82088189294995)</t>
  </si>
  <si>
    <t>POINT (4.786402049123988 51.817532427905235)</t>
  </si>
  <si>
    <t>POINT (4.772440460013537 51.81708242776264)</t>
  </si>
  <si>
    <t>POINT (4.750027417051873 51.8238699997831)</t>
  </si>
  <si>
    <t>POINT (4.783998809331767 51.81727516234633)</t>
  </si>
  <si>
    <t>POINT (4.801647743090563 51.822661233519185)</t>
  </si>
  <si>
    <t>POINT (4.7853464991276615 51.816250371655414)</t>
  </si>
  <si>
    <t>POINT (4.77994047258794 51.81891451576409)</t>
  </si>
  <si>
    <t>POINT (4.77192693865148 51.81694158217812)</t>
  </si>
  <si>
    <t>POINT (4.770937389462405 51.83159245568933)</t>
  </si>
  <si>
    <t>POINT (4.767019482871263 51.82155445041751)</t>
  </si>
  <si>
    <t>POINT (4.754605654916211 51.8259650163895)</t>
  </si>
  <si>
    <t>POINT (4.765021819764797 51.823416246295736)</t>
  </si>
  <si>
    <t>POINT (4.772108995343402 51.81689597554861)</t>
  </si>
  <si>
    <t>POINT (4.779864788990612 51.819547729341906)</t>
  </si>
  <si>
    <t>POINT (4.766526127895426 51.822459914801584)</t>
  </si>
  <si>
    <t>POINT (4.758065938843496 51.82860414720178)</t>
  </si>
  <si>
    <t>POINT (4.779469115165047 51.81789133248271)</t>
  </si>
  <si>
    <t>POINT (4.768148174136783 51.827194229474266)</t>
  </si>
  <si>
    <t>POINT (4.7578646557584845 51.82796523797736)</t>
  </si>
  <si>
    <t>POINT (4.770877979602868 51.817298318671504)</t>
  </si>
  <si>
    <t>POINT (4.760716472704475 51.82712415009765)</t>
  </si>
  <si>
    <t>POINT (4.778283475239313 51.820477764424204)</t>
  </si>
  <si>
    <t>POINT (4.785291837724639 51.817965562008695)</t>
  </si>
  <si>
    <t>POINT (4.783830610782923 51.82055557892252)</t>
  </si>
  <si>
    <t>POINT (4.746374643681799 51.82873784481651)</t>
  </si>
  <si>
    <t>POINT (4.767703349361787 51.82095065794747)</t>
  </si>
  <si>
    <t>POINT (4.752406689364743 51.826952946394115)</t>
  </si>
  <si>
    <t>POINT (4.762101024017505 51.827308336906476)</t>
  </si>
  <si>
    <t>POINT (4.769026885207154 51.820484926292096)</t>
  </si>
  <si>
    <t>POINT (4.796986363744973 51.82193507097128)</t>
  </si>
  <si>
    <t>POINT (4.745276622198987 51.828085205641685)</t>
  </si>
  <si>
    <t>POINT (4.773495951689259 51.82240227371638)</t>
  </si>
  <si>
    <t>POINT (4.778144146463464 51.82634532539124)</t>
  </si>
  <si>
    <t>POINT (4.761705205728348 51.83009439774987)</t>
  </si>
  <si>
    <t>POINT (4.782564233849054 51.81669565731277)</t>
  </si>
  <si>
    <t>POINT (4.778943997741859 51.82086491185503)</t>
  </si>
  <si>
    <t>POINT (4.779744983138471 51.825901297549265)</t>
  </si>
  <si>
    <t>POINT (4.765212037988472 51.822676504806985)</t>
  </si>
  <si>
    <t>POINT (4.750692773702914 51.823572581569884)</t>
  </si>
  <si>
    <t>POINT (4.772425934622007 51.82258764564459)</t>
  </si>
  <si>
    <t>POINT (4.774484853857808 51.81884139879616)</t>
  </si>
  <si>
    <t>POINT (4.74529860569898 51.82398535542636)</t>
  </si>
  <si>
    <t>POINT (4.7760073295438215 51.8216215061585)</t>
  </si>
  <si>
    <t>POINT (4.7813810023553 51.81922640337366)</t>
  </si>
  <si>
    <t>POINT (4.744846469676122 51.82960354353778)</t>
  </si>
  <si>
    <t>POINT (4.737550254855119 51.827626346817254)</t>
  </si>
  <si>
    <t>POINT (4.7833465377868665 51.81625106475392)</t>
  </si>
  <si>
    <t>POINT (4.796391892349931 51.82313537972787)</t>
  </si>
  <si>
    <t>POINT (4.789631611229771 51.82360766388179)</t>
  </si>
  <si>
    <t>POINT (4.787200384812878 51.822070979133365)</t>
  </si>
  <si>
    <t>POINT (4.791027044644692 51.82141237998523)</t>
  </si>
  <si>
    <t>POINT (4.784201973856275 51.81765660308996)</t>
  </si>
  <si>
    <t>POINT (4.754061783538911 51.828342712892734)</t>
  </si>
  <si>
    <t>POINT (4.786195177521327 51.82100680243593)</t>
  </si>
  <si>
    <t>POINT (4.802599051672822 51.8218279716272)</t>
  </si>
  <si>
    <t>POINT (4.750793791925076 51.82910534064354)</t>
  </si>
  <si>
    <t>POINT (4.738144026595842 51.82401926789289)</t>
  </si>
  <si>
    <t>POINT (4.773435142856497 51.81686543575605)</t>
  </si>
  <si>
    <t>POINT (4.7388646855805705 51.82757698592115)</t>
  </si>
  <si>
    <t>POINT (4.770362269863548 51.81846232848558)</t>
  </si>
  <si>
    <t>POINT (4.739123524186201 51.83106752084402)</t>
  </si>
  <si>
    <t>POINT (4.760798875810772 51.82530763650022)</t>
  </si>
  <si>
    <t>POINT (4.759970154026141 51.82688169729752)</t>
  </si>
  <si>
    <t>POINT (4.774059849839924 51.82634078113407)</t>
  </si>
  <si>
    <t>POINT (4.766062582761037 51.82199546716211)</t>
  </si>
  <si>
    <t>POINT (4.787557576937356 51.818848152932475)</t>
  </si>
  <si>
    <t>POINT (4.777158036001174 51.82008505170777)</t>
  </si>
  <si>
    <t>POINT (4.763370101902367 51.82569085061571)</t>
  </si>
  <si>
    <t>POINT (4.7921077668081855 51.82135844979653)</t>
  </si>
  <si>
    <t>POINT (4.795847713214739 51.82021252311154)</t>
  </si>
  <si>
    <t>POINT (4.770879884803926 51.817901553002606)</t>
  </si>
  <si>
    <t>POINT (4.760781217764051 51.82598321454133)</t>
  </si>
  <si>
    <t>POINT (4.794681848259875 51.82336981083207)</t>
  </si>
  <si>
    <t>POINT (4.737132064553147 51.826568886147726)</t>
  </si>
  <si>
    <t>POINT (4.796814654281747 51.82122429031444)</t>
  </si>
  <si>
    <t>POINT (4.737019828635646 51.829332080761404)</t>
  </si>
  <si>
    <t>POINT (4.800088845247538 51.82083874489097)</t>
  </si>
  <si>
    <t>POINT (4.774057586653693 51.822583182866666)</t>
  </si>
  <si>
    <t>POINT (4.739611720849468 51.82341138537077)</t>
  </si>
  <si>
    <t>POINT (4.752775002931233 51.84381114101948)</t>
  </si>
  <si>
    <t>POINT (4.781699727904896 51.8167156493656)</t>
  </si>
  <si>
    <t>POINT (4.796281740963792 51.82217718328443)</t>
  </si>
  <si>
    <t>POINT (4.774136273116622 51.81765101758359)</t>
  </si>
  <si>
    <t>POINT (4.771134713975447 51.818145403054054)</t>
  </si>
  <si>
    <t>POINT (4.769027263814232 51.82503683841947)</t>
  </si>
  <si>
    <t>POINT (4.766673178130774 51.82244100729653)</t>
  </si>
  <si>
    <t>POINT (4.770678122033092 51.82673663276728)</t>
  </si>
  <si>
    <t>POINT (4.783440667895335 51.823895886109334)</t>
  </si>
  <si>
    <t>POINT (4.771205534062938 51.81725069093554)</t>
  </si>
  <si>
    <t>POINT (4.771422916256946 51.818452078102595)</t>
  </si>
  <si>
    <t>POINT (4.786029791913691 51.81807298252713)</t>
  </si>
  <si>
    <t>POINT (4.766924353751502 51.82639722302363)</t>
  </si>
  <si>
    <t>POINT (4.757696970416387 51.82855632731357)</t>
  </si>
  <si>
    <t>POINT (4.769962945529272 51.825848038294076)</t>
  </si>
  <si>
    <t>POINT (4.803017179783591 51.821853603441085)</t>
  </si>
  <si>
    <t>POINT (4.774382237887713 51.82707242712287)</t>
  </si>
  <si>
    <t>POINT (4.769553863928326 51.817560566205046)</t>
  </si>
  <si>
    <t>POINT (4.738422848040145 51.82701233445266)</t>
  </si>
  <si>
    <t>POINT (4.7782673688272235 51.82459689546389)</t>
  </si>
  <si>
    <t>POINT (4.738683090582336 51.82347205481737)</t>
  </si>
  <si>
    <t>POINT (4.767671335422594 51.822277384451674)</t>
  </si>
  <si>
    <t>POINT (4.739776034765394 51.8311920000704)</t>
  </si>
  <si>
    <t>POINT (4.798547409075581 51.820632017527075)</t>
  </si>
  <si>
    <t>POINT (4.804994278745821 51.819554264921145)</t>
  </si>
  <si>
    <t>POINT (4.774956195670128 51.82204730018223)</t>
  </si>
  <si>
    <t>POINT (4.740367592594728 51.82828297257129)</t>
  </si>
  <si>
    <t>POINT (4.780328601032693 51.81873081915219)</t>
  </si>
  <si>
    <t>POINT (4.7730883003409454 51.82222594281519)</t>
  </si>
  <si>
    <t>POINT (4.776167233968372 51.81747590451367)</t>
  </si>
  <si>
    <t>POINT (4.766450199794943 51.82772035286426)</t>
  </si>
  <si>
    <t>POINT (4.769419534314642 51.82602908596984)</t>
  </si>
  <si>
    <t>POINT (4.774977231517387 51.81793549170175)</t>
  </si>
  <si>
    <t>POINT (4.753434480136711 51.82823119496792)</t>
  </si>
  <si>
    <t>POINT (4.738102552731588 51.83158546583729)</t>
  </si>
  <si>
    <t>POINT (4.782119259452715 51.81768049027411)</t>
  </si>
  <si>
    <t>POINT (4.767553827221521 51.82170581800669)</t>
  </si>
  <si>
    <t>POINT (4.737301471248043 51.82998793877584)</t>
  </si>
  <si>
    <t>POINT (4.783997435013021 51.82151839396828)</t>
  </si>
  <si>
    <t>POINT (4.738511435316516 51.82378849403187)</t>
  </si>
  <si>
    <t>POINT (4.7839367103420525 51.82118954937727)</t>
  </si>
  <si>
    <t>POINT (4.757511881414861 51.82806698454604)</t>
  </si>
  <si>
    <t>POINT (4.781782721831812 51.81957480623592)</t>
  </si>
  <si>
    <t>POINT (4.767828064014833 51.81741610317517)</t>
  </si>
  <si>
    <t>POINT (4.7752071723125225 51.828902490558576)</t>
  </si>
  <si>
    <t>POINT (4.7972557944712735 51.82145257087457)</t>
  </si>
  <si>
    <t>POINT (4.764990848466557 51.82408366458804)</t>
  </si>
  <si>
    <t>POINT (4.795725115226283 51.8239073754554)</t>
  </si>
  <si>
    <t>POINT (4.773873482784773 51.82712684746737)</t>
  </si>
  <si>
    <t>POINT (4.769844113143237 51.817250728482364)</t>
  </si>
  <si>
    <t>POINT (4.766892872790476 51.82615499408938)</t>
  </si>
  <si>
    <t>POINT (4.7859672950773655 51.81637552854166)</t>
  </si>
  <si>
    <t>POINT (4.767774352682658 51.826570786804176)</t>
  </si>
  <si>
    <t>POINT (4.748841878710901 51.82944215132558)</t>
  </si>
  <si>
    <t>POINT (4.767581327441238 51.82177550789549)</t>
  </si>
  <si>
    <t>POINT (4.749740596022326 51.82893989871733)</t>
  </si>
  <si>
    <t>POINT (4.788517299469081 51.82217828568215)</t>
  </si>
  <si>
    <t>POINT (4.760461706663775 51.82542619392109)</t>
  </si>
  <si>
    <t>POINT (4.802299926598057 51.821350267293944)</t>
  </si>
  <si>
    <t>POINT (4.737156537310206 51.82871304670059)</t>
  </si>
  <si>
    <t>POINT (4.768105121854266 51.825935241233)</t>
  </si>
  <si>
    <t>POINT (4.801172766526997 51.826505518103204)</t>
  </si>
  <si>
    <t>POINT (4.7743160234892 51.826885208882025)</t>
  </si>
  <si>
    <t>POINT (4.751183148285677 51.82338081635591)</t>
  </si>
  <si>
    <t>POINT (4.739866709394777 51.83113638429809)</t>
  </si>
  <si>
    <t>POINT (4.774563241769981 51.8191565882913)</t>
  </si>
  <si>
    <t>POINT (4.780894791341864 51.826076874586896)</t>
  </si>
  <si>
    <t>POINT (4.760355299514791 51.82756994349723)</t>
  </si>
  <si>
    <t>POINT (4.763032274522929 51.825029741771004)</t>
  </si>
  <si>
    <t>POINT (4.782626880838625 51.82042714012879)</t>
  </si>
  <si>
    <t>POINT (4.778548455319016 51.825620803981046)</t>
  </si>
  <si>
    <t>POINT (4.7371413593279375 51.8249781069577)</t>
  </si>
  <si>
    <t>POINT (4.76467616715842 51.82226045844011)</t>
  </si>
  <si>
    <t>POINT (4.766291589707742 51.821954009998315)</t>
  </si>
  <si>
    <t>POINT (4.739085041645382 51.8291394422271)</t>
  </si>
  <si>
    <t>POINT (4.769242788084973 51.81770715061836)</t>
  </si>
  <si>
    <t>POINT (4.739720570590224 51.8287486104751)</t>
  </si>
  <si>
    <t>POINT (4.768108552994607 51.821186679022055)</t>
  </si>
  <si>
    <t>POINT (4.787172940193945 51.820558690847854)</t>
  </si>
  <si>
    <t>POINT (4.774970704163187 51.81726275174158)</t>
  </si>
  <si>
    <t>POINT (4.741680535915085 51.83078943525775)</t>
  </si>
  <si>
    <t>POINT (4.761690045734975 51.82601295949208)</t>
  </si>
  <si>
    <t>POINT (4.795993217597272 51.82237797316605)</t>
  </si>
  <si>
    <t>POINT (4.771182608521426 51.81875858637185)</t>
  </si>
  <si>
    <t>POINT (4.775242283635924 51.829147881939605)</t>
  </si>
  <si>
    <t>POINT (4.770022158766118 51.82600484086638)</t>
  </si>
  <si>
    <t>POINT (4.740146776779211 51.83037492211711)</t>
  </si>
  <si>
    <t>POINT (4.798999623515067 51.82277958574935)</t>
  </si>
  <si>
    <t>POINT (4.766793953516782 51.82159530716301)</t>
  </si>
  <si>
    <t>POINT (4.73883134016566 51.8293361320162)</t>
  </si>
  <si>
    <t>POINT (4.753322158302455 51.82741918821762)</t>
  </si>
  <si>
    <t>POINT (4.777269666885146 51.821407313073585)</t>
  </si>
  <si>
    <t>POINT (4.752043004806068 51.827272680849624)</t>
  </si>
  <si>
    <t>POINT (4.780771887695277 51.818856253965286)</t>
  </si>
  <si>
    <t>POINT (4.749969399134148 51.82865071952469)</t>
  </si>
  <si>
    <t>POINT (4.7915989223127875 51.823160594115876)</t>
  </si>
  <si>
    <t>POINT (4.806692713639523 51.820126979445774)</t>
  </si>
  <si>
    <t>POINT (4.769104366483805 51.83047848204667)</t>
  </si>
  <si>
    <t>POINT (4.737164561540273 51.82802600221872)</t>
  </si>
  <si>
    <t>POINT (4.802884864886164 51.82209105187812)</t>
  </si>
  <si>
    <t>POINT (4.76791472223835 51.825444898342255)</t>
  </si>
  <si>
    <t>POINT (4.774161598516075 51.824000776152374)</t>
  </si>
  <si>
    <t>POINT (4.751891554469788 51.82731401776314)</t>
  </si>
  <si>
    <t>POINT (4.791867642655942 51.81889301480405)</t>
  </si>
  <si>
    <t>POINT (4.751875047553927 51.82754853073138)</t>
  </si>
  <si>
    <t>POINT (4.751975398252589 51.82696436576433)</t>
  </si>
  <si>
    <t>POINT (4.7961654904512585 51.82766897068232)</t>
  </si>
  <si>
    <t>POINT (4.776606281071626 51.820878661027194)</t>
  </si>
  <si>
    <t>POINT (4.789171238015487 51.8185877085085)</t>
  </si>
  <si>
    <t>POINT (4.763743849476652 51.82258152614932)</t>
  </si>
  <si>
    <t>POINT (4.774570713662077 51.82353730363094)</t>
  </si>
  <si>
    <t>POINT (4.7850006744247935 51.81946974538858)</t>
  </si>
  <si>
    <t>POINT (4.767507750883907 51.82790894815212)</t>
  </si>
  <si>
    <t>POINT (4.777884949217102 51.82077438682106)</t>
  </si>
  <si>
    <t>POINT (4.758276841750075 51.82729635904227)</t>
  </si>
  <si>
    <t>POINT (4.784496485539071 51.81738926737491)</t>
  </si>
  <si>
    <t>POINT (4.790884170024021 51.818704565420234)</t>
  </si>
  <si>
    <t>POINT (4.762985382913365 51.823744214035344)</t>
  </si>
  <si>
    <t>POINT (4.771048524675579 51.819527665307)</t>
  </si>
  <si>
    <t>POINT (4.799215249437678 51.83042327995511)</t>
  </si>
  <si>
    <t>POINT (4.801855771106955 51.82234641298514)</t>
  </si>
  <si>
    <t>POINT (4.769084979561713 51.8211964453346)</t>
  </si>
  <si>
    <t>POINT (4.771610012196687 51.817666198416575)</t>
  </si>
  <si>
    <t>POINT (4.778819933089883 51.82472462104518)</t>
  </si>
  <si>
    <t>POINT (4.7875292607063935 51.81874167338862)</t>
  </si>
  <si>
    <t>POINT (4.787581595326183 51.82447880855895)</t>
  </si>
  <si>
    <t>POINT (4.769442707520849 51.82705831070589)</t>
  </si>
  <si>
    <t>POINT (4.774421069551301 51.82858010412715)</t>
  </si>
  <si>
    <t>POINT (4.802813657739903 51.82217968415497)</t>
  </si>
  <si>
    <t>POINT (4.784338872298932 51.82024961272469)</t>
  </si>
  <si>
    <t>POINT (4.759004557523403 51.827197695986655)</t>
  </si>
  <si>
    <t>POINT (4.770250634324887 51.81717691252522)</t>
  </si>
  <si>
    <t>POINT (4.788787784037881 51.8209896677258)</t>
  </si>
  <si>
    <t>POINT (4.794788364334492 51.822681914053234)</t>
  </si>
  <si>
    <t>POINT (4.772814377879866 51.816825154809834)</t>
  </si>
  <si>
    <t>POINT (4.763236210364561 51.82661299720579)</t>
  </si>
  <si>
    <t>POINT (4.776877081705059 51.81916441847157)</t>
  </si>
  <si>
    <t>POINT (4.792666264916319 51.828148906964785)</t>
  </si>
  <si>
    <t>POINT (4.767400848724735 51.82528156006618)</t>
  </si>
  <si>
    <t>POINT (4.777599193864548 51.82315676466331)</t>
  </si>
  <si>
    <t>POINT (4.7727641407999615 51.821149481234784)</t>
  </si>
  <si>
    <t>POINT (4.78959834313189 51.82009961408182)</t>
  </si>
  <si>
    <t>POINT (4.772853669281565 51.81784772266992)</t>
  </si>
  <si>
    <t>POINT (4.802165100240128 51.82157988237559)</t>
  </si>
  <si>
    <t>POINT (4.782800361161309 51.819204058667594)</t>
  </si>
  <si>
    <t>POINT (4.761993003445175 51.825903294804405)</t>
  </si>
  <si>
    <t>POINT (4.7738614172490035 51.816618230839495)</t>
  </si>
  <si>
    <t>POINT (4.756929148493678 51.82777631214156)</t>
  </si>
  <si>
    <t>POINT (4.751554898131667 51.828771673179716)</t>
  </si>
  <si>
    <t>POINT (4.762964559358376 51.82560384235107)</t>
  </si>
  <si>
    <t>POINT (4.76819779900526 51.826147680798954)</t>
  </si>
  <si>
    <t>POINT (4.751512918855473 51.82775735272323)</t>
  </si>
  <si>
    <t>POINT (4.756928059190724 51.82786457424691)</t>
  </si>
  <si>
    <t>POINT (4.738039437089184 51.82417068686261)</t>
  </si>
  <si>
    <t>POINT (4.738203138213908 51.83221891826973)</t>
  </si>
  <si>
    <t>POINT (4.795095398250671 51.82143692856411)</t>
  </si>
  <si>
    <t>POINT (4.736733767947902 51.8296492318483)</t>
  </si>
  <si>
    <t>POINT (4.784457504871915 51.820521677057535)</t>
  </si>
  <si>
    <t>POINT (4.800870553313844 51.82282957472083)</t>
  </si>
  <si>
    <t>POINT (4.799872704996673 51.82288894410989)</t>
  </si>
  <si>
    <t>POINT (4.748104375173088 51.8296028094566)</t>
  </si>
  <si>
    <t>POINT (4.774268214482273 51.82186735353955)</t>
  </si>
  <si>
    <t>POINT (4.769339906109832 51.82581671607246)</t>
  </si>
  <si>
    <t>POINT (4.788973636404809 51.81981643759205)</t>
  </si>
  <si>
    <t>POINT (4.785265338804278 51.81645255806519)</t>
  </si>
  <si>
    <t>POINT (4.773274741988622 51.81820704260616)</t>
  </si>
  <si>
    <t>POINT (4.791159981617911 51.8203865601211)</t>
  </si>
  <si>
    <t>POINT (4.7504643068544405 51.82356289313211)</t>
  </si>
  <si>
    <t>POINT (4.783317798990705 51.820930012487814)</t>
  </si>
  <si>
    <t>POINT (4.789233629755314 51.818824111355674)</t>
  </si>
  <si>
    <t>POINT (4.768690237784554 51.81769444246449)</t>
  </si>
  <si>
    <t>POINT (4.768688131181762 51.82590271991473)</t>
  </si>
  <si>
    <t>POINT (4.788936844087353 51.81702601599992)</t>
  </si>
  <si>
    <t>POINT (4.768254707859894 51.822098802809606)</t>
  </si>
  <si>
    <t>POINT (4.748877819994333 51.823596522525335)</t>
  </si>
  <si>
    <t>POINT (4.761921930432843 51.82742935817052)</t>
  </si>
  <si>
    <t>POINT (4.754853651698465 51.8262275611724)</t>
  </si>
  <si>
    <t>POINT (4.782774632601106 51.81730445913025)</t>
  </si>
  <si>
    <t>POINT (4.80530787544518 51.820232407239914)</t>
  </si>
  <si>
    <t>POINT (4.774898772603567 51.82190731805825)</t>
  </si>
  <si>
    <t>POINT (4.756364422405606 51.82605465991034)</t>
  </si>
  <si>
    <t>POINT (4.791238936385163 51.81932945533338)</t>
  </si>
  <si>
    <t>POINT (4.775740782145663 51.818057312503655)</t>
  </si>
  <si>
    <t>POINT (4.789786015446779 51.820855609698675)</t>
  </si>
  <si>
    <t>POINT (4.774552107925971 51.822494351201144)</t>
  </si>
  <si>
    <t>POINT (4.7869206740656045 51.81970096937885)</t>
  </si>
  <si>
    <t>POINT (4.7807852009584275 51.818901625206685)</t>
  </si>
  <si>
    <t>POINT (4.77719174445207 51.82031650315561)</t>
  </si>
  <si>
    <t>POINT (4.791842618417044 51.819711567189415)</t>
  </si>
  <si>
    <t>POINT (4.792598387541822 51.82370569459969)</t>
  </si>
  <si>
    <t>POINT (4.790853604703982 51.81963364898823)</t>
  </si>
  <si>
    <t>POINT (4.781050872653645 51.824675013533366)</t>
  </si>
  <si>
    <t>POINT (4.766086312492291 51.82469331970817)</t>
  </si>
  <si>
    <t>POINT (4.7592329058418885 51.832621619426696)</t>
  </si>
  <si>
    <t>POINT (4.7815206630279095 51.81835289469735)</t>
  </si>
  <si>
    <t>POINT (4.799194094100768 51.823360951746295)</t>
  </si>
  <si>
    <t>POINT (4.788788166515185 51.82335357450222)</t>
  </si>
  <si>
    <t>POINT (4.802037738877839 51.821089101065475)</t>
  </si>
  <si>
    <t>POINT (4.771892753181638 51.81694913314781)</t>
  </si>
  <si>
    <t>POINT (4.774397871492923 51.82839778458078)</t>
  </si>
  <si>
    <t>POINT (4.797253812403773 51.82246844879397)</t>
  </si>
  <si>
    <t>POINT (4.752059098027428 51.82685129273303)</t>
  </si>
  <si>
    <t>POINT (4.744366543353664 51.82449997555857)</t>
  </si>
  <si>
    <t>POINT (4.768148616367224 51.82609537752909)</t>
  </si>
  <si>
    <t>POINT (4.775107127249458 51.82866359190796)</t>
  </si>
  <si>
    <t>POINT (4.7800926619503326 51.82266965347175)</t>
  </si>
  <si>
    <t>POINT (4.769831652339435 51.82331805016533)</t>
  </si>
  <si>
    <t>POINT (4.79030179447433 51.819551924335066)</t>
  </si>
  <si>
    <t>POINT (4.787087191564738 51.817608291186524)</t>
  </si>
  <si>
    <t>POINT (4.758559598047597 51.828074577644905)</t>
  </si>
  <si>
    <t>POINT (4.790003448148281 51.82176339356968)</t>
  </si>
  <si>
    <t>POINT (4.734742117196326 51.82960537929499)</t>
  </si>
  <si>
    <t>POINT (4.7655311980581665 51.82376662384744)</t>
  </si>
  <si>
    <t>POINT (4.7735158059295495 51.82345826638618)</t>
  </si>
  <si>
    <t>POINT (4.7507085462840735 51.82371909138124)</t>
  </si>
  <si>
    <t>POINT (4.744979105289868 51.823991697468266)</t>
  </si>
  <si>
    <t>POINT (4.738612058264503 51.82848883244877)</t>
  </si>
  <si>
    <t>POINT (4.751271790833615 51.82825275636265)</t>
  </si>
  <si>
    <t>POINT (4.782213790062323 51.81663452674211)</t>
  </si>
  <si>
    <t>POINT (4.802297712488741 51.82048133168445)</t>
  </si>
  <si>
    <t>POINT (4.775031636876279 51.823701502893385)</t>
  </si>
  <si>
    <t>POINT (4.786744844517373 51.820880000428176)</t>
  </si>
  <si>
    <t>POINT (4.78198365055733 51.81775628390857)</t>
  </si>
  <si>
    <t>POINT (4.762510837184346 51.82435668875217)</t>
  </si>
  <si>
    <t>POINT (4.786426899863082 51.81798575928822)</t>
  </si>
  <si>
    <t>POINT (4.802744178027033 51.82003197016325)</t>
  </si>
  <si>
    <t>POINT (4.794395684715315 51.82354445198916)</t>
  </si>
  <si>
    <t>POINT (4.805067476213719 51.82024306211219)</t>
  </si>
  <si>
    <t>POINT (4.801948593877716 51.819610037527845)</t>
  </si>
  <si>
    <t>POINT (4.797315971418363 51.823825765007655)</t>
  </si>
  <si>
    <t>POINT (4.802851939900102 51.82213574089959)</t>
  </si>
  <si>
    <t>POINT (4.803230250518528 51.82127166546725)</t>
  </si>
  <si>
    <t>POINT (4.764248673246267 51.82027626879568)</t>
  </si>
  <si>
    <t>POINT (4.78209510249141 51.81743803354096)</t>
  </si>
  <si>
    <t>POINT (4.760739008228312 51.825179409363706)</t>
  </si>
  <si>
    <t>POINT (4.794979330643269 51.82018072962933)</t>
  </si>
  <si>
    <t>POINT (4.795151701170713 51.82061781455016)</t>
  </si>
  <si>
    <t>POINT (4.75936741262173 51.82848545485002)</t>
  </si>
  <si>
    <t>POINT (4.742473029790231 51.82562206438517)</t>
  </si>
  <si>
    <t>POINT (4.780914261703582 51.81950722351384)</t>
  </si>
  <si>
    <t>POINT (4.754264286718054 51.82440814925855)</t>
  </si>
  <si>
    <t>POINT (4.777289084753645 51.82361689704137)</t>
  </si>
  <si>
    <t>POINT (4.783351883891231 51.81874290693631)</t>
  </si>
  <si>
    <t>POINT (4.756246872902932 51.82516712364462)</t>
  </si>
  <si>
    <t>POINT (4.7716601719963245 51.830290297616884)</t>
  </si>
  <si>
    <t>POINT (4.764465796822795 51.822127569763566)</t>
  </si>
  <si>
    <t>POINT (4.766944306506247 51.821568066385)</t>
  </si>
  <si>
    <t>POINT (4.782087617348156 51.8255373334093)</t>
  </si>
  <si>
    <t>POINT (4.801379601226963 51.82726288384194)</t>
  </si>
  <si>
    <t>POINT (4.760667391504642 51.82719031380186)</t>
  </si>
  <si>
    <t>POINT (4.737426041081476 51.82765909690518)</t>
  </si>
  <si>
    <t>POINT (4.764713813709485 51.822475305634924)</t>
  </si>
  <si>
    <t>POINT (4.765119439582099 51.82432011682849)</t>
  </si>
  <si>
    <t>POINT (4.78475184179501 51.818315233685986)</t>
  </si>
  <si>
    <t>POINT (4.77404193464965 51.82471474332291)</t>
  </si>
  <si>
    <t>POINT (4.749672705401244 51.828427000359554)</t>
  </si>
  <si>
    <t>POINT (4.7776194610885625 51.8265488896447)</t>
  </si>
  <si>
    <t>POINT (4.801672578200217 51.82066005349981)</t>
  </si>
  <si>
    <t>POINT (4.76831026404965 51.83096156898596)</t>
  </si>
  <si>
    <t>POINT (4.748909218434746 51.82889744913034)</t>
  </si>
  <si>
    <t>POINT (4.790077339988359 51.81850040467322)</t>
  </si>
  <si>
    <t>POINT (4.769136715505015 51.82143669510202)</t>
  </si>
  <si>
    <t>POINT (4.774584505911371 51.81711161585177)</t>
  </si>
  <si>
    <t>POINT (4.77981017180943 51.82287996291654)</t>
  </si>
  <si>
    <t>POINT (4.778640481111266 51.82541237761126)</t>
  </si>
  <si>
    <t>POINT (4.752342773158856 51.828771622372486)</t>
  </si>
  <si>
    <t>POINT (4.752329507441401 51.82697410160178)</t>
  </si>
  <si>
    <t>POINT (4.774688470653858 51.81876785631664)</t>
  </si>
  <si>
    <t>POINT (4.794986059955767 51.824106610861406)</t>
  </si>
  <si>
    <t>POINT (4.777638629263144 51.8263650829126)</t>
  </si>
  <si>
    <t>POINT (4.794601852360472 51.823231881903794)</t>
  </si>
  <si>
    <t>POINT (4.770948388441468 51.820635342605456)</t>
  </si>
  <si>
    <t>POINT (4.789917318504627 51.82177221354588)</t>
  </si>
  <si>
    <t>POINT (4.796028240062388 51.82156783014128)</t>
  </si>
  <si>
    <t>POINT (4.7724213142420915 51.81733778320524)</t>
  </si>
  <si>
    <t>POINT (4.802143345277672 51.821356228341386)</t>
  </si>
  <si>
    <t>POINT (4.770668434029605 51.81970364340223)</t>
  </si>
  <si>
    <t>POINT (4.773692134678374 51.82304670209679)</t>
  </si>
  <si>
    <t>POINT (4.750718816308419 51.828990509347285)</t>
  </si>
  <si>
    <t>POINT (4.801997762089622 51.82264895695294)</t>
  </si>
  <si>
    <t>POINT (4.774781217481953 51.829299631500504)</t>
  </si>
  <si>
    <t>POINT (4.778335826962977 51.82432477083179)</t>
  </si>
  <si>
    <t>POINT (4.781393649230682 51.82463121105243)</t>
  </si>
  <si>
    <t>POINT (4.797535056123095 51.82022919182999)</t>
  </si>
  <si>
    <t>POINT (4.74134083862552 51.83052529743875)</t>
  </si>
  <si>
    <t>POINT (4.772327642232211 51.81759157970807)</t>
  </si>
  <si>
    <t>POINT (4.7412322677328245 51.828419956415864)</t>
  </si>
  <si>
    <t>POINT (4.749751347531834 51.82929770314376)</t>
  </si>
  <si>
    <t>POINT (4.764921483298406 51.82210005454016)</t>
  </si>
  <si>
    <t>POINT (4.761400347432286 51.82797784867946)</t>
  </si>
  <si>
    <t>POINT (4.786996866903857 51.817431653156845)</t>
  </si>
  <si>
    <t>POINT (4.7768849296402385 51.82013810272474)</t>
  </si>
  <si>
    <t>POINT (4.750041752056069 51.82868410041445)</t>
  </si>
  <si>
    <t>POINT (4.741799107031882 51.823908368643686)</t>
  </si>
  <si>
    <t>POINT (4.792456483761551 51.8205868405709)</t>
  </si>
  <si>
    <t>POINT (4.784660630763426 51.82011526775504)</t>
  </si>
  <si>
    <t>POINT (4.787190694237178 51.82084848340446)</t>
  </si>
  <si>
    <t>POINT (4.741197604015792 51.830899837215995)</t>
  </si>
  <si>
    <t>POINT (4.794173753062425 51.82318073211115)</t>
  </si>
  <si>
    <t>POINT (4.784646250306712 51.820062610748096)</t>
  </si>
  <si>
    <t>POINT (4.784638998410567 51.82121275191249)</t>
  </si>
  <si>
    <t>POINT (4.751202681743175 51.82923330713385)</t>
  </si>
  <si>
    <t>POINT (4.788021929294453 51.81990003059741)</t>
  </si>
  <si>
    <t>POINT (4.7995233987180965 51.82259048322444)</t>
  </si>
  <si>
    <t>POINT (4.783344938922195 51.82131854857582)</t>
  </si>
  <si>
    <t>POINT (4.794324128008334 51.81921402674769)</t>
  </si>
  <si>
    <t>POINT (4.768467093479942 51.81812310078077)</t>
  </si>
  <si>
    <t>POINT (4.751584745466791 51.82890801198278)</t>
  </si>
  <si>
    <t>POINT (4.788773412800516 51.82093593266628)</t>
  </si>
  <si>
    <t>POINT (4.751581572844867 51.827723837496784)</t>
  </si>
  <si>
    <t>POINT (4.774004744108041 51.821562882337766)</t>
  </si>
  <si>
    <t>POINT (4.772383255519064 51.816853008943816)</t>
  </si>
  <si>
    <t>POINT (4.758091717834223 51.828285100585134)</t>
  </si>
  <si>
    <t>POINT (4.761300643284244 51.824889107813085)</t>
  </si>
  <si>
    <t>POINT (4.769914924936237 51.82493760184729)</t>
  </si>
  <si>
    <t>POINT (4.761506023101703 51.8251100636832)</t>
  </si>
  <si>
    <t>POINT (4.802689996118891 51.82132461553647)</t>
  </si>
  <si>
    <t>POINT (4.7693233940227255 51.82577258509925)</t>
  </si>
  <si>
    <t>POINT (4.756924462360133 51.828526294903476)</t>
  </si>
  <si>
    <t>POINT (4.788758160488191 51.82194275494514)</t>
  </si>
  <si>
    <t>POINT (4.752133471581024 51.8291089107221)</t>
  </si>
  <si>
    <t>POINT (4.7742493942952455 51.821822042682044)</t>
  </si>
  <si>
    <t>POINT (4.741552238368009 51.830327147162215)</t>
  </si>
  <si>
    <t>POINT (4.796762197025162 51.823390900369446)</t>
  </si>
  <si>
    <t>POINT (4.77357177226847 51.820231657229165)</t>
  </si>
  <si>
    <t>POINT (4.771588216985018 51.82939384904407)</t>
  </si>
  <si>
    <t>POINT (4.77468667737618 51.82386329547426)</t>
  </si>
  <si>
    <t>POINT (4.789543845811946 51.8209500152653)</t>
  </si>
  <si>
    <t>POINT (4.791550665989531 51.82074233366559)</t>
  </si>
  <si>
    <t>POINT (4.7664524260458245 51.82708478190008)</t>
  </si>
  <si>
    <t>POINT (4.7391994528753605 51.83137757928677)</t>
  </si>
  <si>
    <t>POINT (4.772919250088716 51.8180374554971)</t>
  </si>
  <si>
    <t>POINT (4.769403092702188 51.82695338523976)</t>
  </si>
  <si>
    <t>POINT (4.774013086236182 51.824660121822866)</t>
  </si>
  <si>
    <t>POINT (4.774363664757758 51.827008780910646)</t>
  </si>
  <si>
    <t>POINT (4.7773804033329 51.82063046596914)</t>
  </si>
  <si>
    <t>POINT (4.770000900274715 51.81805531293361)</t>
  </si>
  <si>
    <t>POINT (4.778367440300093 51.82058624275666)</t>
  </si>
  <si>
    <t>POINT (4.7904308987739705 51.81825768666141)</t>
  </si>
  <si>
    <t>POINT (4.7403646889457445 51.82860352606691)</t>
  </si>
  <si>
    <t>POINT (4.774253518160529 51.818777450559125)</t>
  </si>
  <si>
    <t>POINT (4.759316653900968 51.825548071971156)</t>
  </si>
  <si>
    <t>POINT (4.74086908279967 51.82763639830454)</t>
  </si>
  <si>
    <t>POINT (4.7799270837216845 51.825050311558996)</t>
  </si>
  <si>
    <t>POINT (4.765926039754375 51.8254709729754)</t>
  </si>
  <si>
    <t>POINT (4.783049714871581 51.81689653540451)</t>
  </si>
  <si>
    <t>POINT (4.769015749042958 51.81744717342508)</t>
  </si>
  <si>
    <t>POINT (4.7846534423330125 51.820088804432416)</t>
  </si>
  <si>
    <t>POINT (4.745271498873211 51.82838377886095)</t>
  </si>
  <si>
    <t>POINT (4.778072637276123 51.8235649670284)</t>
  </si>
  <si>
    <t>POINT (4.740722186168934 51.830621818292954)</t>
  </si>
  <si>
    <t>POINT (4.7947793230665035 51.82389954967935)</t>
  </si>
  <si>
    <t>POINT (4.771966839863311 51.8166002248961)</t>
  </si>
  <si>
    <t>POINT (4.740103807827232 51.8291977718312)</t>
  </si>
  <si>
    <t>POINT (4.750222846593759 51.82837281947703)</t>
  </si>
  <si>
    <t>POINT (4.781072529293428 51.82544841250957)</t>
  </si>
  <si>
    <t>POINT (4.7476982796321865 51.82971789898874)</t>
  </si>
  <si>
    <t>POINT (4.7689166392193565 51.82148201600722)</t>
  </si>
  <si>
    <t>POINT (4.773709977150349 51.823920485565615)</t>
  </si>
  <si>
    <t>POINT (4.780978269934251 51.82575902031701)</t>
  </si>
  <si>
    <t>POINT (4.765470236002951 51.822140606775974)</t>
  </si>
  <si>
    <t>POINT (4.748837824311928 51.82916510079526)</t>
  </si>
  <si>
    <t>POINT (4.744496841373913 51.82421251446648)</t>
  </si>
  <si>
    <t>POINT (4.781792954808069 51.819277247103415)</t>
  </si>
  <si>
    <t>POINT (4.767090948154795 51.82624502764283)</t>
  </si>
  <si>
    <t>POINT (4.779544001760994 51.8197168520482)</t>
  </si>
  <si>
    <t>POINT (4.7568511780899065 51.82796797963754)</t>
  </si>
  <si>
    <t>POINT (4.774400714790148 51.8180638062656)</t>
  </si>
  <si>
    <t>POINT (4.760939632121404 51.82723536122133)</t>
  </si>
  <si>
    <t>POINT (4.768774885886595 51.82404146141601)</t>
  </si>
  <si>
    <t>POINT (4.744312372446844 51.82443334298025)</t>
  </si>
  <si>
    <t>POINT (4.762326027657791 51.824775831721354)</t>
  </si>
  <si>
    <t>POINT (4.757100390352089 51.82576927011401)</t>
  </si>
  <si>
    <t>POINT (4.790166522290402 51.81885322850938)</t>
  </si>
  <si>
    <t>POINT (4.747502636294636 51.82923333645661)</t>
  </si>
  <si>
    <t>POINT (4.778728577159382 51.825998898480655)</t>
  </si>
  <si>
    <t>POINT (4.773163865753274 51.81696630694156)</t>
  </si>
  <si>
    <t>POINT (4.773917557106926 51.825988045021525)</t>
  </si>
  <si>
    <t>POINT (4.772554826628079 51.816831795661585)</t>
  </si>
  <si>
    <t>POINT (4.771955165696979 51.83001513972829)</t>
  </si>
  <si>
    <t>POINT (4.771838196553532 51.81937342923634)</t>
  </si>
  <si>
    <t>POINT (4.768253589937482 51.830831115568024)</t>
  </si>
  <si>
    <t>POINT (4.784273269688665 51.817400884686386)</t>
  </si>
  <si>
    <t>POINT (4.799796692829105 51.82290051853121)</t>
  </si>
  <si>
    <t>POINT (4.771312901272868 51.81749169920509)</t>
  </si>
  <si>
    <t>POINT (4.778883397881129 51.82598403383233)</t>
  </si>
  <si>
    <t>POINT (4.751193808437799 51.832277604992235)</t>
  </si>
  <si>
    <t>POINT (4.779508917346058 51.818026547106705)</t>
  </si>
  <si>
    <t>POINT (4.774742678871439 51.81745742338276)</t>
  </si>
  <si>
    <t>POINT (4.801702901189469 51.82158620674745)</t>
  </si>
  <si>
    <t>POINT (4.777179574521307 51.8211943547907)</t>
  </si>
  <si>
    <t>POINT (4.75514486916902 51.82512551010416)</t>
  </si>
  <si>
    <t>POINT (4.788771910874608 51.81694104205761)</t>
  </si>
  <si>
    <t>POINT (4.775934959545668 51.81765266904212)</t>
  </si>
  <si>
    <t>POINT (4.773425507898493 51.816912665351)</t>
  </si>
  <si>
    <t>POINT (4.783027048177862 51.820167812790245)</t>
  </si>
  <si>
    <t>POINT (4.77428619014895 51.821910772381116)</t>
  </si>
  <si>
    <t>POINT (4.7971283436259 51.82221371131974)</t>
  </si>
  <si>
    <t>POINT (4.7503757649167 51.82953173958836)</t>
  </si>
  <si>
    <t>POINT (4.791003869445743 51.818109051183775)</t>
  </si>
  <si>
    <t>POINT (4.747486085655624 51.8288254336709)</t>
  </si>
  <si>
    <t>POINT (4.773496241538938 51.826216130437416)</t>
  </si>
  <si>
    <t>POINT (4.783059460112387 51.820325099990825)</t>
  </si>
  <si>
    <t>POINT (4.784482127121237 51.81666246681758)</t>
  </si>
  <si>
    <t>POINT (4.802283218212859 51.81959750365309)</t>
  </si>
  <si>
    <t>POINT (4.773837129865568 51.8274423363861)</t>
  </si>
  <si>
    <t>POINT (4.741252470324363 51.82979881103372)</t>
  </si>
  <si>
    <t>POINT (4.758554582319994 51.82769577165315)</t>
  </si>
  <si>
    <t>POINT (4.737115850489928 51.826939702195176)</t>
  </si>
  <si>
    <t>POINT (4.7844428011890665 51.81687026064214)</t>
  </si>
  <si>
    <t>POINT (4.761360430809078 51.8280317471606)</t>
  </si>
  <si>
    <t>POINT (4.7601131584573215 51.82851011483139)</t>
  </si>
  <si>
    <t>POINT (4.740542638750614 51.82892549844905)</t>
  </si>
  <si>
    <t>POINT (4.769907510837218 51.81752476456139)</t>
  </si>
  <si>
    <t>POINT (4.738542107610864 51.83005493459829)</t>
  </si>
  <si>
    <t>POINT (4.769106231090672 51.820463232236214)</t>
  </si>
  <si>
    <t>POINT (4.793124559152631 51.82779474077256)</t>
  </si>
  <si>
    <t>POINT (4.770885925725994 51.81706717383286)</t>
  </si>
  <si>
    <t>POINT (4.758335270613018 51.82767293443224)</t>
  </si>
  <si>
    <t>POINT (4.7604868879893605 51.824585445735956)</t>
  </si>
  <si>
    <t>POINT (4.754639216821594 51.82601292669124)</t>
  </si>
  <si>
    <t>POINT (4.746663600848674 51.829453835565204)</t>
  </si>
  <si>
    <t>POINT (4.765924439000527 51.82444006351787)</t>
  </si>
  <si>
    <t>POINT (4.738838768986617 51.83146158165935)</t>
  </si>
  <si>
    <t>POINT (4.772974142347984 51.824014522991334)</t>
  </si>
  <si>
    <t>POINT (4.7535475050011975 51.82841571173325)</t>
  </si>
  <si>
    <t>POINT (4.748860667022945 51.827327147098)</t>
  </si>
  <si>
    <t>POINT (4.793139227610715 51.8233472723854)</t>
  </si>
  <si>
    <t>POINT (4.763195750865715 51.82422325589639)</t>
  </si>
  <si>
    <t>POINT (4.778465336584157 51.82371225970628)</t>
  </si>
  <si>
    <t>POINT (4.785906479443106 51.82002179373556)</t>
  </si>
  <si>
    <t>POINT (4.7395306820548635 51.82338801728067)</t>
  </si>
  <si>
    <t>POINT (4.782144659444713 51.820369735037794)</t>
  </si>
  <si>
    <t>POINT (4.7876673366623255 51.82204595001801)</t>
  </si>
  <si>
    <t>POINT (4.787782099402904 51.82225093631745)</t>
  </si>
  <si>
    <t>POINT (4.762605117189417 51.82581208345696)</t>
  </si>
  <si>
    <t>POINT (4.761598521534793 51.82788290691259)</t>
  </si>
  <si>
    <t>POINT (4.758832978852298 51.82723695662263)</t>
  </si>
  <si>
    <t>POINT (4.7751511824068515 51.823988322725725)</t>
  </si>
  <si>
    <t>POINT (4.778039670067554 51.823514280126105)</t>
  </si>
  <si>
    <t>POINT (4.750025467633625 51.82932283139249)</t>
  </si>
  <si>
    <t>POINT (4.7517735313585145 51.82740236601437)</t>
  </si>
  <si>
    <t>POINT (4.79905967416441 51.82123439261356)</t>
  </si>
  <si>
    <t>POINT (4.792999165291946 51.822671701659516)</t>
  </si>
  <si>
    <t>POINT (4.78140911306181 51.82569311123466)</t>
  </si>
  <si>
    <t>POINT (4.771859446549326 51.819304238631936)</t>
  </si>
  <si>
    <t>POINT (4.7740697620870405 51.81794522618136)</t>
  </si>
  <si>
    <t>POINT (4.770999519380487 51.81730875441402)</t>
  </si>
  <si>
    <t>POINT (4.7682497379908115 51.817200264443166)</t>
  </si>
  <si>
    <t>POINT (4.775341647159118 51.82161552110674)</t>
  </si>
  <si>
    <t>POINT (4.772317498381357 51.824757586784614)</t>
  </si>
  <si>
    <t>POINT (4.760287867794385 51.82600395100974)</t>
  </si>
  <si>
    <t>POINT (4.794085263295341 51.819723361838314)</t>
  </si>
  <si>
    <t>POINT (4.750095224438999 51.82864717786631)</t>
  </si>
  <si>
    <t>POINT (4.75378412734536 51.82910614409941)</t>
  </si>
  <si>
    <t>POINT (4.7880637221537725 51.82447075381774)</t>
  </si>
  <si>
    <t>POINT (4.802639766389969 51.826853139576976)</t>
  </si>
  <si>
    <t>POINT (4.767834045682521 51.82520384826189)</t>
  </si>
  <si>
    <t>POINT (4.73974245569138 51.82792204942311)</t>
  </si>
  <si>
    <t>POINT (4.797282074567624 51.82341221052628)</t>
  </si>
  <si>
    <t>POINT (4.769166110235146 51.81762980452214)</t>
  </si>
  <si>
    <t>POINT (4.759997793021522 51.82803319323937)</t>
  </si>
  <si>
    <t>POINT (4.776629913319848 51.81739921283896)</t>
  </si>
  <si>
    <t>POINT (4.783863990112884 51.818852774296744)</t>
  </si>
  <si>
    <t>POINT (4.78295084008607 51.821633098101614)</t>
  </si>
  <si>
    <t>POINT (4.788259141209742 51.82171774241587)</t>
  </si>
  <si>
    <t>POINT (4.78478432825662 51.819780538848164)</t>
  </si>
  <si>
    <t>POINT (4.779005529664548 51.823410167381184)</t>
  </si>
  <si>
    <t>POINT (4.781237113560283 51.81870926655882)</t>
  </si>
  <si>
    <t>POINT (4.782936612211745 51.821579992245894)</t>
  </si>
  <si>
    <t>POINT (4.790463730269984 51.819108262729095)</t>
  </si>
  <si>
    <t>POINT (4.784265015764869 51.81711797162452)</t>
  </si>
  <si>
    <t>POINT (4.73691386060079 51.82730583082717)</t>
  </si>
  <si>
    <t>POINT (4.744253851523307 51.82387851548987)</t>
  </si>
  <si>
    <t>POINT (4.773875379034425 51.81776668593633)</t>
  </si>
  <si>
    <t>POINT (4.7956423393004055 51.82377096130749)</t>
  </si>
  <si>
    <t>POINT (4.777770357999174 51.82056031305377)</t>
  </si>
  <si>
    <t>POINT (4.773778556662448 51.81766631671205)</t>
  </si>
  <si>
    <t>POINT (4.736085158480858 51.83121878528488)</t>
  </si>
  <si>
    <t>POINT (4.7675179073203875 51.824100179101514)</t>
  </si>
  <si>
    <t>POINT (4.780892799554722 51.819560864364746)</t>
  </si>
  <si>
    <t>POINT (4.737309164705986 51.82798779235688)</t>
  </si>
  <si>
    <t>POINT (4.7868179959472466 51.82025557870267)</t>
  </si>
  <si>
    <t>POINT (4.803231350776828 51.82460148379422)</t>
  </si>
  <si>
    <t>POINT (4.764295132782412 51.822648182190896)</t>
  </si>
  <si>
    <t>POINT (4.790417217114144 51.81991564967835)</t>
  </si>
  <si>
    <t>POINT (4.773536590360411 51.82267744696226)</t>
  </si>
  <si>
    <t>POINT (4.7812643711464355 51.824978940955106)</t>
  </si>
  <si>
    <t>POINT (4.768088260367206 51.82703598409265)</t>
  </si>
  <si>
    <t>POINT (4.780266726312697 51.81845733616899)</t>
  </si>
  <si>
    <t>POINT (4.751693541068861 51.82741685404425)</t>
  </si>
  <si>
    <t>POINT (4.80024496076454 51.82141425460618)</t>
  </si>
  <si>
    <t>POINT (4.77664855063743 51.82104543935657)</t>
  </si>
  <si>
    <t>POINT (4.776313967012136 51.81706148550128)</t>
  </si>
  <si>
    <t>POINT (4.7519868433130625 51.82928114776262)</t>
  </si>
  <si>
    <t>POINT (4.786097029249792 51.834467068336664)</t>
  </si>
  <si>
    <t>POINT (4.78901099249405 51.82382157669157)</t>
  </si>
  <si>
    <t>POINT (4.773368717710818 51.818516471910776)</t>
  </si>
  <si>
    <t>POINT (4.7671620590167265 51.82610572068894)</t>
  </si>
  <si>
    <t>POINT (4.793099778412107 51.818659847404554)</t>
  </si>
  <si>
    <t>POINT (4.786440593875827 51.82028843339962)</t>
  </si>
  <si>
    <t>POINT (4.794076343098894 51.819792825388184)</t>
  </si>
  <si>
    <t>POINT (4.763403909026393 51.82480987899775)</t>
  </si>
  <si>
    <t>POINT (4.7833107622758995 51.82090310043478)</t>
  </si>
  <si>
    <t>POINT (4.760279887332368 51.82767263986385)</t>
  </si>
  <si>
    <t>POINT (4.778882140426016 51.826286771538264)</t>
  </si>
  <si>
    <t>POINT (4.752507514339856 51.82377993296284)</t>
  </si>
  <si>
    <t>POINT (4.752655463028238 51.828612507163676)</t>
  </si>
  <si>
    <t>POINT (4.784093740405132 51.82055396505115)</t>
  </si>
  <si>
    <t>POINT (4.7708922744437405 51.81926554666482)</t>
  </si>
  <si>
    <t>POINT (4.781332374383719 51.817740159939554)</t>
  </si>
  <si>
    <t>POINT (4.749276079489288 51.829739337621845)</t>
  </si>
  <si>
    <t>POINT (4.768179392433587 51.81711611975181)</t>
  </si>
  <si>
    <t>POINT (4.739010662124613 51.828875296956205)</t>
  </si>
  <si>
    <t>POINT (4.7840275338457205 51.81691684532715)</t>
  </si>
  <si>
    <t>POINT (4.777272985069248 51.818381449456524)</t>
  </si>
  <si>
    <t>POINT (4.764448828801512 51.818977787108125)</t>
  </si>
  <si>
    <t>POINT (4.783527695352865 51.82032220590946)</t>
  </si>
  <si>
    <t>POINT (4.750010271763787 51.829597260551694)</t>
  </si>
  <si>
    <t>POINT (4.786833088980367 51.819982672833305)</t>
  </si>
  <si>
    <t>POINT (4.737084421564396 51.826894000841136)</t>
  </si>
  <si>
    <t>POINT (4.748663202343246 51.82972512922642)</t>
  </si>
  <si>
    <t>POINT (4.747659916028535 51.829937101584164)</t>
  </si>
  <si>
    <t>POINT (4.763470632364126 51.82584778627225)</t>
  </si>
  <si>
    <t>POINT (4.780027820241037 51.818168915259236)</t>
  </si>
  <si>
    <t>POINT (4.759835432414265 51.82508622560051)</t>
  </si>
  <si>
    <t>POINT (4.7834166403058065 51.82158560853551)</t>
  </si>
  <si>
    <t>POINT (4.7843243586650654 51.81764752413569)</t>
  </si>
  <si>
    <t>POINT (4.75774002998477 51.83032277974707)</t>
  </si>
  <si>
    <t>POINT (4.792660634508573 51.82163684113989)</t>
  </si>
  <si>
    <t>POINT (4.759856493272431 51.82696009959565)</t>
  </si>
  <si>
    <t>POINT (4.770432367281968 51.81853325730089)</t>
  </si>
  <si>
    <t>POINT (4.791876617210982 51.82000359861768)</t>
  </si>
  <si>
    <t>POINT (4.781953937938512 51.82517602259513)</t>
  </si>
  <si>
    <t>POINT (4.777330135119709 51.8205830147244)</t>
  </si>
  <si>
    <t>POINT (4.798587394670946 51.832831313646174)</t>
  </si>
  <si>
    <t>POINT (4.746796223446665 51.82797171037329)</t>
  </si>
  <si>
    <t>POINT (4.788004654641822 51.81983567409064)</t>
  </si>
  <si>
    <t>POINT (4.760333332166095 51.826729662843775)</t>
  </si>
  <si>
    <t>POINT (4.75342577178412 51.82744752244528)</t>
  </si>
  <si>
    <t>POINT (4.7918469528134535 51.818790350223)</t>
  </si>
  <si>
    <t>POINT (4.794577055857118 51.82319822935465)</t>
  </si>
  <si>
    <t>POINT (4.774812377515168 51.822447890145156)</t>
  </si>
  <si>
    <t>POINT (4.739008848121981 51.82753895131234)</t>
  </si>
  <si>
    <t>POINT (4.784062115835767 51.81618571198265)</t>
  </si>
  <si>
    <t>POINT (4.74547406016363 51.828645465865634)</t>
  </si>
  <si>
    <t>POINT (4.791795437925688 51.82287728264645)</t>
  </si>
  <si>
    <t>POINT (4.755261682289188 51.824998411129464)</t>
  </si>
  <si>
    <t>POINT (4.795484791716297 51.81993834037212)</t>
  </si>
  <si>
    <t>POINT (4.7653790465139005 51.82346101487272)</t>
  </si>
  <si>
    <t>POINT (4.753871119273849 51.82909942260284)</t>
  </si>
  <si>
    <t>POINT (4.753775411944124 51.82658857212274)</t>
  </si>
  <si>
    <t>POINT (4.769991850602432 51.81722265212507)</t>
  </si>
  <si>
    <t>POINT (4.752562016456099 51.82657437771626)</t>
  </si>
  <si>
    <t>POINT (4.75333197923125 51.82810300350412)</t>
  </si>
  <si>
    <t>POINT (4.786571541468666 51.81999643551049)</t>
  </si>
  <si>
    <t>POINT (4.775432248467237 51.82336139626617)</t>
  </si>
  <si>
    <t>POINT (4.74031753857053 51.828091329403144)</t>
  </si>
  <si>
    <t>POINT (4.805963041191921 51.821789398385924)</t>
  </si>
  <si>
    <t>POINT (4.791964684754607 51.82403263290004)</t>
  </si>
  <si>
    <t>POINT (4.796443041497618 51.822442259109934)</t>
  </si>
  <si>
    <t>POINT (4.764387261449074 51.823181964111754)</t>
  </si>
  <si>
    <t>POINT (4.786128736932344 51.82494730476128)</t>
  </si>
  <si>
    <t>POINT (4.79630827654746 51.8205512848041)</t>
  </si>
  <si>
    <t>POINT (4.7438729321066875 51.82425502832163)</t>
  </si>
  <si>
    <t>POINT (4.7699343201020366 51.81906222423252)</t>
  </si>
  <si>
    <t>POINT (4.765376083781287 51.823433943525714)</t>
  </si>
  <si>
    <t>POINT (4.762107245434687 51.82652510454989)</t>
  </si>
  <si>
    <t>POINT (4.783303862174587 51.82087681828458)</t>
  </si>
  <si>
    <t>POINT (4.756967890886079 51.82772375713123)</t>
  </si>
  <si>
    <t>POINT (4.745366187745214 51.82397610719073)</t>
  </si>
  <si>
    <t>POINT (4.787409814887518 51.82207240905405)</t>
  </si>
  <si>
    <t>POINT (4.76984553740747 51.82150366917474)</t>
  </si>
  <si>
    <t>POINT (4.787227069292255 51.81896556255364)</t>
  </si>
  <si>
    <t>POINT (4.7880280783686775 51.82012486627138)</t>
  </si>
  <si>
    <t>POINT (4.784529072577559 51.82078828622852)</t>
  </si>
  <si>
    <t>POINT (4.767171307170584 51.8269518649407)</t>
  </si>
  <si>
    <t>POINT (4.79263548248403 51.819815898725786)</t>
  </si>
  <si>
    <t>POINT (4.7827381886418 51.826155234125295)</t>
  </si>
  <si>
    <t>POINT (4.7731071183022005 51.82227134373455)</t>
  </si>
  <si>
    <t>POINT (4.776401807504934 51.82326280725608)</t>
  </si>
  <si>
    <t>POINT (4.788880398435659 51.82351907485469)</t>
  </si>
  <si>
    <t>POINT (4.7607491454893704 51.82708001073191)</t>
  </si>
  <si>
    <t>POINT (4.777625026744898 51.820302754549566)</t>
  </si>
  <si>
    <t>POINT (4.79002627841504 51.82148531339926)</t>
  </si>
  <si>
    <t>POINT (4.79224256423982 51.822849168510295)</t>
  </si>
  <si>
    <t>POINT (4.787571663186518 51.81890134739114)</t>
  </si>
  <si>
    <t>POINT (4.762099657395563 51.82604723080997)</t>
  </si>
  <si>
    <t>POINT (4.75397163077134 51.826943242074876)</t>
  </si>
  <si>
    <t>POINT (4.801370775479537 51.82235397067418)</t>
  </si>
  <si>
    <t>POINT (4.738378972349071 51.82875810129292)</t>
  </si>
  <si>
    <t>POINT (4.7722812007699265 51.816870811010105)</t>
  </si>
  <si>
    <t>POINT (4.75445558432358 51.82671448542171)</t>
  </si>
  <si>
    <t>POINT (4.752996439908826 51.83197877921859)</t>
  </si>
  <si>
    <t>POINT (4.787673757644127 51.81673202608576)</t>
  </si>
  <si>
    <t>POINT (4.781673563182333 51.817961781446755)</t>
  </si>
  <si>
    <t>POINT (4.782909696343616 51.817290772885215)</t>
  </si>
  <si>
    <t>POINT (4.788964422240621 51.81710085165999)</t>
  </si>
  <si>
    <t>POINT (4.778857484565352 51.8248613791236)</t>
  </si>
  <si>
    <t>POINT (4.762259082697434 51.82391284034891)</t>
  </si>
  <si>
    <t>POINT (4.780653601485558 51.82550215746006)</t>
  </si>
  <si>
    <t>POINT (4.784168813868121 51.82054751946502)</t>
  </si>
  <si>
    <t>POINT (4.779536985173178 51.81966710886137)</t>
  </si>
  <si>
    <t>POINT (4.791242642428082 51.82303150757374)</t>
  </si>
  <si>
    <t>POINT (4.77968688596161 51.82249200701462)</t>
  </si>
  <si>
    <t>POINT (4.76621524931217 51.82196782608112)</t>
  </si>
  <si>
    <t>POINT (4.780570642911813 51.82366886816567)</t>
  </si>
  <si>
    <t>POINT (4.767724835087638 51.82117090190182)</t>
  </si>
  <si>
    <t>POINT (4.780133928474488 51.825863957726305)</t>
  </si>
  <si>
    <t>POINT (4.801548623946604 51.81968435540862)</t>
  </si>
  <si>
    <t>POINT (4.801240433144784 51.82053088847934)</t>
  </si>
  <si>
    <t>POINT (4.760877543635874 51.82542958202122)</t>
  </si>
  <si>
    <t>POINT (4.7918786682412735 51.81894772126041)</t>
  </si>
  <si>
    <t>POINT (4.774383118946513 51.81887808040191)</t>
  </si>
  <si>
    <t>POINT (4.802116347455858 51.82020672592966)</t>
  </si>
  <si>
    <t>POINT (4.736165629791278 51.83119994206273)</t>
  </si>
  <si>
    <t>POINT (4.769363333014082 51.826848458995734)</t>
  </si>
  <si>
    <t>POINT (4.737317536523513 51.82870494955586)</t>
  </si>
  <si>
    <t>POINT (4.8008344857777185 51.82275883432219)</t>
  </si>
  <si>
    <t>POINT (4.787344086949155 51.82400317821819)</t>
  </si>
  <si>
    <t>POINT (4.7833162080564 51.82121116702575)</t>
  </si>
  <si>
    <t>POINT (4.769526876315403 51.823467814512874)</t>
  </si>
  <si>
    <t>POINT (4.7497497489926195 51.82895945367127)</t>
  </si>
  <si>
    <t>POINT (4.767723803388869 51.827251135555244)</t>
  </si>
  <si>
    <t>POINT (4.740638269824888 51.82739459217294)</t>
  </si>
  <si>
    <t>POINT (4.747666210328419 51.82965714114694)</t>
  </si>
  <si>
    <t>POINT (4.796163292304052 51.82096717501222)</t>
  </si>
  <si>
    <t>POINT (4.795339820296386 51.82028654574209)</t>
  </si>
  <si>
    <t>POINT (4.7731069439623015 51.81697140227602)</t>
  </si>
  <si>
    <t>POINT (4.793054237400478 51.82287332439464)</t>
  </si>
  <si>
    <t>POINT (4.7698909358798085 51.82722920465334)</t>
  </si>
  <si>
    <t>POINT (4.767233537625073 51.82222761309564)</t>
  </si>
  <si>
    <t>POINT (4.776171442228366 51.821060304525)</t>
  </si>
  <si>
    <t>POINT (4.792480677889417 51.82165534478113)</t>
  </si>
  <si>
    <t>POINT (4.7884157360668524 51.81676466724418)</t>
  </si>
  <si>
    <t>POINT (4.7722750078885054 51.81804783441104)</t>
  </si>
  <si>
    <t>POINT (4.745401325499518 51.82807887641905)</t>
  </si>
  <si>
    <t>POINT (4.767699294981032 51.82168575033089)</t>
  </si>
  <si>
    <t>POINT (4.781508192770299 51.81972358903404)</t>
  </si>
  <si>
    <t>POINT (4.770796958423845 51.81869463024015)</t>
  </si>
  <si>
    <t>POINT (4.781822987115054 51.817278521108115)</t>
  </si>
  <si>
    <t>POINT (4.7383634541735375 51.826924987478286)</t>
  </si>
  <si>
    <t>POINT (4.767224067756129 51.82720804858054)</t>
  </si>
  <si>
    <t>POINT (4.758031632797839 51.828650703991094)</t>
  </si>
  <si>
    <t>POINT (4.73327953001049 51.825994750535564)</t>
  </si>
  <si>
    <t>POINT (4.790723337708962 51.82047926128586)</t>
  </si>
  <si>
    <t>POINT (4.768713488022745 51.82106548415283)</t>
  </si>
  <si>
    <t>POINT (4.791771756849638 51.81937737209849)</t>
  </si>
  <si>
    <t>POINT (4.743753168813092 51.82440376244681)</t>
  </si>
  <si>
    <t>POINT (4.773145457491071 51.822363767187376)</t>
  </si>
  <si>
    <t>POINT (4.788778358615414 51.81925230784568)</t>
  </si>
  <si>
    <t>POINT (4.781187722445982 51.82604054537655)</t>
  </si>
  <si>
    <t>POINT (4.790944652569784 51.81987770191288)</t>
  </si>
  <si>
    <t>POINT (4.765469100938929 51.82228914619817)</t>
  </si>
  <si>
    <t>POINT (4.799548774414501 51.826562925891096)</t>
  </si>
  <si>
    <t>POINT (4.773136542455486 51.82893778854658)</t>
  </si>
  <si>
    <t>POINT (4.788803591161551 51.82212617368769)</t>
  </si>
  <si>
    <t>POINT (4.770637343512445 51.82515784381364)</t>
  </si>
  <si>
    <t>POINT (4.774281793954793 51.818767261348285)</t>
  </si>
  <si>
    <t>POINT (4.773333847441284 51.818190812757145)</t>
  </si>
  <si>
    <t>POINT (4.7677622910590145 51.82730059609528)</t>
  </si>
  <si>
    <t>POINT (4.783955264430724 51.82005240983213)</t>
  </si>
  <si>
    <t>POINT (4.780667929857592 51.82469613603248)</t>
  </si>
  <si>
    <t>POINT (4.739413788366851 51.82926653999243)</t>
  </si>
  <si>
    <t>POINT (4.763020768172729 51.82385999547569)</t>
  </si>
  <si>
    <t>POINT (4.769178556861854 51.82635931638799)</t>
  </si>
  <si>
    <t>POINT (4.769701884108664 51.817321349675844)</t>
  </si>
  <si>
    <t>POINT (4.774540676464611 51.81730590012203)</t>
  </si>
  <si>
    <t>POINT (4.768843901877823 51.827384679237895)</t>
  </si>
  <si>
    <t>POINT (4.763206405234304 51.831646868260265)</t>
  </si>
  <si>
    <t>POINT (4.788887471503541 51.821653083250254)</t>
  </si>
  <si>
    <t>POINT (4.774037173323639 51.82134346063744)</t>
  </si>
  <si>
    <t>POINT (4.775696026571051 51.81979565160585)</t>
  </si>
  <si>
    <t>POINT (4.791471277592568 51.82105338479427)</t>
  </si>
  <si>
    <t>POINT (4.7712039986704085 51.81913559017843)</t>
  </si>
  <si>
    <t>POINT (4.77483943736916 51.82284766370029)</t>
  </si>
  <si>
    <t>POINT (4.777260032828903 51.821465419135805)</t>
  </si>
  <si>
    <t>POINT (4.770931381390501 51.819874189573305)</t>
  </si>
  <si>
    <t>POINT (4.763640757740578 51.82275697511983)</t>
  </si>
  <si>
    <t>POINT (4.769432612600786 51.81850274139763)</t>
  </si>
  <si>
    <t>POINT (4.740541711920609 51.82892538548007)</t>
  </si>
  <si>
    <t>POINT (4.79454768751732 51.82415212761763)</t>
  </si>
  <si>
    <t>POINT (4.760565041867025 51.828041076594296)</t>
  </si>
  <si>
    <t>POINT (4.758296455924884 51.82483044421151)</t>
  </si>
  <si>
    <t>POINT (4.791455426182207 51.82072728881333)</t>
  </si>
  <si>
    <t>POINT (4.790815557572362 51.81943984177639)</t>
  </si>
  <si>
    <t>POINT (4.774968092719307 51.81742300464467)</t>
  </si>
  <si>
    <t>POINT (4.782643848734709 51.817572184606405)</t>
  </si>
  <si>
    <t>POINT (4.8030812849703635 51.82048846969451)</t>
  </si>
  <si>
    <t>POINT (4.764332746445609 51.82245593608191)</t>
  </si>
  <si>
    <t>POINT (4.789701021980001 51.820559992293624)</t>
  </si>
  <si>
    <t>POINT (4.76761405214123 51.82604365920899)</t>
  </si>
  <si>
    <t>POINT (4.7749569582438465 51.818392365722254)</t>
  </si>
  <si>
    <t>POINT (4.787974388756027 51.819722982601775)</t>
  </si>
  <si>
    <t>POINT (4.788370711466646 51.83383735427681)</t>
  </si>
  <si>
    <t>POINT (4.773804707582916 51.8241009320546)</t>
  </si>
  <si>
    <t>POINT (4.761643489048033 51.82715156547284)</t>
  </si>
  <si>
    <t>POINT (4.754234861470519 51.832070495257774)</t>
  </si>
  <si>
    <t>POINT (4.762887047493788 51.82355493065044)</t>
  </si>
  <si>
    <t>POINT (4.752625678369179 51.828553920303435)</t>
  </si>
  <si>
    <t>POINT (4.761590710901776 51.827076589035514)</t>
  </si>
  <si>
    <t>POINT (4.798286286993437 51.821556889656385)</t>
  </si>
  <si>
    <t>POINT (4.76923409963953 51.821169006377986)</t>
  </si>
  <si>
    <t>POINT (4.801377748295392 51.819730422984655)</t>
  </si>
  <si>
    <t>POINT (4.76706007845161 51.82252143257914)</t>
  </si>
  <si>
    <t>POINT (4.767915184180241 51.82550629281139)</t>
  </si>
  <si>
    <t>POINT (4.780843206397166 51.81934443278042)</t>
  </si>
  <si>
    <t>POINT (4.756099431570656 51.82520264492222)</t>
  </si>
  <si>
    <t>POINT (4.777587515952169 51.82673352887329)</t>
  </si>
  <si>
    <t>POINT (4.794633053395493 51.82391481100492)</t>
  </si>
  <si>
    <t>POINT (4.770753027786876 51.81829045228351)</t>
  </si>
  <si>
    <t>POINT (4.774183214297158 51.826645509078176)</t>
  </si>
  <si>
    <t>POINT (4.7602413232375484 51.82822361407801)</t>
  </si>
  <si>
    <t>POINT (4.78409674855573 51.820892849896005)</t>
  </si>
  <si>
    <t>POINT (4.795141977702623 51.82025381828544)</t>
  </si>
  <si>
    <t>POINT (4.79889613620222 51.82341815407984)</t>
  </si>
  <si>
    <t>POINT (4.7848937883177465 51.82018558662571)</t>
  </si>
  <si>
    <t>POINT (4.755750609039462 51.82486828083707)</t>
  </si>
  <si>
    <t>POINT (4.7488494419267715 51.823395158366594)</t>
  </si>
  <si>
    <t>POINT (4.7884469813053965 51.818517958929675)</t>
  </si>
  <si>
    <t>POINT (4.799141045001339 51.82306882729019)</t>
  </si>
  <si>
    <t>POINT (4.736995161084463 51.82982211063825)</t>
  </si>
  <si>
    <t>POINT (4.774867556467213 51.81910145835952)</t>
  </si>
  <si>
    <t>POINT (4.773778749694705 51.825645843566065)</t>
  </si>
  <si>
    <t>POINT (4.762585283966512 51.82669888185374)</t>
  </si>
  <si>
    <t>POINT (4.7765733191995965 51.82367591592723)</t>
  </si>
  <si>
    <t>POINT (4.781146542475403 51.81709933020094)</t>
  </si>
  <si>
    <t>POINT (4.761598237155891 51.825437110646874)</t>
  </si>
  <si>
    <t>POINT (4.741258593513085 51.83055780609651)</t>
  </si>
  <si>
    <t>POINT (4.781896082940626 51.817516196707)</t>
  </si>
  <si>
    <t>POINT (4.759856072589911 51.8367026432507)</t>
  </si>
  <si>
    <t>POINT (4.738533325484486 51.828475993124385)</t>
  </si>
  <si>
    <t>POINT (4.805307786349274 51.82026178142411)</t>
  </si>
  <si>
    <t>POINT (4.798576232721599 51.82072393535739)</t>
  </si>
  <si>
    <t>POINT (4.7351287463574865 51.826698149519174)</t>
  </si>
  <si>
    <t>POINT (4.798964965623122 51.820211378572886)</t>
  </si>
  <si>
    <t>POINT (4.737579478281416 51.82890999133702)</t>
  </si>
  <si>
    <t>POINT (4.793021446855504 51.82275298123661)</t>
  </si>
  <si>
    <t>POINT (4.796412914001969 51.823512466013625)</t>
  </si>
  <si>
    <t>POINT (4.7760218929565115 51.817487911543026)</t>
  </si>
  <si>
    <t>POINT (4.787851466428223 51.820143020333106)</t>
  </si>
  <si>
    <t>POINT (4.744555914422978 51.828848978386716)</t>
  </si>
  <si>
    <t>POINT (4.796337249387559 51.82195931018048)</t>
  </si>
  <si>
    <t>POINT (4.744891354503929 51.829233099389974)</t>
  </si>
  <si>
    <t>POINT (4.763202458968141 51.825299854826554)</t>
  </si>
  <si>
    <t>POINT (4.786032005746513 51.817809089171604)</t>
  </si>
  <si>
    <t>POINT (4.777322113804492 51.8205219405668)</t>
  </si>
  <si>
    <t>POINT (4.736762838138621 51.82922926560159)</t>
  </si>
  <si>
    <t>POINT (4.770681485660749 51.818452410439434)</t>
  </si>
  <si>
    <t>POINT (4.7874953034112595 51.81921187214171)</t>
  </si>
  <si>
    <t>POINT (4.753508768848108 51.826961238208334)</t>
  </si>
  <si>
    <t>POINT (4.777066284486088 51.821066487608434)</t>
  </si>
  <si>
    <t>POINT (4.791036213052849 51.82164037674338)</t>
  </si>
  <si>
    <t>POINT (4.745532186407919 51.82386007305972)</t>
  </si>
  <si>
    <t>POINT (4.753066006877464 51.82821059859656)</t>
  </si>
  <si>
    <t>POINT (4.735871211819157 51.83145567950953)</t>
  </si>
  <si>
    <t>POINT (4.749968238450985 51.82960485245861)</t>
  </si>
  <si>
    <t>POINT (4.779400090756008 51.82349481618382)</t>
  </si>
  <si>
    <t>POINT (4.757005894086079 51.827672186884584)</t>
  </si>
  <si>
    <t>POINT (4.770698560803033 51.826790761486784)</t>
  </si>
  <si>
    <t>POINT (4.760564513661052 51.824594399334885)</t>
  </si>
  <si>
    <t>POINT (4.75397575030303 51.827166271291944)</t>
  </si>
  <si>
    <t>POINT (4.772723206654245 51.82132202755531)</t>
  </si>
  <si>
    <t>POINT (4.774723741835386 51.81875518670198)</t>
  </si>
  <si>
    <t>POINT (4.756832181808605 51.82522941336154)</t>
  </si>
  <si>
    <t>POINT (4.785167641127258 51.81797993594294)</t>
  </si>
  <si>
    <t>POINT (4.7534846344308965 51.82832683470514)</t>
  </si>
  <si>
    <t>POINT (4.781555712340554 51.81783838932745)</t>
  </si>
  <si>
    <t>POINT (4.785787992174117 51.82105370449805)</t>
  </si>
  <si>
    <t>POINT (4.7493890210558725 51.828422043634646)</t>
  </si>
  <si>
    <t>POINT (4.771588126917262 51.83418988251691)</t>
  </si>
  <si>
    <t>POINT (4.763315135269083 51.82677988533965)</t>
  </si>
  <si>
    <t>POINT (4.788518413717771 51.81878537394034)</t>
  </si>
  <si>
    <t>POINT (4.7660027863022885 51.82653320073921)</t>
  </si>
  <si>
    <t>POINT (4.799976375367656 51.819429404085184)</t>
  </si>
  <si>
    <t>POINT (4.796997601876888 51.823890500237596)</t>
  </si>
  <si>
    <t>POINT (4.769223390793042 51.82532182050949)</t>
  </si>
  <si>
    <t>POINT (4.765026639391923 51.822089825687435)</t>
  </si>
  <si>
    <t>POINT (4.747729209370448 51.823469193981445)</t>
  </si>
  <si>
    <t>POINT (4.758657759741592 51.82727718626031)</t>
  </si>
  <si>
    <t>POINT (4.790845630718721 51.819534734155134)</t>
  </si>
  <si>
    <t>POINT (4.742796994335542 51.82432022617386)</t>
  </si>
  <si>
    <t>POINT (4.770580409282601 51.816850292322506)</t>
  </si>
  <si>
    <t>POINT (4.784543581336186 51.82084220230457)</t>
  </si>
  <si>
    <t>POINT (4.73844186322197 51.82914585767195)</t>
  </si>
  <si>
    <t>POINT (4.755904867206842 51.82596158422368)</t>
  </si>
  <si>
    <t>POINT (4.763781753377195 51.81996685617101)</t>
  </si>
  <si>
    <t>POINT (4.779700579236404 51.8241460931419)</t>
  </si>
  <si>
    <t>POINT (4.737055713816862 51.829858373470216)</t>
  </si>
  <si>
    <t>POINT (4.783859974474419 51.820312319163754)</t>
  </si>
  <si>
    <t>POINT (4.754696193244776 51.8266044135053)</t>
  </si>
  <si>
    <t>POINT (4.770974100995656 51.81754493101245)</t>
  </si>
  <si>
    <t>POINT (4.773147702925867 51.81721592540003)</t>
  </si>
  <si>
    <t>POINT (4.753321109154199 51.83286716708015)</t>
  </si>
  <si>
    <t>POINT (4.789058409042912 51.820128233881725)</t>
  </si>
  <si>
    <t>POINT (4.783121178534459 51.81688845398039)</t>
  </si>
  <si>
    <t>POINT (4.765313705302415 51.82328718893842)</t>
  </si>
  <si>
    <t>POINT (4.783373673535921 51.82142566047892)</t>
  </si>
  <si>
    <t>POINT (4.740933949585333 51.83060388354775)</t>
  </si>
  <si>
    <t>POINT (4.738304193634277 51.82772507715927)</t>
  </si>
  <si>
    <t>POINT (4.790428288990428 51.823943664926894)</t>
  </si>
  <si>
    <t>POINT (4.773936388583793 51.81799423624968)</t>
  </si>
  <si>
    <t>POINT (4.803035135203634 51.82044572410531)</t>
  </si>
  <si>
    <t>POINT (4.7743383467269584 51.81874679302654)</t>
  </si>
  <si>
    <t>POINT (4.770068702719752 51.82720344329064)</t>
  </si>
  <si>
    <t>POINT (4.779993410524022 51.82553542656276)</t>
  </si>
  <si>
    <t>POINT (4.782523520621576 51.821677278523715)</t>
  </si>
  <si>
    <t>POINT (4.77000242179551 51.8259525134263)</t>
  </si>
  <si>
    <t>POINT (4.769891589630568 51.81793545944646)</t>
  </si>
  <si>
    <t>POINT (4.781215336498976 51.81999479092873)</t>
  </si>
  <si>
    <t>POINT (4.765307645652107 51.8233163697462)</t>
  </si>
  <si>
    <t>POINT (4.796010667392988 51.82371277337737)</t>
  </si>
  <si>
    <t>POINT (4.797192870403249 51.82091869318215)</t>
  </si>
  <si>
    <t>POINT (4.762325944307027 51.82683251014884)</t>
  </si>
  <si>
    <t>POINT (4.750249522782057 51.82955433511212)</t>
  </si>
  <si>
    <t>POINT (4.792546881108206 51.822134411478736)</t>
  </si>
  <si>
    <t>POINT (4.76739701909795 51.82633005822658)</t>
  </si>
  <si>
    <t>POINT (4.7731837956121 51.822456280506344)</t>
  </si>
  <si>
    <t>POINT (4.775215694859574 51.81730321970258)</t>
  </si>
  <si>
    <t>POINT (4.748896310983506 51.82369405951287)</t>
  </si>
  <si>
    <t>POINT (4.741014699158456 51.82888293029177)</t>
  </si>
  <si>
    <t>POINT (4.77615947939838 51.818764917315924)</t>
  </si>
  <si>
    <t>POINT (4.762576878027864 51.82542137903105)</t>
  </si>
  <si>
    <t>POINT (4.801619806623599 51.822355303213)</t>
  </si>
  <si>
    <t>POINT (4.742508290201502 51.82626017920254)</t>
  </si>
  <si>
    <t>POINT (4.743358134925327 51.82756297753949)</t>
  </si>
  <si>
    <t>POINT (4.801346456265332 51.82210468629392)</t>
  </si>
  <si>
    <t>POINT (4.788460519413566 51.821964876982825)</t>
  </si>
  <si>
    <t>POINT (4.740566189499099 51.827413610502234)</t>
  </si>
  <si>
    <t>POINT (4.774934847358412 51.82346945220247)</t>
  </si>
  <si>
    <t>POINT (4.7516723737425774 51.82800234634784)</t>
  </si>
  <si>
    <t>POINT (4.762455491029222 51.82826580058152)</t>
  </si>
  <si>
    <t>POINT (4.791757483704142 51.82344453853232)</t>
  </si>
  <si>
    <t>POINT (4.770235497801596 51.817710665400114)</t>
  </si>
  <si>
    <t>POINT (4.750200510132033 51.82553472885235)</t>
  </si>
  <si>
    <t>POINT (4.779980918671771 51.82341665550907)</t>
  </si>
  <si>
    <t>POINT (4.770781668521946 51.82707811344298)</t>
  </si>
  <si>
    <t>POINT (4.759430618992715 51.82467696796661)</t>
  </si>
  <si>
    <t>POINT (4.7692033791557655 51.82521555997748)</t>
  </si>
  <si>
    <t>POINT (4.780226300794286 51.81698942619288)</t>
  </si>
  <si>
    <t>POINT (4.767175176522071 51.82246334515151)</t>
  </si>
  <si>
    <t>POINT (4.7692263730163 51.8235914437851)</t>
  </si>
  <si>
    <t>POINT (4.791453999701799 51.8221192518294)</t>
  </si>
  <si>
    <t>POINT (4.766181118108227 51.82678222928279)</t>
  </si>
  <si>
    <t>POINT (4.784172929833261 51.81690042427201)</t>
  </si>
  <si>
    <t>POINT (4.768929391132554 51.827021811068384)</t>
  </si>
  <si>
    <t>POINT (4.747724970633385 51.82809254673661)</t>
  </si>
  <si>
    <t>POINT (4.753066899239947 51.82450784180084)</t>
  </si>
  <si>
    <t>POINT (4.792122697381927 51.82141407486626)</t>
  </si>
  <si>
    <t>POINT (4.781239509159646 51.81765707543839)</t>
  </si>
  <si>
    <t>POINT (4.784667959428411 51.82014209134017)</t>
  </si>
  <si>
    <t>POINT (4.7691958809893515 51.82351964421762)</t>
  </si>
  <si>
    <t>POINT (4.776052565234808 51.82172987435177)</t>
  </si>
  <si>
    <t>POINT (4.7682528140610385 51.817884672116634)</t>
  </si>
  <si>
    <t>POINT (4.759288373950993 51.82808809605058)</t>
  </si>
  <si>
    <t>POINT (4.758756133874489 51.824550125114676)</t>
  </si>
  <si>
    <t>POINT (4.735068438503581 51.82955261380077)</t>
  </si>
  <si>
    <t>POINT (4.771539930756438 51.822139271205124)</t>
  </si>
  <si>
    <t>POINT (4.80017522989371 51.82191268139109)</t>
  </si>
  <si>
    <t>POINT (4.775218088332474 51.81828074106488)</t>
  </si>
  <si>
    <t>POINT (4.767357216657887 51.82608095416034)</t>
  </si>
  <si>
    <t>POINT (4.762048303748511 51.82500158445131)</t>
  </si>
  <si>
    <t>POINT (4.77824223471975 51.82450533325694)</t>
  </si>
  <si>
    <t>POINT (4.767761595137181 51.830095322061325)</t>
  </si>
  <si>
    <t>POINT (4.786798556813851 51.821867490422534)</t>
  </si>
  <si>
    <t>POINT (4.774383523834558 51.82214498377559)</t>
  </si>
  <si>
    <t>POINT (4.779779118479388 51.82413591105526)</t>
  </si>
  <si>
    <t>POINT (4.792545957886928 51.82111591182212)</t>
  </si>
  <si>
    <t>POINT (4.769844800580721 51.817888922098476)</t>
  </si>
  <si>
    <t>POINT (4.787577183998587 51.82368734227277)</t>
  </si>
  <si>
    <t>POINT (4.767713182959181 51.81732219526076)</t>
  </si>
  <si>
    <t>POINT (4.767259363596566 51.82180734422344)</t>
  </si>
  <si>
    <t>POINT (4.767753634050128 51.82225220133695)</t>
  </si>
  <si>
    <t>POINT (4.747936989143348 51.82984629791799)</t>
  </si>
  <si>
    <t>POINT (4.762205430230742 51.826798700655786)</t>
  </si>
  <si>
    <t>POINT (4.778388933371482 51.82335492697422)</t>
  </si>
  <si>
    <t>POINT (4.7733022351009575 51.82445263505521)</t>
  </si>
  <si>
    <t>POINT (4.783954763903158 51.81692501047456)</t>
  </si>
  <si>
    <t>POINT (4.757055177313615 51.826222501863064)</t>
  </si>
  <si>
    <t>POINT (4.77185025573741 51.82935908886907)</t>
  </si>
  <si>
    <t>POINT (4.78082737698838 51.81899011098794)</t>
  </si>
  <si>
    <t>POINT (4.73875685194256 51.82939619587896)</t>
  </si>
  <si>
    <t>POINT (4.764680518079971 51.82267009156635)</t>
  </si>
  <si>
    <t>POINT (4.768195580131234 51.82650990900702)</t>
  </si>
  <si>
    <t>POINT (4.7413670661058465 51.83086557030954)</t>
  </si>
  <si>
    <t>POINT (4.778585689112529 51.82575637399268)</t>
  </si>
  <si>
    <t>POINT (4.751416622203256 51.8237244569624)</t>
  </si>
  <si>
    <t>POINT (4.754081282658962 51.82888572897811)</t>
  </si>
  <si>
    <t>POINT (4.774532483188723 51.82872944661059)</t>
  </si>
  <si>
    <t>POINT (4.773775284929143 51.826976854284865)</t>
  </si>
  <si>
    <t>POINT (4.774417078944451 51.818865853462206)</t>
  </si>
  <si>
    <t>POINT (4.7453450090881235 51.82998567920829)</t>
  </si>
  <si>
    <t>POINT (4.774310070958285 51.818756982251095)</t>
  </si>
  <si>
    <t>POINT (4.751125763513911 51.82339740396053)</t>
  </si>
  <si>
    <t>POINT (4.769098266558306 51.82734817697794)</t>
  </si>
  <si>
    <t>POINT (4.74035507872657 51.82823508425131)</t>
  </si>
  <si>
    <t>POINT (4.760590581201189 51.82671548611302)</t>
  </si>
  <si>
    <t>POINT (4.7393613819426985 51.829308371366366)</t>
  </si>
  <si>
    <t>POINT (4.774257711726534 51.82676760346092)</t>
  </si>
  <si>
    <t>POINT (4.770854413048132 51.81838554471018)</t>
  </si>
  <si>
    <t>POINT (4.737664296946894 51.8287019251004)</t>
  </si>
  <si>
    <t>POINT (4.781884223595909 51.81725447789015)</t>
  </si>
  <si>
    <t>POINT (4.770042313702981 51.826058428901746)</t>
  </si>
  <si>
    <t>POINT (4.762119528521299 51.82478183321338)</t>
  </si>
  <si>
    <t>POINT (4.737144806957285 51.83080247236533)</t>
  </si>
  <si>
    <t>POINT (4.7793457899849265 51.825007636179805)</t>
  </si>
  <si>
    <t>POINT (4.787710664853998 51.820936621681355)</t>
  </si>
  <si>
    <t>POINT (4.801399609292876 51.82137418127029)</t>
  </si>
  <si>
    <t>POINT (4.771693061215276 51.818796230024105)</t>
  </si>
  <si>
    <t>POINT (4.780814760988334 51.818946810728335)</t>
  </si>
  <si>
    <t>POINT (4.769972432430517 51.819848476813235)</t>
  </si>
  <si>
    <t>POINT (4.788005291066049 51.81889304531033)</t>
  </si>
  <si>
    <t>POINT (4.765216520343977 51.823791742780024)</t>
  </si>
  <si>
    <t>POINT (4.774017064256763 51.824612952553906)</t>
  </si>
  <si>
    <t>POINT (4.751861767310284 51.82510508895618)</t>
  </si>
  <si>
    <t>POINT (4.77840805023379 51.82341084520427)</t>
  </si>
  <si>
    <t>POINT (4.75930626238293 51.82525274117423)</t>
  </si>
  <si>
    <t>POINT (4.742728319541028 51.829097551711754)</t>
  </si>
  <si>
    <t>POINT (4.758806438982642 51.82776705141277)</t>
  </si>
  <si>
    <t>POINT (4.771071169472794 51.818114957712616)</t>
  </si>
  <si>
    <t>POINT (4.781715405870887 51.81647699345692)</t>
  </si>
  <si>
    <t>POINT (4.774137690958945 51.8216846530445)</t>
  </si>
  <si>
    <t>POINT (4.7735547487058865 51.818125991689534)</t>
  </si>
  <si>
    <t>POINT (4.760885254651409 51.82485381409045)</t>
  </si>
  <si>
    <t>POINT (4.767144252249391 51.82763197799845)</t>
  </si>
  <si>
    <t>POINT (4.789312397475819 51.819109684195205)</t>
  </si>
  <si>
    <t>POINT (4.748294988066298 51.829808337590585)</t>
  </si>
  <si>
    <t>POINT (4.789717120880272 51.82093211132043)</t>
  </si>
  <si>
    <t>POINT (4.745886218159568 51.82498362366598)</t>
  </si>
  <si>
    <t>POINT (4.753317112324266 51.8267568813981)</t>
  </si>
  <si>
    <t>POINT (4.783388039689644 51.82147930630699)</t>
  </si>
  <si>
    <t>POINT (4.752384643736357 51.82714832909625)</t>
  </si>
  <si>
    <t>POINT (4.7804023503835396 51.823692716867896)</t>
  </si>
  <si>
    <t>POINT (4.772926754254448 51.81888107379037)</t>
  </si>
  <si>
    <t>POINT (4.7727990112260406 51.82878537384628)</t>
  </si>
  <si>
    <t>POINT (4.774174188545181 51.817379850142665)</t>
  </si>
  <si>
    <t>POINT (4.7674777846217005 51.82654351409394)</t>
  </si>
  <si>
    <t>POINT (4.766941773576759 51.825363358168886)</t>
  </si>
  <si>
    <t>POINT (4.788701812609001 51.819260636464165)</t>
  </si>
  <si>
    <t>POINT (4.739019206091932 51.82957430681656)</t>
  </si>
  <si>
    <t>POINT (4.769945730960085 51.82580219588628)</t>
  </si>
  <si>
    <t>POINT (4.752249571929281 51.828663075391745)</t>
  </si>
  <si>
    <t>POINT (4.789494945360809 51.819693612966674)</t>
  </si>
  <si>
    <t>POINT (4.772346085068931 51.818514984211554)</t>
  </si>
  <si>
    <t>POINT (4.737111192513843 51.82940666185558)</t>
  </si>
  <si>
    <t>POINT (4.754391396634106 51.82662337258798)</t>
  </si>
  <si>
    <t>POINT (4.774767505002146 51.818000014205914)</t>
  </si>
  <si>
    <t>POINT (4.774578897197615 51.818047298597854)</t>
  </si>
  <si>
    <t>POINT (4.771865659365138 51.819199733922346)</t>
  </si>
  <si>
    <t>POINT (4.782470942116342 51.81882834700089)</t>
  </si>
  <si>
    <t>POINT (4.7999986446792064 51.82212905173921)</t>
  </si>
  <si>
    <t>POINT (4.765640301231221 51.82421726023178)</t>
  </si>
  <si>
    <t>POINT (4.770029995610062 51.82099284704013)</t>
  </si>
  <si>
    <t>POINT (4.792380976957109 51.82030745265795)</t>
  </si>
  <si>
    <t>POINT (4.786709439051844 51.821523491192245)</t>
  </si>
  <si>
    <t>POINT (4.768356389567236 51.817999373410416)</t>
  </si>
  <si>
    <t>POINT (4.777637618164335 51.825475622017954)</t>
  </si>
  <si>
    <t>POINT (4.777320503149883 51.82366407056317)</t>
  </si>
  <si>
    <t>POINT (4.763452565637164 51.820025690330795)</t>
  </si>
  <si>
    <t>POINT (4.7697637486622915 51.82629489173425)</t>
  </si>
  <si>
    <t>POINT (4.797149328126851 51.82063281758583)</t>
  </si>
  <si>
    <t>POINT (4.798727223279105 51.82022393935239)</t>
  </si>
  <si>
    <t>POINT (4.773321751232264 51.825905920992724)</t>
  </si>
  <si>
    <t>POINT (4.741915652020898 51.83073233799152)</t>
  </si>
  <si>
    <t>POINT (4.766458685327161 51.82139784395071)</t>
  </si>
  <si>
    <t>POINT (4.744273926260475 51.82543541552717)</t>
  </si>
  <si>
    <t>POINT (4.798439046403063 51.82246550121948)</t>
  </si>
  <si>
    <t>POINT (4.792113161889178 51.82093880073187)</t>
  </si>
  <si>
    <t>POINT (4.789416053514716 51.821333446242754)</t>
  </si>
  <si>
    <t>POINT (4.761219659666816 51.82488166485634)</t>
  </si>
  <si>
    <t>POINT (4.751109441433342 51.8321595771256)</t>
  </si>
  <si>
    <t>POINT (4.773552298254767 51.82988708893677)</t>
  </si>
  <si>
    <t>POINT (4.803064872597173 51.82181096535174)</t>
  </si>
  <si>
    <t>POINT (4.797630387612994 51.820714154575995)</t>
  </si>
  <si>
    <t>POINT (4.786402597032056 51.82002694097942)</t>
  </si>
  <si>
    <t>POINT (4.7656910060886055 51.825652556586256)</t>
  </si>
  <si>
    <t>POINT (4.767427276847098 51.82418248547367)</t>
  </si>
  <si>
    <t>POINT (4.776012299843844 51.82168283417403)</t>
  </si>
  <si>
    <t>POINT (4.779861021461935 51.81864318877049)</t>
  </si>
  <si>
    <t>POINT (4.780329769749761 51.82618532320874)</t>
  </si>
  <si>
    <t>POINT (4.77464825471545 51.823723322526156)</t>
  </si>
  <si>
    <t>POINT (4.79788231755735 51.82136951783964)</t>
  </si>
  <si>
    <t>POINT (4.761767983798841 51.82689857092858)</t>
  </si>
  <si>
    <t>POINT (4.788504183746468 51.81873199909376)</t>
  </si>
  <si>
    <t>POINT (4.79908537789909 51.82297740433865)</t>
  </si>
  <si>
    <t>POINT (4.769343597675822 51.82679604157148)</t>
  </si>
  <si>
    <t>POINT (4.782578972985752 51.82021413367476)</t>
  </si>
  <si>
    <t>POINT (4.7736708297567665 51.82549633876438)</t>
  </si>
  <si>
    <t>POINT (4.774673068401953 51.81709410091263)</t>
  </si>
  <si>
    <t>POINT (4.7969414606468685 51.823658312944076)</t>
  </si>
  <si>
    <t>POINT (4.757712061649978 51.82680084680543)</t>
  </si>
  <si>
    <t>POINT (4.766981250886621 51.82253674610406)</t>
  </si>
  <si>
    <t>POINT (4.791852477763833 51.82379710264579)</t>
  </si>
  <si>
    <t>POINT (4.761508377262576 51.825818197288676)</t>
  </si>
  <si>
    <t>POINT (4.740330052359512 51.82813921772777)</t>
  </si>
  <si>
    <t>POINT (4.780610833714482 51.81680215958318)</t>
  </si>
  <si>
    <t>POINT (4.792177929813316 51.82285576207446)</t>
  </si>
  <si>
    <t>POINT (4.739313892411187 51.82934522320375)</t>
  </si>
  <si>
    <t>POINT (4.7912795705429625 51.81948129889804)</t>
  </si>
  <si>
    <t>POINT (4.773787107467437 51.82687561478539)</t>
  </si>
  <si>
    <t>POINT (4.780361118070522 51.81691861915168)</t>
  </si>
  <si>
    <t>POINT (4.770660104390886 51.819326438457914)</t>
  </si>
  <si>
    <t>POINT (4.772797560540362 51.82325208608207)</t>
  </si>
  <si>
    <t>POINT (4.798392563535909 51.82337005705876)</t>
  </si>
  <si>
    <t>POINT (4.781775264369954 51.819168933335405)</t>
  </si>
  <si>
    <t>POINT (4.769688905777622 51.81819470282449)</t>
  </si>
  <si>
    <t>POINT (4.795606694364618 51.8236906935332)</t>
  </si>
  <si>
    <t>POINT (4.738303892873193 51.82804821581095)</t>
  </si>
  <si>
    <t>POINT (4.802734642683526 51.82226638991191)</t>
  </si>
  <si>
    <t>POINT (4.740354371469388 51.83095559717693)</t>
  </si>
  <si>
    <t>POINT (4.767474188249397 51.82175705496429)</t>
  </si>
  <si>
    <t>POINT (4.756013069775609 51.824740256722905)</t>
  </si>
  <si>
    <t>POINT (4.792202649160248 51.82216987969819)</t>
  </si>
  <si>
    <t>POINT (4.748844152937744 51.82891291524186)</t>
  </si>
  <si>
    <t>POINT (4.795930744139061 51.822717516222994)</t>
  </si>
  <si>
    <t>POINT (4.773915871824027 51.8233401800279)</t>
  </si>
  <si>
    <t>POINT (4.73878920601864 51.828316151305444)</t>
  </si>
  <si>
    <t>POINT (4.777032979898126 51.822701786924476)</t>
  </si>
  <si>
    <t>POINT (4.768402334069428 51.817367717603)</t>
  </si>
  <si>
    <t>POINT (4.7620287305669295 51.82663227980307)</t>
  </si>
  <si>
    <t>POINT (4.801686954046218 51.8208039422634)</t>
  </si>
  <si>
    <t>POINT (4.782231639516095 51.81942206795657)</t>
  </si>
  <si>
    <t>POINT (4.750687906753341 51.82847763236218)</t>
  </si>
  <si>
    <t>POINT (4.743007486343877 51.82784576764115)</t>
  </si>
  <si>
    <t>POINT (4.797664988885577 51.82096304205756)</t>
  </si>
  <si>
    <t>POINT (4.7739081809371555 51.82339371179446)</t>
  </si>
  <si>
    <t>POINT (4.758335192282217 51.82506911909899)</t>
  </si>
  <si>
    <t>POINT (4.760064836060341 51.82687447300354)</t>
  </si>
  <si>
    <t>POINT (4.764896910164059 51.82492000410982)</t>
  </si>
  <si>
    <t>POINT (4.779047246430296 51.82552049704422)</t>
  </si>
  <si>
    <t>POINT (4.773458956609784 51.8176410058845)</t>
  </si>
  <si>
    <t>POINT (4.735956110176758 51.83045997967321)</t>
  </si>
  <si>
    <t>POINT (4.774122546537894 51.82390718082365)</t>
  </si>
  <si>
    <t>POINT (4.789189880565385 51.8234251933628)</t>
  </si>
  <si>
    <t>POINT (4.75213542496237 51.827240821958576)</t>
  </si>
  <si>
    <t>POINT (4.7369477015825305 51.82534044370827)</t>
  </si>
  <si>
    <t>POINT (4.7611874447462155 51.82545694256575)</t>
  </si>
  <si>
    <t>POINT (4.740542697290102 51.82892546281711)</t>
  </si>
  <si>
    <t>POINT (4.762300448688845 51.82396330680227)</t>
  </si>
  <si>
    <t>POINT (4.760668726538845 51.832155076111725)</t>
  </si>
  <si>
    <t>POINT (4.782321581402554 51.81697790689813)</t>
  </si>
  <si>
    <t>POINT (4.7764390109683115 51.81930757498512)</t>
  </si>
  <si>
    <t>POINT (4.786008544001647 51.82035138837614)</t>
  </si>
  <si>
    <t>POINT (4.78721461667028 51.822124174356674)</t>
  </si>
  <si>
    <t>POINT (4.7750722323349155 51.82379906094065)</t>
  </si>
  <si>
    <t>3331GL</t>
  </si>
  <si>
    <t>Langeraarstraat</t>
  </si>
  <si>
    <t>POINT (4.637652862948935 51.82387969764629)</t>
  </si>
  <si>
    <t>BU06420311</t>
  </si>
  <si>
    <t>Langeraarstraat en omgeving</t>
  </si>
  <si>
    <t>WK064203</t>
  </si>
  <si>
    <t>Wijk 03 Noord</t>
  </si>
  <si>
    <t>GM0642</t>
  </si>
  <si>
    <t>Zwijndrecht</t>
  </si>
  <si>
    <t>3335DL</t>
  </si>
  <si>
    <t>Refter</t>
  </si>
  <si>
    <t>POINT (4.605947780225267 51.82192733962505)</t>
  </si>
  <si>
    <t>BU06420406</t>
  </si>
  <si>
    <t>Klarinetsingel en omgeving</t>
  </si>
  <si>
    <t>WK064204</t>
  </si>
  <si>
    <t>Wijk 04 Heer Oudelands Ambacht</t>
  </si>
  <si>
    <t>3331KR</t>
  </si>
  <si>
    <t>van Meelstraat</t>
  </si>
  <si>
    <t>3331KP-3331KR</t>
  </si>
  <si>
    <t>POINT (4.634276597671539 51.82424055665209)</t>
  </si>
  <si>
    <t>BU06420310</t>
  </si>
  <si>
    <t>Pilotenbuurt</t>
  </si>
  <si>
    <t>3334SB</t>
  </si>
  <si>
    <t>POINT (4.611150871316407 51.81372455854884)</t>
  </si>
  <si>
    <t>BU06420605</t>
  </si>
  <si>
    <t>Leeuwerik- en Fazantplein</t>
  </si>
  <si>
    <t>WK064206</t>
  </si>
  <si>
    <t>Wijk 06 Nederhoven</t>
  </si>
  <si>
    <t>3332RG</t>
  </si>
  <si>
    <t>Hoofdland</t>
  </si>
  <si>
    <t>3332RG-3332RH</t>
  </si>
  <si>
    <t>POINT (4.651936072924348 51.828349317151314)</t>
  </si>
  <si>
    <t>BU06420112</t>
  </si>
  <si>
    <t>De Were en omgeving</t>
  </si>
  <si>
    <t>WK064201</t>
  </si>
  <si>
    <t>Wijk 01 Walburg</t>
  </si>
  <si>
    <t>3331LK</t>
  </si>
  <si>
    <t>Ringdijk</t>
  </si>
  <si>
    <t>3331LD</t>
  </si>
  <si>
    <t>POINT (4.6561837105139645 51.81808366080222)</t>
  </si>
  <si>
    <t>BU06420201</t>
  </si>
  <si>
    <t>Veerplein - De Werf</t>
  </si>
  <si>
    <t>WK064202</t>
  </si>
  <si>
    <t>Wijk 02 Centrum</t>
  </si>
  <si>
    <t>3334BA</t>
  </si>
  <si>
    <t>3334BA-3334BC</t>
  </si>
  <si>
    <t>POINT (4.608462693666965 51.81485355952792)</t>
  </si>
  <si>
    <t>BU06420607</t>
  </si>
  <si>
    <t>Boshuizen - Rechteren</t>
  </si>
  <si>
    <t>3332NR</t>
  </si>
  <si>
    <t>Zonnestein</t>
  </si>
  <si>
    <t>3332NM-3332NZ</t>
  </si>
  <si>
    <t>POINT (4.638667424800993 51.82538631279266)</t>
  </si>
  <si>
    <t>BU06420114</t>
  </si>
  <si>
    <t>Eem- en Zonnestein</t>
  </si>
  <si>
    <t>3331GM</t>
  </si>
  <si>
    <t>POINT (4.637099988500292 51.82338609312228)</t>
  </si>
  <si>
    <t>3331RJ</t>
  </si>
  <si>
    <t>3331LL-3331RJ</t>
  </si>
  <si>
    <t>POINT (4.6419464195304405 51.81633274443507)</t>
  </si>
  <si>
    <t>BU06420206</t>
  </si>
  <si>
    <t>Voormalig veilingterrein</t>
  </si>
  <si>
    <t>2995AD</t>
  </si>
  <si>
    <t>Burgemeester G.H. Dercksenstraat</t>
  </si>
  <si>
    <t>POINT (4.567661555865196 51.835774100156144)</t>
  </si>
  <si>
    <t>BU06420802</t>
  </si>
  <si>
    <t>Dorp-Noordoost</t>
  </si>
  <si>
    <t>WK064208</t>
  </si>
  <si>
    <t>Wijk 08 Bebouwde kom Heerjansdam</t>
  </si>
  <si>
    <t>2995CB</t>
  </si>
  <si>
    <t>Tjasker</t>
  </si>
  <si>
    <t>POINT (4.567408654648889 51.83888233107444)</t>
  </si>
  <si>
    <t>3335AN</t>
  </si>
  <si>
    <t>Sweelinckplantsoen</t>
  </si>
  <si>
    <t>POINT (4.615805823797151 51.81815662104881)</t>
  </si>
  <si>
    <t>BU06420402</t>
  </si>
  <si>
    <t>Componistenbuurt-Zuid</t>
  </si>
  <si>
    <t>3332CJ</t>
  </si>
  <si>
    <t>3332CH-3332CJ</t>
  </si>
  <si>
    <t>POINT (4.662090009487297 51.825429107503936)</t>
  </si>
  <si>
    <t>BU06420109</t>
  </si>
  <si>
    <t>Staatsliedenbuurt-Zuid</t>
  </si>
  <si>
    <t>3334CM</t>
  </si>
  <si>
    <t>Moermond</t>
  </si>
  <si>
    <t>POINT (4.608430304598809 51.81417968440309)</t>
  </si>
  <si>
    <t>BU06420606</t>
  </si>
  <si>
    <t>Moermond-Zuid</t>
  </si>
  <si>
    <t>3334XC</t>
  </si>
  <si>
    <t>IJsvogelplein</t>
  </si>
  <si>
    <t>3334XA-3334XG</t>
  </si>
  <si>
    <t>POINT (4.622275239811555 51.81283221807018)</t>
  </si>
  <si>
    <t>BU06420601</t>
  </si>
  <si>
    <t>3333SW</t>
  </si>
  <si>
    <t>3333SV-3333SW</t>
  </si>
  <si>
    <t>POINT (4.630777750716246 51.81239713282087)</t>
  </si>
  <si>
    <t>BU06420511</t>
  </si>
  <si>
    <t>Bloemenbuurt M(adelief) - Z(onnenbloem)</t>
  </si>
  <si>
    <t>WK064205</t>
  </si>
  <si>
    <t>Wijk 05 Kort Ambacht</t>
  </si>
  <si>
    <t>3334CT</t>
  </si>
  <si>
    <t>Rijnestein</t>
  </si>
  <si>
    <t>3334CA-3334CT</t>
  </si>
  <si>
    <t>POINT (4.6058349426698735 51.81295456262139)</t>
  </si>
  <si>
    <t>3331XH</t>
  </si>
  <si>
    <t>POINT (4.650901680423936 51.818216599374914)</t>
  </si>
  <si>
    <t>BU06420209</t>
  </si>
  <si>
    <t>Juliandorp</t>
  </si>
  <si>
    <t>2995XC</t>
  </si>
  <si>
    <t>Develweg</t>
  </si>
  <si>
    <t>2995VL</t>
  </si>
  <si>
    <t>Lage Nes</t>
  </si>
  <si>
    <t>POINT (4.569165797983481 51.834010502022444)</t>
  </si>
  <si>
    <t>BU06420803</t>
  </si>
  <si>
    <t>Dorp-Zuidoost</t>
  </si>
  <si>
    <t>3335AM</t>
  </si>
  <si>
    <t>3335AL-3335AM</t>
  </si>
  <si>
    <t>POINT (4.61794080028719 51.81740301635145)</t>
  </si>
  <si>
    <t>3333VE</t>
  </si>
  <si>
    <t>Perkstraat</t>
  </si>
  <si>
    <t>POINT (4.638516512984355 51.80978602348835)</t>
  </si>
  <si>
    <t>BU06420506</t>
  </si>
  <si>
    <t>Dichtersbuurt-Midden</t>
  </si>
  <si>
    <t>3332KH</t>
  </si>
  <si>
    <t>De Were</t>
  </si>
  <si>
    <t>POINT (4.647513051741512 51.82646515010951)</t>
  </si>
  <si>
    <t>3331LA</t>
  </si>
  <si>
    <t>Maasplein</t>
  </si>
  <si>
    <t>3331LA-3331LB</t>
  </si>
  <si>
    <t>POINT (4.656515794088068 51.81748101527042)</t>
  </si>
  <si>
    <t>2995VA</t>
  </si>
  <si>
    <t>Jhr V.P.A. Beelaerts van Bloklandlaan</t>
  </si>
  <si>
    <t>2995TP-2995VA</t>
  </si>
  <si>
    <t>POINT (4.57011547636799 51.83616357381097)</t>
  </si>
  <si>
    <t>3334KA</t>
  </si>
  <si>
    <t>Fruiteniersstraat</t>
  </si>
  <si>
    <t>POINT (4.595187729769747 51.81246365390222)</t>
  </si>
  <si>
    <t>BU06420703</t>
  </si>
  <si>
    <t>De Geer-West</t>
  </si>
  <si>
    <t>WK064207</t>
  </si>
  <si>
    <t>Wijk 07 Verspreide bebouwing</t>
  </si>
  <si>
    <t>3331RE</t>
  </si>
  <si>
    <t>Veilingdreef</t>
  </si>
  <si>
    <t>3331RD-3331RE</t>
  </si>
  <si>
    <t>POINT (4.644769292043616 51.81551910152503)</t>
  </si>
  <si>
    <t>3332NH</t>
  </si>
  <si>
    <t>Eemstein</t>
  </si>
  <si>
    <t>3332MX-3332NL</t>
  </si>
  <si>
    <t>POINT (4.6419956324371885 51.826173254850005)</t>
  </si>
  <si>
    <t>3334AL</t>
  </si>
  <si>
    <t>POINT (4.618915578076096 51.81379842746582)</t>
  </si>
  <si>
    <t>BU06420602</t>
  </si>
  <si>
    <t>Vogelbuurt-Oost</t>
  </si>
  <si>
    <t>3335DG</t>
  </si>
  <si>
    <t>Trompetstraat</t>
  </si>
  <si>
    <t>POINT (4.607768173055152 51.82055908112771)</t>
  </si>
  <si>
    <t>3335KK</t>
  </si>
  <si>
    <t>3335KB-3335LB</t>
  </si>
  <si>
    <t>POINT (4.619472672929536 51.83041646234628)</t>
  </si>
  <si>
    <t>BU06420708</t>
  </si>
  <si>
    <t>Bakestein</t>
  </si>
  <si>
    <t>3331BK</t>
  </si>
  <si>
    <t>Lodewijk van Nassaustraat</t>
  </si>
  <si>
    <t>POINT (4.646965277431025 51.820316358533184)</t>
  </si>
  <si>
    <t>BU06420208</t>
  </si>
  <si>
    <t>Prins Bernhardstraat en omgeving</t>
  </si>
  <si>
    <t>3333ER</t>
  </si>
  <si>
    <t>POINT (4.626346559068573 51.81110546390557)</t>
  </si>
  <si>
    <t>BU06420514</t>
  </si>
  <si>
    <t>Bloemenbuurt H(yacinth) - L(Obelia)</t>
  </si>
  <si>
    <t>3331SM</t>
  </si>
  <si>
    <t>POINT (4.635637892304556 51.8227159989623)</t>
  </si>
  <si>
    <t>BU06420305</t>
  </si>
  <si>
    <t>Planetenbuurt</t>
  </si>
  <si>
    <t>3331CR</t>
  </si>
  <si>
    <t>POINT (4.639711571485209 51.8176195551655)</t>
  </si>
  <si>
    <t>BU06420303</t>
  </si>
  <si>
    <t>3332CR</t>
  </si>
  <si>
    <t>Talmaplantsoen</t>
  </si>
  <si>
    <t>POINT (4.65978309074235 51.82488874436499)</t>
  </si>
  <si>
    <t>3333AD</t>
  </si>
  <si>
    <t>Bonairestraat</t>
  </si>
  <si>
    <t>3333AB-3333AD</t>
  </si>
  <si>
    <t>POINT (4.637019742286597 51.81067698882113)</t>
  </si>
  <si>
    <t>BU06420504</t>
  </si>
  <si>
    <t>KoloniÃ«nbuurt</t>
  </si>
  <si>
    <t>POINT (4.662129763696343 51.82520592175586)</t>
  </si>
  <si>
    <t>3333AT</t>
  </si>
  <si>
    <t>POINT (4.63952905872011 51.81055397540641)</t>
  </si>
  <si>
    <t>BU06420505</t>
  </si>
  <si>
    <t>Meerdervoort</t>
  </si>
  <si>
    <t>POINT (4.603149198748386 51.812953727569365)</t>
  </si>
  <si>
    <t>3333SB</t>
  </si>
  <si>
    <t>Mimosastraat</t>
  </si>
  <si>
    <t>3333LD-3333SB</t>
  </si>
  <si>
    <t>POINT (4.629083038600172 51.81265204675906)</t>
  </si>
  <si>
    <t>3334EA</t>
  </si>
  <si>
    <t>POINT (4.604611254760966 51.81619276050613)</t>
  </si>
  <si>
    <t>BU06420608</t>
  </si>
  <si>
    <t>Assumburg - Lunenburg</t>
  </si>
  <si>
    <t>3333BH</t>
  </si>
  <si>
    <t>Johannes Poststraat</t>
  </si>
  <si>
    <t>3333BH-3333CP</t>
  </si>
  <si>
    <t>POINT (4.629599534678973 51.809583525965905)</t>
  </si>
  <si>
    <t>BU06420508</t>
  </si>
  <si>
    <t>Verzetsheldenbuurt</t>
  </si>
  <si>
    <t>3334GA</t>
  </si>
  <si>
    <t>Bereveld</t>
  </si>
  <si>
    <t>3334GA-3334GB</t>
  </si>
  <si>
    <t>POINT (4.597947617939568 51.8135177064245)</t>
  </si>
  <si>
    <t>BU06420609</t>
  </si>
  <si>
    <t>Hilverbeek en omgeving</t>
  </si>
  <si>
    <t>3331GT</t>
  </si>
  <si>
    <t>POINT (4.643755747488024 51.820922008063654)</t>
  </si>
  <si>
    <t>BU06420313</t>
  </si>
  <si>
    <t>Prinsessenbuurt</t>
  </si>
  <si>
    <t>3334AH</t>
  </si>
  <si>
    <t>Spechtstraat</t>
  </si>
  <si>
    <t>POINT (4.6189454825208935 51.81361201743837)</t>
  </si>
  <si>
    <t>3333BN</t>
  </si>
  <si>
    <t>Nico Rijsdijkstraat</t>
  </si>
  <si>
    <t>POINT (4.628691212624771 51.80642320302545)</t>
  </si>
  <si>
    <t>3332AS</t>
  </si>
  <si>
    <t>De Kring</t>
  </si>
  <si>
    <t>3332HE</t>
  </si>
  <si>
    <t>3332HD-3332HE</t>
  </si>
  <si>
    <t>POINT (4.657817173398465 51.82826494054093)</t>
  </si>
  <si>
    <t>BU06420107</t>
  </si>
  <si>
    <t>Staatsliedenbuurt-Noord</t>
  </si>
  <si>
    <t>3331BN</t>
  </si>
  <si>
    <t>POINT (4.647058380231186 51.81929176793202)</t>
  </si>
  <si>
    <t>3332RA</t>
  </si>
  <si>
    <t>POINT (4.650443718064993 51.828143907565014)</t>
  </si>
  <si>
    <t>3331EV</t>
  </si>
  <si>
    <t>Antoni van Leeuwenhoekstraat</t>
  </si>
  <si>
    <t>POINT (4.634517843940347 51.81689039200243)</t>
  </si>
  <si>
    <t>BU06420302</t>
  </si>
  <si>
    <t>Corridor-West</t>
  </si>
  <si>
    <t>3331HT</t>
  </si>
  <si>
    <t>Laurensvliet</t>
  </si>
  <si>
    <t>POINT (4.637701038880032 51.819680388810234)</t>
  </si>
  <si>
    <t>BU06420304</t>
  </si>
  <si>
    <t>Sterrenbeeldenbuurt</t>
  </si>
  <si>
    <t>2995XL</t>
  </si>
  <si>
    <t>Lindtsedijk</t>
  </si>
  <si>
    <t>POINT (4.569256592790362 51.82495218409895)</t>
  </si>
  <si>
    <t>BU06420905</t>
  </si>
  <si>
    <t>Hooge Nespolder</t>
  </si>
  <si>
    <t>WK064209</t>
  </si>
  <si>
    <t>Wijk 09 Landelijk gebied Heerjansdam</t>
  </si>
  <si>
    <t>3332NE</t>
  </si>
  <si>
    <t>POINT (4.641070781413591 51.82563453907824)</t>
  </si>
  <si>
    <t>3331XS</t>
  </si>
  <si>
    <t>POINT (4.650153527382129 51.81646072716465)</t>
  </si>
  <si>
    <t>3333TB</t>
  </si>
  <si>
    <t>Adriaan Banckertstraat</t>
  </si>
  <si>
    <t>POINT (4.632908221822203 51.81153461800558)</t>
  </si>
  <si>
    <t>BU06420510</t>
  </si>
  <si>
    <t>3335DJ</t>
  </si>
  <si>
    <t>Abdij</t>
  </si>
  <si>
    <t>POINT (4.6049030455817475 51.82175931170036)</t>
  </si>
  <si>
    <t>2995XP</t>
  </si>
  <si>
    <t>Appelgaard</t>
  </si>
  <si>
    <t>POINT (4.560826436020886 51.832791022591756)</t>
  </si>
  <si>
    <t>BU06420804</t>
  </si>
  <si>
    <t>Dorp-Zuid</t>
  </si>
  <si>
    <t>3333TG</t>
  </si>
  <si>
    <t>Admiraal Trompstraat</t>
  </si>
  <si>
    <t>POINT (4.633109378352538 51.81130022689192)</t>
  </si>
  <si>
    <t>3331ML</t>
  </si>
  <si>
    <t>Maasboulevard</t>
  </si>
  <si>
    <t>POINT (4.651998209662417 51.81507273229714)</t>
  </si>
  <si>
    <t>BU06420203</t>
  </si>
  <si>
    <t>Westkeetshaven</t>
  </si>
  <si>
    <t>3331LP</t>
  </si>
  <si>
    <t>De Werf</t>
  </si>
  <si>
    <t>POINT (4.655109858186096 51.816780745078866)</t>
  </si>
  <si>
    <t>3335AA</t>
  </si>
  <si>
    <t>Diepenbrocklaan</t>
  </si>
  <si>
    <t>3334XN-3335AA</t>
  </si>
  <si>
    <t>POINT (4.617740221923672 51.818694206787214)</t>
  </si>
  <si>
    <t>3332NW</t>
  </si>
  <si>
    <t>POINT (4.639440272601967 51.82580802645442)</t>
  </si>
  <si>
    <t>3332GD</t>
  </si>
  <si>
    <t>Henegouwen</t>
  </si>
  <si>
    <t>3332GD-3332GE</t>
  </si>
  <si>
    <t>POINT (4.652843911276854 51.82458056571161)</t>
  </si>
  <si>
    <t>BU06420108</t>
  </si>
  <si>
    <t>Europesebuurt</t>
  </si>
  <si>
    <t>3331GH</t>
  </si>
  <si>
    <t>Grutter</t>
  </si>
  <si>
    <t>3331GH-3331HE</t>
  </si>
  <si>
    <t>POINT (4.640729340125905 51.823822289084696)</t>
  </si>
  <si>
    <t>BU06420312</t>
  </si>
  <si>
    <t>Hoveniersplein - Griend</t>
  </si>
  <si>
    <t>3331RC</t>
  </si>
  <si>
    <t>Radijshof</t>
  </si>
  <si>
    <t>POINT (4.644635288591401 51.816035750779456)</t>
  </si>
  <si>
    <t>3336LG</t>
  </si>
  <si>
    <t>3336LG-3336LL</t>
  </si>
  <si>
    <t>POINT (4.616308943592339 51.81190614194619)</t>
  </si>
  <si>
    <t>BU06420701</t>
  </si>
  <si>
    <t>Industriegebied Groote Lindt</t>
  </si>
  <si>
    <t>3331TA</t>
  </si>
  <si>
    <t>Grote Beerstraat</t>
  </si>
  <si>
    <t>POINT (4.636347581021675 51.82057620721144)</t>
  </si>
  <si>
    <t>3333BE</t>
  </si>
  <si>
    <t>Gerrit KÃ¶gelerstraat</t>
  </si>
  <si>
    <t>POINT (4.628897867898848 51.805791067813175)</t>
  </si>
  <si>
    <t>3331HK</t>
  </si>
  <si>
    <t>Burgemeester Jansenlaan</t>
  </si>
  <si>
    <t>3331HK-3331KB</t>
  </si>
  <si>
    <t>POINT (4.634809599348227 51.82385620234615)</t>
  </si>
  <si>
    <t>3331LB</t>
  </si>
  <si>
    <t>POINT (4.656651951085282 51.817570608159215)</t>
  </si>
  <si>
    <t>3334KK</t>
  </si>
  <si>
    <t>Hoedemakersstraat</t>
  </si>
  <si>
    <t>POINT (4.601003539343087 51.810133016257296)</t>
  </si>
  <si>
    <t>BU06420702</t>
  </si>
  <si>
    <t>De Geer-Oost</t>
  </si>
  <si>
    <t>2995VE</t>
  </si>
  <si>
    <t>Groene Dreef</t>
  </si>
  <si>
    <t>POINT (4.5710114754795415 51.83562368704565)</t>
  </si>
  <si>
    <t>3333BT</t>
  </si>
  <si>
    <t>Uilenvliet</t>
  </si>
  <si>
    <t>POINT (4.63147655001025 51.80716565658796)</t>
  </si>
  <si>
    <t>3335EJ</t>
  </si>
  <si>
    <t>Opera</t>
  </si>
  <si>
    <t>POINT (4.601822427352071 51.81925143073454)</t>
  </si>
  <si>
    <t>BU06420408</t>
  </si>
  <si>
    <t>De As</t>
  </si>
  <si>
    <t>3331GD</t>
  </si>
  <si>
    <t>Burgemeester Brouwerstraat</t>
  </si>
  <si>
    <t>POINT (4.641732845442286 51.82151243467747)</t>
  </si>
  <si>
    <t>POINT (4.635192409351532 51.82214393637868)</t>
  </si>
  <si>
    <t>3333AP</t>
  </si>
  <si>
    <t>Sumatralaan</t>
  </si>
  <si>
    <t>POINT (4.636528849051147 51.812079817970364)</t>
  </si>
  <si>
    <t>2995CC</t>
  </si>
  <si>
    <t>Grondzeiler</t>
  </si>
  <si>
    <t>POINT (4.56990264452691 51.83864006292111)</t>
  </si>
  <si>
    <t>3332KN</t>
  </si>
  <si>
    <t>Schildmansambacht</t>
  </si>
  <si>
    <t>POINT (4.649210968941233 51.82563398517961)</t>
  </si>
  <si>
    <t>3334AA</t>
  </si>
  <si>
    <t>3333XN-3334AA</t>
  </si>
  <si>
    <t>POINT (4.617190977233925 51.81520770130661)</t>
  </si>
  <si>
    <t>BU06420604</t>
  </si>
  <si>
    <t>Vogelbuurt-West</t>
  </si>
  <si>
    <t>3332CG</t>
  </si>
  <si>
    <t>3332CE-3332CG</t>
  </si>
  <si>
    <t>POINT (4.661693112244575 51.82478018083539)</t>
  </si>
  <si>
    <t>3332HX</t>
  </si>
  <si>
    <t>Schimmelpenninckstraat</t>
  </si>
  <si>
    <t>POINT (4.655663556670569 51.828201660325384)</t>
  </si>
  <si>
    <t>2995BZ</t>
  </si>
  <si>
    <t>2995BX-2995BZ</t>
  </si>
  <si>
    <t>POINT (4.562395958799607 51.83725447653828)</t>
  </si>
  <si>
    <t>BU06420801</t>
  </si>
  <si>
    <t>Molenweg-West</t>
  </si>
  <si>
    <t>3335XL</t>
  </si>
  <si>
    <t>Von Weberplantsoen</t>
  </si>
  <si>
    <t>POINT (4.619296484082019 51.81907951689774)</t>
  </si>
  <si>
    <t>3335EC</t>
  </si>
  <si>
    <t>Bolero</t>
  </si>
  <si>
    <t>POINT (4.601475308673449 51.81955547913538)</t>
  </si>
  <si>
    <t>3333AW</t>
  </si>
  <si>
    <t>De Lus</t>
  </si>
  <si>
    <t>POINT (4.633639219413797 51.81267113653063)</t>
  </si>
  <si>
    <t>BU06420503</t>
  </si>
  <si>
    <t>Swinhove - De Lus</t>
  </si>
  <si>
    <t>3332EW</t>
  </si>
  <si>
    <t>Wadden</t>
  </si>
  <si>
    <t>3332EB-3332GR</t>
  </si>
  <si>
    <t>POINT (4.649901814568607 51.82242638367568)</t>
  </si>
  <si>
    <t>BU06420111</t>
  </si>
  <si>
    <t>Winkelcentrum Walburg</t>
  </si>
  <si>
    <t>3331VH</t>
  </si>
  <si>
    <t>POINT (4.638199012086571 51.81866871716151)</t>
  </si>
  <si>
    <t>3331KK</t>
  </si>
  <si>
    <t>Landmanweg</t>
  </si>
  <si>
    <t>POINT (4.630566142516385 51.82219813978261)</t>
  </si>
  <si>
    <t>BU06420307</t>
  </si>
  <si>
    <t>Officiervliet-Oost</t>
  </si>
  <si>
    <t>3335VD</t>
  </si>
  <si>
    <t>Koperslager</t>
  </si>
  <si>
    <t>3335VC-3335VD</t>
  </si>
  <si>
    <t>POINT (4.608635391041839 51.819436851598624)</t>
  </si>
  <si>
    <t>BU06420405</t>
  </si>
  <si>
    <t>Oudeland en Meubelmaker</t>
  </si>
  <si>
    <t>3331KL</t>
  </si>
  <si>
    <t>Officiersvliet</t>
  </si>
  <si>
    <t>POINT (4.628637777083063 51.82359743062029)</t>
  </si>
  <si>
    <t>BU06420308</t>
  </si>
  <si>
    <t>Officiervliet-West</t>
  </si>
  <si>
    <t>3333TD</t>
  </si>
  <si>
    <t>3333TD-3333TM</t>
  </si>
  <si>
    <t>POINT (4.630968261344717 51.81015706163216)</t>
  </si>
  <si>
    <t>3333BX</t>
  </si>
  <si>
    <t>Willem Ruysplein</t>
  </si>
  <si>
    <t>3333BC-3333BX</t>
  </si>
  <si>
    <t>POINT (4.633090325980452 51.80842072393522)</t>
  </si>
  <si>
    <t>BU06420507</t>
  </si>
  <si>
    <t>Dichtersbuurt-West</t>
  </si>
  <si>
    <t>2995TA</t>
  </si>
  <si>
    <t>Aalbespad</t>
  </si>
  <si>
    <t>2995DB-2995TB</t>
  </si>
  <si>
    <t>POINT (4.562716111125726 51.83306956863158)</t>
  </si>
  <si>
    <t>3331RK</t>
  </si>
  <si>
    <t>Tomatenplein</t>
  </si>
  <si>
    <t>POINT (4.645695829208726 51.81422162579919)</t>
  </si>
  <si>
    <t>3335VG</t>
  </si>
  <si>
    <t>Meubelmaker</t>
  </si>
  <si>
    <t>POINT (4.610698048368929 51.81844896671953)</t>
  </si>
  <si>
    <t>BU06420403</t>
  </si>
  <si>
    <t>Componistenbuurt-Midden</t>
  </si>
  <si>
    <t>3333GE</t>
  </si>
  <si>
    <t>POINT (4.624706148613782 51.81409141118719)</t>
  </si>
  <si>
    <t>BU06420513</t>
  </si>
  <si>
    <t>Bloemenbuurt B(egonia) - C(rocus)</t>
  </si>
  <si>
    <t>3334SM</t>
  </si>
  <si>
    <t>POINT (4.6111684192031825 51.81463191564255)</t>
  </si>
  <si>
    <t>3331XR</t>
  </si>
  <si>
    <t>POINT (4.6503471034397155 51.817315912998666)</t>
  </si>
  <si>
    <t>POINT (4.570068625922573 51.83844984813178)</t>
  </si>
  <si>
    <t>3335XG</t>
  </si>
  <si>
    <t>Pijperlaan</t>
  </si>
  <si>
    <t>POINT (4.61600121957701 51.82018603813269)</t>
  </si>
  <si>
    <t>3332NB</t>
  </si>
  <si>
    <t>POINT (4.640728350016251 51.82563103146731)</t>
  </si>
  <si>
    <t>3332RJ</t>
  </si>
  <si>
    <t>Lievershil</t>
  </si>
  <si>
    <t>POINT (4.643278078340074 51.825592208700314)</t>
  </si>
  <si>
    <t>BU06420113</t>
  </si>
  <si>
    <t>Lievershil en omgeving</t>
  </si>
  <si>
    <t>3333TM</t>
  </si>
  <si>
    <t>POINT (4.630608764021048 51.81072563536967)</t>
  </si>
  <si>
    <t>3334CL</t>
  </si>
  <si>
    <t>3334CL-3334ES</t>
  </si>
  <si>
    <t>POINT (4.601910812158382 51.81445369366783)</t>
  </si>
  <si>
    <t>3334AB</t>
  </si>
  <si>
    <t>POINT (4.618578068213064 51.813611957592585)</t>
  </si>
  <si>
    <t>3335WB</t>
  </si>
  <si>
    <t>HÃ¤ndelstraat</t>
  </si>
  <si>
    <t>POINT (4.617380241527871 51.82179952291987)</t>
  </si>
  <si>
    <t>BU06420404</t>
  </si>
  <si>
    <t>Componistenbuurt-Noord</t>
  </si>
  <si>
    <t>2995XS</t>
  </si>
  <si>
    <t>Perenhof</t>
  </si>
  <si>
    <t>POINT (4.56104770034543 51.83513740379305)</t>
  </si>
  <si>
    <t>3333SL</t>
  </si>
  <si>
    <t>Roosstraat</t>
  </si>
  <si>
    <t>3333SL-3333SN</t>
  </si>
  <si>
    <t>POINT (4.630727414874112 51.81296409478835)</t>
  </si>
  <si>
    <t>POINT (4.6393533002666745 51.825760416564464)</t>
  </si>
  <si>
    <t>3331MM</t>
  </si>
  <si>
    <t>Euryzakade</t>
  </si>
  <si>
    <t>POINT (4.653058381308522 51.81542214380982)</t>
  </si>
  <si>
    <t>3335BN</t>
  </si>
  <si>
    <t>Serenade</t>
  </si>
  <si>
    <t>POINT (4.605812830683154 51.82034073163684)</t>
  </si>
  <si>
    <t>BU06420407</t>
  </si>
  <si>
    <t>Sonate en omgeving</t>
  </si>
  <si>
    <t>3332EB</t>
  </si>
  <si>
    <t>Beneluxlaan</t>
  </si>
  <si>
    <t>POINT (4.655192845701574 51.823355106931174)</t>
  </si>
  <si>
    <t>3333EP</t>
  </si>
  <si>
    <t>Kort-Ambachtlaan</t>
  </si>
  <si>
    <t>POINT (4.626786413800859 51.81209704658853)</t>
  </si>
  <si>
    <t>3335CB</t>
  </si>
  <si>
    <t>Valeriussingel</t>
  </si>
  <si>
    <t>POINT (4.61590106608769 51.81948847590245)</t>
  </si>
  <si>
    <t>3332NX</t>
  </si>
  <si>
    <t>POINT (4.6395926682512965 51.825866992238744)</t>
  </si>
  <si>
    <t>3331GA</t>
  </si>
  <si>
    <t>POINT (4.638998663433243 51.823302779100146)</t>
  </si>
  <si>
    <t>POINT (4.653258486693789 51.8154544873017)</t>
  </si>
  <si>
    <t>BU06420202</t>
  </si>
  <si>
    <t>Euryza</t>
  </si>
  <si>
    <t>3335WK</t>
  </si>
  <si>
    <t>Gershwinstraat</t>
  </si>
  <si>
    <t>POINT (4.612791843320477 51.8216314053983)</t>
  </si>
  <si>
    <t>3333CM</t>
  </si>
  <si>
    <t>Kapitein Luidingaflat</t>
  </si>
  <si>
    <t>POINT (4.6350729747391854 51.8099299790248)</t>
  </si>
  <si>
    <t>BU06420509</t>
  </si>
  <si>
    <t>Kapiteinflats</t>
  </si>
  <si>
    <t>2995AB</t>
  </si>
  <si>
    <t>POINT (4.5672236812403 51.83586058823514)</t>
  </si>
  <si>
    <t>POINT (4.631798578147858 51.81136215082801)</t>
  </si>
  <si>
    <t>3331AJ</t>
  </si>
  <si>
    <t>Burgemeester de BruÃ¯nelaan</t>
  </si>
  <si>
    <t>POINT (4.647176210798743 51.81479491193552)</t>
  </si>
  <si>
    <t>3333VD</t>
  </si>
  <si>
    <t>Nijhoffstraat</t>
  </si>
  <si>
    <t>POINT (4.636017595164026 51.808061749225594)</t>
  </si>
  <si>
    <t>3334VE</t>
  </si>
  <si>
    <t>Vinkplein</t>
  </si>
  <si>
    <t>3334VE-3334VG</t>
  </si>
  <si>
    <t>POINT (4.621765366232642 51.81487261289382)</t>
  </si>
  <si>
    <t>BU06420603</t>
  </si>
  <si>
    <t>Ooievaar- en Vinkplein</t>
  </si>
  <si>
    <t>POINT (4.660327982722141 51.82525786903546)</t>
  </si>
  <si>
    <t>3333VC</t>
  </si>
  <si>
    <t>Marsmanstraat</t>
  </si>
  <si>
    <t>POINT (4.634694713746443 51.80886651770382)</t>
  </si>
  <si>
    <t>3335AE</t>
  </si>
  <si>
    <t>Mendelssohnplantsoen</t>
  </si>
  <si>
    <t>POINT (4.613471219580472 51.819329057847405)</t>
  </si>
  <si>
    <t>3332RM</t>
  </si>
  <si>
    <t>Polre</t>
  </si>
  <si>
    <t>3332RM-3332RN</t>
  </si>
  <si>
    <t>POINT (4.64452926503428 51.82678282703083)</t>
  </si>
  <si>
    <t>3333SN</t>
  </si>
  <si>
    <t>POINT (4.630400448896342 51.8126774310449)</t>
  </si>
  <si>
    <t>3332JJ</t>
  </si>
  <si>
    <t>van Slingelandtlaan</t>
  </si>
  <si>
    <t>POINT (4.65650967077373 51.82943110635308)</t>
  </si>
  <si>
    <t>POINT (4.641753759046685 51.826054587408635)</t>
  </si>
  <si>
    <t>POINT (4.648195022905166 51.8199480575915)</t>
  </si>
  <si>
    <t>3332PG</t>
  </si>
  <si>
    <t>POINT (4.64735240437943 51.82359002467007)</t>
  </si>
  <si>
    <t>3333GG</t>
  </si>
  <si>
    <t>Dahliastraat</t>
  </si>
  <si>
    <t>3333GG-3333GH</t>
  </si>
  <si>
    <t>POINT (4.62646800164029 51.814097623119515)</t>
  </si>
  <si>
    <t>BU06420512</t>
  </si>
  <si>
    <t>Bloemenbuurt D(ahlia) - G(eranium)</t>
  </si>
  <si>
    <t>3332TC</t>
  </si>
  <si>
    <t>Marsdiep</t>
  </si>
  <si>
    <t>POINT (4.660355736307653 51.81998588762455)</t>
  </si>
  <si>
    <t>BU06420102</t>
  </si>
  <si>
    <t>Veerplein - Oostkeetshaven</t>
  </si>
  <si>
    <t>3332KP</t>
  </si>
  <si>
    <t>Stenenkamer</t>
  </si>
  <si>
    <t>POINT (4.649813953619881 51.82524686622374)</t>
  </si>
  <si>
    <t>2995AH</t>
  </si>
  <si>
    <t>De Manning</t>
  </si>
  <si>
    <t>POINT (4.566487285313188 51.8355400720276)</t>
  </si>
  <si>
    <t>3334EP</t>
  </si>
  <si>
    <t>Nijenrode</t>
  </si>
  <si>
    <t>POINT (4.606581367685732 51.81494441263318)</t>
  </si>
  <si>
    <t>3335VH</t>
  </si>
  <si>
    <t>Oudeland</t>
  </si>
  <si>
    <t>3335VH-3335VJ</t>
  </si>
  <si>
    <t>POINT (4.609851944113823 51.81844940589475)</t>
  </si>
  <si>
    <t>3331EB</t>
  </si>
  <si>
    <t>POINT (4.639682517858651 51.81427168235632)</t>
  </si>
  <si>
    <t>BU06420205</t>
  </si>
  <si>
    <t>Corridor-Oost</t>
  </si>
  <si>
    <t>POINT (4.634169764490164 51.812913048544075)</t>
  </si>
  <si>
    <t>3332VA</t>
  </si>
  <si>
    <t>Grevelingen</t>
  </si>
  <si>
    <t>POINT (4.665460851200597 51.82208451723603)</t>
  </si>
  <si>
    <t>BU06420104</t>
  </si>
  <si>
    <t>Balkengat</t>
  </si>
  <si>
    <t>POINT (4.656809158664385 51.81772700094528)</t>
  </si>
  <si>
    <t>3332AN</t>
  </si>
  <si>
    <t>Rotterdamseweg</t>
  </si>
  <si>
    <t>POINT (4.641381998561958 51.82368050678593)</t>
  </si>
  <si>
    <t>POINT (4.656374910542909 51.81745755847443)</t>
  </si>
  <si>
    <t>3334GH</t>
  </si>
  <si>
    <t>Hilverbeek</t>
  </si>
  <si>
    <t>POINT (4.597416469376535 51.813656919030294)</t>
  </si>
  <si>
    <t>3335WG</t>
  </si>
  <si>
    <t>Hindemithstraat</t>
  </si>
  <si>
    <t>POINT (4.615560141559753 51.82184065785056)</t>
  </si>
  <si>
    <t>3333XL</t>
  </si>
  <si>
    <t>POINT (4.640390620958648 51.80876894778663)</t>
  </si>
  <si>
    <t>POINT (4.6498434418354995 51.8258117921909)</t>
  </si>
  <si>
    <t>3331XA</t>
  </si>
  <si>
    <t>POINT (4.64926034343225 51.817064511407565)</t>
  </si>
  <si>
    <t>3331GG</t>
  </si>
  <si>
    <t>POINT (4.641154483695678 51.823016918075574)</t>
  </si>
  <si>
    <t>3332ED</t>
  </si>
  <si>
    <t>Brusselsestraat</t>
  </si>
  <si>
    <t>POINT (4.654867414953102 51.82525854130139)</t>
  </si>
  <si>
    <t>POINT (4.647576342019251 51.82013550249104)</t>
  </si>
  <si>
    <t>POINT (4.649815396248898 51.82246166965949)</t>
  </si>
  <si>
    <t>3335DE</t>
  </si>
  <si>
    <t>Klarinetsingel</t>
  </si>
  <si>
    <t>POINT (4.609671423187581 51.8221889289254)</t>
  </si>
  <si>
    <t>POINT (4.659523047291801 51.82464868099763)</t>
  </si>
  <si>
    <t>POINT (4.6466795856584815 51.824049849365124)</t>
  </si>
  <si>
    <t>3332XG</t>
  </si>
  <si>
    <t>Gerbrandyplein</t>
  </si>
  <si>
    <t>3332XA-3332XH</t>
  </si>
  <si>
    <t>POINT (4.655734413257597 51.820628469109245)</t>
  </si>
  <si>
    <t>BU06420110</t>
  </si>
  <si>
    <t>Oud- en Gerbrandyplein</t>
  </si>
  <si>
    <t>POINT (4.635597784591457 51.822551653510644)</t>
  </si>
  <si>
    <t>3335LV</t>
  </si>
  <si>
    <t>3335LV-3335VA</t>
  </si>
  <si>
    <t>POINT (4.620631252228377 51.82859175056736)</t>
  </si>
  <si>
    <t>POINT (4.6548523930114705 51.8169452226225)</t>
  </si>
  <si>
    <t>3331XG</t>
  </si>
  <si>
    <t>3331XE-3331XG</t>
  </si>
  <si>
    <t>POINT (4.653139635077696 51.81762685756657)</t>
  </si>
  <si>
    <t>3333BL</t>
  </si>
  <si>
    <t>Jan Thijssenstraat</t>
  </si>
  <si>
    <t>3333BK-3333BL</t>
  </si>
  <si>
    <t>POINT (4.629624885636748 51.80880917708911)</t>
  </si>
  <si>
    <t>POINT (4.655388834370931 51.81759424398848)</t>
  </si>
  <si>
    <t>3333SG</t>
  </si>
  <si>
    <t>Petuniastraat</t>
  </si>
  <si>
    <t>POINT (4.628793845929797 51.81320087149679)</t>
  </si>
  <si>
    <t>3335BD</t>
  </si>
  <si>
    <t>Beethovenlaan</t>
  </si>
  <si>
    <t>POINT (4.618043375172893 51.82166025799444)</t>
  </si>
  <si>
    <t>3331BB</t>
  </si>
  <si>
    <t>Burgemeester Doornlaan</t>
  </si>
  <si>
    <t>POINT (4.643761611828971 51.81794408299724)</t>
  </si>
  <si>
    <t>BU06420207</t>
  </si>
  <si>
    <t>Burgemeester Doornplein en omgeving</t>
  </si>
  <si>
    <t>3331BC</t>
  </si>
  <si>
    <t>Burgemeester Doornplein</t>
  </si>
  <si>
    <t>POINT (4.64406954338744 51.817197742574486)</t>
  </si>
  <si>
    <t>3334ED</t>
  </si>
  <si>
    <t>Duivenvoorde</t>
  </si>
  <si>
    <t>3334EC-3334EG</t>
  </si>
  <si>
    <t>POINT (4.604133204478361 51.81389997105595)</t>
  </si>
  <si>
    <t>3331SK</t>
  </si>
  <si>
    <t>POINT (4.63602799204255 51.82128273208119)</t>
  </si>
  <si>
    <t>3333BD</t>
  </si>
  <si>
    <t>Gerrit de Waardstraat</t>
  </si>
  <si>
    <t>POINT (4.629682817272737 51.80637768102642)</t>
  </si>
  <si>
    <t>3331EK</t>
  </si>
  <si>
    <t>H. Kamerlingh Onnesstraat</t>
  </si>
  <si>
    <t>3331EG-3331EL</t>
  </si>
  <si>
    <t>POINT (4.637390137530165 51.81502445034563)</t>
  </si>
  <si>
    <t>3334XM</t>
  </si>
  <si>
    <t>POINT (4.621577209018276 51.81143285963492)</t>
  </si>
  <si>
    <t>POINT (4.655393315761039 51.82519147601483)</t>
  </si>
  <si>
    <t>3331CD</t>
  </si>
  <si>
    <t>Koninginneweg</t>
  </si>
  <si>
    <t>POINT (4.642116151016711 51.818001611510965)</t>
  </si>
  <si>
    <t>3331XT</t>
  </si>
  <si>
    <t>Prins Mauritsstraat</t>
  </si>
  <si>
    <t>POINT (4.650547786348063 51.81898361232461)</t>
  </si>
  <si>
    <t>POINT (4.645691889546444 51.820596919993115)</t>
  </si>
  <si>
    <t>POINT (4.632385204700575 51.81090851718847)</t>
  </si>
  <si>
    <t>3334EH</t>
  </si>
  <si>
    <t>POINT (4.603586993948307 51.81466043915464)</t>
  </si>
  <si>
    <t>3332RL</t>
  </si>
  <si>
    <t>Noorderdiep</t>
  </si>
  <si>
    <t>POINT (4.65163918979805 51.82752084958846)</t>
  </si>
  <si>
    <t>3331SV</t>
  </si>
  <si>
    <t>POINT (4.633149200090947 51.82055847914067)</t>
  </si>
  <si>
    <t>POINT (4.644647452908573 51.81469765387006)</t>
  </si>
  <si>
    <t>3331CP</t>
  </si>
  <si>
    <t>POINT (4.640935706974504 51.81876763338096)</t>
  </si>
  <si>
    <t>3332KR</t>
  </si>
  <si>
    <t>Strevelshoek</t>
  </si>
  <si>
    <t>POINT (4.647678959526032 51.827187492094616)</t>
  </si>
  <si>
    <t>3333GZ</t>
  </si>
  <si>
    <t>POINT (4.629262665376365 51.814536521528275)</t>
  </si>
  <si>
    <t>3334AD</t>
  </si>
  <si>
    <t>POINT (4.617348099039087 51.81274495094586)</t>
  </si>
  <si>
    <t>POINT (4.627312662571082 51.81360743105916)</t>
  </si>
  <si>
    <t>3331LE</t>
  </si>
  <si>
    <t>3331LE-3332CB</t>
  </si>
  <si>
    <t>POINT (4.656749161724839 51.8180856534375)</t>
  </si>
  <si>
    <t>3334TL</t>
  </si>
  <si>
    <t>POINT (4.612645491860083 51.81563497280271)</t>
  </si>
  <si>
    <t>3335XC</t>
  </si>
  <si>
    <t>Pergolesistraat</t>
  </si>
  <si>
    <t>POINT (4.6149512406834905 51.82026676494962)</t>
  </si>
  <si>
    <t>3332XB</t>
  </si>
  <si>
    <t>POINT (4.655334812974764 51.8212940795163)</t>
  </si>
  <si>
    <t>POINT (4.635501205215679 51.82278324892982)</t>
  </si>
  <si>
    <t>POINT (4.61074304057141 51.81860803218208)</t>
  </si>
  <si>
    <t>3332AE</t>
  </si>
  <si>
    <t>3331XL</t>
  </si>
  <si>
    <t>POINT (4.65379308180073 51.81881841088576)</t>
  </si>
  <si>
    <t>3333CE</t>
  </si>
  <si>
    <t>Kapitein Stamperiusflat</t>
  </si>
  <si>
    <t>3333CD-3333CG</t>
  </si>
  <si>
    <t>POINT (4.634117197395369 51.80962245762211)</t>
  </si>
  <si>
    <t>3333LB</t>
  </si>
  <si>
    <t>Lindtsebenedendijk</t>
  </si>
  <si>
    <t>POINT (4.627616215790827 51.810641781742696)</t>
  </si>
  <si>
    <t>POINT (4.5702839480368365 51.827027435128215)</t>
  </si>
  <si>
    <t>BU06420904</t>
  </si>
  <si>
    <t>Kleine Lindt Polder</t>
  </si>
  <si>
    <t>3335AJ</t>
  </si>
  <si>
    <t>Mozartlaan</t>
  </si>
  <si>
    <t>POINT (4.612455691401353 51.81931089775315)</t>
  </si>
  <si>
    <t>POINT (4.656600670111557 51.81754444647256)</t>
  </si>
  <si>
    <t>3334SV</t>
  </si>
  <si>
    <t>POINT (4.616361856114503 51.81459425215359)</t>
  </si>
  <si>
    <t>3331RH</t>
  </si>
  <si>
    <t>POINT (4.642595987548974 51.81605603378923)</t>
  </si>
  <si>
    <t>2995BW</t>
  </si>
  <si>
    <t>Waalhof</t>
  </si>
  <si>
    <t>2995BV-2995BW</t>
  </si>
  <si>
    <t>POINT (4.562046590095452 51.83769558901342)</t>
  </si>
  <si>
    <t>3331ES</t>
  </si>
  <si>
    <t>Dirck Uytenboogaertstraat</t>
  </si>
  <si>
    <t>3331ES-3331ET</t>
  </si>
  <si>
    <t>POINT (4.632316591517536 51.818146896502896)</t>
  </si>
  <si>
    <t>BU06420301</t>
  </si>
  <si>
    <t>Industriegebied Develpoort</t>
  </si>
  <si>
    <t>2995CD</t>
  </si>
  <si>
    <t>POINT (4.569691248979777 51.83814554072182)</t>
  </si>
  <si>
    <t>POINT (4.618481853742831 51.81790903976999)</t>
  </si>
  <si>
    <t>3333ST</t>
  </si>
  <si>
    <t>POINT (4.629373518495518 51.811691474724704)</t>
  </si>
  <si>
    <t>2995BV</t>
  </si>
  <si>
    <t>POINT (4.559787503898831 51.834203082051616)</t>
  </si>
  <si>
    <t>BU06420805</t>
  </si>
  <si>
    <t>Bedrijventerrein Gors-Noord</t>
  </si>
  <si>
    <t>3334GN</t>
  </si>
  <si>
    <t>Willem Schippersweg</t>
  </si>
  <si>
    <t>POINT (4.594495050103696 51.81442214492447)</t>
  </si>
  <si>
    <t>POINT (4.607051360093908 51.81385397824561)</t>
  </si>
  <si>
    <t>3335BK</t>
  </si>
  <si>
    <t>POINT (4.605216155890657 51.8195041139725)</t>
  </si>
  <si>
    <t>3331CZ</t>
  </si>
  <si>
    <t>3331CM-3331CZ</t>
  </si>
  <si>
    <t>POINT (4.643595862616881 51.819441474772404)</t>
  </si>
  <si>
    <t>3336LE</t>
  </si>
  <si>
    <t>POINT (4.626325446289786 51.80548119406072)</t>
  </si>
  <si>
    <t>POINT (4.613032010410624 51.81827062518044)</t>
  </si>
  <si>
    <t>POINT (4.656462963699093 51.81745560791383)</t>
  </si>
  <si>
    <t>3332EM</t>
  </si>
  <si>
    <t>Vlaamsestraat</t>
  </si>
  <si>
    <t>3332EL-3332ES</t>
  </si>
  <si>
    <t>POINT (4.656068994276993 51.82281708563111)</t>
  </si>
  <si>
    <t>3332NS</t>
  </si>
  <si>
    <t>POINT (4.638901568838367 51.825442106447)</t>
  </si>
  <si>
    <t>3331KV</t>
  </si>
  <si>
    <t>Warmoeziersstraat</t>
  </si>
  <si>
    <t>POINT (4.636415820241058 51.824103124164246)</t>
  </si>
  <si>
    <t>2995VN</t>
  </si>
  <si>
    <t>POINT (4.566118967826366 51.83394755803964)</t>
  </si>
  <si>
    <t>POINT (4.6187416695526995 51.821886511768724)</t>
  </si>
  <si>
    <t>3332SB</t>
  </si>
  <si>
    <t>Berlijnseplein</t>
  </si>
  <si>
    <t>3332RS-3332SB</t>
  </si>
  <si>
    <t>POINT (4.658167027108466 51.8250812595109)</t>
  </si>
  <si>
    <t>3332NL</t>
  </si>
  <si>
    <t>POINT (4.641518807483056 51.82578067490058)</t>
  </si>
  <si>
    <t>3331GE</t>
  </si>
  <si>
    <t>POINT (4.641440884897288 51.8232776124417)</t>
  </si>
  <si>
    <t>3335WJ</t>
  </si>
  <si>
    <t>POINT (4.6146298771455525 51.82211257690206)</t>
  </si>
  <si>
    <t>POINT (4.635343555298544 51.82113156410246)</t>
  </si>
  <si>
    <t>POINT (4.650617055749763 51.81830381033345)</t>
  </si>
  <si>
    <t>3331GB</t>
  </si>
  <si>
    <t>POINT (4.6384720662444305 51.82323781250767)</t>
  </si>
  <si>
    <t>3332JS</t>
  </si>
  <si>
    <t>van Limburg Stirumplantsoen</t>
  </si>
  <si>
    <t>3332JN-3332JS</t>
  </si>
  <si>
    <t>POINT (4.6553119137266545 51.82890879125858)</t>
  </si>
  <si>
    <t>2995VK</t>
  </si>
  <si>
    <t>Johannes Postlaan</t>
  </si>
  <si>
    <t>POINT (4.568304405269677 51.83537063227649)</t>
  </si>
  <si>
    <t>3335WC</t>
  </si>
  <si>
    <t>POINT (4.616620303621756 51.82243814567879)</t>
  </si>
  <si>
    <t>3332PC</t>
  </si>
  <si>
    <t>3332PC-3332PD</t>
  </si>
  <si>
    <t>POINT (4.648592926637295 51.82433255462402)</t>
  </si>
  <si>
    <t>3331CX</t>
  </si>
  <si>
    <t>van Ruisdaelstraat</t>
  </si>
  <si>
    <t>3331CW-3331CX</t>
  </si>
  <si>
    <t>POINT (4.641972026668227 51.819346591411495)</t>
  </si>
  <si>
    <t>POINT (4.614735496515967 51.81782111523984)</t>
  </si>
  <si>
    <t>3331AE</t>
  </si>
  <si>
    <t>POINT (4.650553303259819 51.819940905921854)</t>
  </si>
  <si>
    <t>3332BH</t>
  </si>
  <si>
    <t>Tolhuis</t>
  </si>
  <si>
    <t>3332BA</t>
  </si>
  <si>
    <t>POINT (4.656420813005526 51.81941152508278)</t>
  </si>
  <si>
    <t>BU06420101</t>
  </si>
  <si>
    <t>Slagveld en Omgeving</t>
  </si>
  <si>
    <t>3333VP</t>
  </si>
  <si>
    <t>3333VN-3333VP</t>
  </si>
  <si>
    <t>POINT (4.637346268411654 51.80924962879351)</t>
  </si>
  <si>
    <t>3333BV</t>
  </si>
  <si>
    <t>Verleunstraat</t>
  </si>
  <si>
    <t>POINT (4.630399509011029 51.80690535906376)</t>
  </si>
  <si>
    <t>3332ER</t>
  </si>
  <si>
    <t>POINT (4.65728970539365 51.82410521004949)</t>
  </si>
  <si>
    <t>3334CJ</t>
  </si>
  <si>
    <t>Hinderstein</t>
  </si>
  <si>
    <t>3334CJ-3334CK</t>
  </si>
  <si>
    <t>POINT (4.60387010115452 51.81302781812202)</t>
  </si>
  <si>
    <t>3333CB</t>
  </si>
  <si>
    <t>Kapitein Rietbergenflat</t>
  </si>
  <si>
    <t>3333CA-3333CC</t>
  </si>
  <si>
    <t>POINT (4.633107810451071 51.809445756118265)</t>
  </si>
  <si>
    <t>2995BR</t>
  </si>
  <si>
    <t>Prinsenhof</t>
  </si>
  <si>
    <t>2995BR-2995BS</t>
  </si>
  <si>
    <t>POINT (4.566987816454795 51.838131851876575)</t>
  </si>
  <si>
    <t>3331XJ</t>
  </si>
  <si>
    <t>POINT (4.652786160744259 51.81753660196429)</t>
  </si>
  <si>
    <t>3331AR</t>
  </si>
  <si>
    <t>POINT (4.643187949345367 51.81660752326005)</t>
  </si>
  <si>
    <t>3335BB</t>
  </si>
  <si>
    <t>POINT (4.6161936391304605 51.821108357921396)</t>
  </si>
  <si>
    <t>POINT (4.635097960005593 51.80751932228918)</t>
  </si>
  <si>
    <t>3331CE</t>
  </si>
  <si>
    <t>POINT (4.645847283049871 51.820003884218295)</t>
  </si>
  <si>
    <t>3335DH</t>
  </si>
  <si>
    <t>POINT (4.608256455327678 51.82247845738733)</t>
  </si>
  <si>
    <t>3332CE</t>
  </si>
  <si>
    <t>POINT (4.660776988764298 51.82443692703632)</t>
  </si>
  <si>
    <t>3331LC</t>
  </si>
  <si>
    <t>POINT (4.65631310627241 51.81778526047213)</t>
  </si>
  <si>
    <t>POINT (4.656326093270408 51.82314660278558)</t>
  </si>
  <si>
    <t>3333GL</t>
  </si>
  <si>
    <t>POINT (4.6262666238789105 51.81397200363697)</t>
  </si>
  <si>
    <t>3332PD</t>
  </si>
  <si>
    <t>POINT (4.648237210218459 51.82404373845697)</t>
  </si>
  <si>
    <t>POINT (4.63290258686857 51.80834877610147)</t>
  </si>
  <si>
    <t>3333GK</t>
  </si>
  <si>
    <t>POINT (4.626899505419898 51.813625608822065)</t>
  </si>
  <si>
    <t>3333ED</t>
  </si>
  <si>
    <t>POINT (4.6251053711847065 51.811309228820335)</t>
  </si>
  <si>
    <t>3334VB</t>
  </si>
  <si>
    <t>Ooievaarplein</t>
  </si>
  <si>
    <t>3334VA-3334VB</t>
  </si>
  <si>
    <t>POINT (4.619292134003998 51.815257576747456)</t>
  </si>
  <si>
    <t>3333SZ</t>
  </si>
  <si>
    <t>POINT (4.629641045715029 51.81132117729797)</t>
  </si>
  <si>
    <t>3332BG-3332BH</t>
  </si>
  <si>
    <t>POINT (4.655723737069224 51.81927533661036)</t>
  </si>
  <si>
    <t>3335DA</t>
  </si>
  <si>
    <t>Elgarstraat</t>
  </si>
  <si>
    <t>POINT (4.610435979377917 51.821029440100574)</t>
  </si>
  <si>
    <t>3333EJ</t>
  </si>
  <si>
    <t>3333EH-3333EN</t>
  </si>
  <si>
    <t>POINT (4.627989240995489 51.81224740464644)</t>
  </si>
  <si>
    <t>POINT (4.645533606674308 51.81529786869799)</t>
  </si>
  <si>
    <t>3333BC</t>
  </si>
  <si>
    <t>Frits Vogelstraat</t>
  </si>
  <si>
    <t>POINT (4.632968306412013 51.80841881611438)</t>
  </si>
  <si>
    <t>POINT (4.643050844402488 51.816634249267764)</t>
  </si>
  <si>
    <t>3332BT</t>
  </si>
  <si>
    <t>POINT (4.653500193116771 51.82022700333185)</t>
  </si>
  <si>
    <t>3334BK</t>
  </si>
  <si>
    <t>Hillenraad</t>
  </si>
  <si>
    <t>POINT (4.604280162312939 51.81654100471721)</t>
  </si>
  <si>
    <t>BU06420610</t>
  </si>
  <si>
    <t>Develzijde Nederhoven</t>
  </si>
  <si>
    <t>POINT (4.653276970869014 51.81555201329628)</t>
  </si>
  <si>
    <t>3331ET</t>
  </si>
  <si>
    <t>POINT (4.632646288844997 51.81752485921672)</t>
  </si>
  <si>
    <t>POINT (4.656215020664866 51.817326307705336)</t>
  </si>
  <si>
    <t>3332XA</t>
  </si>
  <si>
    <t>POINT (4.655402428161242 51.82127745859085)</t>
  </si>
  <si>
    <t>3331AH</t>
  </si>
  <si>
    <t>POINT (4.647177955371223 51.815164834596516)</t>
  </si>
  <si>
    <t>POINT (4.563013560154774 51.83726486365848)</t>
  </si>
  <si>
    <t>3334DA</t>
  </si>
  <si>
    <t>Overvoorde</t>
  </si>
  <si>
    <t>3334DA-3334DB</t>
  </si>
  <si>
    <t>POINT (4.599796679611204 51.81323254683086)</t>
  </si>
  <si>
    <t>POINT (4.656250039196387 51.81775608593321)</t>
  </si>
  <si>
    <t>POINT (4.603750703542806 51.814692768044026)</t>
  </si>
  <si>
    <t>3332CD</t>
  </si>
  <si>
    <t>Burgemeester Slobbelaan</t>
  </si>
  <si>
    <t>POINT (4.657705761019733 51.82356623805697)</t>
  </si>
  <si>
    <t>3335BC</t>
  </si>
  <si>
    <t>POINT (4.613013362263186 51.82035370954652)</t>
  </si>
  <si>
    <t>3332SH</t>
  </si>
  <si>
    <t>Europaweg</t>
  </si>
  <si>
    <t>POINT (4.656057146728113 51.824869000553896)</t>
  </si>
  <si>
    <t>3332HG</t>
  </si>
  <si>
    <t>A.F. de Savornin Lohmanplantsoen</t>
  </si>
  <si>
    <t>POINT (4.660596843765006 51.82712977009625)</t>
  </si>
  <si>
    <t>POINT (4.648244460503003 51.816620990284605)</t>
  </si>
  <si>
    <t>POINT (4.656373094523805 51.81775564780478)</t>
  </si>
  <si>
    <t>POINT (4.609182870255717 51.8219431936834)</t>
  </si>
  <si>
    <t>POINT (4.63972244072466 51.82427869057879)</t>
  </si>
  <si>
    <t>3335BA</t>
  </si>
  <si>
    <t>POINT (4.6182587545030485 51.82138669562183)</t>
  </si>
  <si>
    <t>3331AG</t>
  </si>
  <si>
    <t>POINT (4.64886967410408 51.81751654932707)</t>
  </si>
  <si>
    <t>POINT (4.629774458829851 51.80916233844755)</t>
  </si>
  <si>
    <t>3333TC</t>
  </si>
  <si>
    <t>POINT (4.631368795195875 51.809836282274304)</t>
  </si>
  <si>
    <t>POINT (4.610767697520511 51.818389086241744)</t>
  </si>
  <si>
    <t>POINT (4.566973803051989 51.83891585981163)</t>
  </si>
  <si>
    <t>3334XJ</t>
  </si>
  <si>
    <t>3334XH-3334XK</t>
  </si>
  <si>
    <t>POINT (4.622177061923175 51.811636546056405)</t>
  </si>
  <si>
    <t>POINT (4.6506673044316456 51.81723814838086)</t>
  </si>
  <si>
    <t>3332AJ</t>
  </si>
  <si>
    <t>3332AJ-3332AK</t>
  </si>
  <si>
    <t>POINT (4.653196303810657 51.81951050297016)</t>
  </si>
  <si>
    <t>POINT (4.652987529372593 51.82041086976426)</t>
  </si>
  <si>
    <t>3332XH</t>
  </si>
  <si>
    <t>P.J. Oudplein</t>
  </si>
  <si>
    <t>POINT (4.656556114157896 51.821676723424765)</t>
  </si>
  <si>
    <t>3334EE</t>
  </si>
  <si>
    <t>POINT (4.604343627409376 51.81457432537558)</t>
  </si>
  <si>
    <t>POINT (4.657275999971214 51.81926663708766)</t>
  </si>
  <si>
    <t>3334VD</t>
  </si>
  <si>
    <t>3334VC-3334VD</t>
  </si>
  <si>
    <t>POINT (4.618300423419387 51.81510756042874)</t>
  </si>
  <si>
    <t>3332VB</t>
  </si>
  <si>
    <t>Delta</t>
  </si>
  <si>
    <t>3332VB-3332VC</t>
  </si>
  <si>
    <t>POINT (4.663264413519181 51.82060420061427)</t>
  </si>
  <si>
    <t>POINT (4.608502782032503 51.818462789751116)</t>
  </si>
  <si>
    <t>POINT (4.653359399520238 51.817340441229035)</t>
  </si>
  <si>
    <t>POINT (4.652942364279771 51.81521344673417)</t>
  </si>
  <si>
    <t>POINT (4.662034875205156 51.825510051414135)</t>
  </si>
  <si>
    <t>3334BM</t>
  </si>
  <si>
    <t>Laan van Nederhoven</t>
  </si>
  <si>
    <t>POINT (4.613003068586318 51.81616153659647)</t>
  </si>
  <si>
    <t>3331KS</t>
  </si>
  <si>
    <t>van Weerden Poelmanstraat</t>
  </si>
  <si>
    <t>POINT (4.633794486395771 51.82558730407886)</t>
  </si>
  <si>
    <t>3331GN</t>
  </si>
  <si>
    <t>Onrust</t>
  </si>
  <si>
    <t>POINT (4.639826762469811 51.82400421112944)</t>
  </si>
  <si>
    <t>POINT (4.627327806236784 51.81044518299226)</t>
  </si>
  <si>
    <t>POINT (4.609098825144647 51.82194506347311)</t>
  </si>
  <si>
    <t>3331KM</t>
  </si>
  <si>
    <t>POINT (4.629861968983144 51.82269351358658)</t>
  </si>
  <si>
    <t>3334VG</t>
  </si>
  <si>
    <t>POINT (4.621780113246328 51.81481465995757)</t>
  </si>
  <si>
    <t>POINT (4.648275096431933 51.82714400197705)</t>
  </si>
  <si>
    <t>POINT (4.62567146433519 51.81229589174194)</t>
  </si>
  <si>
    <t>3333TA</t>
  </si>
  <si>
    <t>3333TA-3333TE</t>
  </si>
  <si>
    <t>POINT (4.634049263387959 51.81122741400394)</t>
  </si>
  <si>
    <t>3333AK</t>
  </si>
  <si>
    <t>POINT (4.63705996759522 51.810071308295605)</t>
  </si>
  <si>
    <t>3334AC</t>
  </si>
  <si>
    <t>POINT (4.617884960025523 51.81391708623558)</t>
  </si>
  <si>
    <t>POINT (4.646951328982288 51.827395514723094)</t>
  </si>
  <si>
    <t>3333TK</t>
  </si>
  <si>
    <t>Jan van Galenstraat</t>
  </si>
  <si>
    <t>POINT (4.63282503940593 51.810161839943625)</t>
  </si>
  <si>
    <t>POINT (4.618268256760055 51.81889371145484)</t>
  </si>
  <si>
    <t>3332NT</t>
  </si>
  <si>
    <t>POINT (4.639099785585602 51.825550110655676)</t>
  </si>
  <si>
    <t>3332HB</t>
  </si>
  <si>
    <t>Abraham Kuypersingel</t>
  </si>
  <si>
    <t>POINT (4.661482040041937 51.82648715447835)</t>
  </si>
  <si>
    <t>3334XE</t>
  </si>
  <si>
    <t>POINT (4.622437153384067 51.8120098799127)</t>
  </si>
  <si>
    <t>2995XE</t>
  </si>
  <si>
    <t>POINT (4.562648054113697 51.834533699576085)</t>
  </si>
  <si>
    <t>3332ES</t>
  </si>
  <si>
    <t>POINT (4.65758990536375 51.824412152121184)</t>
  </si>
  <si>
    <t>3331BM</t>
  </si>
  <si>
    <t>POINT (4.646627622060103 51.82017379814656)</t>
  </si>
  <si>
    <t>3331AK</t>
  </si>
  <si>
    <t>POINT (4.649815967544326 51.815558056898844)</t>
  </si>
  <si>
    <t>3334CG</t>
  </si>
  <si>
    <t>Groenestein</t>
  </si>
  <si>
    <t>POINT (4.607255103894877 51.8129260237279)</t>
  </si>
  <si>
    <t>POINT (4.634364744114752 51.810949458103096)</t>
  </si>
  <si>
    <t>3332JH</t>
  </si>
  <si>
    <t>van Oldenbarneveltlaan</t>
  </si>
  <si>
    <t>POINT (4.658440690041652 51.830121341752516)</t>
  </si>
  <si>
    <t>3334CX</t>
  </si>
  <si>
    <t>3334CX-3334CZ</t>
  </si>
  <si>
    <t>POINT (4.6034721117057025 51.81324433308228)</t>
  </si>
  <si>
    <t>POINT (4.624224315911381 51.81380029908452)</t>
  </si>
  <si>
    <t>3335BM</t>
  </si>
  <si>
    <t>POINT (4.605805253274468 51.8200733475473)</t>
  </si>
  <si>
    <t>POINT (4.613507264372775 51.819282464254584)</t>
  </si>
  <si>
    <t>3332EA</t>
  </si>
  <si>
    <t>Antwerpsestraat</t>
  </si>
  <si>
    <t>POINT (4.653960457016014 51.8252460925551)</t>
  </si>
  <si>
    <t>3334TB</t>
  </si>
  <si>
    <t>Eendstraat</t>
  </si>
  <si>
    <t>POINT (4.612524727092851 51.814363053342184)</t>
  </si>
  <si>
    <t>3334SH</t>
  </si>
  <si>
    <t>3334SE-3334SH</t>
  </si>
  <si>
    <t>POINT (4.6120063311360076 51.81365645115877)</t>
  </si>
  <si>
    <t>3331SL</t>
  </si>
  <si>
    <t>POINT (4.636330604419786 51.82205675243241)</t>
  </si>
  <si>
    <t>3334XH</t>
  </si>
  <si>
    <t>POINT (4.622184960258213 51.811524031829556)</t>
  </si>
  <si>
    <t>POINT (4.6432005847222735 51.81609062759045)</t>
  </si>
  <si>
    <t>3332AM</t>
  </si>
  <si>
    <t>POINT (4.641697016083897 51.82356727312743)</t>
  </si>
  <si>
    <t>POINT (4.641876086419414 51.819385802079196)</t>
  </si>
  <si>
    <t>POINT (4.646959039439216 51.82380588853461)</t>
  </si>
  <si>
    <t>POINT (4.633396817764819 51.82522813339926)</t>
  </si>
  <si>
    <t>3331CM</t>
  </si>
  <si>
    <t>Passage</t>
  </si>
  <si>
    <t>POINT (4.643533983697213 51.81911294153929)</t>
  </si>
  <si>
    <t>3331TM</t>
  </si>
  <si>
    <t>Steenbokstraat</t>
  </si>
  <si>
    <t>3331TK-3331TM</t>
  </si>
  <si>
    <t>POINT (4.638364899193135 51.82066416045996)</t>
  </si>
  <si>
    <t>POINT (4.640083586537469 51.82298463219364)</t>
  </si>
  <si>
    <t>3335EM</t>
  </si>
  <si>
    <t>Ballade</t>
  </si>
  <si>
    <t>POINT (4.6017468962917505 51.82054120323662)</t>
  </si>
  <si>
    <t>2995AS</t>
  </si>
  <si>
    <t>Rozenlaan</t>
  </si>
  <si>
    <t>POINT (4.568882530914408 51.836778156966076)</t>
  </si>
  <si>
    <t>POINT (4.569078862164969 51.834352394253)</t>
  </si>
  <si>
    <t>POINT (4.656565348447755 51.81757521955393)</t>
  </si>
  <si>
    <t>POINT (4.643079861076268 51.816136333736175)</t>
  </si>
  <si>
    <t>3331VE</t>
  </si>
  <si>
    <t>POINT (4.639266344305508 51.818772368241135)</t>
  </si>
  <si>
    <t>3331KH</t>
  </si>
  <si>
    <t>Dr. Plesmanstraat</t>
  </si>
  <si>
    <t>POINT (4.63257844266515 51.82499276412228)</t>
  </si>
  <si>
    <t>POINT (4.630333865920801 51.82295698720761)</t>
  </si>
  <si>
    <t>3332MX</t>
  </si>
  <si>
    <t>Eemsteintoren</t>
  </si>
  <si>
    <t>POINT (4.640957482879564 51.82556918115662)</t>
  </si>
  <si>
    <t>3335EG</t>
  </si>
  <si>
    <t>POINT (4.603432740397087 51.82040711697147)</t>
  </si>
  <si>
    <t>POINT (4.644767711397354 51.81991770777601)</t>
  </si>
  <si>
    <t>POINT (4.607732798166051 51.812950590856246)</t>
  </si>
  <si>
    <t>3331KD</t>
  </si>
  <si>
    <t>Baljuwweg</t>
  </si>
  <si>
    <t>POINT (4.632165688023726 51.823656052404736)</t>
  </si>
  <si>
    <t>POINT (4.639225261472335 51.82341669886918)</t>
  </si>
  <si>
    <t>3334BC</t>
  </si>
  <si>
    <t>Boshuizen</t>
  </si>
  <si>
    <t>POINT (4.609065375534199 51.81508920576354)</t>
  </si>
  <si>
    <t>3331CG</t>
  </si>
  <si>
    <t>POINT (4.642969813589588 51.8181066587194)</t>
  </si>
  <si>
    <t>3334BE</t>
  </si>
  <si>
    <t>Emminkhuizen</t>
  </si>
  <si>
    <t>POINT (4.6094836458689485 51.813796505168995)</t>
  </si>
  <si>
    <t>3334GE</t>
  </si>
  <si>
    <t>Haaswijk</t>
  </si>
  <si>
    <t>POINT (4.595321255773535 51.81542810676761)</t>
  </si>
  <si>
    <t>POINT (4.609615386088587 51.81538894005437)</t>
  </si>
  <si>
    <t>3333BW</t>
  </si>
  <si>
    <t>W.P. Speelmanstraat</t>
  </si>
  <si>
    <t>POINT (4.62751522750656 51.808653749979435)</t>
  </si>
  <si>
    <t>2995AP</t>
  </si>
  <si>
    <t>POINT (4.56377806954687 51.83455337992087)</t>
  </si>
  <si>
    <t>POINT (4.633212881770212 51.82558188850882)</t>
  </si>
  <si>
    <t>POINT (4.617512785258731 51.820999524944895)</t>
  </si>
  <si>
    <t>3333GW</t>
  </si>
  <si>
    <t>Geraniumstraat</t>
  </si>
  <si>
    <t>POINT (4.628508423324387 51.81419483182209)</t>
  </si>
  <si>
    <t>3335DD</t>
  </si>
  <si>
    <t>Bazuinstraat</t>
  </si>
  <si>
    <t>POINT (4.6067044841112095 51.8209887202403)</t>
  </si>
  <si>
    <t>POINT (4.632140397086393 51.823216675021364)</t>
  </si>
  <si>
    <t>3335EK</t>
  </si>
  <si>
    <t>POINT (4.602653395282741 51.821299829608044)</t>
  </si>
  <si>
    <t>POINT (4.620936836046688 51.83006049502196)</t>
  </si>
  <si>
    <t>POINT (4.648762309683031 51.81977746347297)</t>
  </si>
  <si>
    <t>3335DK</t>
  </si>
  <si>
    <t>Klooster</t>
  </si>
  <si>
    <t>POINT (4.605179691227778 51.821872561582985)</t>
  </si>
  <si>
    <t>POINT (4.644016082396966 51.82110371826234)</t>
  </si>
  <si>
    <t>3333XM</t>
  </si>
  <si>
    <t>POINT (4.639946606585317 51.80896250633198)</t>
  </si>
  <si>
    <t>2995XV</t>
  </si>
  <si>
    <t>Grote Kreeklaan</t>
  </si>
  <si>
    <t>POINT (4.559489877208773 51.83525761164151)</t>
  </si>
  <si>
    <t>POINT (4.621770247338271 51.81478158904617)</t>
  </si>
  <si>
    <t>3334BV</t>
  </si>
  <si>
    <t>Teilingen</t>
  </si>
  <si>
    <t>POINT (4.6071891361131065 51.816048988742544)</t>
  </si>
  <si>
    <t>POINT (4.606263154565495 51.81490473158506)</t>
  </si>
  <si>
    <t>3331KE</t>
  </si>
  <si>
    <t>POINT (4.63659383121463 51.82492457968824)</t>
  </si>
  <si>
    <t>POINT (4.6336714751154675 51.81269609855384)</t>
  </si>
  <si>
    <t>3334CB</t>
  </si>
  <si>
    <t>Drakensteijn</t>
  </si>
  <si>
    <t>POINT (4.605506493770285 51.81345086329341)</t>
  </si>
  <si>
    <t>3332AG</t>
  </si>
  <si>
    <t>3332AE-3332BP</t>
  </si>
  <si>
    <t>POINT (4.646849835931919 51.822144351585436)</t>
  </si>
  <si>
    <t>BU06420115</t>
  </si>
  <si>
    <t>Swanendrif-Zuid</t>
  </si>
  <si>
    <t>POINT (4.617090049089861 51.81311263129573)</t>
  </si>
  <si>
    <t>3332SJ</t>
  </si>
  <si>
    <t>Londenseplein</t>
  </si>
  <si>
    <t>POINT (4.656309853327516 51.826371691849)</t>
  </si>
  <si>
    <t>3332BB</t>
  </si>
  <si>
    <t>Eikeboomstraat</t>
  </si>
  <si>
    <t>POINT (4.653638102937467 51.82046838451623)</t>
  </si>
  <si>
    <t>3335VJ</t>
  </si>
  <si>
    <t>POINT (4.610548342124023 51.81942866353803)</t>
  </si>
  <si>
    <t>3335XH</t>
  </si>
  <si>
    <t>POINT (4.617874036534053 51.82111860294506)</t>
  </si>
  <si>
    <t>POINT (4.635394658617024 51.82152964126432)</t>
  </si>
  <si>
    <t>POINT (4.56112377701076 51.83227965992628)</t>
  </si>
  <si>
    <t>POINT (4.615517081013982 51.8211499246683)</t>
  </si>
  <si>
    <t>POINT (4.631321768577689 51.80987086455173)</t>
  </si>
  <si>
    <t>POINT (4.6545027049080065 51.82355792677171)</t>
  </si>
  <si>
    <t>2995BK</t>
  </si>
  <si>
    <t>Molenwei</t>
  </si>
  <si>
    <t>POINT (4.568160681650955 51.839574751332925)</t>
  </si>
  <si>
    <t>BU06420902</t>
  </si>
  <si>
    <t>Sportcomplex "De Molenwei"</t>
  </si>
  <si>
    <t>POINT (4.605115119487703 51.822607085218024)</t>
  </si>
  <si>
    <t>POINT (4.656790356048457 51.81771305034556)</t>
  </si>
  <si>
    <t>3335LH</t>
  </si>
  <si>
    <t>POINT (4.609414541372026 51.82556939332139)</t>
  </si>
  <si>
    <t>BU06420410</t>
  </si>
  <si>
    <t>Industriegebied Molenvliet</t>
  </si>
  <si>
    <t>POINT (4.605457847299286 51.814748359156944)</t>
  </si>
  <si>
    <t>POINT (4.635053231538265 51.82546699155925)</t>
  </si>
  <si>
    <t>3335AP</t>
  </si>
  <si>
    <t>POINT (4.612892363415599 51.82089845452849)</t>
  </si>
  <si>
    <t>3332HJ</t>
  </si>
  <si>
    <t>Goeman Borgesiussingel</t>
  </si>
  <si>
    <t>POINT (4.660033089229229 51.82856552640344)</t>
  </si>
  <si>
    <t>3332AP</t>
  </si>
  <si>
    <t>POINT (4.636203844842845 51.825517118424465)</t>
  </si>
  <si>
    <t>POINT (4.6098952951789345 51.81853020501232)</t>
  </si>
  <si>
    <t>3331BL</t>
  </si>
  <si>
    <t>POINT (4.64782811270354 51.819807186092305)</t>
  </si>
  <si>
    <t>POINT (4.661770916868462 51.82444071025187)</t>
  </si>
  <si>
    <t>3335CL</t>
  </si>
  <si>
    <t>Berliozstraat</t>
  </si>
  <si>
    <t>POINT (4.620193483678709 51.819635428851164)</t>
  </si>
  <si>
    <t>3332PE</t>
  </si>
  <si>
    <t>POINT (4.647978871413946 51.82385942571249)</t>
  </si>
  <si>
    <t>POINT (4.661696943860277 51.82458901551822)</t>
  </si>
  <si>
    <t>POINT (4.635985521985323 51.82133931375334)</t>
  </si>
  <si>
    <t>3333TN</t>
  </si>
  <si>
    <t>POINT (4.632766345851019 51.811482164710135)</t>
  </si>
  <si>
    <t>3333GT</t>
  </si>
  <si>
    <t>Fresiastraat</t>
  </si>
  <si>
    <t>3333GT-3333GV</t>
  </si>
  <si>
    <t>POINT (4.627154092783366 51.814983888148895)</t>
  </si>
  <si>
    <t>POINT (4.658277279027512 51.82526379407853)</t>
  </si>
  <si>
    <t>3332CM</t>
  </si>
  <si>
    <t>Nolensstraat</t>
  </si>
  <si>
    <t>POINT (4.658966414144215 51.823049990989226)</t>
  </si>
  <si>
    <t>3332EP</t>
  </si>
  <si>
    <t>POINT (4.656916984992416 51.82384105150715)</t>
  </si>
  <si>
    <t>3331XM</t>
  </si>
  <si>
    <t>Oranjeplein</t>
  </si>
  <si>
    <t>POINT (4.651550412949958 51.81736990647522)</t>
  </si>
  <si>
    <t>POINT (4.656499273033354 51.826944541737824)</t>
  </si>
  <si>
    <t>3332BN</t>
  </si>
  <si>
    <t>Slagveld</t>
  </si>
  <si>
    <t>POINT (4.6545416890717775 51.8199702670679)</t>
  </si>
  <si>
    <t>POINT (4.651912462539653 51.817088923897096)</t>
  </si>
  <si>
    <t>2995DA</t>
  </si>
  <si>
    <t>Nessenweg</t>
  </si>
  <si>
    <t>POINT (4.558690003958346 51.83233446207482)</t>
  </si>
  <si>
    <t>BU06420907</t>
  </si>
  <si>
    <t>Bedrijventerrein Gors-Zuid</t>
  </si>
  <si>
    <t>3333BM</t>
  </si>
  <si>
    <t>Jan Vrolijkstraat</t>
  </si>
  <si>
    <t>POINT (4.6301656489127785 51.80820101201365)</t>
  </si>
  <si>
    <t>POINT (4.647603754459217 51.826437209578614)</t>
  </si>
  <si>
    <t>3332GR</t>
  </si>
  <si>
    <t>Norderstedtplein</t>
  </si>
  <si>
    <t>POINT (4.654037011998993 51.821796554601256)</t>
  </si>
  <si>
    <t>3335LP</t>
  </si>
  <si>
    <t>3335LJ-3335LP</t>
  </si>
  <si>
    <t>POINT (4.601089762386203 51.83805915980683)</t>
  </si>
  <si>
    <t>BU06420707</t>
  </si>
  <si>
    <t>Groenesteeg - Langeweg</t>
  </si>
  <si>
    <t>POINT (4.633611488450295 51.812745942245634)</t>
  </si>
  <si>
    <t>POINT (4.654319032803487 51.81633332321947)</t>
  </si>
  <si>
    <t>POINT (4.653946273387501 51.823871958929175)</t>
  </si>
  <si>
    <t>3331EN</t>
  </si>
  <si>
    <t>Jan Campertstraat</t>
  </si>
  <si>
    <t>3331EM-3331EN</t>
  </si>
  <si>
    <t>POINT (4.638709537670362 51.81433865763832)</t>
  </si>
  <si>
    <t>3334CS</t>
  </si>
  <si>
    <t>Rupelmonde</t>
  </si>
  <si>
    <t>POINT (4.600852542534799 51.81386597988454)</t>
  </si>
  <si>
    <t>POINT (4.647301827768174 51.82297392709834)</t>
  </si>
  <si>
    <t>3334KG</t>
  </si>
  <si>
    <t>3334KD-3334KG</t>
  </si>
  <si>
    <t>POINT (4.59160389529393 51.81173453144683)</t>
  </si>
  <si>
    <t>POINT (4.569681308350166 51.83804725154831)</t>
  </si>
  <si>
    <t>POINT (4.618819815332686 51.81380971053324)</t>
  </si>
  <si>
    <t>POINT (4.635674221287061 51.822698991271544)</t>
  </si>
  <si>
    <t>POINT (4.61090930372585 51.82172126040838)</t>
  </si>
  <si>
    <t>POINT (4.656153695957672 51.821758774064406)</t>
  </si>
  <si>
    <t>3332BK</t>
  </si>
  <si>
    <t>Noteboomstraat</t>
  </si>
  <si>
    <t>POINT (4.654430400202956 51.82062766953626)</t>
  </si>
  <si>
    <t>POINT (4.656358869498171 51.82647550161891)</t>
  </si>
  <si>
    <t>3332JE</t>
  </si>
  <si>
    <t>POINT (4.657039160222896 51.83004970247892)</t>
  </si>
  <si>
    <t>POINT (4.659591512551743 51.82506301577044)</t>
  </si>
  <si>
    <t>3334AJ</t>
  </si>
  <si>
    <t>POINT (4.620373968993426 51.81278258727249)</t>
  </si>
  <si>
    <t>3332HS</t>
  </si>
  <si>
    <t>Paulus Buyspad</t>
  </si>
  <si>
    <t>3332HR-3332HS</t>
  </si>
  <si>
    <t>POINT (4.659140261353114 51.83003404342827)</t>
  </si>
  <si>
    <t>3331LR</t>
  </si>
  <si>
    <t>POINT (4.643190926176724 51.815329601404265)</t>
  </si>
  <si>
    <t>3332CP</t>
  </si>
  <si>
    <t>Ruys de Beerenbrouckstraat</t>
  </si>
  <si>
    <t>POINT (4.660325165838955 51.8227180844934)</t>
  </si>
  <si>
    <t>POINT (4.655023838826671 51.820992754026136)</t>
  </si>
  <si>
    <t>3331EA</t>
  </si>
  <si>
    <t>POINT (4.635113904035953 51.81679894211736)</t>
  </si>
  <si>
    <t>3333XH</t>
  </si>
  <si>
    <t>3333XG-3333XH</t>
  </si>
  <si>
    <t>POINT (4.643083880514995 51.809465567545224)</t>
  </si>
  <si>
    <t>POINT (4.562619935035546 51.83715299402123)</t>
  </si>
  <si>
    <t>3334DB</t>
  </si>
  <si>
    <t>Kruisvoorde</t>
  </si>
  <si>
    <t>POINT (4.599063823098392 51.81350148701598)</t>
  </si>
  <si>
    <t>3332CH</t>
  </si>
  <si>
    <t>POINT (4.661996386907269 51.82565181660143)</t>
  </si>
  <si>
    <t>2995XJ</t>
  </si>
  <si>
    <t>POINT (4.570972300701697 51.831913958507606)</t>
  </si>
  <si>
    <t>BU06420906</t>
  </si>
  <si>
    <t>Het Buitenland en omgeving</t>
  </si>
  <si>
    <t>3333LA</t>
  </si>
  <si>
    <t>POINT (4.623476791856168 51.8124837223397)</t>
  </si>
  <si>
    <t>3333CD</t>
  </si>
  <si>
    <t>POINT (4.634100598235569 51.809666467679044)</t>
  </si>
  <si>
    <t>3332EE</t>
  </si>
  <si>
    <t>Dollard</t>
  </si>
  <si>
    <t>POINT (4.651891668498101 51.82363084670497)</t>
  </si>
  <si>
    <t>POINT (4.649152744153868 51.81568695635686)</t>
  </si>
  <si>
    <t>POINT (4.64105820225015 51.82553567344935)</t>
  </si>
  <si>
    <t>2995VH</t>
  </si>
  <si>
    <t>POINT (4.567195333687672 51.834791340900914)</t>
  </si>
  <si>
    <t>POINT (4.626146050160632 51.811355290395106)</t>
  </si>
  <si>
    <t>3332HA</t>
  </si>
  <si>
    <t>Anthonie Heinsiusstraat</t>
  </si>
  <si>
    <t>POINT (4.6595153057595375 51.8302687529868)</t>
  </si>
  <si>
    <t>POINT (4.636049794348284 51.81650079436573)</t>
  </si>
  <si>
    <t>3333GD</t>
  </si>
  <si>
    <t>3333GB-3333GD</t>
  </si>
  <si>
    <t>POINT (4.626967297698691 51.815536014217)</t>
  </si>
  <si>
    <t>POINT (4.636746205244161 51.81461744272976)</t>
  </si>
  <si>
    <t>POINT (4.66203168657901 51.82571272618324)</t>
  </si>
  <si>
    <t>POINT (4.665238402218868 51.82209998489026)</t>
  </si>
  <si>
    <t>3335EA</t>
  </si>
  <si>
    <t>Suite</t>
  </si>
  <si>
    <t>POINT (4.603331482420666 51.818815903464035)</t>
  </si>
  <si>
    <t>3334TJ</t>
  </si>
  <si>
    <t>POINT (4.613091857421332 51.815825350854695)</t>
  </si>
  <si>
    <t>POINT (4.6458905138324464 51.81434045485052)</t>
  </si>
  <si>
    <t>POINT (4.6545572445000865 51.81640036504973)</t>
  </si>
  <si>
    <t>3331TB</t>
  </si>
  <si>
    <t>POINT (4.636216192230927 51.82024842970265)</t>
  </si>
  <si>
    <t>3333SR</t>
  </si>
  <si>
    <t>POINT (4.628799321260634 51.81181329255471)</t>
  </si>
  <si>
    <t>POINT (4.613736999671052 51.820621077155295)</t>
  </si>
  <si>
    <t>POINT (4.59503363420604 51.815211874056224)</t>
  </si>
  <si>
    <t>3333SP</t>
  </si>
  <si>
    <t>POINT (4.62950128770876 51.81234151843409)</t>
  </si>
  <si>
    <t>3332AL</t>
  </si>
  <si>
    <t>POINT (4.646884927998334 51.82178818954612)</t>
  </si>
  <si>
    <t>POINT (4.64187744122326 51.820851201121464)</t>
  </si>
  <si>
    <t>POINT (4.656688873303382 51.821377130240265)</t>
  </si>
  <si>
    <t>POINT (4.648251067121561 51.824058531181755)</t>
  </si>
  <si>
    <t>POINT (4.641453233371905 51.817523741719995)</t>
  </si>
  <si>
    <t>3333BR</t>
  </si>
  <si>
    <t>Titia Gorterstraat</t>
  </si>
  <si>
    <t>POINT (4.626751472839983 51.80807879235234)</t>
  </si>
  <si>
    <t>POINT (4.6530451897070355 51.817652585662344)</t>
  </si>
  <si>
    <t>POINT (4.621937130802978 51.81246279760961)</t>
  </si>
  <si>
    <t>2995XG</t>
  </si>
  <si>
    <t>POINT (4.565765073649892 51.83244149830631)</t>
  </si>
  <si>
    <t>POINT (4.6531145148599675 51.820249715015315)</t>
  </si>
  <si>
    <t>3331HC</t>
  </si>
  <si>
    <t>Bootjessteeg</t>
  </si>
  <si>
    <t>POINT (4.628168663423998 51.823652932208795)</t>
  </si>
  <si>
    <t>POINT (4.654726071421851 51.829159579276656)</t>
  </si>
  <si>
    <t>2995BN</t>
  </si>
  <si>
    <t>2995BM-2995BN</t>
  </si>
  <si>
    <t>POINT (4.561516859677202 51.83702395545551)</t>
  </si>
  <si>
    <t>3332CK</t>
  </si>
  <si>
    <t>Colijnweg</t>
  </si>
  <si>
    <t>POINT (4.659751714621753 51.82211891520436)</t>
  </si>
  <si>
    <t>3334CE</t>
  </si>
  <si>
    <t>Geerestein</t>
  </si>
  <si>
    <t>POINT (4.607217262919785 51.81349128019501)</t>
  </si>
  <si>
    <t>3332KK</t>
  </si>
  <si>
    <t>Heyenlande</t>
  </si>
  <si>
    <t>POINT (4.646127742612655 51.825982205024)</t>
  </si>
  <si>
    <t>POINT (4.654721687489581 51.816613290763804)</t>
  </si>
  <si>
    <t>3332BJ</t>
  </si>
  <si>
    <t>POINT (4.657425811780369 51.818275829735974)</t>
  </si>
  <si>
    <t>3332BP</t>
  </si>
  <si>
    <t>'t Anker</t>
  </si>
  <si>
    <t>POINT (4.651197603793085 51.821950700774494)</t>
  </si>
  <si>
    <t>POINT (4.611157375215628 51.81578737908414)</t>
  </si>
  <si>
    <t>3333TL</t>
  </si>
  <si>
    <t>POINT (4.630814858368949 51.81014813589441)</t>
  </si>
  <si>
    <t>3335LB</t>
  </si>
  <si>
    <t>Heer Oudelandslaan</t>
  </si>
  <si>
    <t>POINT (4.625098407941424 51.822471201818644)</t>
  </si>
  <si>
    <t>POINT (4.594619031176354 51.81436201171939)</t>
  </si>
  <si>
    <t>3331LH</t>
  </si>
  <si>
    <t>Onderdijkserijweg</t>
  </si>
  <si>
    <t>3331LG-3331LH</t>
  </si>
  <si>
    <t>POINT (4.6476676842911555 51.81425863459707)</t>
  </si>
  <si>
    <t>2995VC</t>
  </si>
  <si>
    <t>Ganzekant</t>
  </si>
  <si>
    <t>POINT (4.567958823675442 51.83758552797367)</t>
  </si>
  <si>
    <t>3332PJ</t>
  </si>
  <si>
    <t>Heemraad</t>
  </si>
  <si>
    <t>POINT (4.649573916743563 51.82473143021603)</t>
  </si>
  <si>
    <t>3333AR</t>
  </si>
  <si>
    <t>Surinamestraat</t>
  </si>
  <si>
    <t>POINT (4.636829580705776 51.81012579000283)</t>
  </si>
  <si>
    <t>3331HM</t>
  </si>
  <si>
    <t>POINT (4.6317881938133185 51.82503746910515)</t>
  </si>
  <si>
    <t>POINT (4.608724360736734 51.82240801616579)</t>
  </si>
  <si>
    <t>3333EC</t>
  </si>
  <si>
    <t>Chrysantstraat</t>
  </si>
  <si>
    <t>POINT (4.625879504801792 51.81328710572982)</t>
  </si>
  <si>
    <t>POINT (4.651413894982327 51.818077907408004)</t>
  </si>
  <si>
    <t>POINT (4.605947728135209 51.81977888163525)</t>
  </si>
  <si>
    <t>3331SZ</t>
  </si>
  <si>
    <t>POINT (4.633262478939731 51.819903858813404)</t>
  </si>
  <si>
    <t>3331SH</t>
  </si>
  <si>
    <t>POINT (4.632170576931792 51.819537003725756)</t>
  </si>
  <si>
    <t>2995AA</t>
  </si>
  <si>
    <t>POINT (4.566574985671805 51.83511997593434)</t>
  </si>
  <si>
    <t>3332AD</t>
  </si>
  <si>
    <t>POINT (4.651891600277511 51.82035065191195)</t>
  </si>
  <si>
    <t>POINT (4.6580366582428585 51.82510572583694)</t>
  </si>
  <si>
    <t>3331HH</t>
  </si>
  <si>
    <t>3331HG-3331HH</t>
  </si>
  <si>
    <t>POINT (4.638405715661513 51.82276216608743)</t>
  </si>
  <si>
    <t>POINT (4.659472631073735 51.82363137209146)</t>
  </si>
  <si>
    <t>POINT (4.6133963667860405 51.81801761365729)</t>
  </si>
  <si>
    <t>POINT (4.656217377307535 51.817399211606784)</t>
  </si>
  <si>
    <t>POINT (4.661657708562693 51.82472940971614)</t>
  </si>
  <si>
    <t>3334SX</t>
  </si>
  <si>
    <t>POINT (4.616114916725322 51.81281981129292)</t>
  </si>
  <si>
    <t>POINT (4.637270912235785 51.809360067873044)</t>
  </si>
  <si>
    <t>POINT (4.633750864596605 51.81263414577977)</t>
  </si>
  <si>
    <t>3334AK</t>
  </si>
  <si>
    <t>POINT (4.620624934552493 51.81383627546657)</t>
  </si>
  <si>
    <t>POINT (4.563386430953266 51.83715969687426)</t>
  </si>
  <si>
    <t>3336LB</t>
  </si>
  <si>
    <t>Dubbelweg</t>
  </si>
  <si>
    <t>3336LA-3336LB</t>
  </si>
  <si>
    <t>POINT (4.609524617762761 51.811423842223235)</t>
  </si>
  <si>
    <t>3333TH</t>
  </si>
  <si>
    <t>POINT (4.632621583852753 51.8106975802799)</t>
  </si>
  <si>
    <t>3331HG</t>
  </si>
  <si>
    <t>POINT (4.638841726425751 51.82264953216081)</t>
  </si>
  <si>
    <t>POINT (4.655941825385795 51.81779444417892)</t>
  </si>
  <si>
    <t>3331GJ</t>
  </si>
  <si>
    <t>Hoveniersplein</t>
  </si>
  <si>
    <t>POINT (4.63962910225523 51.8226246445655)</t>
  </si>
  <si>
    <t>3332JK</t>
  </si>
  <si>
    <t>Kappeyne van de Coppelloplantsoen</t>
  </si>
  <si>
    <t>POINT (4.660216212330643 51.82795308530728)</t>
  </si>
  <si>
    <t>POINT (4.644125407813942 51.81537925210538)</t>
  </si>
  <si>
    <t>POINT (4.643769122419915 51.815371018144944)</t>
  </si>
  <si>
    <t>POINT (4.656321236019781 51.82304808361764)</t>
  </si>
  <si>
    <t>POINT (4.630923862251276 51.80793500832547)</t>
  </si>
  <si>
    <t>3335XD</t>
  </si>
  <si>
    <t>Poulencstraat</t>
  </si>
  <si>
    <t>POINT (4.614537035672701 51.81984297133068)</t>
  </si>
  <si>
    <t>POINT (4.654820754550032 51.82899746614547)</t>
  </si>
  <si>
    <t>POINT (4.616227486101683 51.813855826940674)</t>
  </si>
  <si>
    <t>3333AA</t>
  </si>
  <si>
    <t>Arubastraat</t>
  </si>
  <si>
    <t>POINT (4.636363220664401 51.811033362898655)</t>
  </si>
  <si>
    <t>3331SJ</t>
  </si>
  <si>
    <t>POINT (4.636093915843368 51.82172926293636)</t>
  </si>
  <si>
    <t>3332AH</t>
  </si>
  <si>
    <t>POINT (4.642096574285626 51.823790680360084)</t>
  </si>
  <si>
    <t>2995AR</t>
  </si>
  <si>
    <t>POINT (4.563186942480866 51.83494035034337)</t>
  </si>
  <si>
    <t>3332XC</t>
  </si>
  <si>
    <t>POINT (4.655275265363481 51.82128461163675)</t>
  </si>
  <si>
    <t>POINT (4.649690831392062 51.822299153635875)</t>
  </si>
  <si>
    <t>POINT (4.644587500572062 51.819725495067054)</t>
  </si>
  <si>
    <t>3336LH</t>
  </si>
  <si>
    <t>Noordweg</t>
  </si>
  <si>
    <t>POINT (4.6220091864090715 51.80930501810411)</t>
  </si>
  <si>
    <t>2995AG</t>
  </si>
  <si>
    <t>POINT (4.5688638492244475 51.83503477709606)</t>
  </si>
  <si>
    <t>POINT (4.615385907033372 51.81760542259247)</t>
  </si>
  <si>
    <t>POINT (4.647906828336799 51.82381661728086)</t>
  </si>
  <si>
    <t>POINT (4.608700397514127 51.82236355182297)</t>
  </si>
  <si>
    <t>POINT (4.611941448558393 51.813438827968625)</t>
  </si>
  <si>
    <t>POINT (4.565439902920719 51.83445134457225)</t>
  </si>
  <si>
    <t>3334CK</t>
  </si>
  <si>
    <t>POINT (4.604145544313381 51.81349262112261)</t>
  </si>
  <si>
    <t>3333XC</t>
  </si>
  <si>
    <t>POINT (4.6422519048950575 51.81031780199463)</t>
  </si>
  <si>
    <t>2995XK</t>
  </si>
  <si>
    <t>Lindeweg</t>
  </si>
  <si>
    <t>POINT (4.572329917560938 51.82765523810355)</t>
  </si>
  <si>
    <t>3332AA</t>
  </si>
  <si>
    <t>De Botvink</t>
  </si>
  <si>
    <t>POINT (4.64417727484502 51.82356195830282)</t>
  </si>
  <si>
    <t>3332KC</t>
  </si>
  <si>
    <t>POINT (4.648117013561265 51.8254609910462)</t>
  </si>
  <si>
    <t>POINT (4.618535706669719 51.815657584315396)</t>
  </si>
  <si>
    <t>POINT (4.620282661028366 51.81279301075049)</t>
  </si>
  <si>
    <t>POINT (4.606040176159083 51.82129049242263)</t>
  </si>
  <si>
    <t>3332EG</t>
  </si>
  <si>
    <t>Gentsestraat</t>
  </si>
  <si>
    <t>3332EG-3332EH</t>
  </si>
  <si>
    <t>POINT (4.655116286268552 51.824094532309566)</t>
  </si>
  <si>
    <t>POINT (4.611164832756138 51.81371722618825)</t>
  </si>
  <si>
    <t>POINT (4.632521631507149 51.82397871672842)</t>
  </si>
  <si>
    <t>POINT (4.639039108640831 51.81886429443793)</t>
  </si>
  <si>
    <t>POINT (4.633046543056176 51.809966860392464)</t>
  </si>
  <si>
    <t>3334GD</t>
  </si>
  <si>
    <t>Groenendaal</t>
  </si>
  <si>
    <t>POINT (4.599005628637854 51.81456138958011)</t>
  </si>
  <si>
    <t>POINT (4.639102323644867 51.82557548392185)</t>
  </si>
  <si>
    <t>POINT (4.606770642393029 51.82096177155153)</t>
  </si>
  <si>
    <t>POINT (4.6397685913367495 51.823862736257695)</t>
  </si>
  <si>
    <t>3334CH</t>
  </si>
  <si>
    <t>Gunterstein</t>
  </si>
  <si>
    <t>POINT (4.606134429454576 51.81325399347394)</t>
  </si>
  <si>
    <t>3331VD</t>
  </si>
  <si>
    <t>POINT (4.6401151785347245 51.818796435242696)</t>
  </si>
  <si>
    <t>POINT (4.6390278092598995 51.82256325853623)</t>
  </si>
  <si>
    <t>POINT (4.595004193930502 51.814941977183636)</t>
  </si>
  <si>
    <t>3331EC</t>
  </si>
  <si>
    <t>POINT (4.639680931283297 51.81462363377073)</t>
  </si>
  <si>
    <t>POINT (4.619999206692579 51.81251166271415)</t>
  </si>
  <si>
    <t>3334SL</t>
  </si>
  <si>
    <t>3334SJ-3334SL</t>
  </si>
  <si>
    <t>POINT (4.612654442162265 51.81310507463478)</t>
  </si>
  <si>
    <t>POINT (4.632447877664674 51.81942552973186)</t>
  </si>
  <si>
    <t>3335AG</t>
  </si>
  <si>
    <t>POINT (4.616231682144347 51.817202660362106)</t>
  </si>
  <si>
    <t>POINT (4.658997781209162 51.83026487843769)</t>
  </si>
  <si>
    <t>POINT (4.61794145060372 51.81860489273931)</t>
  </si>
  <si>
    <t>3334BT</t>
  </si>
  <si>
    <t>3334BS-3334BT</t>
  </si>
  <si>
    <t>POINT (4.605837909336711 51.81604248978607)</t>
  </si>
  <si>
    <t>3335CN</t>
  </si>
  <si>
    <t>Brucknerstraat</t>
  </si>
  <si>
    <t>POINT (4.619613081632008 51.81978881088197)</t>
  </si>
  <si>
    <t>POINT (4.6298855660759335 51.814935309014444)</t>
  </si>
  <si>
    <t>POINT (4.618780625430842 51.812933611083906)</t>
  </si>
  <si>
    <t>3334TA</t>
  </si>
  <si>
    <t>Duifstraat</t>
  </si>
  <si>
    <t>POINT (4.611609127080116 51.815897915630735)</t>
  </si>
  <si>
    <t>3332BM</t>
  </si>
  <si>
    <t>POINT (4.655036311257422 51.82025885221126)</t>
  </si>
  <si>
    <t>POINT (4.62156300911221 51.8114091176684)</t>
  </si>
  <si>
    <t>3331MK</t>
  </si>
  <si>
    <t>Westpier</t>
  </si>
  <si>
    <t>POINT (4.650589847630089 51.81393777075923)</t>
  </si>
  <si>
    <t>POINT (4.609086322511995 51.82163331472031)</t>
  </si>
  <si>
    <t>POINT (4.6031057938439 51.81539183809335)</t>
  </si>
  <si>
    <t>POINT (4.652525366588894 51.815354952594056)</t>
  </si>
  <si>
    <t>3335CE</t>
  </si>
  <si>
    <t>3335CD-3335CE</t>
  </si>
  <si>
    <t>POINT (4.618315000203026 51.819826650655116)</t>
  </si>
  <si>
    <t>POINT (4.612844823693958 51.818125453874416)</t>
  </si>
  <si>
    <t>3333SK</t>
  </si>
  <si>
    <t>POINT (4.6288114517901535 51.81231202872429)</t>
  </si>
  <si>
    <t>3333GJ</t>
  </si>
  <si>
    <t>POINT (4.627472459904283 51.81329264730999)</t>
  </si>
  <si>
    <t>3333AN</t>
  </si>
  <si>
    <t>POINT (4.637335964100896 51.811946120728535)</t>
  </si>
  <si>
    <t>POINT (4.645074603175676 51.814513202249806)</t>
  </si>
  <si>
    <t>2995VJ</t>
  </si>
  <si>
    <t>POINT (4.567898783429127 51.83529313248866)</t>
  </si>
  <si>
    <t>2995TE</t>
  </si>
  <si>
    <t>Kruisbespad</t>
  </si>
  <si>
    <t>POINT (4.562261957723415 51.83259513357014)</t>
  </si>
  <si>
    <t>POINT (4.639143900028187 51.82254278519537)</t>
  </si>
  <si>
    <t>3331AC</t>
  </si>
  <si>
    <t>3331AC-3331BT</t>
  </si>
  <si>
    <t>POINT (4.647221484520591 51.81659135373634)</t>
  </si>
  <si>
    <t>POINT (4.64145652663704 51.81925076039149)</t>
  </si>
  <si>
    <t>POINT (4.618049914349877 51.81321301141771)</t>
  </si>
  <si>
    <t>POINT (4.631861871886416 51.82401255780756)</t>
  </si>
  <si>
    <t>POINT (4.628277897811394 51.812717907285815)</t>
  </si>
  <si>
    <t>3332HR</t>
  </si>
  <si>
    <t>Mackaypad</t>
  </si>
  <si>
    <t>POINT (4.658260424954197 51.82844570560739)</t>
  </si>
  <si>
    <t>POINT (4.60412686206873 51.81426009823781)</t>
  </si>
  <si>
    <t>POINT (4.644152760445901 51.81536779392344)</t>
  </si>
  <si>
    <t>3333AB</t>
  </si>
  <si>
    <t>POINT (4.635415430489877 51.811305054739556)</t>
  </si>
  <si>
    <t>3334SC</t>
  </si>
  <si>
    <t>POINT (4.611153212863511 51.81447060230044)</t>
  </si>
  <si>
    <t>3334XL</t>
  </si>
  <si>
    <t>POINT (4.620708322451605 51.81147951077369)</t>
  </si>
  <si>
    <t>3331HE</t>
  </si>
  <si>
    <t>POINT (4.6396386268895 51.822034651585454)</t>
  </si>
  <si>
    <t>POINT (4.640943004414654 51.82553597478272)</t>
  </si>
  <si>
    <t>3333XB</t>
  </si>
  <si>
    <t>POINT (4.641672735759297 51.8098217946184)</t>
  </si>
  <si>
    <t>3331EP</t>
  </si>
  <si>
    <t>POINT (4.638872232999402 51.81398792241375)</t>
  </si>
  <si>
    <t>POINT (4.659531726011393 51.82333041120379)</t>
  </si>
  <si>
    <t>3332EH</t>
  </si>
  <si>
    <t>Hof van Holland</t>
  </si>
  <si>
    <t>POINT (4.650813725663591 51.82251656631868)</t>
  </si>
  <si>
    <t>POINT (4.632489687234643 51.807718709031406)</t>
  </si>
  <si>
    <t>3334SR</t>
  </si>
  <si>
    <t>Leeuwerikplein</t>
  </si>
  <si>
    <t>3334SR-3334ST</t>
  </si>
  <si>
    <t>POINT (4.615327579448154 51.81306249921953)</t>
  </si>
  <si>
    <t>3331KN</t>
  </si>
  <si>
    <t>Schoutweg</t>
  </si>
  <si>
    <t>POINT (4.629281799860629 51.820876352018495)</t>
  </si>
  <si>
    <t>POINT (4.619793090170437 51.81984186191114)</t>
  </si>
  <si>
    <t>POINT (4.651258450894811 51.82193832738617)</t>
  </si>
  <si>
    <t>POINT (4.6308829595214505 51.812358368481085)</t>
  </si>
  <si>
    <t>3331VB</t>
  </si>
  <si>
    <t>POINT (4.637590712425905 51.81804814585332)</t>
  </si>
  <si>
    <t>2995XM</t>
  </si>
  <si>
    <t>POINT (4.5789735159801195 51.818286620972536)</t>
  </si>
  <si>
    <t>POINT (4.606339854615281 51.81492677896324)</t>
  </si>
  <si>
    <t>POINT (4.65652678898047 51.81753551918031)</t>
  </si>
  <si>
    <t>3331HW</t>
  </si>
  <si>
    <t>POINT (4.642060852258804 51.82264803626271)</t>
  </si>
  <si>
    <t>3333AE</t>
  </si>
  <si>
    <t>Celebeslaan</t>
  </si>
  <si>
    <t>POINT (4.636862542604548 51.81152254005427)</t>
  </si>
  <si>
    <t>3331KT</t>
  </si>
  <si>
    <t>Willem de Goedeweg</t>
  </si>
  <si>
    <t>POINT (4.6300816684369215 51.82195586216265)</t>
  </si>
  <si>
    <t>POINT (4.618867488925234 51.82194586998816)</t>
  </si>
  <si>
    <t>POINT (4.635551041343366 51.822572989954715)</t>
  </si>
  <si>
    <t>3334CN</t>
  </si>
  <si>
    <t>POINT (4.604908740314123 51.81356785036806)</t>
  </si>
  <si>
    <t>POINT (4.603675965544269 51.81469226906637)</t>
  </si>
  <si>
    <t>3331VM</t>
  </si>
  <si>
    <t>van Goghstraat</t>
  </si>
  <si>
    <t>3331VL-3331VM</t>
  </si>
  <si>
    <t>POINT (4.638578932907006 51.817238720458775)</t>
  </si>
  <si>
    <t>3332SK</t>
  </si>
  <si>
    <t>POINT (4.655926947879479 51.82636698782944)</t>
  </si>
  <si>
    <t>POINT (4.646786556055382 51.82582158223626)</t>
  </si>
  <si>
    <t>Koningsplein</t>
  </si>
  <si>
    <t>POINT (4.6436604084197715 51.82003923612553)</t>
  </si>
  <si>
    <t>POINT (4.65156284879405 51.82239082028396)</t>
  </si>
  <si>
    <t>POINT (4.63920343915725 51.822460019261996)</t>
  </si>
  <si>
    <t>POINT (4.656493182961086 51.81789797627798)</t>
  </si>
  <si>
    <t>POINT (4.648668436764067 51.821451545738704)</t>
  </si>
  <si>
    <t>POINT (4.652293085106845 51.82157100710448)</t>
  </si>
  <si>
    <t>POINT (4.614602674672961 51.82019203979499)</t>
  </si>
  <si>
    <t>3336LL</t>
  </si>
  <si>
    <t>3331CW</t>
  </si>
  <si>
    <t>POINT (4.642978776498561 51.819011517324086)</t>
  </si>
  <si>
    <t>POINT (4.653434798762584 51.81981144325395)</t>
  </si>
  <si>
    <t>3334EG</t>
  </si>
  <si>
    <t>POINT (4.604310496429336 51.814126276758024)</t>
  </si>
  <si>
    <t>3333CC</t>
  </si>
  <si>
    <t>POINT (4.632546025422255 51.80954741135413)</t>
  </si>
  <si>
    <t>POINT (4.607436526775676 51.82175550616243)</t>
  </si>
  <si>
    <t>3335DB</t>
  </si>
  <si>
    <t>Ellingtonstraat</t>
  </si>
  <si>
    <t>POINT (4.611766594652033 51.82127313227135)</t>
  </si>
  <si>
    <t>3334VH</t>
  </si>
  <si>
    <t>3334VH-3334VJ</t>
  </si>
  <si>
    <t>POINT (4.620845603534689 51.814641559681796)</t>
  </si>
  <si>
    <t>3334EC</t>
  </si>
  <si>
    <t>POINT (4.6040929849094425 51.81412480748844)</t>
  </si>
  <si>
    <t>3333CK</t>
  </si>
  <si>
    <t>Kapitein Horsmanflat</t>
  </si>
  <si>
    <t>3333CK-3333CL</t>
  </si>
  <si>
    <t>POINT (4.635886356092706 51.81028406829991)</t>
  </si>
  <si>
    <t>3332RN</t>
  </si>
  <si>
    <t>Swanendrift</t>
  </si>
  <si>
    <t>POINT (4.642611427680006 51.82408691594103)</t>
  </si>
  <si>
    <t>3331EL</t>
  </si>
  <si>
    <t>POINT (4.637135325738264 51.814884935329644)</t>
  </si>
  <si>
    <t>3335KC</t>
  </si>
  <si>
    <t>Middellijn</t>
  </si>
  <si>
    <t>POINT (4.613861178406532 51.829954370887265)</t>
  </si>
  <si>
    <t>POINT (4.649827400405421 51.817913614494586)</t>
  </si>
  <si>
    <t>POINT (4.6283717024753415 51.82391192414125)</t>
  </si>
  <si>
    <t>POINT (4.652334073568491 51.82152665292737)</t>
  </si>
  <si>
    <t>3335EB</t>
  </si>
  <si>
    <t>POINT (4.602084886785129 51.81840913618964)</t>
  </si>
  <si>
    <t>POINT (4.6046847431253735 51.816096621703544)</t>
  </si>
  <si>
    <t>POINT (4.643577088076822 51.815281496534475)</t>
  </si>
  <si>
    <t>3331AM</t>
  </si>
  <si>
    <t>POINT (4.64193008152427 51.81687534215048)</t>
  </si>
  <si>
    <t>POINT (4.63269228235521 51.81073543689563)</t>
  </si>
  <si>
    <t>3331BJ</t>
  </si>
  <si>
    <t>POINT (4.648139392675689 51.819315946439325)</t>
  </si>
  <si>
    <t>POINT (4.616284376222979 51.81434193318125)</t>
  </si>
  <si>
    <t>3335LR</t>
  </si>
  <si>
    <t>3335LR-3335LT</t>
  </si>
  <si>
    <t>POINT (4.61359269209596 51.83066222409526)</t>
  </si>
  <si>
    <t>POINT (4.623567785757331 51.81232394681998)</t>
  </si>
  <si>
    <t>POINT (4.631575311215426 51.809649856075005)</t>
  </si>
  <si>
    <t>POINT (4.654561100712893 51.81712954219158)</t>
  </si>
  <si>
    <t>POINT (4.621424678154226 51.81216133483471)</t>
  </si>
  <si>
    <t>POINT (4.607255400320846 51.81391313205579)</t>
  </si>
  <si>
    <t>POINT (4.646451806897931 51.8241794221002)</t>
  </si>
  <si>
    <t>POINT (4.6488880676925515 51.819739881959116)</t>
  </si>
  <si>
    <t>POINT (4.565818935590654 51.834851785335296)</t>
  </si>
  <si>
    <t>POINT (4.615724687592005 51.81781353669178)</t>
  </si>
  <si>
    <t>3333BG</t>
  </si>
  <si>
    <t>Gerrit van der Veenstraat</t>
  </si>
  <si>
    <t>POINT (4.628261463374351 51.808184963347365)</t>
  </si>
  <si>
    <t>POINT (4.6568953501846 51.82103324100366)</t>
  </si>
  <si>
    <t>3331LX</t>
  </si>
  <si>
    <t>Ter Steeghe Ring</t>
  </si>
  <si>
    <t>POINT (4.628125172143202 51.82801019180606)</t>
  </si>
  <si>
    <t>BU06420309</t>
  </si>
  <si>
    <t>Ter Steeghe</t>
  </si>
  <si>
    <t>POINT (4.5955776408358515 51.81461362307237)</t>
  </si>
  <si>
    <t>3335BJ</t>
  </si>
  <si>
    <t>Symfonie</t>
  </si>
  <si>
    <t>POINT (4.606211874172399 51.818799808053015)</t>
  </si>
  <si>
    <t>3332CA</t>
  </si>
  <si>
    <t>POINT (4.659784309034712 51.82114454715864)</t>
  </si>
  <si>
    <t>3331CK</t>
  </si>
  <si>
    <t>3331CK-3331CL</t>
  </si>
  <si>
    <t>POINT (4.640522258617872 51.818180981215136)</t>
  </si>
  <si>
    <t>POINT (4.642959912819965 51.81709961958524)</t>
  </si>
  <si>
    <t>POINT (4.652097946880039 51.815274496953954)</t>
  </si>
  <si>
    <t>POINT (4.632944144402335 51.8203655224401)</t>
  </si>
  <si>
    <t>3331CS</t>
  </si>
  <si>
    <t>van Ostadestraat</t>
  </si>
  <si>
    <t>POINT (4.641557651799701 51.81877536173176)</t>
  </si>
  <si>
    <t>POINT (4.650047003666282 51.826063854926915)</t>
  </si>
  <si>
    <t>POINT (4.638879833196534 51.825430210667896)</t>
  </si>
  <si>
    <t>POINT (4.650668296905664 51.828275437033284)</t>
  </si>
  <si>
    <t>POINT (4.63177573940733 51.80810692168988)</t>
  </si>
  <si>
    <t>3332GM</t>
  </si>
  <si>
    <t>POINT (4.653768219405626 51.82198392512502)</t>
  </si>
  <si>
    <t>3332NA</t>
  </si>
  <si>
    <t>POINT (4.640373172267675 51.82575418224137)</t>
  </si>
  <si>
    <t>3334ET</t>
  </si>
  <si>
    <t>POINT (4.6004209347452365 51.815436645896824)</t>
  </si>
  <si>
    <t>POINT (4.628943281430418 51.81200028918886)</t>
  </si>
  <si>
    <t>3333GR</t>
  </si>
  <si>
    <t>Duizendschoonstraat</t>
  </si>
  <si>
    <t>POINT (4.626725806131054 51.814505439972706)</t>
  </si>
  <si>
    <t>3335CH</t>
  </si>
  <si>
    <t>POINT (4.613923863996719 51.81853096658826)</t>
  </si>
  <si>
    <t>POINT (4.613345669708875 51.82033283609671)</t>
  </si>
  <si>
    <t>3334SP</t>
  </si>
  <si>
    <t>3334BL-3334SP</t>
  </si>
  <si>
    <t>POINT (4.614574188251804 51.81305780202251)</t>
  </si>
  <si>
    <t>3332ND</t>
  </si>
  <si>
    <t>POINT (4.641045710146641 51.825660231163404)</t>
  </si>
  <si>
    <t>POINT (4.618923471401506 51.81861901081393)</t>
  </si>
  <si>
    <t>POINT (4.618883465788829 51.813624222594086)</t>
  </si>
  <si>
    <t>3332PH</t>
  </si>
  <si>
    <t>POINT (4.650356725330503 51.82545350888807)</t>
  </si>
  <si>
    <t>POINT (4.64227047782476 51.81922632980776)</t>
  </si>
  <si>
    <t>POINT (4.63558482027639 51.82353173364152)</t>
  </si>
  <si>
    <t>POINT (4.6332700693596065 51.81750760085923)</t>
  </si>
  <si>
    <t>3332KA</t>
  </si>
  <si>
    <t>Boshoek</t>
  </si>
  <si>
    <t>POINT (4.646759798915728 51.826395071061846)</t>
  </si>
  <si>
    <t>POINT (4.649726804510642 51.817533219359795)</t>
  </si>
  <si>
    <t>POINT (4.608755011847935 51.82168817810652)</t>
  </si>
  <si>
    <t>POINT (4.6382254790175335 51.80889376301154)</t>
  </si>
  <si>
    <t>POINT (4.648280909997177 51.825410131306406)</t>
  </si>
  <si>
    <t>POINT (4.63666562160123 51.82489927718266)</t>
  </si>
  <si>
    <t>3331VA</t>
  </si>
  <si>
    <t>3331TX-3331VA</t>
  </si>
  <si>
    <t>POINT (4.637620589452262 51.81832292341077)</t>
  </si>
  <si>
    <t>POINT (4.6333907447691285 51.8128176026741)</t>
  </si>
  <si>
    <t>3331ER</t>
  </si>
  <si>
    <t>P. Zeemanstraat</t>
  </si>
  <si>
    <t>POINT (4.63579369323803 51.81532030467962)</t>
  </si>
  <si>
    <t>POINT (4.61807402720752 51.8223689760227)</t>
  </si>
  <si>
    <t>POINT (4.5699415316027245 51.83688363744424)</t>
  </si>
  <si>
    <t>POINT (4.615159591125296 51.820220522485045)</t>
  </si>
  <si>
    <t>POINT (4.642705773759501 51.81670159725599)</t>
  </si>
  <si>
    <t>POINT (4.653764839816164 51.82321313276991)</t>
  </si>
  <si>
    <t>3333SE</t>
  </si>
  <si>
    <t>3333SC-3333SE</t>
  </si>
  <si>
    <t>POINT (4.6296307937055206 51.813752314612216)</t>
  </si>
  <si>
    <t>POINT (4.648564760652702 51.82434912328881)</t>
  </si>
  <si>
    <t>3335WL</t>
  </si>
  <si>
    <t>POINT (4.613581126960359 51.82140317370531)</t>
  </si>
  <si>
    <t>POINT (4.6097744285469275 51.81917975641548)</t>
  </si>
  <si>
    <t>3333EB</t>
  </si>
  <si>
    <t>Campanulastraat</t>
  </si>
  <si>
    <t>3333EA-3333EB</t>
  </si>
  <si>
    <t>POINT (4.624983357658166 51.813230502265654)</t>
  </si>
  <si>
    <t>3331BT</t>
  </si>
  <si>
    <t>POINT (4.647314304680221 51.816969571821616)</t>
  </si>
  <si>
    <t>POINT (4.616532632852716 51.81533775214875)</t>
  </si>
  <si>
    <t>POINT (4.6418763597976564 51.81783595535308)</t>
  </si>
  <si>
    <t>POINT (4.628892559823259 51.81321393181397)</t>
  </si>
  <si>
    <t>POINT (4.592447472496076 51.81124435665415)</t>
  </si>
  <si>
    <t>3332JA</t>
  </si>
  <si>
    <t>3332HZ-3332JB</t>
  </si>
  <si>
    <t>POINT (4.657119792655986 51.82721297551876)</t>
  </si>
  <si>
    <t>POINT (4.633533698632806 51.812791123284434)</t>
  </si>
  <si>
    <t>POINT (4.596544553858288 51.81479179954391)</t>
  </si>
  <si>
    <t>POINT (4.6247686776697305 51.81415947549599)</t>
  </si>
  <si>
    <t>POINT (4.6392573940798245 51.810239149639976)</t>
  </si>
  <si>
    <t>POINT (4.646690982968717 51.82015489922689)</t>
  </si>
  <si>
    <t>POINT (4.612715145271825 51.81814573963132)</t>
  </si>
  <si>
    <t>3332RD</t>
  </si>
  <si>
    <t>3331MH</t>
  </si>
  <si>
    <t>Klippershaven</t>
  </si>
  <si>
    <t>POINT (4.649581587013593 51.81403525709519)</t>
  </si>
  <si>
    <t>POINT (4.605030465948937 51.81549993550221)</t>
  </si>
  <si>
    <t>POINT (4.636347015352664 51.822072947184886)</t>
  </si>
  <si>
    <t>3335VP</t>
  </si>
  <si>
    <t>Zadelmaker</t>
  </si>
  <si>
    <t>3335VN-3335VP</t>
  </si>
  <si>
    <t>POINT (4.6118994611635 51.81915893765022)</t>
  </si>
  <si>
    <t>POINT (4.643602478042829 51.819944290104424)</t>
  </si>
  <si>
    <t>POINT (4.639061375818906 51.82557705662068)</t>
  </si>
  <si>
    <t>3331XB</t>
  </si>
  <si>
    <t>POINT (4.650709265855423 51.81691660773021)</t>
  </si>
  <si>
    <t>POINT (4.641100608623561 51.81352354369519)</t>
  </si>
  <si>
    <t>POINT (4.639693692172293 51.82260287185998)</t>
  </si>
  <si>
    <t>3331MA</t>
  </si>
  <si>
    <t>Scheepmakerij</t>
  </si>
  <si>
    <t>3331LZ-3331MG</t>
  </si>
  <si>
    <t>POINT (4.649357208338027 51.81263241954525)</t>
  </si>
  <si>
    <t>3331EJ</t>
  </si>
  <si>
    <t>POINT (4.636955302843649 51.8147255384913)</t>
  </si>
  <si>
    <t>POINT (4.6303536304495765 51.808756684475405)</t>
  </si>
  <si>
    <t>POINT (4.629448330622055 51.8123016081844)</t>
  </si>
  <si>
    <t>3332KD</t>
  </si>
  <si>
    <t>POINT (4.6484333247231095 51.82607914738659)</t>
  </si>
  <si>
    <t>POINT (4.652284499536182 51.81530363814537)</t>
  </si>
  <si>
    <t>3333GS</t>
  </si>
  <si>
    <t>Ericastraat</t>
  </si>
  <si>
    <t>POINT (4.627684771493945 51.81378676478899)</t>
  </si>
  <si>
    <t>POINT (4.614023884024325 51.809510848766784)</t>
  </si>
  <si>
    <t>3331EH</t>
  </si>
  <si>
    <t>POINT (4.63736676939935 51.814977622713535)</t>
  </si>
  <si>
    <t>POINT (4.640443405154797 51.80868829547833)</t>
  </si>
  <si>
    <t>POINT (4.633178715657191 51.82555092769509)</t>
  </si>
  <si>
    <t>POINT (4.604057529497263 51.81407954632374)</t>
  </si>
  <si>
    <t>3333SV</t>
  </si>
  <si>
    <t>POINT (4.630278193351053 51.81245049559242)</t>
  </si>
  <si>
    <t>POINT (4.647127876411252 51.822902637745145)</t>
  </si>
  <si>
    <t>3334GP</t>
  </si>
  <si>
    <t>POINT (4.595131809797484 51.814004764701636)</t>
  </si>
  <si>
    <t>POINT (4.655175274045195 51.82110663240354)</t>
  </si>
  <si>
    <t>POINT (4.61445362809055 51.8196200772882)</t>
  </si>
  <si>
    <t>3334SN</t>
  </si>
  <si>
    <t>POINT (4.614582334841847 51.813192560668796)</t>
  </si>
  <si>
    <t>3331MG</t>
  </si>
  <si>
    <t>Schipperskade</t>
  </si>
  <si>
    <t>POINT (4.649216792990675 51.81354629787496)</t>
  </si>
  <si>
    <t>POINT (4.655397921161027 51.82134153774453)</t>
  </si>
  <si>
    <t>3331VJ</t>
  </si>
  <si>
    <t>POINT (4.638671987360994 51.81810426037013)</t>
  </si>
  <si>
    <t>3332EN</t>
  </si>
  <si>
    <t>POINT (4.656765498711221 51.823736649218816)</t>
  </si>
  <si>
    <t>POINT (4.656440345302796 51.82675591614331)</t>
  </si>
  <si>
    <t>POINT (4.626711562709649 51.82752785858259)</t>
  </si>
  <si>
    <t>3332XE</t>
  </si>
  <si>
    <t>POINT (4.655905491739655 51.82082795130322)</t>
  </si>
  <si>
    <t>POINT (4.642001576325766 51.81634494178529)</t>
  </si>
  <si>
    <t>3333XJ</t>
  </si>
  <si>
    <t>Meerdervoortstraat</t>
  </si>
  <si>
    <t>POINT (4.642821235754771 51.810228229026876)</t>
  </si>
  <si>
    <t>POINT (4.61762255810313 51.81300271398659)</t>
  </si>
  <si>
    <t>3332NK</t>
  </si>
  <si>
    <t>POINT (4.6412094374276744 51.82556316036264)</t>
  </si>
  <si>
    <t>POINT (4.6408734034555685 51.825504485318795)</t>
  </si>
  <si>
    <t>POINT (4.629768310644208 51.81140666348701)</t>
  </si>
  <si>
    <t>POINT (4.628875763502813 51.807926302587425)</t>
  </si>
  <si>
    <t>POINT (4.659049004565399 51.821386430098855)</t>
  </si>
  <si>
    <t>3331BE</t>
  </si>
  <si>
    <t>POINT (4.6445777785604445 51.817685045694404)</t>
  </si>
  <si>
    <t>POINT (4.630647529934874 51.81039614340693)</t>
  </si>
  <si>
    <t>3331TN</t>
  </si>
  <si>
    <t>POINT (4.636181572690625 51.8185942878579)</t>
  </si>
  <si>
    <t>3332AB</t>
  </si>
  <si>
    <t>De Snel</t>
  </si>
  <si>
    <t>3332AB-3332AC</t>
  </si>
  <si>
    <t>POINT (4.645085794310659 51.82340252117324)</t>
  </si>
  <si>
    <t>POINT (4.626470716967928 51.813879125137504)</t>
  </si>
  <si>
    <t>POINT (4.604103827272741 51.813440513713)</t>
  </si>
  <si>
    <t>POINT (4.644784550938543 51.81553483838421)</t>
  </si>
  <si>
    <t>3333SH</t>
  </si>
  <si>
    <t>Primulastraat</t>
  </si>
  <si>
    <t>POINT (4.630234789945304 51.81379008163138)</t>
  </si>
  <si>
    <t>POINT (4.599872945368282 51.815218103993786)</t>
  </si>
  <si>
    <t>POINT (4.604794458007691 51.81588778099792)</t>
  </si>
  <si>
    <t>POINT (4.567321597499416 51.83866514839667)</t>
  </si>
  <si>
    <t>POINT (4.598639373905381 51.81354523321506)</t>
  </si>
  <si>
    <t>POINT (4.629879949490342 51.814839722805196)</t>
  </si>
  <si>
    <t>3335WE</t>
  </si>
  <si>
    <t>Haydnstraat</t>
  </si>
  <si>
    <t>POINT (4.614190614029418 51.8224453861132)</t>
  </si>
  <si>
    <t>POINT (4.636105347899873 51.80793925552246)</t>
  </si>
  <si>
    <t>2995VT</t>
  </si>
  <si>
    <t>De Hoef</t>
  </si>
  <si>
    <t>POINT (4.568296538598093 51.832843472804434)</t>
  </si>
  <si>
    <t>POINT (4.651319439820156 51.82354395331251)</t>
  </si>
  <si>
    <t>POINT (4.626371761477357 51.81415360112473)</t>
  </si>
  <si>
    <t>POINT (4.569357749710378 51.8342511648211)</t>
  </si>
  <si>
    <t>3332BG</t>
  </si>
  <si>
    <t>Kruisstraat</t>
  </si>
  <si>
    <t>POINT (4.652600420290268 51.820381535334626)</t>
  </si>
  <si>
    <t>POINT (4.626945528303595 51.81351080653262)</t>
  </si>
  <si>
    <t>3334SJ</t>
  </si>
  <si>
    <t>POINT (4.612598999234325 51.81319968355216)</t>
  </si>
  <si>
    <t>3333BJ</t>
  </si>
  <si>
    <t>POINT (4.627654865180121 51.809079217951854)</t>
  </si>
  <si>
    <t>POINT (4.626249256226619 51.81396046636752)</t>
  </si>
  <si>
    <t>POINT (4.620256242321127 51.80817139500241)</t>
  </si>
  <si>
    <t>POINT (4.611817231888579 51.822004078723666)</t>
  </si>
  <si>
    <t>POINT (4.619354187091868 51.81546559516708)</t>
  </si>
  <si>
    <t>POINT (4.5617105881171724 51.83492985180115)</t>
  </si>
  <si>
    <t>POINT (4.6475299795771186 51.82299787281129)</t>
  </si>
  <si>
    <t>2995AT</t>
  </si>
  <si>
    <t>POINT (4.565491131855613 51.83779031182286)</t>
  </si>
  <si>
    <t>POINT (4.6479094888304004 51.81679024101077)</t>
  </si>
  <si>
    <t>3331CT</t>
  </si>
  <si>
    <t>POINT (4.642456661515526 51.81944872312456)</t>
  </si>
  <si>
    <t>POINT (4.6508338499744015 51.82605328846011)</t>
  </si>
  <si>
    <t>POINT (4.66037610531061 51.826636363748214)</t>
  </si>
  <si>
    <t>POINT (4.6378633136560055 51.81964800504026)</t>
  </si>
  <si>
    <t>POINT (4.617553463728054 51.81370816304708)</t>
  </si>
  <si>
    <t>POINT (4.612684247611631 51.8134855753227)</t>
  </si>
  <si>
    <t>3334AN</t>
  </si>
  <si>
    <t>POINT (4.621097263520389 51.814067439604024)</t>
  </si>
  <si>
    <t>POINT (4.616263879791002 51.81427519211321)</t>
  </si>
  <si>
    <t>POINT (4.611649199391722 51.81631854707782)</t>
  </si>
  <si>
    <t>POINT (4.572138994190195 51.831541095499475)</t>
  </si>
  <si>
    <t>BU06420903</t>
  </si>
  <si>
    <t>Polder Heerjansdam</t>
  </si>
  <si>
    <t>3333XD</t>
  </si>
  <si>
    <t>POINT (4.640996596296195 51.811088769181175)</t>
  </si>
  <si>
    <t>3331HA</t>
  </si>
  <si>
    <t>POINT (4.628692154630598 51.824375933736775)</t>
  </si>
  <si>
    <t>3334VJ</t>
  </si>
  <si>
    <t>POINT (4.6209401269065165 51.81495838196132)</t>
  </si>
  <si>
    <t>POINT (4.620771020345974 51.81463025019083)</t>
  </si>
  <si>
    <t>POINT (4.654928173131988 51.821023590598806)</t>
  </si>
  <si>
    <t>3333BZ</t>
  </si>
  <si>
    <t>Walraven van Hallstraat</t>
  </si>
  <si>
    <t>POINT (4.63288638618219 51.807127681185115)</t>
  </si>
  <si>
    <t>2995BT</t>
  </si>
  <si>
    <t>Jhr G.C.W. van Tets van Goudriaanlaan</t>
  </si>
  <si>
    <t>POINT (4.560110716868364 51.8338753018193)</t>
  </si>
  <si>
    <t>3335CM</t>
  </si>
  <si>
    <t>Brahmsstraat</t>
  </si>
  <si>
    <t>POINT (4.618470808240724 51.82065652047591)</t>
  </si>
  <si>
    <t>POINT (4.629611991498933 51.806476549088224)</t>
  </si>
  <si>
    <t>POINT (4.6430724120725735 51.819561643693014)</t>
  </si>
  <si>
    <t>POINT (4.635946607199929 51.810239762193)</t>
  </si>
  <si>
    <t>POINT (4.636668551343703 51.81163338864619)</t>
  </si>
  <si>
    <t>POINT (4.569060631776727 51.837197221974755)</t>
  </si>
  <si>
    <t>POINT (4.55981279976828 51.83572202680845)</t>
  </si>
  <si>
    <t>3334BN</t>
  </si>
  <si>
    <t>POINT (4.606264812440434 51.8165009879636)</t>
  </si>
  <si>
    <t>3331AD</t>
  </si>
  <si>
    <t>POINT (4.646209455247597 51.8146085075035)</t>
  </si>
  <si>
    <t>POINT (4.616721043076027 51.814257313723715)</t>
  </si>
  <si>
    <t>POINT (4.616421436994818 51.81478825154159)</t>
  </si>
  <si>
    <t>POINT (4.656281080410091 51.82300903843103)</t>
  </si>
  <si>
    <t>POINT (4.568500490372064 51.83743671396541)</t>
  </si>
  <si>
    <t>3331GC</t>
  </si>
  <si>
    <t>POINT (4.637920311364403 51.82342018656809)</t>
  </si>
  <si>
    <t>POINT (4.629980392783073 51.8134954983687)</t>
  </si>
  <si>
    <t>POINT (4.568030044884557 51.83618793408025)</t>
  </si>
  <si>
    <t>POINT (4.641786581482394 51.82595667536937)</t>
  </si>
  <si>
    <t>3332NM</t>
  </si>
  <si>
    <t>POINT (4.638016663179172 51.82552891018935)</t>
  </si>
  <si>
    <t>POINT (4.6328895558868215 51.80960098162533)</t>
  </si>
  <si>
    <t>POINT (4.604824479782391 51.81294206837149)</t>
  </si>
  <si>
    <t>3334SW</t>
  </si>
  <si>
    <t>POINT (4.615799730513731 51.814633515550774)</t>
  </si>
  <si>
    <t>POINT (4.65505649649749 51.828609035210405)</t>
  </si>
  <si>
    <t>POINT (4.641253526407501 51.81083321795926)</t>
  </si>
  <si>
    <t>3331HP</t>
  </si>
  <si>
    <t>Graaf Albrechtweg</t>
  </si>
  <si>
    <t>3331HN-3331HP</t>
  </si>
  <si>
    <t>POINT (4.627983662061657 51.82337727468297)</t>
  </si>
  <si>
    <t>3333TE</t>
  </si>
  <si>
    <t>POINT (4.6330515040574225 51.81183246291414)</t>
  </si>
  <si>
    <t>POINT (4.600272296601903 51.81500450463587)</t>
  </si>
  <si>
    <t>POINT (4.61109247179772 51.81557018679539)</t>
  </si>
  <si>
    <t>3333AV</t>
  </si>
  <si>
    <t>POINT (4.6323725574054535 51.8135911787707)</t>
  </si>
  <si>
    <t>POINT (4.648503040141762 51.82658723979152)</t>
  </si>
  <si>
    <t>POINT (4.6216947130933255 51.8146358027599)</t>
  </si>
  <si>
    <t>POINT (4.657457774127013 51.82087420604096)</t>
  </si>
  <si>
    <t>POINT (4.632262415504812 51.819500740842784)</t>
  </si>
  <si>
    <t>POINT (4.654710952077863 51.816621511326254)</t>
  </si>
  <si>
    <t>3332BD</t>
  </si>
  <si>
    <t>Jan Adriaansz. Leeghwaterstraat</t>
  </si>
  <si>
    <t>3332BC-3332BD</t>
  </si>
  <si>
    <t>POINT (4.658294988923535 51.82058200022184)</t>
  </si>
  <si>
    <t>POINT (4.569127917199604 51.83876241468841)</t>
  </si>
  <si>
    <t>POINT (4.656605308280022 51.81930752414846)</t>
  </si>
  <si>
    <t>POINT (4.6037293607437215 51.82017827598426)</t>
  </si>
  <si>
    <t>3332CT</t>
  </si>
  <si>
    <t>3332CS-3332CT</t>
  </si>
  <si>
    <t>POINT (4.658863891952235 51.82247994031434)</t>
  </si>
  <si>
    <t>POINT (4.617186054322046 51.82144605334203)</t>
  </si>
  <si>
    <t>POINT (4.629282666043306 51.81168455092845)</t>
  </si>
  <si>
    <t>3331SW</t>
  </si>
  <si>
    <t>POINT (4.632538623699785 51.819926640070406)</t>
  </si>
  <si>
    <t>POINT (4.654884765556235 51.82419699711105)</t>
  </si>
  <si>
    <t>3331EE</t>
  </si>
  <si>
    <t>POINT (4.632467709306356 51.81643237446924)</t>
  </si>
  <si>
    <t>3334EN</t>
  </si>
  <si>
    <t>Moersbergen</t>
  </si>
  <si>
    <t>3334BG-3334EN</t>
  </si>
  <si>
    <t>POINT (4.606393759686159 51.81457770078322)</t>
  </si>
  <si>
    <t>POINT (4.6567900600683805 51.82134658726644)</t>
  </si>
  <si>
    <t>3333CJ</t>
  </si>
  <si>
    <t>Kapitein Dekkerflat</t>
  </si>
  <si>
    <t>3333CH-3333CJ</t>
  </si>
  <si>
    <t>POINT (4.632248348480839 51.80916989428408)</t>
  </si>
  <si>
    <t>POINT (4.62878001802899 51.80949869997768)</t>
  </si>
  <si>
    <t>POINT (4.629417218189958 51.823850859272405)</t>
  </si>
  <si>
    <t>POINT (4.646657790536051 51.82403177943013)</t>
  </si>
  <si>
    <t>POINT (4.626264477268847 51.811917637317734)</t>
  </si>
  <si>
    <t>POINT (4.594250629508333 51.81242318617734)</t>
  </si>
  <si>
    <t>POINT (4.637043741764035 51.82507996715191)</t>
  </si>
  <si>
    <t>POINT (4.6547451871782295 51.81658712755367)</t>
  </si>
  <si>
    <t>3331XC</t>
  </si>
  <si>
    <t>3331XC-3331XD</t>
  </si>
  <si>
    <t>POINT (4.652028940479393 51.816774905772796)</t>
  </si>
  <si>
    <t>POINT (4.660417045417152 51.822819488401564)</t>
  </si>
  <si>
    <t>POINT (4.65879849373738 51.822901462831396)</t>
  </si>
  <si>
    <t>POINT (4.656417928044936 51.82316438792629)</t>
  </si>
  <si>
    <t>POINT (4.640103017856185 51.809203680461124)</t>
  </si>
  <si>
    <t>POINT (4.647539746123786 51.82675931107759)</t>
  </si>
  <si>
    <t>3331BG</t>
  </si>
  <si>
    <t>Jan van Nassaustraat</t>
  </si>
  <si>
    <t>POINT (4.646850539039841 51.819836492829744)</t>
  </si>
  <si>
    <t>POINT (4.656926041019095 51.81898048069074)</t>
  </si>
  <si>
    <t>POINT (4.561659737094245 51.83485679318667)</t>
  </si>
  <si>
    <t>POINT (4.6089066928561175 51.81973162048752)</t>
  </si>
  <si>
    <t>3333ES</t>
  </si>
  <si>
    <t>POINT (4.626822054508448 51.810967477070804)</t>
  </si>
  <si>
    <t>3334TC</t>
  </si>
  <si>
    <t>Geelgorsstraat</t>
  </si>
  <si>
    <t>POINT (4.613434683119806 51.814348157910736)</t>
  </si>
  <si>
    <t>POINT (4.649953870974925 51.81686104273174)</t>
  </si>
  <si>
    <t>POINT (4.615757763379259 51.81944618593994)</t>
  </si>
  <si>
    <t>POINT (4.629966282111555 51.811606339982305)</t>
  </si>
  <si>
    <t>POINT (4.618798984603907 51.82123528640205)</t>
  </si>
  <si>
    <t>POINT (4.61024628798408 51.82522395568795)</t>
  </si>
  <si>
    <t>3332CW</t>
  </si>
  <si>
    <t>3332CV-3332CZ</t>
  </si>
  <si>
    <t>POINT (4.657593713401203 51.82187943692056)</t>
  </si>
  <si>
    <t>POINT (4.62904078848376 51.811445947135866)</t>
  </si>
  <si>
    <t>3332EX</t>
  </si>
  <si>
    <t>IJsselmeer</t>
  </si>
  <si>
    <t>POINT (4.6493249964041325 51.82266972279341)</t>
  </si>
  <si>
    <t>POINT (4.6420298490471525 51.82412931902598)</t>
  </si>
  <si>
    <t>POINT (4.647821907436338 51.81596765555112)</t>
  </si>
  <si>
    <t>POINT (4.616802176621213 51.82161624327906)</t>
  </si>
  <si>
    <t>3335BH</t>
  </si>
  <si>
    <t>POINT (4.60473291613382 51.81878909388353)</t>
  </si>
  <si>
    <t>3332KZ</t>
  </si>
  <si>
    <t>Scoenhoutswael</t>
  </si>
  <si>
    <t>3332KZ-3332LA</t>
  </si>
  <si>
    <t>POINT (4.648809389516666 51.82544227482787)</t>
  </si>
  <si>
    <t>POINT (4.608047781719414 51.821078193694184)</t>
  </si>
  <si>
    <t>POINT (4.603217948335883 51.81663084798898)</t>
  </si>
  <si>
    <t>3334CP</t>
  </si>
  <si>
    <t>POINT (4.602484426692867 51.81357004611206)</t>
  </si>
  <si>
    <t>3334GM</t>
  </si>
  <si>
    <t>Sonsbeek</t>
  </si>
  <si>
    <t>3334GL-3334GM</t>
  </si>
  <si>
    <t>POINT (4.597956043101372 51.815119834762655)</t>
  </si>
  <si>
    <t>POINT (4.659294205770546 51.82701605531658)</t>
  </si>
  <si>
    <t>POINT (4.655326709882679 51.82122051957324)</t>
  </si>
  <si>
    <t>POINT (4.649854465652467 51.82241600991208)</t>
  </si>
  <si>
    <t>3334CW</t>
  </si>
  <si>
    <t>Sypestein</t>
  </si>
  <si>
    <t>POINT (4.607955213244955 51.81337197648573)</t>
  </si>
  <si>
    <t>3332CC</t>
  </si>
  <si>
    <t>POINT (4.660294287181206 51.82169890128609)</t>
  </si>
  <si>
    <t>POINT (4.629900303688684 51.814853121488)</t>
  </si>
  <si>
    <t>POINT (4.6213842322073395 51.81024383998069)</t>
  </si>
  <si>
    <t>POINT (4.639432455851461 51.8228991739007)</t>
  </si>
  <si>
    <t>POINT (4.656898674975746 51.81899551925202)</t>
  </si>
  <si>
    <t>POINT (4.637582776077428 51.82022957088918)</t>
  </si>
  <si>
    <t>POINT (4.645246374997322 51.814527070301985)</t>
  </si>
  <si>
    <t>POINT (4.6539723233974435 51.82190246858958)</t>
  </si>
  <si>
    <t>POINT (4.648688077762144 51.827383434782014)</t>
  </si>
  <si>
    <t>POINT (4.614473532271264 51.82036012351017)</t>
  </si>
  <si>
    <t>POINT (4.6042057079034 51.813900463827615)</t>
  </si>
  <si>
    <t>2995AL</t>
  </si>
  <si>
    <t>Heer Janstraat</t>
  </si>
  <si>
    <t>POINT (4.565104552781642 51.83763921908785)</t>
  </si>
  <si>
    <t>POINT (4.601995826483206 51.81395659229168)</t>
  </si>
  <si>
    <t>POINT (4.631057579530771 51.81749247676639)</t>
  </si>
  <si>
    <t>POINT (4.64659040631725 51.82069447570567)</t>
  </si>
  <si>
    <t>POINT (4.632978851553383 51.817359474497586)</t>
  </si>
  <si>
    <t>3334GC</t>
  </si>
  <si>
    <t>Duinbeek</t>
  </si>
  <si>
    <t>POINT (4.598606713409131 51.81560719172007)</t>
  </si>
  <si>
    <t>3332KM</t>
  </si>
  <si>
    <t>Sandelingen</t>
  </si>
  <si>
    <t>3332KL-3332KM</t>
  </si>
  <si>
    <t>POINT (4.650274453224351 51.82698166084475)</t>
  </si>
  <si>
    <t>3333BP</t>
  </si>
  <si>
    <t>Prof. Mekelstraat</t>
  </si>
  <si>
    <t>POINT (4.62697472458951 51.80719883223055)</t>
  </si>
  <si>
    <t>3335VA</t>
  </si>
  <si>
    <t>Bouwmeester</t>
  </si>
  <si>
    <t>POINT (4.6079178581220654 51.81906502585685)</t>
  </si>
  <si>
    <t>POINT (4.615386759169299 51.81326091901041)</t>
  </si>
  <si>
    <t>POINT (4.645649341029048 51.815253656595196)</t>
  </si>
  <si>
    <t>3332BS</t>
  </si>
  <si>
    <t>Wilgenstraat</t>
  </si>
  <si>
    <t>3332BR-3332BS</t>
  </si>
  <si>
    <t>POINT (4.653875423169316 51.82105509360597)</t>
  </si>
  <si>
    <t>POINT (4.616247051954034 51.81422035823089)</t>
  </si>
  <si>
    <t>POINT (4.61519966349512 51.81413763481639)</t>
  </si>
  <si>
    <t>3332HC</t>
  </si>
  <si>
    <t>POINT (4.661395931267564 51.827352689143346)</t>
  </si>
  <si>
    <t>POINT (4.628603960003509 51.81171729776932)</t>
  </si>
  <si>
    <t>POINT (4.655403998993679 51.819615488514984)</t>
  </si>
  <si>
    <t>POINT (4.629040655616541 51.81333811492712)</t>
  </si>
  <si>
    <t>3333XG</t>
  </si>
  <si>
    <t>Jurgensstraat</t>
  </si>
  <si>
    <t>POINT (4.643141177845124 51.80979044097605)</t>
  </si>
  <si>
    <t>POINT (4.613880963316241 51.820663841339694)</t>
  </si>
  <si>
    <t>POINT (4.62969491355426 51.81494653688098)</t>
  </si>
  <si>
    <t>3332SL</t>
  </si>
  <si>
    <t>Parijseplein</t>
  </si>
  <si>
    <t>POINT (4.655206113277863 51.827533404137895)</t>
  </si>
  <si>
    <t>POINT (4.64668516613168 51.821859746684375)</t>
  </si>
  <si>
    <t>POINT (4.611423432063814 51.82132337656934)</t>
  </si>
  <si>
    <t>POINT (4.625887498742529 51.81035326810477)</t>
  </si>
  <si>
    <t>POINT (4.644321703352914 51.81970570972299)</t>
  </si>
  <si>
    <t>3331SP</t>
  </si>
  <si>
    <t>POINT (4.634359179242101 51.82061147798432)</t>
  </si>
  <si>
    <t>POINT (4.625137537122809 51.813332177185316)</t>
  </si>
  <si>
    <t>POINT (4.656544701377899 51.8215244560932)</t>
  </si>
  <si>
    <t>POINT (4.644864598006495 51.81461412043132)</t>
  </si>
  <si>
    <t>POINT (4.636881364398539 51.812167438174235)</t>
  </si>
  <si>
    <t>POINT (4.6098506513901985 51.81837802687811)</t>
  </si>
  <si>
    <t>3334BG</t>
  </si>
  <si>
    <t>Grasbroek</t>
  </si>
  <si>
    <t>POINT (4.6077055143973675 51.81466697822072)</t>
  </si>
  <si>
    <t>POINT (4.613243423410185 51.8181131709412)</t>
  </si>
  <si>
    <t>POINT (4.646347130932835 51.82414167412173)</t>
  </si>
  <si>
    <t>POINT (4.654335767577714 51.81634503211642)</t>
  </si>
  <si>
    <t>POINT (4.625490512373307 51.81351289479154)</t>
  </si>
  <si>
    <t>POINT (4.620957417891323 51.81362537832545)</t>
  </si>
  <si>
    <t>POINT (4.6081841918570055 51.822412090451344)</t>
  </si>
  <si>
    <t>2995BH</t>
  </si>
  <si>
    <t>Kromme Nering</t>
  </si>
  <si>
    <t>POINT (4.564627179923936 51.8362154196897)</t>
  </si>
  <si>
    <t>POINT (4.657178958652667 51.82403782532635)</t>
  </si>
  <si>
    <t>POINT (4.600906071888509 51.813967362958216)</t>
  </si>
  <si>
    <t>POINT (4.629365373733062 51.81357882664394)</t>
  </si>
  <si>
    <t>3335VC</t>
  </si>
  <si>
    <t>Heelmeester</t>
  </si>
  <si>
    <t>POINT (4.608685249227981 51.8187335361549)</t>
  </si>
  <si>
    <t>POINT (4.655834589202723 51.821859787272174)</t>
  </si>
  <si>
    <t>POINT (4.656202713270484 51.8267408186247)</t>
  </si>
  <si>
    <t>POINT (4.632632633638187 51.81934914525847)</t>
  </si>
  <si>
    <t>POINT (4.659179671505173 51.82328430937075)</t>
  </si>
  <si>
    <t>POINT (4.612630322966924 51.819076141505356)</t>
  </si>
  <si>
    <t>POINT (4.657294544476989 51.818344432995595)</t>
  </si>
  <si>
    <t>POINT (4.604379879743551 51.81457456720921)</t>
  </si>
  <si>
    <t>3334KJ</t>
  </si>
  <si>
    <t>Zoutverkopersstraat</t>
  </si>
  <si>
    <t>3334KH-3334KJ</t>
  </si>
  <si>
    <t>POINT (4.599905133846652 51.810283233476106)</t>
  </si>
  <si>
    <t>POINT (4.63526937942637 51.80799340683434)</t>
  </si>
  <si>
    <t>POINT (4.639322352554867 51.8201338202609)</t>
  </si>
  <si>
    <t>POINT (4.59895704288929 51.811873286840424)</t>
  </si>
  <si>
    <t>POINT (4.6333218122894495 51.80791603004262)</t>
  </si>
  <si>
    <t>POINT (4.634800149341989 51.81114494154382)</t>
  </si>
  <si>
    <t>POINT (4.654868484616379 51.817026005461194)</t>
  </si>
  <si>
    <t>3333CH</t>
  </si>
  <si>
    <t>POINT (4.632462797352431 51.80897001653016)</t>
  </si>
  <si>
    <t>POINT (4.65601673078873 51.82026352612971)</t>
  </si>
  <si>
    <t>POINT (4.65518988957033 51.81874372537172)</t>
  </si>
  <si>
    <t>POINT (4.614843047236958 51.812136546789354)</t>
  </si>
  <si>
    <t>POINT (4.5936811379969855 51.812630841727376)</t>
  </si>
  <si>
    <t>3332KX</t>
  </si>
  <si>
    <t>Schaerlaeckenoord</t>
  </si>
  <si>
    <t>POINT (4.6499248070326455 51.82676145376562)</t>
  </si>
  <si>
    <t>POINT (4.601190465460811 51.81968743193451)</t>
  </si>
  <si>
    <t>3333CP</t>
  </si>
  <si>
    <t>POINT (4.63462651034626 51.810082333571714)</t>
  </si>
  <si>
    <t>POINT (4.6158551392328055 51.817743688912834)</t>
  </si>
  <si>
    <t>POINT (4.60803389421331 51.813087987666464)</t>
  </si>
  <si>
    <t>POINT (4.62788194078911 51.80997170294615)</t>
  </si>
  <si>
    <t>POINT (4.636827634333061 51.810220087066455)</t>
  </si>
  <si>
    <t>POINT (4.618314688078168 51.81421253034062)</t>
  </si>
  <si>
    <t>POINT (4.608235159203462 51.81451792942644)</t>
  </si>
  <si>
    <t>3331AP</t>
  </si>
  <si>
    <t>POINT (4.6462941814569865 51.81600614598874)</t>
  </si>
  <si>
    <t>POINT (4.604948498074401 51.82228032237953)</t>
  </si>
  <si>
    <t>3332VG</t>
  </si>
  <si>
    <t>Krammer</t>
  </si>
  <si>
    <t>POINT (4.662789275660051 51.823479558357306)</t>
  </si>
  <si>
    <t>3335AB</t>
  </si>
  <si>
    <t>Duparcstraat</t>
  </si>
  <si>
    <t>POINT (4.6163209916717625 51.81833842311318)</t>
  </si>
  <si>
    <t>POINT (4.647378724549502 51.818427934366085)</t>
  </si>
  <si>
    <t>2995TN</t>
  </si>
  <si>
    <t>Lisdodde</t>
  </si>
  <si>
    <t>POINT (4.563971333816711 51.832638711640215)</t>
  </si>
  <si>
    <t>POINT (4.629255864941172 51.81342024170573)</t>
  </si>
  <si>
    <t>3331GX</t>
  </si>
  <si>
    <t>Turk</t>
  </si>
  <si>
    <t>POINT (4.638775894274198 51.824247661155134)</t>
  </si>
  <si>
    <t>3335CK</t>
  </si>
  <si>
    <t>POINT (4.6193359403559215 51.821133677709504)</t>
  </si>
  <si>
    <t>3332EJ</t>
  </si>
  <si>
    <t>Luiksesingel</t>
  </si>
  <si>
    <t>3332EJ-3332EK</t>
  </si>
  <si>
    <t>POINT (4.652988724415306 51.826122643137374)</t>
  </si>
  <si>
    <t>POINT (4.65965223668714 51.83004539749061)</t>
  </si>
  <si>
    <t>POINT (4.64469367846599 51.81988003524197)</t>
  </si>
  <si>
    <t>POINT (4.656346160258751 51.81777539899483)</t>
  </si>
  <si>
    <t>POINT (4.641103481880632 51.826134643735124)</t>
  </si>
  <si>
    <t>POINT (4.569779186838696 51.836940088983596)</t>
  </si>
  <si>
    <t>POINT (4.643512436270787 51.81541942286979)</t>
  </si>
  <si>
    <t>POINT (4.642226695920912 51.816004306234)</t>
  </si>
  <si>
    <t>POINT (4.626703905701005 51.810890442190306)</t>
  </si>
  <si>
    <t>POINT (4.642319048585454 51.81728329160574)</t>
  </si>
  <si>
    <t>POINT (4.640071249287884 51.8135772909276)</t>
  </si>
  <si>
    <t>POINT (4.635984067689873 51.816308348046206)</t>
  </si>
  <si>
    <t>3332HM</t>
  </si>
  <si>
    <t>Johan de Wittlaan</t>
  </si>
  <si>
    <t>POINT (4.658146964269604 51.82976931935852)</t>
  </si>
  <si>
    <t>POINT (4.646557666308976 51.82064965824881)</t>
  </si>
  <si>
    <t>3333CL</t>
  </si>
  <si>
    <t>POINT (4.636044004821361 51.81009654840264)</t>
  </si>
  <si>
    <t>POINT (4.638513858009364 51.82019714138338)</t>
  </si>
  <si>
    <t>3334GG</t>
  </si>
  <si>
    <t>Harseveld</t>
  </si>
  <si>
    <t>POINT (4.59714121434255 51.813376433267386)</t>
  </si>
  <si>
    <t>2995AE</t>
  </si>
  <si>
    <t>POINT (4.56381686301383 51.83685752182911)</t>
  </si>
  <si>
    <t>POINT (4.624374706024945 51.81389966722853)</t>
  </si>
  <si>
    <t>POINT (4.646927369276589 51.81546205628554)</t>
  </si>
  <si>
    <t>POINT (4.609068470092642 51.81529558047251)</t>
  </si>
  <si>
    <t>POINT (4.63880088281717 51.822919283032)</t>
  </si>
  <si>
    <t>3332RP</t>
  </si>
  <si>
    <t>POINT (4.64309834865146 51.825275863216476)</t>
  </si>
  <si>
    <t>POINT (4.652059849728451 51.820291167122136)</t>
  </si>
  <si>
    <t>POINT (4.645293844915523 51.815387858101)</t>
  </si>
  <si>
    <t>POINT (4.6472001711135 51.81699738231517)</t>
  </si>
  <si>
    <t>3331KC</t>
  </si>
  <si>
    <t>POINT (4.634060655519243 51.82451722746649)</t>
  </si>
  <si>
    <t>3335AK</t>
  </si>
  <si>
    <t>Offenbachstraat</t>
  </si>
  <si>
    <t>POINT (4.618239231345313 51.81746637404686)</t>
  </si>
  <si>
    <t>POINT (4.620970052960781 51.81505865771974)</t>
  </si>
  <si>
    <t>3333EN</t>
  </si>
  <si>
    <t>POINT (4.626155179115612 51.81298798770336)</t>
  </si>
  <si>
    <t>POINT (4.657895468892713 51.82180080978466)</t>
  </si>
  <si>
    <t>POINT (4.570541333715834 51.821863677726526)</t>
  </si>
  <si>
    <t>POINT (4.658096993183257 51.8204929330403)</t>
  </si>
  <si>
    <t>POINT (4.642908131694171 51.81548622497737)</t>
  </si>
  <si>
    <t>POINT (4.648331145134169 51.814520384651345)</t>
  </si>
  <si>
    <t>POINT (4.6388930841369245 51.82365978398989)</t>
  </si>
  <si>
    <t>POINT (4.649584073292306 51.824713552638976)</t>
  </si>
  <si>
    <t>POINT (4.644816169961543 51.81596796086184)</t>
  </si>
  <si>
    <t>POINT (4.611819372303301 51.82206515321558)</t>
  </si>
  <si>
    <t>POINT (4.631379242148947 51.80799767241162)</t>
  </si>
  <si>
    <t>POINT (4.628600517173297 51.80485098418937)</t>
  </si>
  <si>
    <t>POINT (4.569153828838833 51.834441177176025)</t>
  </si>
  <si>
    <t>POINT (4.628952528231792 51.81193507291287)</t>
  </si>
  <si>
    <t>POINT (4.633428684807323 51.819835263976884)</t>
  </si>
  <si>
    <t>2995TK</t>
  </si>
  <si>
    <t>Veldbloemlaan</t>
  </si>
  <si>
    <t>2995TJ-2995TK</t>
  </si>
  <si>
    <t>POINT (4.563548474402159 51.83237493669305)</t>
  </si>
  <si>
    <t>POINT (4.571724931089888 51.83082209537895)</t>
  </si>
  <si>
    <t>3335XE</t>
  </si>
  <si>
    <t>Purcellpad</t>
  </si>
  <si>
    <t>POINT (4.616721098493335 51.82073693851357)</t>
  </si>
  <si>
    <t>POINT (4.603575167876372 51.81523899180717)</t>
  </si>
  <si>
    <t>POINT (4.655054388023955 51.821118507458706)</t>
  </si>
  <si>
    <t>3331TW</t>
  </si>
  <si>
    <t>Zuiderkruisstraat</t>
  </si>
  <si>
    <t>POINT (4.634429220776024 51.81888495555583)</t>
  </si>
  <si>
    <t>POINT (4.6445196931855195 51.81759869230358)</t>
  </si>
  <si>
    <t>3331XW</t>
  </si>
  <si>
    <t>POINT (4.651220001704728 51.81856520871811)</t>
  </si>
  <si>
    <t>POINT (4.6443996400112875 51.81743455404704)</t>
  </si>
  <si>
    <t>3331MJ</t>
  </si>
  <si>
    <t>Jollensteiger</t>
  </si>
  <si>
    <t>POINT (4.650818198635417 51.81491459356815)</t>
  </si>
  <si>
    <t>POINT (4.6381274791201035 51.81130566108487)</t>
  </si>
  <si>
    <t>POINT (4.648527223968382 51.81460418913396)</t>
  </si>
  <si>
    <t>3333VM</t>
  </si>
  <si>
    <t>van Eedenstraat</t>
  </si>
  <si>
    <t>POINT (4.638319036046682 51.80855074883032)</t>
  </si>
  <si>
    <t>POINT (4.628225759118495 51.82421097833593)</t>
  </si>
  <si>
    <t>POINT (4.63075154094142 51.812979971561106)</t>
  </si>
  <si>
    <t>POINT (4.615364801397819 51.813187309761865)</t>
  </si>
  <si>
    <t>POINT (4.6156001123791865 51.8201692355332)</t>
  </si>
  <si>
    <t>POINT (4.6472138871668145 51.82678758499429)</t>
  </si>
  <si>
    <t>POINT (4.656183686093699 51.82016631987986)</t>
  </si>
  <si>
    <t>3334ES</t>
  </si>
  <si>
    <t>POINT (4.6043701977628455 51.81572258824962)</t>
  </si>
  <si>
    <t>POINT (4.60401423456421 51.82135737674241)</t>
  </si>
  <si>
    <t>POINT (4.6298790055061945 51.80892949542554)</t>
  </si>
  <si>
    <t>POINT (4.6284716967064865 51.8235944065751)</t>
  </si>
  <si>
    <t>POINT (4.562603174997495 51.83477562213213)</t>
  </si>
  <si>
    <t>POINT (4.603805867865656 51.82073261803094)</t>
  </si>
  <si>
    <t>POINT (4.612086449185112 51.81444890500183)</t>
  </si>
  <si>
    <t>3334BL</t>
  </si>
  <si>
    <t>POINT (4.616522430364208 51.81577166050765)</t>
  </si>
  <si>
    <t>POINT (4.647521174599724 51.823567088611235)</t>
  </si>
  <si>
    <t>POINT (4.6387518434779205 51.8254085408363)</t>
  </si>
  <si>
    <t>POINT (4.612766731446773 51.81348164330335)</t>
  </si>
  <si>
    <t>POINT (4.638920780895034 51.82542863803218)</t>
  </si>
  <si>
    <t>POINT (4.625448920353566 51.81098089043868)</t>
  </si>
  <si>
    <t>POINT (4.629326133028336 51.82381836127919)</t>
  </si>
  <si>
    <t>POINT (4.6417140305937306 51.80959751917294)</t>
  </si>
  <si>
    <t>POINT (4.646434546991883 51.82409370494939)</t>
  </si>
  <si>
    <t>POINT (4.649082205564539 51.81570268337566)</t>
  </si>
  <si>
    <t>3332SC</t>
  </si>
  <si>
    <t>POINT (4.658679735090499 51.826038985872636)</t>
  </si>
  <si>
    <t>POINT (4.635501630790503 51.821507944587694)</t>
  </si>
  <si>
    <t>POINT (4.562668368416544 51.835335144294085)</t>
  </si>
  <si>
    <t>3331TS</t>
  </si>
  <si>
    <t>Watermanstraat</t>
  </si>
  <si>
    <t>3331TP-3331TS</t>
  </si>
  <si>
    <t>POINT (4.635576925552227 51.81968391913514)</t>
  </si>
  <si>
    <t>3334AE</t>
  </si>
  <si>
    <t>POINT (4.619057160564618 51.81217976681515)</t>
  </si>
  <si>
    <t>3332CL</t>
  </si>
  <si>
    <t>Marchantstraat</t>
  </si>
  <si>
    <t>POINT (4.658684444582775 51.823432390091774)</t>
  </si>
  <si>
    <t>3333LD</t>
  </si>
  <si>
    <t>Develsingel</t>
  </si>
  <si>
    <t>POINT (4.628290695827678 51.81858682563669)</t>
  </si>
  <si>
    <t>BU06420502</t>
  </si>
  <si>
    <t>Develsteincollege</t>
  </si>
  <si>
    <t>3332BL</t>
  </si>
  <si>
    <t>POINT (4.653284365620076 51.82006503514664)</t>
  </si>
  <si>
    <t>POINT (4.650248908965276 51.81840217247482)</t>
  </si>
  <si>
    <t>3333XE</t>
  </si>
  <si>
    <t>POINT (4.642168669024437 51.80958321119902)</t>
  </si>
  <si>
    <t>POINT (4.61879390088405 51.81433121012561)</t>
  </si>
  <si>
    <t>POINT (4.6455485969308565 51.82064468833292)</t>
  </si>
  <si>
    <t>3335VN</t>
  </si>
  <si>
    <t>POINT (4.61183964215247 51.81966593768963)</t>
  </si>
  <si>
    <t>POINT (4.648634558653896 51.821126373635224)</t>
  </si>
  <si>
    <t>POINT (4.635282353259118 51.809736220940934)</t>
  </si>
  <si>
    <t>POINT (4.653052392074996 51.82027290374951)</t>
  </si>
  <si>
    <t>3331HB</t>
  </si>
  <si>
    <t>POINT (4.630912450302774 51.82482859511346)</t>
  </si>
  <si>
    <t>2995VR</t>
  </si>
  <si>
    <t>Wiekslag</t>
  </si>
  <si>
    <t>POINT (4.570565392683803 51.83515646000747)</t>
  </si>
  <si>
    <t>3333TP</t>
  </si>
  <si>
    <t>3333TP-3333VB</t>
  </si>
  <si>
    <t>POINT (4.634223747073449 51.81020183447613)</t>
  </si>
  <si>
    <t>POINT (4.627241759352078 51.80727288522764)</t>
  </si>
  <si>
    <t>POINT (4.640634744166058 51.8237210320848)</t>
  </si>
  <si>
    <t>POINT (4.567803786014769 51.83339706677561)</t>
  </si>
  <si>
    <t>POINT (4.569111266767858 51.83439441774741)</t>
  </si>
  <si>
    <t>3335AC</t>
  </si>
  <si>
    <t>Dukasstraat</t>
  </si>
  <si>
    <t>POINT (4.617756294627888 51.817922559065906)</t>
  </si>
  <si>
    <t>POINT (4.6356820684403885 51.810434273810706)</t>
  </si>
  <si>
    <t>POINT (4.645527748699994 51.82054980682821)</t>
  </si>
  <si>
    <t>POINT (4.633635205705479 51.812701303822706)</t>
  </si>
  <si>
    <t>POINT (4.603239247851859 51.8129542392968)</t>
  </si>
  <si>
    <t>3334BW</t>
  </si>
  <si>
    <t>POINT (4.608062277048462 51.81590397605261)</t>
  </si>
  <si>
    <t>3331GS</t>
  </si>
  <si>
    <t>POINT (4.644186176582144 51.82181742739396)</t>
  </si>
  <si>
    <t>POINT (4.63117109089068 51.810634320859464)</t>
  </si>
  <si>
    <t>POINT (4.654532441016412 51.81642108192918)</t>
  </si>
  <si>
    <t>POINT (4.649513550488348 51.822127245559514)</t>
  </si>
  <si>
    <t>POINT (4.603664218760246 51.821687821088844)</t>
  </si>
  <si>
    <t>3332MZ</t>
  </si>
  <si>
    <t>Zonnesteintoren</t>
  </si>
  <si>
    <t>POINT (4.638551695616594 51.82528152162576)</t>
  </si>
  <si>
    <t>POINT (4.6098625555304 51.81914694705622)</t>
  </si>
  <si>
    <t>POINT (4.650967286005489 51.81751829341788)</t>
  </si>
  <si>
    <t>POINT (4.614630148334628 51.82206290705423)</t>
  </si>
  <si>
    <t>POINT (4.650119419105641 51.82670155301241)</t>
  </si>
  <si>
    <t>3332NZ</t>
  </si>
  <si>
    <t>POINT (4.639273200722743 51.82559675250989)</t>
  </si>
  <si>
    <t>POINT (4.636761338659012 51.81086284999536)</t>
  </si>
  <si>
    <t>POINT (4.652013260624192 51.81460157662071)</t>
  </si>
  <si>
    <t>3335XJ</t>
  </si>
  <si>
    <t>Wagenaarstraat</t>
  </si>
  <si>
    <t>POINT (4.618787044680567 51.81964272309078)</t>
  </si>
  <si>
    <t>POINT (4.64846121792835 51.81679845233389)</t>
  </si>
  <si>
    <t>3331EG</t>
  </si>
  <si>
    <t>POINT (4.636927261224046 51.814675480911724)</t>
  </si>
  <si>
    <t>POINT (4.622139052228289 51.81137594901664)</t>
  </si>
  <si>
    <t>POINT (4.609409435977243 51.81205655956084)</t>
  </si>
  <si>
    <t>3332SN</t>
  </si>
  <si>
    <t>Straatsburgsestraat</t>
  </si>
  <si>
    <t>POINT (4.65264834305188 51.825731438637696)</t>
  </si>
  <si>
    <t>3331AL</t>
  </si>
  <si>
    <t>POINT (4.643934921718322 51.81675799913562)</t>
  </si>
  <si>
    <t>POINT (4.655099556340321 51.82104969323925)</t>
  </si>
  <si>
    <t>3333GH</t>
  </si>
  <si>
    <t>POINT (4.627740620508101 51.81313676601402)</t>
  </si>
  <si>
    <t>POINT (4.642629037752833 51.809670600044846)</t>
  </si>
  <si>
    <t>POINT (4.61869300573362 51.812943715907416)</t>
  </si>
  <si>
    <t>3332AR</t>
  </si>
  <si>
    <t>POINT (4.633640135660257 51.826432634581295)</t>
  </si>
  <si>
    <t>POINT (4.635547812711902 51.82269787617672)</t>
  </si>
  <si>
    <t>POINT (4.651566409008593 51.821850083548796)</t>
  </si>
  <si>
    <t>POINT (4.635394987229191 51.825796135745705)</t>
  </si>
  <si>
    <t>POINT (4.650937588330513 51.82314235332476)</t>
  </si>
  <si>
    <t>POINT (4.612462422658762 51.82133186661152)</t>
  </si>
  <si>
    <t>POINT (4.643273006846551 51.81912824922986)</t>
  </si>
  <si>
    <t>POINT (4.6267944994322985 51.80541218113433)</t>
  </si>
  <si>
    <t>POINT (4.630160247096724 51.80475971899287)</t>
  </si>
  <si>
    <t>POINT (4.6262314265300475 51.813948809246114)</t>
  </si>
  <si>
    <t>POINT (4.637660815025955 51.82002514503096)</t>
  </si>
  <si>
    <t>POINT (4.651406801826036 51.81740354970438)</t>
  </si>
  <si>
    <t>POINT (4.645674736376653 51.820577180324655)</t>
  </si>
  <si>
    <t>POINT (4.636398959427149 51.82017021986605)</t>
  </si>
  <si>
    <t>3334LA</t>
  </si>
  <si>
    <t>POINT (4.587562629765747 51.821234125409674)</t>
  </si>
  <si>
    <t>BU06420705</t>
  </si>
  <si>
    <t>Kijfhoek</t>
  </si>
  <si>
    <t>POINT (4.559926203534769 51.83365267154374)</t>
  </si>
  <si>
    <t>POINT (4.649668671186852 51.82227766626452)</t>
  </si>
  <si>
    <t>POINT (4.609774766371351 51.8191500778951)</t>
  </si>
  <si>
    <t>Molenweg</t>
  </si>
  <si>
    <t>POINT (4.562708527938655 51.83614714627138)</t>
  </si>
  <si>
    <t>POINT (4.646798471702016 51.82398462244738)</t>
  </si>
  <si>
    <t>POINT (4.643029260468585 51.810346500425744)</t>
  </si>
  <si>
    <t>3334SG</t>
  </si>
  <si>
    <t>POINT (4.6119961621688415 51.81359251909119)</t>
  </si>
  <si>
    <t>3331HS</t>
  </si>
  <si>
    <t>Jeroen Boschlaan</t>
  </si>
  <si>
    <t>POINT (4.628650474758721 51.82196388828055)</t>
  </si>
  <si>
    <t>3331ED</t>
  </si>
  <si>
    <t>Dr. Boutensstraat</t>
  </si>
  <si>
    <t>POINT (4.637933749748925 51.814235199848675)</t>
  </si>
  <si>
    <t>POINT (4.632535635546579 51.82001848537043)</t>
  </si>
  <si>
    <t>3331SC</t>
  </si>
  <si>
    <t>POINT (4.634993471664735 51.81973651326318)</t>
  </si>
  <si>
    <t>POINT (4.6050797988755825 51.82240399236814)</t>
  </si>
  <si>
    <t>3331XD</t>
  </si>
  <si>
    <t>POINT (4.652837333439266 51.816932720744674)</t>
  </si>
  <si>
    <t>POINT (4.650118045753182 51.81783422746753)</t>
  </si>
  <si>
    <t>POINT (4.635066102631196 51.81095217578242)</t>
  </si>
  <si>
    <t>POINT (4.6174317084083 51.812735297222936)</t>
  </si>
  <si>
    <t>POINT (4.617813722752062 51.819679348360395)</t>
  </si>
  <si>
    <t>POINT (4.649871505570682 51.81688151386987)</t>
  </si>
  <si>
    <t>2995BL</t>
  </si>
  <si>
    <t>POINT (4.565201790571612 51.83824090535106)</t>
  </si>
  <si>
    <t>3333GC</t>
  </si>
  <si>
    <t>POINT (4.62382606413434 51.814019739359345)</t>
  </si>
  <si>
    <t>BU06420515</t>
  </si>
  <si>
    <t>Bloemenbuurt A(kelei)</t>
  </si>
  <si>
    <t>POINT (4.634953925274564 51.810017503008275)</t>
  </si>
  <si>
    <t>POINT (4.642459981814009 51.80920551244239)</t>
  </si>
  <si>
    <t>POINT (4.61446261370381 51.831359796705286)</t>
  </si>
  <si>
    <t>3331ME</t>
  </si>
  <si>
    <t>POINT (4.648557676649115 51.81389535278508)</t>
  </si>
  <si>
    <t>3332EV</t>
  </si>
  <si>
    <t>Waalsestraat</t>
  </si>
  <si>
    <t>3332ET-3332EW</t>
  </si>
  <si>
    <t>POINT (4.655893416591876 51.823784782284015)</t>
  </si>
  <si>
    <t>POINT (4.599411334608324 51.81325952453019)</t>
  </si>
  <si>
    <t>POINT (4.65130983940128 51.8168175984819)</t>
  </si>
  <si>
    <t>3335BE</t>
  </si>
  <si>
    <t>POINT (4.612095432006392 51.820471847938414)</t>
  </si>
  <si>
    <t>POINT (4.6028657816943115 51.81888298501593)</t>
  </si>
  <si>
    <t>POINT (4.622615807499925 51.81244814740764)</t>
  </si>
  <si>
    <t>POINT (4.646654377012746 51.825860352490075)</t>
  </si>
  <si>
    <t>2995TJ</t>
  </si>
  <si>
    <t>POINT (4.563074690862953 51.83160614717097)</t>
  </si>
  <si>
    <t>POINT (4.559559759894441 51.835369457022836)</t>
  </si>
  <si>
    <t>POINT (4.628717045094092 51.811818945023845)</t>
  </si>
  <si>
    <t>3332CZ</t>
  </si>
  <si>
    <t>POINT (4.6577940565535165 51.82251840172692)</t>
  </si>
  <si>
    <t>3335LD</t>
  </si>
  <si>
    <t>POINT (4.659921955095872 51.82788569912485)</t>
  </si>
  <si>
    <t>POINT (4.639402277352663 51.822016633712934)</t>
  </si>
  <si>
    <t>POINT (4.630538998272152 51.81363841748143)</t>
  </si>
  <si>
    <t>POINT (4.63007688585503 51.82255919778312)</t>
  </si>
  <si>
    <t>POINT (4.655163757999092 51.8273161264812)</t>
  </si>
  <si>
    <t>POINT (4.612796779808021 51.818112381869376)</t>
  </si>
  <si>
    <t>3332TB</t>
  </si>
  <si>
    <t>Lauwers</t>
  </si>
  <si>
    <t>POINT (4.6594960052815475 51.81996011987348)</t>
  </si>
  <si>
    <t>POINT (4.629505192159117 51.82475523183435)</t>
  </si>
  <si>
    <t>POINT (4.634962995862832 51.81904745104667)</t>
  </si>
  <si>
    <t>POINT (4.657398144249004 51.820936117812565)</t>
  </si>
  <si>
    <t>POINT (4.631090903855935 51.81749448921113)</t>
  </si>
  <si>
    <t>POINT (4.606390672201105 51.82020938701353)</t>
  </si>
  <si>
    <t>POINT (4.5631954302992535 51.8315806218118)</t>
  </si>
  <si>
    <t>POINT (4.6340308349159685 51.80975756094662)</t>
  </si>
  <si>
    <t>POINT (4.640706299529253 51.817008075569376)</t>
  </si>
  <si>
    <t>POINT (4.6071193240707045 51.81387375581837)</t>
  </si>
  <si>
    <t>POINT (4.658484252518233 51.825639556294725)</t>
  </si>
  <si>
    <t>POINT (4.6177603782267225 51.81434316172292)</t>
  </si>
  <si>
    <t>POINT (4.659635712459951 51.8251088173783)</t>
  </si>
  <si>
    <t>POINT (4.651025068733688 51.82255186034634)</t>
  </si>
  <si>
    <t>POINT (4.645559798375833 51.81430701272695)</t>
  </si>
  <si>
    <t>POINT (4.61528876675248 51.81293235687491)</t>
  </si>
  <si>
    <t>3334GB</t>
  </si>
  <si>
    <t>Clingendaal</t>
  </si>
  <si>
    <t>POINT (4.597746737202065 51.814732342678475)</t>
  </si>
  <si>
    <t>POINT (4.641772660107468 51.82432514039021)</t>
  </si>
  <si>
    <t>POINT (4.637189710777442 51.81488667616535)</t>
  </si>
  <si>
    <t>POINT (4.608557453052986 51.819730292717985)</t>
  </si>
  <si>
    <t>POINT (4.627606612718995 51.81312606502735)</t>
  </si>
  <si>
    <t>POINT (4.624961483265453 51.81325568139216)</t>
  </si>
  <si>
    <t>POINT (4.568605002000245 51.83818278012788)</t>
  </si>
  <si>
    <t>POINT (4.638724617007047 51.82267017848206)</t>
  </si>
  <si>
    <t>POINT (4.641889683702758 51.81635289633489)</t>
  </si>
  <si>
    <t>POINT (4.629571105715716 51.81366063095838)</t>
  </si>
  <si>
    <t>2995VG</t>
  </si>
  <si>
    <t>Hoge Nes</t>
  </si>
  <si>
    <t>POINT (4.568466686909737 51.83478409817872)</t>
  </si>
  <si>
    <t>POINT (4.632184112511374 51.80918531910287)</t>
  </si>
  <si>
    <t>POINT (4.6342869016713415 51.82064022760175)</t>
  </si>
  <si>
    <t>3334GS</t>
  </si>
  <si>
    <t>Zwaanwijk</t>
  </si>
  <si>
    <t>POINT (4.596651747992403 51.815818676003154)</t>
  </si>
  <si>
    <t>POINT (4.608102659964786 51.82026382928828)</t>
  </si>
  <si>
    <t>3332RE</t>
  </si>
  <si>
    <t>3332RD-3332RE</t>
  </si>
  <si>
    <t>POINT (4.645015219037801 51.824579745420024)</t>
  </si>
  <si>
    <t>3333EA</t>
  </si>
  <si>
    <t>POINT (4.62470674703798 51.81358528758175)</t>
  </si>
  <si>
    <t>POINT (4.625371132337601 51.81095270919843)</t>
  </si>
  <si>
    <t>POINT (4.633089901567195 51.81178062010812)</t>
  </si>
  <si>
    <t>POINT (4.626763975091412 51.81210848763646)</t>
  </si>
  <si>
    <t>POINT (4.651848979155245 51.81475517974836)</t>
  </si>
  <si>
    <t>3336LD</t>
  </si>
  <si>
    <t>3336LC-3336LD</t>
  </si>
  <si>
    <t>POINT (4.62434972705582 51.81054461957352)</t>
  </si>
  <si>
    <t>POINT (4.649810144992413 51.82237303522703)</t>
  </si>
  <si>
    <t>3331BA</t>
  </si>
  <si>
    <t>Adolph van Nassaustraat</t>
  </si>
  <si>
    <t>POINT (4.645663108651486 51.81702026436727)</t>
  </si>
  <si>
    <t>3333ET</t>
  </si>
  <si>
    <t>Leeuwenbekstraat</t>
  </si>
  <si>
    <t>POINT (4.627393161657416 51.81127308924272)</t>
  </si>
  <si>
    <t>POINT (4.637750138116399 51.820118155198486)</t>
  </si>
  <si>
    <t>POINT (4.617614250730662 51.81297624165623)</t>
  </si>
  <si>
    <t>3332KE</t>
  </si>
  <si>
    <t>POINT (4.64649271098523 51.8254257813063)</t>
  </si>
  <si>
    <t>POINT (4.626074806258169 51.81132939025912)</t>
  </si>
  <si>
    <t>POINT (4.6379440532957625 51.81384124590137)</t>
  </si>
  <si>
    <t>2995AX</t>
  </si>
  <si>
    <t>Horspad</t>
  </si>
  <si>
    <t>POINT (4.564453262715433 51.83678137275693)</t>
  </si>
  <si>
    <t>3332NP</t>
  </si>
  <si>
    <t>POINT (4.638471852214808 51.82536199142858)</t>
  </si>
  <si>
    <t>3334AG</t>
  </si>
  <si>
    <t>POINT (4.6197937426622255 51.81437324912456)</t>
  </si>
  <si>
    <t>POINT (4.656255704234135 51.817351261997906)</t>
  </si>
  <si>
    <t>POINT (4.63306535547675 51.81996515368226)</t>
  </si>
  <si>
    <t>POINT (4.566338849738933 51.83387193644585)</t>
  </si>
  <si>
    <t>POINT (4.658741283672756 51.82406736117191)</t>
  </si>
  <si>
    <t>POINT (4.6359656738890855 51.81018594302468)</t>
  </si>
  <si>
    <t>POINT (4.636164214222638 51.81188409287523)</t>
  </si>
  <si>
    <t>POINT (4.644665490742501 51.82693278415517)</t>
  </si>
  <si>
    <t>POINT (4.656094237381135 51.82287317041944)</t>
  </si>
  <si>
    <t>POINT (4.644095470872499 51.81724729062564)</t>
  </si>
  <si>
    <t>3332JD</t>
  </si>
  <si>
    <t>van Hogendorplaan</t>
  </si>
  <si>
    <t>POINT (4.659129973520394 51.82881481080877)</t>
  </si>
  <si>
    <t>POINT (4.562688557931321 51.835528211610196)</t>
  </si>
  <si>
    <t>3334ST</t>
  </si>
  <si>
    <t>POINT (4.615349621469326 51.812855885594395)</t>
  </si>
  <si>
    <t>POINT (4.634808989703719 51.81955593428889)</t>
  </si>
  <si>
    <t>POINT (4.62963504258918 51.815060684522386)</t>
  </si>
  <si>
    <t>POINT (4.641685783088017 51.82604404340326)</t>
  </si>
  <si>
    <t>POINT (4.619307249593899 51.81275077607028)</t>
  </si>
  <si>
    <t>POINT (4.603333692407813 51.82032186257027)</t>
  </si>
  <si>
    <t>POINT (4.566228938483663 51.83726429313231)</t>
  </si>
  <si>
    <t>POINT (4.642239947870651 51.82622851312547)</t>
  </si>
  <si>
    <t>POINT (4.6321510494058575 51.809209636557114)</t>
  </si>
  <si>
    <t>POINT (4.640013737367506 51.818834980166386)</t>
  </si>
  <si>
    <t>SchÃ¶nbergplaats</t>
  </si>
  <si>
    <t>POINT (4.615412924127983 51.81811216844293)</t>
  </si>
  <si>
    <t>POINT (4.641778398546126 51.82160140642156)</t>
  </si>
  <si>
    <t>POINT (4.656451122336231 51.82165651041427)</t>
  </si>
  <si>
    <t>POINT (4.611912177727583 51.81531125558222)</t>
  </si>
  <si>
    <t>POINT (4.6099446677580325 51.81850573212594)</t>
  </si>
  <si>
    <t>POINT (4.649908921725757 51.82473805637353)</t>
  </si>
  <si>
    <t>POINT (4.649796237063822 51.8223179191339)</t>
  </si>
  <si>
    <t>3335EN</t>
  </si>
  <si>
    <t>POINT (4.6017032498922585 51.8209033815495)</t>
  </si>
  <si>
    <t>POINT (4.6506212263617295 51.81896191615603)</t>
  </si>
  <si>
    <t>POINT (4.640998109852488 51.825535291428466)</t>
  </si>
  <si>
    <t>POINT (4.632290851540926 51.80907888735981)</t>
  </si>
  <si>
    <t>3333VB</t>
  </si>
  <si>
    <t>POINT (4.63676369081906 51.80808074324163)</t>
  </si>
  <si>
    <t>POINT (4.604627045892286 51.81293134968563)</t>
  </si>
  <si>
    <t>POINT (4.628264264988145 51.81025841739855)</t>
  </si>
  <si>
    <t>POINT (4.615326002815552 51.812925887226925)</t>
  </si>
  <si>
    <t>3332HT</t>
  </si>
  <si>
    <t>RoÃ«llstraat</t>
  </si>
  <si>
    <t>POINT (4.659688603092736 51.82699938157611)</t>
  </si>
  <si>
    <t>POINT (4.60814004654637 51.81471877139026)</t>
  </si>
  <si>
    <t>POINT (4.617568930091334 51.82062847054211)</t>
  </si>
  <si>
    <t>POINT (4.618242223719372 51.81844385349027)</t>
  </si>
  <si>
    <t>POINT (4.646745206051773 51.8239838100247)</t>
  </si>
  <si>
    <t>POINT (4.637076828780391 51.81010377542414)</t>
  </si>
  <si>
    <t>2995TH</t>
  </si>
  <si>
    <t>2995TG-2995TH</t>
  </si>
  <si>
    <t>POINT (4.563002407601489 51.831878394347974)</t>
  </si>
  <si>
    <t>POINT (4.645414594295335 51.8144589387533)</t>
  </si>
  <si>
    <t>POINT (4.604633124052739 51.81358457443946)</t>
  </si>
  <si>
    <t>3332PB</t>
  </si>
  <si>
    <t>POINT (4.648852282752511 51.82455071476608)</t>
  </si>
  <si>
    <t>POINT (4.627335838784721 51.80758253561193)</t>
  </si>
  <si>
    <t>POINT (4.602556675559809 51.81863283888793)</t>
  </si>
  <si>
    <t>POINT (4.64726457422391 51.825617713179945)</t>
  </si>
  <si>
    <t>POINT (4.650973031084834 51.817847647957024)</t>
  </si>
  <si>
    <t>POINT (4.561451869110716 51.834119476063364)</t>
  </si>
  <si>
    <t>POINT (4.606770471810053 51.81950731412744)</t>
  </si>
  <si>
    <t>POINT (4.624747045236879 51.814065699523766)</t>
  </si>
  <si>
    <t>POINT (4.6561757553386585 51.82501065477393)</t>
  </si>
  <si>
    <t>POINT (4.632464359024231 51.82352508447266)</t>
  </si>
  <si>
    <t>POINT (4.566382566160534 51.83758067453026)</t>
  </si>
  <si>
    <t>POINT (4.640815736806667 51.82562653555281)</t>
  </si>
  <si>
    <t>POINT (4.656612102521135 51.81789948965706)</t>
  </si>
  <si>
    <t>POINT (4.62943927603838 51.81118630230053)</t>
  </si>
  <si>
    <t>POINT (4.656681498987751 51.82127636621041)</t>
  </si>
  <si>
    <t>POINT (4.616809795914909 51.81909897704018)</t>
  </si>
  <si>
    <t>POINT (4.596021772488547 51.81360695804984)</t>
  </si>
  <si>
    <t>POINT (4.652690361409477 51.81693155829264)</t>
  </si>
  <si>
    <t>POINT (4.600732821568448 51.81662195937338)</t>
  </si>
  <si>
    <t>POINT (4.608213646886798 51.8197536200849)</t>
  </si>
  <si>
    <t>POINT (4.634418251577147 51.81025392253604)</t>
  </si>
  <si>
    <t>POINT (4.568662757178211 51.834592000806325)</t>
  </si>
  <si>
    <t>POINT (4.661334228515884 51.82745843678027)</t>
  </si>
  <si>
    <t>POINT (4.628758058477572 51.82404812829252)</t>
  </si>
  <si>
    <t>POINT (4.660303202182494 51.82344047593855)</t>
  </si>
  <si>
    <t>POINT (4.644337716213283 51.81962032863762)</t>
  </si>
  <si>
    <t>POINT (4.666079154020181 51.822721821116204)</t>
  </si>
  <si>
    <t>POINT (4.619922708430891 51.812834648584555)</t>
  </si>
  <si>
    <t>POINT (4.604271870078979 51.81426108374643)</t>
  </si>
  <si>
    <t>3332NN</t>
  </si>
  <si>
    <t>POINT (4.638276478516546 51.82544268586178)</t>
  </si>
  <si>
    <t>POINT (4.59470647838133 51.81428629687917)</t>
  </si>
  <si>
    <t>POINT (4.617103153599742 51.81492298262561)</t>
  </si>
  <si>
    <t>POINT (4.641839448259471 51.81900429602379)</t>
  </si>
  <si>
    <t>3331ST</t>
  </si>
  <si>
    <t>POINT (4.6334732016577656 51.820630465469)</t>
  </si>
  <si>
    <t>POINT (4.618976335599595 51.81914849545681)</t>
  </si>
  <si>
    <t>POINT (4.618306346981339 51.82041725126097)</t>
  </si>
  <si>
    <t>POINT (4.606539225224656 51.82208870359277)</t>
  </si>
  <si>
    <t>POINT (4.628156933758395 51.80773159747935)</t>
  </si>
  <si>
    <t>POINT (4.561717990285999 51.83496772851383)</t>
  </si>
  <si>
    <t>POINT (4.641511023698677 51.8165044403288)</t>
  </si>
  <si>
    <t>POINT (4.635191134057488 51.81927407998832)</t>
  </si>
  <si>
    <t>POINT (4.615636851588278 51.81408018673708)</t>
  </si>
  <si>
    <t>POINT (4.65204326028317 51.81771283000908)</t>
  </si>
  <si>
    <t>POINT (4.641304255125684 51.81371424812628)</t>
  </si>
  <si>
    <t>POINT (4.6290698107980734 51.81263491870664)</t>
  </si>
  <si>
    <t>POINT (4.6528652369322305 51.82451455146004)</t>
  </si>
  <si>
    <t>POINT (4.63622730724343 51.810033371465806)</t>
  </si>
  <si>
    <t>3333AL</t>
  </si>
  <si>
    <t>POINT (4.635295604752767 51.80930941410123)</t>
  </si>
  <si>
    <t>3335EH</t>
  </si>
  <si>
    <t>POINT (4.602683166611004 51.81984272234885)</t>
  </si>
  <si>
    <t>POINT (4.647304867400003 51.82479009164865)</t>
  </si>
  <si>
    <t>POINT (4.6509223832574 51.82249615156477)</t>
  </si>
  <si>
    <t>POINT (4.633863680165723 51.8098088561791)</t>
  </si>
  <si>
    <t>POINT (4.6184822856043475 51.821152943320286)</t>
  </si>
  <si>
    <t>POINT (4.606103849035041 51.821607049568094)</t>
  </si>
  <si>
    <t>POINT (4.609652600591346 51.822255905009946)</t>
  </si>
  <si>
    <t>POINT (4.622177026721914 51.81149846113755)</t>
  </si>
  <si>
    <t>POINT (4.649407314302747 51.817242997999145)</t>
  </si>
  <si>
    <t>POINT (4.631859027521902 51.80807419062633)</t>
  </si>
  <si>
    <t>POINT (4.627804127312749 51.81303333040977)</t>
  </si>
  <si>
    <t>POINT (4.642916256106871 51.81666050568706)</t>
  </si>
  <si>
    <t>3331TV</t>
  </si>
  <si>
    <t>POINT (4.635655844490804 51.81894700972328)</t>
  </si>
  <si>
    <t>POINT (4.620948974590398 51.81484484034149)</t>
  </si>
  <si>
    <t>3331BR</t>
  </si>
  <si>
    <t>POINT (4.648714875045752 51.818603907700854)</t>
  </si>
  <si>
    <t>3332EL</t>
  </si>
  <si>
    <t>Mechelsestraat</t>
  </si>
  <si>
    <t>POINT (4.653622137468278 51.82561751197823)</t>
  </si>
  <si>
    <t>POINT (4.586911755012619 51.816424999068516)</t>
  </si>
  <si>
    <t>POINT (4.662092346722384 51.825280233638125)</t>
  </si>
  <si>
    <t>POINT (4.636666512103802 51.81456265030913)</t>
  </si>
  <si>
    <t>POINT (4.6069556567936125 51.819963401796365)</t>
  </si>
  <si>
    <t>3333EV</t>
  </si>
  <si>
    <t>Lisstraat</t>
  </si>
  <si>
    <t>POINT (4.62843034875006 51.810570249247945)</t>
  </si>
  <si>
    <t>POINT (4.642878857976401 51.81928384327685)</t>
  </si>
  <si>
    <t>POINT (4.613641233736442 51.81802094477284)</t>
  </si>
  <si>
    <t>3333VK</t>
  </si>
  <si>
    <t>POINT (4.633860161523853 51.808696768339956)</t>
  </si>
  <si>
    <t>POINT (4.633720082705012 51.81265202442897)</t>
  </si>
  <si>
    <t>POINT (4.63607593217018 51.8101446715715)</t>
  </si>
  <si>
    <t>POINT (4.634516065345379 51.81134995887806)</t>
  </si>
  <si>
    <t>POINT (4.635011421735629 51.809015306939926)</t>
  </si>
  <si>
    <t>POINT (4.6206888671230955 51.81412762189038)</t>
  </si>
  <si>
    <t>2995XA</t>
  </si>
  <si>
    <t>Develsluis</t>
  </si>
  <si>
    <t>POINT (4.571665498841496 51.828207755094354)</t>
  </si>
  <si>
    <t>POINT (4.607867672569806 51.821579251623625)</t>
  </si>
  <si>
    <t>POINT (4.612712504743467 51.82000205444564)</t>
  </si>
  <si>
    <t>POINT (4.611153999208493 51.814579937364)</t>
  </si>
  <si>
    <t>POINT (4.655999843759288 51.82033440452139)</t>
  </si>
  <si>
    <t>POINT (4.641388369520841 51.818583815678394)</t>
  </si>
  <si>
    <t>POINT (4.636720972954183 51.8145336774538)</t>
  </si>
  <si>
    <t>POINT (4.5658785437914595 51.83482129910075)</t>
  </si>
  <si>
    <t>POINT (4.656502915664157 51.818666515155094)</t>
  </si>
  <si>
    <t>2995BC</t>
  </si>
  <si>
    <t>De Smaus</t>
  </si>
  <si>
    <t>2995BC-2995BD</t>
  </si>
  <si>
    <t>POINT (4.5663063742303125 51.83803693167266)</t>
  </si>
  <si>
    <t>POINT (4.6510929833487875 51.826384043272775)</t>
  </si>
  <si>
    <t>POINT (4.563848357259787 51.83269760633297)</t>
  </si>
  <si>
    <t>POINT (4.646312766027798 51.8171635393687)</t>
  </si>
  <si>
    <t>POINT (4.623969922150909 51.811600957851645)</t>
  </si>
  <si>
    <t>POINT (4.641701442984385 51.81645578081494)</t>
  </si>
  <si>
    <t>POINT (4.611569682745409 51.8082396008308)</t>
  </si>
  <si>
    <t>POINT (4.6153387303087 51.81296855052264)</t>
  </si>
  <si>
    <t>POINT (4.621904551998545 51.812464949183365)</t>
  </si>
  <si>
    <t>POINT (4.615969300202699 51.817570579414415)</t>
  </si>
  <si>
    <t>POINT (4.645195197523122 51.81454104774182)</t>
  </si>
  <si>
    <t>POINT (4.605216148895426 51.815222234681734)</t>
  </si>
  <si>
    <t>POINT (4.604053176582355 51.82001104468376)</t>
  </si>
  <si>
    <t>POINT (4.638282869976723 51.81764842398823)</t>
  </si>
  <si>
    <t>POINT (4.632496780191095 51.8082557043966)</t>
  </si>
  <si>
    <t>POINT (4.616335181612776 51.814699667434475)</t>
  </si>
  <si>
    <t>POINT (4.5634725860877925 51.834893510240896)</t>
  </si>
  <si>
    <t>POINT (4.632077392322376 51.81957568482602)</t>
  </si>
  <si>
    <t>POINT (4.659246556350298 51.82336509194771)</t>
  </si>
  <si>
    <t>POINT (4.5942665851476026 51.81400444069641)</t>
  </si>
  <si>
    <t>POINT (4.650699242516797 51.81485366780302)</t>
  </si>
  <si>
    <t>POINT (4.610696243563618 51.818578994609084)</t>
  </si>
  <si>
    <t>POINT (4.655874766551858 51.82182588964009)</t>
  </si>
  <si>
    <t>3331TJ</t>
  </si>
  <si>
    <t>Pegasusstraat</t>
  </si>
  <si>
    <t>POINT (4.636045074209938 51.81999312530208)</t>
  </si>
  <si>
    <t>POINT (4.614607913089762 51.8130395971771)</t>
  </si>
  <si>
    <t>POINT (4.611898179099986 51.81342503205279)</t>
  </si>
  <si>
    <t>POINT (4.627923153044229 51.81324990156948)</t>
  </si>
  <si>
    <t>POINT (4.619741656195613 51.83016114447277)</t>
  </si>
  <si>
    <t>POINT (4.617874155544204 51.812800409612464)</t>
  </si>
  <si>
    <t>3333EG</t>
  </si>
  <si>
    <t>Irisstraat</t>
  </si>
  <si>
    <t>POINT (4.625906795866876 51.81163830320959)</t>
  </si>
  <si>
    <t>POINT (4.633220003480705 51.811666580412655)</t>
  </si>
  <si>
    <t>POINT (4.6469918340072685 51.827362691823616)</t>
  </si>
  <si>
    <t>POINT (4.626711061636337 51.80861775463105)</t>
  </si>
  <si>
    <t>POINT (4.646936711132542 51.82278787814875)</t>
  </si>
  <si>
    <t>POINT (4.60370623602431 51.82064665893631)</t>
  </si>
  <si>
    <t>POINT (4.653473386417512 51.8197878824699)</t>
  </si>
  <si>
    <t>3333AH</t>
  </si>
  <si>
    <t>Javalaan</t>
  </si>
  <si>
    <t>POINT (4.638715694540596 51.81168271525568)</t>
  </si>
  <si>
    <t>POINT (4.609942379821254 51.818670381369806)</t>
  </si>
  <si>
    <t>POINT (4.638422785408557 51.81141583267419)</t>
  </si>
  <si>
    <t>3332BC</t>
  </si>
  <si>
    <t>Groene Kruispad</t>
  </si>
  <si>
    <t>POINT (4.6521853955167956 51.82088292333278)</t>
  </si>
  <si>
    <t>POINT (4.647159404915213 51.822891510802)</t>
  </si>
  <si>
    <t>POINT (4.638730107891899 51.8253966450295)</t>
  </si>
  <si>
    <t>POINT (4.6194292581889895 51.83040158972603)</t>
  </si>
  <si>
    <t>3332GP</t>
  </si>
  <si>
    <t>POINT (4.654334671174439 51.821704374057866)</t>
  </si>
  <si>
    <t>3331LJ</t>
  </si>
  <si>
    <t>Hof aan de Dijk</t>
  </si>
  <si>
    <t>POINT (4.647300977932351 51.81442990378541)</t>
  </si>
  <si>
    <t>2995BG</t>
  </si>
  <si>
    <t>POINT (4.562773646345782 51.836731557579434)</t>
  </si>
  <si>
    <t>POINT (4.655115007085734 51.81680662865201)</t>
  </si>
  <si>
    <t>POINT (4.661197849192973 51.82700202071234)</t>
  </si>
  <si>
    <t>POINT (4.636639188175754 51.8120269690441)</t>
  </si>
  <si>
    <t>POINT (4.656907031734594 51.82118151900504)</t>
  </si>
  <si>
    <t>3331BS</t>
  </si>
  <si>
    <t>POINT (4.646146756453316 51.819278500742044)</t>
  </si>
  <si>
    <t>2995VD</t>
  </si>
  <si>
    <t>POINT (4.568947673151755 51.83747595753422)</t>
  </si>
  <si>
    <t>3331GP</t>
  </si>
  <si>
    <t>POINT (4.644115711739374 51.821674025190234)</t>
  </si>
  <si>
    <t>3331HV</t>
  </si>
  <si>
    <t>POINT (4.636924668672443 51.81869157039014)</t>
  </si>
  <si>
    <t>POINT (4.617406603304704 51.81317367426401)</t>
  </si>
  <si>
    <t>3333GV</t>
  </si>
  <si>
    <t>Fuchsiastraat</t>
  </si>
  <si>
    <t>POINT (4.627558140709545 51.81487444203378)</t>
  </si>
  <si>
    <t>3331KJ</t>
  </si>
  <si>
    <t>POINT (4.630984766334598 51.822941973965335)</t>
  </si>
  <si>
    <t>POINT (4.635606107335647 51.82148802957149)</t>
  </si>
  <si>
    <t>POINT (4.61560294098917 51.82246791993821)</t>
  </si>
  <si>
    <t>POINT (4.634191260041435 51.81060150669506)</t>
  </si>
  <si>
    <t>POINT (4.623634183997637 51.81142692743701)</t>
  </si>
  <si>
    <t>POINT (4.6251500425485395 51.82269532884534)</t>
  </si>
  <si>
    <t>POINT (4.642130706259781 51.8263211941944)</t>
  </si>
  <si>
    <t>POINT (4.619233791996105 51.814269011323915)</t>
  </si>
  <si>
    <t>POINT (4.635557081054827 51.81885255319904)</t>
  </si>
  <si>
    <t>POINT (4.6408585291222755 51.8256116886916)</t>
  </si>
  <si>
    <t>POINT (4.628756894476962 51.806720794595996)</t>
  </si>
  <si>
    <t>POINT (4.636163435703721 51.820268694206874)</t>
  </si>
  <si>
    <t>POINT (4.60967406829802 51.81598069709996)</t>
  </si>
  <si>
    <t>POINT (4.6540233492802665 51.82188210439988)</t>
  </si>
  <si>
    <t>3332NJ</t>
  </si>
  <si>
    <t>POINT (4.641436070547663 51.825761012329735)</t>
  </si>
  <si>
    <t>POINT (4.595205579275442 51.81475622687473)</t>
  </si>
  <si>
    <t>POINT (4.61570075788131 51.81440679859573)</t>
  </si>
  <si>
    <t>POINT (4.6347511137898785 51.8217526705308)</t>
  </si>
  <si>
    <t>POINT (4.602791800996739 51.81041283923645)</t>
  </si>
  <si>
    <t>POINT (4.653307314215875 51.81553666161475)</t>
  </si>
  <si>
    <t>3333SC</t>
  </si>
  <si>
    <t>Orchideestraat</t>
  </si>
  <si>
    <t>POINT (4.629633127688638 51.81327165843989)</t>
  </si>
  <si>
    <t>3334VA</t>
  </si>
  <si>
    <t>POINT (4.6192165924920285 51.81511178879374)</t>
  </si>
  <si>
    <t>POINT (4.639549181848564 51.82584319185203)</t>
  </si>
  <si>
    <t>POINT (4.652570842471197 51.82034792129188)</t>
  </si>
  <si>
    <t>POINT (4.626724462394239 51.8075816131043)</t>
  </si>
  <si>
    <t>POINT (4.645768874575438 51.82734440250898)</t>
  </si>
  <si>
    <t>3334GK</t>
  </si>
  <si>
    <t>Hoornwijk</t>
  </si>
  <si>
    <t>3334GJ-3334GK</t>
  </si>
  <si>
    <t>POINT (4.595569761767668 51.81514242238915)</t>
  </si>
  <si>
    <t>POINT (4.6469365798265265 51.82008103347555)</t>
  </si>
  <si>
    <t>POINT (4.64568835108748 51.814254818740416)</t>
  </si>
  <si>
    <t>3332JG</t>
  </si>
  <si>
    <t>POINT (4.655973998534708 51.829805052028455)</t>
  </si>
  <si>
    <t>POINT (4.608732451487753 51.821087177478866)</t>
  </si>
  <si>
    <t>3333EK</t>
  </si>
  <si>
    <t>POINT (4.625930470580448 51.81269677901973)</t>
  </si>
  <si>
    <t>2995TP</t>
  </si>
  <si>
    <t>Het Buitenland</t>
  </si>
  <si>
    <t>POINT (4.566773753341943 51.83104732358077)</t>
  </si>
  <si>
    <t>POINT (4.634299412520292 51.81699788899526)</t>
  </si>
  <si>
    <t>POINT (4.638797839532586 51.81402526346671)</t>
  </si>
  <si>
    <t>3332KJ</t>
  </si>
  <si>
    <t>Domusoord</t>
  </si>
  <si>
    <t>POINT (4.645621046613281 51.82494949501987)</t>
  </si>
  <si>
    <t>POINT (4.643615971005816 51.81544585850609)</t>
  </si>
  <si>
    <t>POINT (4.657002739444644 51.82596488046326)</t>
  </si>
  <si>
    <t>3334BD</t>
  </si>
  <si>
    <t>POINT (4.608538095402259 51.81548399882351)</t>
  </si>
  <si>
    <t>POINT (4.6334490293685855 51.825795097952856)</t>
  </si>
  <si>
    <t>POINT (4.617529573226866 51.81362861798222)</t>
  </si>
  <si>
    <t>POINT (4.635294436000887 51.82365256938447)</t>
  </si>
  <si>
    <t>POINT (4.656003442263726 51.827944886385836)</t>
  </si>
  <si>
    <t>POINT (4.631217345924533 51.80752623210482)</t>
  </si>
  <si>
    <t>POINT (4.628830659229373 51.81284957890676)</t>
  </si>
  <si>
    <t>3331AS</t>
  </si>
  <si>
    <t>Willem-Alexanderhof</t>
  </si>
  <si>
    <t>POINT (4.6504610323822195 51.819558999776035)</t>
  </si>
  <si>
    <t>POINT (4.604200147991054 51.81421557167406)</t>
  </si>
  <si>
    <t>POINT (4.6416520123985245 51.821456182360365)</t>
  </si>
  <si>
    <t>POINT (4.604162317691704 51.81430535938103)</t>
  </si>
  <si>
    <t>POINT (4.619192142079799 51.818853927542904)</t>
  </si>
  <si>
    <t>POINT (4.645421026503677 51.814331555676084)</t>
  </si>
  <si>
    <t>POINT (4.631107816635775 51.810600897647845)</t>
  </si>
  <si>
    <t>POINT (4.650903869928386 51.82260122097207)</t>
  </si>
  <si>
    <t>POINT (4.649771075581487 51.822418694959886)</t>
  </si>
  <si>
    <t>POINT (4.649442337353932 51.81760915664236)</t>
  </si>
  <si>
    <t>POINT (4.638692101030077 51.822958130591786)</t>
  </si>
  <si>
    <t>POINT (4.601958460680765 51.82112892663023)</t>
  </si>
  <si>
    <t>POINT (4.659073741296791 51.82487429672699)</t>
  </si>
  <si>
    <t>2995XB</t>
  </si>
  <si>
    <t>POINT (4.5723631567730925 51.829264391581965)</t>
  </si>
  <si>
    <t>POINT (4.565791587758861 51.83875116276885)</t>
  </si>
  <si>
    <t>3332HW</t>
  </si>
  <si>
    <t>Schaepmanlaan</t>
  </si>
  <si>
    <t>POINT (4.660004284599655 51.82742520740313)</t>
  </si>
  <si>
    <t>POINT (4.639029737649685 51.817415544505515)</t>
  </si>
  <si>
    <t>POINT (4.629597326459396 51.8136519643367)</t>
  </si>
  <si>
    <t>3333CA</t>
  </si>
  <si>
    <t>POINT (4.63347041767267 51.80925074764138)</t>
  </si>
  <si>
    <t>3332AK</t>
  </si>
  <si>
    <t>POINT (4.652101357338638 51.81992498547919)</t>
  </si>
  <si>
    <t>3333GN</t>
  </si>
  <si>
    <t>POINT (4.6255988621296 51.81436170103883)</t>
  </si>
  <si>
    <t>3334SK</t>
  </si>
  <si>
    <t>POINT (4.612713201693656 51.813451366566674)</t>
  </si>
  <si>
    <t>POINT (4.65467440237179 51.8171481998471)</t>
  </si>
  <si>
    <t>POINT (4.616289473488316 51.81421431784381)</t>
  </si>
  <si>
    <t>POINT (4.654024009925671 51.81797949279986)</t>
  </si>
  <si>
    <t>POINT (4.642950456190268 51.81533042267664)</t>
  </si>
  <si>
    <t>POINT (4.648183608660466 51.81737009302197)</t>
  </si>
  <si>
    <t>3331KP</t>
  </si>
  <si>
    <t>van Maasdijkstraat</t>
  </si>
  <si>
    <t>POINT (4.6346027269462855 51.825629666514544)</t>
  </si>
  <si>
    <t>POINT (4.647598598752938 51.81868625286804)</t>
  </si>
  <si>
    <t>POINT (4.627222958207545 51.80627886285174)</t>
  </si>
  <si>
    <t>POINT (4.637256035561195 51.82021650830826)</t>
  </si>
  <si>
    <t>POINT (4.658584262831638 51.828655776920534)</t>
  </si>
  <si>
    <t>3334TH</t>
  </si>
  <si>
    <t>POINT (4.615387439116434 51.81558205403217)</t>
  </si>
  <si>
    <t>POINT (4.564903845838255 51.83216129351819)</t>
  </si>
  <si>
    <t>POINT (4.612944330779809 51.81818220899619)</t>
  </si>
  <si>
    <t>POINT (4.6381121108409396 51.813805186445954)</t>
  </si>
  <si>
    <t>POINT (4.642059472667346 51.81632477023399)</t>
  </si>
  <si>
    <t>POINT (4.628791386792884 51.81434533411034)</t>
  </si>
  <si>
    <t>POINT (4.6132967298323235 51.822458371655415)</t>
  </si>
  <si>
    <t>2995VB</t>
  </si>
  <si>
    <t>POINT (4.570598405475141 51.836405818958525)</t>
  </si>
  <si>
    <t>POINT (4.6185137426053995 51.815583975664495)</t>
  </si>
  <si>
    <t>POINT (4.640900193756806 51.82555018336109)</t>
  </si>
  <si>
    <t>3332HH</t>
  </si>
  <si>
    <t>Fransen van de Puttestraat</t>
  </si>
  <si>
    <t>POINT (4.659523594054342 51.82760563317452)</t>
  </si>
  <si>
    <t>POINT (4.645113702034824 51.82463064182954)</t>
  </si>
  <si>
    <t>3333EE</t>
  </si>
  <si>
    <t>Hyacinthstraat</t>
  </si>
  <si>
    <t>POINT (4.6251848284813555 51.81200486914734)</t>
  </si>
  <si>
    <t>POINT (4.620164458467035 51.812613812130756)</t>
  </si>
  <si>
    <t>POINT (4.617422915213951 51.8132282079701)</t>
  </si>
  <si>
    <t>POINT (4.625423857577744 51.81439705033953)</t>
  </si>
  <si>
    <t>POINT (4.604297013878895 51.821531424449034)</t>
  </si>
  <si>
    <t>POINT (4.6070809663552055 51.82083542180398)</t>
  </si>
  <si>
    <t>3332GB</t>
  </si>
  <si>
    <t>POINT (4.652097459315078 51.824231042435564)</t>
  </si>
  <si>
    <t>POINT (4.654652277442129 51.82678278353834)</t>
  </si>
  <si>
    <t>3335LM</t>
  </si>
  <si>
    <t>POINT (4.632116518273703 51.80923502320112)</t>
  </si>
  <si>
    <t>3334TG</t>
  </si>
  <si>
    <t>POINT (4.612696941058202 51.81525468489885)</t>
  </si>
  <si>
    <t>POINT (4.6533359562329455 51.81552336668442)</t>
  </si>
  <si>
    <t>3333BS</t>
  </si>
  <si>
    <t>POINT (4.631490168509492 51.80783427991245)</t>
  </si>
  <si>
    <t>POINT (4.660154107766889 51.82805114453244)</t>
  </si>
  <si>
    <t>POINT (4.637412371424972 51.808165222039946)</t>
  </si>
  <si>
    <t>POINT (4.653464940907712 51.82207806459886)</t>
  </si>
  <si>
    <t>POINT (4.643431701719793 51.82554012206751)</t>
  </si>
  <si>
    <t>POINT (4.6089357094077075 51.82168423492605)</t>
  </si>
  <si>
    <t>POINT (4.639513770187102 51.82287044273338)</t>
  </si>
  <si>
    <t>POINT (4.608537250317199 51.81556650972501)</t>
  </si>
  <si>
    <t>3331VK</t>
  </si>
  <si>
    <t>Mesdagstraat</t>
  </si>
  <si>
    <t>POINT (4.638183224308641 51.81747160959413)</t>
  </si>
  <si>
    <t>POINT (4.573087092699424 51.82105425522819)</t>
  </si>
  <si>
    <t>POINT (4.619208004431924 51.81508298667423)</t>
  </si>
  <si>
    <t>3334CC</t>
  </si>
  <si>
    <t>Everstein</t>
  </si>
  <si>
    <t>POINT (4.6090606803714245 51.81370349042923)</t>
  </si>
  <si>
    <t>3331XV</t>
  </si>
  <si>
    <t>POINT (4.652565832690965 51.81814032326729)</t>
  </si>
  <si>
    <t>POINT (4.625774242847227 51.813259079123924)</t>
  </si>
  <si>
    <t>POINT (4.63639939671422 51.810682720213435)</t>
  </si>
  <si>
    <t>3331BH</t>
  </si>
  <si>
    <t>POINT (4.647836687966202 51.819449751047294)</t>
  </si>
  <si>
    <t>POINT (4.63673311753884 51.81159649845166)</t>
  </si>
  <si>
    <t>POINT (4.644905804542419 51.8154902124912)</t>
  </si>
  <si>
    <t>3331CC</t>
  </si>
  <si>
    <t>POINT (4.640176183107457 51.81689895937695)</t>
  </si>
  <si>
    <t>POINT (4.638388139777091 51.81456878543196)</t>
  </si>
  <si>
    <t>POINT (4.633424517325145 51.809212888980994)</t>
  </si>
  <si>
    <t>3333TJ</t>
  </si>
  <si>
    <t>POINT (4.633028768706962 51.81050672492959)</t>
  </si>
  <si>
    <t>POINT (4.63871089579209 51.825410113413135)</t>
  </si>
  <si>
    <t>3331EZ</t>
  </si>
  <si>
    <t>W. Snelliusweg</t>
  </si>
  <si>
    <t>POINT (4.634181715701337 51.81755628502336)</t>
  </si>
  <si>
    <t>2995AC</t>
  </si>
  <si>
    <t>POINT (4.566225456807938 51.834498117496544)</t>
  </si>
  <si>
    <t>POINT (4.636906154853619 51.814660973037334)</t>
  </si>
  <si>
    <t>POINT (4.6413574085819445 51.80969306809717)</t>
  </si>
  <si>
    <t>POINT (4.622235158065246 51.811685967233174)</t>
  </si>
  <si>
    <t>POINT (4.635183078220007 51.80737838551798)</t>
  </si>
  <si>
    <t>POINT (4.639675478738729 51.809373154281815)</t>
  </si>
  <si>
    <t>3331CN</t>
  </si>
  <si>
    <t>POINT (4.641116458994688 51.819379896883724)</t>
  </si>
  <si>
    <t>POINT (4.6273940066784105 51.808983902696234)</t>
  </si>
  <si>
    <t>POINT (4.614872379151153 51.82167961356096)</t>
  </si>
  <si>
    <t>3332CB</t>
  </si>
  <si>
    <t>POINT (4.659081095474663 51.82129803680357)</t>
  </si>
  <si>
    <t>3334TK</t>
  </si>
  <si>
    <t>POINT (4.614400570057566 51.81518715683608)</t>
  </si>
  <si>
    <t>POINT (4.604275040797243 51.81408101565861)</t>
  </si>
  <si>
    <t>POINT (4.652905323093818 51.82451947636222)</t>
  </si>
  <si>
    <t>POINT (4.568174333720816 51.83523148695039)</t>
  </si>
  <si>
    <t>3333SX</t>
  </si>
  <si>
    <t>POINT (4.630498427416998 51.81197651204068)</t>
  </si>
  <si>
    <t>POINT (4.65221429699571 51.8172362695007)</t>
  </si>
  <si>
    <t>3335AH</t>
  </si>
  <si>
    <t>POINT (4.61273690307053 51.819787519921924)</t>
  </si>
  <si>
    <t>POINT (4.655208597000756 51.82119916295792)</t>
  </si>
  <si>
    <t>POINT (4.63314399694099 51.810976604147555)</t>
  </si>
  <si>
    <t>POINT (4.619297427354648 51.8153827433118)</t>
  </si>
  <si>
    <t>POINT (4.645191269854455 51.820248716236186)</t>
  </si>
  <si>
    <t>POINT (4.638605138754187 51.82522544948081)</t>
  </si>
  <si>
    <t>3334CD</t>
  </si>
  <si>
    <t>POINT (4.608806545795576 51.81342186905321)</t>
  </si>
  <si>
    <t>POINT (4.6385370136559985 51.82528163471796)</t>
  </si>
  <si>
    <t>POINT (4.5918952038813154 51.83329542831893)</t>
  </si>
  <si>
    <t>BU06420706</t>
  </si>
  <si>
    <t>Emplacement "Kijfhoek"</t>
  </si>
  <si>
    <t>POINT (4.601392362868051 51.814262969877895)</t>
  </si>
  <si>
    <t>POINT (4.634045393992501 51.81280199493057)</t>
  </si>
  <si>
    <t>POINT (4.654348598113409 51.82771325597844)</t>
  </si>
  <si>
    <t>POINT (4.595353652104942 51.81508646564842)</t>
  </si>
  <si>
    <t>POINT (4.6356640955237145 51.81197796006736)</t>
  </si>
  <si>
    <t>POINT (4.632533885986131 51.813903603130164)</t>
  </si>
  <si>
    <t>POINT (4.629251005892504 51.811557929197384)</t>
  </si>
  <si>
    <t>3331GZ</t>
  </si>
  <si>
    <t>Prinsessenpark</t>
  </si>
  <si>
    <t>POINT (4.643763927743121 51.822215613040264)</t>
  </si>
  <si>
    <t>3331EX</t>
  </si>
  <si>
    <t>3331EW-3331EX</t>
  </si>
  <si>
    <t>POINT (4.637370656009755 51.81632824471582)</t>
  </si>
  <si>
    <t>POINT (4.605465396139923 51.819136967011865)</t>
  </si>
  <si>
    <t>POINT (4.660093852856408 51.82815952518368)</t>
  </si>
  <si>
    <t>POINT (4.6134402976466395 51.81936871894785)</t>
  </si>
  <si>
    <t>POINT (4.656359391379297 51.81740301738612)</t>
  </si>
  <si>
    <t>POINT (4.607763243535748 51.82190937901412)</t>
  </si>
  <si>
    <t>POINT (4.6626288394550315 51.82341500016594)</t>
  </si>
  <si>
    <t>POINT (4.6487673299690995 51.81739570867555)</t>
  </si>
  <si>
    <t>POINT (4.563228103585174 51.83377817828778)</t>
  </si>
  <si>
    <t>3331VG</t>
  </si>
  <si>
    <t>POINT (4.638256477316298 51.81898292421847)</t>
  </si>
  <si>
    <t>POINT (4.604337118467741 51.81576506405234)</t>
  </si>
  <si>
    <t>POINT (4.616274311101928 51.818589872446495)</t>
  </si>
  <si>
    <t>POINT (4.654137268290511 51.816199362188364)</t>
  </si>
  <si>
    <t>POINT (4.645066752144913 51.82437749329547)</t>
  </si>
  <si>
    <t>POINT (4.562233012034785 51.83260867394566)</t>
  </si>
  <si>
    <t>3332GL</t>
  </si>
  <si>
    <t>POINT (4.653628219756374 51.82206579996639)</t>
  </si>
  <si>
    <t>POINT (4.635215920673943 51.823707167059545)</t>
  </si>
  <si>
    <t>POINT (4.658951366880142 51.82180875945511)</t>
  </si>
  <si>
    <t>POINT (4.650997791327029 51.81412914708245)</t>
  </si>
  <si>
    <t>POINT (4.6111820223571796 51.818366694156715)</t>
  </si>
  <si>
    <t>POINT (4.6358790844907745 51.81532821314281)</t>
  </si>
  <si>
    <t>POINT (4.63021853410939 51.8118173055531)</t>
  </si>
  <si>
    <t>POINT (4.656876028276802 51.82111302112744)</t>
  </si>
  <si>
    <t>POINT (4.637458410787883 51.81500821250184)</t>
  </si>
  <si>
    <t>POINT (4.630601250161317 51.81252405713144)</t>
  </si>
  <si>
    <t>POINT (4.641419950330805 51.825725305719985)</t>
  </si>
  <si>
    <t>3335XM</t>
  </si>
  <si>
    <t>Pergolesiplaats</t>
  </si>
  <si>
    <t>POINT (4.6142512878743345 51.82044257868182)</t>
  </si>
  <si>
    <t>POINT (4.640998395398397 51.813444782002165)</t>
  </si>
  <si>
    <t>POINT (4.617364350920688 51.81858306826341)</t>
  </si>
  <si>
    <t>POINT (4.609558125316669 51.81555896889098)</t>
  </si>
  <si>
    <t>POINT (4.641491386660521 51.81871291872096)</t>
  </si>
  <si>
    <t>POINT (4.655254719802765 51.82337064771486)</t>
  </si>
  <si>
    <t>POINT (4.620845111902809 51.81322527625496)</t>
  </si>
  <si>
    <t>POINT (4.641262398790653 51.80888400219606)</t>
  </si>
  <si>
    <t>POINT (4.630308333190546 51.808002382995376)</t>
  </si>
  <si>
    <t>POINT (4.5694912262401495 51.83725333659112)</t>
  </si>
  <si>
    <t>POINT (4.6511039053908965 51.81748386979889)</t>
  </si>
  <si>
    <t>POINT (4.644983281626363 51.817715107320446)</t>
  </si>
  <si>
    <t>2995AK</t>
  </si>
  <si>
    <t>Ds. J.A. Visserstraat</t>
  </si>
  <si>
    <t>POINT (4.5651444793566265 51.83574457243482)</t>
  </si>
  <si>
    <t>POINT (4.644684580987773 51.81495820139077)</t>
  </si>
  <si>
    <t>POINT (4.630005690294697 51.820368120222184)</t>
  </si>
  <si>
    <t>POINT (4.6084000413540105 51.816479680771685)</t>
  </si>
  <si>
    <t>POINT (4.642716629895007 51.82272095224627)</t>
  </si>
  <si>
    <t>POINT (4.635451510682856 51.822610167936915)</t>
  </si>
  <si>
    <t>POINT (4.564038184414396 51.83676764045293)</t>
  </si>
  <si>
    <t>3331SN</t>
  </si>
  <si>
    <t>POINT (4.635321237344971 51.82153473493436)</t>
  </si>
  <si>
    <t>3335BL</t>
  </si>
  <si>
    <t>POINT (4.604541806325309 51.81996387749973)</t>
  </si>
  <si>
    <t>POINT (4.6120519823247905 51.820070888862)</t>
  </si>
  <si>
    <t>POINT (4.642925944409889 51.81532439760579)</t>
  </si>
  <si>
    <t>POINT (4.620759056610065 51.812959951555584)</t>
  </si>
  <si>
    <t>POINT (4.5646561400244 51.83231177350294)</t>
  </si>
  <si>
    <t>POINT (4.560494823433162 51.833251518488936)</t>
  </si>
  <si>
    <t>POINT (4.655867704857802 51.82079950038885)</t>
  </si>
  <si>
    <t>POINT (4.568477027432012 51.8370111671591)</t>
  </si>
  <si>
    <t>POINT (4.654327034164855 51.81632913052725)</t>
  </si>
  <si>
    <t>POINT (4.637552832941003 51.81835924541505)</t>
  </si>
  <si>
    <t>POINT (4.638833689798548 51.81747433902205)</t>
  </si>
  <si>
    <t>POINT (4.609466305784969 51.821424904050794)</t>
  </si>
  <si>
    <t>POINT (4.569856054040192 51.83229287811026)</t>
  </si>
  <si>
    <t>3331HN</t>
  </si>
  <si>
    <t>POINT (4.6369869876202205 51.82259244233764)</t>
  </si>
  <si>
    <t>POINT (4.572031431473313 51.82147962831326)</t>
  </si>
  <si>
    <t>3332HL</t>
  </si>
  <si>
    <t>Idenburgplein</t>
  </si>
  <si>
    <t>POINT (4.657253655364165 51.82787688428683)</t>
  </si>
  <si>
    <t>POINT (4.618865556839796 51.81292382117655)</t>
  </si>
  <si>
    <t>3335CA</t>
  </si>
  <si>
    <t>POINT (4.617894622542398 51.820129188504744)</t>
  </si>
  <si>
    <t>POINT (4.648128822933998 51.819967667525084)</t>
  </si>
  <si>
    <t>3334TE</t>
  </si>
  <si>
    <t>POINT (4.61161624175474 51.814866488619906)</t>
  </si>
  <si>
    <t>POINT (4.626292775596405 51.81512486757556)</t>
  </si>
  <si>
    <t>3331TT</t>
  </si>
  <si>
    <t>Weegschaalstraat</t>
  </si>
  <si>
    <t>POINT (4.637036622276877 51.8206909406491)</t>
  </si>
  <si>
    <t>POINT (4.656400528362505 51.82167179075236)</t>
  </si>
  <si>
    <t>POINT (4.656944823001983 51.82575407735118)</t>
  </si>
  <si>
    <t>POINT (4.649883532485682 51.827114566371854)</t>
  </si>
  <si>
    <t>POINT (4.638375353001324 51.82438798163214)</t>
  </si>
  <si>
    <t>POINT (4.648969098713012 51.824532051982345)</t>
  </si>
  <si>
    <t>POINT (4.644365482616852 51.8196094393072)</t>
  </si>
  <si>
    <t>3332KB</t>
  </si>
  <si>
    <t>Dappersdam</t>
  </si>
  <si>
    <t>POINT (4.646276701014331 51.825644631660126)</t>
  </si>
  <si>
    <t>POINT (4.646596751231675 51.824155348234825)</t>
  </si>
  <si>
    <t>POINT (4.651228842128171 51.81503980224815)</t>
  </si>
  <si>
    <t>POINT (4.648359869475012 51.81671790487903)</t>
  </si>
  <si>
    <t>2995TM</t>
  </si>
  <si>
    <t>Koekoeksbloem</t>
  </si>
  <si>
    <t>POINT (4.563814004893981 51.83174389262078)</t>
  </si>
  <si>
    <t>POINT (4.638252046930871 51.82538789671647)</t>
  </si>
  <si>
    <t>POINT (4.649218003221409 51.81798528006938)</t>
  </si>
  <si>
    <t>POINT (4.645479984520841 51.82056572956097)</t>
  </si>
  <si>
    <t>POINT (4.63674434003598 51.814580514202966)</t>
  </si>
  <si>
    <t>POINT (4.6334505827855965 51.81282437800369)</t>
  </si>
  <si>
    <t>POINT (4.631731471622291 51.82345754741489)</t>
  </si>
  <si>
    <t>3331RA</t>
  </si>
  <si>
    <t>Bospeenhof</t>
  </si>
  <si>
    <t>POINT (4.644134605439394 51.81625190581081)</t>
  </si>
  <si>
    <t>POINT (4.629082253084923 51.812014004984675)</t>
  </si>
  <si>
    <t>POINT (4.60284695219288 51.819909237032086)</t>
  </si>
  <si>
    <t>POINT (4.63784148051273 51.80942364959583)</t>
  </si>
  <si>
    <t>POINT (4.6405898364309905 51.818881216959994)</t>
  </si>
  <si>
    <t>POINT (4.622217985516725 51.811630565682755)</t>
  </si>
  <si>
    <t>POINT (4.656412760093949 51.81749898929422)</t>
  </si>
  <si>
    <t>POINT (4.628415180635217 51.807751703575406)</t>
  </si>
  <si>
    <t>POINT (4.6351756152168555 51.80929606099131)</t>
  </si>
  <si>
    <t>POINT (4.613103607435505 51.814383484429115)</t>
  </si>
  <si>
    <t>POINT (4.6117625079716165 51.82036153242604)</t>
  </si>
  <si>
    <t>POINT (4.624646913312194 51.81251682379138)</t>
  </si>
  <si>
    <t>POINT (4.609775402680193 51.81909636551054)</t>
  </si>
  <si>
    <t>3332SG</t>
  </si>
  <si>
    <t>POINT (4.6574426609776385 51.82594477619417)</t>
  </si>
  <si>
    <t>3335EE</t>
  </si>
  <si>
    <t>POINT (4.60198167006006 51.82002813362815)</t>
  </si>
  <si>
    <t>POINT (4.624515879679905 51.81166952287556)</t>
  </si>
  <si>
    <t>POINT (4.655429509782633 51.82868985031271)</t>
  </si>
  <si>
    <t>POINT (4.64144958830634 51.82399557629314)</t>
  </si>
  <si>
    <t>POINT (4.65585011068188 51.82188027031235)</t>
  </si>
  <si>
    <t>3335AD</t>
  </si>
  <si>
    <t>Mahlerstraat</t>
  </si>
  <si>
    <t>POINT (4.613564764507492 51.820169445443476)</t>
  </si>
  <si>
    <t>POINT (4.6648861219591575 51.82294707585436)</t>
  </si>
  <si>
    <t>POINT (4.601882131536645 51.82048238711829)</t>
  </si>
  <si>
    <t>POINT (4.658938912095119 51.82926291510981)</t>
  </si>
  <si>
    <t>POINT (4.6487161109133766 51.81469237945309)</t>
  </si>
  <si>
    <t>3335CG</t>
  </si>
  <si>
    <t>POINT (4.616441742709862 51.819271921306985)</t>
  </si>
  <si>
    <t>POINT (4.635811583012081 51.80767128200535)</t>
  </si>
  <si>
    <t>POINT (4.605590670830806 51.81174157834498)</t>
  </si>
  <si>
    <t>3332CN</t>
  </si>
  <si>
    <t>POINT (4.661356689126206 51.823868941811)</t>
  </si>
  <si>
    <t>POINT (4.634462929002282 51.82174322714806)</t>
  </si>
  <si>
    <t>POINT (4.6104310455938915 51.82088648681574)</t>
  </si>
  <si>
    <t>POINT (4.656568096052379 51.82149144250079)</t>
  </si>
  <si>
    <t>3331HD</t>
  </si>
  <si>
    <t>POINT (4.662809001691691 51.82346068704456)</t>
  </si>
  <si>
    <t>3333EM</t>
  </si>
  <si>
    <t>POINT (4.627148871801451 51.81278433465551)</t>
  </si>
  <si>
    <t>POINT (4.615186981874675 51.82247695980795)</t>
  </si>
  <si>
    <t>POINT (4.625292527440389 51.822337496743586)</t>
  </si>
  <si>
    <t>POINT (4.569052620876756 51.84076152450898)</t>
  </si>
  <si>
    <t>POINT (4.608309516383032 51.81451862971418)</t>
  </si>
  <si>
    <t>3333AG</t>
  </si>
  <si>
    <t>POINT (4.636819199276908 51.81127235891847)</t>
  </si>
  <si>
    <t>3332BR</t>
  </si>
  <si>
    <t>van Schaikstraat</t>
  </si>
  <si>
    <t>POINT (4.658866991355196 51.82088334611873)</t>
  </si>
  <si>
    <t>POINT (4.630723114982378 51.81021522950018)</t>
  </si>
  <si>
    <t>POINT (4.650825925929343 51.82248717796688)</t>
  </si>
  <si>
    <t>POINT (4.607922548788824 51.81876602015278)</t>
  </si>
  <si>
    <t>POINT (4.618249413238684 51.81944482086157)</t>
  </si>
  <si>
    <t>POINT (4.627826860685051 51.80906708175951)</t>
  </si>
  <si>
    <t>POINT (4.613195563815064 51.819304840319504)</t>
  </si>
  <si>
    <t>POINT (4.655881212133663 51.82192120978466)</t>
  </si>
  <si>
    <t>POINT (4.640683952903649 51.82564642537319)</t>
  </si>
  <si>
    <t>3331CH</t>
  </si>
  <si>
    <t>POINT (4.642300369720031 51.81761496372484)</t>
  </si>
  <si>
    <t>POINT (4.639769344274576 51.80923049022127)</t>
  </si>
  <si>
    <t>POINT (4.649305053754188 51.819609363985364)</t>
  </si>
  <si>
    <t>POINT (4.5624246440926095 51.83759770662411)</t>
  </si>
  <si>
    <t>POINT (4.646542274394349 51.82510207006471)</t>
  </si>
  <si>
    <t>POINT (4.597240603328158 51.814633314523725)</t>
  </si>
  <si>
    <t>3331MC</t>
  </si>
  <si>
    <t>POINT (4.648350357118616 51.813254331407464)</t>
  </si>
  <si>
    <t>POINT (4.613430973209447 51.81510253897787)</t>
  </si>
  <si>
    <t>POINT (4.610647598277365 51.81855116725329)</t>
  </si>
  <si>
    <t>POINT (4.617637587568619 51.81305592689951)</t>
  </si>
  <si>
    <t>POINT (4.6418340902037905 51.82613642718759)</t>
  </si>
  <si>
    <t>POINT (4.6258221450139745 51.81329076053427)</t>
  </si>
  <si>
    <t>POINT (4.625193532213187 51.8138803129892)</t>
  </si>
  <si>
    <t>POINT (4.634488422802521 51.82073257572553)</t>
  </si>
  <si>
    <t>POINT (4.657608115115074 51.82320752232989)</t>
  </si>
  <si>
    <t>POINT (4.6128165129213485 51.81886330385337)</t>
  </si>
  <si>
    <t>POINT (4.630684742696013 51.81036660371697)</t>
  </si>
  <si>
    <t>POINT (4.647733558944043 51.81428488320652)</t>
  </si>
  <si>
    <t>POINT (4.608533411965777 51.817016257837544)</t>
  </si>
  <si>
    <t>POINT (4.651957477755939 51.815086580366575)</t>
  </si>
  <si>
    <t>POINT (4.611161869593215 51.81460631738581)</t>
  </si>
  <si>
    <t>POINT (4.6125073575300775 51.81430793667685)</t>
  </si>
  <si>
    <t>POINT (4.6352075563751365 51.810477903310804)</t>
  </si>
  <si>
    <t>POINT (4.638452232611139 51.82436095771442)</t>
  </si>
  <si>
    <t>POINT (4.6435740148331455 51.817678986467044)</t>
  </si>
  <si>
    <t>3333VG</t>
  </si>
  <si>
    <t>POINT (4.638602503734303 51.80905063978078)</t>
  </si>
  <si>
    <t>POINT (4.638946641254748 51.81744998076322)</t>
  </si>
  <si>
    <t>3331BD</t>
  </si>
  <si>
    <t>Burgemeester Doornstraat</t>
  </si>
  <si>
    <t>POINT (4.643159695145515 51.817604091388745)</t>
  </si>
  <si>
    <t>POINT (4.64409904036356 51.82107609096634)</t>
  </si>
  <si>
    <t>POINT (4.6510184420036 51.822627215837294)</t>
  </si>
  <si>
    <t>POINT (4.656787961482436 51.81886871010597)</t>
  </si>
  <si>
    <t>POINT (4.633966261213596 51.807045009659234)</t>
  </si>
  <si>
    <t>POINT (4.65034482102408 51.82696146461063)</t>
  </si>
  <si>
    <t>POINT (4.654758820048194 51.8246874873098)</t>
  </si>
  <si>
    <t>3332TD</t>
  </si>
  <si>
    <t>Oostkeetshaven</t>
  </si>
  <si>
    <t>POINT (4.6610825319960325 51.820315363002756)</t>
  </si>
  <si>
    <t>POINT (4.652560798753903 51.821069173161376)</t>
  </si>
  <si>
    <t>POINT (4.620961377941569 51.814886440206095)</t>
  </si>
  <si>
    <t>POINT (4.636676437814612 51.8145030557723)</t>
  </si>
  <si>
    <t>POINT (4.636117760365753 51.818951764507446)</t>
  </si>
  <si>
    <t>POINT (4.661692619850721 51.82482068073619)</t>
  </si>
  <si>
    <t>POINT (4.617950002187256 51.81403953447776)</t>
  </si>
  <si>
    <t>POINT (4.6470385379548835 51.82280728871315)</t>
  </si>
  <si>
    <t>POINT (4.569172406065001 51.838274977759866)</t>
  </si>
  <si>
    <t>POINT (4.640979224948638 51.80997681912969)</t>
  </si>
  <si>
    <t>POINT (4.5976832235488345 51.81413731039687)</t>
  </si>
  <si>
    <t>POINT (4.625536306790853 51.81363586099481)</t>
  </si>
  <si>
    <t>POINT (4.613712635804288 51.8218548784803)</t>
  </si>
  <si>
    <t>3333BA</t>
  </si>
  <si>
    <t>3333AX-3333BA</t>
  </si>
  <si>
    <t>POINT (4.630745726678433 51.806671206299995)</t>
  </si>
  <si>
    <t>3331LZ</t>
  </si>
  <si>
    <t>POINT (4.629574217225642 51.82713903022049)</t>
  </si>
  <si>
    <t>POINT (4.613069797180463 51.8198808887555)</t>
  </si>
  <si>
    <t>POINT (4.609654130157478 51.81355128982703)</t>
  </si>
  <si>
    <t>POINT (4.637147460031701 51.81074469918136)</t>
  </si>
  <si>
    <t>POINT (4.645034172450502 51.824408316230226)</t>
  </si>
  <si>
    <t>POINT (4.652079252006087 51.82061872837149)</t>
  </si>
  <si>
    <t>3332ET</t>
  </si>
  <si>
    <t>POINT (4.656726593908467 51.82468002913758)</t>
  </si>
  <si>
    <t>POINT (4.650306378480211 51.81957295905266)</t>
  </si>
  <si>
    <t>3333XK</t>
  </si>
  <si>
    <t>P.C. Hooftstraat</t>
  </si>
  <si>
    <t>POINT (4.641435391584088 51.80935573230731)</t>
  </si>
  <si>
    <t>POINT (4.648580909344661 51.81391394381052)</t>
  </si>
  <si>
    <t>POINT (4.619219256520833 51.81501329887577)</t>
  </si>
  <si>
    <t>POINT (4.618740952787072 51.812655105467876)</t>
  </si>
  <si>
    <t>POINT (4.610696970472639 51.818526694049645)</t>
  </si>
  <si>
    <t>POINT (4.6377403468639615 51.82005539652445)</t>
  </si>
  <si>
    <t>POINT (4.611687452248068 51.81296948426729)</t>
  </si>
  <si>
    <t>POINT (4.633499393296495 51.825320728481465)</t>
  </si>
  <si>
    <t>POINT (4.59666899648899 51.815921803121924)</t>
  </si>
  <si>
    <t>POINT (4.629132399892346 51.812597912027805)</t>
  </si>
  <si>
    <t>POINT (4.641476317293999 51.80973862351404)</t>
  </si>
  <si>
    <t>POINT (4.6336690692354745 51.82547435604103)</t>
  </si>
  <si>
    <t>POINT (4.637875105816607 51.81209115468663)</t>
  </si>
  <si>
    <t>POINT (4.56927975697017 51.8345520499257)</t>
  </si>
  <si>
    <t>POINT (4.644347090262254 51.81529786068537)</t>
  </si>
  <si>
    <t>POINT (4.656765053279793 51.82455892138714)</t>
  </si>
  <si>
    <t>POINT (4.649751916555413 51.82227494442661)</t>
  </si>
  <si>
    <t>POINT (4.632188713730769 51.80924826969019)</t>
  </si>
  <si>
    <t>POINT (4.632307394368855 51.809090301583524)</t>
  </si>
  <si>
    <t>POINT (4.6429104931394285 51.81767538256043)</t>
  </si>
  <si>
    <t>POINT (4.649729756479922 51.82225344807894)</t>
  </si>
  <si>
    <t>3334KE</t>
  </si>
  <si>
    <t>Mandenmakersstraat</t>
  </si>
  <si>
    <t>POINT (4.592874261550634 51.808595961586086)</t>
  </si>
  <si>
    <t>POINT (4.6307230890134585 51.81033950726381)</t>
  </si>
  <si>
    <t>3332JM</t>
  </si>
  <si>
    <t>van de Spiegelstraat</t>
  </si>
  <si>
    <t>POINT (4.657679461581254 51.82884188535553)</t>
  </si>
  <si>
    <t>POINT (4.628648652494856 51.809405698557924)</t>
  </si>
  <si>
    <t>POINT (4.632552449614324 51.82496928032863)</t>
  </si>
  <si>
    <t>POINT (4.63051812591152 51.82470571294838)</t>
  </si>
  <si>
    <t>POINT (4.616544089412892 51.8222500688263)</t>
  </si>
  <si>
    <t>POINT (4.6078407106161565 51.81338919355248)</t>
  </si>
  <si>
    <t>POINT (4.647007451482667 51.82383990141389)</t>
  </si>
  <si>
    <t>POINT (4.564316489008661 51.832479927520716)</t>
  </si>
  <si>
    <t>3331CL</t>
  </si>
  <si>
    <t>POINT (4.640740177832373 51.81788489560506)</t>
  </si>
  <si>
    <t>POINT (4.6259885661032705 51.81124261111074)</t>
  </si>
  <si>
    <t>POINT (4.60284594750084 51.819295992371174)</t>
  </si>
  <si>
    <t>POINT (4.65515244290343 51.82339651745916)</t>
  </si>
  <si>
    <t>POINT (4.620885064570031 51.8147738346417)</t>
  </si>
  <si>
    <t>POINT (4.654499083494226 51.81643002415362)</t>
  </si>
  <si>
    <t>POINT (4.65183494341612 51.817771650221225)</t>
  </si>
  <si>
    <t>POINT (4.629174648251897 51.81156005169421)</t>
  </si>
  <si>
    <t>POINT (4.634345777052677 51.80730621229192)</t>
  </si>
  <si>
    <t>POINT (4.607651939800309 51.8148532732866)</t>
  </si>
  <si>
    <t>POINT (4.655885560162159 51.82074227286617)</t>
  </si>
  <si>
    <t>POINT (4.607327379723997 51.82140579385299)</t>
  </si>
  <si>
    <t>POINT (4.652306432622897 51.82020080211162)</t>
  </si>
  <si>
    <t>POINT (4.62677726677712 51.82745030731576)</t>
  </si>
  <si>
    <t>POINT (4.611862688004126 51.819490630145)</t>
  </si>
  <si>
    <t>POINT (4.62994253386592 51.814799686467985)</t>
  </si>
  <si>
    <t>POINT (4.665395175757595 51.822915807908615)</t>
  </si>
  <si>
    <t>POINT (4.6298401070226 51.81142915821379)</t>
  </si>
  <si>
    <t>POINT (4.647160863585887 51.82241485007223)</t>
  </si>
  <si>
    <t>POINT (4.659003689560988 51.82080838384654)</t>
  </si>
  <si>
    <t>POINT (4.6376723012541685 51.81758201870937)</t>
  </si>
  <si>
    <t>POINT (4.609672455042622 51.82136312419227)</t>
  </si>
  <si>
    <t>POINT (4.635808458348251 51.810341339951385)</t>
  </si>
  <si>
    <t>POINT (4.649688438263537 51.82474750253274)</t>
  </si>
  <si>
    <t>POINT (4.611845346726041 51.81556011629683)</t>
  </si>
  <si>
    <t>POINT (4.615474533105757 51.82033359546474)</t>
  </si>
  <si>
    <t>POINT (4.654108432402427 51.82570714715382)</t>
  </si>
  <si>
    <t>POINT (4.642890813893648 51.818589650510226)</t>
  </si>
  <si>
    <t>3331HR</t>
  </si>
  <si>
    <t>POINT (4.634092613725922 51.8186236068705)</t>
  </si>
  <si>
    <t>3332KV</t>
  </si>
  <si>
    <t>Wittensteen</t>
  </si>
  <si>
    <t>POINT (4.649438206292393 51.82608596224803)</t>
  </si>
  <si>
    <t>2995BJ</t>
  </si>
  <si>
    <t>POINT (4.587956529476752 51.8414313806564)</t>
  </si>
  <si>
    <t>BU06420901</t>
  </si>
  <si>
    <t>Emplacement Kijfhoek en Langeweg</t>
  </si>
  <si>
    <t>POINT (4.628348639831121 51.81056473214631)</t>
  </si>
  <si>
    <t>3331KB</t>
  </si>
  <si>
    <t>Anth. Fokkerstraat</t>
  </si>
  <si>
    <t>POINT (4.634717415298718 51.82439753971412)</t>
  </si>
  <si>
    <t>POINT (4.635762207930787 51.819862812132996)</t>
  </si>
  <si>
    <t>POINT (4.6424931671219145 51.81691778372799)</t>
  </si>
  <si>
    <t>3334CV</t>
  </si>
  <si>
    <t>Singraven</t>
  </si>
  <si>
    <t>POINT (4.599917117724576 51.81402411201583)</t>
  </si>
  <si>
    <t>POINT (4.625678438715698 51.81319571624462)</t>
  </si>
  <si>
    <t>POINT (4.657361625522736 51.81830852691686)</t>
  </si>
  <si>
    <t>POINT (4.609628993968048 51.820666390265)</t>
  </si>
  <si>
    <t>POINT (4.56584746390794 51.83738805137369)</t>
  </si>
  <si>
    <t>POINT (4.6041993048460785 51.82227227041446)</t>
  </si>
  <si>
    <t>POINT (4.6386573085408225 51.823952570267664)</t>
  </si>
  <si>
    <t>POINT (4.604500570196051 51.822544876410944)</t>
  </si>
  <si>
    <t>POINT (4.647481830304122 51.81854912259065)</t>
  </si>
  <si>
    <t>3333EL</t>
  </si>
  <si>
    <t>POINT (4.626901325053747 51.812885660834574)</t>
  </si>
  <si>
    <t>POINT (4.569473016973512 51.8387041899894)</t>
  </si>
  <si>
    <t>POINT (4.564660822118069 51.83266327541365)</t>
  </si>
  <si>
    <t>POINT (4.6415522702336185 51.82130669600938)</t>
  </si>
  <si>
    <t>POINT (4.63813954068616 51.825413048219296)</t>
  </si>
  <si>
    <t>POINT (4.6354164781004545 51.80845659376441)</t>
  </si>
  <si>
    <t>POINT (4.6653878482071915 51.822366177671064)</t>
  </si>
  <si>
    <t>2995XR</t>
  </si>
  <si>
    <t>Kersentuin</t>
  </si>
  <si>
    <t>POINT (4.561035438047702 51.83484949770171)</t>
  </si>
  <si>
    <t>POINT (4.6287298960649865 51.805855258234146)</t>
  </si>
  <si>
    <t>POINT (4.642742636203667 51.81847674751445)</t>
  </si>
  <si>
    <t>POINT (4.630050025288329 51.81170586402431)</t>
  </si>
  <si>
    <t>POINT (4.642102433591215 51.8193369026257)</t>
  </si>
  <si>
    <t>POINT (4.630623617953117 51.80697477694488)</t>
  </si>
  <si>
    <t>POINT (4.6463549500479395 51.81866680453021)</t>
  </si>
  <si>
    <t>POINT (4.6459355245078005 51.81698324406674)</t>
  </si>
  <si>
    <t>3335XB</t>
  </si>
  <si>
    <t>Paganinistraat</t>
  </si>
  <si>
    <t>POINT (4.615914448965097 51.82081953184037)</t>
  </si>
  <si>
    <t>POINT (4.654812452467258 51.82944669506644)</t>
  </si>
  <si>
    <t>POINT (4.609119593586463 51.8160105860637)</t>
  </si>
  <si>
    <t>POINT (4.56631889603773 51.837235861603176)</t>
  </si>
  <si>
    <t>POINT (4.619231845014083 51.81894043405438)</t>
  </si>
  <si>
    <t>POINT (4.653917001142132 51.82553113961321)</t>
  </si>
  <si>
    <t>POINT (4.614795831806462 51.81778047885743)</t>
  </si>
  <si>
    <t>3332HP</t>
  </si>
  <si>
    <t>Keucheniusstraat</t>
  </si>
  <si>
    <t>POINT (4.660520233215879 51.82797101262703)</t>
  </si>
  <si>
    <t>POINT (4.659645589551756 51.82001123103623)</t>
  </si>
  <si>
    <t>3334BB</t>
  </si>
  <si>
    <t>Bockhof</t>
  </si>
  <si>
    <t>POINT (4.609242111573709 51.81504688106717)</t>
  </si>
  <si>
    <t>3332LA</t>
  </si>
  <si>
    <t>Noordpark</t>
  </si>
  <si>
    <t>POINT (4.663980723058295 51.82348749014511)</t>
  </si>
  <si>
    <t>POINT (4.648119587226032 51.82130670779019)</t>
  </si>
  <si>
    <t>POINT (4.655413305223787 51.82520664768504)</t>
  </si>
  <si>
    <t>3334TD</t>
  </si>
  <si>
    <t>POINT (4.614569047381143 51.81453652992305)</t>
  </si>
  <si>
    <t>POINT (4.608137430063667 51.814798843583546)</t>
  </si>
  <si>
    <t>3334LB-3334SB</t>
  </si>
  <si>
    <t>POINT (4.615163665161477 51.81392526415698)</t>
  </si>
  <si>
    <t>POINT (4.631535386738 51.81072379492299)</t>
  </si>
  <si>
    <t>3335EL</t>
  </si>
  <si>
    <t>POINT (4.6032173706557025 51.82086950574614)</t>
  </si>
  <si>
    <t>POINT (4.641683091513063 51.82475896778477)</t>
  </si>
  <si>
    <t>POINT (4.634134844116765 51.809609492299806)</t>
  </si>
  <si>
    <t>POINT (4.659132740619044 51.830683589667814)</t>
  </si>
  <si>
    <t>3332NG</t>
  </si>
  <si>
    <t>POINT (4.6410985011708705 51.825614472763604)</t>
  </si>
  <si>
    <t>2995BA</t>
  </si>
  <si>
    <t>De Brakel</t>
  </si>
  <si>
    <t>POINT (4.567168974249364 51.83775017011402)</t>
  </si>
  <si>
    <t>POINT (4.6199919091116435 51.81263370877612)</t>
  </si>
  <si>
    <t>POINT (4.608532016165383 51.815380030830305)</t>
  </si>
  <si>
    <t>POINT (4.656474878601136 51.82324831920932)</t>
  </si>
  <si>
    <t>POINT (4.617086411894034 51.81946517701257)</t>
  </si>
  <si>
    <t>POINT (4.645494432248679 51.82258503948766)</t>
  </si>
  <si>
    <t>POINT (4.642078915909454 51.82619326206054)</t>
  </si>
  <si>
    <t>POINT (4.630672204266376 51.81080792255631)</t>
  </si>
  <si>
    <t>POINT (4.647695422747742 51.82641053347657)</t>
  </si>
  <si>
    <t>POINT (4.565733718460277 51.83772552885128)</t>
  </si>
  <si>
    <t>POINT (4.653755298153326 51.81744928817533)</t>
  </si>
  <si>
    <t>POINT (4.6114379949705295 51.815416481045844)</t>
  </si>
  <si>
    <t>POINT (4.614076993818448 51.818551382092984)</t>
  </si>
  <si>
    <t>POINT (4.6563066790636665 51.818692421058444)</t>
  </si>
  <si>
    <t>POINT (4.654344642470548 51.816353123421365)</t>
  </si>
  <si>
    <t>POINT (4.635946273495749 51.810168407697574)</t>
  </si>
  <si>
    <t>POINT (4.636159880222859 51.82214383917575)</t>
  </si>
  <si>
    <t>3332JL</t>
  </si>
  <si>
    <t>POINT (4.654421369266737 51.828818301230086)</t>
  </si>
  <si>
    <t>POINT (4.598497761262508 51.81444534851731)</t>
  </si>
  <si>
    <t>POINT (4.563650576676489 51.83448677778856)</t>
  </si>
  <si>
    <t>POINT (4.564124597397227 51.83301778131101)</t>
  </si>
  <si>
    <t>POINT (4.632327229173232 51.80907571466172)</t>
  </si>
  <si>
    <t>POINT (4.657874458612751 51.82256140881315)</t>
  </si>
  <si>
    <t>POINT (4.632616625500402 51.819335019961805)</t>
  </si>
  <si>
    <t>POINT (4.639166360052424 51.814110021485355)</t>
  </si>
  <si>
    <t>POINT (4.5966813927704 51.81522317409341)</t>
  </si>
  <si>
    <t>3334KB</t>
  </si>
  <si>
    <t>Griendwerkersstraat</t>
  </si>
  <si>
    <t>3334KB-3334KC</t>
  </si>
  <si>
    <t>POINT (4.590169949850052 51.81343997938878)</t>
  </si>
  <si>
    <t>BU06420704</t>
  </si>
  <si>
    <t>Achterlindtsestraat</t>
  </si>
  <si>
    <t>POINT (4.649886559410039 51.82586644455545)</t>
  </si>
  <si>
    <t>POINT (4.608280816549521 51.81380008703818)</t>
  </si>
  <si>
    <t>POINT (4.6562305074718155 51.82666212510909)</t>
  </si>
  <si>
    <t>POINT (4.63460743966482 51.824298102786166)</t>
  </si>
  <si>
    <t>POINT (4.637739128255003 51.80956526917873)</t>
  </si>
  <si>
    <t>3331KA</t>
  </si>
  <si>
    <t>POINT (4.634796494506554 51.82430927433845)</t>
  </si>
  <si>
    <t>POINT (4.634377401213378 51.820692852695544)</t>
  </si>
  <si>
    <t>3331SB</t>
  </si>
  <si>
    <t>POINT (4.6362033648075505 51.82093910195212)</t>
  </si>
  <si>
    <t>POINT (4.6554162733589255 51.825273101482324)</t>
  </si>
  <si>
    <t>POINT (4.567151047488218 51.83908253582968)</t>
  </si>
  <si>
    <t>POINT (4.653501504727259 51.81575158184903)</t>
  </si>
  <si>
    <t>POINT (4.652906139420885 51.81694415342323)</t>
  </si>
  <si>
    <t>2995TC</t>
  </si>
  <si>
    <t>POINT (4.562099269026045 51.83285844819466)</t>
  </si>
  <si>
    <t>POINT (4.6520295541697605 51.828044413602434)</t>
  </si>
  <si>
    <t>POINT (4.5874590547094725 51.84175907432102)</t>
  </si>
  <si>
    <t>3335AT</t>
  </si>
  <si>
    <t>Delibesplaats</t>
  </si>
  <si>
    <t>3335AR-3335AT</t>
  </si>
  <si>
    <t>POINT (4.6166878171280485 51.81824791568255)</t>
  </si>
  <si>
    <t>POINT (4.603325292168777 51.818392879545705)</t>
  </si>
  <si>
    <t>POINT (4.638849968381455 51.817489723609974)</t>
  </si>
  <si>
    <t>POINT (4.615972500004719 51.819509619388725)</t>
  </si>
  <si>
    <t>POINT (4.641695444185767 51.82119194804971)</t>
  </si>
  <si>
    <t>POINT (4.638537562954183 51.817594516838554)</t>
  </si>
  <si>
    <t>POINT (4.659147469761504 51.82324389430291)</t>
  </si>
  <si>
    <t>3332KW</t>
  </si>
  <si>
    <t>Hoendersekade</t>
  </si>
  <si>
    <t>POINT (4.646372187188384 51.82477233445719)</t>
  </si>
  <si>
    <t>3331HL</t>
  </si>
  <si>
    <t>POINT (4.633230449793511 51.82454565888036)</t>
  </si>
  <si>
    <t>POINT (4.609113922150337 51.81867336805549)</t>
  </si>
  <si>
    <t>POINT (4.608184440411193 51.82137218708537)</t>
  </si>
  <si>
    <t>3331LL</t>
  </si>
  <si>
    <t>POINT (4.6435640052215685 51.81655903971858)</t>
  </si>
  <si>
    <t>POINT (4.61559078670687 51.82114950140634)</t>
  </si>
  <si>
    <t>POINT (4.615936083942802 51.81766400558442)</t>
  </si>
  <si>
    <t>POINT (4.563046032357548 51.831962556717414)</t>
  </si>
  <si>
    <t>POINT (4.625577452124226 51.81461261681762)</t>
  </si>
  <si>
    <t>POINT (4.634557460230129 51.820923929414654)</t>
  </si>
  <si>
    <t>POINT (4.629392769689783 51.82078864672604)</t>
  </si>
  <si>
    <t>POINT (4.618501650297188 51.82061708226663)</t>
  </si>
  <si>
    <t>POINT (4.658001060654016 51.82079598354359)</t>
  </si>
  <si>
    <t>POINT (4.632297575781763 51.80913369883962)</t>
  </si>
  <si>
    <t>POINT (4.619420372508558 51.81555619401255)</t>
  </si>
  <si>
    <t>POINT (4.639571858694627 51.82211258970519)</t>
  </si>
  <si>
    <t>POINT (4.611433443657388 51.82157853355863)</t>
  </si>
  <si>
    <t>POINT (4.635032706749394 51.82127925213514)</t>
  </si>
  <si>
    <t>POINT (4.620825543185133 51.81457435487885)</t>
  </si>
  <si>
    <t>POINT (4.635003249491451 51.82222737975692)</t>
  </si>
  <si>
    <t>POINT (4.647045888504309 51.815608564466146)</t>
  </si>
  <si>
    <t>POINT (4.638327944834726 51.824692863163946)</t>
  </si>
  <si>
    <t>POINT (4.641464877042902 51.823651056123914)</t>
  </si>
  <si>
    <t>POINT (4.6073427515086705 51.82601831323582)</t>
  </si>
  <si>
    <t>POINT (4.614611915753162 51.813291775197825)</t>
  </si>
  <si>
    <t>POINT (4.6329765627843384 51.8095740444226)</t>
  </si>
  <si>
    <t>POINT (4.633959945905841 51.809738076830925)</t>
  </si>
  <si>
    <t>POINT (4.624828078173632 51.81411925938531)</t>
  </si>
  <si>
    <t>POINT (4.636203902824587 51.81644957427087)</t>
  </si>
  <si>
    <t>POINT (4.608083193392861 51.81369684296051)</t>
  </si>
  <si>
    <t>POINT (4.621860063051118 51.81252713961471)</t>
  </si>
  <si>
    <t>POINT (4.570796276036739 51.82777876486116)</t>
  </si>
  <si>
    <t>POINT (4.6567318578112635 51.82126034721772)</t>
  </si>
  <si>
    <t>POINT (4.595652923627224 51.81383640714393)</t>
  </si>
  <si>
    <t>POINT (4.62836469307206 51.80925592633093)</t>
  </si>
  <si>
    <t>POINT (4.604236399879595 51.81421582253916)</t>
  </si>
  <si>
    <t>3332GN</t>
  </si>
  <si>
    <t>POINT (4.653576304772383 51.82203382633695)</t>
  </si>
  <si>
    <t>POINT (4.653766381321736 51.818045486947554)</t>
  </si>
  <si>
    <t>POINT (4.643754532370799 51.815450179041655)</t>
  </si>
  <si>
    <t>POINT (4.648839434082233 51.82450889050542)</t>
  </si>
  <si>
    <t>POINT (4.638911147195488 51.822583188798866)</t>
  </si>
  <si>
    <t>POINT (4.656722604682163 51.82023372866524)</t>
  </si>
  <si>
    <t>POINT (4.626824505591495 51.813647612643976)</t>
  </si>
  <si>
    <t>POINT (4.633736080458932 51.81267359217775)</t>
  </si>
  <si>
    <t>POINT (4.6124238758751925 51.82218202560986)</t>
  </si>
  <si>
    <t>POINT (4.6408282486499095 51.81575076627076)</t>
  </si>
  <si>
    <t>POINT (4.621578190176474 51.814072726527904)</t>
  </si>
  <si>
    <t>POINT (4.629988073293501 51.811550498903)</t>
  </si>
  <si>
    <t>3334XD</t>
  </si>
  <si>
    <t>POINT (4.622581130765354 51.81233629059122)</t>
  </si>
  <si>
    <t>POINT (4.61064723714176 51.818578023162935)</t>
  </si>
  <si>
    <t>POINT (4.639852673693678 51.82383337529352)</t>
  </si>
  <si>
    <t>POINT (4.64333085429923 51.809627644659976)</t>
  </si>
  <si>
    <t>POINT (4.566930260977822 51.8375202512499)</t>
  </si>
  <si>
    <t>POINT (4.6483224937691725 51.81894333174186)</t>
  </si>
  <si>
    <t>POINT (4.644436004314643 51.82479533341079)</t>
  </si>
  <si>
    <t>POINT (4.640730368592189 51.8190141368231)</t>
  </si>
  <si>
    <t>3332VC</t>
  </si>
  <si>
    <t>Oosterschelde</t>
  </si>
  <si>
    <t>POINT (4.662907937547525 51.8215925709301)</t>
  </si>
  <si>
    <t>POINT (4.62788614635191 51.809076175470345)</t>
  </si>
  <si>
    <t>POINT (4.604241959538555 51.81390071469043)</t>
  </si>
  <si>
    <t>POINT (4.619460478365656 51.83042885890426)</t>
  </si>
  <si>
    <t>POINT (4.619170910138869 51.820804851497634)</t>
  </si>
  <si>
    <t>POINT (4.643680656856539 51.821738891826975)</t>
  </si>
  <si>
    <t>3334LB</t>
  </si>
  <si>
    <t>POINT (4.584049361738111 51.8183105644242)</t>
  </si>
  <si>
    <t>POINT (4.614563998176156 51.813023667668844)</t>
  </si>
  <si>
    <t>POINT (4.657136633556471 51.82400007929692)</t>
  </si>
  <si>
    <t>POINT (4.625037923471676 51.81377728056898)</t>
  </si>
  <si>
    <t>POINT (4.629104622732621 51.81200318327101)</t>
  </si>
  <si>
    <t>POINT (4.609612742163308 51.81544636948088)</t>
  </si>
  <si>
    <t>POINT (4.574355650929329 51.830255696465635)</t>
  </si>
  <si>
    <t>POINT (4.6136616640141455 51.81883010007085)</t>
  </si>
  <si>
    <t>POINT (4.636270168881149 51.82165848120342)</t>
  </si>
  <si>
    <t>POINT (4.645015673285589 51.824537186873144)</t>
  </si>
  <si>
    <t>POINT (4.626627031450503 51.81313077636777)</t>
  </si>
  <si>
    <t>POINT (4.5676648137283955 51.83217627876976)</t>
  </si>
  <si>
    <t>POINT (4.639426732673588 51.822007018817764)</t>
  </si>
  <si>
    <t>POINT (4.640381767099555 51.82288071503333)</t>
  </si>
  <si>
    <t>POINT (4.564279964950187 51.838687389832586)</t>
  </si>
  <si>
    <t>POINT (4.640929341487733 51.82550432863487)</t>
  </si>
  <si>
    <t>POINT (4.599875772156097 51.81487273081833)</t>
  </si>
  <si>
    <t>POINT (4.653566616580837 51.82165234913888)</t>
  </si>
  <si>
    <t>POINT (4.628313575676526 51.82389142262421)</t>
  </si>
  <si>
    <t>POINT (4.607266066439574 51.820759600696874)</t>
  </si>
  <si>
    <t>3334BX</t>
  </si>
  <si>
    <t>Gravenhof</t>
  </si>
  <si>
    <t>POINT (4.6082422702111785 51.817344463631315)</t>
  </si>
  <si>
    <t>POINT (4.63985142800133 51.80910571947101)</t>
  </si>
  <si>
    <t>POINT (4.629152469773265 51.813411286264355)</t>
  </si>
  <si>
    <t>POINT (4.605115457182339 51.81294414280773)</t>
  </si>
  <si>
    <t>3333GX</t>
  </si>
  <si>
    <t>Narcisstraat</t>
  </si>
  <si>
    <t>POINT (4.628844323738144 51.8138158187467)</t>
  </si>
  <si>
    <t>POINT (4.567420821333906 51.83259763040844)</t>
  </si>
  <si>
    <t>2995AV</t>
  </si>
  <si>
    <t>Vlasakkers</t>
  </si>
  <si>
    <t>POINT (4.564864765377597 51.836518827444934)</t>
  </si>
  <si>
    <t>POINT (4.611361949958355 51.82042151858008)</t>
  </si>
  <si>
    <t>POINT (4.622282553151906 51.812856751005214)</t>
  </si>
  <si>
    <t>POINT (4.610696619172263 51.818552138795184)</t>
  </si>
  <si>
    <t>POINT (4.643049953739104 51.823113094226265)</t>
  </si>
  <si>
    <t>POINT (4.61545071183917 51.813344053834065)</t>
  </si>
  <si>
    <t>POINT (4.654721565349472 51.81733040719312)</t>
  </si>
  <si>
    <t>POINT (4.648969952461881 51.81837109649867)</t>
  </si>
  <si>
    <t>POINT (4.560456666456657 51.83665617069576)</t>
  </si>
  <si>
    <t>POINT (4.659031320940894 51.821366823950655)</t>
  </si>
  <si>
    <t>POINT (4.63283332396219 51.80781362830287)</t>
  </si>
  <si>
    <t>POINT (4.647050695112619 51.820295081700074)</t>
  </si>
  <si>
    <t>POINT (4.615240940259929 51.818341597904684)</t>
  </si>
  <si>
    <t>POINT (4.639712974038655 51.82583690029203)</t>
  </si>
  <si>
    <t>POINT (4.636716787381354 51.82043280797718)</t>
  </si>
  <si>
    <t>POINT (4.6141683841970424 51.82053960516559)</t>
  </si>
  <si>
    <t>POINT (4.656997608482964 51.82912680214964)</t>
  </si>
  <si>
    <t>POINT (4.634226929402066 51.81703407988873)</t>
  </si>
  <si>
    <t>POINT (4.6195613119792345 51.82099159330049)</t>
  </si>
  <si>
    <t>3333XA</t>
  </si>
  <si>
    <t>de Genestetstraat</t>
  </si>
  <si>
    <t>POINT (4.640195727239174 51.81005147402899)</t>
  </si>
  <si>
    <t>POINT (4.663471185325492 51.82126750052457)</t>
  </si>
  <si>
    <t>POINT (4.629318068423963 51.81354770784855)</t>
  </si>
  <si>
    <t>3332PK</t>
  </si>
  <si>
    <t>POINT (4.65091458050414 51.82564908868491)</t>
  </si>
  <si>
    <t>3333GM</t>
  </si>
  <si>
    <t>POINT (4.62576597490945 51.81426465568563)</t>
  </si>
  <si>
    <t>POINT (4.634061755767623 51.812725390319514)</t>
  </si>
  <si>
    <t>POINT (4.661447792629746 51.82654197135198)</t>
  </si>
  <si>
    <t>POINT (4.6284341832101425 51.823934017810004)</t>
  </si>
  <si>
    <t>POINT (4.611479997529063 51.816008009962815)</t>
  </si>
  <si>
    <t>POINT (4.66342484540247 51.82139741567535)</t>
  </si>
  <si>
    <t>3335XK</t>
  </si>
  <si>
    <t>POINT (4.619644106911918 51.81917039264748)</t>
  </si>
  <si>
    <t>POINT (4.612606041725832 51.82190621376504)</t>
  </si>
  <si>
    <t>POINT (4.654004285790633 51.82191356254177)</t>
  </si>
  <si>
    <t>POINT (4.641843548101872 51.8224446896067)</t>
  </si>
  <si>
    <t>POINT (4.599065276491469 51.813429964405096)</t>
  </si>
  <si>
    <t>POINT (4.619431435756677 51.830398952302374)</t>
  </si>
  <si>
    <t>POINT (4.633952935733696 51.80981483136679)</t>
  </si>
  <si>
    <t>3334KC</t>
  </si>
  <si>
    <t>Gildenweg</t>
  </si>
  <si>
    <t>POINT (4.597503785419405 51.80863734857818)</t>
  </si>
  <si>
    <t>POINT (4.655244968277244 51.827958172418775)</t>
  </si>
  <si>
    <t>POINT (4.626672589650641 51.813691724579115)</t>
  </si>
  <si>
    <t>POINT (4.647179818553389 51.82123828778095)</t>
  </si>
  <si>
    <t>POINT (4.649045783616274 51.82537297587359)</t>
  </si>
  <si>
    <t>POINT (4.651848052206309 51.821413443533785)</t>
  </si>
  <si>
    <t>POINT (4.629063090688102 51.811460679903604)</t>
  </si>
  <si>
    <t>POINT (4.605494289915361 51.82207157331031)</t>
  </si>
  <si>
    <t>POINT (4.624528698241436 51.81261770893188)</t>
  </si>
  <si>
    <t>POINT (4.646041579200701 51.825716485878274)</t>
  </si>
  <si>
    <t>POINT (4.611893841092734 51.82114012193489)</t>
  </si>
  <si>
    <t>POINT (4.644197036881673 51.820753855667974)</t>
  </si>
  <si>
    <t>POINT (4.658185389379034 51.82971762148923)</t>
  </si>
  <si>
    <t>POINT (4.60646450114832 51.820192556901986)</t>
  </si>
  <si>
    <t>POINT (4.562926908740118 51.83165225551778)</t>
  </si>
  <si>
    <t>POINT (4.654089867435304 51.82289434848578)</t>
  </si>
  <si>
    <t>POINT (4.629970399911128 51.80670547710869)</t>
  </si>
  <si>
    <t>POINT (4.630658088816481 51.812092480115965)</t>
  </si>
  <si>
    <t>3331VN</t>
  </si>
  <si>
    <t>POINT (4.63694322657146 51.817700325523475)</t>
  </si>
  <si>
    <t>POINT (4.652371440812541 51.821526473408156)</t>
  </si>
  <si>
    <t>POINT (4.630118793542103 51.81380862312161)</t>
  </si>
  <si>
    <t>POINT (4.62941330769927 51.80807479920095)</t>
  </si>
  <si>
    <t>POINT (4.648967653680023 51.81359004286925)</t>
  </si>
  <si>
    <t>POINT (4.650885841048368 51.822584290046976)</t>
  </si>
  <si>
    <t>POINT (4.564538503972071 51.83534414832657)</t>
  </si>
  <si>
    <t>POINT (4.5687337590468315 51.83785092373343)</t>
  </si>
  <si>
    <t>POINT (4.619594660537409 51.82094801841854)</t>
  </si>
  <si>
    <t>3333SJ</t>
  </si>
  <si>
    <t>Ranonkelstraat</t>
  </si>
  <si>
    <t>POINT (4.62934173196438 51.812204722617246)</t>
  </si>
  <si>
    <t>POINT (4.615479019129769 51.81343899910328)</t>
  </si>
  <si>
    <t>POINT (4.649251823957788 51.8255893346059)</t>
  </si>
  <si>
    <t>POINT (4.639391710016137 51.82573347050449)</t>
  </si>
  <si>
    <t>POINT (4.629385356221669 51.8048993993154)</t>
  </si>
  <si>
    <t>POINT (4.616401043801914 51.81383500760183)</t>
  </si>
  <si>
    <t>3332KS</t>
  </si>
  <si>
    <t>Volgerland</t>
  </si>
  <si>
    <t>POINT (4.645063861492013 51.82504458817094)</t>
  </si>
  <si>
    <t>POINT (4.626695901428183 51.812063057978314)</t>
  </si>
  <si>
    <t>POINT (4.635603732786072 51.8114459724058)</t>
  </si>
  <si>
    <t>POINT (4.627857172018904 51.81306886446529)</t>
  </si>
  <si>
    <t>POINT (4.619264565116327 51.81397620745677)</t>
  </si>
  <si>
    <t>POINT (4.613407681021968 51.819410777843125)</t>
  </si>
  <si>
    <t>3334KD</t>
  </si>
  <si>
    <t>Houtkopersstraat</t>
  </si>
  <si>
    <t>POINT (4.603670256307158 51.81017519426031)</t>
  </si>
  <si>
    <t>POINT (4.64219541638273 51.81608658794035)</t>
  </si>
  <si>
    <t>POINT (4.612919498267258 51.81552253429799)</t>
  </si>
  <si>
    <t>POINT (4.619331163838878 51.815495817398165)</t>
  </si>
  <si>
    <t>POINT (4.655212157386139 51.8212371533426)</t>
  </si>
  <si>
    <t>POINT (4.625921235153357 51.81326346647381)</t>
  </si>
  <si>
    <t>POINT (4.621300504810123 51.8105971075359)</t>
  </si>
  <si>
    <t>POINT (4.620908939300493 51.81485383730447)</t>
  </si>
  <si>
    <t>POINT (4.620677693726604 51.8136580322583)</t>
  </si>
  <si>
    <t>POINT (4.609076049786211 51.813491089822406)</t>
  </si>
  <si>
    <t>POINT (4.634579525086154 51.82097671771005)</t>
  </si>
  <si>
    <t>POINT (4.628505853423673 51.82348605286885)</t>
  </si>
  <si>
    <t>POINT (4.641788124141687 51.81944250140348)</t>
  </si>
  <si>
    <t>POINT (4.652115566001609 51.82802036825834)</t>
  </si>
  <si>
    <t>POINT (4.650321253602907 51.817274501609134)</t>
  </si>
  <si>
    <t>POINT (4.645042928692649 51.82462885503019)</t>
  </si>
  <si>
    <t>POINT (4.608666303155892 51.819134325483525)</t>
  </si>
  <si>
    <t>POINT (4.639174135206884 51.82393902043118)</t>
  </si>
  <si>
    <t>POINT (4.648062453772518 51.81973754367977)</t>
  </si>
  <si>
    <t>3335LJ</t>
  </si>
  <si>
    <t>Munnikensteeg</t>
  </si>
  <si>
    <t>POINT (4.603123855349033 51.82266490015404)</t>
  </si>
  <si>
    <t>POINT (4.629865896325526 51.80895456124146)</t>
  </si>
  <si>
    <t>POINT (4.611146476392265 51.81371196324597)</t>
  </si>
  <si>
    <t>POINT (4.624090608060481 51.812945888319476)</t>
  </si>
  <si>
    <t>POINT (4.631605045242909 51.81821227660737)</t>
  </si>
  <si>
    <t>POINT (4.635385456615689 51.824065697521746)</t>
  </si>
  <si>
    <t>POINT (4.627396761872911 51.813330314299144)</t>
  </si>
  <si>
    <t>POINT (4.654567325506382 51.81640385267194)</t>
  </si>
  <si>
    <t>POINT (4.654179145913508 51.82411093930406)</t>
  </si>
  <si>
    <t>POINT (4.658676166437699 51.82867902576726)</t>
  </si>
  <si>
    <t>POINT (4.627129570428312 51.810357661417214)</t>
  </si>
  <si>
    <t>POINT (4.646637569253457 51.81510565093124)</t>
  </si>
  <si>
    <t>POINT (4.566775644775574 51.83541661382901)</t>
  </si>
  <si>
    <t>POINT (4.638244132723515 51.82541284376096)</t>
  </si>
  <si>
    <t>POINT (4.62869954873544 51.813113206378944)</t>
  </si>
  <si>
    <t>POINT (4.605716530831835 51.82140177552585)</t>
  </si>
  <si>
    <t>POINT (4.562666822472641 51.83509932260278)</t>
  </si>
  <si>
    <t>POINT (4.628503012331022 51.81258001093132)</t>
  </si>
  <si>
    <t>POINT (4.613229598844239 51.82152506213506)</t>
  </si>
  <si>
    <t>POINT (4.630661590907611 51.806648263988585)</t>
  </si>
  <si>
    <t>POINT (4.644649204630799 51.81474890950372)</t>
  </si>
  <si>
    <t>POINT (4.643311241847523 51.820866499832604)</t>
  </si>
  <si>
    <t>POINT (4.638763842102879 51.822932916388126)</t>
  </si>
  <si>
    <t>POINT (4.637949356659176 51.820262050802164)</t>
  </si>
  <si>
    <t>3331BV</t>
  </si>
  <si>
    <t>Willem van Oranjelaan</t>
  </si>
  <si>
    <t>POINT (4.645890116670997 51.81892778626091)</t>
  </si>
  <si>
    <t>POINT (4.638744022284912 51.81716902339653)</t>
  </si>
  <si>
    <t>POINT (4.660967214221038 51.82308225303553)</t>
  </si>
  <si>
    <t>POINT (4.657313924237022 51.825648841669405)</t>
  </si>
  <si>
    <t>3334BR</t>
  </si>
  <si>
    <t>POINT (4.600935435222584 51.81568218771452)</t>
  </si>
  <si>
    <t>POINT (4.645665941985491 51.825750032097304)</t>
  </si>
  <si>
    <t>POINT (4.643032051451834 51.825675870832555)</t>
  </si>
  <si>
    <t>POINT (4.628220995197283 51.809158242449094)</t>
  </si>
  <si>
    <t>POINT (4.600453631179712 51.81959952881419)</t>
  </si>
  <si>
    <t>POINT (4.567543898284546 51.83515123964548)</t>
  </si>
  <si>
    <t>3331RB</t>
  </si>
  <si>
    <t>Rabarberhof</t>
  </si>
  <si>
    <t>POINT (4.645461991651792 51.815598456413305)</t>
  </si>
  <si>
    <t>POINT (4.647866467223974 51.826659006412164)</t>
  </si>
  <si>
    <t>POINT (4.652867635991966 51.82599651159018)</t>
  </si>
  <si>
    <t>POINT (4.566848127786755 51.83728074756468)</t>
  </si>
  <si>
    <t>POINT (4.637354564374897 51.81909784744176)</t>
  </si>
  <si>
    <t>2995BE</t>
  </si>
  <si>
    <t>POINT (4.558756504217678 51.833605213284514)</t>
  </si>
  <si>
    <t>POINT (4.6343495590724855 51.8100472539015)</t>
  </si>
  <si>
    <t>POINT (4.566710051592738 51.833371233726496)</t>
  </si>
  <si>
    <t>POINT (4.642140375745888 51.81689135595123)</t>
  </si>
  <si>
    <t>POINT (4.650409623303997 51.8139672818235)</t>
  </si>
  <si>
    <t>Dr. Lelystraat</t>
  </si>
  <si>
    <t>POINT (4.657220388710829 51.81974327545503)</t>
  </si>
  <si>
    <t>POINT (4.633139044872516 51.819912683720545)</t>
  </si>
  <si>
    <t>POINT (4.6156451823243385 51.82227458975252)</t>
  </si>
  <si>
    <t>POINT (4.609046238248965 51.820543220586124)</t>
  </si>
  <si>
    <t>3335AL</t>
  </si>
  <si>
    <t>Sibeliusstraat</t>
  </si>
  <si>
    <t>POINT (4.616315303813178 51.81702062185454)</t>
  </si>
  <si>
    <t>POINT (4.6439241965270135 51.820286513973336)</t>
  </si>
  <si>
    <t>POINT (4.633180275656448 51.811719942793324)</t>
  </si>
  <si>
    <t>POINT (4.637930752197076 51.80845654040366)</t>
  </si>
  <si>
    <t>POINT (4.615416026415112 51.81322777232544)</t>
  </si>
  <si>
    <t>POINT (4.603748901863725 51.813568876834886)</t>
  </si>
  <si>
    <t>POINT (4.630401010821899 51.81274935333462)</t>
  </si>
  <si>
    <t>POINT (4.656669283155776 51.821460899632115)</t>
  </si>
  <si>
    <t>POINT (4.656848361861993 51.82033282048424)</t>
  </si>
  <si>
    <t>POINT (4.638723464637825 51.82314922344154)</t>
  </si>
  <si>
    <t>POINT (4.660255871951407 51.828617800153744)</t>
  </si>
  <si>
    <t>POINT (4.573209616051915 51.828732117474985)</t>
  </si>
  <si>
    <t>POINT (4.6462946081821315 51.81923895815149)</t>
  </si>
  <si>
    <t>POINT (4.6404891324500905 51.813761971830395)</t>
  </si>
  <si>
    <t>POINT (4.627441147424052 51.80902872903826)</t>
  </si>
  <si>
    <t>POINT (4.61756340200458 51.81725281241794)</t>
  </si>
  <si>
    <t>POINT (4.6477950487372155 51.82555931288126)</t>
  </si>
  <si>
    <t>POINT (4.606011184321495 51.81295552924501)</t>
  </si>
  <si>
    <t>3332LD</t>
  </si>
  <si>
    <t>POINT (4.660625775163922 51.831000198991184)</t>
  </si>
  <si>
    <t>BU06420106</t>
  </si>
  <si>
    <t>Industriegebied Ringdijk</t>
  </si>
  <si>
    <t>POINT (4.65712965607361 51.82097692849299)</t>
  </si>
  <si>
    <t>POINT (4.647252122857962 51.818982691102306)</t>
  </si>
  <si>
    <t>POINT (4.639296975355451 51.82274279732199)</t>
  </si>
  <si>
    <t>POINT (4.636028126978524 51.81014001502843)</t>
  </si>
  <si>
    <t>POINT (4.646812253369123 51.81451319378542)</t>
  </si>
  <si>
    <t>POINT (4.649268718958768 51.812668662844395)</t>
  </si>
  <si>
    <t>POINT (4.637020009558913 51.81878179716646)</t>
  </si>
  <si>
    <t>POINT (4.64463692660842 51.81467812674041)</t>
  </si>
  <si>
    <t>POINT (4.633452785400958 51.809263712957296)</t>
  </si>
  <si>
    <t>POINT (4.644489020180056 51.81637938877459)</t>
  </si>
  <si>
    <t>POINT (4.652931158399422 51.82456841055037)</t>
  </si>
  <si>
    <t>POINT (4.644377638621122 51.82481258186475)</t>
  </si>
  <si>
    <t>POINT (4.656485823401536 51.81901408190122)</t>
  </si>
  <si>
    <t>POINT (4.652245624148387 51.82422634338809)</t>
  </si>
  <si>
    <t>POINT (4.627109696451509 51.81566276055427)</t>
  </si>
  <si>
    <t>2995TL</t>
  </si>
  <si>
    <t>Madelief</t>
  </si>
  <si>
    <t>POINT (4.5643144235198045 51.83239442103907)</t>
  </si>
  <si>
    <t>POINT (4.627087213055746 51.81373886908768)</t>
  </si>
  <si>
    <t>POINT (4.565866602279827 51.83340700703269)</t>
  </si>
  <si>
    <t>POINT (4.634035487290317 51.8244947020964)</t>
  </si>
  <si>
    <t>POINT (4.6326599357376566 51.825066482975906)</t>
  </si>
  <si>
    <t>POINT (4.660080715491671 51.82181325360297)</t>
  </si>
  <si>
    <t>POINT (4.642884121667699 51.81541906197232)</t>
  </si>
  <si>
    <t>POINT (4.645183680974373 51.817113979387386)</t>
  </si>
  <si>
    <t>POINT (4.625783041606995 51.8142768382608)</t>
  </si>
  <si>
    <t>POINT (4.6321410596247405 51.80815399183234)</t>
  </si>
  <si>
    <t>POINT (4.6416522347123195 51.80957340538341)</t>
  </si>
  <si>
    <t>POINT (4.653481349176975 51.821691159574726)</t>
  </si>
  <si>
    <t>POINT (4.606183679558546 51.81488129940132)</t>
  </si>
  <si>
    <t>POINT (4.657146879675828 51.826376397584326)</t>
  </si>
  <si>
    <t>POINT (4.602573170398555 51.81357063950321)</t>
  </si>
  <si>
    <t>POINT (4.636743972354857 51.822690645262675)</t>
  </si>
  <si>
    <t>POINT (4.652323201012321 51.82421295959929)</t>
  </si>
  <si>
    <t>POINT (4.638652311302349 51.82525345347273)</t>
  </si>
  <si>
    <t>3331KG</t>
  </si>
  <si>
    <t>POINT (4.633678694270007 51.82597190602735)</t>
  </si>
  <si>
    <t>POINT (4.628106809299749 51.80857463955364)</t>
  </si>
  <si>
    <t>POINT (4.626655014953105 51.81367956580638)</t>
  </si>
  <si>
    <t>POINT (4.651067442102791 51.81416404664411)</t>
  </si>
  <si>
    <t>3332EK</t>
  </si>
  <si>
    <t>Luxemburgsestraat</t>
  </si>
  <si>
    <t>POINT (4.655531069001758 51.824580916166504)</t>
  </si>
  <si>
    <t>3334XG</t>
  </si>
  <si>
    <t>POINT (4.622579172872477 51.812467980515244)</t>
  </si>
  <si>
    <t>POINT (4.6533191214459455 51.82089865603927)</t>
  </si>
  <si>
    <t>POINT (4.6140987813243175 51.81522352398073)</t>
  </si>
  <si>
    <t>POINT (4.569115543112972 51.82451389817597)</t>
  </si>
  <si>
    <t>POINT (4.6569782374471185 51.817635901124824)</t>
  </si>
  <si>
    <t>POINT (4.6423299025042235 51.81958960743748)</t>
  </si>
  <si>
    <t>POINT (4.655220918511852 51.8167882332724)</t>
  </si>
  <si>
    <t>3332GC</t>
  </si>
  <si>
    <t>POINT (4.6516662009795064 51.82459133945676)</t>
  </si>
  <si>
    <t>POINT (4.657123982108791 51.81785090026693)</t>
  </si>
  <si>
    <t>POINT (4.6265164825917715 51.81382778165251)</t>
  </si>
  <si>
    <t>3335WP</t>
  </si>
  <si>
    <t>Griegstraat</t>
  </si>
  <si>
    <t>3335WN-3335WP</t>
  </si>
  <si>
    <t>POINT (4.614731339977799 51.82137794994664)</t>
  </si>
  <si>
    <t>3331GV</t>
  </si>
  <si>
    <t>Stoop van Zwijndrechtstraat</t>
  </si>
  <si>
    <t>POINT (4.6426706754981435 51.8208867254699)</t>
  </si>
  <si>
    <t>POINT (4.656634709995222 51.82134239343805)</t>
  </si>
  <si>
    <t>POINT (4.648155722314555 51.82510409652484)</t>
  </si>
  <si>
    <t>POINT (4.6278610177771276 51.81328654200836)</t>
  </si>
  <si>
    <t>POINT (4.601388655613973 51.81614047572716)</t>
  </si>
  <si>
    <t>POINT (4.629891361891544 51.80858232316222)</t>
  </si>
  <si>
    <t>3331BP</t>
  </si>
  <si>
    <t>POINT (4.6462297510865564 51.81951129247129)</t>
  </si>
  <si>
    <t>POINT (4.664341254897835 51.82346486644059)</t>
  </si>
  <si>
    <t>POINT (4.6540209544824735 51.821856336874184)</t>
  </si>
  <si>
    <t>3334GR</t>
  </si>
  <si>
    <t>Westerwijk</t>
  </si>
  <si>
    <t>POINT (4.597780515267244 51.81652778233764)</t>
  </si>
  <si>
    <t>POINT (4.6482780568129956 51.81661083786288)</t>
  </si>
  <si>
    <t>POINT (4.622266533822252 51.81178716899586)</t>
  </si>
  <si>
    <t>POINT (4.659280856720865 51.825056559292406)</t>
  </si>
  <si>
    <t>POINT (4.64588693990504 51.826054481493244)</t>
  </si>
  <si>
    <t>POINT (4.636430457837876 51.824983399473)</t>
  </si>
  <si>
    <t>POINT (4.63503775103509 51.82203216865125)</t>
  </si>
  <si>
    <t>POINT (4.646845426013761 51.814504036848916)</t>
  </si>
  <si>
    <t>POINT (4.622587106957256 51.812493542190225)</t>
  </si>
  <si>
    <t>POINT (4.6283447638152255 51.80797675712566)</t>
  </si>
  <si>
    <t>POINT (4.652898190394008 51.82454148096445)</t>
  </si>
  <si>
    <t>3331VR</t>
  </si>
  <si>
    <t>POINT (4.640355109146965 51.81922759492995)</t>
  </si>
  <si>
    <t>3331MR</t>
  </si>
  <si>
    <t>Rijstpellerij</t>
  </si>
  <si>
    <t>3331MP-3331MR</t>
  </si>
  <si>
    <t>POINT (4.6522941292806275 51.815732449850465)</t>
  </si>
  <si>
    <t>POINT (4.651451022410541 51.82348418553446)</t>
  </si>
  <si>
    <t>POINT (4.565601470749922 51.838557086772035)</t>
  </si>
  <si>
    <t>POINT (4.6326041058910175 51.82483062025599)</t>
  </si>
  <si>
    <t>POINT (4.568122380841458 51.83628388601627)</t>
  </si>
  <si>
    <t>POINT (4.65658037838061 51.82463779813701)</t>
  </si>
  <si>
    <t>POINT (4.632067623156035 51.817293075906605)</t>
  </si>
  <si>
    <t>POINT (4.591191508291686 51.80910708330647)</t>
  </si>
  <si>
    <t>POINT (4.646642586688462 51.819566652786484)</t>
  </si>
  <si>
    <t>POINT (4.633971370519876 51.82038242958708)</t>
  </si>
  <si>
    <t>POINT (4.656602138380109 51.82336347435169)</t>
  </si>
  <si>
    <t>POINT (4.632440366686557 51.80895690154571)</t>
  </si>
  <si>
    <t>POINT (4.658474815918029 51.82888039845995)</t>
  </si>
  <si>
    <t>POINT (4.613357993721249 51.82176088278293)</t>
  </si>
  <si>
    <t>POINT (4.626249154828899 51.814622034889894)</t>
  </si>
  <si>
    <t>POINT (4.649510438728115 51.814324164834815)</t>
  </si>
  <si>
    <t>POINT (4.633072706270897 51.82609959960878)</t>
  </si>
  <si>
    <t>POINT (4.620046102272908 51.83018647825153)</t>
  </si>
  <si>
    <t>POINT (4.600934336323633 51.81939132640008)</t>
  </si>
  <si>
    <t>POINT (4.636993133459904 51.8232698155868)</t>
  </si>
  <si>
    <t>POINT (4.638708620360537 51.82038071031945)</t>
  </si>
  <si>
    <t>POINT (4.636422452292844 51.82202003692112)</t>
  </si>
  <si>
    <t>3334GJ</t>
  </si>
  <si>
    <t>Hofwijk</t>
  </si>
  <si>
    <t>POINT (4.595652624120387 51.81564251249196)</t>
  </si>
  <si>
    <t>POINT (4.639015203739716 51.81739990140426)</t>
  </si>
  <si>
    <t>POINT (4.644913542118037 51.81456756296717)</t>
  </si>
  <si>
    <t>POINT (4.653266221159881 51.81740508943856)</t>
  </si>
  <si>
    <t>POINT (4.639829254384854 51.825948066777094)</t>
  </si>
  <si>
    <t>POINT (4.641631836786279 51.8212474536563)</t>
  </si>
  <si>
    <t>2995TG</t>
  </si>
  <si>
    <t>Pinksterbloem</t>
  </si>
  <si>
    <t>POINT (4.563316190395934 51.83257353999133)</t>
  </si>
  <si>
    <t>POINT (4.656416501067162 51.826683184167)</t>
  </si>
  <si>
    <t>POINT (4.625058472197476 51.812335291707214)</t>
  </si>
  <si>
    <t>POINT (4.561695783816332 51.83485409837402)</t>
  </si>
  <si>
    <t>POINT (4.641668504142774 51.821447424271206)</t>
  </si>
  <si>
    <t>POINT (4.626086115428336 51.81093521856357)</t>
  </si>
  <si>
    <t>POINT (4.644070601331786 51.81540038804784)</t>
  </si>
  <si>
    <t>POINT (4.607072986533442 51.81454099575776)</t>
  </si>
  <si>
    <t>POINT (4.647113315111485 51.82284156669521)</t>
  </si>
  <si>
    <t>POINT (4.624911586207888 51.813757997163016)</t>
  </si>
  <si>
    <t>POINT (4.651614817175532 51.82181864791662)</t>
  </si>
  <si>
    <t>3332CX</t>
  </si>
  <si>
    <t>POINT (4.657501043117326 51.8221087102429)</t>
  </si>
  <si>
    <t>POINT (4.659040096772316 51.82190819438796)</t>
  </si>
  <si>
    <t>POINT (4.6541644010524434 51.81916684889832)</t>
  </si>
  <si>
    <t>POINT (4.652347606690581 51.82333265336038)</t>
  </si>
  <si>
    <t>POINT (4.646968935965491 51.82277762755098)</t>
  </si>
  <si>
    <t>POINT (4.64388007005866 51.81810461632235)</t>
  </si>
  <si>
    <t>POINT (4.645081007420927 51.82457946028652)</t>
  </si>
  <si>
    <t>POINT (4.604204911497252 51.813945483073034)</t>
  </si>
  <si>
    <t>POINT (4.6366357598595025 51.8166318593502)</t>
  </si>
  <si>
    <t>POINT (4.566582234300947 51.83320369786654)</t>
  </si>
  <si>
    <t>POINT (4.616756127719108 51.82136228852043)</t>
  </si>
  <si>
    <t>POINT (4.638340822929262 51.82067281576149)</t>
  </si>
  <si>
    <t>POINT (4.641912590759664 51.82251496117255)</t>
  </si>
  <si>
    <t>POINT (4.651277147061354 51.82195169393337)</t>
  </si>
  <si>
    <t>POINT (4.654857756873444 51.81697215023573)</t>
  </si>
  <si>
    <t>POINT (4.566420276110805 51.83519069639902)</t>
  </si>
  <si>
    <t>POINT (4.647737720086669 51.82145090792865)</t>
  </si>
  <si>
    <t>POINT (4.620410363681291 51.81415993261239)</t>
  </si>
  <si>
    <t>3331XK</t>
  </si>
  <si>
    <t>POINT (4.649969835981478 51.81827571071387)</t>
  </si>
  <si>
    <t>POINT (4.61759786788638 51.81381106949088)</t>
  </si>
  <si>
    <t>POINT (4.613468745946366 51.81429006366385)</t>
  </si>
  <si>
    <t>POINT (4.654888334107755 51.8169424267004)</t>
  </si>
  <si>
    <t>POINT (4.6429152110666525 51.81540177613653)</t>
  </si>
  <si>
    <t>POINT (4.655180603447281 51.821213424182815)</t>
  </si>
  <si>
    <t>POINT (4.610768027883129 51.82211268340559)</t>
  </si>
  <si>
    <t>POINT (4.64221042401531 51.824328863623805)</t>
  </si>
  <si>
    <t>POINT (4.661607347637494 51.82690781678812)</t>
  </si>
  <si>
    <t>POINT (4.647108547467592 51.82292697407422)</t>
  </si>
  <si>
    <t>POINT (4.650857885787277 51.81420822371818)</t>
  </si>
  <si>
    <t>POINT (4.617689887724058 51.81873021813946)</t>
  </si>
  <si>
    <t>POINT (4.6406802550366555 51.81749304778781)</t>
  </si>
  <si>
    <t>POINT (4.651243727649376 51.816833947814025)</t>
  </si>
  <si>
    <t>POINT (4.630370753011068 51.80613747431017)</t>
  </si>
  <si>
    <t>POINT (4.612238392809661 51.81625091604809)</t>
  </si>
  <si>
    <t>POINT (4.624671718066353 51.8135993610186)</t>
  </si>
  <si>
    <t>POINT (4.633720626563956 51.81094216898522)</t>
  </si>
  <si>
    <t>3332JP</t>
  </si>
  <si>
    <t>van der Heimstraat</t>
  </si>
  <si>
    <t>POINT (4.656964026116008 51.82950537573138)</t>
  </si>
  <si>
    <t>POINT (4.654976307936439 51.8170176266353)</t>
  </si>
  <si>
    <t>3334XK</t>
  </si>
  <si>
    <t>POINT (4.622160528444671 51.81169817278493)</t>
  </si>
  <si>
    <t>POINT (4.649554302629873 51.8172059986927)</t>
  </si>
  <si>
    <t>POINT (4.633807525285046 51.819966082077485)</t>
  </si>
  <si>
    <t>POINT (4.634964141501267 51.82121589182249)</t>
  </si>
  <si>
    <t>POINT (4.638711991490641 51.81406857182197)</t>
  </si>
  <si>
    <t>POINT (4.608509874232111 51.8205541978678)</t>
  </si>
  <si>
    <t>POINT (4.619336277769971 51.814143192717346)</t>
  </si>
  <si>
    <t>2995VS</t>
  </si>
  <si>
    <t>POINT (4.570012716590726 51.83507261410364)</t>
  </si>
  <si>
    <t>POINT (4.623300688141821 51.81276999928907)</t>
  </si>
  <si>
    <t>POINT (4.651338645592145 51.821890534025414)</t>
  </si>
  <si>
    <t>POINT (4.613340003457311 51.82218099558781)</t>
  </si>
  <si>
    <t>POINT (4.655830486995772 51.819473779822026)</t>
  </si>
  <si>
    <t>POINT (4.608239689293911 51.81891474960893)</t>
  </si>
  <si>
    <t>POINT (4.635903613728601 51.82037948884868)</t>
  </si>
  <si>
    <t>POINT (4.566674173787883 51.833334461666)</t>
  </si>
  <si>
    <t>POINT (4.628425800607313 51.80598229825343)</t>
  </si>
  <si>
    <t>POINT (4.636297502156487 51.81099841676516)</t>
  </si>
  <si>
    <t>POINT (4.635023098963886 51.82378799827812)</t>
  </si>
  <si>
    <t>POINT (4.566366168375709 51.83696993659575)</t>
  </si>
  <si>
    <t>POINT (4.607590111033435 51.82198240401851)</t>
  </si>
  <si>
    <t>POINT (4.633344430573544 51.80927178089317)</t>
  </si>
  <si>
    <t>POINT (4.569135088817928 51.837393434726344)</t>
  </si>
  <si>
    <t>3332VE</t>
  </si>
  <si>
    <t>Volkerak</t>
  </si>
  <si>
    <t>3332VD-3332VE</t>
  </si>
  <si>
    <t>POINT (4.6628565460396425 51.82269287162861)</t>
  </si>
  <si>
    <t>POINT (4.616748842577599 51.819791831537216)</t>
  </si>
  <si>
    <t>POINT (4.643063987851103 51.819301421598844)</t>
  </si>
  <si>
    <t>POINT (4.619392779525775 51.83035598514841)</t>
  </si>
  <si>
    <t>POINT (4.597729115469667 51.815312096542655)</t>
  </si>
  <si>
    <t>POINT (4.564771966099852 51.836801511570386)</t>
  </si>
  <si>
    <t>POINT (4.635005946934413 51.81525755973077)</t>
  </si>
  <si>
    <t>POINT (4.645302659031873 51.81447157038798)</t>
  </si>
  <si>
    <t>POINT (4.657480757506133 51.822040198275445)</t>
  </si>
  <si>
    <t>POINT (4.608199487666973 51.82089516566207)</t>
  </si>
  <si>
    <t>POINT (4.608762951033096 51.813508437960536)</t>
  </si>
  <si>
    <t>3335DC</t>
  </si>
  <si>
    <t>Escherstraat</t>
  </si>
  <si>
    <t>POINT (4.6114058654624275 51.82095856120454)</t>
  </si>
  <si>
    <t>POINT (4.631075607788206 51.81739647670904)</t>
  </si>
  <si>
    <t>3334EV</t>
  </si>
  <si>
    <t>Vosbergen</t>
  </si>
  <si>
    <t>POINT (4.605883534643986 51.8142602206739)</t>
  </si>
  <si>
    <t>POINT (4.655250991795341 51.82116358050668)</t>
  </si>
  <si>
    <t>POINT (4.655212853998871 51.82610829210033)</t>
  </si>
  <si>
    <t>3331LM</t>
  </si>
  <si>
    <t>POINT (4.641582175914236 51.816411517836755)</t>
  </si>
  <si>
    <t>3336LP</t>
  </si>
  <si>
    <t>Uilenkade</t>
  </si>
  <si>
    <t>3336LM-3336LP</t>
  </si>
  <si>
    <t>POINT (4.6344514280747 51.806021414338616)</t>
  </si>
  <si>
    <t>POINT (4.655475173750995 51.82525843063765)</t>
  </si>
  <si>
    <t>POINT (4.611233586800261 51.820567186070186)</t>
  </si>
  <si>
    <t>POINT (4.654976873802881 51.820220369400836)</t>
  </si>
  <si>
    <t>POINT (4.614772031000161 51.821900713739254)</t>
  </si>
  <si>
    <t>POINT (4.654682477532949 51.81733493621796)</t>
  </si>
  <si>
    <t>POINT (4.639561091341978 51.82206390128438)</t>
  </si>
  <si>
    <t>POINT (4.655777638081509 51.821873499653925)</t>
  </si>
  <si>
    <t>POINT (4.617036567194742 51.819876524052134)</t>
  </si>
  <si>
    <t>POINT (4.606844636328492 51.81446263287845)</t>
  </si>
  <si>
    <t>POINT (4.601840359554228 51.82010356531592)</t>
  </si>
  <si>
    <t>POINT (4.637936693206947 51.81783987587462)</t>
  </si>
  <si>
    <t>POINT (4.61779895324581 51.81353259616997)</t>
  </si>
  <si>
    <t>POINT (4.650433702892295 51.8139491859602)</t>
  </si>
  <si>
    <t>POINT (4.63182989214918 51.811402522945365)</t>
  </si>
  <si>
    <t>POINT (4.649774076799067 51.82229643178238)</t>
  </si>
  <si>
    <t>POINT (4.609538853182986 51.82540748533118)</t>
  </si>
  <si>
    <t>POINT (4.617160869194638 51.81511007502624)</t>
  </si>
  <si>
    <t>POINT (4.656478934300862 51.82949971428878)</t>
  </si>
  <si>
    <t>POINT (4.630520096033531 51.80435172315409)</t>
  </si>
  <si>
    <t>POINT (4.634052591352119 51.812747911133506)</t>
  </si>
  <si>
    <t>POINT (4.64568819417509 51.82052177818191)</t>
  </si>
  <si>
    <t>POINT (4.654155336641195 51.824896994159666)</t>
  </si>
  <si>
    <t>POINT (4.642644307521033 51.825554401653704)</t>
  </si>
  <si>
    <t>POINT (4.629742688355074 51.81320624471638)</t>
  </si>
  <si>
    <t>POINT (4.5985072904262685 51.81493189197443)</t>
  </si>
  <si>
    <t>POINT (4.640328774912858 51.825769576012156)</t>
  </si>
  <si>
    <t>POINT (4.639611865928201 51.8258535146312)</t>
  </si>
  <si>
    <t>POINT (4.570077357956717 51.838391625934214)</t>
  </si>
  <si>
    <t>POINT (4.650565938539952 51.81765627712026)</t>
  </si>
  <si>
    <t>POINT (4.6413138436890815 51.81693450085721)</t>
  </si>
  <si>
    <t>POINT (4.644425496843343 51.82494351728631)</t>
  </si>
  <si>
    <t>POINT (4.6055566048785135 51.82260009372838)</t>
  </si>
  <si>
    <t>POINT (4.565099847181355 51.83631315757281)</t>
  </si>
  <si>
    <t>POINT (4.61685422283406 51.81905818124579)</t>
  </si>
  <si>
    <t>POINT (4.6384048196338865 51.818922945389474)</t>
  </si>
  <si>
    <t>3331RG</t>
  </si>
  <si>
    <t>Veldslahof</t>
  </si>
  <si>
    <t>POINT (4.646246852573543 51.815584708963094)</t>
  </si>
  <si>
    <t>POINT (4.630597032033878 51.807603456036425)</t>
  </si>
  <si>
    <t>POINT (4.6436684245807 51.82000610965497)</t>
  </si>
  <si>
    <t>POINT (4.596018192154065 51.814285296118946)</t>
  </si>
  <si>
    <t>POINT (4.656693179478537 51.81779914134294)</t>
  </si>
  <si>
    <t>POINT (4.652135562371283 51.81827663916054)</t>
  </si>
  <si>
    <t>POINT (4.655547603581726 51.817618415715266)</t>
  </si>
  <si>
    <t>POINT (4.612741517781286 51.813546312579284)</t>
  </si>
  <si>
    <t>POINT (4.643402075436387 51.820965465715695)</t>
  </si>
  <si>
    <t>POINT (4.633723351394103 51.8104120683891)</t>
  </si>
  <si>
    <t>POINT (4.611121100855129 51.814362120744775)</t>
  </si>
  <si>
    <t>POINT (4.648850655989892 51.82543184688441)</t>
  </si>
  <si>
    <t>POINT (4.611168299487625 51.81372982434112)</t>
  </si>
  <si>
    <t>POINT (4.636475674823813 51.82120556117143)</t>
  </si>
  <si>
    <t>POINT (4.617439131796794 51.81328238149922)</t>
  </si>
  <si>
    <t>POINT (4.567724511061958 51.83465181859008)</t>
  </si>
  <si>
    <t>POINT (4.616856108307638 51.818834131917704)</t>
  </si>
  <si>
    <t>POINT (4.65178202084298 51.82139868386551)</t>
  </si>
  <si>
    <t>POINT (4.657669923495675 51.82058708725749)</t>
  </si>
  <si>
    <t>POINT (4.616193117467002 51.81385995168252)</t>
  </si>
  <si>
    <t>2995XH</t>
  </si>
  <si>
    <t>POINT (4.561947220927225 51.835792368118774)</t>
  </si>
  <si>
    <t>POINT (4.641292638660492 51.80966816218673)</t>
  </si>
  <si>
    <t>POINT (4.569935817002874 51.835099835982845)</t>
  </si>
  <si>
    <t>POINT (4.655816110057255 51.82381826878897)</t>
  </si>
  <si>
    <t>POINT (4.564454186111527 51.83190878574502)</t>
  </si>
  <si>
    <t>POINT (4.629962905275275 51.81481206053841)</t>
  </si>
  <si>
    <t>POINT (4.625747415316059 51.814253281393924)</t>
  </si>
  <si>
    <t>POINT (4.649389152025019 51.82602357809232)</t>
  </si>
  <si>
    <t>POINT (4.607946178166827 51.81734296536585)</t>
  </si>
  <si>
    <t>POINT (4.648314338313492 51.81672797319452)</t>
  </si>
  <si>
    <t>POINT (4.6418373118158165 51.82601092964468)</t>
  </si>
  <si>
    <t>POINT (4.637055631502678 51.81483015216092)</t>
  </si>
  <si>
    <t>POINT (4.642870915091503 51.81634628796674)</t>
  </si>
  <si>
    <t>POINT (4.644324653387585 51.82483078118976)</t>
  </si>
  <si>
    <t>3331GR</t>
  </si>
  <si>
    <t>POINT (4.642013350227839 51.822282928734275)</t>
  </si>
  <si>
    <t>POINT (4.642343092170255 51.821510610313695)</t>
  </si>
  <si>
    <t>POINT (4.633491295142748 51.824413672317995)</t>
  </si>
  <si>
    <t>POINT (4.620577319422828 51.81154748163913)</t>
  </si>
  <si>
    <t>POINT (4.65066243652219 51.82007119869157)</t>
  </si>
  <si>
    <t>POINT (4.597746802807316 51.81463418610835)</t>
  </si>
  <si>
    <t>3332AC</t>
  </si>
  <si>
    <t>POINT (4.654915852599206 51.81919552177745)</t>
  </si>
  <si>
    <t>POINT (4.6325964088109135 51.808469125928106)</t>
  </si>
  <si>
    <t>POINT (4.651831212857179 51.81487079778776)</t>
  </si>
  <si>
    <t>POINT (4.629481800482853 51.811216140765204)</t>
  </si>
  <si>
    <t>POINT (4.645238159967824 51.81495748693745)</t>
  </si>
  <si>
    <t>POINT (4.561311452372401 51.83507239241974)</t>
  </si>
  <si>
    <t>POINT (4.638741639983378 51.81806809363565)</t>
  </si>
  <si>
    <t>3332XD</t>
  </si>
  <si>
    <t>POINT (4.655802096927739 51.82078543775029)</t>
  </si>
  <si>
    <t>POINT (4.6453960124221085 51.82261956324888)</t>
  </si>
  <si>
    <t>POINT (4.63815847641902 51.824510264171224)</t>
  </si>
  <si>
    <t>POINT (4.625924968106416 51.812791619196204)</t>
  </si>
  <si>
    <t>POINT (4.603987346254451 51.81992478103037)</t>
  </si>
  <si>
    <t>POINT (4.650172714368865 51.81354582454843)</t>
  </si>
  <si>
    <t>POINT (4.619643254957458 51.812488777845026)</t>
  </si>
  <si>
    <t>POINT (4.562559778247554 51.831715735233246)</t>
  </si>
  <si>
    <t>POINT (4.619322991041108 51.815229769814835)</t>
  </si>
  <si>
    <t>POINT (4.628661212789534 51.81294898652336)</t>
  </si>
  <si>
    <t>POINT (4.612449423526314 51.820133773546104)</t>
  </si>
  <si>
    <t>2995AM</t>
  </si>
  <si>
    <t>POINT (4.567167894669102 51.83695254655288)</t>
  </si>
  <si>
    <t>POINT (4.658333876391106 51.820378324603254)</t>
  </si>
  <si>
    <t>3332NV</t>
  </si>
  <si>
    <t>POINT (4.639237329158805 51.82564907179481)</t>
  </si>
  <si>
    <t>POINT (4.633740425942516 51.812594932939625)</t>
  </si>
  <si>
    <t>POINT (4.654203783116335 51.82173001936592)</t>
  </si>
  <si>
    <t>POINT (4.636856511603243 51.82528918663073)</t>
  </si>
  <si>
    <t>POINT (4.632064075272825 51.80715314251174)</t>
  </si>
  <si>
    <t>POINT (4.6409291087800595 51.823448317633726)</t>
  </si>
  <si>
    <t>POINT (4.640827221902403 51.81709168449169)</t>
  </si>
  <si>
    <t>Ledig Erf</t>
  </si>
  <si>
    <t>POINT (4.641612452853504 51.82415015574811)</t>
  </si>
  <si>
    <t>POINT (4.634103902949689 51.81117892003582)</t>
  </si>
  <si>
    <t>POINT (4.644889666660397 51.81547500940963)</t>
  </si>
  <si>
    <t>POINT (4.618469513747652 51.81543569570885)</t>
  </si>
  <si>
    <t>POINT (4.611487978174786 51.81558299497125)</t>
  </si>
  <si>
    <t>POINT (4.6075384698087465 51.8134621429038)</t>
  </si>
  <si>
    <t>POINT (4.648477356273622 51.82613193638081)</t>
  </si>
  <si>
    <t>POINT (4.567152094180652 51.8338858991625)</t>
  </si>
  <si>
    <t>POINT (4.570014322271728 51.83856696192854)</t>
  </si>
  <si>
    <t>3332KL</t>
  </si>
  <si>
    <t>Pelster</t>
  </si>
  <si>
    <t>POINT (4.6486145586853755 51.82528118532542)</t>
  </si>
  <si>
    <t>POINT (4.653813164055389 51.82375201831829)</t>
  </si>
  <si>
    <t>POINT (4.644814849292536 51.81465757168558)</t>
  </si>
  <si>
    <t>POINT (4.614372446314512 51.82085610243048)</t>
  </si>
  <si>
    <t>POINT (4.6021174391415265 51.82158238379035)</t>
  </si>
  <si>
    <t>POINT (4.656136895592755 51.82291082902644)</t>
  </si>
  <si>
    <t>2995CA</t>
  </si>
  <si>
    <t>Bovenkruier</t>
  </si>
  <si>
    <t>POINT (4.5683663914367605 51.838598103669874)</t>
  </si>
  <si>
    <t>POINT (4.562673985101948 51.83517649637723)</t>
  </si>
  <si>
    <t>POINT (4.636246304245969 51.81001940773466)</t>
  </si>
  <si>
    <t>POINT (4.570182275976635 51.83679579436047)</t>
  </si>
  <si>
    <t>POINT (4.654873795583335 51.82479088237257)</t>
  </si>
  <si>
    <t>POINT (4.646235835792848 51.8256570746994)</t>
  </si>
  <si>
    <t>POINT (4.65639291587748 51.818643412474785)</t>
  </si>
  <si>
    <t>POINT (4.625690115388431 51.807304838938535)</t>
  </si>
  <si>
    <t>POINT (4.6503339593825 51.82649367959814)</t>
  </si>
  <si>
    <t>POINT (4.6532232221184255 51.81556722757753)</t>
  </si>
  <si>
    <t>POINT (4.614601740251525 51.81325763195591)</t>
  </si>
  <si>
    <t>POINT (4.654699309861122 51.8190115114656)</t>
  </si>
  <si>
    <t>POINT (4.655748709883744 51.82180948178435)</t>
  </si>
  <si>
    <t>POINT (4.6315890361562575 51.807783860711844)</t>
  </si>
  <si>
    <t>POINT (4.645791109847184 51.82216681873414)</t>
  </si>
  <si>
    <t>POINT (4.597242581481955 51.816908125395855)</t>
  </si>
  <si>
    <t>POINT (4.653308982729968 51.82216720102374)</t>
  </si>
  <si>
    <t>POINT (4.61087763926727 51.816923582198086)</t>
  </si>
  <si>
    <t>POINT (4.616502871978346 51.82048699471327)</t>
  </si>
  <si>
    <t>3331GW</t>
  </si>
  <si>
    <t>Schuitenvaardersstraat</t>
  </si>
  <si>
    <t>POINT (4.637743222661074 51.82305508580119)</t>
  </si>
  <si>
    <t>POINT (4.631052102533913 51.81752587945675)</t>
  </si>
  <si>
    <t>POINT (4.640705671547422 51.813612761782224)</t>
  </si>
  <si>
    <t>POINT (4.642166777456573 51.82618379740714)</t>
  </si>
  <si>
    <t>POINT (4.641954603757137 51.82617969092552)</t>
  </si>
  <si>
    <t>POINT (4.6473275488717 51.81449426855265)</t>
  </si>
  <si>
    <t>POINT (4.607675350239796 51.82233335050666)</t>
  </si>
  <si>
    <t>POINT (4.644670776832456 51.81718395724774)</t>
  </si>
  <si>
    <t>POINT (4.560881759481184 51.83384226912649)</t>
  </si>
  <si>
    <t>POINT (4.637575088139659 51.81157774533808)</t>
  </si>
  <si>
    <t>POINT (4.620621710117479 51.81252226563972)</t>
  </si>
  <si>
    <t>3331AA</t>
  </si>
  <si>
    <t>POINT (4.650617535345302 51.81601639920904)</t>
  </si>
  <si>
    <t>3332JB</t>
  </si>
  <si>
    <t>Troelstraplein</t>
  </si>
  <si>
    <t>POINT (4.657546798110531 51.82758906498591)</t>
  </si>
  <si>
    <t>3332SE</t>
  </si>
  <si>
    <t>POINT (4.656551412410195 51.82489625792868)</t>
  </si>
  <si>
    <t>POINT (4.62705979098774 51.81562926897612)</t>
  </si>
  <si>
    <t>POINT (4.650988184464241 51.82263963716638)</t>
  </si>
  <si>
    <t>POINT (4.633370481849426 51.809324226593084)</t>
  </si>
  <si>
    <t>POINT (4.6316488808715865 51.825491607116014)</t>
  </si>
  <si>
    <t>3332RR</t>
  </si>
  <si>
    <t>POINT (4.643074552315639 51.82641837189553)</t>
  </si>
  <si>
    <t>POINT (4.630194909072337 51.81172845255383)</t>
  </si>
  <si>
    <t>POINT (4.60464499622237 51.81614723287552)</t>
  </si>
  <si>
    <t>POINT (4.657523632569142 51.82438414491085)</t>
  </si>
  <si>
    <t>3332SM</t>
  </si>
  <si>
    <t>POINT (4.654919051370027 51.827250591755124)</t>
  </si>
  <si>
    <t>POINT (4.644447674355511 51.82069142466688)</t>
  </si>
  <si>
    <t>POINT (4.640221849648163 51.814322469022784)</t>
  </si>
  <si>
    <t>3331VC</t>
  </si>
  <si>
    <t>POINT (4.639724871847202 51.81996971618622)</t>
  </si>
  <si>
    <t>POINT (4.630990899389441 51.80324688982935)</t>
  </si>
  <si>
    <t>POINT (4.632473227693247 51.80900181376871)</t>
  </si>
  <si>
    <t>POINT (4.647774065044312 51.825162815821514)</t>
  </si>
  <si>
    <t>POINT (4.653576249699016 51.82668271573787)</t>
  </si>
  <si>
    <t>POINT (4.618528695868696 51.81563411379799)</t>
  </si>
  <si>
    <t>POINT (4.6089344654384305 51.8138707336687)</t>
  </si>
  <si>
    <t>POINT (4.632884148253267 51.824713230248584)</t>
  </si>
  <si>
    <t>POINT (4.640383509125654 51.818238300172354)</t>
  </si>
  <si>
    <t>POINT (4.6375201256609335 51.8238455018452)</t>
  </si>
  <si>
    <t>2995BP</t>
  </si>
  <si>
    <t>POINT (4.562099525726514 51.837389633588195)</t>
  </si>
  <si>
    <t>POINT (4.635666742574457 51.81662829164734)</t>
  </si>
  <si>
    <t>POINT (4.638210498538974 51.82054632219367)</t>
  </si>
  <si>
    <t>POINT (4.56442382145993 51.83591224233838)</t>
  </si>
  <si>
    <t>POINT (4.651988680966758 51.82359083459065)</t>
  </si>
  <si>
    <t>POINT (4.602012789467183 51.81045464032367)</t>
  </si>
  <si>
    <t>POINT (4.63655911012735 51.81896346003939)</t>
  </si>
  <si>
    <t>POINT (4.618355722668841 51.812294525465305)</t>
  </si>
  <si>
    <t>POINT (4.656404332609149 51.821722537545675)</t>
  </si>
  <si>
    <t>3335LG</t>
  </si>
  <si>
    <t>3335LE-3335LG</t>
  </si>
  <si>
    <t>POINT (4.599257332459613 51.83877080777029)</t>
  </si>
  <si>
    <t>POINT (4.638117468673294 51.8237762826127)</t>
  </si>
  <si>
    <t>POINT (4.633486928580467 51.82490029217987)</t>
  </si>
  <si>
    <t>POINT (4.563536434478307 51.83485657405464)</t>
  </si>
  <si>
    <t>POINT (4.656109103918056 51.817695532209996)</t>
  </si>
  <si>
    <t>POINT (4.634505490230821 51.81883411925891)</t>
  </si>
  <si>
    <t>POINT (4.608610400304826 51.82144286050577)</t>
  </si>
  <si>
    <t>POINT (4.615988326244735 51.81912038615983)</t>
  </si>
  <si>
    <t>POINT (4.61271606029095 51.81359224773821)</t>
  </si>
  <si>
    <t>POINT (4.565527748469116 51.833177211294654)</t>
  </si>
  <si>
    <t>3331MP</t>
  </si>
  <si>
    <t>Euryzaplein</t>
  </si>
  <si>
    <t>POINT (4.652939649843699 51.81606750779786)</t>
  </si>
  <si>
    <t>POINT (4.65282436911644 51.82862764834079)</t>
  </si>
  <si>
    <t>POINT (4.628043101083052 51.80873437935838)</t>
  </si>
  <si>
    <t>3332BZ</t>
  </si>
  <si>
    <t>Schuitenwal</t>
  </si>
  <si>
    <t>POINT (4.657472943285183 51.81795184717214)</t>
  </si>
  <si>
    <t>POINT (4.658604854852269 51.819458128387865)</t>
  </si>
  <si>
    <t>POINT (4.654278478003596 51.821780283116595)</t>
  </si>
  <si>
    <t>3331CA</t>
  </si>
  <si>
    <t>3331CA-3331CB</t>
  </si>
  <si>
    <t>POINT (4.640871826887685 51.8185182673109)</t>
  </si>
  <si>
    <t>POINT (4.636844040297751 51.81461827506466)</t>
  </si>
  <si>
    <t>POINT (4.607745026020433 51.82162919646305)</t>
  </si>
  <si>
    <t>POINT (4.649721489274941 51.822287094703114)</t>
  </si>
  <si>
    <t>POINT (4.616996418553947 51.82198844633004)</t>
  </si>
  <si>
    <t>POINT (4.621107603956869 51.811433740842304)</t>
  </si>
  <si>
    <t>POINT (4.622380266395572 51.81318424458345)</t>
  </si>
  <si>
    <t>POINT (4.641111596958464 51.82553755891975)</t>
  </si>
  <si>
    <t>POINT (4.617330020472885 51.814137382920364)</t>
  </si>
  <si>
    <t>POINT (4.563334572845803 51.83711920717863)</t>
  </si>
  <si>
    <t>POINT (4.603080678893504 51.81324207776921)</t>
  </si>
  <si>
    <t>POINT (4.610742150658258 51.818642012648965)</t>
  </si>
  <si>
    <t>3334BH</t>
  </si>
  <si>
    <t>POINT (4.608038832900362 51.816514415581366)</t>
  </si>
  <si>
    <t>POINT (4.621213132185295 51.812207046065765)</t>
  </si>
  <si>
    <t>POINT (4.648223428800955 51.81943364313698)</t>
  </si>
  <si>
    <t>POINT (4.606106857928249 51.813582276163245)</t>
  </si>
  <si>
    <t>POINT (4.6049100499541 51.81325168044953)</t>
  </si>
  <si>
    <t>POINT (4.639407803055756 51.822703845387274)</t>
  </si>
  <si>
    <t>POINT (4.608675390116714 51.81362915099883)</t>
  </si>
  <si>
    <t>POINT (4.646934774102573 51.82661676593028)</t>
  </si>
  <si>
    <t>POINT (4.635261773465347 51.81693755159934)</t>
  </si>
  <si>
    <t>POINT (4.630677346358168 51.81211845579678)</t>
  </si>
  <si>
    <t>POINT (4.627437121999911 51.81326918270804)</t>
  </si>
  <si>
    <t>POINT (4.658036606465412 51.82051922729279)</t>
  </si>
  <si>
    <t>POINT (4.625630536750921 51.81316403477566)</t>
  </si>
  <si>
    <t>POINT (4.657590913758907 51.82899935578968)</t>
  </si>
  <si>
    <t>POINT (4.597568167660955 51.81334537447115)</t>
  </si>
  <si>
    <t>POINT (4.6380648372792495 51.82550887626583)</t>
  </si>
  <si>
    <t>POINT (4.565898996617346 51.83402724151318)</t>
  </si>
  <si>
    <t>POINT (4.632005057731486 51.80812898192794)</t>
  </si>
  <si>
    <t>POINT (4.642770244813435 51.826192246522126)</t>
  </si>
  <si>
    <t>POINT (4.639079590724725 51.811505774024795)</t>
  </si>
  <si>
    <t>POINT (4.652636004735864 51.81812054694518)</t>
  </si>
  <si>
    <t>POINT (4.650004578593338 51.81398642780327)</t>
  </si>
  <si>
    <t>POINT (4.601399102559481 51.81048747607392)</t>
  </si>
  <si>
    <t>POINT (4.657149087204593 51.82787706990643)</t>
  </si>
  <si>
    <t>POINT (4.612733417691657 51.818121392919224)</t>
  </si>
  <si>
    <t>POINT (4.602476023230374 51.821531038309416)</t>
  </si>
  <si>
    <t>POINT (4.6261017659760855 51.81402409379463)</t>
  </si>
  <si>
    <t>POINT (4.631050437131617 51.82290101310247)</t>
  </si>
  <si>
    <t>POINT (4.617815645385732 51.81814424135643)</t>
  </si>
  <si>
    <t>POINT (4.654361613066233 51.824274126579304)</t>
  </si>
  <si>
    <t>POINT (4.609282979249766 51.82107446832274)</t>
  </si>
  <si>
    <t>POINT (4.662130932242843 51.82513148482076)</t>
  </si>
  <si>
    <t>POINT (4.60865915385887 51.81458612706879)</t>
  </si>
  <si>
    <t>POINT (4.604268019268463 51.813219362861425)</t>
  </si>
  <si>
    <t>POINT (4.660651497737291 51.822734594766324)</t>
  </si>
  <si>
    <t>POINT (4.63111387962348 51.8244818235653)</t>
  </si>
  <si>
    <t>POINT (4.652330525048039 51.81765810826382)</t>
  </si>
  <si>
    <t>POINT (4.62934866195922 51.80769707137478)</t>
  </si>
  <si>
    <t>POINT (4.627840520563899 51.81344443990811)</t>
  </si>
  <si>
    <t>POINT (4.634225123688081 51.82132981267411)</t>
  </si>
  <si>
    <t>3332NC</t>
  </si>
  <si>
    <t>POINT (4.640439220107454 51.82567969075456)</t>
  </si>
  <si>
    <t>POINT (4.641390216629046 51.80892645032435)</t>
  </si>
  <si>
    <t>POINT (4.662840755366489 51.821938903319534)</t>
  </si>
  <si>
    <t>POINT (4.639302550925052 51.82568477698956)</t>
  </si>
  <si>
    <t>POINT (4.649962167826142 51.826747746994805)</t>
  </si>
  <si>
    <t>POINT (4.642972748161561 51.81031845683085)</t>
  </si>
  <si>
    <t>POINT (4.6301637742468325 51.82457895247342)</t>
  </si>
  <si>
    <t>POINT (4.645502526327923 51.82063966015698)</t>
  </si>
  <si>
    <t>POINT (4.652528092149401 51.82159323325462)</t>
  </si>
  <si>
    <t>POINT (4.608535630221679 51.81560740666919)</t>
  </si>
  <si>
    <t>POINT (4.62088499346247 51.81463041921233)</t>
  </si>
  <si>
    <t>POINT (4.634155908476095 51.8189925946535)</t>
  </si>
  <si>
    <t>POINT (4.6559795897257406 51.82374837571595)</t>
  </si>
  <si>
    <t>POINT (4.626587970015287 51.814411971946285)</t>
  </si>
  <si>
    <t>POINT (4.639262535401248 51.817633053721075)</t>
  </si>
  <si>
    <t>POINT (4.626109829410502 51.81453005775797)</t>
  </si>
  <si>
    <t>POINT (4.567661800090998 51.83766621411515)</t>
  </si>
  <si>
    <t>POINT (4.659272850776166 51.82307343775234)</t>
  </si>
  <si>
    <t>POINT (4.647753304792622 51.82717164602251)</t>
  </si>
  <si>
    <t>POINT (4.567855186266267 51.838008722685395)</t>
  </si>
  <si>
    <t>POINT (4.614123247564827 51.822168278769155)</t>
  </si>
  <si>
    <t>POINT (4.65125904583742 51.8218859001375)</t>
  </si>
  <si>
    <t>POINT (4.633031141654988 51.82509170000174)</t>
  </si>
  <si>
    <t>POINT (4.631976914967459 51.80732800530569)</t>
  </si>
  <si>
    <t>POINT (4.613637756247157 51.81576246991359)</t>
  </si>
  <si>
    <t>3333GP</t>
  </si>
  <si>
    <t>Dotterbloemstraat</t>
  </si>
  <si>
    <t>POINT (4.627615713775212 51.814195474944576)</t>
  </si>
  <si>
    <t>POINT (4.627109839962625 51.81386769803773)</t>
  </si>
  <si>
    <t>POINT (4.600979073103644 51.809956043832415)</t>
  </si>
  <si>
    <t>POINT (4.649638525422104 51.81509353892113)</t>
  </si>
  <si>
    <t>POINT (4.655085941829972 51.82114223665247)</t>
  </si>
  <si>
    <t>2995BD</t>
  </si>
  <si>
    <t>Havenkant</t>
  </si>
  <si>
    <t>POINT (4.559045430842769 51.83577836840473)</t>
  </si>
  <si>
    <t>POINT (4.650593900317203 51.81769983202637)</t>
  </si>
  <si>
    <t>POINT (4.657203069511767 51.8240269192177)</t>
  </si>
  <si>
    <t>POINT (4.654737169864838 51.81659765719707)</t>
  </si>
  <si>
    <t>POINT (4.626272379062522 51.81302098123943)</t>
  </si>
  <si>
    <t>POINT (4.638509064161631 51.814657736116295)</t>
  </si>
  <si>
    <t>POINT (4.65297428729673 51.819962062936604)</t>
  </si>
  <si>
    <t>POINT (4.605710635667443 51.82227633895428)</t>
  </si>
  <si>
    <t>POINT (4.56396826581598 51.836795995037775)</t>
  </si>
  <si>
    <t>POINT (4.6134773168828795 51.821677741835664)</t>
  </si>
  <si>
    <t>POINT (4.638324368163872 51.81081400415139)</t>
  </si>
  <si>
    <t>POINT (4.645743709871126 51.820605112482305)</t>
  </si>
  <si>
    <t>POINT (4.639647751577353 51.82580120431266)</t>
  </si>
  <si>
    <t>POINT (4.639585497436902 51.82205375570986)</t>
  </si>
  <si>
    <t>POINT (4.616318028110617 51.81795875621456)</t>
  </si>
  <si>
    <t>POINT (4.605580769655368 51.822153497204916)</t>
  </si>
  <si>
    <t>POINT (4.619736841768244 51.820868400413076)</t>
  </si>
  <si>
    <t>POINT (4.638179147858435 51.81901399901609)</t>
  </si>
  <si>
    <t>POINT (4.636357328813488 51.81177377882327)</t>
  </si>
  <si>
    <t>POINT (4.606264047321206 51.81933629671245)</t>
  </si>
  <si>
    <t>POINT (4.634176463600102 51.82624437480484)</t>
  </si>
  <si>
    <t>POINT (4.561425957615591 51.833619087752275)</t>
  </si>
  <si>
    <t>POINT (4.642273420199513 51.82625007369004)</t>
  </si>
  <si>
    <t>POINT (4.562646287774435 51.836624065528945)</t>
  </si>
  <si>
    <t>POINT (4.599152485973518 51.813394694007805)</t>
  </si>
  <si>
    <t>POINT (4.618416139212798 51.81926959951443)</t>
  </si>
  <si>
    <t>POINT (4.638504169070299 51.80918629018619)</t>
  </si>
  <si>
    <t>POINT (4.635998321627911 51.81165738756183)</t>
  </si>
  <si>
    <t>POINT (4.56771305261665 51.83728875713145)</t>
  </si>
  <si>
    <t>POINT (4.665393428500616 51.8233980751573)</t>
  </si>
  <si>
    <t>POINT (4.634578199903294 51.821818761329176)</t>
  </si>
  <si>
    <t>POINT (4.646560699270898 51.82411507616124)</t>
  </si>
  <si>
    <t>POINT (4.651132819037331 51.81858831118999)</t>
  </si>
  <si>
    <t>POINT (4.6613223139562425 51.82012469534689)</t>
  </si>
  <si>
    <t>POINT (4.629549632275882 51.81508679364379)</t>
  </si>
  <si>
    <t>POINT (4.6434197064907075 51.818427324002336)</t>
  </si>
  <si>
    <t>POINT (4.644663748167262 51.81471296584805)</t>
  </si>
  <si>
    <t>POINT (4.640166357831798 51.819050538830815)</t>
  </si>
  <si>
    <t>POINT (4.610500718569799 51.822179795268895)</t>
  </si>
  <si>
    <t>POINT (4.604017577830733 51.819965423054185)</t>
  </si>
  <si>
    <t>POINT (4.618953844705788 51.81291364868903)</t>
  </si>
  <si>
    <t>POINT (4.651477898618801 51.82788461714267)</t>
  </si>
  <si>
    <t>3334EJ</t>
  </si>
  <si>
    <t>POINT (4.601307968327122 51.81554020716439)</t>
  </si>
  <si>
    <t>3335LC-3335LD</t>
  </si>
  <si>
    <t>POINT (4.595370411084453 51.824392669127334)</t>
  </si>
  <si>
    <t>POINT (4.639220655234098 51.825687913524575)</t>
  </si>
  <si>
    <t>POINT (4.644581046877332 51.82091570946574)</t>
  </si>
  <si>
    <t>POINT (4.638268880475233 51.81863098804841)</t>
  </si>
  <si>
    <t>POINT (4.6271473994305055 51.81274091862664)</t>
  </si>
  <si>
    <t>POINT (4.563266336636973 51.832531635073764)</t>
  </si>
  <si>
    <t>POINT (4.6055177703835914 51.819441404437455)</t>
  </si>
  <si>
    <t>POINT (4.618526985987504 51.81344214968834)</t>
  </si>
  <si>
    <t>POINT (4.607918217057143 51.81901657902175)</t>
  </si>
  <si>
    <t>POINT (4.659740276171093 51.82485597598157)</t>
  </si>
  <si>
    <t>POINT (4.6058453755295 51.82134915047914)</t>
  </si>
  <si>
    <t>POINT (4.605481669644682 51.82157318144128)</t>
  </si>
  <si>
    <t>POINT (4.596210220917703 51.81538704592794)</t>
  </si>
  <si>
    <t>POINT (4.661922030901252 51.821975773038936)</t>
  </si>
  <si>
    <t>POINT (4.617949626701715 51.813591534227996)</t>
  </si>
  <si>
    <t>POINT (4.644006810901998 51.81674325452999)</t>
  </si>
  <si>
    <t>3332HD</t>
  </si>
  <si>
    <t>Adriaan Pauwpad</t>
  </si>
  <si>
    <t>POINT (4.659047873138482 51.82975330262348)</t>
  </si>
  <si>
    <t>POINT (4.602131865551576 51.81621057328488)</t>
  </si>
  <si>
    <t>3334VC</t>
  </si>
  <si>
    <t>POINT (4.61839911481586 51.815056530871786)</t>
  </si>
  <si>
    <t>POINT (4.65483279123004 51.81742687575665)</t>
  </si>
  <si>
    <t>POINT (4.639859884250858 51.823063485990446)</t>
  </si>
  <si>
    <t>POINT (4.5953240255543975 51.81245007487839)</t>
  </si>
  <si>
    <t>POINT (4.569588504392718 51.83672707623556)</t>
  </si>
  <si>
    <t>POINT (4.647197076987177 51.82364498203391)</t>
  </si>
  <si>
    <t>3332CV</t>
  </si>
  <si>
    <t>POINT (4.658547128612206 51.821554082225106)</t>
  </si>
  <si>
    <t>POINT (4.633106882148899 51.82503852413836)</t>
  </si>
  <si>
    <t>POINT (4.636779593596659 51.81855434723042)</t>
  </si>
  <si>
    <t>POINT (4.647859939680553 51.82713912255638)</t>
  </si>
  <si>
    <t>POINT (4.661383252168928 51.824042569442504)</t>
  </si>
  <si>
    <t>POINT (4.634414373631787 51.820272490697086)</t>
  </si>
  <si>
    <t>POINT (4.630581025179735 51.8066260098016)</t>
  </si>
  <si>
    <t>POINT (4.648773566501609 51.82545424710129)</t>
  </si>
  <si>
    <t>POINT (4.597025357815042 51.814128442115546)</t>
  </si>
  <si>
    <t>POINT (4.605402781588197 51.81977337413269)</t>
  </si>
  <si>
    <t>POINT (4.621725257147386 51.81473820369097)</t>
  </si>
  <si>
    <t>POINT (4.616720156780147 51.81877847122188)</t>
  </si>
  <si>
    <t>POINT (4.620963040982901 51.81503518734382)</t>
  </si>
  <si>
    <t>POINT (4.637165091075527 51.81486976387911)</t>
  </si>
  <si>
    <t>POINT (4.634656778154308 51.80891787860559)</t>
  </si>
  <si>
    <t>POINT (4.632869035473379 51.82469749279339)</t>
  </si>
  <si>
    <t>POINT (4.638415419407985 51.8253421709168)</t>
  </si>
  <si>
    <t>POINT (4.6058863620703745 51.813924699181435)</t>
  </si>
  <si>
    <t>POINT (4.575602599265958 51.82721519935613)</t>
  </si>
  <si>
    <t>POINT (4.656321053203695 51.82171850439971)</t>
  </si>
  <si>
    <t>3332KT</t>
  </si>
  <si>
    <t>Waldammen</t>
  </si>
  <si>
    <t>POINT (4.64726356744701 51.82699901530589)</t>
  </si>
  <si>
    <t>POINT (4.62642823490567 51.80557054327183)</t>
  </si>
  <si>
    <t>POINT (4.5937641929973 51.840296821749725)</t>
  </si>
  <si>
    <t>POINT (4.620202245210526 51.82856039094204)</t>
  </si>
  <si>
    <t>POINT (4.599410606716436 51.81330449928492)</t>
  </si>
  <si>
    <t>POINT (4.656967767961311 51.82103974097609)</t>
  </si>
  <si>
    <t>POINT (4.612926043946786 51.81820655564544)</t>
  </si>
  <si>
    <t>POINT (4.636357225808867 51.821604566684286)</t>
  </si>
  <si>
    <t>POINT (4.615379435019437 51.813236385558845)</t>
  </si>
  <si>
    <t>POINT (4.617328136742247 51.82219457658843)</t>
  </si>
  <si>
    <t>POINT (4.633510113182809 51.811526647182866)</t>
  </si>
  <si>
    <t>POINT (4.641653337109682 51.825992035521374)</t>
  </si>
  <si>
    <t>POINT (4.6078865819632595 51.82185889043607)</t>
  </si>
  <si>
    <t>POINT (4.652632309096263 51.81535235014785)</t>
  </si>
  <si>
    <t>POINT (4.639297489076659 51.825634030558454)</t>
  </si>
  <si>
    <t>POINT (4.6492490682239955 51.819389616132575)</t>
  </si>
  <si>
    <t>POINT (4.661352199492164 51.82670925260932)</t>
  </si>
  <si>
    <t>POINT (4.56171702622263 51.83477565012509)</t>
  </si>
  <si>
    <t>POINT (4.606328389602262 51.821808524815644)</t>
  </si>
  <si>
    <t>POINT (4.5662450521059315 51.83503197030351)</t>
  </si>
  <si>
    <t>POINT (4.657737429094641 51.82457342699254)</t>
  </si>
  <si>
    <t>POINT (4.642715522075408 51.8179195012742)</t>
  </si>
  <si>
    <t>POINT (4.604127644059244 51.814215078897966)</t>
  </si>
  <si>
    <t>POINT (4.638090819979264 51.82039895276776)</t>
  </si>
  <si>
    <t>POINT (4.635499020921615 51.807676057599)</t>
  </si>
  <si>
    <t>POINT (4.640593234544188 51.81815152737344)</t>
  </si>
  <si>
    <t>POINT (4.649787811386559 51.8223515018459)</t>
  </si>
  <si>
    <t>POINT (4.607701322093827 51.82125350126458)</t>
  </si>
  <si>
    <t>POINT (4.640620558703016 51.809116610913165)</t>
  </si>
  <si>
    <t>POINT (4.572693058551702 51.831166335575006)</t>
  </si>
  <si>
    <t>POINT (4.630024190148316 51.803008135201175)</t>
  </si>
  <si>
    <t>POINT (4.632071316820337 51.82325597861176)</t>
  </si>
  <si>
    <t>POINT (4.633241191855183 51.82652216179849)</t>
  </si>
  <si>
    <t>3331TK</t>
  </si>
  <si>
    <t>Ramstraat</t>
  </si>
  <si>
    <t>POINT (4.635008876488758 51.81857174855305)</t>
  </si>
  <si>
    <t>POINT (4.636973175761502 51.81467465085815)</t>
  </si>
  <si>
    <t>POINT (4.651950831611645 51.81678522983727)</t>
  </si>
  <si>
    <t>3332SP</t>
  </si>
  <si>
    <t>Engelsetuin</t>
  </si>
  <si>
    <t>3332SP-3332TA</t>
  </si>
  <si>
    <t>POINT (4.655909125601875 51.82719174926751)</t>
  </si>
  <si>
    <t>POINT (4.65410087501093 51.81618273050502)</t>
  </si>
  <si>
    <t>POINT (4.637679024532436 51.81404877450658)</t>
  </si>
  <si>
    <t>POINT (4.605759296116166 51.81558856588024)</t>
  </si>
  <si>
    <t>POINT (4.6334134254309705 51.81981970540868)</t>
  </si>
  <si>
    <t>POINT (4.629683644585696 51.81510795526557)</t>
  </si>
  <si>
    <t>POINT (4.637447263910785 51.81475498350995)</t>
  </si>
  <si>
    <t>POINT (4.6332058742334095 51.809445244701045)</t>
  </si>
  <si>
    <t>2995BM</t>
  </si>
  <si>
    <t>POINT (4.561431991786305 51.837224994088565)</t>
  </si>
  <si>
    <t>POINT (4.636320752228219 51.82467938328907)</t>
  </si>
  <si>
    <t>POINT (4.6415529154515 51.82592948354829)</t>
  </si>
  <si>
    <t>POINT (4.645327089400645 51.81449310893573)</t>
  </si>
  <si>
    <t>POINT (4.638749320129483 51.825383167654905)</t>
  </si>
  <si>
    <t>POINT (4.650912696487134 51.8260298911812)</t>
  </si>
  <si>
    <t>POINT (4.566066577620076 51.83281303637465)</t>
  </si>
  <si>
    <t>POINT (4.641523459020288 51.82587916651605)</t>
  </si>
  <si>
    <t>POINT (4.612727517370176 51.8134993709491)</t>
  </si>
  <si>
    <t>POINT (4.639129289246542 51.82389063613112)</t>
  </si>
  <si>
    <t>POINT (4.6204498194278 51.820442735005734)</t>
  </si>
  <si>
    <t>POINT (4.55947624836947 51.83523732680648)</t>
  </si>
  <si>
    <t>POINT (4.634256081811271 51.80952034723676)</t>
  </si>
  <si>
    <t>POINT (4.658734973806391 51.82893685314869)</t>
  </si>
  <si>
    <t>POINT (4.610694699785032 51.8186913434093)</t>
  </si>
  <si>
    <t>POINT (4.650999689980569 51.8186255072849)</t>
  </si>
  <si>
    <t>POINT (4.658932520533415 51.820845793572495)</t>
  </si>
  <si>
    <t>2995BB</t>
  </si>
  <si>
    <t>De Hupse</t>
  </si>
  <si>
    <t>POINT (4.566420123463902 51.83855759090421)</t>
  </si>
  <si>
    <t>POINT (4.628616211656824 51.81354289435155)</t>
  </si>
  <si>
    <t>POINT (4.5991510700948135 51.813466567432116)</t>
  </si>
  <si>
    <t>POINT (4.604965945617509 51.82109198564383)</t>
  </si>
  <si>
    <t>POINT (4.625282703467459 51.822828539785824)</t>
  </si>
  <si>
    <t>POINT (4.613628230954166 51.8243480071022)</t>
  </si>
  <si>
    <t>POINT (4.6271178985736565 51.812759208344566)</t>
  </si>
  <si>
    <t>POINT (4.644033130487082 51.81978735175664)</t>
  </si>
  <si>
    <t>POINT (4.630479721884176 51.806927062785654)</t>
  </si>
  <si>
    <t>POINT (4.630465237736551 51.811954626237636)</t>
  </si>
  <si>
    <t>POINT (4.642846738534106 51.820852966109044)</t>
  </si>
  <si>
    <t>POINT (4.65211913576374 51.82026674767188)</t>
  </si>
  <si>
    <t>POINT (4.619026855313878 51.813602626582174)</t>
  </si>
  <si>
    <t>POINT (4.609943551986026 51.81858558054214)</t>
  </si>
  <si>
    <t>POINT (4.644209253903471 51.81534549110433)</t>
  </si>
  <si>
    <t>POINT (4.631588884814604 51.82353705141813)</t>
  </si>
  <si>
    <t>3333BK</t>
  </si>
  <si>
    <t>Jacob Slotboomstraat</t>
  </si>
  <si>
    <t>POINT (4.6287114371039175 51.80704834625043)</t>
  </si>
  <si>
    <t>POINT (4.638757403870573 51.81837916710787)</t>
  </si>
  <si>
    <t>POINT (4.654713754974571 51.816590931339526)</t>
  </si>
  <si>
    <t>POINT (4.603658398569615 51.814635774449876)</t>
  </si>
  <si>
    <t>POINT (4.627276738775617 51.81439475334496)</t>
  </si>
  <si>
    <t>POINT (4.607782575623941 51.81337216031862)</t>
  </si>
  <si>
    <t>POINT (4.612506452225603 51.82250360267157)</t>
  </si>
  <si>
    <t>POINT (4.644897784185261 51.814652613200295)</t>
  </si>
  <si>
    <t>POINT (4.64459511113183 51.814810463371906)</t>
  </si>
  <si>
    <t>POINT (4.656624184275075 51.826924231850384)</t>
  </si>
  <si>
    <t>POINT (4.645065232622482 51.82440810813485)</t>
  </si>
  <si>
    <t>POINT (4.6381718862605394 51.8254428993365)</t>
  </si>
  <si>
    <t>POINT (4.558287558083339 51.83238794438566)</t>
  </si>
  <si>
    <t>POINT (4.645107692303211 51.81457521775968)</t>
  </si>
  <si>
    <t>POINT (4.660030725240783 51.81975567884639)</t>
  </si>
  <si>
    <t>POINT (4.635187488994615 51.80927968774888)</t>
  </si>
  <si>
    <t>POINT (4.656559994141092 51.823327167420224)</t>
  </si>
  <si>
    <t>POINT (4.638958849225169 51.821915102775094)</t>
  </si>
  <si>
    <t>POINT (4.633138600658531 51.82506749173956)</t>
  </si>
  <si>
    <t>3331TD</t>
  </si>
  <si>
    <t>Kreeftstraat</t>
  </si>
  <si>
    <t>3331TD-3331TE</t>
  </si>
  <si>
    <t>POINT (4.6367981295002965 51.82039091942235)</t>
  </si>
  <si>
    <t>POINT (4.643914714771949 51.81815151402201)</t>
  </si>
  <si>
    <t>POINT (4.618486830452228 51.81828824331765)</t>
  </si>
  <si>
    <t>POINT (4.648029369114259 51.826610693531116)</t>
  </si>
  <si>
    <t>POINT (4.641141788065081 51.82410285073002)</t>
  </si>
  <si>
    <t>POINT (4.656131451724014 51.819129213238554)</t>
  </si>
  <si>
    <t>POINT (4.596697620724599 51.81527201135476)</t>
  </si>
  <si>
    <t>POINT (4.633094494507761 51.813582489928706)</t>
  </si>
  <si>
    <t>3334CR</t>
  </si>
  <si>
    <t>Nieuwerhoek</t>
  </si>
  <si>
    <t>POINT (4.6012468785206355 51.813093100481396)</t>
  </si>
  <si>
    <t>POINT (4.561724428372263 51.83481352683798)</t>
  </si>
  <si>
    <t>POINT (4.641087680038171 51.82551981602961)</t>
  </si>
  <si>
    <t>POINT (4.618866161032393 51.813109612979616)</t>
  </si>
  <si>
    <t>POINT (4.6183206654295885 51.82140428764297)</t>
  </si>
  <si>
    <t>POINT (4.644161673439771 51.81533473600533)</t>
  </si>
  <si>
    <t>POINT (4.657206866142447 51.8209821727474)</t>
  </si>
  <si>
    <t>POINT (4.6131861846881295 51.81549256334952)</t>
  </si>
  <si>
    <t>POINT (4.644580585209872 51.81472383728662)</t>
  </si>
  <si>
    <t>POINT (4.647434611013382 51.82228358821787)</t>
  </si>
  <si>
    <t>POINT (4.6042017406673486 51.81412554217364)</t>
  </si>
  <si>
    <t>POINT (4.629490225718116 51.81504557439411)</t>
  </si>
  <si>
    <t>POINT (4.611948099985326 51.81628368621107)</t>
  </si>
  <si>
    <t>POINT (4.6393217631151815 51.82567129952168)</t>
  </si>
  <si>
    <t>POINT (4.616163285857121 51.817222049119636)</t>
  </si>
  <si>
    <t>POINT (4.651621247601646 51.82461533616088)</t>
  </si>
  <si>
    <t>POINT (4.650209756028795 51.81885503728229)</t>
  </si>
  <si>
    <t>POINT (4.626295346780989 51.813911372252754)</t>
  </si>
  <si>
    <t>POINT (4.652759152849781 51.816942990966545)</t>
  </si>
  <si>
    <t>POINT (4.6568857920439575 51.83001625434228)</t>
  </si>
  <si>
    <t>POINT (4.633238217308696 51.80942147063695)</t>
  </si>
  <si>
    <t>POINT (4.6330482917654585 51.80948951717485)</t>
  </si>
  <si>
    <t>POINT (4.612160916901118 51.82194228620575)</t>
  </si>
  <si>
    <t>POINT (4.602238523198043 51.82093456721009)</t>
  </si>
  <si>
    <t>POINT (4.618556917796135 51.81267665961534)</t>
  </si>
  <si>
    <t>POINT (4.6446028196643505 51.814691142281596)</t>
  </si>
  <si>
    <t>POINT (4.570310858625095 51.83496587151181)</t>
  </si>
  <si>
    <t>3335AR</t>
  </si>
  <si>
    <t>Develpad</t>
  </si>
  <si>
    <t>POINT (4.613962519151282 51.81773943201295)</t>
  </si>
  <si>
    <t>POINT (4.649134254770392 51.81356084384366)</t>
  </si>
  <si>
    <t>POINT (4.635861181531146 51.81172428442592)</t>
  </si>
  <si>
    <t>POINT (4.641320195261259 51.82572069884785)</t>
  </si>
  <si>
    <t>POINT (4.656209787549704 51.820181916014015)</t>
  </si>
  <si>
    <t>POINT (4.607423636856655 51.8190857340559)</t>
  </si>
  <si>
    <t>POINT (4.62038800875846 51.811569183945906)</t>
  </si>
  <si>
    <t>POINT (4.629779197044312 51.81210957007156)</t>
  </si>
  <si>
    <t>POINT (4.624268833305569 51.81057494294355)</t>
  </si>
  <si>
    <t>POINT (4.649795748525339 51.82474507567276)</t>
  </si>
  <si>
    <t>POINT (4.656122247981431 51.820955817335694)</t>
  </si>
  <si>
    <t>POINT (4.618220287465798 51.818096502676276)</t>
  </si>
  <si>
    <t>POINT (4.60424038145367 51.81399074429078)</t>
  </si>
  <si>
    <t>POINT (4.630412652269865 51.82300487467547)</t>
  </si>
  <si>
    <t>POINT (4.632402755464982 51.80769544438477)</t>
  </si>
  <si>
    <t>POINT (4.65800254524958 51.82384935585861)</t>
  </si>
  <si>
    <t>POINT (4.640071014452146 51.81076226178435)</t>
  </si>
  <si>
    <t>POINT (4.605532843320344 51.81386913166378)</t>
  </si>
  <si>
    <t>POINT (4.633080217033957 51.82049430603781)</t>
  </si>
  <si>
    <t>POINT (4.628171347663827 51.81213844398663)</t>
  </si>
  <si>
    <t>POINT (4.562362633465487 51.83275118465662)</t>
  </si>
  <si>
    <t>POINT (4.649299980222679 51.81353108177748)</t>
  </si>
  <si>
    <t>POINT (4.597990600464793 51.814586495746575)</t>
  </si>
  <si>
    <t>POINT (4.567504752842854 51.83565760786215)</t>
  </si>
  <si>
    <t>POINT (4.60905535212846 51.81354419281572)</t>
  </si>
  <si>
    <t>POINT (4.567436925413352 51.83217102008278)</t>
  </si>
  <si>
    <t>POINT (4.656611080837856 51.82137466851263)</t>
  </si>
  <si>
    <t>POINT (4.608357005336605 51.81415807444037)</t>
  </si>
  <si>
    <t>POINT (4.631348288647003 51.82269944549255)</t>
  </si>
  <si>
    <t>POINT (4.645456292869524 51.82307365711515)</t>
  </si>
  <si>
    <t>POINT (4.570024093179899 51.836854010029214)</t>
  </si>
  <si>
    <t>POINT (4.627511153901861 51.809038395720584)</t>
  </si>
  <si>
    <t>POINT (4.657931569777777 51.830012419176406)</t>
  </si>
  <si>
    <t>POINT (4.64574385705192 51.81423158311377)</t>
  </si>
  <si>
    <t>POINT (4.643795424037994 51.81536701400471)</t>
  </si>
  <si>
    <t>POINT (4.60264919449237 51.81977373148975)</t>
  </si>
  <si>
    <t>POINT (4.634786128420464 51.82434717612743)</t>
  </si>
  <si>
    <t>POINT (4.58975213713752 51.81193073477277)</t>
  </si>
  <si>
    <t>POINT (4.650911165563415 51.81662185015134)</t>
  </si>
  <si>
    <t>POINT (4.6504046289196435 51.818163026428635)</t>
  </si>
  <si>
    <t>POINT (4.654958683907212 51.82094187611196)</t>
  </si>
  <si>
    <t>POINT (4.635409613428217 51.82362625121877)</t>
  </si>
  <si>
    <t>POINT (4.638009670932994 51.82336745405775)</t>
  </si>
  <si>
    <t>POINT (4.620791427228643 51.828525947548144)</t>
  </si>
  <si>
    <t>3333CG</t>
  </si>
  <si>
    <t>POINT (4.633548193879767 51.809821104452034)</t>
  </si>
  <si>
    <t>POINT (4.566816805787785 51.83722549060795)</t>
  </si>
  <si>
    <t>POINT (4.606277214597404 51.81295697629959)</t>
  </si>
  <si>
    <t>POINT (4.641082111164193 51.80958767823868)</t>
  </si>
  <si>
    <t>POINT (4.647976731610761 51.81620086269123)</t>
  </si>
  <si>
    <t>POINT (4.641709880361721 51.81821173098314)</t>
  </si>
  <si>
    <t>POINT (4.636273306280044 51.82398535946169)</t>
  </si>
  <si>
    <t>POINT (4.6374095886216535 51.811910411634294)</t>
  </si>
  <si>
    <t>POINT (4.561977685701671 51.837317514374305)</t>
  </si>
  <si>
    <t>POINT (4.633049076479122 51.819949858175825)</t>
  </si>
  <si>
    <t>POINT (4.622142036118456 51.811638510955206)</t>
  </si>
  <si>
    <t>POINT (4.6454971376008505 51.82058546925775)</t>
  </si>
  <si>
    <t>POINT (4.620677139981395 51.81153604388962)</t>
  </si>
  <si>
    <t>POINT (4.632546973734049 51.808986512875016)</t>
  </si>
  <si>
    <t>POINT (4.566216880867148 51.834759342382974)</t>
  </si>
  <si>
    <t>POINT (4.638593769659239 51.82528199672129)</t>
  </si>
  <si>
    <t>POINT (4.605496149537869 51.818894152671604)</t>
  </si>
  <si>
    <t>POINT (4.639140733385799 51.825548537943384)</t>
  </si>
  <si>
    <t>POINT (4.656163668422635 51.826635785515535)</t>
  </si>
  <si>
    <t>POINT (4.632525178987647 51.819373892364226)</t>
  </si>
  <si>
    <t>POINT (4.597988913883226 51.81468200771361)</t>
  </si>
  <si>
    <t>POINT (4.650008656020246 51.813449720681376)</t>
  </si>
  <si>
    <t>POINT (4.598985472293426 51.816123127883486)</t>
  </si>
  <si>
    <t>POINT (4.60732398747549 51.8142951054994)</t>
  </si>
  <si>
    <t>POINT (4.632495040629044 51.81179721822224)</t>
  </si>
  <si>
    <t>POINT (4.644399147630365 51.82487702303566)</t>
  </si>
  <si>
    <t>POINT (4.6417044581501745 51.82120470632559)</t>
  </si>
  <si>
    <t>POINT (4.656452382722406 51.82325893859689)</t>
  </si>
  <si>
    <t>POINT (4.6580389991342095 51.82921171090757)</t>
  </si>
  <si>
    <t>POINT (4.62774960342851 51.809915763694754)</t>
  </si>
  <si>
    <t>POINT (4.645798123926566 51.81536659575595)</t>
  </si>
  <si>
    <t>POINT (4.646242215243944 51.81643420996916)</t>
  </si>
  <si>
    <t>POINT (4.628770996066076 51.80944539252169)</t>
  </si>
  <si>
    <t>POINT (4.61460797575628 51.82221997370518)</t>
  </si>
  <si>
    <t>POINT (4.65567877116379 51.82065724563414)</t>
  </si>
  <si>
    <t>POINT (4.6485907112057925 51.81784953274341)</t>
  </si>
  <si>
    <t>POINT (4.635989778061369 51.81083764376119)</t>
  </si>
  <si>
    <t>3331HJ</t>
  </si>
  <si>
    <t>POINT (4.6369383105416055 51.82302712999901)</t>
  </si>
  <si>
    <t>POINT (4.5626441373597935 51.835309005598646)</t>
  </si>
  <si>
    <t>POINT (4.655773953516464 51.817868201881545)</t>
  </si>
  <si>
    <t>POINT (4.630382910676539 51.82233315517)</t>
  </si>
  <si>
    <t>POINT (4.597833560718066 51.813259933248595)</t>
  </si>
  <si>
    <t>POINT (4.617362699279721 51.81307126539587)</t>
  </si>
  <si>
    <t>POINT (4.635157831049718 51.807437639089834)</t>
  </si>
  <si>
    <t>POINT (4.64201202966491 51.810160540700565)</t>
  </si>
  <si>
    <t>POINT (4.643921438658559 51.82337394903452)</t>
  </si>
  <si>
    <t>POINT (4.607615122168928 51.813659604197184)</t>
  </si>
  <si>
    <t>POINT (4.6561663756905665 51.82456494687854)</t>
  </si>
  <si>
    <t>POINT (4.637156980020035 51.81483339768587)</t>
  </si>
  <si>
    <t>POINT (4.652403345761402 51.81587244939139)</t>
  </si>
  <si>
    <t>POINT (4.6370984890887685 51.815729520919575)</t>
  </si>
  <si>
    <t>POINT (4.561564618707761 51.83434510476704)</t>
  </si>
  <si>
    <t>POINT (4.6265609378405435 51.81404319664535)</t>
  </si>
  <si>
    <t>POINT (4.6618317157941815 51.82652141447082)</t>
  </si>
  <si>
    <t>POINT (4.607016564667867 51.82086146549383)</t>
  </si>
  <si>
    <t>POINT (4.620261603532371 51.812073541901306)</t>
  </si>
  <si>
    <t>POINT (4.609106622345891 51.81920632392412)</t>
  </si>
  <si>
    <t>POINT (4.654339324131407 51.81634839811675)</t>
  </si>
  <si>
    <t>POINT (4.642395801350555 51.809184431078926)</t>
  </si>
  <si>
    <t>POINT (4.621005944474375 51.81503578207035)</t>
  </si>
  <si>
    <t>POINT (4.637287074867856 51.81492283071398)</t>
  </si>
  <si>
    <t>POINT (4.630156777473658 51.81175044463406)</t>
  </si>
  <si>
    <t>POINT (4.646804829102844 51.81976628147401)</t>
  </si>
  <si>
    <t>POINT (4.632539366374435 51.82626777485024)</t>
  </si>
  <si>
    <t>POINT (4.638007205811946 51.81070685677556)</t>
  </si>
  <si>
    <t>POINT (4.640807524678119 51.80872636918981)</t>
  </si>
  <si>
    <t>POINT (4.634175995744951 51.8095792307278)</t>
  </si>
  <si>
    <t>2995AJ</t>
  </si>
  <si>
    <t>POINT (4.569938502509148 51.83440228334612)</t>
  </si>
  <si>
    <t>POINT (4.615250695822162 51.82181425454275)</t>
  </si>
  <si>
    <t>POINT (4.635494249364036 51.81135966268886)</t>
  </si>
  <si>
    <t>POINT (4.6521792470510945 51.828799752473735)</t>
  </si>
  <si>
    <t>POINT (4.643187341426218 51.80952551305132)</t>
  </si>
  <si>
    <t>POINT (4.659802108781222 51.82116416290118)</t>
  </si>
  <si>
    <t>POINT (4.636243194681986 51.81622217787074)</t>
  </si>
  <si>
    <t>POINT (4.613810255610442 51.83057234149045)</t>
  </si>
  <si>
    <t>POINT (4.600315704961939 51.81405805718647)</t>
  </si>
  <si>
    <t>3333GA</t>
  </si>
  <si>
    <t>Akeleilaan</t>
  </si>
  <si>
    <t>POINT (4.625809667676409 51.815618998658266)</t>
  </si>
  <si>
    <t>POINT (4.564683805003719 51.83268147687922)</t>
  </si>
  <si>
    <t>POINT (4.632141654995415 51.80705073894893)</t>
  </si>
  <si>
    <t>POINT (4.56416733233297 51.832285875355815)</t>
  </si>
  <si>
    <t>POINT (4.63292834011529 51.80781999188313)</t>
  </si>
  <si>
    <t>POINT (4.619358887902656 51.812923823216316)</t>
  </si>
  <si>
    <t>POINT (4.629855000784899 51.81502816286749)</t>
  </si>
  <si>
    <t>POINT (4.646478781969014 51.8142157479283)</t>
  </si>
  <si>
    <t>POINT (4.635227287881105 51.809816514774354)</t>
  </si>
  <si>
    <t>POINT (4.652564563511382 51.820563196876314)</t>
  </si>
  <si>
    <t>POINT (4.596612189771809 51.81497896029845)</t>
  </si>
  <si>
    <t>POINT (4.631650981785359 51.809628824345516)</t>
  </si>
  <si>
    <t>POINT (4.604123067920401 51.82009733539457)</t>
  </si>
  <si>
    <t>POINT (4.606266013255945 51.821833934386234)</t>
  </si>
  <si>
    <t>POINT (4.649253495093424 51.81803657696458)</t>
  </si>
  <si>
    <t>POINT (4.644780093835081 51.81985544055643)</t>
  </si>
  <si>
    <t>POINT (4.611246992515188 51.81836794171578)</t>
  </si>
  <si>
    <t>POINT (4.568472027908865 51.83890305533298)</t>
  </si>
  <si>
    <t>POINT (4.6464782549516395 51.824069720338585)</t>
  </si>
  <si>
    <t>POINT (4.661516238421026 51.82643447659458)</t>
  </si>
  <si>
    <t>POINT (4.644598961668926 51.82064181163763)</t>
  </si>
  <si>
    <t>POINT (4.654481564857373 51.81642906085313)</t>
  </si>
  <si>
    <t>POINT (4.634982776665438 51.80767883469763)</t>
  </si>
  <si>
    <t>POINT (4.608092178690725 51.821198299087015)</t>
  </si>
  <si>
    <t>3332TA</t>
  </si>
  <si>
    <t>POINT (4.657359701242857 51.81851247708746)</t>
  </si>
  <si>
    <t>POINT (4.6421080670042985 51.82193114648106)</t>
  </si>
  <si>
    <t>POINT (4.563235263979411 51.834203800891615)</t>
  </si>
  <si>
    <t>POINT (4.5614459120203215 51.83699593287047)</t>
  </si>
  <si>
    <t>POINT (4.643726189751746 51.82287399309556)</t>
  </si>
  <si>
    <t>POINT (4.644573639000319 51.81606199417973)</t>
  </si>
  <si>
    <t>POINT (4.628991058100407 51.821308161000424)</t>
  </si>
  <si>
    <t>POINT (4.561867860354582 51.83278858775679)</t>
  </si>
  <si>
    <t>POINT (4.661734886397052 51.82444060441075)</t>
  </si>
  <si>
    <t>POINT (4.6570889329725285 51.82108312807676)</t>
  </si>
  <si>
    <t>POINT (4.5943013821640175 51.81409399693435)</t>
  </si>
  <si>
    <t>POINT (4.638746782279317 51.825357794380956)</t>
  </si>
  <si>
    <t>POINT (4.634308362146401 51.82406185843724)</t>
  </si>
  <si>
    <t>POINT (4.632831215238323 51.82515441472283)</t>
  </si>
  <si>
    <t>POINT (4.620600059750335 51.813445004889125)</t>
  </si>
  <si>
    <t>POINT (4.651780473598769 51.81487046185739)</t>
  </si>
  <si>
    <t>POINT (4.656124044416734 51.820261102538616)</t>
  </si>
  <si>
    <t>POINT (4.633099653548274 51.81139699076854)</t>
  </si>
  <si>
    <t>POINT (4.627770341308022 51.809040109388405)</t>
  </si>
  <si>
    <t>POINT (4.638558906315217 51.82396719646537)</t>
  </si>
  <si>
    <t>POINT (4.619693275436728 51.8121393179706)</t>
  </si>
  <si>
    <t>POINT (4.616853511917055 51.818591419557606)</t>
  </si>
  <si>
    <t>POINT (4.6385703228483814 51.8141398654057)</t>
  </si>
  <si>
    <t>POINT (4.610025748361495 51.819096882024176)</t>
  </si>
  <si>
    <t>POINT (4.644075333840142 51.81672947732133)</t>
  </si>
  <si>
    <t>POINT (4.642946844878015 51.822588112313035)</t>
  </si>
  <si>
    <t>2995XT</t>
  </si>
  <si>
    <t>De Gors</t>
  </si>
  <si>
    <t>POINT (4.5605575075519145 51.83539261317758)</t>
  </si>
  <si>
    <t>POINT (4.656786255562587 51.82129583149479)</t>
  </si>
  <si>
    <t>POINT (4.654148202467447 51.82175219786462)</t>
  </si>
  <si>
    <t>POINT (4.562502197549787 51.835459325096494)</t>
  </si>
  <si>
    <t>POINT (4.631919880320099 51.81867524382489)</t>
  </si>
  <si>
    <t>POINT (4.630324731701134 51.81269917179308)</t>
  </si>
  <si>
    <t>POINT (4.656427727489876 51.821689523982414)</t>
  </si>
  <si>
    <t>POINT (4.644516924282592 51.82066821365869)</t>
  </si>
  <si>
    <t>POINT (4.632448221505332 51.80952025663927)</t>
  </si>
  <si>
    <t>POINT (4.6080945213735385 51.81734456150508)</t>
  </si>
  <si>
    <t>3332GA</t>
  </si>
  <si>
    <t>Hageland</t>
  </si>
  <si>
    <t>POINT (4.65360219931349 51.82481944462612)</t>
  </si>
  <si>
    <t>POINT (4.638736371442246 51.82268733195529)</t>
  </si>
  <si>
    <t>POINT (4.629672451230332 51.813727738734265)</t>
  </si>
  <si>
    <t>POINT (4.6473618069724365 51.81921125481685)</t>
  </si>
  <si>
    <t>POINT (4.622512459712915 51.812252778391056)</t>
  </si>
  <si>
    <t>3332RK</t>
  </si>
  <si>
    <t>POINT (4.652125645498365 51.82735796606685)</t>
  </si>
  <si>
    <t>POINT (4.63511864191676 51.823747442316446)</t>
  </si>
  <si>
    <t>POINT (4.595343700096867 51.83994299390548)</t>
  </si>
  <si>
    <t>POINT (4.6127342882899764 51.813372836411716)</t>
  </si>
  <si>
    <t>POINT (4.661997553664535 51.825577505500924)</t>
  </si>
  <si>
    <t>POINT (4.627155467082202 51.81345549259517)</t>
  </si>
  <si>
    <t>POINT (4.609014238306181 51.815361440814016)</t>
  </si>
  <si>
    <t>POINT (4.635089701044082 51.824187415209025)</t>
  </si>
  <si>
    <t>POINT (4.6326641415077985 51.824762422473945)</t>
  </si>
  <si>
    <t>POINT (4.650211741525411 51.82475069965281)</t>
  </si>
  <si>
    <t>POINT (4.643525567999707 51.81937072881713)</t>
  </si>
  <si>
    <t>POINT (4.604193796867001 51.81292880122701)</t>
  </si>
  <si>
    <t>POINT (4.639058837782619 51.82555168335368)</t>
  </si>
  <si>
    <t>POINT (4.619432585484654 51.83038171050607)</t>
  </si>
  <si>
    <t>POINT (4.633417372112576 51.812801890668965)</t>
  </si>
  <si>
    <t>POINT (4.614173771743254 51.8204166031064)</t>
  </si>
  <si>
    <t>POINT (4.614677189131197 51.82195029148024)</t>
  </si>
  <si>
    <t>POINT (4.6404241923731515 51.82566302000497)</t>
  </si>
  <si>
    <t>POINT (4.658009628792368 51.83002802304837)</t>
  </si>
  <si>
    <t>POINT (4.565070143190653 51.83670211725953)</t>
  </si>
  <si>
    <t>POINT (4.570492240372165 51.83624561116159)</t>
  </si>
  <si>
    <t>POINT (4.652958615155279 51.817486256756716)</t>
  </si>
  <si>
    <t>POINT (4.6568336886539825 51.817688232615296)</t>
  </si>
  <si>
    <t>POINT (4.626517489971438 51.81121793324938)</t>
  </si>
  <si>
    <t>POINT (4.6097034671912755 51.81920204577221)</t>
  </si>
  <si>
    <t>POINT (4.661734433794231 51.82447773380803)</t>
  </si>
  <si>
    <t>POINT (4.660343609939799 51.82669039116239)</t>
  </si>
  <si>
    <t>POINT (4.570097598283139 51.83703730770434)</t>
  </si>
  <si>
    <t>POINT (4.6036155915223125 51.814638005471515)</t>
  </si>
  <si>
    <t>POINT (4.56649150681839 51.83813827079597)</t>
  </si>
  <si>
    <t>POINT (4.649696347409508 51.81341627998533)</t>
  </si>
  <si>
    <t>POINT (4.618960462249104 51.81279167912924)</t>
  </si>
  <si>
    <t>POINT (4.611383767884415 51.81515865854421)</t>
  </si>
  <si>
    <t>POINT (4.612581923338091 51.81455643677599)</t>
  </si>
  <si>
    <t>POINT (4.610686184726341 51.82238748433538)</t>
  </si>
  <si>
    <t>POINT (4.603015074402087 51.81006782470292)</t>
  </si>
  <si>
    <t>POINT (4.569196265667933 51.83633364807054)</t>
  </si>
  <si>
    <t>POINT (4.656525110897005 51.82160822545888)</t>
  </si>
  <si>
    <t>POINT (4.649314799961647 51.82557396438425)</t>
  </si>
  <si>
    <t>POINT (4.6386536968341465 51.80959535834124)</t>
  </si>
  <si>
    <t>POINT (4.619126704115403 51.82046499565713)</t>
  </si>
  <si>
    <t>POINT (4.6185028692310235 51.81540429189127)</t>
  </si>
  <si>
    <t>POINT (4.604570422181623 51.82029641745381)</t>
  </si>
  <si>
    <t>POINT (4.637233480795869 51.811070819886645)</t>
  </si>
  <si>
    <t>POINT (4.636214572072029 51.82062686142574)</t>
  </si>
  <si>
    <t>POINT (4.5959551412746515 51.81466173289326)</t>
  </si>
  <si>
    <t>POINT (4.633185828234166 51.813341523300146)</t>
  </si>
  <si>
    <t>POINT (4.604273698014198 51.814428061631645)</t>
  </si>
  <si>
    <t>POINT (4.656291388199025 51.81739206814002)</t>
  </si>
  <si>
    <t>POINT (4.655601359870735 51.81837762929327)</t>
  </si>
  <si>
    <t>POINT (4.641594936761041 51.82138424284215)</t>
  </si>
  <si>
    <t>POINT (4.6309212819073124 51.81302007659534)</t>
  </si>
  <si>
    <t>POINT (4.6337448197370525 51.820520749653795)</t>
  </si>
  <si>
    <t>POINT (4.639983035452848 51.818805930987835)</t>
  </si>
  <si>
    <t>POINT (4.657508817943768 51.82088571430588)</t>
  </si>
  <si>
    <t>POINT (4.600367377077488 51.81420098297847)</t>
  </si>
  <si>
    <t>POINT (4.652268298357659 51.820554106173844)</t>
  </si>
  <si>
    <t>POINT (4.652278316925601 51.81823517850243)</t>
  </si>
  <si>
    <t>POINT (4.616148715494926 51.81383765556048)</t>
  </si>
  <si>
    <t>POINT (4.60748311964971 51.82106024150235)</t>
  </si>
  <si>
    <t>POINT (4.643862340701805 51.816772478643266)</t>
  </si>
  <si>
    <t>POINT (4.633335202681494 51.80935015709864)</t>
  </si>
  <si>
    <t>POINT (4.6386847538549905 51.81840889680628)</t>
  </si>
  <si>
    <t>POINT (4.651976164658503 51.817733416253134)</t>
  </si>
  <si>
    <t>POINT (4.570016975774258 51.83706560934782)</t>
  </si>
  <si>
    <t>POINT (4.640884924440618 51.81916035008146)</t>
  </si>
  <si>
    <t>POINT (4.602182449071412 51.821326765791206)</t>
  </si>
  <si>
    <t>POINT (4.658786251557742 51.826218656317295)</t>
  </si>
  <si>
    <t>POINT (4.557456772312672 51.833342271672485)</t>
  </si>
  <si>
    <t>3331TG</t>
  </si>
  <si>
    <t>Melkwegsingel</t>
  </si>
  <si>
    <t>POINT (4.638040100659948 51.82128368282612)</t>
  </si>
  <si>
    <t>POINT (4.633831210753412 51.817729737676984)</t>
  </si>
  <si>
    <t>POINT (4.565928040535685 51.83736323989139)</t>
  </si>
  <si>
    <t>POINT (4.629312065126687 51.82174190772968)</t>
  </si>
  <si>
    <t>POINT (4.654430079459375 51.82694262642698)</t>
  </si>
  <si>
    <t>POINT (4.617572670051968 51.81284390667245)</t>
  </si>
  <si>
    <t>POINT (4.647337414913014 51.82231880445236)</t>
  </si>
  <si>
    <t>POINT (4.63612472305711 51.82378791592545)</t>
  </si>
  <si>
    <t>POINT (4.645344404899265 51.81780153374839)</t>
  </si>
  <si>
    <t>POINT (4.610015269253854 51.8193345193613)</t>
  </si>
  <si>
    <t>POINT (4.600424253276256 51.81534871338244)</t>
  </si>
  <si>
    <t>POINT (4.635390681420191 51.824115096891305)</t>
  </si>
  <si>
    <t>POINT (4.638633220208596 51.81883083908227)</t>
  </si>
  <si>
    <t>POINT (4.560377189422852 51.83298020040572)</t>
  </si>
  <si>
    <t>POINT (4.65391651609157 51.82102915734049)</t>
  </si>
  <si>
    <t>POINT (4.66063425516815 51.82708124714379)</t>
  </si>
  <si>
    <t>POINT (4.6169214248410295 51.814500866179976)</t>
  </si>
  <si>
    <t>POINT (4.618682097595057 51.81313017838506)</t>
  </si>
  <si>
    <t>POINT (4.649996832314868 51.81910550006094)</t>
  </si>
  <si>
    <t>POINT (4.646184880093245 51.81560775119135)</t>
  </si>
  <si>
    <t>POINT (4.614042139399701 51.818240295632876)</t>
  </si>
  <si>
    <t>POINT (4.618381382089646 51.819846456205184)</t>
  </si>
  <si>
    <t>POINT (4.636914295647186 51.81189482356718)</t>
  </si>
  <si>
    <t>POINT (4.612011119070285 51.82476611742066)</t>
  </si>
  <si>
    <t>POINT (4.63431990557677 51.82427912629547)</t>
  </si>
  <si>
    <t>POINT (4.643499413709795 51.81904303315786)</t>
  </si>
  <si>
    <t>POINT (4.649382861325827 51.814268289098905)</t>
  </si>
  <si>
    <t>POINT (4.651284155533295 51.828444538611954)</t>
  </si>
  <si>
    <t>POINT (4.641748146770985 51.8259553885875)</t>
  </si>
  <si>
    <t>POINT (4.626937622901433 51.81282206715065)</t>
  </si>
  <si>
    <t>POINT (4.609924906521969 51.819179027285735)</t>
  </si>
  <si>
    <t>POINT (4.6520556832208815 51.82726438725877)</t>
  </si>
  <si>
    <t>POINT (4.65015336217994 51.81887204927721)</t>
  </si>
  <si>
    <t>POINT (4.656700360960023 51.817553777066244)</t>
  </si>
  <si>
    <t>POINT (4.6063508460914635 51.8195352194417)</t>
  </si>
  <si>
    <t>POINT (4.629395197655081 51.81167858109351)</t>
  </si>
  <si>
    <t>POINT (4.635777004008425 51.81230262706749)</t>
  </si>
  <si>
    <t>POINT (4.64992665007564 51.825917257701995)</t>
  </si>
  <si>
    <t>POINT (4.63454718136891 51.817376131821185)</t>
  </si>
  <si>
    <t>POINT (4.628321395474684 51.82353986221542)</t>
  </si>
  <si>
    <t>POINT (4.629458124580941 51.81117528699777)</t>
  </si>
  <si>
    <t>3334EK</t>
  </si>
  <si>
    <t>POINT (4.601675753348825 51.815344315192846)</t>
  </si>
  <si>
    <t>POINT (4.656643159929077 51.82340193156159)</t>
  </si>
  <si>
    <t>POINT (4.638368306040722 51.824034231708566)</t>
  </si>
  <si>
    <t>POINT (4.6570250657132375 51.8248053367449)</t>
  </si>
  <si>
    <t>POINT (4.619207800965058 51.81497489601777)</t>
  </si>
  <si>
    <t>POINT (4.600576007714375 51.80983672262913)</t>
  </si>
  <si>
    <t>POINT (4.639944637740664 51.818269960289335)</t>
  </si>
  <si>
    <t>POINT (4.63292531645933 51.820285851449434)</t>
  </si>
  <si>
    <t>POINT (4.627984943736954 51.82412956525758)</t>
  </si>
  <si>
    <t>POINT (4.636135637503054 51.81821310678922)</t>
  </si>
  <si>
    <t>POINT (4.64284657246605 51.82019199070126)</t>
  </si>
  <si>
    <t>POINT (4.645236549628725 51.81732698609161)</t>
  </si>
  <si>
    <t>POINT (4.613816398502445 51.81924649748715)</t>
  </si>
  <si>
    <t>POINT (4.625802917185985 51.813236541705784)</t>
  </si>
  <si>
    <t>POINT (4.566658160775775 51.83328322174091)</t>
  </si>
  <si>
    <t>POINT (4.6177648476442625 51.82236747085435)</t>
  </si>
  <si>
    <t>POINT (4.641913774585853 51.82602669594487)</t>
  </si>
  <si>
    <t>POINT (4.643366152967561 51.81839074218578)</t>
  </si>
  <si>
    <t>POINT (4.613349158111251 51.818762709878705)</t>
  </si>
  <si>
    <t>POINT (4.632430855883169 51.81941130800412)</t>
  </si>
  <si>
    <t>POINT (4.641233341764958 51.81006798028613)</t>
  </si>
  <si>
    <t>POINT (4.643639007790978 51.826477391213345)</t>
  </si>
  <si>
    <t>POINT (4.654074353170886 51.824929818366584)</t>
  </si>
  <si>
    <t>POINT (4.633661602320321 51.80985259213191)</t>
  </si>
  <si>
    <t>POINT (4.635979722106327 51.81943936281231)</t>
  </si>
  <si>
    <t>POINT (4.655148291080543 51.82111850893519)</t>
  </si>
  <si>
    <t>POINT (4.605938940246346 51.81325314159693)</t>
  </si>
  <si>
    <t>POINT (4.613345494290344 51.820132692166496)</t>
  </si>
  <si>
    <t>POINT (4.63851654183305 51.81915795749294)</t>
  </si>
  <si>
    <t>POINT (4.616152656324757 51.82178793202918)</t>
  </si>
  <si>
    <t>POINT (4.641364820327805 51.825748496787085)</t>
  </si>
  <si>
    <t>POINT (4.658946092021855 51.82139639821669)</t>
  </si>
  <si>
    <t>POINT (4.612993982963284 51.82451090734419)</t>
  </si>
  <si>
    <t>POINT (4.618603059012414 51.820458430489516)</t>
  </si>
  <si>
    <t>POINT (4.641174518366094 51.825572097894614)</t>
  </si>
  <si>
    <t>POINT (4.628147688632054 51.81123527588412)</t>
  </si>
  <si>
    <t>POINT (4.636186392832902 51.810942667876915)</t>
  </si>
  <si>
    <t>POINT (4.65744596371476 51.82092460402998)</t>
  </si>
  <si>
    <t>POINT (4.635273315844795 51.807406927681654)</t>
  </si>
  <si>
    <t>POINT (4.608872631177414 51.816309863970666)</t>
  </si>
  <si>
    <t>POINT (4.640440498798933 51.8218765486374)</t>
  </si>
  <si>
    <t>POINT (4.6325148049437335 51.80953874320188)</t>
  </si>
  <si>
    <t>POINT (4.607574912345826 51.81724012247417)</t>
  </si>
  <si>
    <t>POINT (4.567549234921453 51.83489538533985)</t>
  </si>
  <si>
    <t>POINT (4.6494356851763445 51.81822829156397)</t>
  </si>
  <si>
    <t>POINT (4.65510265801954 51.82338862948292)</t>
  </si>
  <si>
    <t>POINT (4.648817512718981 51.815755822323815)</t>
  </si>
  <si>
    <t>POINT (4.653287674817875 51.82448149063382)</t>
  </si>
  <si>
    <t>POINT (4.662128010868218 51.825317577157236)</t>
  </si>
  <si>
    <t>POINT (4.5610279176198185 51.83481335493916)</t>
  </si>
  <si>
    <t>POINT (4.627653336949804 51.80795963645158)</t>
  </si>
  <si>
    <t>POINT (4.620623346583934 51.81151683416057)</t>
  </si>
  <si>
    <t>3334ER</t>
  </si>
  <si>
    <t>Rechteren</t>
  </si>
  <si>
    <t>POINT (4.60576875718437 51.81450813865017)</t>
  </si>
  <si>
    <t>POINT (4.641537621580479 51.809761781468886)</t>
  </si>
  <si>
    <t>3332HV</t>
  </si>
  <si>
    <t>Samuel van Houtensingel</t>
  </si>
  <si>
    <t>POINT (4.6604951457683965 51.82873688945723)</t>
  </si>
  <si>
    <t>POINT (4.633370454354783 51.81156705322849)</t>
  </si>
  <si>
    <t>POINT (4.614636861601339 51.813267957515095)</t>
  </si>
  <si>
    <t>POINT (4.642034275457114 51.82616546430058)</t>
  </si>
  <si>
    <t>POINT (4.570220291508897 51.83631892763169)</t>
  </si>
  <si>
    <t>POINT (4.644618725467347 51.818370692510705)</t>
  </si>
  <si>
    <t>POINT (4.649006460518473 51.816818404432354)</t>
  </si>
  <si>
    <t>3333AM</t>
  </si>
  <si>
    <t>POINT (4.633607691699616 51.808819011651735)</t>
  </si>
  <si>
    <t>POINT (4.567649902842996 51.83675368389085)</t>
  </si>
  <si>
    <t>POINT (4.644185168979011 51.81535667336139)</t>
  </si>
  <si>
    <t>POINT (4.64127290171755 51.81568633095592)</t>
  </si>
  <si>
    <t>POINT (4.647138773613196 51.819701835465644)</t>
  </si>
  <si>
    <t>POINT (4.561107838170092 51.83458366155423)</t>
  </si>
  <si>
    <t>POINT (4.639085649482237 51.82561433462033)</t>
  </si>
  <si>
    <t>POINT (4.6385807156333545 51.82528191346202)</t>
  </si>
  <si>
    <t>POINT (4.608194799030704 51.81590520637327)</t>
  </si>
  <si>
    <t>POINT (4.61424766768353 51.82160690808492)</t>
  </si>
  <si>
    <t>POINT (4.635555359122574 51.807598378510974)</t>
  </si>
  <si>
    <t>POINT (4.6509248258575 51.81414359256848)</t>
  </si>
  <si>
    <t>POINT (4.640579206101596 51.81776118494381)</t>
  </si>
  <si>
    <t>POINT (4.644029361654797 51.82080944076676)</t>
  </si>
  <si>
    <t>POINT (4.651319137094828 51.821877171383335)</t>
  </si>
  <si>
    <t>POINT (4.6384844241737335 51.811385709314614)</t>
  </si>
  <si>
    <t>POINT (4.656568407854235 51.817873249343016)</t>
  </si>
  <si>
    <t>POINT (4.6014847658666715 51.820297660844915)</t>
  </si>
  <si>
    <t>POINT (4.586942885352228 51.81703736288428)</t>
  </si>
  <si>
    <t>POINT (4.611991046448278 51.81373652961951)</t>
  </si>
  <si>
    <t>3331AB</t>
  </si>
  <si>
    <t>POINT (4.649755273535769 51.81948549825253)</t>
  </si>
  <si>
    <t>POINT (4.65355589027803 51.82658333554296)</t>
  </si>
  <si>
    <t>POINT (4.6360080506157155 51.823660248914535)</t>
  </si>
  <si>
    <t>POINT (4.6084603046469015 51.816152118031916)</t>
  </si>
  <si>
    <t>POINT (4.644226603836967 51.81797456001222)</t>
  </si>
  <si>
    <t>3333CN</t>
  </si>
  <si>
    <t>POINT (4.634832640631484 51.81006688243977)</t>
  </si>
  <si>
    <t>POINT (4.638474341194539 51.811799889389896)</t>
  </si>
  <si>
    <t>POINT (4.644822858225355 51.81631040047468)</t>
  </si>
  <si>
    <t>POINT (4.660980914024051 51.82791781041404)</t>
  </si>
  <si>
    <t>POINT (4.661357709511804 51.82392717672979)</t>
  </si>
  <si>
    <t>POINT (4.638598976221692 51.82467249791886)</t>
  </si>
  <si>
    <t>POINT (4.614716567585863 51.814308019008216)</t>
  </si>
  <si>
    <t>POINT (4.658600433920507 51.820441408302855)</t>
  </si>
  <si>
    <t>POINT (4.615234925169049 51.8238791636963)</t>
  </si>
  <si>
    <t>POINT (4.658281075642242 51.819235940242535)</t>
  </si>
  <si>
    <t>POINT (4.618185512958845 51.819421570839026)</t>
  </si>
  <si>
    <t>POINT (4.613265635308465 51.818051115483264)</t>
  </si>
  <si>
    <t>POINT (4.633855900021969 51.81967518571829)</t>
  </si>
  <si>
    <t>POINT (4.655792131237147 51.820742598523445)</t>
  </si>
  <si>
    <t>POINT (4.5692955223610605 51.83457635746952)</t>
  </si>
  <si>
    <t>POINT (4.564353023628866 51.83561941408691)</t>
  </si>
  <si>
    <t>POINT (4.6185161079244095 51.81954734039742)</t>
  </si>
  <si>
    <t>POINT (4.642132067185336 51.816265591144614)</t>
  </si>
  <si>
    <t>POINT (4.619672387238798 51.82062796236334)</t>
  </si>
  <si>
    <t>POINT (4.6356818275569545 51.823490287732646)</t>
  </si>
  <si>
    <t>POINT (4.65727548860052 51.830092637006665)</t>
  </si>
  <si>
    <t>POINT (4.6359925073391945 51.822210830424396)</t>
  </si>
  <si>
    <t>POINT (4.640240727560391 51.825728135171)</t>
  </si>
  <si>
    <t>POINT (4.604507034926087 51.82192202798446)</t>
  </si>
  <si>
    <t>POINT (4.632854178421272 51.80959115426442)</t>
  </si>
  <si>
    <t>POINT (4.604854917457156 51.81325140279374)</t>
  </si>
  <si>
    <t>POINT (4.609706267878662 51.821924693686114)</t>
  </si>
  <si>
    <t>POINT (4.634811323593447 51.81008254791186)</t>
  </si>
  <si>
    <t>POINT (4.642780927770668 51.81668677523573)</t>
  </si>
  <si>
    <t>POINT (4.63530570484155 51.820460773838114)</t>
  </si>
  <si>
    <t>POINT (4.57873013931833 51.82643129326673)</t>
  </si>
  <si>
    <t>POINT (4.659190813597645 51.82403043832302)</t>
  </si>
  <si>
    <t>POINT (4.628901599179386 51.812371289589855)</t>
  </si>
  <si>
    <t>POINT (4.568564490686444 51.832396641596894)</t>
  </si>
  <si>
    <t>POINT (4.609581197155425 51.81450562510703)</t>
  </si>
  <si>
    <t>POINT (4.643094190431582 51.80982583716409)</t>
  </si>
  <si>
    <t>3334EL</t>
  </si>
  <si>
    <t>POINT (4.602181493625637 51.81500972300712)</t>
  </si>
  <si>
    <t>POINT (4.637459342072552 51.820150320114884)</t>
  </si>
  <si>
    <t>POINT (4.652508297986452 51.81594221149769)</t>
  </si>
  <si>
    <t>POINT (4.5587642941278865 51.83389487692873)</t>
  </si>
  <si>
    <t>POINT (4.642278369598676 51.80947081179022)</t>
  </si>
  <si>
    <t>POINT (4.610739919371738 51.81451013346451)</t>
  </si>
  <si>
    <t>POINT (4.624189575564588 51.81372275229235)</t>
  </si>
  <si>
    <t>3335LS</t>
  </si>
  <si>
    <t>POINT (4.615065907434572 51.830264645895234)</t>
  </si>
  <si>
    <t>POINT (4.629952318739267 51.82451015520566)</t>
  </si>
  <si>
    <t>POINT (4.632396061251195 51.82613681395453)</t>
  </si>
  <si>
    <t>POINT (4.6192053712655285 51.81983876354044)</t>
  </si>
  <si>
    <t>POINT (4.616499461401595 51.8184359542966)</t>
  </si>
  <si>
    <t>POINT (4.635593891068989 51.82017042417699)</t>
  </si>
  <si>
    <t>POINT (4.596357116906629 51.83961334165366)</t>
  </si>
  <si>
    <t>POINT (4.616000111844922 51.81808056799855)</t>
  </si>
  <si>
    <t>POINT (4.642380212987225 51.81036862060858)</t>
  </si>
  <si>
    <t>POINT (4.6567454767583465 51.81826383109818)</t>
  </si>
  <si>
    <t>POINT (4.653760856476707 51.81845279257915)</t>
  </si>
  <si>
    <t>POINT (4.647167303261774 51.81973983077004)</t>
  </si>
  <si>
    <t>3332GE</t>
  </si>
  <si>
    <t>Land van Waas</t>
  </si>
  <si>
    <t>POINT (4.652059762815349 51.825167246790876)</t>
  </si>
  <si>
    <t>POINT (4.574704300963589 51.829633707308716)</t>
  </si>
  <si>
    <t>POINT (4.5704323791757275 51.83224515046517)</t>
  </si>
  <si>
    <t>POINT (4.658242727038443 51.829620495481635)</t>
  </si>
  <si>
    <t>POINT (4.648972024607071 51.817536959313074)</t>
  </si>
  <si>
    <t>POINT (4.643076288391771 51.818180268123506)</t>
  </si>
  <si>
    <t>POINT (4.604791833378683 51.81325137771355)</t>
  </si>
  <si>
    <t>POINT (4.621896107413175 51.8124361661702)</t>
  </si>
  <si>
    <t>POINT (4.5648837873453045 51.83777722311566)</t>
  </si>
  <si>
    <t>POINT (4.608094900581441 51.81411704487097)</t>
  </si>
  <si>
    <t>POINT (4.653513088379674 51.822085745292036)</t>
  </si>
  <si>
    <t>POINT (4.633125098829402 51.82056857140749)</t>
  </si>
  <si>
    <t>POINT (4.644647277684065 51.819840515035544)</t>
  </si>
  <si>
    <t>POINT (4.631257838290004 51.82319302561751)</t>
  </si>
  <si>
    <t>POINT (4.627359621182883 51.80664191238729)</t>
  </si>
  <si>
    <t>POINT (4.637733107352648 51.810839999989255)</t>
  </si>
  <si>
    <t>POINT (4.6473894307318 51.81894653231784)</t>
  </si>
  <si>
    <t>POINT (4.646098987149959 51.81954625079133)</t>
  </si>
  <si>
    <t>POINT (4.629876294862157 51.80784249064367)</t>
  </si>
  <si>
    <t>POINT (4.650537794510259 51.81394157881491)</t>
  </si>
  <si>
    <t>POINT (4.641838028544174 51.81686835759103)</t>
  </si>
  <si>
    <t>POINT (4.611200643553394 51.81473641591816)</t>
  </si>
  <si>
    <t>POINT (4.643718880588898 51.82324937727897)</t>
  </si>
  <si>
    <t>POINT (4.661699207027717 51.82440336853384)</t>
  </si>
  <si>
    <t>POINT (4.6527966370624645 51.821217380352905)</t>
  </si>
  <si>
    <t>POINT (4.612300243058299 51.81527085256166)</t>
  </si>
  <si>
    <t>POINT (4.6194237601398855 51.83039731109755)</t>
  </si>
  <si>
    <t>POINT (4.634532003175876 51.82422902633671)</t>
  </si>
  <si>
    <t>POINT (4.639274588387885 51.820088446572484)</t>
  </si>
  <si>
    <t>POINT (4.6254591104325575 51.81442038915143)</t>
  </si>
  <si>
    <t>POINT (4.568549800871017 51.8351319489446)</t>
  </si>
  <si>
    <t>POINT (4.617034224354374 51.820217369696806)</t>
  </si>
  <si>
    <t>POINT (4.604773292400255 51.81513440229422)</t>
  </si>
  <si>
    <t>POINT (4.620756666744915 51.813821342729966)</t>
  </si>
  <si>
    <t>POINT (4.649638779853259 51.81438035983433)</t>
  </si>
  <si>
    <t>POINT (4.619047377046757 51.81308848033557)</t>
  </si>
  <si>
    <t>POINT (4.61450047987023 51.81913000631484)</t>
  </si>
  <si>
    <t>POINT (4.658239916900654 51.819207010722785)</t>
  </si>
  <si>
    <t>POINT (4.6068943412413015 51.81413811071503)</t>
  </si>
  <si>
    <t>POINT (4.628637098137074 51.81180165532101)</t>
  </si>
  <si>
    <t>POINT (4.639680504812029 51.81385169050419)</t>
  </si>
  <si>
    <t>POINT (4.646708084886376 51.82409425349027)</t>
  </si>
  <si>
    <t>POINT (4.641707460938281 51.81642250693692)</t>
  </si>
  <si>
    <t>POINT (4.618532635795849 51.82057773487582)</t>
  </si>
  <si>
    <t>POINT (4.639303232652176 51.82242514988043)</t>
  </si>
  <si>
    <t>POINT (4.637486501874132 51.818394443910584)</t>
  </si>
  <si>
    <t>POINT (4.652870785303248 51.81910287934121)</t>
  </si>
  <si>
    <t>POINT (4.6367561453630906 51.814557848279165)</t>
  </si>
  <si>
    <t>POINT (4.630576992688074 51.81286513012171)</t>
  </si>
  <si>
    <t>POINT (4.6451593468507335 51.82240104437698)</t>
  </si>
  <si>
    <t>POINT (4.635593764658651 51.82192810896948)</t>
  </si>
  <si>
    <t>POINT (4.566742192275638 51.83341165605251)</t>
  </si>
  <si>
    <t>POINT (4.656923121900309 51.81761812912705)</t>
  </si>
  <si>
    <t>2995AN</t>
  </si>
  <si>
    <t>POINT (4.567801256593927 51.83644723557953)</t>
  </si>
  <si>
    <t>POINT (4.653377544283913 51.82027332823692)</t>
  </si>
  <si>
    <t>POINT (4.635859900787596 51.810303521263386)</t>
  </si>
  <si>
    <t>POINT (4.6062938323480225 51.81550727044952)</t>
  </si>
  <si>
    <t>POINT (4.659664959366701 51.82494329251884)</t>
  </si>
  <si>
    <t>POINT (4.6373058299081364 51.814935723504526)</t>
  </si>
  <si>
    <t>POINT (4.641803401150381 51.819457160113764)</t>
  </si>
  <si>
    <t>POINT (4.591826537431243 51.84067727205169)</t>
  </si>
  <si>
    <t>POINT (4.652700537779401 51.81531984264299)</t>
  </si>
  <si>
    <t>POINT (4.6572813324120315 51.819206041611)</t>
  </si>
  <si>
    <t>3335XA</t>
  </si>
  <si>
    <t>POINT (4.61935755277301 51.81826343568109)</t>
  </si>
  <si>
    <t>POINT (4.612924585100416 51.814267975821956)</t>
  </si>
  <si>
    <t>POINT (4.614646722101012 51.8133010200332)</t>
  </si>
  <si>
    <t>POINT (4.65855060804383 51.823596294717134)</t>
  </si>
  <si>
    <t>POINT (4.618389749082719 51.82216721658279)</t>
  </si>
  <si>
    <t>POINT (4.66205551439645 51.825317300077934)</t>
  </si>
  <si>
    <t>3335ED</t>
  </si>
  <si>
    <t>POINT (4.6006044857305355 51.81885256081539)</t>
  </si>
  <si>
    <t>POINT (4.608399162788715 51.82178222136113)</t>
  </si>
  <si>
    <t>POINT (4.6171972426740675 51.82067227049682)</t>
  </si>
  <si>
    <t>POINT (4.604574915104957 51.8225721046424)</t>
  </si>
  <si>
    <t>POINT (4.65751286315419 51.827581231640686)</t>
  </si>
  <si>
    <t>POINT (4.644597703893142 51.81474110503123)</t>
  </si>
  <si>
    <t>POINT (4.616924241486892 51.80494135773867)</t>
  </si>
  <si>
    <t>POINT (4.617206711576832 51.81525871664878)</t>
  </si>
  <si>
    <t>POINT (4.638635008091617 51.81792577865331)</t>
  </si>
  <si>
    <t>POINT (4.6060708804173345 51.81325401991918)</t>
  </si>
  <si>
    <t>POINT (4.649294239713957 51.818094819175734)</t>
  </si>
  <si>
    <t>POINT (4.640446807601653 51.80929011989715)</t>
  </si>
  <si>
    <t>POINT (4.637839466843888 51.82302183992266)</t>
  </si>
  <si>
    <t>POINT (4.655034486160402 51.81749770663897)</t>
  </si>
  <si>
    <t>POINT (4.641299312058612 51.82427682122798)</t>
  </si>
  <si>
    <t>POINT (4.6544879390670815 51.816433963528354)</t>
  </si>
  <si>
    <t>3331TE</t>
  </si>
  <si>
    <t>POINT (4.63514305764519 51.81823582887249)</t>
  </si>
  <si>
    <t>POINT (4.629120157187587 51.814618809516354)</t>
  </si>
  <si>
    <t>POINT (4.617676397708611 51.81921541240244)</t>
  </si>
  <si>
    <t>POINT (4.6128101793815 51.818171589096636)</t>
  </si>
  <si>
    <t>POINT (4.649383058245082 51.813516332346566)</t>
  </si>
  <si>
    <t>POINT (4.631505484147801 51.809735796921316)</t>
  </si>
  <si>
    <t>POINT (4.634410088927323 51.805302258792594)</t>
  </si>
  <si>
    <t>POINT (4.600961039920595 51.815228599005266)</t>
  </si>
  <si>
    <t>POINT (4.651571953537103 51.82006350983889)</t>
  </si>
  <si>
    <t>POINT (4.645657583221855 51.82055744065366)</t>
  </si>
  <si>
    <t>POINT (4.617576715877264 51.818026711320265)</t>
  </si>
  <si>
    <t>POINT (4.637673579241669 51.809640571372846)</t>
  </si>
  <si>
    <t>POINT (4.565803321654956 51.834667262965354)</t>
  </si>
  <si>
    <t>POINT (4.643623115223639 51.81543301398406)</t>
  </si>
  <si>
    <t>POINT (4.563319064715513 51.835402858916716)</t>
  </si>
  <si>
    <t>POINT (4.656668757329159 51.81786077751995)</t>
  </si>
  <si>
    <t>POINT (4.607577306894367 51.821303787397355)</t>
  </si>
  <si>
    <t>POINT (4.619932983378715 51.8135184606197)</t>
  </si>
  <si>
    <t>POINT (4.638725032363822 51.82534588949299)</t>
  </si>
  <si>
    <t>POINT (4.642673674935033 51.820694602255784)</t>
  </si>
  <si>
    <t>POINT (4.62083986785705 51.814622358282854)</t>
  </si>
  <si>
    <t>POINT (4.647524785861646 51.819897327934804)</t>
  </si>
  <si>
    <t>POINT (4.656874687971727 51.8238015977071)</t>
  </si>
  <si>
    <t>POINT (4.651019707347655 51.81419202562365)</t>
  </si>
  <si>
    <t>POINT (4.612961638378367 51.81815914127083)</t>
  </si>
  <si>
    <t>POINT (4.647830411979341 51.823759219589455)</t>
  </si>
  <si>
    <t>POINT (4.638584305844049 51.809689917302684)</t>
  </si>
  <si>
    <t>POINT (4.617118062970995 51.81497134089649)</t>
  </si>
  <si>
    <t>POINT (4.6323135591578914 51.807670601068715)</t>
  </si>
  <si>
    <t>POINT (4.634479692198184 51.80744573127911)</t>
  </si>
  <si>
    <t>POINT (4.5996482587052085 51.81326108783823)</t>
  </si>
  <si>
    <t>POINT (4.63823587413137 51.82537297116989)</t>
  </si>
  <si>
    <t>POINT (4.61117540100725 51.81493738969221)</t>
  </si>
  <si>
    <t>POINT (4.624268167096424 51.811623831979816)</t>
  </si>
  <si>
    <t>POINT (4.660567066061453 51.82070642505048)</t>
  </si>
  <si>
    <t>POINT (4.642758168357368 51.820869968247344)</t>
  </si>
  <si>
    <t>POINT (4.635649289168408 51.810975777300094)</t>
  </si>
  <si>
    <t>POINT (4.6331429499551975 51.824582130189825)</t>
  </si>
  <si>
    <t>POINT (4.6168210235927365 51.820154595487516)</t>
  </si>
  <si>
    <t>POINT (4.612257787932693 51.82159853218454)</t>
  </si>
  <si>
    <t>POINT (4.637648718887234 51.80887329835732)</t>
  </si>
  <si>
    <t>POINT (4.636974997381961 51.811494081712475)</t>
  </si>
  <si>
    <t>POINT (4.62645866232969 51.82730295849166)</t>
  </si>
  <si>
    <t>POINT (4.625658112078972 51.81432779360988)</t>
  </si>
  <si>
    <t>POINT (4.662849767906331 51.82353070869364)</t>
  </si>
  <si>
    <t>3331AN</t>
  </si>
  <si>
    <t>POINT (4.649064517736287 51.81549152667018)</t>
  </si>
  <si>
    <t>POINT (4.646322924842595 51.824124676536904)</t>
  </si>
  <si>
    <t>POINT (4.641409459954054 51.825776294801464)</t>
  </si>
  <si>
    <t>POINT (4.628943696988671 51.81278178841024)</t>
  </si>
  <si>
    <t>POINT (4.643480094543713 51.816837418170316)</t>
  </si>
  <si>
    <t>POINT (4.562486643967627 51.833186805940024)</t>
  </si>
  <si>
    <t>POINT (4.6025559141612264 51.81973059120186)</t>
  </si>
  <si>
    <t>POINT (4.643879457951718 51.821490139686844)</t>
  </si>
  <si>
    <t>POINT (4.56965031301369 51.838000959419816)</t>
  </si>
  <si>
    <t>POINT (4.642742917392599 51.819338800829264)</t>
  </si>
  <si>
    <t>POINT (4.6554535630063505 51.81893268478364)</t>
  </si>
  <si>
    <t>POINT (4.6179401032666485 51.81302097570549)</t>
  </si>
  <si>
    <t>POINT (4.622122574801727 51.811460767000405)</t>
  </si>
  <si>
    <t>POINT (4.656180760483245 51.820229554992075)</t>
  </si>
  <si>
    <t>POINT (4.647002746840839 51.82378190372651)</t>
  </si>
  <si>
    <t>POINT (4.648094077035609 51.81900399631661)</t>
  </si>
  <si>
    <t>POINT (4.6311009694213014 51.80768862744206)</t>
  </si>
  <si>
    <t>POINT (4.610884929547472 51.81837154275859)</t>
  </si>
  <si>
    <t>POINT (4.6275409378989645 51.8061852459899)</t>
  </si>
  <si>
    <t>POINT (4.648821368251704 51.82576121460685)</t>
  </si>
  <si>
    <t>POINT (4.56564888021813 51.836878797764605)</t>
  </si>
  <si>
    <t>POINT (4.609236104826172 51.816247105786644)</t>
  </si>
  <si>
    <t>POINT (4.611419754892449 51.82127240421162)</t>
  </si>
  <si>
    <t>POINT (4.611680447994435 51.81610812083929)</t>
  </si>
  <si>
    <t>POINT (4.61482133025264 51.81807498225047)</t>
  </si>
  <si>
    <t>POINT (4.603976057233651 51.81571884381027)</t>
  </si>
  <si>
    <t>POINT (4.649651831094796 51.81407459265699)</t>
  </si>
  <si>
    <t>POINT (4.656473613290903 51.82682988429751)</t>
  </si>
  <si>
    <t>POINT (4.64508513889381 51.81563957922018)</t>
  </si>
  <si>
    <t>POINT (4.641402283487004 51.82583565542767)</t>
  </si>
  <si>
    <t>POINT (4.657507672337472 51.81868519781892)</t>
  </si>
  <si>
    <t>POINT (4.6513082857991455 51.81421189385002)</t>
  </si>
  <si>
    <t>POINT (4.633960310644436 51.82585780442618)</t>
  </si>
  <si>
    <t>POINT (4.637014596467784 51.81763857996261)</t>
  </si>
  <si>
    <t>POINT (4.606235228940197 51.814530138201256)</t>
  </si>
  <si>
    <t>POINT (4.629489978019861 51.809508562828164)</t>
  </si>
  <si>
    <t>POINT (4.635778727512754 51.82140023667643)</t>
  </si>
  <si>
    <t>POINT (4.595562402116734 51.814994148437634)</t>
  </si>
  <si>
    <t>POINT (4.656840714484101 51.82559999294602)</t>
  </si>
  <si>
    <t>POINT (4.651919117303237 51.81516843371729)</t>
  </si>
  <si>
    <t>POINT (4.646260079691748 51.81540290627804)</t>
  </si>
  <si>
    <t>POINT (4.612028736057838 51.8155390357647)</t>
  </si>
  <si>
    <t>POINT (4.643019443269797 51.82055961878997)</t>
  </si>
  <si>
    <t>POINT (4.559764325828637 51.835608930248675)</t>
  </si>
  <si>
    <t>POINT (4.665050660268344 51.82279191920336)</t>
  </si>
  <si>
    <t>POINT (4.642715318932927 51.81619300554776)</t>
  </si>
  <si>
    <t>3334BJ</t>
  </si>
  <si>
    <t>Havikweg</t>
  </si>
  <si>
    <t>POINT (4.611382136905816 51.81747228214148)</t>
  </si>
  <si>
    <t>POINT (4.6554387674300735 51.82525820367027)</t>
  </si>
  <si>
    <t>POINT (4.649671661264786 51.818525223881394)</t>
  </si>
  <si>
    <t>POINT (4.614616811115031 51.81320075165975)</t>
  </si>
  <si>
    <t>POINT (4.6087277724401465 51.813556923508074)</t>
  </si>
  <si>
    <t>POINT (4.645228881928474 51.81580582613401)</t>
  </si>
  <si>
    <t>POINT (4.653582846232184 51.82123357809763)</t>
  </si>
  <si>
    <t>POINT (4.631234865346624 51.81066818770561)</t>
  </si>
  <si>
    <t>POINT (4.638887432487267 51.82550633038815)</t>
  </si>
  <si>
    <t>POINT (4.6128136122711965 51.81808995821804)</t>
  </si>
  <si>
    <t>POINT (4.644504783104334 51.81524039629759)</t>
  </si>
  <si>
    <t>POINT (4.639519644968558 51.82213244569471)</t>
  </si>
  <si>
    <t>POINT (4.639885152402619 51.81778212455853)</t>
  </si>
  <si>
    <t>POINT (4.655337586143587 51.82126085667526)</t>
  </si>
  <si>
    <t>POINT (4.657636703459661 51.82221294133581)</t>
  </si>
  <si>
    <t>POINT (4.5565966992927445 51.83128632078165)</t>
  </si>
  <si>
    <t>POINT (4.601145573401223 51.818943125160786)</t>
  </si>
  <si>
    <t>POINT (4.609510367831295 51.821424270187286)</t>
  </si>
  <si>
    <t>POINT (4.642370803430646 51.82232121538954)</t>
  </si>
  <si>
    <t>POINT (4.618908898911769 51.8191250968365)</t>
  </si>
  <si>
    <t>POINT (4.611329882832215 51.81458775199764)</t>
  </si>
  <si>
    <t>POINT (4.634019464038236 51.809694315312015)</t>
  </si>
  <si>
    <t>POINT (4.645269891318394 51.816488183373174)</t>
  </si>
  <si>
    <t>POINT (4.660000008337392 51.820200517875776)</t>
  </si>
  <si>
    <t>POINT (4.614932263142256 51.81448243558891)</t>
  </si>
  <si>
    <t>POINT (4.567056906171941 51.8325991782234)</t>
  </si>
  <si>
    <t>POINT (4.6620566830694 51.82524286314479)</t>
  </si>
  <si>
    <t>POINT (4.62844413022324 51.8066345123276)</t>
  </si>
  <si>
    <t>POINT (4.637114410676864 51.82329521972557)</t>
  </si>
  <si>
    <t>POINT (4.651362921515659 51.82193083866575)</t>
  </si>
  <si>
    <t>POINT (4.633711298839774 51.812611851430944)</t>
  </si>
  <si>
    <t>POINT (4.602221907105861 51.82026459817206)</t>
  </si>
  <si>
    <t>POINT (4.6192041909836705 51.812602228218594)</t>
  </si>
  <si>
    <t>POINT (4.626742654940385 51.82749064008001)</t>
  </si>
  <si>
    <t>POINT (4.630862382300381 51.81218196726191)</t>
  </si>
  <si>
    <t>POINT (4.626585201262503 51.81081198336987)</t>
  </si>
  <si>
    <t>POINT (4.655586116433346 51.826425384630724)</t>
  </si>
  <si>
    <t>POINT (4.601659659460095 51.820864492203164)</t>
  </si>
  <si>
    <t>POINT (4.648886333858878 51.81823676488684)</t>
  </si>
  <si>
    <t>POINT (4.612880801273132 51.81523395670955)</t>
  </si>
  <si>
    <t>POINT (4.63597894940582 51.81021598737387)</t>
  </si>
  <si>
    <t>POINT (4.617508208730867 51.81685743230387)</t>
  </si>
  <si>
    <t>POINT (4.640450593342553 51.82570155169017)</t>
  </si>
  <si>
    <t>POINT (4.632853247738585 51.81116357027425)</t>
  </si>
  <si>
    <t>POINT (4.645334567680333 51.81445992500683)</t>
  </si>
  <si>
    <t>POINT (4.562362593650543 51.83431225173846)</t>
  </si>
  <si>
    <t>POINT (4.613332469117661 51.81995782966346)</t>
  </si>
  <si>
    <t>POINT (4.660138589558732 51.825010792958054)</t>
  </si>
  <si>
    <t>POINT (4.627789019079541 51.8123650657238)</t>
  </si>
  <si>
    <t>POINT (4.605356946595321 51.81386813966997)</t>
  </si>
  <si>
    <t>POINT (4.633700269095709 51.806976542718694)</t>
  </si>
  <si>
    <t>POINT (4.633183837289149 51.80946145356536)</t>
  </si>
  <si>
    <t>POINT (4.633057856141911 51.820504409473486)</t>
  </si>
  <si>
    <t>POINT (4.610771132893218 51.8146160024514)</t>
  </si>
  <si>
    <t>POINT (4.63797641777561 51.82552400614811)</t>
  </si>
  <si>
    <t>POINT (4.6157897030897885 51.81856383878958)</t>
  </si>
  <si>
    <t>POINT (4.591636862103223 51.80879215356695)</t>
  </si>
  <si>
    <t>POINT (4.6372451676441315 51.8251908983819)</t>
  </si>
  <si>
    <t>POINT (4.625644640242421 51.8154944409473)</t>
  </si>
  <si>
    <t>POINT (4.624595315606976 51.81396484901141)</t>
  </si>
  <si>
    <t>POINT (4.660063781972803 51.82622909431227)</t>
  </si>
  <si>
    <t>POINT (4.640426363871223 51.81039926775248)</t>
  </si>
  <si>
    <t>POINT (4.618406188674404 51.81522341680554)</t>
  </si>
  <si>
    <t>POINT (4.639091354456803 51.81414754758458)</t>
  </si>
  <si>
    <t>POINT (4.619287247837774 51.81534860047672)</t>
  </si>
  <si>
    <t>POINT (4.656256150976421 51.817421205715036)</t>
  </si>
  <si>
    <t>POINT (4.656234942412645 51.81731594199605)</t>
  </si>
  <si>
    <t>POINT (4.625009384855625 51.81328736313322)</t>
  </si>
  <si>
    <t>POINT (4.653430279768474 51.8256335530123)</t>
  </si>
  <si>
    <t>POINT (4.639462410422835 51.82204138517425)</t>
  </si>
  <si>
    <t>POINT (4.621708646988229 51.8148614654612)</t>
  </si>
  <si>
    <t>POINT (4.632402703246972 51.81167799135501)</t>
  </si>
  <si>
    <t>POINT (4.563694742103857 51.83206806225852)</t>
  </si>
  <si>
    <t>POINT (4.6574040996988915 51.82100725528098)</t>
  </si>
  <si>
    <t>POINT (4.640784883108162 51.81359873090495)</t>
  </si>
  <si>
    <t>POINT (4.636885062848233 51.81464647423964)</t>
  </si>
  <si>
    <t>POINT (4.62984730853801 51.808978602937614)</t>
  </si>
  <si>
    <t>POINT (4.6360681814122335 51.82218028577617)</t>
  </si>
  <si>
    <t>POINT (4.614926470868668 51.81561804148501)</t>
  </si>
  <si>
    <t>POINT (4.592013316598028 51.81288347044944)</t>
  </si>
  <si>
    <t>POINT (4.63120208319925 51.81104321024878)</t>
  </si>
  <si>
    <t>POINT (4.613274388568953 51.815399797187844)</t>
  </si>
  <si>
    <t>3332JC</t>
  </si>
  <si>
    <t>van Bleiswijkstraat</t>
  </si>
  <si>
    <t>POINT (4.657269515867099 51.82955052027724)</t>
  </si>
  <si>
    <t>POINT (4.625705184643233 51.80851871041307)</t>
  </si>
  <si>
    <t>POINT (4.64547229373833 51.814341192006836)</t>
  </si>
  <si>
    <t>POINT (4.6303497190548475 51.81180764391438)</t>
  </si>
  <si>
    <t>POINT (4.6257662225365 51.81450243569135)</t>
  </si>
  <si>
    <t>POINT (4.633523765561186 51.82602667716075)</t>
  </si>
  <si>
    <t>POINT (4.640872345400461 51.825518447010225)</t>
  </si>
  <si>
    <t>POINT (4.6340572906866475 51.809738108395244)</t>
  </si>
  <si>
    <t>POINT (4.6584725182179785 51.82197201487262)</t>
  </si>
  <si>
    <t>POINT (4.610647949450571 51.818525731495676)</t>
  </si>
  <si>
    <t>POINT (4.633017715005164 51.809543792245925)</t>
  </si>
  <si>
    <t>POINT (4.632549721218715 51.81065910490208)</t>
  </si>
  <si>
    <t>POINT (4.638032835961615 51.82554383576579)</t>
  </si>
  <si>
    <t>POINT (4.644758957253245 51.81985831805953)</t>
  </si>
  <si>
    <t>POINT (4.644015358382121 51.81978322127463)</t>
  </si>
  <si>
    <t>POINT (4.643249951968888 51.82229940272648)</t>
  </si>
  <si>
    <t>POINT (4.626804175064827 51.81216173659685)</t>
  </si>
  <si>
    <t>POINT (4.658356858149264 51.828288418465114)</t>
  </si>
  <si>
    <t>POINT (4.640897933095213 51.8197359878172)</t>
  </si>
  <si>
    <t>POINT (4.633374260343988 51.82607980203732)</t>
  </si>
  <si>
    <t>POINT (4.6088822532446 51.81943846203566)</t>
  </si>
  <si>
    <t>POINT (4.626893095622133 51.812194681106426)</t>
  </si>
  <si>
    <t>POINT (4.651238913393867 51.821924964549005)</t>
  </si>
  <si>
    <t>POINT (4.561118170386732 51.83464133418058)</t>
  </si>
  <si>
    <t>POINT (4.648510559148702 51.82116792097811)</t>
  </si>
  <si>
    <t>POINT (4.638185611074523 51.80962733753704)</t>
  </si>
  <si>
    <t>POINT (4.6027202162211145 51.82076161787634)</t>
  </si>
  <si>
    <t>POINT (4.616352078375491 51.813323038962885)</t>
  </si>
  <si>
    <t>POINT (4.594180972521728 51.812425897481646)</t>
  </si>
  <si>
    <t>POINT (4.6551104322113535 51.82109003935052)</t>
  </si>
  <si>
    <t>POINT (4.633735037798241 51.824775324357)</t>
  </si>
  <si>
    <t>POINT (4.634556584663339 51.824006129531746)</t>
  </si>
  <si>
    <t>POINT (4.635187529461508 51.81527188291685)</t>
  </si>
  <si>
    <t>POINT (4.637774756771751 51.82408622715474)</t>
  </si>
  <si>
    <t>POINT (4.647146555712451 51.82703446603649)</t>
  </si>
  <si>
    <t>POINT (4.622107016822477 51.811525582089004)</t>
  </si>
  <si>
    <t>POINT (4.625524189496195 51.813588259021564)</t>
  </si>
  <si>
    <t>POINT (4.60545992640534 51.81602513213423)</t>
  </si>
  <si>
    <t>POINT (4.632773768040452 51.8247386779164)</t>
  </si>
  <si>
    <t>POINT (4.6382341486322956 51.82053712487766)</t>
  </si>
  <si>
    <t>POINT (4.645578541096613 51.82092724818559)</t>
  </si>
  <si>
    <t>POINT (4.561043350137384 51.83511510804245)</t>
  </si>
  <si>
    <t>POINT (4.614651682655396 51.814901305944)</t>
  </si>
  <si>
    <t>POINT (4.656504980826715 51.81797900179582)</t>
  </si>
  <si>
    <t>POINT (4.661654087173678 51.825026444875654)</t>
  </si>
  <si>
    <t>POINT (4.619007992074891 51.817942884705566)</t>
  </si>
  <si>
    <t>POINT (4.629885959167165 51.809718129142965)</t>
  </si>
  <si>
    <t>POINT (4.659047709752108 51.828797374866745)</t>
  </si>
  <si>
    <t>POINT (4.613780321720616 51.83073741958915)</t>
  </si>
  <si>
    <t>POINT (4.616987577528403 51.813124489059)</t>
  </si>
  <si>
    <t>POINT (4.602365182980352 51.82020206900456)</t>
  </si>
  <si>
    <t>POINT (4.596334975632129 51.81350794593496)</t>
  </si>
  <si>
    <t>POINT (4.618512417429399 51.815436300335556)</t>
  </si>
  <si>
    <t>POINT (4.634657577537659 51.825674665035805)</t>
  </si>
  <si>
    <t>POINT (4.633233106953317 51.819873557981765)</t>
  </si>
  <si>
    <t>POINT (4.569502840890178 51.83585476945724)</t>
  </si>
  <si>
    <t>POINT (4.656025960043053 51.82034998281103)</t>
  </si>
  <si>
    <t>POINT (4.631020946036802 51.81752259558446)</t>
  </si>
  <si>
    <t>POINT (4.603381147441266 51.82036460630043)</t>
  </si>
  <si>
    <t>POINT (4.616174172430854 51.82240066312331)</t>
  </si>
  <si>
    <t>3332EZ</t>
  </si>
  <si>
    <t>Sticht</t>
  </si>
  <si>
    <t>POINT (4.651386531501641 51.822768938487684)</t>
  </si>
  <si>
    <t>POINT (4.659433435125918 51.82323984314513)</t>
  </si>
  <si>
    <t>POINT (4.625200991889538 51.81341408990193)</t>
  </si>
  <si>
    <t>POINT (4.631797247283749 51.80754496892748)</t>
  </si>
  <si>
    <t>POINT (4.627224529823687 51.80689539128477)</t>
  </si>
  <si>
    <t>POINT (4.566594135669944 51.83761503446952)</t>
  </si>
  <si>
    <t>POINT (4.648591336178246 51.81788928465562)</t>
  </si>
  <si>
    <t>POINT (4.643659749020463 51.8212495230323)</t>
  </si>
  <si>
    <t>POINT (4.634599910376785 51.81935015476814)</t>
  </si>
  <si>
    <t>POINT (4.6289768512599805 51.82078604135969)</t>
  </si>
  <si>
    <t>POINT (4.64620914352001 51.8248207430075)</t>
  </si>
  <si>
    <t>POINT (4.646125784769554 51.824848585005434)</t>
  </si>
  <si>
    <t>POINT (4.633439902740143 51.82060076868409)</t>
  </si>
  <si>
    <t>POINT (4.608103691066523 51.81609401200157)</t>
  </si>
  <si>
    <t>POINT (4.647885815021537 51.8197901115409)</t>
  </si>
  <si>
    <t>2995AW</t>
  </si>
  <si>
    <t>'t Achterom</t>
  </si>
  <si>
    <t>2995AW-2995AX</t>
  </si>
  <si>
    <t>POINT (4.564694731396044 51.836047228191525)</t>
  </si>
  <si>
    <t>POINT (4.619250113434783 51.81498549196127)</t>
  </si>
  <si>
    <t>POINT (4.636992888765448 51.81472060128017)</t>
  </si>
  <si>
    <t>POINT (4.6291518860102245 51.812611116478855)</t>
  </si>
  <si>
    <t>POINT (4.657722613826658 51.826474564894255)</t>
  </si>
  <si>
    <t>POINT (4.625680036765927 51.811125562756615)</t>
  </si>
  <si>
    <t>POINT (4.6128278084925025 51.81553280566546)</t>
  </si>
  <si>
    <t>POINT (4.652003495613238 51.82031101169201)</t>
  </si>
  <si>
    <t>POINT (4.649411921907945 51.814992429953584)</t>
  </si>
  <si>
    <t>POINT (4.63223849308087 51.80914533663764)</t>
  </si>
  <si>
    <t>POINT (4.607621701013837 51.82167977486784)</t>
  </si>
  <si>
    <t>POINT (4.605057280162615 51.814599767050204)</t>
  </si>
  <si>
    <t>POINT (4.622315018853367 51.812965564295624)</t>
  </si>
  <si>
    <t>POINT (4.648442504598818 51.8215324422124)</t>
  </si>
  <si>
    <t>POINT (4.649195311564192 51.81418614865663)</t>
  </si>
  <si>
    <t>POINT (4.648569515121641 51.81983792165076)</t>
  </si>
  <si>
    <t>POINT (4.640629589897671 51.82561366639929)</t>
  </si>
  <si>
    <t>POINT (4.660698404143055 51.82214627087021)</t>
  </si>
  <si>
    <t>POINT (4.655894906829107 51.82715702732762)</t>
  </si>
  <si>
    <t>POINT (4.562243967763656 51.832809847297035)</t>
  </si>
  <si>
    <t>POINT (4.617820080958381 51.81326418768446)</t>
  </si>
  <si>
    <t>POINT (4.654280877293587 51.81829121577035)</t>
  </si>
  <si>
    <t>POINT (4.658869165167457 51.81958277898421)</t>
  </si>
  <si>
    <t>POINT (4.637394739198641 51.820161682593906)</t>
  </si>
  <si>
    <t>POINT (4.654613190169306 51.8172075925068)</t>
  </si>
  <si>
    <t>POINT (4.649735480991695 51.81360559405774)</t>
  </si>
  <si>
    <t>2995VM</t>
  </si>
  <si>
    <t>Oosteinde</t>
  </si>
  <si>
    <t>POINT (4.570509624769365 51.83475672922115)</t>
  </si>
  <si>
    <t>POINT (4.650781998641012 51.81688916326124)</t>
  </si>
  <si>
    <t>POINT (4.569048000775984 51.838783592528884)</t>
  </si>
  <si>
    <t>POINT (4.598465213058533 51.811366145244904)</t>
  </si>
  <si>
    <t>POINT (4.6590679035436 51.827675085165346)</t>
  </si>
  <si>
    <t>POINT (4.63993181497907 51.817827347185556)</t>
  </si>
  <si>
    <t>POINT (4.635912884626724 51.80833691538596)</t>
  </si>
  <si>
    <t>POINT (4.597745966612013 51.81477634635204)</t>
  </si>
  <si>
    <t>POINT (4.6390875149727915 51.82281915165835)</t>
  </si>
  <si>
    <t>POINT (4.650148788240564 51.8270185972944)</t>
  </si>
  <si>
    <t>POINT (4.562106442017156 51.8345948016797)</t>
  </si>
  <si>
    <t>POINT (4.6334523849730145 51.81275735180362)</t>
  </si>
  <si>
    <t>POINT (4.630318227054608 51.8137172090199)</t>
  </si>
  <si>
    <t>POINT (4.642685116845214 51.825713113057525)</t>
  </si>
  <si>
    <t>POINT (4.648613111314371 51.817884540838136)</t>
  </si>
  <si>
    <t>POINT (4.644675889248162 51.81517508853948)</t>
  </si>
  <si>
    <t>POINT (4.602753645556071 51.80989290031837)</t>
  </si>
  <si>
    <t>POINT (4.569439510218847 51.834350961160396)</t>
  </si>
  <si>
    <t>POINT (4.654345940642072 51.816340178833194)</t>
  </si>
  <si>
    <t>POINT (4.597046332357785 51.815658951899586)</t>
  </si>
  <si>
    <t>POINT (4.6162278062360524 51.81920922205531)</t>
  </si>
  <si>
    <t>POINT (4.637685015989507 51.823952441714475)</t>
  </si>
  <si>
    <t>POINT (4.645575512845465 51.82053388407594)</t>
  </si>
  <si>
    <t>POINT (4.631501055731489 51.825161624260154)</t>
  </si>
  <si>
    <t>POINT (4.597781184807315 51.81541373190082)</t>
  </si>
  <si>
    <t>POINT (4.650882087901731 51.814170191617855)</t>
  </si>
  <si>
    <t>POINT (4.621120201858006 51.812217441622856)</t>
  </si>
  <si>
    <t>POINT (4.632142156488319 51.809247970123195)</t>
  </si>
  <si>
    <t>POINT (4.596589292411273 51.80984422157018)</t>
  </si>
  <si>
    <t>POINT (4.619170606307168 51.818806955414914)</t>
  </si>
  <si>
    <t>POINT (4.642321872800344 51.81034503248135)</t>
  </si>
  <si>
    <t>POINT (4.652896735835653 51.81696585619347)</t>
  </si>
  <si>
    <t>POINT (4.652858104213645 51.82453655605981)</t>
  </si>
  <si>
    <t>POINT (4.609013723112893 51.815408088886485)</t>
  </si>
  <si>
    <t>POINT (4.6156544267532205 51.81424892171323)</t>
  </si>
  <si>
    <t>POINT (4.639116207897716 51.81883305581291)</t>
  </si>
  <si>
    <t>POINT (4.616107487764405 51.813842598126925)</t>
  </si>
  <si>
    <t>POINT (4.6346478227455234 51.8244267202607)</t>
  </si>
  <si>
    <t>POINT (4.608889366304382 51.82557579958469)</t>
  </si>
  <si>
    <t>POINT (4.5641263303852 51.832250999150496)</t>
  </si>
  <si>
    <t>POINT (4.622091199744024 51.81135955620872)</t>
  </si>
  <si>
    <t>POINT (4.661735338998975 51.824403475013355)</t>
  </si>
  <si>
    <t>POINT (4.6495840842624565 51.81922295958093)</t>
  </si>
  <si>
    <t>POINT (4.6560623933421486 51.82180493746788)</t>
  </si>
  <si>
    <t>POINT (4.640851909025957 51.81969319660515)</t>
  </si>
  <si>
    <t>POINT (4.633010218970406 51.820430126370546)</t>
  </si>
  <si>
    <t>POINT (4.647623922366484 51.82723074940822)</t>
  </si>
  <si>
    <t>POINT (4.6580507834749225 51.82083894373403)</t>
  </si>
  <si>
    <t>POINT (4.633767099361089 51.824297870968735)</t>
  </si>
  <si>
    <t>POINT (4.656874992436615 51.82031757061734)</t>
  </si>
  <si>
    <t>POINT (4.612593597042207 51.81318154460085)</t>
  </si>
  <si>
    <t>POINT (4.571946967464111 51.82828778668015)</t>
  </si>
  <si>
    <t>POINT (4.646121260766672 51.815631277365696)</t>
  </si>
  <si>
    <t>POINT (4.6346015004291505 51.82180799846575)</t>
  </si>
  <si>
    <t>POINT (4.640385730858552 51.81681380379536)</t>
  </si>
  <si>
    <t>POINT (4.562023215563991 51.837368351182185)</t>
  </si>
  <si>
    <t>POINT (4.639118291669028 51.81835791765375)</t>
  </si>
  <si>
    <t>POINT (4.627062968424891 51.80722317907482)</t>
  </si>
  <si>
    <t>POINT (4.607194502197887 51.81451594292643)</t>
  </si>
  <si>
    <t>POINT (4.6120752495897435 51.80860541213083)</t>
  </si>
  <si>
    <t>POINT (4.567039450210322 51.83749309511755)</t>
  </si>
  <si>
    <t>POINT (4.654421563100228 51.826286957376745)</t>
  </si>
  <si>
    <t>POINT (4.6415706833964405 51.82590857188586)</t>
  </si>
  <si>
    <t>POINT (4.597924799933387 51.81413682307629)</t>
  </si>
  <si>
    <t>POINT (4.631504281390812 51.80970373542928)</t>
  </si>
  <si>
    <t>POINT (4.611503513422824 51.815635942364445)</t>
  </si>
  <si>
    <t>POINT (4.634034605734972 51.82134706200124)</t>
  </si>
  <si>
    <t>POINT (4.5669182134348665 51.835082734473005)</t>
  </si>
  <si>
    <t>POINT (4.6223700848775 51.81315011099099)</t>
  </si>
  <si>
    <t>POINT (4.653389562871595 51.822081368588954)</t>
  </si>
  <si>
    <t>POINT (4.599798101041053 51.81339776935186)</t>
  </si>
  <si>
    <t>POINT (4.6388969083114056 51.82055858375302)</t>
  </si>
  <si>
    <t>POINT (4.657619974616759 51.82894899313827)</t>
  </si>
  <si>
    <t>POINT (4.5979568433907465 51.815074123430186)</t>
  </si>
  <si>
    <t>POINT (4.61672947381347 51.81428503635671)</t>
  </si>
  <si>
    <t>POINT (4.637148844005376 51.808194575876946)</t>
  </si>
  <si>
    <t>POINT (4.63512737690997 51.80747958298074)</t>
  </si>
  <si>
    <t>3335AX</t>
  </si>
  <si>
    <t>Straussplaats</t>
  </si>
  <si>
    <t>3335AV-3335AX</t>
  </si>
  <si>
    <t>POINT (4.616670626906976 51.81742931725649)</t>
  </si>
  <si>
    <t>POINT (4.603399956655993 51.82078934134768)</t>
  </si>
  <si>
    <t>POINT (4.615238557687232 51.822225695983185)</t>
  </si>
  <si>
    <t>POINT (4.620639630282399 51.812579658815736)</t>
  </si>
  <si>
    <t>POINT (4.606419671378839 51.81932321086713)</t>
  </si>
  <si>
    <t>POINT (4.639859808096018 51.820097271136156)</t>
  </si>
  <si>
    <t>POINT (4.651404168500126 51.81720412817783)</t>
  </si>
  <si>
    <t>POINT (4.616728493427179 51.813723792184504)</t>
  </si>
  <si>
    <t>POINT (4.643558713944232 51.81532276405817)</t>
  </si>
  <si>
    <t>POINT (4.637433317891131 51.82358867075837)</t>
  </si>
  <si>
    <t>POINT (4.628980743167727 51.80733409424141)</t>
  </si>
  <si>
    <t>POINT (4.565927974335587 51.83637830682534)</t>
  </si>
  <si>
    <t>POINT (4.614393342271928 51.8192617496243)</t>
  </si>
  <si>
    <t>POINT (4.641643462499668 51.818822378432195)</t>
  </si>
  <si>
    <t>POINT (4.643845592328959 51.81805815112681)</t>
  </si>
  <si>
    <t>POINT (4.636121094700183 51.82509802154049)</t>
  </si>
  <si>
    <t>POINT (4.633152259536402 51.817274234336814)</t>
  </si>
  <si>
    <t>POINT (4.604165488695556 51.81412530028567)</t>
  </si>
  <si>
    <t>POINT (4.61555600784714 51.820226653111305)</t>
  </si>
  <si>
    <t>POINT (4.655418859368434 51.825238016831875)</t>
  </si>
  <si>
    <t>POINT (4.6183406266376785 51.81282002402068)</t>
  </si>
  <si>
    <t>POINT (4.612927392754911 51.81437724329441)</t>
  </si>
  <si>
    <t>POINT (4.653921297468567 51.8219228327569)</t>
  </si>
  <si>
    <t>POINT (4.5617253924671 51.83500560522582)</t>
  </si>
  <si>
    <t>POINT (4.65490296328484 51.82714437111613)</t>
  </si>
  <si>
    <t>POINT (4.57053414606667 51.83578685672806)</t>
  </si>
  <si>
    <t>POINT (4.616007347212583 51.8215513471911)</t>
  </si>
  <si>
    <t>POINT (4.617585528175005 51.82153372473409)</t>
  </si>
  <si>
    <t>POINT (4.627211293777615 51.81274788521191)</t>
  </si>
  <si>
    <t>POINT (4.641946325680875 51.81734904165527)</t>
  </si>
  <si>
    <t>POINT (4.641505696833767 51.8108328341703)</t>
  </si>
  <si>
    <t>POINT (4.636401297211834 51.820551463403724)</t>
  </si>
  <si>
    <t>POINT (4.637166779399276 51.81570535531686)</t>
  </si>
  <si>
    <t>POINT (4.601821296383506 51.82100782955542)</t>
  </si>
  <si>
    <t>POINT (4.604911016736539 51.81565557017012)</t>
  </si>
  <si>
    <t>POINT (4.625725031004813 51.812228248712)</t>
  </si>
  <si>
    <t>POINT (4.611929975375289 51.813531704582566)</t>
  </si>
  <si>
    <t>POINT (4.634495891176637 51.80908646365474)</t>
  </si>
  <si>
    <t>3331TP</t>
  </si>
  <si>
    <t>POINT (4.63540906234003 51.81841635433941)</t>
  </si>
  <si>
    <t>POINT (4.649337025535934 51.82559686344118)</t>
  </si>
  <si>
    <t>POINT (4.612722093017564 51.81361252117165)</t>
  </si>
  <si>
    <t>POINT (4.614793071145777 51.81876092306053)</t>
  </si>
  <si>
    <t>POINT (4.6122013825022385 51.82068724314399)</t>
  </si>
  <si>
    <t>POINT (4.6298547063489845 51.808632270580574)</t>
  </si>
  <si>
    <t>POINT (4.629972972969809 51.81394243202181)</t>
  </si>
  <si>
    <t>POINT (4.620380696655075 51.811544650891506)</t>
  </si>
  <si>
    <t>POINT (4.606913092839721 51.82160020785057)</t>
  </si>
  <si>
    <t>POINT (4.65846805497191 51.82977932209158)</t>
  </si>
  <si>
    <t>POINT (4.620131505886007 51.81419173699059)</t>
  </si>
  <si>
    <t>POINT (4.637438479882237 51.81499451222929)</t>
  </si>
  <si>
    <t>POINT (4.633877361044802 51.8126586880711)</t>
  </si>
  <si>
    <t>POINT (4.566011027512898 51.83217363765031)</t>
  </si>
  <si>
    <t>POINT (4.649753096405634 51.826584889121875)</t>
  </si>
  <si>
    <t>POINT (4.6529454092642375 51.82452440125074)</t>
  </si>
  <si>
    <t>POINT (4.603389697496994 51.810070327632026)</t>
  </si>
  <si>
    <t>POINT (4.646585172439438 51.82398076887641)</t>
  </si>
  <si>
    <t>POINT (4.630567879906232 51.82013670038719)</t>
  </si>
  <si>
    <t>POINT (4.635237966167935 51.80973706009917)</t>
  </si>
  <si>
    <t>POINT (4.629493200477204 51.808096663316945)</t>
  </si>
  <si>
    <t>POINT (4.567301261248637 51.83689878160642)</t>
  </si>
  <si>
    <t>POINT (4.608103417619923 51.81310811660008)</t>
  </si>
  <si>
    <t>POINT (4.652621555648899 51.81692011649995)</t>
  </si>
  <si>
    <t>POINT (4.63339245429847 51.80877843839147)</t>
  </si>
  <si>
    <t>POINT (4.6566315860540355 51.82012657437932)</t>
  </si>
  <si>
    <t>POINT (4.6306400321116605 51.81076606145058)</t>
  </si>
  <si>
    <t>POINT (4.634260276806723 51.80904162647994)</t>
  </si>
  <si>
    <t>POINT (4.600366645200137 51.81425122510192)</t>
  </si>
  <si>
    <t>POINT (4.604309950074165 51.81442831247436)</t>
  </si>
  <si>
    <t>POINT (4.562667267043766 51.834317897800695)</t>
  </si>
  <si>
    <t>POINT (4.620663256292659 51.81393909604042)</t>
  </si>
  <si>
    <t>POINT (4.611637476844628 51.81437146708998)</t>
  </si>
  <si>
    <t>POINT (4.632986446332662 51.81147809642525)</t>
  </si>
  <si>
    <t>POINT (4.638533750014082 51.816930740118124)</t>
  </si>
  <si>
    <t>POINT (4.6432930271206905 51.82234627311371)</t>
  </si>
  <si>
    <t>POINT (4.636275547323021 51.8106170382686)</t>
  </si>
  <si>
    <t>POINT (4.61293223592455 51.81440345940074)</t>
  </si>
  <si>
    <t>POINT (4.60116074070227 51.819293508544604)</t>
  </si>
  <si>
    <t>POINT (4.609231400479052 51.81345312671245)</t>
  </si>
  <si>
    <t>POINT (4.647619587632541 51.81569290876946)</t>
  </si>
  <si>
    <t>POINT (4.59742343187579 51.81336378918221)</t>
  </si>
  <si>
    <t>POINT (4.648366823188694 51.816584763242446)</t>
  </si>
  <si>
    <t>POINT (4.651939343145419 51.81454898812299)</t>
  </si>
  <si>
    <t>POINT (4.650013223522433 51.8143508476806)</t>
  </si>
  <si>
    <t>POINT (4.634406873091395 51.80904202770723)</t>
  </si>
  <si>
    <t>POINT (4.598562107608282 51.813550098235034)</t>
  </si>
  <si>
    <t>POINT (4.638005776530838 51.81096915603592)</t>
  </si>
  <si>
    <t>POINT (4.647379872621001 51.8143503029359)</t>
  </si>
  <si>
    <t>POINT (4.6160283502816775 51.81728791273624)</t>
  </si>
  <si>
    <t>POINT (4.627632293358656 51.80806485698782)</t>
  </si>
  <si>
    <t>POINT (4.612098706262675 51.80950324457729)</t>
  </si>
  <si>
    <t>POINT (4.6413630829479455 51.809428054270164)</t>
  </si>
  <si>
    <t>POINT (4.6367760613673115 51.8145715485748)</t>
  </si>
  <si>
    <t>POINT (4.647905281141526 51.81882079525955)</t>
  </si>
  <si>
    <t>POINT (4.582273573246363 51.818369598091834)</t>
  </si>
  <si>
    <t>POINT (4.654363862045129 51.81790794418624)</t>
  </si>
  <si>
    <t>POINT (4.625815532233095 51.81217614409485)</t>
  </si>
  <si>
    <t>POINT (4.604167877882923 51.81399025154026)</t>
  </si>
  <si>
    <t>POINT (4.6464816378820295 51.82418779905419)</t>
  </si>
  <si>
    <t>POINT (4.660539244941515 51.827946240705764)</t>
  </si>
  <si>
    <t>POINT (4.569118001014268 51.834657196653495)</t>
  </si>
  <si>
    <t>POINT (4.6452546443028995 51.8171043876724)</t>
  </si>
  <si>
    <t>POINT (4.64287501754328 51.82573063192311)</t>
  </si>
  <si>
    <t>POINT (4.641800413428453 51.81893528460818)</t>
  </si>
  <si>
    <t>POINT (4.640730152091012 51.82565622922823)</t>
  </si>
  <si>
    <t>POINT (4.6341279546605545 51.81983410809118)</t>
  </si>
  <si>
    <t>POINT (4.650750622756579 51.82258349560894)</t>
  </si>
  <si>
    <t>2995TB</t>
  </si>
  <si>
    <t>Aardbeidreef</t>
  </si>
  <si>
    <t>POINT (4.561624272285993 51.833825300365454)</t>
  </si>
  <si>
    <t>POINT (4.599152134476597 51.81343056569811)</t>
  </si>
  <si>
    <t>POINT (4.6545220064611215 51.82068592180221)</t>
  </si>
  <si>
    <t>POINT (4.564909619948219 51.83913634020481)</t>
  </si>
  <si>
    <t>POINT (4.605230622284682 51.82127287670176)</t>
  </si>
  <si>
    <t>POINT (4.640139350472234 51.82411843392275)</t>
  </si>
  <si>
    <t>POINT (4.653187032425048 51.822189000004144)</t>
  </si>
  <si>
    <t>POINT (4.619927889460468 51.82070181234521)</t>
  </si>
  <si>
    <t>POINT (4.644501243049725 51.820942089655034)</t>
  </si>
  <si>
    <t>POINT (4.600264657575048 51.81156219880848)</t>
  </si>
  <si>
    <t>POINT (4.618896391991325 51.82073616973351)</t>
  </si>
  <si>
    <t>POINT (4.640938295941285 51.825568025468925)</t>
  </si>
  <si>
    <t>POINT (4.632126716439854 51.8141175579074)</t>
  </si>
  <si>
    <t>POINT (4.635971936320485 51.81881171310174)</t>
  </si>
  <si>
    <t>POINT (4.657368292747417 51.82096753637663)</t>
  </si>
  <si>
    <t>POINT (4.634871710305132 51.825851479038825)</t>
  </si>
  <si>
    <t>POINT (4.651559129737484 51.82754646894684)</t>
  </si>
  <si>
    <t>POINT (4.629179611536085 51.822001212314795)</t>
  </si>
  <si>
    <t>POINT (4.63824234116195 51.824604991830896)</t>
  </si>
  <si>
    <t>POINT (4.62455444364577 51.813484163613694)</t>
  </si>
  <si>
    <t>POINT (4.565083307127325 51.832074200134876)</t>
  </si>
  <si>
    <t>POINT (4.644114975515462 51.820780805567814)</t>
  </si>
  <si>
    <t>POINT (4.63812336791502 51.82539812265732)</t>
  </si>
  <si>
    <t>POINT (4.608811243359483 51.82108536300519)</t>
  </si>
  <si>
    <t>POINT (4.604130033210071 51.81408003914272)</t>
  </si>
  <si>
    <t>POINT (4.629261161944402 51.82422638819971)</t>
  </si>
  <si>
    <t>POINT (4.648820493725899 51.82622009915814)</t>
  </si>
  <si>
    <t>POINT (4.651506644870859 51.82181122840058)</t>
  </si>
  <si>
    <t>POINT (4.635763750866962 51.82138503978072)</t>
  </si>
  <si>
    <t>POINT (4.613183401330041 51.8158151592152)</t>
  </si>
  <si>
    <t>2995BS</t>
  </si>
  <si>
    <t>'t Fort</t>
  </si>
  <si>
    <t>POINT (4.566140037104007 51.83841704388311)</t>
  </si>
  <si>
    <t>POINT (4.637985581953417 51.82417171623817)</t>
  </si>
  <si>
    <t>POINT (4.628800056676001 51.8094850048472)</t>
  </si>
  <si>
    <t>POINT (4.602944383908869 51.819993914766535)</t>
  </si>
  <si>
    <t>POINT (4.659862091239703 51.822279292043355)</t>
  </si>
  <si>
    <t>POINT (4.622534560737123 51.81218607331739)</t>
  </si>
  <si>
    <t>POINT (4.609861861069278 51.818638854965066)</t>
  </si>
  <si>
    <t>POINT (4.627483225290333 51.81365381152047)</t>
  </si>
  <si>
    <t>POINT (4.628109280630463 51.824172957926166)</t>
  </si>
  <si>
    <t>POINT (4.633245292110967 51.82456022602128)</t>
  </si>
  <si>
    <t>POINT (4.604054358066342 51.81425960541624)</t>
  </si>
  <si>
    <t>POINT (4.6419301719286725 51.82116222107564)</t>
  </si>
  <si>
    <t>POINT (4.60059653213625 51.81305224868262)</t>
  </si>
  <si>
    <t>3334SE</t>
  </si>
  <si>
    <t>POINT (4.611824255275086 51.81328456220949)</t>
  </si>
  <si>
    <t>POINT (4.628915038273182 51.814426195592006)</t>
  </si>
  <si>
    <t>POINT (4.649640016255555 51.8222896478836)</t>
  </si>
  <si>
    <t>POINT (4.633840082534042 51.81261319960835)</t>
  </si>
  <si>
    <t>POINT (4.6514276839249025 51.827244398595816)</t>
  </si>
  <si>
    <t>3331GK</t>
  </si>
  <si>
    <t>Hoveniersstraat</t>
  </si>
  <si>
    <t>POINT (4.640217710280428 51.822027543159486)</t>
  </si>
  <si>
    <t>POINT (4.619409929549451 51.83037971064409)</t>
  </si>
  <si>
    <t>POINT (4.645091402872089 51.82447318089293)</t>
  </si>
  <si>
    <t>POINT (4.658652289552954 51.825612734543114)</t>
  </si>
  <si>
    <t>POINT (4.617756783427432 51.813564724015706)</t>
  </si>
  <si>
    <t>POINT (4.59658246677696 51.81489831084887)</t>
  </si>
  <si>
    <t>POINT (4.613794987930362 51.81886963023917)</t>
  </si>
  <si>
    <t>POINT (4.6564341400762395 51.81741746024907)</t>
  </si>
  <si>
    <t>POINT (4.6371833585286915 51.82344055805672)</t>
  </si>
  <si>
    <t>POINT (4.614608003968323 51.83152193017239)</t>
  </si>
  <si>
    <t>POINT (4.6191254925598475 51.81498543144128)</t>
  </si>
  <si>
    <t>POINT (4.627804235792772 51.814325206625085)</t>
  </si>
  <si>
    <t>POINT (4.6455851576465585 51.82565039451069)</t>
  </si>
  <si>
    <t>POINT (4.632089505479525 51.807117827709696)</t>
  </si>
  <si>
    <t>POINT (4.6296632844447485 51.81509404415107)</t>
  </si>
  <si>
    <t>POINT (4.647456951352604 51.81550469421957)</t>
  </si>
  <si>
    <t>POINT (4.638564350656837 51.813707398873916)</t>
  </si>
  <si>
    <t>POINT (4.6315679657475535 51.81417733183389)</t>
  </si>
  <si>
    <t>POINT (4.659279845324177 51.82482998457052)</t>
  </si>
  <si>
    <t>POINT (4.6323397277051175 51.81944847445714)</t>
  </si>
  <si>
    <t>POINT (4.629378983061697 51.811643312542515)</t>
  </si>
  <si>
    <t>POINT (4.625333315222516 51.81340949289729)</t>
  </si>
  <si>
    <t>POINT (4.635936783207027 51.81653835385418)</t>
  </si>
  <si>
    <t>POINT (4.661533850162832 51.82713711275753)</t>
  </si>
  <si>
    <t>POINT (4.657652602893465 51.82449973197461)</t>
  </si>
  <si>
    <t>3332VD</t>
  </si>
  <si>
    <t>Westerschelde</t>
  </si>
  <si>
    <t>POINT (4.6623892996486616 51.82033006510903)</t>
  </si>
  <si>
    <t>BU06420103</t>
  </si>
  <si>
    <t>Drinkwaterbedrijf</t>
  </si>
  <si>
    <t>POINT (4.6129719673121015 51.820807115002)</t>
  </si>
  <si>
    <t>Tuinderij</t>
  </si>
  <si>
    <t>POINT (4.64282633527262 51.81595878122221)</t>
  </si>
  <si>
    <t>POINT (4.642863521767842 51.82249798467455)</t>
  </si>
  <si>
    <t>POINT (4.611728014760301 51.82131512433786)</t>
  </si>
  <si>
    <t>POINT (4.657307765832039 51.82657008829799)</t>
  </si>
  <si>
    <t>POINT (4.604307325848565 51.814306344846145)</t>
  </si>
  <si>
    <t>POINT (4.63168826317521 51.810190508290255)</t>
  </si>
  <si>
    <t>POINT (4.6603787126670495 51.829336773243725)</t>
  </si>
  <si>
    <t>3332BE</t>
  </si>
  <si>
    <t>POINT (4.657829545424594 51.81996051683653)</t>
  </si>
  <si>
    <t>POINT (4.645948784423322 51.814406629154426)</t>
  </si>
  <si>
    <t>POINT (4.652552764278784 51.816908683745474)</t>
  </si>
  <si>
    <t>POINT (4.644932796814363 51.81458546439357)</t>
  </si>
  <si>
    <t>POINT (4.63831639985182 51.82117288972836)</t>
  </si>
  <si>
    <t>POINT (4.600431491131036 51.815005464166966)</t>
  </si>
  <si>
    <t>POINT (4.6352106510411195 51.82421165067948)</t>
  </si>
  <si>
    <t>POINT (4.634326236634066 51.80954036578707)</t>
  </si>
  <si>
    <t>POINT (4.618680850879592 51.82964278277773)</t>
  </si>
  <si>
    <t>POINT (4.658244917891211 51.82592645369571)</t>
  </si>
  <si>
    <t>POINT (4.647475341240319 51.81483649190011)</t>
  </si>
  <si>
    <t>POINT (4.641501139985271 51.82130763856422)</t>
  </si>
  <si>
    <t>POINT (4.606500903783808 51.82252410503651)</t>
  </si>
  <si>
    <t>POINT (4.655072573389967 51.821061569753596)</t>
  </si>
  <si>
    <t>POINT (4.637752951180371 51.81754912277113)</t>
  </si>
  <si>
    <t>POINT (4.6058723378331266 51.81325278805733)</t>
  </si>
  <si>
    <t>POINT (4.627131798059139 51.8156507689429)</t>
  </si>
  <si>
    <t>POINT (4.61387813656661 51.81430193964859)</t>
  </si>
  <si>
    <t>POINT (4.602303718249523 51.819867771677586)</t>
  </si>
  <si>
    <t>POINT (4.613887328108468 51.81980590129492)</t>
  </si>
  <si>
    <t>POINT (4.611850863562808 51.813552898669286)</t>
  </si>
  <si>
    <t>POINT (4.639524597600661 51.8174425722011)</t>
  </si>
  <si>
    <t>POINT (4.653591737937359 51.82671508188194)</t>
  </si>
  <si>
    <t>POINT (4.625495831267773 51.81303499942219)</t>
  </si>
  <si>
    <t>3333VN</t>
  </si>
  <si>
    <t>POINT (4.638267215849024 51.80883330169758)</t>
  </si>
  <si>
    <t>POINT (4.636042979228674 51.821297299801884)</t>
  </si>
  <si>
    <t>POINT (4.608910610776728 51.8132783980517)</t>
  </si>
  <si>
    <t>POINT (4.639674238350825 51.81710359990411)</t>
  </si>
  <si>
    <t>POINT (4.621869863582522 51.81498419719286)</t>
  </si>
  <si>
    <t>POINT (4.632937984309511 51.81188103638155)</t>
  </si>
  <si>
    <t>POINT (4.6377370100414455 51.81996472422332)</t>
  </si>
  <si>
    <t>POINT (4.658811490821732 51.82414005682454)</t>
  </si>
  <si>
    <t>POINT (4.643259391928135 51.82338575443335)</t>
  </si>
  <si>
    <t>POINT (4.657015587646244 51.82102822736943)</t>
  </si>
  <si>
    <t>POINT (4.619440569638069 51.830390787383735)</t>
  </si>
  <si>
    <t>POINT (4.620575165416535 51.81152235308424)</t>
  </si>
  <si>
    <t>POINT (4.638724276201983 51.81904744515164)</t>
  </si>
  <si>
    <t>POINT (4.662937713700099 51.821819278193736)</t>
  </si>
  <si>
    <t>POINT (4.64284961060748 51.82535776397061)</t>
  </si>
  <si>
    <t>POINT (4.656355119995998 51.81810391918403)</t>
  </si>
  <si>
    <t>POINT (4.562914628612087 51.83779950278764)</t>
  </si>
  <si>
    <t>POINT (4.619380225012018 51.81831010060838)</t>
  </si>
  <si>
    <t>POINT (4.656599099299199 51.821559940456204)</t>
  </si>
  <si>
    <t>POINT (4.565448216295914 51.83842559643737)</t>
  </si>
  <si>
    <t>POINT (4.629600716630579 51.815133055735046)</t>
  </si>
  <si>
    <t>POINT (4.60252375007435 51.81571843645251)</t>
  </si>
  <si>
    <t>POINT (4.612446913336548 51.81589935065439)</t>
  </si>
  <si>
    <t>POINT (4.641351657850911 51.81658801123824)</t>
  </si>
  <si>
    <t>POINT (4.607208095079368 51.82483621115276)</t>
  </si>
  <si>
    <t>BU06420409</t>
  </si>
  <si>
    <t>Park Molenvliet</t>
  </si>
  <si>
    <t>3333BB</t>
  </si>
  <si>
    <t>Ds. D.A. van den Boschstraat</t>
  </si>
  <si>
    <t>POINT (4.6294647816894345 51.80998707609425)</t>
  </si>
  <si>
    <t>POINT (4.618140377192396 51.81423241274922)</t>
  </si>
  <si>
    <t>POINT (4.629864586264824 51.80685092377079)</t>
  </si>
  <si>
    <t>POINT (4.614532073106517 51.813024014769425)</t>
  </si>
  <si>
    <t>POINT (4.563945820568059 51.83680623761178)</t>
  </si>
  <si>
    <t>POINT (4.604208975998223 51.8150499646229)</t>
  </si>
  <si>
    <t>POINT (4.625881841304565 51.81276315080924)</t>
  </si>
  <si>
    <t>POINT (4.638601449796602 51.82525191561945)</t>
  </si>
  <si>
    <t>POINT (4.566885474282571 51.834538803474345)</t>
  </si>
  <si>
    <t>POINT (4.628720667317493 51.80894346097766)</t>
  </si>
  <si>
    <t>POINT (4.599468076771463 51.81323739763865)</t>
  </si>
  <si>
    <t>POINT (4.609118793116661 51.81605696257941)</t>
  </si>
  <si>
    <t>3334BS</t>
  </si>
  <si>
    <t>Muiderslot</t>
  </si>
  <si>
    <t>POINT (4.606083346797618 51.816942151505984)</t>
  </si>
  <si>
    <t>POINT (4.647014965693336 51.81496480603526)</t>
  </si>
  <si>
    <t>POINT (4.660599017124739 51.827711161577234)</t>
  </si>
  <si>
    <t>POINT (4.640165143440825 51.81804822871102)</t>
  </si>
  <si>
    <t>POINT (4.641587600923698 51.82583121486093)</t>
  </si>
  <si>
    <t>POINT (4.655042782297265 51.82616724873607)</t>
  </si>
  <si>
    <t>POINT (4.650410296570018 51.81903282522338)</t>
  </si>
  <si>
    <t>POINT (4.642840169216216 51.81631110895915)</t>
  </si>
  <si>
    <t>POINT (4.636778117446602 51.810547408767746)</t>
  </si>
  <si>
    <t>POINT (4.65453990691836 51.81911172003561)</t>
  </si>
  <si>
    <t>POINT (4.567253284020541 51.836302870393105)</t>
  </si>
  <si>
    <t>POINT (4.643638426207998 51.820018629611354)</t>
  </si>
  <si>
    <t>POINT (4.644477085054035 51.824922073149146)</t>
  </si>
  <si>
    <t>POINT (4.633435729131366 51.81284801278263)</t>
  </si>
  <si>
    <t>POINT (4.650318314590247 51.81468785316856)</t>
  </si>
  <si>
    <t>POINT (4.645501724357845 51.816169094033015)</t>
  </si>
  <si>
    <t>POINT (4.607576507771596 51.812948995326906)</t>
  </si>
  <si>
    <t>POINT (4.646576741056303 51.825883233211606)</t>
  </si>
  <si>
    <t>POINT (4.653204414261584 51.81741981287827)</t>
  </si>
  <si>
    <t>POINT (4.6487922000372945 51.81742867386977)</t>
  </si>
  <si>
    <t>POINT (4.654904497117393 51.81702328188898)</t>
  </si>
  <si>
    <t>POINT (4.621045497564822 51.81389546210658)</t>
  </si>
  <si>
    <t>POINT (4.655025091426342 51.817412660030534)</t>
  </si>
  <si>
    <t>POINT (4.636226538014451 51.81679197287007)</t>
  </si>
  <si>
    <t>3333VL</t>
  </si>
  <si>
    <t>van Deysselstraat</t>
  </si>
  <si>
    <t>POINT (4.635501752653036 51.80906392288536)</t>
  </si>
  <si>
    <t>POINT (4.609110263718201 51.81891891569752)</t>
  </si>
  <si>
    <t>POINT (4.6185248186902825 51.815477900450574)</t>
  </si>
  <si>
    <t>POINT (4.637356670301074 51.82503774237542)</t>
  </si>
  <si>
    <t>POINT (4.606427353490606 51.82077796104273)</t>
  </si>
  <si>
    <t>POINT (4.628858828691167 51.812395696205265)</t>
  </si>
  <si>
    <t>3333EH</t>
  </si>
  <si>
    <t>POINT (4.628179985549063 51.811976810900205)</t>
  </si>
  <si>
    <t>POINT (4.652448578032572 51.82776014578523)</t>
  </si>
  <si>
    <t>POINT (4.566298649450715 51.83270829570197)</t>
  </si>
  <si>
    <t>POINT (4.647231206231241 51.81477891727408)</t>
  </si>
  <si>
    <t>POINT (4.647392277236699 51.82306350320356)</t>
  </si>
  <si>
    <t>POINT (4.6448377325764545 51.819903067682006)</t>
  </si>
  <si>
    <t>POINT (4.606830801588511 51.82093699416283)</t>
  </si>
  <si>
    <t>POINT (4.6584441449492635 51.82156393261031)</t>
  </si>
  <si>
    <t>POINT (4.5583229645419205 51.832561129081824)</t>
  </si>
  <si>
    <t>POINT (4.655986338413551 51.821799043489634)</t>
  </si>
  <si>
    <t>POINT (4.652189131664041 51.81519585977222)</t>
  </si>
  <si>
    <t>3335KB</t>
  </si>
  <si>
    <t>Groot Karreveld</t>
  </si>
  <si>
    <t>POINT (4.621393584347405 51.82675305407049)</t>
  </si>
  <si>
    <t>POINT (4.63499424896289 51.81911281942735)</t>
  </si>
  <si>
    <t>POINT (4.647081786631214 51.8228526936261)</t>
  </si>
  <si>
    <t>POINT (4.627952021757352 51.81042655390117)</t>
  </si>
  <si>
    <t>POINT (4.652358972507316 51.81583650444222)</t>
  </si>
  <si>
    <t>POINT (4.6421297618309385 51.81749754904555)</t>
  </si>
  <si>
    <t>POINT (4.65486479886871 51.82704156326335)</t>
  </si>
  <si>
    <t>POINT (4.647313402369125 51.82367200728666)</t>
  </si>
  <si>
    <t>POINT (4.649823778415871 51.8224280866726)</t>
  </si>
  <si>
    <t>POINT (4.620861975783856 51.81363747413409)</t>
  </si>
  <si>
    <t>POINT (4.6317338112592275 51.82391940171406)</t>
  </si>
  <si>
    <t>POINT (4.64125405522703 51.82429254246317)</t>
  </si>
  <si>
    <t>POINT (4.656582087532393 51.81755988120839)</t>
  </si>
  <si>
    <t>POINT (4.650260923378779 51.81950104281334)</t>
  </si>
  <si>
    <t>POINT (4.63974597036247 51.82354040161048)</t>
  </si>
  <si>
    <t>POINT (4.607391331801969 51.8139525071721)</t>
  </si>
  <si>
    <t>POINT (4.599697630791357 51.813306371845314)</t>
  </si>
  <si>
    <t>POINT (4.562989182246214 51.83646626708946)</t>
  </si>
  <si>
    <t>POINT (4.5642643277010535 51.83907315797024)</t>
  </si>
  <si>
    <t>POINT (4.614724801196973 51.81329428911495)</t>
  </si>
  <si>
    <t>POINT (4.611771067189953 51.81911532106546)</t>
  </si>
  <si>
    <t>POINT (4.651452241772988 51.81786203284814)</t>
  </si>
  <si>
    <t>POINT (4.6191099080860125 51.81493315892474)</t>
  </si>
  <si>
    <t>POINT (4.649876625867118 51.82243750623608)</t>
  </si>
  <si>
    <t>POINT (4.596938048384462 51.81663378831565)</t>
  </si>
  <si>
    <t>POINT (4.6321910462137525 51.80698210433585)</t>
  </si>
  <si>
    <t>POINT (4.6109054880263125 51.82167415226683)</t>
  </si>
  <si>
    <t>POINT (4.640497139651704 51.81042669323545)</t>
  </si>
  <si>
    <t>POINT (4.650946268923509 51.822559455875385)</t>
  </si>
  <si>
    <t>POINT (4.631754371451364 51.813937257075175)</t>
  </si>
  <si>
    <t>POINT (4.570664027155327 51.836507803236756)</t>
  </si>
  <si>
    <t>Dorpsplein</t>
  </si>
  <si>
    <t>POINT (4.563066547475173 51.83582937324157)</t>
  </si>
  <si>
    <t>POINT (4.646672587932961 51.823932799524755)</t>
  </si>
  <si>
    <t>POINT (4.647649589730638 51.816892827366715)</t>
  </si>
  <si>
    <t>POINT (4.618230582050609 51.814222244369276)</t>
  </si>
  <si>
    <t>POINT (4.6286000391323485 51.81065579532119)</t>
  </si>
  <si>
    <t>POINT (4.656772085965346 51.82466201130969)</t>
  </si>
  <si>
    <t>POINT (4.59900406187245 51.81404879635551)</t>
  </si>
  <si>
    <t>POINT (4.629639326745658 51.813357567601756)</t>
  </si>
  <si>
    <t>POINT (4.6336692950241885 51.80579571226452)</t>
  </si>
  <si>
    <t>POINT (4.630715146848078 51.812059158266926)</t>
  </si>
  <si>
    <t>POINT (4.636950704806245 51.81469159472435)</t>
  </si>
  <si>
    <t>POINT (4.644622879441545 51.81635149899163)</t>
  </si>
  <si>
    <t>POINT (4.657531379588009 51.82755040774523)</t>
  </si>
  <si>
    <t>POINT (4.604607166076735 51.81882171145011)</t>
  </si>
  <si>
    <t>POINT (4.654587947742076 51.81726421644877)</t>
  </si>
  <si>
    <t>POINT (4.564861875370918 51.83340127609675)</t>
  </si>
  <si>
    <t>POINT (4.629724982544847 51.81505758870206)</t>
  </si>
  <si>
    <t>POINT (4.6416504721267335 51.82586269710388)</t>
  </si>
  <si>
    <t>POINT (4.631896037291255 51.80808430745223)</t>
  </si>
  <si>
    <t>POINT (4.575342954657039 51.82729187546713)</t>
  </si>
  <si>
    <t>POINT (4.6368577006468925 51.8100969003361)</t>
  </si>
  <si>
    <t>POINT (4.617098601703568 51.82170346457605)</t>
  </si>
  <si>
    <t>POINT (4.632965835563235 51.81149307397398)</t>
  </si>
  <si>
    <t>POINT (4.634471297234755 51.81008105039923)</t>
  </si>
  <si>
    <t>POINT (4.651206550053005 51.81813123153076)</t>
  </si>
  <si>
    <t>POINT (4.627122142219851 51.80645423593145)</t>
  </si>
  <si>
    <t>POINT (4.611211057986217 51.816059939580995)</t>
  </si>
  <si>
    <t>POINT (4.605211021633518 51.81356977518477)</t>
  </si>
  <si>
    <t>POINT (4.5671923388865725 51.839483020933805)</t>
  </si>
  <si>
    <t>POINT (4.639728160571802 51.82596468130819)</t>
  </si>
  <si>
    <t>POINT (4.609671050573341 51.81615145388929)</t>
  </si>
  <si>
    <t>POINT (4.632840462679376 51.809629160248434)</t>
  </si>
  <si>
    <t>POINT (4.619230514112941 51.815337451751944)</t>
  </si>
  <si>
    <t>POINT (4.603526900739735 51.82049070270199)</t>
  </si>
  <si>
    <t>POINT (4.63384483566921 51.80806312760831)</t>
  </si>
  <si>
    <t>POINT (4.641802261444235 51.81097158031442)</t>
  </si>
  <si>
    <t>POINT (4.633186731734789 51.81940477800291)</t>
  </si>
  <si>
    <t>POINT (4.620876575465995 51.811536348701054)</t>
  </si>
  <si>
    <t>POINT (4.605297238061271 51.81867111169308)</t>
  </si>
  <si>
    <t>POINT (4.654290068057128 51.81937800483982)</t>
  </si>
  <si>
    <t>POINT (4.649588528454822 51.82215816145859)</t>
  </si>
  <si>
    <t>POINT (4.609011316168962 51.8155424813466)</t>
  </si>
  <si>
    <t>POINT (4.605641859415227 51.816926529073854)</t>
  </si>
  <si>
    <t>POINT (4.612197504864858 51.81989794517487)</t>
  </si>
  <si>
    <t>POINT (4.6386289159822836 51.825267254712024)</t>
  </si>
  <si>
    <t>POINT (4.649818397349682 51.822339406481234)</t>
  </si>
  <si>
    <t>POINT (4.653309891081303 51.82139607684674)</t>
  </si>
  <si>
    <t>POINT (4.569135494194588 51.83828523736831)</t>
  </si>
  <si>
    <t>POINT (4.631928679709021 51.80729468828728)</t>
  </si>
  <si>
    <t>POINT (4.6068457065075155 51.81969489670494)</t>
  </si>
  <si>
    <t>POINT (4.649361847661746 51.82081114868286)</t>
  </si>
  <si>
    <t>POINT (4.614927297800631 51.821011502228636)</t>
  </si>
  <si>
    <t>POINT (4.637200557916022 51.82081962783534)</t>
  </si>
  <si>
    <t>POINT (4.6121754245921895 51.819251213855466)</t>
  </si>
  <si>
    <t>POINT (4.633695789659621 51.81263827752129)</t>
  </si>
  <si>
    <t>POINT (4.6430580050958685 51.81523840426699)</t>
  </si>
  <si>
    <t>POINT (4.647971919279326 51.81880267134971)</t>
  </si>
  <si>
    <t>POINT (4.637899855186504 51.81959009047206)</t>
  </si>
  <si>
    <t>POINT (4.633169095733723 51.809432487101404)</t>
  </si>
  <si>
    <t>POINT (4.645826651859855 51.81426860029325)</t>
  </si>
  <si>
    <t>POINT (4.618490768952839 51.815363754413546)</t>
  </si>
  <si>
    <t>POINT (4.629948672514018 51.80882901974725)</t>
  </si>
  <si>
    <t>POINT (4.644563446103884 51.815185855603374)</t>
  </si>
  <si>
    <t>POINT (4.56141999830164 51.83570556852494)</t>
  </si>
  <si>
    <t>POINT (4.648384337538174 51.81682756812163)</t>
  </si>
  <si>
    <t>POINT (4.645712526415617 51.82580790789157)</t>
  </si>
  <si>
    <t>POINT (4.632557985780394 51.82000901117471)</t>
  </si>
  <si>
    <t>POINT (4.617300805654936 51.81952841700851)</t>
  </si>
  <si>
    <t>POINT (4.645121188174302 51.814517433884)</t>
  </si>
  <si>
    <t>POINT (4.626535721712071 51.81384013999726)</t>
  </si>
  <si>
    <t>POINT (4.6358426773378225 51.82040665809799)</t>
  </si>
  <si>
    <t>POINT (4.628678552192687 51.81312512452623)</t>
  </si>
  <si>
    <t>POINT (4.649896273200201 51.81789174626824)</t>
  </si>
  <si>
    <t>POINT (4.648347465862282 51.82156007741718)</t>
  </si>
  <si>
    <t>POINT (4.595018380777014 51.81498801439994)</t>
  </si>
  <si>
    <t>POINT (4.652442551653072 51.81533117140106)</t>
  </si>
  <si>
    <t>2995XD</t>
  </si>
  <si>
    <t>POINT (4.559143022227811 51.83626621121307)</t>
  </si>
  <si>
    <t>POINT (4.666320177223908 51.822685189764286)</t>
  </si>
  <si>
    <t>POINT (4.619393194486522 51.81303738644635)</t>
  </si>
  <si>
    <t>POINT (4.654912061645842 51.82808783397079)</t>
  </si>
  <si>
    <t>POINT (4.635796509413484 51.808655880644956)</t>
  </si>
  <si>
    <t>POINT (4.6448353732123975 51.82144922401957)</t>
  </si>
  <si>
    <t>POINT (4.654108922298541 51.8161890908309)</t>
  </si>
  <si>
    <t>POINT (4.563083458116809 51.832018387945695)</t>
  </si>
  <si>
    <t>POINT (4.620079527919764 51.812623602980445)</t>
  </si>
  <si>
    <t>POINT (4.599870842337452 51.815304471625176)</t>
  </si>
  <si>
    <t>POINT (4.654847029155832 51.81691829500896)</t>
  </si>
  <si>
    <t>POINT (4.645214573448423 51.82109312609462)</t>
  </si>
  <si>
    <t>POINT (4.614756281236674 51.822267879939474)</t>
  </si>
  <si>
    <t>POINT (4.656911508206509 51.81959729231849)</t>
  </si>
  <si>
    <t>POINT (4.659781562513546 51.829197552080586)</t>
  </si>
  <si>
    <t>POINT (4.645310863335548 51.815402437484636)</t>
  </si>
  <si>
    <t>POINT (4.595379690574981 51.814115947352064)</t>
  </si>
  <si>
    <t>POINT (4.643902214074324 51.82026590750875)</t>
  </si>
  <si>
    <t>POINT (4.602608839040952 51.82111220670709)</t>
  </si>
  <si>
    <t>POINT (4.659977367309398 51.827045404234624)</t>
  </si>
  <si>
    <t>POINT (4.6356840172058345 51.821978394386704)</t>
  </si>
  <si>
    <t>POINT (4.562939049675531 51.83661544289796)</t>
  </si>
  <si>
    <t>POINT (4.598979434344685 51.81646844349592)</t>
  </si>
  <si>
    <t>POINT (4.6386087672846 51.825282092375105)</t>
  </si>
  <si>
    <t>POINT (4.602394247282291 51.82146009181081)</t>
  </si>
  <si>
    <t>POINT (4.651421294967179 51.814277267076406)</t>
  </si>
  <si>
    <t>POINT (4.61690059764018 51.82136130423173)</t>
  </si>
  <si>
    <t>POINT (4.65907399999437 51.83028398474994)</t>
  </si>
  <si>
    <t>POINT (4.6538243937359 51.821084644138544)</t>
  </si>
  <si>
    <t>POINT (4.6059547623120185 51.81607586986516)</t>
  </si>
  <si>
    <t>POINT (4.645840679930803 51.822148785948045)</t>
  </si>
  <si>
    <t>POINT (4.65084799917699 51.81687253484115)</t>
  </si>
  <si>
    <t>POINT (4.654904553779056 51.819797270432275)</t>
  </si>
  <si>
    <t>POINT (4.614542056363062 51.81295005836265)</t>
  </si>
  <si>
    <t>POINT (4.656072421429935 51.82982445142447)</t>
  </si>
  <si>
    <t>POINT (4.638940508350575 51.82261447686169)</t>
  </si>
  <si>
    <t>POINT (4.635591472950624 51.807490898120264)</t>
  </si>
  <si>
    <t>POINT (4.649149966519793 51.81665476007089)</t>
  </si>
  <si>
    <t>POINT (4.62670860977781 51.813715148887994)</t>
  </si>
  <si>
    <t>POINT (4.619117130911606 51.81359247596698)</t>
  </si>
  <si>
    <t>POINT (4.633945484174688 51.80606925935621)</t>
  </si>
  <si>
    <t>POINT (4.653167236030702 51.822170116823024)</t>
  </si>
  <si>
    <t>POINT (4.625446595835917 51.81353714891465)</t>
  </si>
  <si>
    <t>POINT (4.639590129900267 51.82584161898347)</t>
  </si>
  <si>
    <t>POINT (4.65831436484575 51.82566867640271)</t>
  </si>
  <si>
    <t>POINT (4.564052278718232 51.83552294173873)</t>
  </si>
  <si>
    <t>POINT (4.632180158942115 51.82526172426926)</t>
  </si>
  <si>
    <t>POINT (4.641819225576178 51.81947379981097)</t>
  </si>
  <si>
    <t>POINT (4.564066912960278 51.83557170044271)</t>
  </si>
  <si>
    <t>POINT (4.611767164399797 51.81886498639835)</t>
  </si>
  <si>
    <t>POINT (4.638062200064608 51.818741838894724)</t>
  </si>
  <si>
    <t>3335AV</t>
  </si>
  <si>
    <t>Dvorakplaats</t>
  </si>
  <si>
    <t>POINT (4.6175804018883575 51.81784055222554)</t>
  </si>
  <si>
    <t>POINT (4.653996294410988 51.82442530873918)</t>
  </si>
  <si>
    <t>POINT (4.634953789968983 51.80771884638927)</t>
  </si>
  <si>
    <t>POINT (4.646366479804796 51.8219567728802)</t>
  </si>
  <si>
    <t>3334CZ</t>
  </si>
  <si>
    <t>Zuilenstein</t>
  </si>
  <si>
    <t>POINT (4.602199448322408 51.813248204101676)</t>
  </si>
  <si>
    <t>POINT (4.642860896250198 51.81548005577332)</t>
  </si>
  <si>
    <t>POINT (4.640918378517907 51.80912610980318)</t>
  </si>
  <si>
    <t>POINT (4.6003809731948255 51.813489283120674)</t>
  </si>
  <si>
    <t>POINT (4.649571633769827 51.82222529961605)</t>
  </si>
  <si>
    <t>POINT (4.595010816103954 51.81489937930618)</t>
  </si>
  <si>
    <t>POINT (4.659126010930396 51.82597304554798)</t>
  </si>
  <si>
    <t>POINT (4.63165432308691 51.81052757317019)</t>
  </si>
  <si>
    <t>POINT (4.65639536442049 51.82696322946856)</t>
  </si>
  <si>
    <t>POINT (4.651720191872277 51.82453886930188)</t>
  </si>
  <si>
    <t>POINT (4.658932798610221 51.82301091538884)</t>
  </si>
  <si>
    <t>POINT (4.639771632681632 51.825988481536264)</t>
  </si>
  <si>
    <t>POINT (4.657111086843801 51.82401007759309)</t>
  </si>
  <si>
    <t>POINT (4.636682935025128 51.818463177000936)</t>
  </si>
  <si>
    <t>POINT (4.629824947134944 51.811519280068076)</t>
  </si>
  <si>
    <t>POINT (4.640589947704575 51.8169278753464)</t>
  </si>
  <si>
    <t>POINT (4.641610068933656 51.82122267737285)</t>
  </si>
  <si>
    <t>3332KG</t>
  </si>
  <si>
    <t>POINT (4.647667796765163 51.82604314487702)</t>
  </si>
  <si>
    <t>POINT (4.654804792186152 51.81735591514848)</t>
  </si>
  <si>
    <t>POINT (4.62863047563421 51.80702635782727)</t>
  </si>
  <si>
    <t>POINT (4.646278002951825 51.82595720330612)</t>
  </si>
  <si>
    <t>POINT (4.649800749910281 51.81411930342024)</t>
  </si>
  <si>
    <t>POINT (4.647193224910261 51.827323251938274)</t>
  </si>
  <si>
    <t>POINT (4.644850279659879 51.82464632420763)</t>
  </si>
  <si>
    <t>POINT (4.601199463019879 51.813492826581104)</t>
  </si>
  <si>
    <t>POINT (4.622412692248132 51.81207465499149)</t>
  </si>
  <si>
    <t>POINT (4.65827757006833 51.82676869716806)</t>
  </si>
  <si>
    <t>POINT (4.6498017883151155 51.82472612952645)</t>
  </si>
  <si>
    <t>POINT (4.6174719420981996 51.8203403125253)</t>
  </si>
  <si>
    <t>POINT (4.633522475103765 51.81276677270525)</t>
  </si>
  <si>
    <t>POINT (4.639121660489671 51.82300877899577)</t>
  </si>
  <si>
    <t>POINT (4.5647482113059805 51.83681116984275)</t>
  </si>
  <si>
    <t>POINT (4.567406828839665 51.83537212468785)</t>
  </si>
  <si>
    <t>POINT (4.570219089156081 51.826156809707285)</t>
  </si>
  <si>
    <t>POINT (4.634424876650663 51.82067275286823)</t>
  </si>
  <si>
    <t>POINT (4.652375962399266 51.821548955442445)</t>
  </si>
  <si>
    <t>POINT (4.6074850245138785 51.819508791691035)</t>
  </si>
  <si>
    <t>POINT (4.627691123250029 51.80769718577475)</t>
  </si>
  <si>
    <t>POINT (4.637705463618593 51.82001441901744)</t>
  </si>
  <si>
    <t>POINT (4.63403349566414 51.81712970989106)</t>
  </si>
  <si>
    <t>POINT (4.608383800183474 51.8145244170876)</t>
  </si>
  <si>
    <t>POINT (4.637026279774635 51.812096904458066)</t>
  </si>
  <si>
    <t>POINT (4.614585324042728 51.81309514258715)</t>
  </si>
  <si>
    <t>POINT (4.634661369659828 51.82173370426574)</t>
  </si>
  <si>
    <t>POINT (4.617005995697181 51.816855252039076)</t>
  </si>
  <si>
    <t>POINT (4.639794175991122 51.81855424044316)</t>
  </si>
  <si>
    <t>POINT (4.6558199523097 51.820728210237625)</t>
  </si>
  <si>
    <t>POINT (4.652066120955114 51.81522689125585)</t>
  </si>
  <si>
    <t>POINT (4.56701199616598 51.83517387946058)</t>
  </si>
  <si>
    <t>POINT (4.611212435435157 51.81923624834692)</t>
  </si>
  <si>
    <t>POINT (4.652275225836642 51.81784742324031)</t>
  </si>
  <si>
    <t>POINT (4.632827851456942 51.825908274853404)</t>
  </si>
  <si>
    <t>POINT (4.6337211760423225 51.817785030884835)</t>
  </si>
  <si>
    <t>POINT (4.6541427350088025 51.82458104439426)</t>
  </si>
  <si>
    <t>POINT (4.619307607039908 51.81541687715815)</t>
  </si>
  <si>
    <t>POINT (4.596169461254667 51.810644033028446)</t>
  </si>
  <si>
    <t>POINT (4.6126123768801826 51.81311320144156)</t>
  </si>
  <si>
    <t>POINT (4.609153074440881 51.816246258710684)</t>
  </si>
  <si>
    <t>POINT (4.640952451451148 51.82551999004052)</t>
  </si>
  <si>
    <t>POINT (4.641225472435331 51.82335345636477)</t>
  </si>
  <si>
    <t>POINT (4.612812516821751 51.82029389491187)</t>
  </si>
  <si>
    <t>POINT (4.613261542891939 51.81825990543414)</t>
  </si>
  <si>
    <t>POINT (4.619759214482545 51.814258102575245)</t>
  </si>
  <si>
    <t>POINT (4.6207223730198965 51.82216484638912)</t>
  </si>
  <si>
    <t>POINT (4.6510125987362345 51.8225808964677)</t>
  </si>
  <si>
    <t>POINT (4.64191797826673 51.80991647541357)</t>
  </si>
  <si>
    <t>POINT (4.642202762928963 51.819295382575326)</t>
  </si>
  <si>
    <t>POINT (4.611445215161432 51.822455361820545)</t>
  </si>
  <si>
    <t>POINT (4.569267842987297 51.82558395610738)</t>
  </si>
  <si>
    <t>POINT (4.655100083048899 51.82717268361633)</t>
  </si>
  <si>
    <t>POINT (4.611599826208043 51.815995112146446)</t>
  </si>
  <si>
    <t>POINT (4.64663795585349 51.82389263530729)</t>
  </si>
  <si>
    <t>POINT (4.63344566450863 51.81278547025608)</t>
  </si>
  <si>
    <t>POINT (4.635617255529537 51.823561244487045)</t>
  </si>
  <si>
    <t>POINT (4.653703897388194 51.827046017725195)</t>
  </si>
  <si>
    <t>POINT (4.633840757169326 51.80700193003515)</t>
  </si>
  <si>
    <t>POINT (4.641587430409239 51.81552825900295)</t>
  </si>
  <si>
    <t>POINT (4.614695196138775 51.83178518090261)</t>
  </si>
  <si>
    <t>POINT (4.626720820137135 51.81303427913224)</t>
  </si>
  <si>
    <t>POINT (4.626048508028239 51.81495980583842)</t>
  </si>
  <si>
    <t>POINT (4.646113132884784 51.81525406947514)</t>
  </si>
  <si>
    <t>POINT (4.651895972175212 51.8146766523893)</t>
  </si>
  <si>
    <t>POINT (4.606332478610607 51.81933290486966)</t>
  </si>
  <si>
    <t>POINT (4.624747597009938 51.81226747487389)</t>
  </si>
  <si>
    <t>POINT (4.60989416707466 51.81861076345559)</t>
  </si>
  <si>
    <t>POINT (4.638204837247499 51.81378519417739)</t>
  </si>
  <si>
    <t>3332RB</t>
  </si>
  <si>
    <t>Doevelskerc</t>
  </si>
  <si>
    <t>POINT (4.644078829709035 51.82563795495981)</t>
  </si>
  <si>
    <t>POINT (4.568829422235696 51.83753074657384)</t>
  </si>
  <si>
    <t>3333SM</t>
  </si>
  <si>
    <t>POINT (4.6307577446699675 51.812949908363905)</t>
  </si>
  <si>
    <t>POINT (4.643284836513025 51.81957679698391)</t>
  </si>
  <si>
    <t>POINT (4.65695386119459 51.82111564472925)</t>
  </si>
  <si>
    <t>POINT (4.633598125172018 51.82600061998936)</t>
  </si>
  <si>
    <t>POINT (4.6185427031299024 51.81568104574965)</t>
  </si>
  <si>
    <t>POINT (4.631608030908687 51.80771468004252)</t>
  </si>
  <si>
    <t>3331XX</t>
  </si>
  <si>
    <t>POINT (4.652676589192055 51.81696234823097)</t>
  </si>
  <si>
    <t>POINT (4.646535482822982 51.818302059407706)</t>
  </si>
  <si>
    <t>POINT (4.60032722093289 51.81321963814271)</t>
  </si>
  <si>
    <t>POINT (4.60811336441929 51.82123639010278)</t>
  </si>
  <si>
    <t>POINT (4.637246051814501 51.814894631679536)</t>
  </si>
  <si>
    <t>POINT (4.6582988005765396 51.826048018526045)</t>
  </si>
  <si>
    <t>POINT (4.635567097535946 51.808974067859836)</t>
  </si>
  <si>
    <t>POINT (4.56110728851407 51.83666470606092)</t>
  </si>
  <si>
    <t>POINT (4.625494906007818 51.81444422585436)</t>
  </si>
  <si>
    <t>POINT (4.629218941529938 51.81164167665837)</t>
  </si>
  <si>
    <t>POINT (4.6358981908919965 51.81655136513232)</t>
  </si>
  <si>
    <t>POINT (4.5984969923554875 51.8144892982728)</t>
  </si>
  <si>
    <t>POINT (4.63496689521353 51.80923836397163)</t>
  </si>
  <si>
    <t>POINT (4.620327664946904 51.813476519352605)</t>
  </si>
  <si>
    <t>POINT (4.6356042193756855 51.81967366703952)</t>
  </si>
  <si>
    <t>POINT (4.649340472123366 51.81563807880387)</t>
  </si>
  <si>
    <t>3335CD</t>
  </si>
  <si>
    <t>POINT (4.620120134122175 51.82035827104602)</t>
  </si>
  <si>
    <t>POINT (4.644699806852889 51.81469767950937)</t>
  </si>
  <si>
    <t>POINT (4.635665227217269 51.82189611739696)</t>
  </si>
  <si>
    <t>3331VP</t>
  </si>
  <si>
    <t>POINT (4.640091533572816 51.81939608231566)</t>
  </si>
  <si>
    <t>POINT (4.627281505406316 51.8136258718903)</t>
  </si>
  <si>
    <t>POINT (4.610488306411187 51.82189000675557)</t>
  </si>
  <si>
    <t>3334XA</t>
  </si>
  <si>
    <t>POINT (4.6221759293983755 51.81266047046259)</t>
  </si>
  <si>
    <t>POINT (4.6515235948089035 51.81847462759234)</t>
  </si>
  <si>
    <t>POINT (4.566907030114383 51.83216903511709)</t>
  </si>
  <si>
    <t>POINT (4.609207088850483 51.820222481775104)</t>
  </si>
  <si>
    <t>POINT (4.65263094485506 51.816898413661086)</t>
  </si>
  <si>
    <t>POINT (4.562850121538736 51.83299217285531)</t>
  </si>
  <si>
    <t>POINT (4.636709476463424 51.81449336151349)</t>
  </si>
  <si>
    <t>POINT (4.566559640559352 51.835509980183886)</t>
  </si>
  <si>
    <t>POINT (4.569494624659906 51.8349492313145)</t>
  </si>
  <si>
    <t>POINT (4.634316273767301 51.810038015685)</t>
  </si>
  <si>
    <t>POINT (4.614584779394435 51.82091872256383)</t>
  </si>
  <si>
    <t>3332HN</t>
  </si>
  <si>
    <t>Jacob Gillisstraat</t>
  </si>
  <si>
    <t>POINT (4.658636451008885 51.82916505719416)</t>
  </si>
  <si>
    <t>POINT (4.639549209248655 51.820349286432425)</t>
  </si>
  <si>
    <t>POINT (4.636806454445278 51.8146232122283)</t>
  </si>
  <si>
    <t>POINT (4.657333687186778 51.822015409872144)</t>
  </si>
  <si>
    <t>POINT (4.634902496904374 51.810055321392404)</t>
  </si>
  <si>
    <t>POINT (4.651537166428411 51.81498044157325)</t>
  </si>
  <si>
    <t>POINT (4.628230131265268 51.80691580553539)</t>
  </si>
  <si>
    <t>POINT (4.603849564695582 51.820770491556765)</t>
  </si>
  <si>
    <t>POINT (4.61480266984488 51.81520690060658)</t>
  </si>
  <si>
    <t>POINT (4.614896719196127 51.821579675408174)</t>
  </si>
  <si>
    <t>POINT (4.63392648970059 51.80808558426948)</t>
  </si>
  <si>
    <t>POINT (4.649935251084239 51.81711097308027)</t>
  </si>
  <si>
    <t>POINT (4.599918441408045 51.813859456239854)</t>
  </si>
  <si>
    <t>POINT (4.659004075011695 51.82599439226314)</t>
  </si>
  <si>
    <t>POINT (4.648652211781209 51.82434757923318)</t>
  </si>
  <si>
    <t>POINT (4.6497871342354475 51.81714872980914)</t>
  </si>
  <si>
    <t>POINT (4.654877935749941 51.81739056453694)</t>
  </si>
  <si>
    <t>POINT (4.657818499242081 51.821853220851736)</t>
  </si>
  <si>
    <t>POINT (4.643776459197703 51.815408933994135)</t>
  </si>
  <si>
    <t>POINT (4.635742615741879 51.82011232078674)</t>
  </si>
  <si>
    <t>POINT (4.646261812457046 51.816471942384)</t>
  </si>
  <si>
    <t>POINT (4.654792808165064 51.82622450209251)</t>
  </si>
  <si>
    <t>POINT (4.637156373794247 51.82344955408187)</t>
  </si>
  <si>
    <t>POINT (4.619912939520195 51.81252160650106)</t>
  </si>
  <si>
    <t>POINT (4.596063540264689 51.81507623334151)</t>
  </si>
  <si>
    <t>POINT (4.602654912160379 51.81871274925732)</t>
  </si>
  <si>
    <t>POINT (4.564245001104057 51.83203853713608)</t>
  </si>
  <si>
    <t>POINT (4.600751859993974 51.81568032841762)</t>
  </si>
  <si>
    <t>POINT (4.626225865029706 51.80537708810036)</t>
  </si>
  <si>
    <t>POINT (4.566682913145147 51.832639458888934)</t>
  </si>
  <si>
    <t>POINT (4.639477312843038 51.817397309487646)</t>
  </si>
  <si>
    <t>POINT (4.631904876229921 51.80810200020156)</t>
  </si>
  <si>
    <t>POINT (4.627664929318604 51.80790243538256)</t>
  </si>
  <si>
    <t>POINT (4.606183436810036 51.81295655894148)</t>
  </si>
  <si>
    <t>POINT (4.629260572880647 51.814234855932135)</t>
  </si>
  <si>
    <t>POINT (4.652856231670988 51.820460061343546)</t>
  </si>
  <si>
    <t>POINT (4.656903227110054 51.82113076323595)</t>
  </si>
  <si>
    <t>POINT (4.614626986769493 51.813234885912856)</t>
  </si>
  <si>
    <t>POINT (4.62563211165429 51.81369922398832)</t>
  </si>
  <si>
    <t>POINT (4.608644763389426 51.81973060228858)</t>
  </si>
  <si>
    <t>POINT (4.655837963203208 51.82716629041297)</t>
  </si>
  <si>
    <t>POINT (4.624633744353848 51.81353717303854)</t>
  </si>
  <si>
    <t>POINT (4.6147245827090355 51.814334534566136)</t>
  </si>
  <si>
    <t>POINT (4.639551720176614 51.825868565108095)</t>
  </si>
  <si>
    <t>POINT (4.570086552737712 51.835047896686824)</t>
  </si>
  <si>
    <t>POINT (4.638998677895806 51.82556672446792)</t>
  </si>
  <si>
    <t>POINT (4.617155169013055 51.8135521216883)</t>
  </si>
  <si>
    <t>POINT (4.637060984371999 51.82068255710181)</t>
  </si>
  <si>
    <t>POINT (4.621044775314325 51.81516593151535)</t>
  </si>
  <si>
    <t>POINT (4.60220259141714 51.81935073783752)</t>
  </si>
  <si>
    <t>3335LE</t>
  </si>
  <si>
    <t>POINT (4.62991919554611 51.81499069871667)</t>
  </si>
  <si>
    <t>POINT (4.644816531735661 51.81990896498871)</t>
  </si>
  <si>
    <t>POINT (4.654630974109399 51.82024355894855)</t>
  </si>
  <si>
    <t>POINT (4.615996376298711 51.815319919271936)</t>
  </si>
  <si>
    <t>POINT (4.646299009026122 51.81642453715324)</t>
  </si>
  <si>
    <t>POINT (4.632904878557433 51.81059635505457)</t>
  </si>
  <si>
    <t>3331CB</t>
  </si>
  <si>
    <t>POINT (4.64200903114011 51.818582158286134)</t>
  </si>
  <si>
    <t>POINT (4.632582382942317 51.81999856137903)</t>
  </si>
  <si>
    <t>POINT (4.594963718064708 51.814605201478)</t>
  </si>
  <si>
    <t>POINT (4.6164823816496 51.82209841955329)</t>
  </si>
  <si>
    <t>POINT (4.5692914325721965 51.835560110875775)</t>
  </si>
  <si>
    <t>POINT (4.638765994346046 51.8253443259913)</t>
  </si>
  <si>
    <t>POINT (4.611218473949507 51.818893907919794)</t>
  </si>
  <si>
    <t>POINT (4.599800813857537 51.813250749797234)</t>
  </si>
  <si>
    <t>POINT (4.612283818915783 51.81521641626642)</t>
  </si>
  <si>
    <t>POINT (4.611734072306058 51.81944804576355)</t>
  </si>
  <si>
    <t>POINT (4.612987999647952 51.81822285643617)</t>
  </si>
  <si>
    <t>POINT (4.6141583047964385 51.82079240034092)</t>
  </si>
  <si>
    <t>POINT (4.6503154291486934 51.81838584423647)</t>
  </si>
  <si>
    <t>POINT (4.651901266933809 51.82774319056098)</t>
  </si>
  <si>
    <t>POINT (4.613509287710644 51.82138187329636)</t>
  </si>
  <si>
    <t>POINT (4.570177398801644 51.8414947306107)</t>
  </si>
  <si>
    <t>POINT (4.56218846466132 51.83700813804746)</t>
  </si>
  <si>
    <t>POINT (4.619405733591416 51.81550712771051)</t>
  </si>
  <si>
    <t>POINT (4.6503367877710415 51.81364193726515)</t>
  </si>
  <si>
    <t>POINT (4.633078249183831 51.82546060204733)</t>
  </si>
  <si>
    <t>POINT (4.60203447643875 51.81915990612302)</t>
  </si>
  <si>
    <t>POINT (4.610948703025837 51.81839680043004)</t>
  </si>
  <si>
    <t>POINT (4.639020493648229 51.80853825275319)</t>
  </si>
  <si>
    <t>POINT (4.599898123987329 51.813470790791015)</t>
  </si>
  <si>
    <t>POINT (4.634158648031431 51.80962378430051)</t>
  </si>
  <si>
    <t>POINT (4.653536753710142 51.821996159239035)</t>
  </si>
  <si>
    <t>POINT (4.6313998590423715 51.81405675340303)</t>
  </si>
  <si>
    <t>POINT (4.650604244483517 51.82849313631257)</t>
  </si>
  <si>
    <t>POINT (4.646784303957641 51.82087718067927)</t>
  </si>
  <si>
    <t>POINT (4.636988864727913 51.82061477079764)</t>
  </si>
  <si>
    <t>POINT (4.651988365302838 51.819180032703024)</t>
  </si>
  <si>
    <t>POINT (4.626924821202187 51.82767262779034)</t>
  </si>
  <si>
    <t>POINT (4.634391948205387 51.80855239781151)</t>
  </si>
  <si>
    <t>POINT (4.629545749420042 51.80879226174855)</t>
  </si>
  <si>
    <t>POINT (4.627763138353947 51.81462894783967)</t>
  </si>
  <si>
    <t>POINT (4.619386647565787 51.815574409223665)</t>
  </si>
  <si>
    <t>POINT (4.6371147291722945 51.81887103113527)</t>
  </si>
  <si>
    <t>POINT (4.652135826641769 51.82060050310836)</t>
  </si>
  <si>
    <t>POINT (4.64692003652508 51.82388787101658)</t>
  </si>
  <si>
    <t>POINT (4.638709655364376 51.822653993310546)</t>
  </si>
  <si>
    <t>POINT (4.630846625662009 51.81304252563765)</t>
  </si>
  <si>
    <t>POINT (4.630881405309023 51.81021981834314)</t>
  </si>
  <si>
    <t>POINT (4.562658258839717 51.836785767285484)</t>
  </si>
  <si>
    <t>POINT (4.635361329529533 51.81126219154793)</t>
  </si>
  <si>
    <t>POINT (4.602722923360696 51.81177947572518)</t>
  </si>
  <si>
    <t>POINT (4.612146779565977 51.82170328175334)</t>
  </si>
  <si>
    <t>POINT (4.616929985278335 51.81737715943086)</t>
  </si>
  <si>
    <t>POINT (4.634608324893817 51.820904129897016)</t>
  </si>
  <si>
    <t>POINT (4.556401868394881 51.83094808821412)</t>
  </si>
  <si>
    <t>POINT (4.600691252655774 51.81949653763417)</t>
  </si>
  <si>
    <t>POINT (4.611162664748942 51.82212540575443)</t>
  </si>
  <si>
    <t>POINT (4.625684506180231 51.81155724784724)</t>
  </si>
  <si>
    <t>POINT (4.652159039347918 51.82521807929304)</t>
  </si>
  <si>
    <t>POINT (4.640430604699622 51.82576015659812)</t>
  </si>
  <si>
    <t>POINT (4.617250542562034 51.82313831368128)</t>
  </si>
  <si>
    <t>POINT (4.641688608926403 51.82589426490776)</t>
  </si>
  <si>
    <t>POINT (4.640100814180384 51.82335068939908)</t>
  </si>
  <si>
    <t>POINT (4.616083448629352 51.82051732717151)</t>
  </si>
  <si>
    <t>POINT (4.606685227915526 51.82014238482908)</t>
  </si>
  <si>
    <t>POINT (4.651591252500416 51.821805853151275)</t>
  </si>
  <si>
    <t>POINT (4.634107819274392 51.80835379378911)</t>
  </si>
  <si>
    <t>POINT (4.630314076145644 51.8094458097437)</t>
  </si>
  <si>
    <t>POINT (4.659902898577714 51.82706019660386)</t>
  </si>
  <si>
    <t>POINT (4.65102435219478 51.81791824344155)</t>
  </si>
  <si>
    <t>POINT (4.627183133904293 51.80864079507074)</t>
  </si>
  <si>
    <t>POINT (4.6420767484145715 51.82418092419862)</t>
  </si>
  <si>
    <t>POINT (4.608492360648229 51.815041108429014)</t>
  </si>
  <si>
    <t>POINT (4.619382718443271 51.814434182728206)</t>
  </si>
  <si>
    <t>POINT (4.635493069751484 51.818498896346796)</t>
  </si>
  <si>
    <t>POINT (4.641729733986492 51.8212322464236)</t>
  </si>
  <si>
    <t>POINT (4.621759883839199 51.815033214461096)</t>
  </si>
  <si>
    <t>POINT (4.564306543074661 51.83572226110154)</t>
  </si>
  <si>
    <t>POINT (4.6060466233659305 51.8139710063582)</t>
  </si>
  <si>
    <t>POINT (4.6367387801041655 51.82487369574286)</t>
  </si>
  <si>
    <t>POINT (4.65008769559613 51.82553070432726)</t>
  </si>
  <si>
    <t>POINT (4.569948981621143 51.83860777436829)</t>
  </si>
  <si>
    <t>POINT (4.568211474620296 51.837518401154426)</t>
  </si>
  <si>
    <t>POINT (4.619018600225874 51.82006000284024)</t>
  </si>
  <si>
    <t>POINT (4.620336383818631 51.81157510273822)</t>
  </si>
  <si>
    <t>POINT (4.636973586055389 51.814773744928345)</t>
  </si>
  <si>
    <t>POINT (4.651272113287296 51.82610476475149)</t>
  </si>
  <si>
    <t>POINT (4.619461701467345 51.81412748307616)</t>
  </si>
  <si>
    <t>POINT (4.633069300999855 51.81093667269324)</t>
  </si>
  <si>
    <t>POINT (4.609852307979527 51.81842326011215)</t>
  </si>
  <si>
    <t>POINT (4.6235091946448375 51.812426036896156)</t>
  </si>
  <si>
    <t>POINT (4.628219344656422 51.8121102512216)</t>
  </si>
  <si>
    <t>POINT (4.6278218797094475 51.81304527443181)</t>
  </si>
  <si>
    <t>POINT (4.623047104786887 51.813216696452656)</t>
  </si>
  <si>
    <t>POINT (4.660028887127225 51.82925926362228)</t>
  </si>
  <si>
    <t>POINT (4.633767625284015 51.82480438725335)</t>
  </si>
  <si>
    <t>POINT (4.631673019361419 51.8096126157707)</t>
  </si>
  <si>
    <t>3331TC</t>
  </si>
  <si>
    <t>POINT (4.635120745941092 51.82077272799244)</t>
  </si>
  <si>
    <t>POINT (4.607579100817623 51.817022263589806)</t>
  </si>
  <si>
    <t>POINT (4.648602317749129 51.81790684575483)</t>
  </si>
  <si>
    <t>POINT (4.639905886563091 51.82014112374977)</t>
  </si>
  <si>
    <t>POINT (4.6360638550617885 51.816825897790906)</t>
  </si>
  <si>
    <t>POINT (4.645633916645319 51.81427727010685)</t>
  </si>
  <si>
    <t>POINT (4.644141142986888 51.81671579974333)</t>
  </si>
  <si>
    <t>POINT (4.606031747991269 51.81358158743876)</t>
  </si>
  <si>
    <t>POINT (4.651722448614843 51.8236343526986)</t>
  </si>
  <si>
    <t>POINT (4.6269460631509824 51.8155481911887)</t>
  </si>
  <si>
    <t>POINT (4.660121712403621 51.8218596284663)</t>
  </si>
  <si>
    <t>POINT (4.639083111430284 51.82558896135393)</t>
  </si>
  <si>
    <t>POINT (4.635842661523887 51.82425089794725)</t>
  </si>
  <si>
    <t>POINT (4.654104356441869 51.820405446716585)</t>
  </si>
  <si>
    <t>POINT (4.570262166654553 51.835262682473804)</t>
  </si>
  <si>
    <t>POINT (4.60221819402703 51.81356835541279)</t>
  </si>
  <si>
    <t>POINT (4.642936883351585 51.81962236583345)</t>
  </si>
  <si>
    <t>POINT (4.629576650232233 51.80652602850921)</t>
  </si>
  <si>
    <t>POINT (4.6332734820889385 51.809395540067825)</t>
  </si>
  <si>
    <t>POINT (4.641258690959204 51.825649602983745)</t>
  </si>
  <si>
    <t>POINT (4.603961022540413 51.82059578451017)</t>
  </si>
  <si>
    <t>POINT (4.633188930411143 51.80941790003425)</t>
  </si>
  <si>
    <t>POINT (4.610920260185743 51.82081055999918)</t>
  </si>
  <si>
    <t>POINT (4.643991671003987 51.81984139888583)</t>
  </si>
  <si>
    <t>POINT (4.63860725060587 51.818440033694934)</t>
  </si>
  <si>
    <t>POINT (4.633127118735522 51.82047384349899)</t>
  </si>
  <si>
    <t>POINT (4.650168448844261 51.820076501977624)</t>
  </si>
  <si>
    <t>POINT (4.566284215654308 51.835244414531104)</t>
  </si>
  <si>
    <t>POINT (4.6086141995445375 51.820552013615625)</t>
  </si>
  <si>
    <t>POINT (4.627906561651184 51.81348933438369)</t>
  </si>
  <si>
    <t>POINT (4.646259364983958 51.82594028580777)</t>
  </si>
  <si>
    <t>POINT (4.642300884024666 51.81925582593633)</t>
  </si>
  <si>
    <t>POINT (4.641495524320738 51.81706002300059)</t>
  </si>
  <si>
    <t>POINT (4.6087989543779635 51.82083108048735)</t>
  </si>
  <si>
    <t>POINT (4.645322658547548 51.8170950918764)</t>
  </si>
  <si>
    <t>POINT (4.656614885298217 51.821425415301334)</t>
  </si>
  <si>
    <t>POINT (4.613595457055736 51.82182406588185)</t>
  </si>
  <si>
    <t>POINT (4.649527649004 51.825532237526254)</t>
  </si>
  <si>
    <t>POINT (4.562599691918974 51.83482482005546)</t>
  </si>
  <si>
    <t>POINT (4.635123589847075 51.81091109730232)</t>
  </si>
  <si>
    <t>POINT (4.648983104465018 51.828111099368144)</t>
  </si>
  <si>
    <t>POINT (4.657460411730503 51.82760422217269)</t>
  </si>
  <si>
    <t>POINT (4.655006046556772 51.82805422736565)</t>
  </si>
  <si>
    <t>POINT (4.607854415194763 51.81976645304998)</t>
  </si>
  <si>
    <t>POINT (4.629172067855273 51.81262434339816)</t>
  </si>
  <si>
    <t>POINT (4.653708592781917 51.81746469950996)</t>
  </si>
  <si>
    <t>POINT (4.620080287159215 51.81394604615794)</t>
  </si>
  <si>
    <t>POINT (4.636775458138853 51.81018094017679)</t>
  </si>
  <si>
    <t>POINT (4.616476654584022 51.813825940212446)</t>
  </si>
  <si>
    <t>POINT (4.6149638851320445 51.81803362844698)</t>
  </si>
  <si>
    <t>POINT (4.6356666546060215 51.82014200945361)</t>
  </si>
  <si>
    <t>POINT (4.573722983337468 51.831591346346606)</t>
  </si>
  <si>
    <t>POINT (4.656876516140933 51.81764087710216)</t>
  </si>
  <si>
    <t>POINT (4.645553181630491 51.81728686645604)</t>
  </si>
  <si>
    <t>POINT (4.656941078333915 51.82383122398423)</t>
  </si>
  <si>
    <t>POINT (4.647706391109459 51.81887370806169)</t>
  </si>
  <si>
    <t>POINT (4.651712156396002 51.824449049019144)</t>
  </si>
  <si>
    <t>POINT (4.603329298520452 51.8129546610782)</t>
  </si>
  <si>
    <t>3331SR</t>
  </si>
  <si>
    <t>POINT (4.634851500414201 51.82039108606569)</t>
  </si>
  <si>
    <t>POINT (4.57096383825359 51.83237789862672)</t>
  </si>
  <si>
    <t>POINT (4.653225241665264 51.82002700283495)</t>
  </si>
  <si>
    <t>POINT (4.658718282909193 51.822599736564264)</t>
  </si>
  <si>
    <t>POINT (4.6007109322398625 51.810034210766744)</t>
  </si>
  <si>
    <t>POINT (4.605137605187508 51.81356927694729)</t>
  </si>
  <si>
    <t>POINT (4.655865646824378 51.82190074445305)</t>
  </si>
  <si>
    <t>POINT (4.628672309727134 51.80669787491801)</t>
  </si>
  <si>
    <t>POINT (4.640558654973534 51.819418731243395)</t>
  </si>
  <si>
    <t>POINT (4.6176643509778845 51.822338048100065)</t>
  </si>
  <si>
    <t>POINT (4.604343506988075 51.81938156862477)</t>
  </si>
  <si>
    <t>POINT (4.606534422268648 51.81650128962303)</t>
  </si>
  <si>
    <t>POINT (4.634424808224777 51.81743476225956)</t>
  </si>
  <si>
    <t>POINT (4.642078780946053 51.8166465083452)</t>
  </si>
  <si>
    <t>POINT (4.6180130664717245 51.82295093707721)</t>
  </si>
  <si>
    <t>POINT (4.630130160392508 51.80825058053183)</t>
  </si>
  <si>
    <t>POINT (4.616257262254826 51.814445907365474)</t>
  </si>
  <si>
    <t>POINT (4.648644635450444 51.824403611941506)</t>
  </si>
  <si>
    <t>3334BP</t>
  </si>
  <si>
    <t>POINT (4.60508543765399 51.81630962009113)</t>
  </si>
  <si>
    <t>POINT (4.562038460869866 51.83735197298229)</t>
  </si>
  <si>
    <t>POINT (4.632604273427837 51.81347600455587)</t>
  </si>
  <si>
    <t>POINT (4.629583859901953 51.81332367264633)</t>
  </si>
  <si>
    <t>POINT (4.634902884328012 51.809983432185724)</t>
  </si>
  <si>
    <t>POINT (4.640440154584186 51.81090357680401)</t>
  </si>
  <si>
    <t>POINT (4.599697994437347 51.81328389345448)</t>
  </si>
  <si>
    <t>POINT (4.618920802216822 51.821526760819715)</t>
  </si>
  <si>
    <t>POINT (4.618560460028421 51.81559737822053)</t>
  </si>
  <si>
    <t>POINT (4.644749472510056 51.81493490876042)</t>
  </si>
  <si>
    <t>POINT (4.6361545828549735 51.82168353916338)</t>
  </si>
  <si>
    <t>POINT (4.638232025816581 51.821206948808936)</t>
  </si>
  <si>
    <t>POINT (4.601509884951837 51.81329556216872)</t>
  </si>
  <si>
    <t>POINT (4.630732198451387 51.812933105589394)</t>
  </si>
  <si>
    <t>POINT (4.6330187275424715 51.826642286679295)</t>
  </si>
  <si>
    <t>POINT (4.632921644398632 51.82511634450215)</t>
  </si>
  <si>
    <t>POINT (4.561721865150719 51.834332574717784)</t>
  </si>
  <si>
    <t>POINT (4.6175976213608925 51.81292330588613)</t>
  </si>
  <si>
    <t>POINT (4.651773186526627 51.81801171956538)</t>
  </si>
  <si>
    <t>POINT (4.604053561500776 51.81430462465843)</t>
  </si>
  <si>
    <t>POINT (4.653821092041851 51.82498705809484)</t>
  </si>
  <si>
    <t>POINT (4.57917619122243 51.82615015879265)</t>
  </si>
  <si>
    <t>POINT (4.6391063449413625 51.81001483544841)</t>
  </si>
  <si>
    <t>POINT (4.614968327660798 51.81949546577915)</t>
  </si>
  <si>
    <t>POINT (4.649070452528223 51.818707465073594)</t>
  </si>
  <si>
    <t>POINT (4.638455679202278 51.82534707489988)</t>
  </si>
  <si>
    <t>POINT (4.650375223141937 51.81735954086154)</t>
  </si>
  <si>
    <t>POINT (4.602587299395625 51.820819749336195)</t>
  </si>
  <si>
    <t>POINT (4.647819899655275 51.82521966134077)</t>
  </si>
  <si>
    <t>POINT (4.639681783287644 51.810612745753176)</t>
  </si>
  <si>
    <t>POINT (4.65539691476781 51.82521907570702)</t>
  </si>
  <si>
    <t>POINT (4.567862355972763 51.83851604329721)</t>
  </si>
  <si>
    <t>POINT (4.561497461526275 51.835081089704076)</t>
  </si>
  <si>
    <t>POINT (4.642999918239568 51.818658665452524)</t>
  </si>
  <si>
    <t>POINT (4.604344907523926 51.814501444292674)</t>
  </si>
  <si>
    <t>POINT (4.63319932027384 51.81165467231029)</t>
  </si>
  <si>
    <t>POINT (4.605471716428322 51.81986141945073)</t>
  </si>
  <si>
    <t>POINT (4.5619635580466005 51.83733545547648)</t>
  </si>
  <si>
    <t>POINT (4.609059782669891 51.816529000733446)</t>
  </si>
  <si>
    <t>POINT (4.634087811174285 51.824541482423804)</t>
  </si>
  <si>
    <t>POINT (4.611906321995549 51.81891183812731)</t>
  </si>
  <si>
    <t>POINT (4.61914724761313 51.81427884488308)</t>
  </si>
  <si>
    <t>POINT (4.6446874764359505 51.81976433853711)</t>
  </si>
  <si>
    <t>POINT (4.636448370632057 51.8241780284053)</t>
  </si>
  <si>
    <t>POINT (4.655332181195967 51.825218672088255)</t>
  </si>
  <si>
    <t>3334AM</t>
  </si>
  <si>
    <t>POINT (4.621467414898375 51.81377764127792)</t>
  </si>
  <si>
    <t>POINT (4.662032324306893 51.825672191229785)</t>
  </si>
  <si>
    <t>POINT (4.614513309041917 51.82089791957478)</t>
  </si>
  <si>
    <t>POINT (4.601390903913051 51.814022187866115)</t>
  </si>
  <si>
    <t>POINT (4.632414439799779 51.81939556209013)</t>
  </si>
  <si>
    <t>POINT (4.650250314836223 51.82229678034923)</t>
  </si>
  <si>
    <t>POINT (4.644409544200359 51.824925681657696)</t>
  </si>
  <si>
    <t>POINT (4.659543751461882 51.82467176642204)</t>
  </si>
  <si>
    <t>POINT (4.616327279271561 51.814337424025766)</t>
  </si>
  <si>
    <t>POINT (4.611219109925032 51.81884011463301)</t>
  </si>
  <si>
    <t>POINT (4.631930020787825 51.807335820285644)</t>
  </si>
  <si>
    <t>POINT (4.564728595634609 51.83259945377749)</t>
  </si>
  <si>
    <t>POINT (4.616380208036173 51.81710958704205)</t>
  </si>
  <si>
    <t>POINT (4.636957389510329 51.810643700516856)</t>
  </si>
  <si>
    <t>POINT (4.6486031937139405 51.82437610647258)</t>
  </si>
  <si>
    <t>POINT (4.611326788073119 51.81979730723797)</t>
  </si>
  <si>
    <t>POINT (4.614675865308757 51.81350619072943)</t>
  </si>
  <si>
    <t>POINT (4.615672841072702 51.823727949670825)</t>
  </si>
  <si>
    <t>3332HK</t>
  </si>
  <si>
    <t>Groen van Prinstererplantsoen</t>
  </si>
  <si>
    <t>POINT (4.659792491362226 51.82871732838613)</t>
  </si>
  <si>
    <t>POINT (4.618647506874807 51.812665882211235)</t>
  </si>
  <si>
    <t>POINT (4.608768909699142 51.825778055841624)</t>
  </si>
  <si>
    <t>POINT (4.619423044403988 51.830389081754994)</t>
  </si>
  <si>
    <t>POINT (4.643267688675634 51.818320320882115)</t>
  </si>
  <si>
    <t>POINT (4.632382355674027 51.8235608355074)</t>
  </si>
  <si>
    <t>POINT (4.640213361660241 51.809037831227464)</t>
  </si>
  <si>
    <t>POINT (4.642316866311451 51.816904530125505)</t>
  </si>
  <si>
    <t>POINT (4.611635233516244 51.80702515305275)</t>
  </si>
  <si>
    <t>POINT (4.617610090665236 51.8200459033089)</t>
  </si>
  <si>
    <t>POINT (4.608527009172925 51.81485378854691)</t>
  </si>
  <si>
    <t>POINT (4.627881206415975 51.80771109005903)</t>
  </si>
  <si>
    <t>POINT (4.658755994436669 51.822326112679946)</t>
  </si>
  <si>
    <t>POINT (4.643448211915602 51.82101485431486)</t>
  </si>
  <si>
    <t>POINT (4.566942865896254 51.83458218869969)</t>
  </si>
  <si>
    <t>POINT (4.640057411387526 51.82330360002099)</t>
  </si>
  <si>
    <t>POINT (4.644222258328005 51.81973324178652)</t>
  </si>
  <si>
    <t>POINT (4.657990149955935 51.82176805009176)</t>
  </si>
  <si>
    <t>POINT (4.630339097074687 51.81267448257225)</t>
  </si>
  <si>
    <t>POINT (4.611925191647368 51.815361570543956)</t>
  </si>
  <si>
    <t>POINT (4.642114556680301 51.80909236309826)</t>
  </si>
  <si>
    <t>POINT (4.614528230132745 51.83155711721206)</t>
  </si>
  <si>
    <t>POINT (4.629785871194243 51.81502010328396)</t>
  </si>
  <si>
    <t>POINT (4.6473209074182735 51.818964608059204)</t>
  </si>
  <si>
    <t>POINT (4.6474297107972555 51.82723055924809)</t>
  </si>
  <si>
    <t>POINT (4.6577616793306476 51.824562881182295)</t>
  </si>
  <si>
    <t>POINT (4.65625702378537 51.82178232076523)</t>
  </si>
  <si>
    <t>POINT (4.647308339524113 51.827266441087644)</t>
  </si>
  <si>
    <t>POINT (4.562446959008322 51.835325445105205)</t>
  </si>
  <si>
    <t>POINT (4.6330691590162365 51.80950596579311)</t>
  </si>
  <si>
    <t>POINT (4.56787957140097 51.8348424376166)</t>
  </si>
  <si>
    <t>POINT (4.6545559521731095 51.82447359405436)</t>
  </si>
  <si>
    <t>POINT (4.567460434741444 51.8361970184923)</t>
  </si>
  <si>
    <t>POINT (4.6472407841060415 51.823620997136146)</t>
  </si>
  <si>
    <t>POINT (4.596672969107974 51.81391962443449)</t>
  </si>
  <si>
    <t>POINT (4.598504475517808 51.815130919631514)</t>
  </si>
  <si>
    <t>POINT (4.6572412144629745 51.82789801119201)</t>
  </si>
  <si>
    <t>POINT (4.624733093949144 51.811257417532666)</t>
  </si>
  <si>
    <t>POINT (4.634436544574662 51.816131799381445)</t>
  </si>
  <si>
    <t>POINT (4.656747121054422 51.823689164531714)</t>
  </si>
  <si>
    <t>POINT (4.63418194876027 51.81019264047181)</t>
  </si>
  <si>
    <t>POINT (4.60523901226044 51.82236189838922)</t>
  </si>
  <si>
    <t>POINT (4.662054345719032 51.825391737010364)</t>
  </si>
  <si>
    <t>POINT (4.630952830374566 51.81016840481651)</t>
  </si>
  <si>
    <t>POINT (4.629417370161005 51.81215918887536)</t>
  </si>
  <si>
    <t>POINT (4.565693896313106 51.833292090835045)</t>
  </si>
  <si>
    <t>POINT (4.661260953332138 51.8201575739249)</t>
  </si>
  <si>
    <t>POINT (4.64047576621146 51.80924981905552)</t>
  </si>
  <si>
    <t>POINT (4.619367249094248 51.83039667179257)</t>
  </si>
  <si>
    <t>POINT (4.643876986384106 51.822175637336976)</t>
  </si>
  <si>
    <t>POINT (4.633894886543256 51.812613128955526)</t>
  </si>
  <si>
    <t>POINT (4.6594031607889015 51.82683842271239)</t>
  </si>
  <si>
    <t>POINT (4.644653070009722 51.81487259143624)</t>
  </si>
  <si>
    <t>2995VP</t>
  </si>
  <si>
    <t>Warande</t>
  </si>
  <si>
    <t>POINT (4.567955798871549 51.83408780723962)</t>
  </si>
  <si>
    <t>POINT (4.656914576524901 51.8176943988446)</t>
  </si>
  <si>
    <t>POINT (4.642133183781953 51.82159542556379)</t>
  </si>
  <si>
    <t>POINT (4.605181049879442 51.81386714741251)</t>
  </si>
  <si>
    <t>POINT (4.650837818938721 51.82028451303317)</t>
  </si>
  <si>
    <t>POINT (4.638964266565682 51.82545243865147)</t>
  </si>
  <si>
    <t>POINT (4.635715372428917 51.82262678790694)</t>
  </si>
  <si>
    <t>POINT (4.612961628960044 51.81450838094449)</t>
  </si>
  <si>
    <t>POINT (4.630298317182181 51.8137041458541)</t>
  </si>
  <si>
    <t>POINT (4.66032073692632 51.82674053213071)</t>
  </si>
  <si>
    <t>POINT (4.628061682664227 51.812175622029336)</t>
  </si>
  <si>
    <t>POINT (4.615415283261378 51.82156775183923)</t>
  </si>
  <si>
    <t>POINT (4.655346722073802 51.82832603007008)</t>
  </si>
  <si>
    <t>POINT (4.645821507534478 51.82113889377653)</t>
  </si>
  <si>
    <t>POINT (4.62733089592287 51.80729676124868)</t>
  </si>
  <si>
    <t>POINT (4.651656975109485 51.824619793728495)</t>
  </si>
  <si>
    <t>POINT (4.656852482972782 51.8177026955113)</t>
  </si>
  <si>
    <t>POINT (4.655808118193274 51.819485613347084)</t>
  </si>
  <si>
    <t>POINT (4.566685252191804 51.834866850631784)</t>
  </si>
  <si>
    <t>POINT (4.638568463435501 51.811754090197965)</t>
  </si>
  <si>
    <t>POINT (4.615462794348373 51.81338459153306)</t>
  </si>
  <si>
    <t>POINT (4.634658488000678 51.824344847713554)</t>
  </si>
  <si>
    <t>POINT (4.6064777847997975 51.815262886358965)</t>
  </si>
  <si>
    <t>POINT (4.647263065249 51.815265972696075)</t>
  </si>
  <si>
    <t>POINT (4.631200541684611 51.81494383244985)</t>
  </si>
  <si>
    <t>POINT (4.630453647113931 51.80780251234348)</t>
  </si>
  <si>
    <t>POINT (4.627938860772041 51.80908368956213)</t>
  </si>
  <si>
    <t>POINT (4.6222134855094925 51.81278634160043)</t>
  </si>
  <si>
    <t>POINT (4.608446859414468 51.815907023107556)</t>
  </si>
  <si>
    <t>POINT (4.645281383491025 51.81500121155241)</t>
  </si>
  <si>
    <t>POINT (4.565794520028177 51.83721836896146)</t>
  </si>
  <si>
    <t>POINT (4.651595645116884 51.818452688401024)</t>
  </si>
  <si>
    <t>POINT (4.656299245588689 51.82714650324821)</t>
  </si>
  <si>
    <t>POINT (4.59848910273837 51.81355509072148)</t>
  </si>
  <si>
    <t>POINT (4.635356495801355 51.80972150508812)</t>
  </si>
  <si>
    <t>POINT (4.637438257790728 51.81811044342976)</t>
  </si>
  <si>
    <t>POINT (4.617354377547058 51.813044792952475)</t>
  </si>
  <si>
    <t>POINT (4.6205725747171575 51.812981259177334)</t>
  </si>
  <si>
    <t>POINT (4.63552655476217 51.80763792409706)</t>
  </si>
  <si>
    <t>POINT (4.608484409164023 51.813860044719554)</t>
  </si>
  <si>
    <t>POINT (4.6345830513554205 51.824275771297046)</t>
  </si>
  <si>
    <t>POINT (4.660472904387635 51.82648177374762)</t>
  </si>
  <si>
    <t>POINT (4.622201802720906 51.81157837056526)</t>
  </si>
  <si>
    <t>POINT (4.6266669443641355 51.81536657250168)</t>
  </si>
  <si>
    <t>POINT (4.572416864223967 51.831449856287016)</t>
  </si>
  <si>
    <t>POINT (4.602157091591116 51.819309948259416)</t>
  </si>
  <si>
    <t>POINT (4.639560153988316 51.82433535534305)</t>
  </si>
  <si>
    <t>POINT (4.608444948060008 51.815039607297145)</t>
  </si>
  <si>
    <t>POINT (4.601944627955735 51.8204542840565)</t>
  </si>
  <si>
    <t>POINT (4.6240595225578724 51.81300031059258)</t>
  </si>
  <si>
    <t>POINT (4.595661332443982 51.81522254545818)</t>
  </si>
  <si>
    <t>POINT (4.651991334773674 51.81831769491593)</t>
  </si>
  <si>
    <t>POINT (4.656324553906267 51.81743165410466)</t>
  </si>
  <si>
    <t>POINT (4.603020440182677 51.81900707420445)</t>
  </si>
  <si>
    <t>POINT (4.647984209760099 51.82385675374073)</t>
  </si>
  <si>
    <t>POINT (4.614193359451584 51.81822655026808)</t>
  </si>
  <si>
    <t>POINT (4.6009041281228 51.819060176969884)</t>
  </si>
  <si>
    <t>POINT (4.63266701565542 51.825705849358236)</t>
  </si>
  <si>
    <t>POINT (4.629512593770244 51.80724631221418)</t>
  </si>
  <si>
    <t>POINT (4.633213149286858 51.824530626511525)</t>
  </si>
  <si>
    <t>POINT (4.628740106699945 51.81180578179811)</t>
  </si>
  <si>
    <t>POINT (4.657095753116992 51.82396270178513)</t>
  </si>
  <si>
    <t>POINT (4.633832884783885 51.810316268869634)</t>
  </si>
  <si>
    <t>POINT (4.630107172002448 51.81309302892275)</t>
  </si>
  <si>
    <t>POINT (4.615686903354612 51.81435791673411)</t>
  </si>
  <si>
    <t>POINT (4.635726273901896 51.820452213610736)</t>
  </si>
  <si>
    <t>POINT (4.599012053487324 51.8134473686867)</t>
  </si>
  <si>
    <t>POINT (4.649753579022893 51.81514474244407)</t>
  </si>
  <si>
    <t>POINT (4.64349271717985 51.826884883185066)</t>
  </si>
  <si>
    <t>POINT (4.628720408729494 51.813100783977575)</t>
  </si>
  <si>
    <t>POINT (4.620781919481652 51.81411711060266)</t>
  </si>
  <si>
    <t>POINT (4.620863742428408 51.81470236095592)</t>
  </si>
  <si>
    <t>POINT (4.630892895548292 51.81300140387874)</t>
  </si>
  <si>
    <t>POINT (4.570177736707625 51.8370084902786)</t>
  </si>
  <si>
    <t>POINT (4.636471730179226 51.825422985732004)</t>
  </si>
  <si>
    <t>POINT (4.659704538427065 51.8295060960889)</t>
  </si>
  <si>
    <t>POINT (4.654354439579259 51.821723211923675)</t>
  </si>
  <si>
    <t>POINT (4.644600412864836 51.82126684027401)</t>
  </si>
  <si>
    <t>POINT (4.614586877981247 51.81783971435427)</t>
  </si>
  <si>
    <t>POINT (4.636031730025034 51.8125775954037)</t>
  </si>
  <si>
    <t>POINT (4.654320622437402 51.816322969192896)</t>
  </si>
  <si>
    <t>POINT (4.633246906342764 51.825612641663156)</t>
  </si>
  <si>
    <t>POINT (4.595053294109588 51.814863917829506)</t>
  </si>
  <si>
    <t>POINT (4.598495247291792 51.81458904354515)</t>
  </si>
  <si>
    <t>POINT (4.63372979331167 51.825528920723684)</t>
  </si>
  <si>
    <t>POINT (4.620622609939651 51.81394228220056)</t>
  </si>
  <si>
    <t>POINT (4.649740638267268 51.81589414705564)</t>
  </si>
  <si>
    <t>POINT (4.653353777678611 51.822122438840445)</t>
  </si>
  <si>
    <t>POINT (4.649482993595068 51.822139341027494)</t>
  </si>
  <si>
    <t>POINT (4.656571900327842 51.821542198277875)</t>
  </si>
  <si>
    <t>POINT (4.614571514211846 51.81315629183747)</t>
  </si>
  <si>
    <t>POINT (4.631466988367774 51.80973120745599)</t>
  </si>
  <si>
    <t>POINT (4.653900084732396 51.81926194289519)</t>
  </si>
  <si>
    <t>POINT (4.65674489079961 51.81889966871942)</t>
  </si>
  <si>
    <t>POINT (4.655764310146842 51.82075698680261)</t>
  </si>
  <si>
    <t>POINT (4.657581837957921 51.82343113203663)</t>
  </si>
  <si>
    <t>POINT (4.568239718570118 51.83782689402001)</t>
  </si>
  <si>
    <t>POINT (4.6611398608808425 51.82710592158309)</t>
  </si>
  <si>
    <t>POINT (4.6372612651348435 51.8234921116407)</t>
  </si>
  <si>
    <t>POINT (4.565242310663207 51.83739512360171)</t>
  </si>
  <si>
    <t>POINT (4.60265450433791 51.820791129062904)</t>
  </si>
  <si>
    <t>POINT (4.560664470765442 51.8333861242125)</t>
  </si>
  <si>
    <t>POINT (4.653589748093339 51.81889348094166)</t>
  </si>
  <si>
    <t>POINT (4.65065897786496 51.81322555877451)</t>
  </si>
  <si>
    <t>POINT (4.609850818192451 51.81853067446219)</t>
  </si>
  <si>
    <t>POINT (4.631584840113793 51.809677440870274)</t>
  </si>
  <si>
    <t>POINT (4.613367858016295 51.81579275329762)</t>
  </si>
  <si>
    <t>POINT (4.6487363346041946 51.824430534739754)</t>
  </si>
  <si>
    <t>POINT (4.6071816346799235 51.81321864890875)</t>
  </si>
  <si>
    <t>POINT (4.6464885766681 51.81834801916977)</t>
  </si>
  <si>
    <t>POINT (4.6143306567916795 51.81865262088351)</t>
  </si>
  <si>
    <t>POINT (4.6396745643922985 51.825863846457054)</t>
  </si>
  <si>
    <t>POINT (4.652683537484922 51.82456086575512)</t>
  </si>
  <si>
    <t>POINT (4.5662766058218685 51.83296817702524)</t>
  </si>
  <si>
    <t>3331MB</t>
  </si>
  <si>
    <t>POINT (4.648545882041985 51.8129715285565)</t>
  </si>
  <si>
    <t>POINT (4.628021682255595 51.81319382924703)</t>
  </si>
  <si>
    <t>POINT (4.612791718170659 51.80922063925606)</t>
  </si>
  <si>
    <t>POINT (4.642115103733813 51.82157567049942)</t>
  </si>
  <si>
    <t>POINT (4.63081203148374 51.81242662102454)</t>
  </si>
  <si>
    <t>POINT (4.568636578200461 51.83823378668583)</t>
  </si>
  <si>
    <t>POINT (4.623122251941901 51.81404345543176)</t>
  </si>
  <si>
    <t>POINT (4.6218741221288315 51.81246609004916)</t>
  </si>
  <si>
    <t>POINT (4.566734368116195 51.83491054664926)</t>
  </si>
  <si>
    <t>POINT (4.563274499198457 51.832266155670744)</t>
  </si>
  <si>
    <t>POINT (4.629512908769999 51.82116326248743)</t>
  </si>
  <si>
    <t>POINT (4.634158828741042 51.815513428618885)</t>
  </si>
  <si>
    <t>POINT (4.659612661177942 51.82122990031589)</t>
  </si>
  <si>
    <t>POINT (4.657351569506707 51.82419044783337)</t>
  </si>
  <si>
    <t>POINT (4.625292369522809 51.81391870732688)</t>
  </si>
  <si>
    <t>POINT (4.624601258812639 51.81150873030043)</t>
  </si>
  <si>
    <t>POINT (4.63270170420886 51.82011848272918)</t>
  </si>
  <si>
    <t>POINT (4.6377182539599255 51.81961766776376)</t>
  </si>
  <si>
    <t>POINT (4.609636114096169 51.820783353717765)</t>
  </si>
  <si>
    <t>3335KJ</t>
  </si>
  <si>
    <t>Oude-Stationsweg</t>
  </si>
  <si>
    <t>POINT (4.621965007090938 51.824932703347116)</t>
  </si>
  <si>
    <t>POINT (4.635813444734854 51.82209760416762)</t>
  </si>
  <si>
    <t>POINT (4.633789184535952 51.81970272130037)</t>
  </si>
  <si>
    <t>POINT (4.656725622478695 51.82363734585396)</t>
  </si>
  <si>
    <t>POINT (4.658199457023734 51.82854045405353)</t>
  </si>
  <si>
    <t>POINT (4.633943727007941 51.81021848215707)</t>
  </si>
  <si>
    <t>POINT (4.640865488359172 51.822832493500925)</t>
  </si>
  <si>
    <t>POINT (4.568420078664987 51.835879734569794)</t>
  </si>
  <si>
    <t>POINT (4.625782959267306 51.814188119137505)</t>
  </si>
  <si>
    <t>POINT (4.635357316960772 51.816636071468544)</t>
  </si>
  <si>
    <t>POINT (4.660434717999182 51.82884608717343)</t>
  </si>
  <si>
    <t>POINT (4.634628377068128 51.82095845133288)</t>
  </si>
  <si>
    <t>POINT (4.634843672840776 51.82428981062688)</t>
  </si>
  <si>
    <t>POINT (4.6417767455796435 51.81894565105508)</t>
  </si>
  <si>
    <t>POINT (4.651298124449218 51.821914180866635)</t>
  </si>
  <si>
    <t>POINT (4.660695036702534 51.82278173121385)</t>
  </si>
  <si>
    <t>POINT (4.658393802896649 51.820350867801736)</t>
  </si>
  <si>
    <t>POINT (4.653954233207717 51.824380399226996)</t>
  </si>
  <si>
    <t>POINT (4.622692527109248 51.810420181255125)</t>
  </si>
  <si>
    <t>POINT (4.637792685090027 51.81146866397705)</t>
  </si>
  <si>
    <t>POINT (4.6155876034126235 51.81391229518196)</t>
  </si>
  <si>
    <t>POINT (4.646453847957041 51.82474628829447)</t>
  </si>
  <si>
    <t>POINT (4.646573371289741 51.82539889279649)</t>
  </si>
  <si>
    <t>POINT (4.616509920283107 51.81788361242643)</t>
  </si>
  <si>
    <t>POINT (4.618499420112104 51.81553597198636)</t>
  </si>
  <si>
    <t>POINT (4.650689737255506 51.81739195975581)</t>
  </si>
  <si>
    <t>POINT (4.649618941033165 51.822146020112875)</t>
  </si>
  <si>
    <t>POINT (4.62591794954944 51.81335412329632)</t>
  </si>
  <si>
    <t>POINT (4.618544274565922 51.82115999197777)</t>
  </si>
  <si>
    <t>POINT (4.637194748210044 51.822510301145925)</t>
  </si>
  <si>
    <t>POINT (4.647283097377898 51.81880456879086)</t>
  </si>
  <si>
    <t>POINT (4.593647177465504 51.80877561785279)</t>
  </si>
  <si>
    <t>POINT (4.6373177621199 51.81491152126891)</t>
  </si>
  <si>
    <t>POINT (4.629820252348676 51.803328237617094)</t>
  </si>
  <si>
    <t>POINT (4.6362755205126716 51.818686196208475)</t>
  </si>
  <si>
    <t>POINT (4.648180539974664 51.82400639322518)</t>
  </si>
  <si>
    <t>POINT (4.629541163903433 51.80657550698296)</t>
  </si>
  <si>
    <t>POINT (4.6474041861529605 51.81415365776559)</t>
  </si>
  <si>
    <t>POINT (4.610247586319847 51.818969075060025)</t>
  </si>
  <si>
    <t>POINT (4.568807952019463 51.83680842350099)</t>
  </si>
  <si>
    <t>POINT (4.569891371768953 51.83862156651588)</t>
  </si>
  <si>
    <t>POINT (4.6176308799857555 51.813029186411384)</t>
  </si>
  <si>
    <t>POINT (4.65902679721877 51.81963299707765)</t>
  </si>
  <si>
    <t>POINT (4.616331015028779 51.82080547774478)</t>
  </si>
  <si>
    <t>POINT (4.596492745509802 51.814074364853965)</t>
  </si>
  <si>
    <t>POINT (4.6030522560958165 51.82091833504536)</t>
  </si>
  <si>
    <t>POINT (4.642015642713537 51.82612200256828)</t>
  </si>
  <si>
    <t>POINT (4.659448536666919 51.82359369499025)</t>
  </si>
  <si>
    <t>POINT (4.56265476124863 51.83520419051445)</t>
  </si>
  <si>
    <t>POINT (4.612907771596085 51.818230902387455)</t>
  </si>
  <si>
    <t>POINT (4.608659618669391 51.814546615706995)</t>
  </si>
  <si>
    <t>POINT (4.614667718387294 51.81337143209399)</t>
  </si>
  <si>
    <t>POINT (4.608686248537981 51.81868491379286)</t>
  </si>
  <si>
    <t>POINT (4.59901254092428 51.813375524981915)</t>
  </si>
  <si>
    <t>POINT (4.610836760661188 51.82139644964456)</t>
  </si>
  <si>
    <t>POINT (4.612038175200222 51.819204653707544)</t>
  </si>
  <si>
    <t>POINT (4.619290089242975 51.81414904775723)</t>
  </si>
  <si>
    <t>POINT (4.641280748131529 51.81905728529548)</t>
  </si>
  <si>
    <t>POINT (4.641811132040488 51.8260264756148)</t>
  </si>
  <si>
    <t>POINT (4.6603747039937415 51.822772763756184)</t>
  </si>
  <si>
    <t>POINT (4.644854071631495 51.81459459332082)</t>
  </si>
  <si>
    <t>POINT (4.567122324115184 51.83326242950813)</t>
  </si>
  <si>
    <t>POINT (4.654659901812443 51.81725869711161)</t>
  </si>
  <si>
    <t>POINT (4.6107536954652595 51.82139791361575)</t>
  </si>
  <si>
    <t>POINT (4.656708463377402 51.82129336084417)</t>
  </si>
  <si>
    <t>POINT (4.6449773154754155 51.82462730755883)</t>
  </si>
  <si>
    <t>POINT (4.607142527524788 51.82148139199225)</t>
  </si>
  <si>
    <t>POINT (4.611477120949372 51.82098250173467)</t>
  </si>
  <si>
    <t>POINT (4.6487867497834525 51.81373366760435)</t>
  </si>
  <si>
    <t>POINT (4.601346216121191 51.81441021093574)</t>
  </si>
  <si>
    <t>POINT (4.6471342071464665 51.82119906119516)</t>
  </si>
  <si>
    <t>POINT (4.566990555679096 51.83894413858307)</t>
  </si>
  <si>
    <t>POINT (4.629646843518994 51.82067662483616)</t>
  </si>
  <si>
    <t>POINT (4.635075156993005 51.82135170341173)</t>
  </si>
  <si>
    <t>POINT (4.642834163519875 51.81635950195432)</t>
  </si>
  <si>
    <t>POINT (4.648550981791396 51.81959787000883)</t>
  </si>
  <si>
    <t>POINT (4.619455822693134 51.830425376792604)</t>
  </si>
  <si>
    <t>POINT (4.616346064663589 51.82108486491123)</t>
  </si>
  <si>
    <t>3331MN</t>
  </si>
  <si>
    <t>Schokkershaven</t>
  </si>
  <si>
    <t>POINT (4.6510163452677835 51.8146243784849)</t>
  </si>
  <si>
    <t>POINT (4.617906489492869 51.81290951993602)</t>
  </si>
  <si>
    <t>POINT (4.610708228240061 51.81440421636345)</t>
  </si>
  <si>
    <t>POINT (4.632202308937853 51.80923827182894)</t>
  </si>
  <si>
    <t>POINT (4.636133246756619 51.81010252184027)</t>
  </si>
  <si>
    <t>POINT (4.646395911096347 51.819465366517164)</t>
  </si>
  <si>
    <t>POINT (4.65492963895792 51.81696656736508)</t>
  </si>
  <si>
    <t>POINT (4.637638027156515 51.820005179421265)</t>
  </si>
  <si>
    <t>POINT (4.655109694307478 51.8263229634082)</t>
  </si>
  <si>
    <t>POINT (4.6537984232313425 51.81782063751556)</t>
  </si>
  <si>
    <t>POINT (4.609924612788426 51.8192044724103)</t>
  </si>
  <si>
    <t>POINT (4.654696022608204 51.81660311718236)</t>
  </si>
  <si>
    <t>POINT (4.647609124567199 51.82721136646354)</t>
  </si>
  <si>
    <t>POINT (4.651824069450815 51.821672544818504)</t>
  </si>
  <si>
    <t>POINT (4.608053416907376 51.81528883662982)</t>
  </si>
  <si>
    <t>POINT (4.66169065026466 51.82498268033739)</t>
  </si>
  <si>
    <t>POINT (4.5686280898134966 51.834094762430816)</t>
  </si>
  <si>
    <t>POINT (4.650186074301166 51.818425499040735)</t>
  </si>
  <si>
    <t>POINT (4.635319941714321 51.82159153519199)</t>
  </si>
  <si>
    <t>POINT (4.619458163917093 51.830413985444515)</t>
  </si>
  <si>
    <t>POINT (4.647239618709083 51.81661754426838)</t>
  </si>
  <si>
    <t>POINT (4.632851716977318 51.82468353889907)</t>
  </si>
  <si>
    <t>POINT (4.644531548842769 51.815229338804905)</t>
  </si>
  <si>
    <t>POINT (4.611742936449095 51.81454109809992)</t>
  </si>
  <si>
    <t>POINT (4.644414067327201 51.82033055881071)</t>
  </si>
  <si>
    <t>POINT (4.654406307613684 51.82162247605908)</t>
  </si>
  <si>
    <t>POINT (4.592016277920498 51.81129233875894)</t>
  </si>
  <si>
    <t>POINT (4.6225263331318605 51.81229752474137)</t>
  </si>
  <si>
    <t>POINT (4.637108142351025 51.81180053982871)</t>
  </si>
  <si>
    <t>POINT (4.644835368641901 51.824650670308344)</t>
  </si>
  <si>
    <t>POINT (4.646394772270478 51.8267297264739)</t>
  </si>
  <si>
    <t>POINT (4.6402688386636575 51.81399504012923)</t>
  </si>
  <si>
    <t>POINT (4.597924577262248 51.814089900367605)</t>
  </si>
  <si>
    <t>POINT (4.565180520639383 51.83741773808232)</t>
  </si>
  <si>
    <t>POINT (4.6192080115345595 51.8207700293205)</t>
  </si>
  <si>
    <t>POINT (4.639197174225525 51.80991814768845)</t>
  </si>
  <si>
    <t>POINT (4.635029174824642 51.805453688831)</t>
  </si>
  <si>
    <t>POINT (4.600440772943928 51.81926009110169)</t>
  </si>
  <si>
    <t>POINT (4.627150166416207 51.81478495155057)</t>
  </si>
  <si>
    <t>POINT (4.629244049940423 51.81165856683003)</t>
  </si>
  <si>
    <t>POINT (4.635684428321941 51.821436127004425)</t>
  </si>
  <si>
    <t>POINT (4.637328825541131 51.811693492518124)</t>
  </si>
  <si>
    <t>POINT (4.620264777609137 51.81318188965504)</t>
  </si>
  <si>
    <t>POINT (4.630266870279527 51.82182096781195)</t>
  </si>
  <si>
    <t>POINT (4.604131626020176 51.813990009642076)</t>
  </si>
  <si>
    <t>POINT (4.646119766821339 51.82638342738154)</t>
  </si>
  <si>
    <t>POINT (4.62013811949505 51.81232932678176)</t>
  </si>
  <si>
    <t>POINT (4.598962855382262 51.81535461890142)</t>
  </si>
  <si>
    <t>POINT (4.572212974677747 51.82825058685944)</t>
  </si>
  <si>
    <t>POINT (4.625443507038727 51.8144743819386)</t>
  </si>
  <si>
    <t>POINT (4.619461827331652 51.83042461607186)</t>
  </si>
  <si>
    <t>POINT (4.63206096576322 51.81956056800427)</t>
  </si>
  <si>
    <t>POINT (4.57015388128915 51.83462354839966)</t>
  </si>
  <si>
    <t>POINT (4.650394190543466 51.82049996506596)</t>
  </si>
  <si>
    <t>POINT (4.6162950002123475 51.81373422161737)</t>
  </si>
  <si>
    <t>POINT (4.649445731412395 51.825533232760925)</t>
  </si>
  <si>
    <t>POINT (4.598387405470183 51.81658570568)</t>
  </si>
  <si>
    <t>POINT (4.634076833760006 51.80710003818833)</t>
  </si>
  <si>
    <t>POINT (4.658322581089937 51.82299722195712)</t>
  </si>
  <si>
    <t>POINT (4.6428176151049385 51.81546452743391)</t>
  </si>
  <si>
    <t>POINT (4.658424030316413 51.82052488752434)</t>
  </si>
  <si>
    <t>POINT (4.607919785643045 51.818963600913214)</t>
  </si>
  <si>
    <t>POINT (4.656360531322303 51.819557503397874)</t>
  </si>
  <si>
    <t>POINT (4.640497813300552 51.81978014806043)</t>
  </si>
  <si>
    <t>POINT (4.6537610893232095 51.81962849571508)</t>
  </si>
  <si>
    <t>POINT (4.561581201905777 51.8323878757699)</t>
  </si>
  <si>
    <t>POINT (4.631435647727628 51.82466599789103)</t>
  </si>
  <si>
    <t>POINT (4.616489303582303 51.81519747727961)</t>
  </si>
  <si>
    <t>POINT (4.605183179144209 51.81896455272929)</t>
  </si>
  <si>
    <t>POINT (4.641629248565592 51.82072522123929)</t>
  </si>
  <si>
    <t>POINT (4.637290076278291 51.82060801271692)</t>
  </si>
  <si>
    <t>POINT (4.618357100342989 51.82210587049294)</t>
  </si>
  <si>
    <t>POINT (4.604381159799493 51.81450168612581)</t>
  </si>
  <si>
    <t>POINT (4.626339636178386 51.81417264666373)</t>
  </si>
  <si>
    <t>POINT (4.6180480117365965 51.819369829614615)</t>
  </si>
  <si>
    <t>POINT (4.655851260717304 51.827062014785824)</t>
  </si>
  <si>
    <t>POINT (4.634586435066148 51.816856216406705)</t>
  </si>
  <si>
    <t>POINT (4.632991611954586 51.8194851416595)</t>
  </si>
  <si>
    <t>POINT (4.60757807301158 51.81706408130266)</t>
  </si>
  <si>
    <t>POINT (4.633017390257161 51.813621248109925)</t>
  </si>
  <si>
    <t>POINT (4.608683884317039 51.81882264129908)</t>
  </si>
  <si>
    <t>POINT (4.647332088320199 51.81675115089829)</t>
  </si>
  <si>
    <t>POINT (4.645609486246071 51.8142557316224)</t>
  </si>
  <si>
    <t>POINT (4.625999072795543 51.81415131013111)</t>
  </si>
  <si>
    <t>POINT (4.650426831913995 51.82283773079245)</t>
  </si>
  <si>
    <t>POINT (4.644241708710069 51.8153350809266)</t>
  </si>
  <si>
    <t>POINT (4.612502160459565 51.822023325244054)</t>
  </si>
  <si>
    <t>POINT (4.649649016101662 51.82075752044776)</t>
  </si>
  <si>
    <t>POINT (4.645076895349167 51.82462921361874)</t>
  </si>
  <si>
    <t>3334TM</t>
  </si>
  <si>
    <t>Koolmeesstraat</t>
  </si>
  <si>
    <t>POINT (4.615406974846623 51.81498651798724)</t>
  </si>
  <si>
    <t>POINT (4.662053177037148 51.82546617394215)</t>
  </si>
  <si>
    <t>POINT (4.642349916527675 51.81889366811789)</t>
  </si>
  <si>
    <t>POINT (4.652938276583197 51.824546405855415)</t>
  </si>
  <si>
    <t>POINT (4.619187315570026 51.81501364714534)</t>
  </si>
  <si>
    <t>POINT (4.650822375565189 51.82590324937793)</t>
  </si>
  <si>
    <t>POINT (4.626987621331997 51.815577853485884)</t>
  </si>
  <si>
    <t>POINT (4.6286301018768 51.80860262570477)</t>
  </si>
  <si>
    <t>POINT (4.614710341992673 51.81351437270542)</t>
  </si>
  <si>
    <t>POINT (4.631672194241523 51.82387597620346)</t>
  </si>
  <si>
    <t>POINT (4.647408170709511 51.81993184655074)</t>
  </si>
  <si>
    <t>POINT (4.608433076138357 51.819132733153964)</t>
  </si>
  <si>
    <t>POINT (4.634043441427837 51.812770432039784)</t>
  </si>
  <si>
    <t>POINT (4.614485520609895 51.81454620913195)</t>
  </si>
  <si>
    <t>POINT (4.641982397927711 51.826228810784606)</t>
  </si>
  <si>
    <t>POINT (4.633734968271358 51.819995971125)</t>
  </si>
  <si>
    <t>POINT (4.620769634829922 51.81364714518818)</t>
  </si>
  <si>
    <t>POINT (4.6584789643918505 51.82912803504204)</t>
  </si>
  <si>
    <t>POINT (4.635984537449659 51.82478897032622)</t>
  </si>
  <si>
    <t>POINT (4.623168311168176 51.81300291601831)</t>
  </si>
  <si>
    <t>POINT (4.609068524056061 51.815249603495694)</t>
  </si>
  <si>
    <t>POINT (4.6505871800477845 51.826860389058204)</t>
  </si>
  <si>
    <t>POINT (4.641330057721659 51.81799340924737)</t>
  </si>
  <si>
    <t>POINT (4.5686312735092836 51.835509513957305)</t>
  </si>
  <si>
    <t>POINT (4.634902284744109 51.8196469316886)</t>
  </si>
  <si>
    <t>POINT (4.633582740555724 51.82437542834565)</t>
  </si>
  <si>
    <t>POINT (4.605684536440637 51.82008153248017)</t>
  </si>
  <si>
    <t>POINT (4.625861131404097 51.81444723155939)</t>
  </si>
  <si>
    <t>POINT (4.632974062206478 51.809544086955)</t>
  </si>
  <si>
    <t>POINT (4.645629550893008 51.819415457405455)</t>
  </si>
  <si>
    <t>POINT (4.646749624858857 51.820385298706356)</t>
  </si>
  <si>
    <t>POINT (4.6503331366863305 51.817776396637505)</t>
  </si>
  <si>
    <t>POINT (4.630367927777518 51.824183391118574)</t>
  </si>
  <si>
    <t>POINT (4.650460015608772 51.825579072933955)</t>
  </si>
  <si>
    <t>POINT (4.648787084500253 51.81471641237769)</t>
  </si>
  <si>
    <t>POINT (4.569035317160032 51.834299848182994)</t>
  </si>
  <si>
    <t>POINT (4.558016212036641 51.8331303238801)</t>
  </si>
  <si>
    <t>POINT (4.635394770715785 51.82361168434916)</t>
  </si>
  <si>
    <t>POINT (4.608819384066937 51.81973122123489)</t>
  </si>
  <si>
    <t>POINT (4.637190414928337 51.81492280625604)</t>
  </si>
  <si>
    <t>POINT (4.6367516600820675 51.81452236815603)</t>
  </si>
  <si>
    <t>POINT (4.650200124010494 51.825725466904444)</t>
  </si>
  <si>
    <t>POINT (4.632990951298216 51.820016989795775)</t>
  </si>
  <si>
    <t>POINT (4.570724768722886 51.82772446980579)</t>
  </si>
  <si>
    <t>POINT (4.608009609952505 51.82180872326228)</t>
  </si>
  <si>
    <t>POINT (4.636977570685184 51.81474084478735)</t>
  </si>
  <si>
    <t>POINT (4.619391740138467 51.81546018696638)</t>
  </si>
  <si>
    <t>POINT (4.659767115510223 51.825412963508036)</t>
  </si>
  <si>
    <t>POINT (4.605366195652471 51.82231074593003)</t>
  </si>
  <si>
    <t>POINT (4.657228744393745 51.82791914690314)</t>
  </si>
  <si>
    <t>POINT (4.6590352044943195 51.82772272001365)</t>
  </si>
  <si>
    <t>POINT (4.657573310850744 51.822234803231154)</t>
  </si>
  <si>
    <t>POINT (4.662794331522073 51.822555814917514)</t>
  </si>
  <si>
    <t>POINT (4.641203094966745 51.816733888333715)</t>
  </si>
  <si>
    <t>POINT (4.652259339079673 51.82152701193005)</t>
  </si>
  <si>
    <t>POINT (4.639631077949182 51.82584004610063)</t>
  </si>
  <si>
    <t>POINT (4.6611266143474355 51.82381778445479)</t>
  </si>
  <si>
    <t>POINT (4.644691119992042 51.81491251727382)</t>
  </si>
  <si>
    <t>POINT (4.637596119071122 51.82382027955499)</t>
  </si>
  <si>
    <t>POINT (4.638905751502796 51.80945037812793)</t>
  </si>
  <si>
    <t>POINT (4.643023223071217 51.82620085290168)</t>
  </si>
  <si>
    <t>POINT (4.56830529036426 51.837492404006426)</t>
  </si>
  <si>
    <t>POINT (4.6294322586744 51.813538243073616)</t>
  </si>
  <si>
    <t>POINT (4.619312493173144 51.815325853428746)</t>
  </si>
  <si>
    <t>POINT (4.645047472967243 51.82453700143562)</t>
  </si>
  <si>
    <t>POINT (4.6478556117382395 51.82527193076143)</t>
  </si>
  <si>
    <t>POINT (4.6339293845712985 51.8097923522329)</t>
  </si>
  <si>
    <t>POINT (4.5742387307498715 51.820589178084916)</t>
  </si>
  <si>
    <t>POINT (4.651650738874817 51.82131155185975)</t>
  </si>
  <si>
    <t>POINT (4.614236204553483 51.82195393180305)</t>
  </si>
  <si>
    <t>POINT (4.567988211163637 51.838788570324105)</t>
  </si>
  <si>
    <t>POINT (4.6551303228233625 51.8167003341311)</t>
  </si>
  <si>
    <t>POINT (4.634222795317912 51.82057923250804)</t>
  </si>
  <si>
    <t>3332GK</t>
  </si>
  <si>
    <t>POINT (4.653629985340766 51.82254373906545)</t>
  </si>
  <si>
    <t>POINT (4.611491475105172 51.82067013977829)</t>
  </si>
  <si>
    <t>POINT (4.566045049080438 51.8351414385938)</t>
  </si>
  <si>
    <t>POINT (4.61192838410119 51.821155720826525)</t>
  </si>
  <si>
    <t>POINT (4.6446308413770465 51.81775758761114)</t>
  </si>
  <si>
    <t>POINT (4.6322519668983455 51.80919628145526)</t>
  </si>
  <si>
    <t>POINT (4.636013830366206 51.81651274386037)</t>
  </si>
  <si>
    <t>POINT (4.649211752953557 51.81729333651993)</t>
  </si>
  <si>
    <t>POINT (4.650142751933493 51.825162253567136)</t>
  </si>
  <si>
    <t>POINT (4.603677636108789 51.814722149775925)</t>
  </si>
  <si>
    <t>POINT (4.6638756784756294 51.821139990925914)</t>
  </si>
  <si>
    <t>POINT (4.640722442975369 51.81809753622178)</t>
  </si>
  <si>
    <t>POINT (4.633780981424901 51.81089790959028)</t>
  </si>
  <si>
    <t>POINT (4.660721356181487 51.828353457944374)</t>
  </si>
  <si>
    <t>POINT (4.654674078851206 51.82838574371561)</t>
  </si>
  <si>
    <t>POINT (4.658264960484542 51.82506218256255)</t>
  </si>
  <si>
    <t>POINT (4.657570040054425 51.820943164032236)</t>
  </si>
  <si>
    <t>POINT (4.614008964572417 51.81571908271396)</t>
  </si>
  <si>
    <t>POINT (4.654494791355607 51.816438006274375)</t>
  </si>
  <si>
    <t>POINT (4.567411475971995 51.83317585615445)</t>
  </si>
  <si>
    <t>POINT (4.634417230674398 51.80947345334409)</t>
  </si>
  <si>
    <t>POINT (4.651713280746361 51.82171170642225)</t>
  </si>
  <si>
    <t>POINT (4.653351321378878 51.82598287166049)</t>
  </si>
  <si>
    <t>POINT (4.650062873576629 51.827023450980825)</t>
  </si>
  <si>
    <t>POINT (4.651448539275466 51.82633217869998)</t>
  </si>
  <si>
    <t>POINT (4.6404163183812495 51.80933177727388)</t>
  </si>
  <si>
    <t>POINT (4.630934810723842 51.82335774790849)</t>
  </si>
  <si>
    <t>POINT (4.567007861469047 51.835954118501505)</t>
  </si>
  <si>
    <t>POINT (4.653777000626376 51.81969979449619)</t>
  </si>
  <si>
    <t>POINT (4.633410119884629 51.80925527714242)</t>
  </si>
  <si>
    <t>POINT (4.650535199029766 51.8251736071183)</t>
  </si>
  <si>
    <t>POINT (4.640509479580659 51.82358589928286)</t>
  </si>
  <si>
    <t>POINT (4.6394264058870505 51.81010620518895)</t>
  </si>
  <si>
    <t>POINT (4.6437575135554585 51.81623412894202)</t>
  </si>
  <si>
    <t>POINT (4.568345855589627 51.83779682100611)</t>
  </si>
  <si>
    <t>POINT (4.618358909681602 51.81287808509853)</t>
  </si>
  <si>
    <t>POINT (4.614297832807798 51.814158512009676)</t>
  </si>
  <si>
    <t>POINT (4.645011231068819 51.82462812426636)</t>
  </si>
  <si>
    <t>POINT (4.655061697559594 51.821021223638816)</t>
  </si>
  <si>
    <t>POINT (4.618650547323384 51.812948606359875)</t>
  </si>
  <si>
    <t>POINT (4.622244674737453 51.81289088593929)</t>
  </si>
  <si>
    <t>POINT (4.6343244492003075 51.81890549682213)</t>
  </si>
  <si>
    <t>POINT (4.568312290748924 51.83399003421762)</t>
  </si>
  <si>
    <t>POINT (4.65669224515976 51.82459226567879)</t>
  </si>
  <si>
    <t>POINT (4.649088594836565 51.82681644041964)</t>
  </si>
  <si>
    <t>POINT (4.569080060892954 51.838207152404415)</t>
  </si>
  <si>
    <t>POINT (4.655822191937963 51.81789147757868)</t>
  </si>
  <si>
    <t>POINT (4.635476589884797 51.82266497084181)</t>
  </si>
  <si>
    <t>POINT (4.630076253455479 51.81307230822245)</t>
  </si>
  <si>
    <t>POINT (4.636790345302351 51.81454896141808)</t>
  </si>
  <si>
    <t>POINT (4.622267911978683 51.8128076850401)</t>
  </si>
  <si>
    <t>POINT (4.661119093681316 51.82632940592579)</t>
  </si>
  <si>
    <t>POINT (4.614298724169865 51.81792318284349)</t>
  </si>
  <si>
    <t>POINT (4.569706951305104 51.835184399472006)</t>
  </si>
  <si>
    <t>POINT (4.648842857209292 51.81743773857989)</t>
  </si>
  <si>
    <t>POINT (4.612170202018913 51.81899989971888)</t>
  </si>
  <si>
    <t>POINT (4.642215766074883 51.81602591758535)</t>
  </si>
  <si>
    <t>POINT (4.609165493870285 51.81490988830596)</t>
  </si>
  <si>
    <t>POINT (4.639657211413825 51.823443333753545)</t>
  </si>
  <si>
    <t>POINT (4.609121339534161 51.81591783399297)</t>
  </si>
  <si>
    <t>POINT (4.663025384979699 51.82152743565749)</t>
  </si>
  <si>
    <t>POINT (4.622081595364582 51.8114435560826)</t>
  </si>
  <si>
    <t>POINT (4.639316686742 51.82562055299883)</t>
  </si>
  <si>
    <t>POINT (4.619593241627721 51.830225971308614)</t>
  </si>
  <si>
    <t>POINT (4.644900656693058 51.81459882504268)</t>
  </si>
  <si>
    <t>POINT (4.634262467617836 51.81751569779936)</t>
  </si>
  <si>
    <t>POINT (4.6181891187329525 51.81744359187374)</t>
  </si>
  <si>
    <t>POINT (4.661655897875359 51.82487792729723)</t>
  </si>
  <si>
    <t>POINT (4.641706980655074 51.82207385677473)</t>
  </si>
  <si>
    <t>POINT (4.641566410816526 51.81646063078324)</t>
  </si>
  <si>
    <t>POINT (4.632667050670705 51.80833511804412)</t>
  </si>
  <si>
    <t>POINT (4.599952195290719 51.81557982098768)</t>
  </si>
  <si>
    <t>POINT (4.64251611699929 51.82308926808659)</t>
  </si>
  <si>
    <t>POINT (4.6067513369038435 51.819459789341515)</t>
  </si>
  <si>
    <t>POINT (4.659815334523522 51.827588825896754)</t>
  </si>
  <si>
    <t>3333LC</t>
  </si>
  <si>
    <t>Lindtsestraat</t>
  </si>
  <si>
    <t>3333LB-3333LC</t>
  </si>
  <si>
    <t>POINT (4.631703219701515 51.80604734706647)</t>
  </si>
  <si>
    <t>POINT (4.62107964566405 51.81151306353777)</t>
  </si>
  <si>
    <t>POINT (4.642759754864473 51.819108815099426)</t>
  </si>
  <si>
    <t>3331LG</t>
  </si>
  <si>
    <t>POINT (4.62546087234622 51.829018038673084)</t>
  </si>
  <si>
    <t>3335LT</t>
  </si>
  <si>
    <t>Ohmstraat</t>
  </si>
  <si>
    <t>POINT (4.622754379025061 51.82808644561164)</t>
  </si>
  <si>
    <t>POINT (4.655859343745551 51.82896316006958)</t>
  </si>
  <si>
    <t>POINT (4.6169217525295485 51.81817129444464)</t>
  </si>
  <si>
    <t>POINT (4.654796127898424 51.82383598914016)</t>
  </si>
  <si>
    <t>POINT (4.598594475283107 51.813849469928755)</t>
  </si>
  <si>
    <t>POINT (4.655822379651936 51.82706639208829)</t>
  </si>
  <si>
    <t>POINT (4.612552403075791 51.820604796941545)</t>
  </si>
  <si>
    <t>POINT (4.607544351033387 51.82103551581605)</t>
  </si>
  <si>
    <t>POINT (4.615239209264777 51.81767367985112)</t>
  </si>
  <si>
    <t>POINT (4.622132452719659 51.811607617171596)</t>
  </si>
  <si>
    <t>POINT (4.629049268038272 51.81408848514043)</t>
  </si>
  <si>
    <t>POINT (4.656480962851232 51.81751016442867)</t>
  </si>
  <si>
    <t>POINT (4.626348552501152 51.81394680915558)</t>
  </si>
  <si>
    <t>POINT (4.646640748795771 51.82310205324393)</t>
  </si>
  <si>
    <t>2995TD</t>
  </si>
  <si>
    <t>Moerbeidreef</t>
  </si>
  <si>
    <t>POINT (4.561452106307698 51.833002975900975)</t>
  </si>
  <si>
    <t>POINT (4.638798993087198 51.82260242859567)</t>
  </si>
  <si>
    <t>POINT (4.635772647074536 51.8168822354184)</t>
  </si>
  <si>
    <t>POINT (4.566629588854352 51.83568930921601)</t>
  </si>
  <si>
    <t>POINT (4.561795537001375 51.83720689467077)</t>
  </si>
  <si>
    <t>POINT (4.6312142761702475 51.8064172026528)</t>
  </si>
  <si>
    <t>POINT (4.656791545762169 51.81768796135195)</t>
  </si>
  <si>
    <t>POINT (4.64151905710177 51.82076733432433)</t>
  </si>
  <si>
    <t>POINT (4.658714238458892 51.81947736901142)</t>
  </si>
  <si>
    <t>POINT (4.633887334973275 51.81026777378529)</t>
  </si>
  <si>
    <t>POINT (4.650006173753075 51.82703548128457)</t>
  </si>
  <si>
    <t>POINT (4.631506199938296 51.81413060631215)</t>
  </si>
  <si>
    <t>POINT (4.635312429169152 51.82496511471669)</t>
  </si>
  <si>
    <t>POINT (4.620669813378653 51.81151150177045)</t>
  </si>
  <si>
    <t>POINT (4.643352536121471 51.82556596622319)</t>
  </si>
  <si>
    <t>POINT (4.621912133268176 51.81249076927763)</t>
  </si>
  <si>
    <t>POINT (4.634278561987221 51.82407435032351)</t>
  </si>
  <si>
    <t>POINT (4.610897151110452 51.821533315824965)</t>
  </si>
  <si>
    <t>POINT (4.6475135588276055 51.827227923655535)</t>
  </si>
  <si>
    <t>POINT (4.601495463193878 51.81501259252976)</t>
  </si>
  <si>
    <t>POINT (4.63400083544962 51.81271308928903)</t>
  </si>
  <si>
    <t>POINT (4.647284491178395 51.82359701222196)</t>
  </si>
  <si>
    <t>POINT (4.654901197334328 51.82096895988023)</t>
  </si>
  <si>
    <t>POINT (4.620167680830788 51.812084307744264)</t>
  </si>
  <si>
    <t>POINT (4.655263049686312 51.81968234826756)</t>
  </si>
  <si>
    <t>POINT (4.5630082511309515 51.83584983582818)</t>
  </si>
  <si>
    <t>POINT (4.64848859809835 51.81961653338359)</t>
  </si>
  <si>
    <t>POINT (4.651387676536801 51.81501664563419)</t>
  </si>
  <si>
    <t>3331VS</t>
  </si>
  <si>
    <t>Willy Sluiterweg</t>
  </si>
  <si>
    <t>POINT (4.640903963685426 51.820133020765105)</t>
  </si>
  <si>
    <t>POINT (4.659405413390044 51.821276021623625)</t>
  </si>
  <si>
    <t>POINT (4.653960474712397 51.81984448116218)</t>
  </si>
  <si>
    <t>POINT (4.618354949896833 51.81505166627536)</t>
  </si>
  <si>
    <t>POINT (4.655790294823308 51.827066165197444)</t>
  </si>
  <si>
    <t>POINT (4.650288070779548 51.82478088648714)</t>
  </si>
  <si>
    <t>POINT (4.641095724075399 51.81677176727592)</t>
  </si>
  <si>
    <t>POINT (4.636050959756125 51.81016303744726)</t>
  </si>
  <si>
    <t>POINT (4.652715110856692 51.82029315732343)</t>
  </si>
  <si>
    <t>POINT (4.637198002961966 51.81486159675146)</t>
  </si>
  <si>
    <t>POINT (4.567440068780136 51.83884172358381)</t>
  </si>
  <si>
    <t>POINT (4.638980686482486 51.8185960588616)</t>
  </si>
  <si>
    <t>POINT (4.597154547204624 51.816904746271206)</t>
  </si>
  <si>
    <t>POINT (4.632153179439926 51.8070795050811)</t>
  </si>
  <si>
    <t>POINT (4.6595185389343765 51.82754046994522)</t>
  </si>
  <si>
    <t>POINT (4.63207059424385 51.8107398423984)</t>
  </si>
  <si>
    <t>POINT (4.652855591753336 51.82000700979389)</t>
  </si>
  <si>
    <t>POINT (4.562011471279914 51.832426263057556)</t>
  </si>
  <si>
    <t>POINT (4.606764408060014 51.81443917809831)</t>
  </si>
  <si>
    <t>POINT (4.603529489182233 51.81554403397861)</t>
  </si>
  <si>
    <t>POINT (4.562665872010685 51.83530823242368)</t>
  </si>
  <si>
    <t>POINT (4.643377865042436 51.817165019392114)</t>
  </si>
  <si>
    <t>POINT (4.6189855295140445 51.81360739873007)</t>
  </si>
  <si>
    <t>POINT (4.657860045781888 51.8217615069029)</t>
  </si>
  <si>
    <t>POINT (4.630605641012198 51.810426947309985)</t>
  </si>
  <si>
    <t>POINT (4.641090501399815 51.818879268386326)</t>
  </si>
  <si>
    <t>POINT (4.62675057329844 51.812046711248975)</t>
  </si>
  <si>
    <t>POINT (4.6472058971388925 51.82024264958836)</t>
  </si>
  <si>
    <t>POINT (4.650680857457857 51.822522869625004)</t>
  </si>
  <si>
    <t>POINT (4.642212751013861 51.826276627722955)</t>
  </si>
  <si>
    <t>POINT (4.602511047707474 51.819225133716024)</t>
  </si>
  <si>
    <t>POINT (4.6437739535013876 51.818603706446204)</t>
  </si>
  <si>
    <t>POINT (4.656000619685858 51.81778301735354)</t>
  </si>
  <si>
    <t>POINT (4.653335141898882 51.82452754878286)</t>
  </si>
  <si>
    <t>POINT (4.61679814420233 51.82054021393231)</t>
  </si>
  <si>
    <t>POINT (4.595102624017823 51.815250676709766)</t>
  </si>
  <si>
    <t>POINT (4.654332652617643 51.82630309424196)</t>
  </si>
  <si>
    <t>POINT (4.647332903392103 51.82363101598012)</t>
  </si>
  <si>
    <t>POINT (4.656036707829649 51.82085607642826)</t>
  </si>
  <si>
    <t>POINT (4.614266267217128 51.83144578430382)</t>
  </si>
  <si>
    <t>POINT (4.643018999604506 51.8153073878639)</t>
  </si>
  <si>
    <t>POINT (4.637690561250449 51.818285950351765)</t>
  </si>
  <si>
    <t>POINT (4.619411499960771 51.830362471599585)</t>
  </si>
  <si>
    <t>POINT (4.640899880919036 51.825519143436935)</t>
  </si>
  <si>
    <t>POINT (4.599016378669152 51.81351933460239)</t>
  </si>
  <si>
    <t>POINT (4.6411822238408496 51.819441923439264)</t>
  </si>
  <si>
    <t>POINT (4.628857703536333 51.81395842120279)</t>
  </si>
  <si>
    <t>POINT (4.614441541589108 51.820876683127366)</t>
  </si>
  <si>
    <t>POINT (4.656224781543335 51.82014188393767)</t>
  </si>
  <si>
    <t>POINT (4.604173144061876 51.82070475902375)</t>
  </si>
  <si>
    <t>POINT (4.608998460672744 51.81378609773235)</t>
  </si>
  <si>
    <t>POINT (4.618560321787524 51.8135530101881)</t>
  </si>
  <si>
    <t>3332RH</t>
  </si>
  <si>
    <t>POINT (4.64362922048924 51.825842332647476)</t>
  </si>
  <si>
    <t>POINT (4.643342115035068 51.819099456042785)</t>
  </si>
  <si>
    <t>POINT (4.568113993213988 51.8330820368905)</t>
  </si>
  <si>
    <t>POINT (4.606809856385952 51.81960584074853)</t>
  </si>
  <si>
    <t>POINT (4.633892200104768 51.820415718960135)</t>
  </si>
  <si>
    <t>POINT (4.621154204225442 51.81304984809661)</t>
  </si>
  <si>
    <t>POINT (4.635750056674015 51.81795638422916)</t>
  </si>
  <si>
    <t>POINT (4.635912939522777 51.823556611745815)</t>
  </si>
  <si>
    <t>POINT (4.629742883937466 51.81489415470812)</t>
  </si>
  <si>
    <t>POINT (4.636892012378827 51.814682033032874)</t>
  </si>
  <si>
    <t>POINT (4.638072092099677 51.81093682456403)</t>
  </si>
  <si>
    <t>POINT (4.661898070173271 51.82641672002279)</t>
  </si>
  <si>
    <t>POINT (4.60614699293997 51.816088043746475)</t>
  </si>
  <si>
    <t>POINT (4.638509103313219 51.82302183478815)</t>
  </si>
  <si>
    <t>POINT (4.618694542511529 51.82033996508688)</t>
  </si>
  <si>
    <t>POINT (4.5984597556889 51.81084916610141)</t>
  </si>
  <si>
    <t>POINT (4.6496854360981414 51.82221047334644)</t>
  </si>
  <si>
    <t>POINT (4.603718986777812 51.811732827084555)</t>
  </si>
  <si>
    <t>POINT (4.618033299305051 51.81974327715961)</t>
  </si>
  <si>
    <t>POINT (4.64766570877776 51.81462837201724)</t>
  </si>
  <si>
    <t>POINT (4.642026362943447 51.816334366671136)</t>
  </si>
  <si>
    <t>POINT (4.606535140941489 51.821077553083974)</t>
  </si>
  <si>
    <t>POINT (4.6371656205554865 51.8195572119209)</t>
  </si>
  <si>
    <t>POINT (4.619254297375174 51.813450066520865)</t>
  </si>
  <si>
    <t>POINT (4.636765431965212 51.81459501302594)</t>
  </si>
  <si>
    <t>POINT (4.662238243934859 51.82266167467467)</t>
  </si>
  <si>
    <t>POINT (4.65650552034252 51.8216919948203)</t>
  </si>
  <si>
    <t>POINT (4.564417251093054 51.83242584741273)</t>
  </si>
  <si>
    <t>POINT (4.651744630415033 51.816751075169826)</t>
  </si>
  <si>
    <t>POINT (4.6259538043639346 51.81333576723069)</t>
  </si>
  <si>
    <t>POINT (4.569140456555345 51.83561155310478)</t>
  </si>
  <si>
    <t>POINT (4.625248893816328 51.81344577154524)</t>
  </si>
  <si>
    <t>POINT (4.651135008841707 51.8286292824854)</t>
  </si>
  <si>
    <t>POINT (4.637361175739361 51.80919030869939)</t>
  </si>
  <si>
    <t>POINT (4.567376267939689 51.83687058642195)</t>
  </si>
  <si>
    <t>POINT (4.640350396200572 51.81344025530741)</t>
  </si>
  <si>
    <t>POINT (4.644481287617613 51.81521845001728)</t>
  </si>
  <si>
    <t>POINT (4.626748952719465 51.80813364315348)</t>
  </si>
  <si>
    <t>POINT (4.620567284602565 51.828421545209096)</t>
  </si>
  <si>
    <t>POINT (4.66274916656564 51.823463418830016)</t>
  </si>
  <si>
    <t>POINT (4.63083757706399 51.80703384587944)</t>
  </si>
  <si>
    <t>POINT (4.660909733170392 51.826598876305155)</t>
  </si>
  <si>
    <t>POINT (4.635737915520974 51.810393211494706)</t>
  </si>
  <si>
    <t>POINT (4.647205494820918 51.82294145489059)</t>
  </si>
  <si>
    <t>POINT (4.569960917226263 51.838627327064664)</t>
  </si>
  <si>
    <t>POINT (4.615790351514149 51.8177945437072)</t>
  </si>
  <si>
    <t>POINT (4.64155528121045 51.82581104567672)</t>
  </si>
  <si>
    <t>POINT (4.661689665465242 51.82506368013677)</t>
  </si>
  <si>
    <t>POINT (4.649189769389784 51.8187238108101)</t>
  </si>
  <si>
    <t>POINT (4.636826195847339 51.818598698809254)</t>
  </si>
  <si>
    <t>POINT (4.6368330996196345 51.823064839127824)</t>
  </si>
  <si>
    <t>POINT (4.63923986730083 51.82567444505786)</t>
  </si>
  <si>
    <t>POINT (4.637698095431063 51.80844226365572)</t>
  </si>
  <si>
    <t>POINT (4.6553663670512915 51.821317808634646)</t>
  </si>
  <si>
    <t>POINT (4.639740950833712 51.81423916489614)</t>
  </si>
  <si>
    <t>POINT (4.635745788155837 51.81660201148467)</t>
  </si>
  <si>
    <t>POINT (4.628381794180227 51.81250139390702)</t>
  </si>
  <si>
    <t>POINT (4.564490359805897 51.83530533009565)</t>
  </si>
  <si>
    <t>POINT (4.62908222997979 51.82132483973253)</t>
  </si>
  <si>
    <t>POINT (4.613225583478061 51.818088693859856)</t>
  </si>
  <si>
    <t>POINT (4.602086392399635 51.82039281477203)</t>
  </si>
  <si>
    <t>POINT (4.6567675485799915 51.81777708758131)</t>
  </si>
  <si>
    <t>POINT (4.64818596013134 51.8240031554724)</t>
  </si>
  <si>
    <t>POINT (4.651860132764167 51.81680984787436)</t>
  </si>
  <si>
    <t>POINT (4.562973302579799 51.83586146458417)</t>
  </si>
  <si>
    <t>POINT (4.6459812968848695 51.81444292411769)</t>
  </si>
  <si>
    <t>POINT (4.656281837302009 51.81777358718752)</t>
  </si>
  <si>
    <t>POINT (4.599861222375549 51.815004965359996)</t>
  </si>
  <si>
    <t>POINT (4.664334953902708 51.823081748547374)</t>
  </si>
  <si>
    <t>POINT (4.626120718625225 51.8120372257195)</t>
  </si>
  <si>
    <t>POINT (4.63369318026879 51.825495930885786)</t>
  </si>
  <si>
    <t>POINT (4.632229298227095 51.82530630967612)</t>
  </si>
  <si>
    <t>POINT (4.561739232708343 51.83488928026197)</t>
  </si>
  <si>
    <t>POINT (4.598563560235678 51.81541110909127)</t>
  </si>
  <si>
    <t>POINT (4.644589285412516 51.81477410319122)</t>
  </si>
  <si>
    <t>POINT (4.615406052385765 51.82182729417484)</t>
  </si>
  <si>
    <t>POINT (4.605267144387176 51.82195433939277)</t>
  </si>
  <si>
    <t>POINT (4.638086096637478 51.81158117036219)</t>
  </si>
  <si>
    <t>POINT (4.601071365809783 51.819749267685474)</t>
  </si>
  <si>
    <t>POINT (4.647069436470427 51.82705757506339)</t>
  </si>
  <si>
    <t>POINT (4.59960330213899 51.81143230601202)</t>
  </si>
  <si>
    <t>POINT (4.652343581254835 51.82157159294105)</t>
  </si>
  <si>
    <t>POINT (4.618690785704064 51.81936676853033)</t>
  </si>
  <si>
    <t>POINT (4.637491496031532 51.80904982093255)</t>
  </si>
  <si>
    <t>POINT (4.6535286812275185 51.826650751316954)</t>
  </si>
  <si>
    <t>POINT (4.613177958515397 51.82160041555476)</t>
  </si>
  <si>
    <t>POINT (4.655706592219571 51.82064285737502)</t>
  </si>
  <si>
    <t>POINT (4.647706918054481 51.81984326715095)</t>
  </si>
  <si>
    <t>POINT (4.6410102829059845 51.82550535559328)</t>
  </si>
  <si>
    <t>POINT (4.633034474235096 51.820419495795)</t>
  </si>
  <si>
    <t>POINT (4.598874900497577 51.81188349456613)</t>
  </si>
  <si>
    <t>POINT (4.612708422247706 51.813566651373364)</t>
  </si>
  <si>
    <t>POINT (4.615040051199374 51.81951661174068)</t>
  </si>
  <si>
    <t>POINT (4.613528309512246 51.81801324312171)</t>
  </si>
  <si>
    <t>POINT (4.6361936374388115 51.819935065254285)</t>
  </si>
  <si>
    <t>POINT (4.64422354296675 51.826663032643594)</t>
  </si>
  <si>
    <t>POINT (4.64392231796005 51.81642377361648)</t>
  </si>
  <si>
    <t>3334KH</t>
  </si>
  <si>
    <t>Schrijnwerkersstraat</t>
  </si>
  <si>
    <t>POINT (4.593441169077318 51.81186094186044)</t>
  </si>
  <si>
    <t>POINT (4.648034018648205 51.81999800054985)</t>
  </si>
  <si>
    <t>POINT (4.656996196874309 51.81765087115785)</t>
  </si>
  <si>
    <t>POINT (4.633964649246258 51.809766421456935)</t>
  </si>
  <si>
    <t>POINT (4.654689953904813 51.81660707926821)</t>
  </si>
  <si>
    <t>POINT (4.655467267902619 51.82644670198275)</t>
  </si>
  <si>
    <t>POINT (4.640716536810473 51.82427213645487)</t>
  </si>
  <si>
    <t>POINT (4.629113605666484 51.80619840132502)</t>
  </si>
  <si>
    <t>POINT (4.659864763364911 51.82705195139975)</t>
  </si>
  <si>
    <t>POINT (4.602260814466392 51.815010253587765)</t>
  </si>
  <si>
    <t>POINT (4.60941339854902 51.81393760306815)</t>
  </si>
  <si>
    <t>POINT (4.634300786954825 51.809012403439105)</t>
  </si>
  <si>
    <t>POINT (4.648683873630201 51.81378483105932)</t>
  </si>
  <si>
    <t>POINT (4.6468901924324175 51.81834674203308)</t>
  </si>
  <si>
    <t>POINT (4.6554133045034485 51.82131779568574)</t>
  </si>
  <si>
    <t>POINT (4.62937744633918 51.808756487485454)</t>
  </si>
  <si>
    <t>POINT (4.658221940740539 51.821038719613796)</t>
  </si>
  <si>
    <t>POINT (4.644850095490217 51.82118942721162)</t>
  </si>
  <si>
    <t>POINT (4.651126822942325 51.82232709837094)</t>
  </si>
  <si>
    <t>POINT (4.630519319928885 51.813625382812084)</t>
  </si>
  <si>
    <t>POINT (4.6417162885597 51.821217311705084)</t>
  </si>
  <si>
    <t>POINT (4.632353555893161 51.81946285543175)</t>
  </si>
  <si>
    <t>POINT (4.616412515993917 51.8171540237312)</t>
  </si>
  <si>
    <t>POINT (4.603538207314517 51.81463623031387)</t>
  </si>
  <si>
    <t>POINT (4.629774135972294 51.81023381796465)</t>
  </si>
  <si>
    <t>POINT (4.616252667545108 51.81798375594973)</t>
  </si>
  <si>
    <t>POINT (4.635698978900001 51.82268958582449)</t>
  </si>
  <si>
    <t>POINT (4.631926159646088 51.81152680924889)</t>
  </si>
  <si>
    <t>POINT (4.597918275944924 51.83911488917798)</t>
  </si>
  <si>
    <t>POINT (4.653307395696531 51.817268835772076)</t>
  </si>
  <si>
    <t>POINT (4.653028078066928 51.817468093730454)</t>
  </si>
  <si>
    <t>POINT (4.619395492113372 51.83037218255291)</t>
  </si>
  <si>
    <t>POINT (4.620879221729464 51.813339556840916)</t>
  </si>
  <si>
    <t>POINT (4.656088987860297 51.81986403397199)</t>
  </si>
  <si>
    <t>POINT (4.637737756117071 51.8235033349359)</t>
  </si>
  <si>
    <t>POINT (4.562937869545692 51.834004140307805)</t>
  </si>
  <si>
    <t>POINT (4.6566496929345815 51.82154466901976)</t>
  </si>
  <si>
    <t>POINT (4.630720763551439 51.807447005204416)</t>
  </si>
  <si>
    <t>POINT (4.6416943653818254 51.825890031844416)</t>
  </si>
  <si>
    <t>POINT (4.645809082820044 51.81962180342573)</t>
  </si>
  <si>
    <t>POINT (4.6052559252840854 51.81297837314958)</t>
  </si>
  <si>
    <t>POINT (4.63754608101402 51.82312573633233)</t>
  </si>
  <si>
    <t>POINT (4.635698557327349 51.82350477676152)</t>
  </si>
  <si>
    <t>POINT (4.619097307378527 51.82050392214232)</t>
  </si>
  <si>
    <t>POINT (4.571205165078409 51.835556224775345)</t>
  </si>
  <si>
    <t>POINT (4.641231992088409 51.81791842249109)</t>
  </si>
  <si>
    <t>POINT (4.649897267321658 51.81663121491289)</t>
  </si>
  <si>
    <t>POINT (4.6306211431621795 51.81253809991014)</t>
  </si>
  <si>
    <t>POINT (4.568015970314321 51.83552083519424)</t>
  </si>
  <si>
    <t>POINT (4.568438911248276 51.83430294373579)</t>
  </si>
  <si>
    <t>POINT (4.6181146700401765 51.821681309352485)</t>
  </si>
  <si>
    <t>POINT (4.659045898023314 51.825987110230564)</t>
  </si>
  <si>
    <t>POINT (4.634715308707896 51.80537503864949)</t>
  </si>
  <si>
    <t>POINT (4.653109539277513 51.81536028907962)</t>
  </si>
  <si>
    <t>POINT (4.632062636625182 51.80812653901632)</t>
  </si>
  <si>
    <t>POINT (4.6383841784729904 51.80846134939054)</t>
  </si>
  <si>
    <t>POINT (4.64474283427527 51.81586632917996)</t>
  </si>
  <si>
    <t>POINT (4.64267457470679 51.822676452143575)</t>
  </si>
  <si>
    <t>POINT (4.61984555829954 51.81316349077977)</t>
  </si>
  <si>
    <t>POINT (4.608106672189116 51.81617243146248)</t>
  </si>
  <si>
    <t>POINT (4.591071884123774 51.8254616541345)</t>
  </si>
  <si>
    <t>POINT (4.635770385498213 51.82202676723901)</t>
  </si>
  <si>
    <t>POINT (4.639041443459202 51.80926032323868)</t>
  </si>
  <si>
    <t>POINT (4.607554684870819 51.81924903093559)</t>
  </si>
  <si>
    <t>POINT (4.614151621687815 51.820562164297385)</t>
  </si>
  <si>
    <t>POINT (4.650020284714284 51.82705345737591)</t>
  </si>
  <si>
    <t>POINT (4.6134391236418155 51.821361006356845)</t>
  </si>
  <si>
    <t>POINT (4.644982855290173 51.82457806662443)</t>
  </si>
  <si>
    <t>POINT (4.61882625506725 51.821110971293436)</t>
  </si>
  <si>
    <t>POINT (4.620995433585267 51.81500058554435)</t>
  </si>
  <si>
    <t>POINT (4.570636092105157 51.83513028222616)</t>
  </si>
  <si>
    <t>POINT (4.6400105984638635 51.82377807560928)</t>
  </si>
  <si>
    <t>POINT (4.625963499250308 51.81412720536024)</t>
  </si>
  <si>
    <t>POINT (4.604258455911193 51.82145734284453)</t>
  </si>
  <si>
    <t>POINT (4.599065536923817 51.8133934988464)</t>
  </si>
  <si>
    <t>POINT (4.569923728940076 51.8346968134871)</t>
  </si>
  <si>
    <t>POINT (4.6466093785518385 51.82399776640749)</t>
  </si>
  <si>
    <t>POINT (4.637029521596965 51.820307086955125)</t>
  </si>
  <si>
    <t>POINT (4.659752632787332 51.82289603666572)</t>
  </si>
  <si>
    <t>POINT (4.567775119729794 51.83706415724592)</t>
  </si>
  <si>
    <t>POINT (4.5952584017623845 51.812455996053295)</t>
  </si>
  <si>
    <t>POINT (4.657533660248722 51.82336695002756)</t>
  </si>
  <si>
    <t>POINT (4.6324185765410695 51.82490852783992)</t>
  </si>
  <si>
    <t>POINT (4.639463995701071 51.81933505258166)</t>
  </si>
  <si>
    <t>POINT (4.661733075980389 51.82458912199873)</t>
  </si>
  <si>
    <t>POINT (4.629573997206782 51.815019463724674)</t>
  </si>
  <si>
    <t>POINT (4.6391896495906435 51.81963403911279)</t>
  </si>
  <si>
    <t>POINT (4.5687042303928465 51.837818205582984)</t>
  </si>
  <si>
    <t>POINT (4.608761508904337 51.81615443096554)</t>
  </si>
  <si>
    <t>POINT (4.637684542771869 51.808742022395506)</t>
  </si>
  <si>
    <t>POINT (4.614377041982394 51.831203513040805)</t>
  </si>
  <si>
    <t>POINT (4.641130965616268 51.80884097364132)</t>
  </si>
  <si>
    <t>POINT (4.637731302666043 51.82009425982044)</t>
  </si>
  <si>
    <t>POINT (4.5969415132575895 51.81377219312872)</t>
  </si>
  <si>
    <t>POINT (4.664083195003101 51.82346633298002)</t>
  </si>
  <si>
    <t>POINT (4.635724600900914 51.80779189279989)</t>
  </si>
  <si>
    <t>POINT (4.627234970935973 51.8133426328669)</t>
  </si>
  <si>
    <t>POINT (4.60969185509269 51.821709138620264)</t>
  </si>
  <si>
    <t>POINT (4.6619981370415 51.825540349950394)</t>
  </si>
  <si>
    <t>POINT (4.633428998479719 51.81112895111042)</t>
  </si>
  <si>
    <t>3331HZ</t>
  </si>
  <si>
    <t>Ter Steeghepad</t>
  </si>
  <si>
    <t>POINT (4.627925295000125 51.825589087925174)</t>
  </si>
  <si>
    <t>POINT (4.649420177828513 51.819363626971445)</t>
  </si>
  <si>
    <t>POINT (4.6411850563051935 51.82560412864169)</t>
  </si>
  <si>
    <t>POINT (4.6457396536842746 51.820580997174126)</t>
  </si>
  <si>
    <t>POINT (4.632347445609428 51.80906085154148)</t>
  </si>
  <si>
    <t>POINT (4.6036797094974204 51.81971700263882)</t>
  </si>
  <si>
    <t>POINT (4.6349150642934465 51.81106205634724)</t>
  </si>
  <si>
    <t>POINT (4.665564377427558 51.8233888163294)</t>
  </si>
  <si>
    <t>POINT (4.656195490534023 51.81734293197332)</t>
  </si>
  <si>
    <t>POINT (4.65666834363196 51.81927168316361)</t>
  </si>
  <si>
    <t>POINT (4.635723658715972 51.819791284938916)</t>
  </si>
  <si>
    <t>POINT (4.610845725509759 51.82187470873451)</t>
  </si>
  <si>
    <t>POINT (4.658151526835307 51.82396621725545)</t>
  </si>
  <si>
    <t>POINT (4.650677838106572 51.817830856578574)</t>
  </si>
  <si>
    <t>POINT (4.629272479381427 51.807675365951575)</t>
  </si>
  <si>
    <t>POINT (4.636474627744336 51.82416920766105)</t>
  </si>
  <si>
    <t>POINT (4.642262435358635 51.81881340114987)</t>
  </si>
  <si>
    <t>POINT (4.609427064253874 51.816531426466064)</t>
  </si>
  <si>
    <t>POINT (4.642059498406392 51.809694220622475)</t>
  </si>
  <si>
    <t>POINT (4.646799906724327 51.82645171904852)</t>
  </si>
  <si>
    <t>POINT (4.592080953396185 51.84066446067921)</t>
  </si>
  <si>
    <t>POINT (4.559332784544918 51.834659875438376)</t>
  </si>
  <si>
    <t>POINT (4.642147107500737 51.81607952175646)</t>
  </si>
  <si>
    <t>POINT (4.646161015519952 51.825680754936116)</t>
  </si>
  <si>
    <t>POINT (4.646279387938922 51.81651091145949)</t>
  </si>
  <si>
    <t>POINT (4.6195994844142705 51.81878162661753)</t>
  </si>
  <si>
    <t>POINT (4.600843305853165 51.814285772817605)</t>
  </si>
  <si>
    <t>POINT (4.655820751618524 51.8219357632335)</t>
  </si>
  <si>
    <t>POINT (4.612482066732392 51.82009109486824)</t>
  </si>
  <si>
    <t>POINT (4.620347578381255 51.828661771281595)</t>
  </si>
  <si>
    <t>POINT (4.641300961775582 51.81914172770808)</t>
  </si>
  <si>
    <t>POINT (4.63605827595081 51.815341584845704)</t>
  </si>
  <si>
    <t>POINT (4.643580495903692 51.81992368357935)</t>
  </si>
  <si>
    <t>POINT (4.5599226081065405 51.83598275538401)</t>
  </si>
  <si>
    <t>POINT (4.628310009108013 51.82424710037677)</t>
  </si>
  <si>
    <t>POINT (4.644520728194638 51.81974015556977)</t>
  </si>
  <si>
    <t>POINT (4.568047593500338 51.83331870564568)</t>
  </si>
  <si>
    <t>POINT (4.633427389306952 51.81148628687765)</t>
  </si>
  <si>
    <t>POINT (4.64593373020578 51.822819911629985)</t>
  </si>
  <si>
    <t>POINT (4.611141607149864 51.815732812134556)</t>
  </si>
  <si>
    <t>POINT (4.635141412585612 51.821414419648356)</t>
  </si>
  <si>
    <t>POINT (4.611211322982963 51.81928149020803)</t>
  </si>
  <si>
    <t>POINT (4.593419325262609 51.81154242176063)</t>
  </si>
  <si>
    <t>POINT (4.62782649382123 51.81102094732332)</t>
  </si>
  <si>
    <t>POINT (4.631185226991683 51.823232656506356)</t>
  </si>
  <si>
    <t>POINT (4.648244686155162 51.82406197861675)</t>
  </si>
  <si>
    <t>POINT (4.6360703636882405 51.81890636487425)</t>
  </si>
  <si>
    <t>POINT (4.643084802104724 51.823446552767216)</t>
  </si>
  <si>
    <t>POINT (4.629098211923195 51.82416906656125)</t>
  </si>
  <si>
    <t>POINT (4.566579478387988 51.832151347938144)</t>
  </si>
  <si>
    <t>POINT (4.656878387849752 51.82461703729601)</t>
  </si>
  <si>
    <t>POINT (4.634481912016688 51.824183177371694)</t>
  </si>
  <si>
    <t>POINT (4.62957082166347 51.815099685419014)</t>
  </si>
  <si>
    <t>POINT (4.656807817423398 51.82377475489298)</t>
  </si>
  <si>
    <t>POINT (4.626715207023857 51.80850781352943)</t>
  </si>
  <si>
    <t>POINT (4.638045819968767 51.80829823789047)</t>
  </si>
  <si>
    <t>POINT (4.565986142664099 51.836428511404065)</t>
  </si>
  <si>
    <t>POINT (4.566583669638976 51.8347810171287)</t>
  </si>
  <si>
    <t>POINT (4.647372672032593 51.82140271116868)</t>
  </si>
  <si>
    <t>POINT (4.654390251819018 51.82168218648269)</t>
  </si>
  <si>
    <t>POINT (4.629902265605412 51.80760503257807)</t>
  </si>
  <si>
    <t>POINT (4.658556682293261 51.82322595413092)</t>
  </si>
  <si>
    <t>POINT (4.640678189258212 51.82022495942858)</t>
  </si>
  <si>
    <t>POINT (4.612723179968888 51.818063878450054)</t>
  </si>
  <si>
    <t>POINT (4.64992157115596 51.81972887800663)</t>
  </si>
  <si>
    <t>POINT (4.619453381758479 51.8304179271721)</t>
  </si>
  <si>
    <t>POINT (4.608503463580566 51.81420102372693)</t>
  </si>
  <si>
    <t>POINT (4.634460596528628 51.82404722150578)</t>
  </si>
  <si>
    <t>POINT (4.648349203049393 51.81321944801154)</t>
  </si>
  <si>
    <t>POINT (4.6169636284735605 51.81462897177218)</t>
  </si>
  <si>
    <t>POINT (4.6596409207215395 51.82203026528834)</t>
  </si>
  <si>
    <t>POINT (4.637341602416267 51.815026737966186)</t>
  </si>
  <si>
    <t>POINT (4.657839712328028 51.82999155204395)</t>
  </si>
  <si>
    <t>POINT (4.629830685913518 51.80689921706697)</t>
  </si>
  <si>
    <t>POINT (4.641428515215565 51.81926064973427)</t>
  </si>
  <si>
    <t>POINT (4.651034232697273 51.81750061914978)</t>
  </si>
  <si>
    <t>POINT (4.632307161630161 51.814016732929566)</t>
  </si>
  <si>
    <t>POINT (4.615180274928456 51.81398258664452)</t>
  </si>
  <si>
    <t>POINT (4.645770264588765 51.820545334680936)</t>
  </si>
  <si>
    <t>POINT (4.6355904729188 51.80824855908044)</t>
  </si>
  <si>
    <t>POINT (4.632891133947453 51.80836596080644)</t>
  </si>
  <si>
    <t>POINT (4.565307386644873 51.83829473220943)</t>
  </si>
  <si>
    <t>POINT (4.594061843428578 51.824719104282934)</t>
  </si>
  <si>
    <t>POINT (4.644573467978796 51.82683114222324)</t>
  </si>
  <si>
    <t>POINT (4.611131880719619 51.81494230636793)</t>
  </si>
  <si>
    <t>POINT (4.657345098043442 51.82193596700172)</t>
  </si>
  <si>
    <t>POINT (4.649760390539582 51.813394021956825)</t>
  </si>
  <si>
    <t>POINT (4.615287029609719 51.82057184871426)</t>
  </si>
  <si>
    <t>POINT (4.618983550109195 51.814007815214836)</t>
  </si>
  <si>
    <t>POINT (4.640289250287944 51.811154983216085)</t>
  </si>
  <si>
    <t>POINT (4.62083287051468 51.81459888799286)</t>
  </si>
  <si>
    <t>POINT (4.646801201356468 51.8158996298799)</t>
  </si>
  <si>
    <t>POINT (4.644220395908287 51.82579451718234)</t>
  </si>
  <si>
    <t>POINT (4.6140933978584755 51.831485041121475)</t>
  </si>
  <si>
    <t>POINT (4.626691631039756 51.81280194747601)</t>
  </si>
  <si>
    <t>POINT (4.659498001590968 51.82871617721252)</t>
  </si>
  <si>
    <t>POINT (4.567785481889459 51.83790885664659)</t>
  </si>
  <si>
    <t>POINT (4.645368090933346 51.81432107282814)</t>
  </si>
  <si>
    <t>POINT (4.628278306808009 51.809187278140385)</t>
  </si>
  <si>
    <t>POINT (4.6132719677583145 51.820111793954815)</t>
  </si>
  <si>
    <t>POINT (4.652408808056355 51.82152629387709)</t>
  </si>
  <si>
    <t>POINT (4.606784526802141 51.815776852672066)</t>
  </si>
  <si>
    <t>POINT (4.6194612697731054 51.830407102436496)</t>
  </si>
  <si>
    <t>POINT (4.628175251786878 51.814852448668134)</t>
  </si>
  <si>
    <t>POINT (4.56140663930259 51.83508789351243)</t>
  </si>
  <si>
    <t>POINT (4.633327464423964 51.82450403517678)</t>
  </si>
  <si>
    <t>POINT (4.637828778284221 51.817518425179934)</t>
  </si>
  <si>
    <t>POINT (4.56781550206307 51.83118673480916)</t>
  </si>
  <si>
    <t>POINT (4.635307228671992 51.81121932833129)</t>
  </si>
  <si>
    <t>POINT (4.656199081245415 51.81806239044671)</t>
  </si>
  <si>
    <t>POINT (4.6587216778961285 51.823472899436915)</t>
  </si>
  <si>
    <t>POINT (4.5757374850343595 51.81944865743613)</t>
  </si>
  <si>
    <t>POINT (4.645919566195941 51.814857946692285)</t>
  </si>
  <si>
    <t>POINT (4.643840316457938 51.817546948752636)</t>
  </si>
  <si>
    <t>POINT (4.567210220957631 51.83780946931764)</t>
  </si>
  <si>
    <t>POINT (4.639645213347903 51.825775822070646)</t>
  </si>
  <si>
    <t>POINT (4.611359251697706 51.81635227986178)</t>
  </si>
  <si>
    <t>POINT (4.622193438430925 51.81271913710869)</t>
  </si>
  <si>
    <t>POINT (4.568027680055437 51.8388444051411)</t>
  </si>
  <si>
    <t>POINT (4.633290388360106 51.811580219680955)</t>
  </si>
  <si>
    <t>POINT (4.640241300193068 51.8089960857559)</t>
  </si>
  <si>
    <t>POINT (4.638749808893891 51.81752980368991)</t>
  </si>
  <si>
    <t>POINT (4.56015021963391 51.835185259270624)</t>
  </si>
  <si>
    <t>POINT (4.630180760770386 51.81250629821922)</t>
  </si>
  <si>
    <t>POINT (4.621821498835996 51.81495333811563)</t>
  </si>
  <si>
    <t>POINT (4.631916394276084 51.825733569677126)</t>
  </si>
  <si>
    <t>POINT (4.5696025982714685 51.838011638320786)</t>
  </si>
  <si>
    <t>POINT (4.634366950458247 51.80907080511822)</t>
  </si>
  <si>
    <t>POINT (4.64665308632555 51.82397378173089)</t>
  </si>
  <si>
    <t>POINT (4.624169195957094 51.813735833193796)</t>
  </si>
  <si>
    <t>POINT (4.600423396797548 51.815391970417544)</t>
  </si>
  <si>
    <t>POINT (4.633431113630408 51.82650198851781)</t>
  </si>
  <si>
    <t>POINT (4.60781770098422 51.818442152322135)</t>
  </si>
  <si>
    <t>POINT (4.641723150302476 51.8195123802888)</t>
  </si>
  <si>
    <t>POINT (4.657456325642844 51.824357299760656)</t>
  </si>
  <si>
    <t>POINT (4.620031110361787 51.81350710221616)</t>
  </si>
  <si>
    <t>POINT (4.650572222123155 51.81695312258648)</t>
  </si>
  <si>
    <t>POINT (4.622472833908804 51.81212493431481)</t>
  </si>
  <si>
    <t>POINT (4.568606060183792 51.837410645742665)</t>
  </si>
  <si>
    <t>POINT (4.633378292072752 51.82066814776764)</t>
  </si>
  <si>
    <t>POINT (4.63296720933926 51.82035668196852)</t>
  </si>
  <si>
    <t>POINT (4.60595651109144 51.81538916061937)</t>
  </si>
  <si>
    <t>POINT (4.661693604637362 51.824739680934364)</t>
  </si>
  <si>
    <t>POINT (4.655668647923337 51.82184939589562)</t>
  </si>
  <si>
    <t>POINT (4.641502704726965 51.82589820752957)</t>
  </si>
  <si>
    <t>POINT (4.626130508525334 51.81342626116832)</t>
  </si>
  <si>
    <t>POINT (4.630186948164098 51.808989684375284)</t>
  </si>
  <si>
    <t>POINT (4.568573471697229 51.82515765044616)</t>
  </si>
  <si>
    <t>3334XB</t>
  </si>
  <si>
    <t>POINT (4.622285099274523 51.81302635771902)</t>
  </si>
  <si>
    <t>POINT (4.618239827707237 51.81384854502054)</t>
  </si>
  <si>
    <t>POINT (4.619426984486826 51.830384325537736)</t>
  </si>
  <si>
    <t>POINT (4.614736457112263 51.82062911580655)</t>
  </si>
  <si>
    <t>POINT (4.651234993884441 51.82197845858095)</t>
  </si>
  <si>
    <t>POINT (4.607639627164971 51.818434344911275)</t>
  </si>
  <si>
    <t>3331HX</t>
  </si>
  <si>
    <t>Schobbelandstraat</t>
  </si>
  <si>
    <t>POINT (4.628410909239379 51.82285314695276)</t>
  </si>
  <si>
    <t>POINT (4.643019869475315 51.82594888780923)</t>
  </si>
  <si>
    <t>POINT (4.566118974986518 51.839011366991556)</t>
  </si>
  <si>
    <t>POINT (4.61776513602623 51.81359110674263)</t>
  </si>
  <si>
    <t>POINT (4.6576177948516495 51.827535250686154)</t>
  </si>
  <si>
    <t>POINT (4.632302437845098 51.82359590776927)</t>
  </si>
  <si>
    <t>POINT (4.630434080107006 51.809323465321405)</t>
  </si>
  <si>
    <t>POINT (4.651474255893142 51.81718681492176)</t>
  </si>
  <si>
    <t>POINT (4.646579013656597 51.82395391677173)</t>
  </si>
  <si>
    <t>POINT (4.640840376506757 51.81761551247009)</t>
  </si>
  <si>
    <t>POINT (4.643954446705036 51.81606461810403)</t>
  </si>
  <si>
    <t>POINT (4.61048437996441 51.821748345541884)</t>
  </si>
  <si>
    <t>POINT (4.644750841994679 51.81739754972775)</t>
  </si>
  <si>
    <t>POINT (4.64466871032426 51.81579056192283)</t>
  </si>
  <si>
    <t>POINT (4.6166381794976346 51.81380656058979)</t>
  </si>
  <si>
    <t>POINT (4.647535935068418 51.814206146255174)</t>
  </si>
  <si>
    <t>POINT (4.564456325843572 51.83596213297799)</t>
  </si>
  <si>
    <t>POINT (4.642007991095648 51.82106825305133)</t>
  </si>
  <si>
    <t>POINT (4.60986142630749 51.81866995306322)</t>
  </si>
  <si>
    <t>POINT (4.6606019049022755 51.82065519855291)</t>
  </si>
  <si>
    <t>POINT (4.609612988133263 51.81592145220855)</t>
  </si>
  <si>
    <t>POINT (4.636295567204119 51.81245199490715)</t>
  </si>
  <si>
    <t>POINT (4.56182206081016 51.835484342613405)</t>
  </si>
  <si>
    <t>POINT (4.655966371748486 51.821852284871916)</t>
  </si>
  <si>
    <t>POINT (4.640144365571754 51.81997931742461)</t>
  </si>
  <si>
    <t>POINT (4.629386671512541 51.812260895651846)</t>
  </si>
  <si>
    <t>POINT (4.645707477087507 51.82506296589262)</t>
  </si>
  <si>
    <t>POINT (4.6435203376262955 51.81539496975772)</t>
  </si>
  <si>
    <t>POINT (4.608137717118239 51.81485440481417)</t>
  </si>
  <si>
    <t>POINT (4.628007009964973 51.80613687396106)</t>
  </si>
  <si>
    <t>POINT (4.654482969767799 51.818440386430794)</t>
  </si>
  <si>
    <t>POINT (4.625151456037479 51.813916632817396)</t>
  </si>
  <si>
    <t>POINT (4.64711131666209 51.8196647637645)</t>
  </si>
  <si>
    <t>POINT (4.648258473066025 51.82585225109347)</t>
  </si>
  <si>
    <t>POINT (4.651612192997237 51.820451632707424)</t>
  </si>
  <si>
    <t>POINT (4.633029080166972 51.82460809499893)</t>
  </si>
  <si>
    <t>POINT (4.657553910620081 51.820432452952595)</t>
  </si>
  <si>
    <t>POINT (4.633422290216564 51.812840807405344)</t>
  </si>
  <si>
    <t>POINT (4.6379403889999 51.80928852474742)</t>
  </si>
  <si>
    <t>POINT (4.656067211556467 51.81769948692761)</t>
  </si>
  <si>
    <t>POINT (4.658899860740069 51.82998087627089)</t>
  </si>
  <si>
    <t>POINT (4.619439623430183 51.83039608452822)</t>
  </si>
  <si>
    <t>POINT (4.6360193897755275 51.818260991647634)</t>
  </si>
  <si>
    <t>POINT (4.562376406271872 51.83755604643765)</t>
  </si>
  <si>
    <t>POINT (4.6442780232956835 51.819697388354435)</t>
  </si>
  <si>
    <t>POINT (4.633762194209602 51.82555876443503)</t>
  </si>
  <si>
    <t>POINT (4.562139914101894 51.832419938969096)</t>
  </si>
  <si>
    <t>POINT (4.6305310041955705 51.812763324103685)</t>
  </si>
  <si>
    <t>POINT (4.624675806646109 51.81351110942645)</t>
  </si>
  <si>
    <t>POINT (4.568876835859015 51.83882989601073)</t>
  </si>
  <si>
    <t>POINT (4.572727415262505 51.828399568651)</t>
  </si>
  <si>
    <t>POINT (4.651844092556308 51.81799585839347)</t>
  </si>
  <si>
    <t>POINT (4.567938436152013 51.83609589724686)</t>
  </si>
  <si>
    <t>POINT (4.605920251511277 51.82133897932817)</t>
  </si>
  <si>
    <t>POINT (4.656653216281776 51.82460799563716)</t>
  </si>
  <si>
    <t>POINT (4.637717647473365 51.81958959219362)</t>
  </si>
  <si>
    <t>POINT (4.6333931721924655 51.809778068520224)</t>
  </si>
  <si>
    <t>POINT (4.61418909691718 51.82159000107362)</t>
  </si>
  <si>
    <t>POINT (4.649574620862416 51.82210304533841)</t>
  </si>
  <si>
    <t>POINT (4.642385926967363 51.81920018634705)</t>
  </si>
  <si>
    <t>POINT (4.655878222209177 51.82712229002232)</t>
  </si>
  <si>
    <t>POINT (4.6305031947491635 51.81281657367521)</t>
  </si>
  <si>
    <t>POINT (4.640646712686143 51.810484049020324)</t>
  </si>
  <si>
    <t>POINT (4.617646022667543 51.813971231690196)</t>
  </si>
  <si>
    <t>POINT (4.653511299604279 51.82054892148131)</t>
  </si>
  <si>
    <t>POINT (4.643558513784628 51.819903077050085)</t>
  </si>
  <si>
    <t>POINT (4.638554464346652 51.80856320832956)</t>
  </si>
  <si>
    <t>POINT (4.641097041745271 51.825581708713244)</t>
  </si>
  <si>
    <t>POINT (4.653306623014725 51.81817596894962)</t>
  </si>
  <si>
    <t>POINT (4.56175403709351 51.83496503368351)</t>
  </si>
  <si>
    <t>POINT (4.633842023298056 51.81085418490899)</t>
  </si>
  <si>
    <t>POINT (4.61635835652451 51.81381250709274)</t>
  </si>
  <si>
    <t>POINT (4.619385914596795 51.830357000910546)</t>
  </si>
  <si>
    <t>POINT (4.6448454819840705 51.8150369625357)</t>
  </si>
  <si>
    <t>POINT (4.559802167217898 51.833498628974105)</t>
  </si>
  <si>
    <t>POINT (4.655516628089538 51.82895501085974)</t>
  </si>
  <si>
    <t>POINT (4.6595665866815015 51.82854394806879)</t>
  </si>
  <si>
    <t>POINT (4.639275738882176 51.82562212577236)</t>
  </si>
  <si>
    <t>POINT (4.609925574400931 51.81912179153173)</t>
  </si>
  <si>
    <t>POINT (4.6532062033261985 51.81548214209301)</t>
  </si>
  <si>
    <t>POINT (4.6591514791108635 51.822065387172636)</t>
  </si>
  <si>
    <t>POINT (4.644928701223641 51.81464043132351)</t>
  </si>
  <si>
    <t>POINT (4.634150313306069 51.821422401664876)</t>
  </si>
  <si>
    <t>POINT (4.56186220286829 51.83724294085497)</t>
  </si>
  <si>
    <t>POINT (4.643538626071579 51.81763151765865)</t>
  </si>
  <si>
    <t>POINT (4.639318880960321 51.80886910557903)</t>
  </si>
  <si>
    <t>POINT (4.6443827650525815 51.826607627421616)</t>
  </si>
  <si>
    <t>POINT (4.60435525662338 51.81051636732803)</t>
  </si>
  <si>
    <t>POINT (4.612805959702666 51.81585827795984)</t>
  </si>
  <si>
    <t>POINT (4.568477066287187 51.83556547211945)</t>
  </si>
  <si>
    <t>POINT (4.61773440930983 51.81327396299608)</t>
  </si>
  <si>
    <t>POINT (4.619128228523503 51.81346459418858)</t>
  </si>
  <si>
    <t>POINT (4.61597566188754 51.815250659887305)</t>
  </si>
  <si>
    <t>POINT (4.632289959453997 51.80917547431709)</t>
  </si>
  <si>
    <t>POINT (4.637742753016145 51.82401321440588)</t>
  </si>
  <si>
    <t>POINT (4.611116906449571 51.818391602776074)</t>
  </si>
  <si>
    <t>POINT (4.602311448261761 51.820595811399855)</t>
  </si>
  <si>
    <t>POINT (4.641918351965951 51.81634351442535)</t>
  </si>
  <si>
    <t>POINT (4.6533150884731045 51.82029648806142)</t>
  </si>
  <si>
    <t>POINT (4.653695337527183 51.82204063766419)</t>
  </si>
  <si>
    <t>POINT (4.645393428742144 51.8143421047433)</t>
  </si>
  <si>
    <t>POINT (4.61682115106745 51.81981277350293)</t>
  </si>
  <si>
    <t>POINT (4.6435851634994565 51.82062632309141)</t>
  </si>
  <si>
    <t>POINT (4.605569850913253 51.82165646499481)</t>
  </si>
  <si>
    <t>POINT (4.627591496147355 51.80906805725226)</t>
  </si>
  <si>
    <t>POINT (4.639011348757151 51.813918347011615)</t>
  </si>
  <si>
    <t>POINT (4.646891125852826 51.823812875857925)</t>
  </si>
  <si>
    <t>POINT (4.620729164160725 51.828553163271465)</t>
  </si>
  <si>
    <t>POINT (4.625087580922364 51.81277689854938)</t>
  </si>
  <si>
    <t>POINT (4.655746143524197 51.82190595025662)</t>
  </si>
  <si>
    <t>POINT (4.639433005604876 51.81439393006525)</t>
  </si>
  <si>
    <t>POINT (4.641611209521702 51.815532104434176)</t>
  </si>
  <si>
    <t>POINT (4.6344109477891555 51.81006429482481)</t>
  </si>
  <si>
    <t>POINT (4.628852384440314 51.80951554511268)</t>
  </si>
  <si>
    <t>POINT (4.58711100272181 51.81675499516241)</t>
  </si>
  <si>
    <t>POINT (4.6522380870729645 51.81524425585483)</t>
  </si>
  <si>
    <t>POINT (4.606338105059013 51.82229595793607)</t>
  </si>
  <si>
    <t>POINT (4.617958217421896 51.81422866603999)</t>
  </si>
  <si>
    <t>POINT (4.6130861146337265 51.818198541980095)</t>
  </si>
  <si>
    <t>POINT (4.63998562884365 51.814455732761196)</t>
  </si>
  <si>
    <t>POINT (4.6151037805102195 51.81740914984052)</t>
  </si>
  <si>
    <t>POINT (4.658845875523531 51.8235849499948)</t>
  </si>
  <si>
    <t>POINT (4.596642697709797 51.81511823058703)</t>
  </si>
  <si>
    <t>POINT (4.625102554265734 51.81325689424571)</t>
  </si>
  <si>
    <t>POINT (4.659383098489913 51.81948437717311)</t>
  </si>
  <si>
    <t>POINT (4.651301568429215 51.81685516427345)</t>
  </si>
  <si>
    <t>POINT (4.632879213733925 51.8162240013629)</t>
  </si>
  <si>
    <t>POINT (4.637736924575854 51.81409113051998)</t>
  </si>
  <si>
    <t>POINT (4.604238788860749 51.81408077379333)</t>
  </si>
  <si>
    <t>POINT (4.648795885229634 51.81853446745685)</t>
  </si>
  <si>
    <t>POINT (4.646948877979175 51.82101818163369)</t>
  </si>
  <si>
    <t>POINT (4.6398267304009195 51.82592269361931)</t>
  </si>
  <si>
    <t>POINT (4.639075511944888 51.82551283265871)</t>
  </si>
  <si>
    <t>POINT (4.568100110608898 51.83885988577361)</t>
  </si>
  <si>
    <t>POINT (4.614642141972984 51.81339311530457)</t>
  </si>
  <si>
    <t>POINT (4.565870457157934 51.83463453727587)</t>
  </si>
  <si>
    <t>POINT (4.615436708666684 51.8132971125206)</t>
  </si>
  <si>
    <t>POINT (4.647092951666204 51.82115691377056)</t>
  </si>
  <si>
    <t>POINT (4.5627159300749645 51.83675751622312)</t>
  </si>
  <si>
    <t>POINT (4.568292343581859 51.83781270836158)</t>
  </si>
  <si>
    <t>POINT (4.637218487890535 51.81174635108596)</t>
  </si>
  <si>
    <t>POINT (4.656002133047175 51.82189210279322)</t>
  </si>
  <si>
    <t>POINT (4.655908241233174 51.821866277606574)</t>
  </si>
  <si>
    <t>POINT (4.617107665420734 51.81921529537809)</t>
  </si>
  <si>
    <t>POINT (4.657125024333473 51.81807221705668)</t>
  </si>
  <si>
    <t>POINT (4.559850663274719 51.83577135427636)</t>
  </si>
  <si>
    <t>POINT (4.615195826902999 51.8140347785989)</t>
  </si>
  <si>
    <t>POINT (4.657037904860105 51.82906620851866)</t>
  </si>
  <si>
    <t>POINT (4.56904804648302 51.83467910007244)</t>
  </si>
  <si>
    <t>POINT (4.627380217482105 51.809019121086706)</t>
  </si>
  <si>
    <t>POINT (4.656582351269877 51.817492602568635)</t>
  </si>
  <si>
    <t>POINT (4.644291964431979 51.81963914899317)</t>
  </si>
  <si>
    <t>POINT (4.641415365033039 51.82081110657091)</t>
  </si>
  <si>
    <t>POINT (4.618611633831099 51.8218345594648)</t>
  </si>
  <si>
    <t>POINT (4.663072553139723 51.82148689114639)</t>
  </si>
  <si>
    <t>POINT (4.650273957262509 51.82582944410136)</t>
  </si>
  <si>
    <t>POINT (4.608640099913757 51.820834431270136)</t>
  </si>
  <si>
    <t>POINT (4.615238297596181 51.81891766739595)</t>
  </si>
  <si>
    <t>POINT (4.615108455448326 51.820271772329555)</t>
  </si>
  <si>
    <t>POINT (4.643200627948703 51.8153155776252)</t>
  </si>
  <si>
    <t>POINT (4.599873946791737 51.81512754920912)</t>
  </si>
  <si>
    <t>POINT (4.6288092287143074 51.82102959485345)</t>
  </si>
  <si>
    <t>POINT (4.659616804275129 51.82508588692419)</t>
  </si>
  <si>
    <t>POINT (4.638570940973488 51.80909397971401)</t>
  </si>
  <si>
    <t>POINT (4.608086561636051 51.81451648454136)</t>
  </si>
  <si>
    <t>POINT (4.609108845508158 51.81906073035439)</t>
  </si>
  <si>
    <t>POINT (4.628033540944335 51.812561936618906)</t>
  </si>
  <si>
    <t>POINT (4.63172733425787 51.8229471785066)</t>
  </si>
  <si>
    <t>POINT (4.637503857170576 51.81093930797362)</t>
  </si>
  <si>
    <t>POINT (4.657430622824104 51.82926189812281)</t>
  </si>
  <si>
    <t>POINT (4.612803202627999 51.819702223015966)</t>
  </si>
  <si>
    <t>POINT (4.637166683091457 51.817566959305424)</t>
  </si>
  <si>
    <t>POINT (4.6515725290309256 51.82650255419077)</t>
  </si>
  <si>
    <t>POINT (4.656830321135366 51.82376455795357)</t>
  </si>
  <si>
    <t>POINT (4.60318695752002 51.820193889708776)</t>
  </si>
  <si>
    <t>POINT (4.597928195941114 51.813943677941126)</t>
  </si>
  <si>
    <t>POINT (4.609302594724849 51.81964375581407)</t>
  </si>
  <si>
    <t>POINT (4.65722763003855 51.821001393843176)</t>
  </si>
  <si>
    <t>POINT (4.561635505587004 51.837356600529645)</t>
  </si>
  <si>
    <t>POINT (4.60739206285863 51.82137944624498)</t>
  </si>
  <si>
    <t>POINT (4.6276008899725065 51.8082177944759)</t>
  </si>
  <si>
    <t>POINT (4.609112371459044 51.81877160451169)</t>
  </si>
  <si>
    <t>POINT (4.614669224329224 51.82060905090924)</t>
  </si>
  <si>
    <t>POINT (4.653579918172919 51.81810901307388)</t>
  </si>
  <si>
    <t>POINT (4.658878590074342 51.82144557886417)</t>
  </si>
  <si>
    <t>POINT (4.656709718781517 51.81817471947209)</t>
  </si>
  <si>
    <t>POINT (4.5692485156111875 51.837756947716905)</t>
  </si>
  <si>
    <t>POINT (4.617206549038048 51.81869257625936)</t>
  </si>
  <si>
    <t>POINT (4.5637579452362 51.83563144803583)</t>
  </si>
  <si>
    <t>POINT (4.606189012131825 51.81695674234225)</t>
  </si>
  <si>
    <t>POINT (4.634628045368406 51.821669814665455)</t>
  </si>
  <si>
    <t>POINT (4.651972098285747 51.823575899394974)</t>
  </si>
  <si>
    <t>POINT (4.596666075334516 51.81611980531811)</t>
  </si>
  <si>
    <t>POINT (4.627518730962387 51.8124288889347)</t>
  </si>
  <si>
    <t>POINT (4.651546179672551 51.82183733664558)</t>
  </si>
  <si>
    <t>POINT (4.617693238261804 51.81461889988725)</t>
  </si>
  <si>
    <t>POINT (4.635232636878309 51.82372246505034)</t>
  </si>
  <si>
    <t>POINT (4.627559154311697 51.80982405055471)</t>
  </si>
  <si>
    <t>POINT (4.6221311538065475 51.81148846324219)</t>
  </si>
  <si>
    <t>POINT (4.611932850962439 51.813410025225195)</t>
  </si>
  <si>
    <t>POINT (4.6017673156642935 51.81978974742074)</t>
  </si>
  <si>
    <t>POINT (4.6417821230423835 51.82594470109203)</t>
  </si>
  <si>
    <t>POINT (4.653572379308948 51.82661570794548)</t>
  </si>
  <si>
    <t>POINT (4.6379241113382035 51.82027123787644)</t>
  </si>
  <si>
    <t>POINT (4.65086444210891 51.822879299138236)</t>
  </si>
  <si>
    <t>POINT (4.639462638676273 51.8219428166349)</t>
  </si>
  <si>
    <t>POINT (4.6270690151057 51.80758185911356)</t>
  </si>
  <si>
    <t>POINT (4.656768317431488 51.81888607083096)</t>
  </si>
  <si>
    <t>POINT (4.657119550579305 51.82395323193205)</t>
  </si>
  <si>
    <t>POINT (4.605407665840944 51.8189164305907)</t>
  </si>
  <si>
    <t>POINT (4.637628420109465 51.81180395417421)</t>
  </si>
  <si>
    <t>POINT (4.653247833146992 51.82177327627085)</t>
  </si>
  <si>
    <t>POINT (4.645476007432069 51.817071000691506)</t>
  </si>
  <si>
    <t>POINT (4.6421617463755185 51.810009177803664)</t>
  </si>
  <si>
    <t>POINT (4.642979907939675 51.82615249779744)</t>
  </si>
  <si>
    <t>POINT (4.634103545061032 51.81709510348766)</t>
  </si>
  <si>
    <t>POINT (4.649970883895223 51.82596575980093)</t>
  </si>
  <si>
    <t>POINT (4.649975325089388 51.81787268349387)</t>
  </si>
  <si>
    <t>3333VA</t>
  </si>
  <si>
    <t>de MÃ©rodestraat</t>
  </si>
  <si>
    <t>POINT (4.633523613488822 51.808432280673735)</t>
  </si>
  <si>
    <t>POINT (4.655204463442393 51.82339179026667)</t>
  </si>
  <si>
    <t>POINT (4.632402018056998 51.80821072659563)</t>
  </si>
  <si>
    <t>POINT (4.651909387710729 51.8249622528891)</t>
  </si>
  <si>
    <t>POINT (4.6165484092301 51.81538881280126)</t>
  </si>
  <si>
    <t>POINT (4.658610872723612 51.819059796526915)</t>
  </si>
  <si>
    <t>POINT (4.619200254449301 51.81804749526678)</t>
  </si>
  <si>
    <t>POINT (4.618374394273997 51.812932721113796)</t>
  </si>
  <si>
    <t>POINT (4.601498059779729 51.81843915936793)</t>
  </si>
  <si>
    <t>POINT (4.635313771561935 51.816985156328485)</t>
  </si>
  <si>
    <t>POINT (4.635166428121354 51.8104667634039)</t>
  </si>
  <si>
    <t>POINT (4.647841824343563 51.81883949647227)</t>
  </si>
  <si>
    <t>POINT (4.618771345543813 51.81311985951236)</t>
  </si>
  <si>
    <t>POINT (4.656408774475292 51.829607204457936)</t>
  </si>
  <si>
    <t>POINT (4.563693913256882 51.83315647727491)</t>
  </si>
  <si>
    <t>POINT (4.656064445821199 51.828001077040774)</t>
  </si>
  <si>
    <t>POINT (4.651377291382864 51.82235403496724)</t>
  </si>
  <si>
    <t>POINT (4.649537729415297 51.81838097663686)</t>
  </si>
  <si>
    <t>POINT (4.564085265762365 51.83537165872438)</t>
  </si>
  <si>
    <t>POINT (4.633936033166101 51.819913154520876)</t>
  </si>
  <si>
    <t>POINT (4.608778163913964 51.816482513063065)</t>
  </si>
  <si>
    <t>POINT (4.649505153643877 51.82216082843399)</t>
  </si>
  <si>
    <t>POINT (4.5689220354246025 51.82424303041909)</t>
  </si>
  <si>
    <t>POINT (4.6073360762148035 51.812926445016906)</t>
  </si>
  <si>
    <t>POINT (4.636441945658874 51.82000330509635)</t>
  </si>
  <si>
    <t>POINT (4.639854330551394 51.81970417866183)</t>
  </si>
  <si>
    <t>POINT (4.659615995087917 51.830103014919544)</t>
  </si>
  <si>
    <t>POINT (4.623767408877166 51.81431992241299)</t>
  </si>
  <si>
    <t>POINT (4.6418572423965525 51.809008886832984)</t>
  </si>
  <si>
    <t>POINT (4.617816077726013 51.817955759819675)</t>
  </si>
  <si>
    <t>POINT (4.620538960963167 51.813953322206785)</t>
  </si>
  <si>
    <t>POINT (4.641454661092851 51.81864464095292)</t>
  </si>
  <si>
    <t>POINT (4.631638145676339 51.810650093001485)</t>
  </si>
  <si>
    <t>POINT (4.652240772622501 51.82092303605186)</t>
  </si>
  <si>
    <t>POINT (4.562415617461286 51.83485552680673)</t>
  </si>
  <si>
    <t>POINT (4.642369704148295 51.82551070021642)</t>
  </si>
  <si>
    <t>POINT (4.627792573457026 51.8133266561734)</t>
  </si>
  <si>
    <t>POINT (4.641808583436571 51.821185646484494)</t>
  </si>
  <si>
    <t>POINT (4.644667380446726 51.81466501616565)</t>
  </si>
  <si>
    <t>POINT (4.5695360743367806 51.83667864826121)</t>
  </si>
  <si>
    <t>POINT (4.6346520861705365 51.820948383209895)</t>
  </si>
  <si>
    <t>POINT (4.646892502852447 51.825300062057224)</t>
  </si>
  <si>
    <t>POINT (4.633403214553478 51.80922856327952)</t>
  </si>
  <si>
    <t>POINT (4.652570162699916 51.81694195191714)</t>
  </si>
  <si>
    <t>POINT (4.608677649743245 51.82232010227372)</t>
  </si>
  <si>
    <t>POINT (4.618340129624929 51.81802775116598)</t>
  </si>
  <si>
    <t>POINT (4.629383140784675 51.81350538676772)</t>
  </si>
  <si>
    <t>POINT (4.651833157047195 51.81465914433084)</t>
  </si>
  <si>
    <t>POINT (4.596224869215147 51.813542952053695)</t>
  </si>
  <si>
    <t>POINT (4.651926185247092 51.81510054149569)</t>
  </si>
  <si>
    <t>POINT (4.651078328568525 51.82272433662442)</t>
  </si>
  <si>
    <t>POINT (4.63929495090434 51.82560865729644)</t>
  </si>
  <si>
    <t>POINT (4.644771582825231 51.81495642375607)</t>
  </si>
  <si>
    <t>POINT (4.600841825321567 51.81433406835775)</t>
  </si>
  <si>
    <t>POINT (4.6293411280863745 51.82168525984229)</t>
  </si>
  <si>
    <t>POINT (4.625804925021015 51.814197888566426)</t>
  </si>
  <si>
    <t>POINT (4.620327020533992 51.81329103294604)</t>
  </si>
  <si>
    <t>POINT (4.6310420925429225 51.80730849283473)</t>
  </si>
  <si>
    <t>POINT (4.650975797006719 51.81596971284763)</t>
  </si>
  <si>
    <t>POINT (4.643864278593015 51.81644562606343)</t>
  </si>
  <si>
    <t>POINT (4.6505816142372165 51.81670408702945)</t>
  </si>
  <si>
    <t>POINT (4.648807764561513 51.818552133058446)</t>
  </si>
  <si>
    <t>POINT (4.656541909066654 51.81871082043303)</t>
  </si>
  <si>
    <t>POINT (4.624705961860425 51.81130970837459)</t>
  </si>
  <si>
    <t>POINT (4.650210880036196 51.81653835410839)</t>
  </si>
  <si>
    <t>POINT (4.5703608567874525 51.83653284007329)</t>
  </si>
  <si>
    <t>POINT (4.641255450327025 51.82561664784225)</t>
  </si>
  <si>
    <t>POINT (4.63951981351815 51.82266353460215)</t>
  </si>
  <si>
    <t>POINT (4.634874282402726 51.808212607880215)</t>
  </si>
  <si>
    <t>POINT (4.576091441347061 51.82908696970517)</t>
  </si>
  <si>
    <t>POINT (4.637000542539021 51.81479228117125)</t>
  </si>
  <si>
    <t>POINT (4.617263622220668 51.812754446109665)</t>
  </si>
  <si>
    <t>POINT (4.627570590299012 51.81116879133302)</t>
  </si>
  <si>
    <t>POINT (4.630244049341705 51.82460745202724)</t>
  </si>
  <si>
    <t>POINT (4.596402588248845 51.813487107257586)</t>
  </si>
  <si>
    <t>POINT (4.616039503970126 51.821132576575394)</t>
  </si>
  <si>
    <t>POINT (4.653539308479575 51.82661547427505)</t>
  </si>
  <si>
    <t>POINT (4.6354954327960884 51.81956960029203)</t>
  </si>
  <si>
    <t>POINT (4.657180742422113 51.821012679627806)</t>
  </si>
  <si>
    <t>POINT (4.637180626751174 51.814817261289406)</t>
  </si>
  <si>
    <t>POINT (4.6246523844239995 51.81402903972096)</t>
  </si>
  <si>
    <t>POINT (4.561287433066065 51.83285736812389)</t>
  </si>
  <si>
    <t>POINT (4.646841518903842 51.825801335867176)</t>
  </si>
  <si>
    <t>3331XE</t>
  </si>
  <si>
    <t>POINT (4.652619874470663 51.8172021799166)</t>
  </si>
  <si>
    <t>POINT (4.646652418170588 51.824124796382)</t>
  </si>
  <si>
    <t>POINT (4.652209847539058 51.815287116833)</t>
  </si>
  <si>
    <t>POINT (4.614678854485875 51.81340876366096)</t>
  </si>
  <si>
    <t>POINT (4.6205513084270295 51.811573630679476)</t>
  </si>
  <si>
    <t>POINT (4.635454882546437 51.8180752750254)</t>
  </si>
  <si>
    <t>POINT (4.659426446527923 51.8298384989321)</t>
  </si>
  <si>
    <t>POINT (4.62260919333825 51.81242684599762)</t>
  </si>
  <si>
    <t>POINT (4.620493305584405 51.81396195871556)</t>
  </si>
  <si>
    <t>POINT (4.619106866210813 51.81446563580843)</t>
  </si>
  <si>
    <t>POINT (4.644633614341633 51.81472777731021)</t>
  </si>
  <si>
    <t>POINT (4.642637720164317 51.82323295071496)</t>
  </si>
  <si>
    <t>POINT (4.619581873828043 51.81874431613942)</t>
  </si>
  <si>
    <t>POINT (4.644952855797584 51.816289766729874)</t>
  </si>
  <si>
    <t>POINT (4.654924275053633 51.816939639755084)</t>
  </si>
  <si>
    <t>POINT (4.574129411928535 51.83052214690357)</t>
  </si>
  <si>
    <t>POINT (4.653551155999184 51.817891657692066)</t>
  </si>
  <si>
    <t>POINT (4.627515233993572 51.81459004014986)</t>
  </si>
  <si>
    <t>POINT (4.634072579706235 51.808402601037564)</t>
  </si>
  <si>
    <t>POINT (4.635118183414646 51.80982512785981)</t>
  </si>
  <si>
    <t>POINT (4.639545734405726 51.82212225691975)</t>
  </si>
  <si>
    <t>POINT (4.641017500107024 51.82564594857797)</t>
  </si>
  <si>
    <t>POINT (4.648804676102024 51.82522352362646)</t>
  </si>
  <si>
    <t>POINT (4.638423678302893 51.82538203450793)</t>
  </si>
  <si>
    <t>POINT (4.660179861309795 51.82859852509977)</t>
  </si>
  <si>
    <t>POINT (4.637368260644446 51.82505430167851)</t>
  </si>
  <si>
    <t>POINT (4.61752195146948 51.81360190744888)</t>
  </si>
  <si>
    <t>POINT (4.655553865292047 51.82139133647947)</t>
  </si>
  <si>
    <t>POINT (4.643954620257828 51.82636762487168)</t>
  </si>
  <si>
    <t>POINT (4.612331369649998 51.80968239847441)</t>
  </si>
  <si>
    <t>POINT (4.627568953971645 51.80838511944132)</t>
  </si>
  <si>
    <t>POINT (4.628395573970137 51.82356757756973)</t>
  </si>
  <si>
    <t>POINT (4.566170668436496 51.83908503171663)</t>
  </si>
  <si>
    <t>POINT (4.629794183567172 51.80781977651631)</t>
  </si>
  <si>
    <t>POINT (4.65106146492946 51.819513446494625)</t>
  </si>
  <si>
    <t>POINT (4.608168016153435 51.81734424040962)</t>
  </si>
  <si>
    <t>POINT (4.646746524813693 51.82083536067472)</t>
  </si>
  <si>
    <t>POINT (4.628466239274362 51.81386027795681)</t>
  </si>
  <si>
    <t>POINT (4.63390483200797 51.80977860369135)</t>
  </si>
  <si>
    <t>POINT (4.6025855683277275 51.81971766591492)</t>
  </si>
  <si>
    <t>POINT (4.623722199200528 51.81119454851642)</t>
  </si>
  <si>
    <t>POINT (4.640910460937044 51.809657912066086)</t>
  </si>
  <si>
    <t>POINT (4.640578107873855 51.81045774305199)</t>
  </si>
  <si>
    <t>POINT (4.633676461995237 51.810454131089756)</t>
  </si>
  <si>
    <t>POINT (4.645309259562313 51.81443708653948)</t>
  </si>
  <si>
    <t>POINT (4.640214795620537 51.819095511958935)</t>
  </si>
  <si>
    <t>POINT (4.597772890171825 51.816424881935106)</t>
  </si>
  <si>
    <t>POINT (4.654442504025772 51.81823786146255)</t>
  </si>
  <si>
    <t>POINT (4.644099016170273 51.81621575265703)</t>
  </si>
  <si>
    <t>POINT (4.567211072195962 51.83916893240718)</t>
  </si>
  <si>
    <t>POINT (4.6274849346010525 51.81319695334727)</t>
  </si>
  <si>
    <t>POINT (4.605438191188968 51.81981910194199)</t>
  </si>
  <si>
    <t>POINT (4.656739975416423 51.82976755641622)</t>
  </si>
  <si>
    <t>POINT (4.637434982823074 51.81772746802332)</t>
  </si>
  <si>
    <t>POINT (4.641989649564609 51.82613766661576)</t>
  </si>
  <si>
    <t>POINT (4.645103435340707 51.82438024206623)</t>
  </si>
  <si>
    <t>POINT (4.627594114069922 51.80901336887337)</t>
  </si>
  <si>
    <t>POINT (4.642350498958812 51.82448373782357)</t>
  </si>
  <si>
    <t>POINT (4.6325885460017 51.824815598985744)</t>
  </si>
  <si>
    <t>POINT (4.642643295072105 51.81611231553019)</t>
  </si>
  <si>
    <t>POINT (4.646747276345363 51.819116431739914)</t>
  </si>
  <si>
    <t>POINT (4.649791447932814 51.81444505804936)</t>
  </si>
  <si>
    <t>POINT (4.6206016293200465 51.811491739603674)</t>
  </si>
  <si>
    <t>POINT (4.643718964372357 51.826449412564536)</t>
  </si>
  <si>
    <t>POINT (4.6190428455121895 51.81347529818306)</t>
  </si>
  <si>
    <t>POINT (4.64222695590966 51.81689777519955)</t>
  </si>
  <si>
    <t>POINT (4.605081317056061 51.81935577339296)</t>
  </si>
  <si>
    <t>POINT (4.653581939779515 51.82676091681365)</t>
  </si>
  <si>
    <t>POINT (4.607426619835172 51.81893006917997)</t>
  </si>
  <si>
    <t>POINT (4.6360430131595125 51.8184587593893)</t>
  </si>
  <si>
    <t>POINT (4.641948620510634 51.819138471406994)</t>
  </si>
  <si>
    <t>POINT (4.620199498613192 51.81330492305561)</t>
  </si>
  <si>
    <t>POINT (4.612865187496749 51.81819212273966)</t>
  </si>
  <si>
    <t>POINT (4.621715163053556 51.81446576179352)</t>
  </si>
  <si>
    <t>POINT (4.657376794345606 51.821925027131556)</t>
  </si>
  <si>
    <t>POINT (4.657662603348088 51.82642244414274)</t>
  </si>
  <si>
    <t>POINT (4.604271122898462 51.81457383268699)</t>
  </si>
  <si>
    <t>POINT (4.613728907579464 51.81963459305512)</t>
  </si>
  <si>
    <t>POINT (4.614753441339642 51.81943238904913)</t>
  </si>
  <si>
    <t>POINT (4.622505530263806 51.81223040526251)</t>
  </si>
  <si>
    <t>POINT (4.633915739134985 51.82633563591216)</t>
  </si>
  <si>
    <t>POINT (4.629926303576365 51.81496210656164)</t>
  </si>
  <si>
    <t>POINT (4.646715383608747 51.82584220271906)</t>
  </si>
  <si>
    <t>POINT (4.627311029183999 51.815210017696465)</t>
  </si>
  <si>
    <t>POINT (4.65673285414422 51.82997328069352)</t>
  </si>
  <si>
    <t>POINT (4.6054327215442 51.81864756493165)</t>
  </si>
  <si>
    <t>POINT (4.6604493526162285 51.827675071357795)</t>
  </si>
  <si>
    <t>POINT (4.644407718223993 51.8248041161241)</t>
  </si>
  <si>
    <t>POINT (4.646986395957034 51.815516810194154)</t>
  </si>
  <si>
    <t>POINT (4.6225279466516795 51.812164771902275)</t>
  </si>
  <si>
    <t>POINT (4.652411452547846 51.82150376682143)</t>
  </si>
  <si>
    <t>POINT (4.657070928709535 51.82397288433909)</t>
  </si>
  <si>
    <t>POINT (4.609660115922288 51.81470095170313)</t>
  </si>
  <si>
    <t>POINT (4.637124510543858 51.823376901597996)</t>
  </si>
  <si>
    <t>POINT (4.632935719724807 51.81006430481661)</t>
  </si>
  <si>
    <t>POINT (4.635814084870744 51.82520625791468)</t>
  </si>
  <si>
    <t>POINT (4.655191241346874 51.82332796011069)</t>
  </si>
  <si>
    <t>POINT (4.644263989230512 51.818024144600145)</t>
  </si>
  <si>
    <t>POINT (4.600405574099786 51.81620124144958)</t>
  </si>
  <si>
    <t>POINT (4.630488410605418 51.80775376601419)</t>
  </si>
  <si>
    <t>POINT (4.628236637429848 51.80921362422126)</t>
  </si>
  <si>
    <t>POINT (4.640374944447007 51.825680504261875)</t>
  </si>
  <si>
    <t>POINT (4.633306360510791 51.824976525168346)</t>
  </si>
  <si>
    <t>POINT (4.643624460202043 51.8199648966254)</t>
  </si>
  <si>
    <t>POINT (4.637517621614572 51.80905708892462)</t>
  </si>
  <si>
    <t>POINT (4.633283429581679 51.80931662916779)</t>
  </si>
  <si>
    <t>POINT (4.633145621505634 51.80948954940136)</t>
  </si>
  <si>
    <t>POINT (4.635575404970572 51.821459069128295)</t>
  </si>
  <si>
    <t>POINT (4.654590975925172 51.825013052305515)</t>
  </si>
  <si>
    <t>POINT (4.607762664692391 51.81978805487504)</t>
  </si>
  <si>
    <t>POINT (4.656051011964611 51.82371904117147)</t>
  </si>
  <si>
    <t>POINT (4.6292728257740245 51.80744944579921)</t>
  </si>
  <si>
    <t>POINT (4.657254685705616 51.82097065904302)</t>
  </si>
  <si>
    <t>POINT (4.6177369473756285 51.814263835452444)</t>
  </si>
  <si>
    <t>POINT (4.635423764055168 51.82155868141293)</t>
  </si>
  <si>
    <t>POINT (4.639461819902667 51.81782506373767)</t>
  </si>
  <si>
    <t>POINT (4.602653497887255 51.81985564756321)</t>
  </si>
  <si>
    <t>POINT (4.638629288671961 51.82522560350419)</t>
  </si>
  <si>
    <t>POINT (4.6287246002264455 51.81078454584107)</t>
  </si>
  <si>
    <t>POINT (4.621301427937124 51.8114391049029)</t>
  </si>
  <si>
    <t>POINT (4.616634966272416 51.82099255136642)</t>
  </si>
  <si>
    <t>POINT (4.601799887033243 51.816526984548254)</t>
  </si>
  <si>
    <t>POINT (4.564701971920827 51.835935153307226)</t>
  </si>
  <si>
    <t>POINT (4.6560271560694675 51.822779854574556)</t>
  </si>
  <si>
    <t>POINT (4.633418042337135 51.817936449518115)</t>
  </si>
  <si>
    <t>POINT (4.602219149377008 51.819565112899895)</t>
  </si>
  <si>
    <t>POINT (4.609704735003521 51.819093227719776)</t>
  </si>
  <si>
    <t>POINT (4.630342097247138 51.811897122314086)</t>
  </si>
  <si>
    <t>POINT (4.654586918682938 51.81819317244452)</t>
  </si>
  <si>
    <t>POINT (4.65618351412554 51.82184844207172)</t>
  </si>
  <si>
    <t>POINT (4.630503312715493 51.81193255279406)</t>
  </si>
  <si>
    <t>POINT (4.562778473645342 51.83442522252105)</t>
  </si>
  <si>
    <t>POINT (4.639070582965715 51.818312822866645)</t>
  </si>
  <si>
    <t>POINT (4.631186277842731 51.82476978438021)</t>
  </si>
  <si>
    <t>POINT (4.617261045613434 51.82199109946689)</t>
  </si>
  <si>
    <t>POINT (4.631089774953113 51.82344403107543)</t>
  </si>
  <si>
    <t>POINT (4.660505376745552 51.826421957452546)</t>
  </si>
  <si>
    <t>POINT (4.649825741343098 51.818887492297804)</t>
  </si>
  <si>
    <t>POINT (4.655809986614513 51.82068537101205)</t>
  </si>
  <si>
    <t>POINT (4.656221419342879 51.82181510544556)</t>
  </si>
  <si>
    <t>POINT (4.561739718681735 51.83595876507658)</t>
  </si>
  <si>
    <t>POINT (4.59702553045525 51.814385844791815)</t>
  </si>
  <si>
    <t>POINT (4.632262725390968 51.824949215077766)</t>
  </si>
  <si>
    <t>POINT (4.612939706959192 51.814318043908436)</t>
  </si>
  <si>
    <t>POINT (4.635352108966008 51.81074549754599)</t>
  </si>
  <si>
    <t>POINT (4.6575360846773615 51.830151937464805)</t>
  </si>
  <si>
    <t>POINT (4.60430476261575 51.81580763455936)</t>
  </si>
  <si>
    <t>POINT (4.6281881089522745 51.81265975387337)</t>
  </si>
  <si>
    <t>POINT (4.63240586327224 51.80901790172833)</t>
  </si>
  <si>
    <t>POINT (4.61064907393439 51.818444462917604)</t>
  </si>
  <si>
    <t>POINT (4.6192454825949305 51.81538758989186)</t>
  </si>
  <si>
    <t>POINT (4.637396912658877 51.80913408797523)</t>
  </si>
  <si>
    <t>POINT (4.641002430508718 51.81774044312943)</t>
  </si>
  <si>
    <t>POINT (4.618469081972433 51.822317461172354)</t>
  </si>
  <si>
    <t>POINT (4.63829684690093 51.823692304401376)</t>
  </si>
  <si>
    <t>POINT (4.566545631246784 51.833796213868744)</t>
  </si>
  <si>
    <t>POINT (4.637845026306841 51.81729482719862)</t>
  </si>
  <si>
    <t>POINT (4.652614534670414 51.82567859835459)</t>
  </si>
  <si>
    <t>POINT (4.642588562218675 51.82316267091474)</t>
  </si>
  <si>
    <t>POINT (4.642104794210218 51.82617752535482)</t>
  </si>
  <si>
    <t>POINT (4.655202290867972 51.81669478758623)</t>
  </si>
  <si>
    <t>POINT (4.6487037395151845 51.8164400266256)</t>
  </si>
  <si>
    <t>POINT (4.64151902771275 51.810100447519815)</t>
  </si>
  <si>
    <t>POINT (4.660777654022333 51.82321128088587)</t>
  </si>
  <si>
    <t>POINT (4.616090039598679 51.82357931250202)</t>
  </si>
  <si>
    <t>POINT (4.639233351046894 51.822766670329194)</t>
  </si>
  <si>
    <t>POINT (4.647866709346728 51.819486137614824)</t>
  </si>
  <si>
    <t>POINT (4.631368383638957 51.80684874589922)</t>
  </si>
  <si>
    <t>POINT (4.640979154339151 51.82552015981098)</t>
  </si>
  <si>
    <t>POINT (4.620863986729057 51.81456001724201)</t>
  </si>
  <si>
    <t>POINT (4.65827666873336 51.821083436618665)</t>
  </si>
  <si>
    <t>POINT (4.6570812895155065 51.829850065546104)</t>
  </si>
  <si>
    <t>POINT (4.606288369612672 51.811758726732144)</t>
  </si>
  <si>
    <t>POINT (4.637947977183798 51.81205537752579)</t>
  </si>
  <si>
    <t>POINT (4.601596001592791 51.81534351167268)</t>
  </si>
  <si>
    <t>POINT (4.561770082881149 51.83226930315136)</t>
  </si>
  <si>
    <t>POINT (4.62421782711143 51.812439041890165)</t>
  </si>
  <si>
    <t>POINT (4.658792572795107 51.825884101272834)</t>
  </si>
  <si>
    <t>POINT (4.60868453318142 51.81877331549241)</t>
  </si>
  <si>
    <t>POINT (4.627489095311079 51.815327861995826)</t>
  </si>
  <si>
    <t>POINT (4.656474517148211 51.8216234968413)</t>
  </si>
  <si>
    <t>POINT (4.632784271331848 51.80961356313915)</t>
  </si>
  <si>
    <t>POINT (4.659654014801901 51.821138193536)</t>
  </si>
  <si>
    <t>POINT (4.6285103586151175 51.822884944689044)</t>
  </si>
  <si>
    <t>POINT (4.5957232486973 51.814226956832414)</t>
  </si>
  <si>
    <t>POINT (4.657257428440815 51.819220454602416)</t>
  </si>
  <si>
    <t>POINT (4.616559590327779 51.831374786915404)</t>
  </si>
  <si>
    <t>POINT (4.566618668609543 51.83324415923312)</t>
  </si>
  <si>
    <t>POINT (4.629662104120503 51.80813711543631)</t>
  </si>
  <si>
    <t>POINT (4.621239897921995 51.81147153009702)</t>
  </si>
  <si>
    <t>POINT (4.645940682040101 51.82211233924369)</t>
  </si>
  <si>
    <t>POINT (4.640450680989535 51.819735983357376)</t>
  </si>
  <si>
    <t>POINT (4.628703235931547 51.81285008570047)</t>
  </si>
  <si>
    <t>POINT (4.616299614623871 51.81923050263517)</t>
  </si>
  <si>
    <t>POINT (4.652626438782338 51.82041639449643)</t>
  </si>
  <si>
    <t>POINT (4.653219018645352 51.81760512504951)</t>
  </si>
  <si>
    <t>POINT (4.628555212959259 51.80890816237318)</t>
  </si>
  <si>
    <t>POINT (4.638925856801726 51.82547938457241)</t>
  </si>
  <si>
    <t>POINT (4.611855750504901 51.81339017210362)</t>
  </si>
  <si>
    <t>POINT (4.646750643070137 51.82252889998032)</t>
  </si>
  <si>
    <t>POINT (4.62809171283638 51.82362616956199)</t>
  </si>
  <si>
    <t>POINT (4.6079409921095 51.814096553374995)</t>
  </si>
  <si>
    <t>POINT (4.628545154945335 51.822150846684856)</t>
  </si>
  <si>
    <t>POINT (4.629358819599302 51.81301541692217)</t>
  </si>
  <si>
    <t>POINT (4.649582013622232 51.81757148212368)</t>
  </si>
  <si>
    <t>POINT (4.617973888637472 51.814281712319485)</t>
  </si>
  <si>
    <t>POINT (4.645694104522444 51.81639940452318)</t>
  </si>
  <si>
    <t>POINT (4.632725326509167 51.81109533256569)</t>
  </si>
  <si>
    <t>POINT (4.65471075489647 51.82623734723297)</t>
  </si>
  <si>
    <t>POINT (4.602430551658771 51.82017390399524)</t>
  </si>
  <si>
    <t>POINT (4.561653675957662 51.83433793786939)</t>
  </si>
  <si>
    <t>POINT (4.634462987597627 51.80845072381279)</t>
  </si>
  <si>
    <t>POINT (4.638986002091364 51.825464343402686)</t>
  </si>
  <si>
    <t>POINT (4.565274706170354 51.83717352620291)</t>
  </si>
  <si>
    <t>3336LK</t>
  </si>
  <si>
    <t>IJsselweg</t>
  </si>
  <si>
    <t>POINT (4.616177847272242 51.81038320203487)</t>
  </si>
  <si>
    <t>POINT (4.634433409157583 51.80946156619215)</t>
  </si>
  <si>
    <t>POINT (4.6336724885394895 51.82002170912943)</t>
  </si>
  <si>
    <t>POINT (4.607425577688673 51.81898192719212)</t>
  </si>
  <si>
    <t>POINT (4.654139885440955 51.81759651671172)</t>
  </si>
  <si>
    <t>POINT (4.642133285911239 51.82616340521864)</t>
  </si>
  <si>
    <t>POINT (4.640045408301696 51.819352463176585)</t>
  </si>
  <si>
    <t>POINT (4.659060465802344 51.82904939734998)</t>
  </si>
  <si>
    <t>POINT (4.656224184740645 51.822925341096045)</t>
  </si>
  <si>
    <t>POINT (4.617865187031788 51.817982113080625)</t>
  </si>
  <si>
    <t>POINT (4.617518005933948 51.81847514184096)</t>
  </si>
  <si>
    <t>POINT (4.630625061416052 51.823146099244624)</t>
  </si>
  <si>
    <t>POINT (4.611860389674255 51.82117742884628)</t>
  </si>
  <si>
    <t>POINT (4.6351831534196695 51.809809157829015)</t>
  </si>
  <si>
    <t>POINT (4.628014469452636 51.810393510926836)</t>
  </si>
  <si>
    <t>POINT (4.6346525621180925 51.823965666619905)</t>
  </si>
  <si>
    <t>POINT (4.626576055491466 51.82768856136848)</t>
  </si>
  <si>
    <t>POINT (4.6306962121414035 51.803716861998815)</t>
  </si>
  <si>
    <t>POINT (4.63008245023552 51.80732934288615)</t>
  </si>
  <si>
    <t>POINT (4.641740553532714 51.816412200373534)</t>
  </si>
  <si>
    <t>POINT (4.637993436188804 51.81877854123663)</t>
  </si>
  <si>
    <t>POINT (4.655330696170879 51.82956827226388)</t>
  </si>
  <si>
    <t>POINT (4.6431185505876345 51.82126702783105)</t>
  </si>
  <si>
    <t>POINT (4.653459414578218 51.819858536047)</t>
  </si>
  <si>
    <t>POINT (4.648955036309779 51.81972112137099)</t>
  </si>
  <si>
    <t>POINT (4.634508257719605 51.82420729220779)</t>
  </si>
  <si>
    <t>POINT (4.638923207952782 51.81423175135597)</t>
  </si>
  <si>
    <t>POINT (4.657613856840799 51.8296243456553)</t>
  </si>
  <si>
    <t>POINT (4.59777796599095 51.81555861766833)</t>
  </si>
  <si>
    <t>POINT (4.599467712854276 51.813259885016336)</t>
  </si>
  <si>
    <t>POINT (4.6342074959271775 51.82420910235723)</t>
  </si>
  <si>
    <t>POINT (4.656076571733143 51.82102743324596)</t>
  </si>
  <si>
    <t>POINT (4.651143962736672 51.8259397021076)</t>
  </si>
  <si>
    <t>POINT (4.654489924964151 51.81642510409546)</t>
  </si>
  <si>
    <t>POINT (4.6592721912957495 51.81929181703765)</t>
  </si>
  <si>
    <t>POINT (4.6616983017634315 51.824477627328115)</t>
  </si>
  <si>
    <t>POINT (4.613668557587877 51.82060050933345)</t>
  </si>
  <si>
    <t>POINT (4.605992963452696 51.81882588354288)</t>
  </si>
  <si>
    <t>POINT (4.640283327081717 51.81870600059079)</t>
  </si>
  <si>
    <t>POINT (4.6357154168806005 51.81101050170201)</t>
  </si>
  <si>
    <t>POINT (4.606993874454588 51.82216307029203)</t>
  </si>
  <si>
    <t>POINT (4.632510787226699 51.80973806000635)</t>
  </si>
  <si>
    <t>POINT (4.640922097092975 51.82267949742154)</t>
  </si>
  <si>
    <t>POINT (4.632129625623498 51.825216365834144)</t>
  </si>
  <si>
    <t>POINT (4.59856385680765 51.81537674714734)</t>
  </si>
  <si>
    <t>POINT (4.643726355175555 51.82010105564325)</t>
  </si>
  <si>
    <t>POINT (4.633413701651808 51.81743710824883)</t>
  </si>
  <si>
    <t>POINT (4.631026009067641 51.81749139246064)</t>
  </si>
  <si>
    <t>POINT (4.633170598246008 51.81994263904271)</t>
  </si>
  <si>
    <t>POINT (4.563200320904001 51.83580819101753)</t>
  </si>
  <si>
    <t>POINT (4.606788376935283 51.8195529880438)</t>
  </si>
  <si>
    <t>POINT (4.629838440690134 51.81481136521671)</t>
  </si>
  <si>
    <t>POINT (4.566309459220018 51.83300527862278)</t>
  </si>
  <si>
    <t>POINT (4.611216996118976 51.81493394341001)</t>
  </si>
  <si>
    <t>POINT (4.654137114244508 51.81620883530026)</t>
  </si>
  <si>
    <t>POINT (4.654583438992166 51.826258404109154)</t>
  </si>
  <si>
    <t>POINT (4.633272292109075 51.807915235480294)</t>
  </si>
  <si>
    <t>POINT (4.603821557809632 51.81466471980291)</t>
  </si>
  <si>
    <t>POINT (4.645322270673797 51.82129668158067)</t>
  </si>
  <si>
    <t>POINT (4.5630258261496675 51.83586944682627)</t>
  </si>
  <si>
    <t>POINT (4.613870065767017 51.83094544321924)</t>
  </si>
  <si>
    <t>POINT (4.6536110983395815 51.82675553506514)</t>
  </si>
  <si>
    <t>POINT (4.649945806169242 51.81618181576215)</t>
  </si>
  <si>
    <t>POINT (4.6336313828051585 51.80828038943877)</t>
  </si>
  <si>
    <t>POINT (4.65934341701707 51.82174509768219)</t>
  </si>
  <si>
    <t>POINT (4.598606576795245 51.81556194150724)</t>
  </si>
  <si>
    <t>POINT (4.631536214469658 51.80776895884142)</t>
  </si>
  <si>
    <t>POINT (4.619171599552874 51.81398672709829)</t>
  </si>
  <si>
    <t>POINT (4.639318357364751 51.82244025737225)</t>
  </si>
  <si>
    <t>POINT (4.6429515872723846 51.81861850310976)</t>
  </si>
  <si>
    <t>POINT (4.563159554385238 51.83584836320706)</t>
  </si>
  <si>
    <t>POINT (4.632134911081357 51.80701531597437)</t>
  </si>
  <si>
    <t>POINT (4.655766665856531 51.828473742758874)</t>
  </si>
  <si>
    <t>POINT (4.5650551697288835 51.836971620799275)</t>
  </si>
  <si>
    <t>POINT (4.560276167263731 51.83598725996854)</t>
  </si>
  <si>
    <t>POINT (4.618658531489416 51.8128264839672)</t>
  </si>
  <si>
    <t>POINT (4.633665626530512 51.80823132424152)</t>
  </si>
  <si>
    <t>POINT (4.660251953600486 51.82165176315468)</t>
  </si>
  <si>
    <t>POINT (4.648813495180186 51.8245232170808)</t>
  </si>
  <si>
    <t>POINT (4.560349674704659 51.835981620459116)</t>
  </si>
  <si>
    <t>POINT (4.6486194273027674 51.817931034126474)</t>
  </si>
  <si>
    <t>POINT (4.634377267653167 51.82436210032705)</t>
  </si>
  <si>
    <t>POINT (4.61521750621296 51.81928393768716)</t>
  </si>
  <si>
    <t>POINT (4.632034659018894 51.807154598135796)</t>
  </si>
  <si>
    <t>POINT (4.649717234292778 51.81411464381597)</t>
  </si>
  <si>
    <t>POINT (4.634943467875363 51.80852355743952)</t>
  </si>
  <si>
    <t>POINT (4.568461737507154 51.8351602515551)</t>
  </si>
  <si>
    <t>POINT (4.629296316378658 51.80873914561878)</t>
  </si>
  <si>
    <t>POINT (4.63842670991086 51.81421206326172)</t>
  </si>
  <si>
    <t>POINT (4.661384331212065 51.82409716431088)</t>
  </si>
  <si>
    <t>POINT (4.662169374803438 51.822502895843826)</t>
  </si>
  <si>
    <t>POINT (4.660943323719642 51.82797201320398)</t>
  </si>
  <si>
    <t>POINT (4.563602064521033 51.834822176172445)</t>
  </si>
  <si>
    <t>POINT (4.638579388844873 51.82522468300535)</t>
  </si>
  <si>
    <t>POINT (4.636036193328976 51.820324113173456)</t>
  </si>
  <si>
    <t>POINT (4.637138442580663 51.81478825480098)</t>
  </si>
  <si>
    <t>POINT (4.628468613845939 51.811689852112984)</t>
  </si>
  <si>
    <t>POINT (4.561575175453924 51.83706668463527)</t>
  </si>
  <si>
    <t>POINT (4.607924302100399 51.818664603037554)</t>
  </si>
  <si>
    <t>POINT (4.631680003578362 51.80608726927757)</t>
  </si>
  <si>
    <t>POINT (4.6217793003957635 51.81509828456896)</t>
  </si>
  <si>
    <t>POINT (4.618856494074013 51.82107202342401)</t>
  </si>
  <si>
    <t>POINT (4.6388631590458616 51.82546905234747)</t>
  </si>
  <si>
    <t>POINT (4.613372559557958 51.81538790529634)</t>
  </si>
  <si>
    <t>POINT (4.642853507686305 51.82198275246285)</t>
  </si>
  <si>
    <t>POINT (4.636498349092739 51.82199175857324)</t>
  </si>
  <si>
    <t>POINT (4.648630064314653 51.82675593866804)</t>
  </si>
  <si>
    <t>POINT (4.638846572749128 51.82458533150037)</t>
  </si>
  <si>
    <t>POINT (4.639476144058058 51.825755707108286)</t>
  </si>
  <si>
    <t>POINT (4.656919948252027 51.82105125456317)</t>
  </si>
  <si>
    <t>POINT (4.642863461577607 51.81026521572114)</t>
  </si>
  <si>
    <t>POINT (4.634859051497127 51.821859141454695)</t>
  </si>
  <si>
    <t>POINT (4.628609599725063 51.80640035644195)</t>
  </si>
  <si>
    <t>POINT (4.652412415660245 51.821548788165146)</t>
  </si>
  <si>
    <t>POINT (4.622238637820251 51.81287061298557)</t>
  </si>
  <si>
    <t>POINT (4.653431911344334 51.819427491624424)</t>
  </si>
  <si>
    <t>POINT (4.630385088204366 51.81055241872258)</t>
  </si>
  <si>
    <t>POINT (4.618707576529271 51.814044821581085)</t>
  </si>
  <si>
    <t>POINT (4.6164717401353865 51.81723506845371)</t>
  </si>
  <si>
    <t>POINT (4.657369486679407 51.82423954751726)</t>
  </si>
  <si>
    <t>POINT (4.633669558258683 51.81781102737959)</t>
  </si>
  <si>
    <t>POINT (4.595044955080565 51.81453625792822)</t>
  </si>
  <si>
    <t>POINT (4.608168530528708 51.81413881000201)</t>
  </si>
  <si>
    <t>POINT (4.647718340536476 51.82142710963081)</t>
  </si>
  <si>
    <t>POINT (4.56616761217536 51.83445495346614)</t>
  </si>
  <si>
    <t>POINT (4.646908252823083 51.823954420813536)</t>
  </si>
  <si>
    <t>POINT (4.641826278404006 51.817266724842334)</t>
  </si>
  <si>
    <t>POINT (4.622521347225079 51.81214346159352)</t>
  </si>
  <si>
    <t>POINT (4.627999283175919 51.80907436370375)</t>
  </si>
  <si>
    <t>POINT (4.619509804918304 51.82005829110648)</t>
  </si>
  <si>
    <t>POINT (4.63147789023716 51.81837668821516)</t>
  </si>
  <si>
    <t>POINT (4.620845453430524 51.828506219534844)</t>
  </si>
  <si>
    <t>POINT (4.642117851235548 51.81935183184857)</t>
  </si>
  <si>
    <t>POINT (4.632801552442953 51.808320711017856)</t>
  </si>
  <si>
    <t>POINT (4.645852489507518 51.816994036330925)</t>
  </si>
  <si>
    <t>POINT (4.643265641432293 51.81922124448697)</t>
  </si>
  <si>
    <t>POINT (4.653295276004875 51.81758387629579)</t>
  </si>
  <si>
    <t>POINT (4.643532596405091 51.82367965406629)</t>
  </si>
  <si>
    <t>POINT (4.638390164997634 51.82274651643862)</t>
  </si>
  <si>
    <t>POINT (4.633393744570518 51.81157915782156)</t>
  </si>
  <si>
    <t>POINT (4.651848336194501 51.81496619417087)</t>
  </si>
  <si>
    <t>POINT (4.6098511675575 51.81850452858377)</t>
  </si>
  <si>
    <t>POINT (4.649336343001789 51.818152467671965)</t>
  </si>
  <si>
    <t>POINT (4.653148933899176 51.81550872298634)</t>
  </si>
  <si>
    <t>POINT (4.635193194461276 51.82419724681292)</t>
  </si>
  <si>
    <t>POINT (4.634555842179545 51.821830393148836)</t>
  </si>
  <si>
    <t>POINT (4.628244818054167 51.82351161894545)</t>
  </si>
  <si>
    <t>POINT (4.614668095270713 51.81415004672505)</t>
  </si>
  <si>
    <t>POINT (4.644706486457754 51.8158295511908)</t>
  </si>
  <si>
    <t>POINT (4.617078875108936 51.81926111969095)</t>
  </si>
  <si>
    <t>POINT (4.658556133237469 51.829145673459124)</t>
  </si>
  <si>
    <t>POINT (4.618848442411767 51.821249947191134)</t>
  </si>
  <si>
    <t>POINT (4.5699110324592755 51.83419296899524)</t>
  </si>
  <si>
    <t>POINT (4.62663710563514 51.81303993880956)</t>
  </si>
  <si>
    <t>POINT (4.629016468575226 51.807285129837794)</t>
  </si>
  <si>
    <t>POINT (4.65222380363042 51.815264606677154)</t>
  </si>
  <si>
    <t>POINT (4.6398275682288075 51.81066852340645)</t>
  </si>
  <si>
    <t>POINT (4.6109872501904405 51.81524270580587)</t>
  </si>
  <si>
    <t>POINT (4.639953156536998 51.81926531472132)</t>
  </si>
  <si>
    <t>POINT (4.651990737589334 51.82771606588417)</t>
  </si>
  <si>
    <t>POINT (4.6574028460353905 51.8258450600027)</t>
  </si>
  <si>
    <t>POINT (4.66383128476506 51.82408963699804)</t>
  </si>
  <si>
    <t>BU06420105</t>
  </si>
  <si>
    <t>POINT (4.640024212123148 51.81791517076339)</t>
  </si>
  <si>
    <t>POINT (4.652978362781216 51.82455133073271)</t>
  </si>
  <si>
    <t>POINT (4.617823598725624 51.820108552255164)</t>
  </si>
  <si>
    <t>POINT (4.600907475443084 51.81391765566833)</t>
  </si>
  <si>
    <t>POINT (4.612180975755769 51.81593030465051)</t>
  </si>
  <si>
    <t>POINT (4.625581952834324 51.81434964530041)</t>
  </si>
  <si>
    <t>POINT (4.646367883867552 51.81989987357373)</t>
  </si>
  <si>
    <t>POINT (4.628117480811029 51.82319517523093)</t>
  </si>
  <si>
    <t>POINT (4.649172389546527 51.82679043274726)</t>
  </si>
  <si>
    <t>POINT (4.639432657973325 51.825731897690694)</t>
  </si>
  <si>
    <t>POINT (4.644439425309523 51.82487997453376)</t>
  </si>
  <si>
    <t>POINT (4.640987243879355 51.8087930937909)</t>
  </si>
  <si>
    <t>POINT (4.599064043428126 51.8134839065255)</t>
  </si>
  <si>
    <t>POINT (4.635782492867391 51.80771145503284)</t>
  </si>
  <si>
    <t>POINT (4.634060057025688 51.81986207668791)</t>
  </si>
  <si>
    <t>POINT (4.64153747658039 51.82595165943166)</t>
  </si>
  <si>
    <t>POINT (4.656094043338406 51.82280554739872)</t>
  </si>
  <si>
    <t>POINT (4.641226582589919 51.82299103948354)</t>
  </si>
  <si>
    <t>POINT (4.625997873026094 51.81331106447038)</t>
  </si>
  <si>
    <t>POINT (4.628409759575788 51.81201939326428)</t>
  </si>
  <si>
    <t>POINT (4.563815632393777 51.83581418042141)</t>
  </si>
  <si>
    <t>POINT (4.649486251560617 51.81348292294353)</t>
  </si>
  <si>
    <t>POINT (4.616755770432662 51.814371383863644)</t>
  </si>
  <si>
    <t>POINT (4.639078035483934 51.82553820583301)</t>
  </si>
  <si>
    <t>POINT (4.599156450968421 51.81352046408022)</t>
  </si>
  <si>
    <t>POINT (4.61144091086469 51.82033058930726)</t>
  </si>
  <si>
    <t>POINT (4.64744826711683 51.81850943272058)</t>
  </si>
  <si>
    <t>POINT (4.608877312262667 51.820829173205745)</t>
  </si>
  <si>
    <t>POINT (4.566857299404535 51.835382577815935)</t>
  </si>
  <si>
    <t>POINT (4.6390074480809975 51.80930783651407)</t>
  </si>
  <si>
    <t>POINT (4.596744410091282 51.839444472348696)</t>
  </si>
  <si>
    <t>POINT (4.648318498591335 51.81991084882715)</t>
  </si>
  <si>
    <t>POINT (4.628067251696081 51.80912498743328)</t>
  </si>
  <si>
    <t>POINT (4.637065828705749 51.82331198775346)</t>
  </si>
  <si>
    <t>POINT (4.653017381813739 51.82056656070134)</t>
  </si>
  <si>
    <t>POINT (4.630798541020485 51.80813605111762)</t>
  </si>
  <si>
    <t>POINT (4.623526319451567 51.814588734283866)</t>
  </si>
  <si>
    <t>POINT (4.618586556480594 51.81314130091127)</t>
  </si>
  <si>
    <t>POINT (4.613827813956333 51.82195241898556)</t>
  </si>
  <si>
    <t>POINT (4.6526772670175705 51.82805272022766)</t>
  </si>
  <si>
    <t>POINT (4.646477254762652 51.82589752663162)</t>
  </si>
  <si>
    <t>POINT (4.657499628616134 51.82086380569914)</t>
  </si>
  <si>
    <t>POINT (4.607000998956534 51.81316649997004)</t>
  </si>
  <si>
    <t>POINT (4.639300012747169 51.825659403727855)</t>
  </si>
  <si>
    <t>POINT (4.637771529069643 51.809521305609515)</t>
  </si>
  <si>
    <t>POINT (4.648653753934204 51.817875475338965)</t>
  </si>
  <si>
    <t>POINT (4.6348545495215365 51.81110552428926)</t>
  </si>
  <si>
    <t>POINT (4.624595890941451 51.81346016343758)</t>
  </si>
  <si>
    <t>POINT (4.655948491341519 51.821832362425496)</t>
  </si>
  <si>
    <t>POINT (4.6273256819226996 51.81328327455745)</t>
  </si>
  <si>
    <t>POINT (4.636923716233908 51.81768743684392)</t>
  </si>
  <si>
    <t>POINT (4.6099252221737075 51.81915146995675)</t>
  </si>
  <si>
    <t>POINT (4.655120611535942 51.823412103036745)</t>
  </si>
  <si>
    <t>POINT (4.644350947193524 51.815264465132955)</t>
  </si>
  <si>
    <t>POINT (4.562562401188035 51.83717608646237)</t>
  </si>
  <si>
    <t>POINT (4.636533202222728 51.8242318739338)</t>
  </si>
  <si>
    <t>POINT (4.618573346365751 51.82146764123787)</t>
  </si>
  <si>
    <t>POINT (4.635872189677277 51.82351160518335)</t>
  </si>
  <si>
    <t>POINT (4.64102591966575 51.81929431521158)</t>
  </si>
  <si>
    <t>POINT (4.639314144799834 51.81447687540704)</t>
  </si>
  <si>
    <t>POINT (4.653243277222227 51.82032143202747)</t>
  </si>
  <si>
    <t>POINT (4.566846276739148 51.83307066730452)</t>
  </si>
  <si>
    <t>POINT (4.6563280401777405 51.81809059111691)</t>
  </si>
  <si>
    <t>POINT (4.617933092942766 51.82130256650656)</t>
  </si>
  <si>
    <t>POINT (4.648750091097121 51.825781206453115)</t>
  </si>
  <si>
    <t>POINT (4.657745351386537 51.822464445629414)</t>
  </si>
  <si>
    <t>POINT (4.63507048402093 51.80755744707443)</t>
  </si>
  <si>
    <t>POINT (4.630144576218038 51.812527161290596)</t>
  </si>
  <si>
    <t>POINT (4.632196495541049 51.810807348739644)</t>
  </si>
  <si>
    <t>POINT (4.619549292159076 51.81977005668915)</t>
  </si>
  <si>
    <t>POINT (4.609987406661703 51.818671677315486)</t>
  </si>
  <si>
    <t>POINT (4.6404950312750115 51.81336905037553)</t>
  </si>
  <si>
    <t>POINT (4.604906644701552 51.820147127140366)</t>
  </si>
  <si>
    <t>POINT (4.645059167505635 51.824439925682235)</t>
  </si>
  <si>
    <t>POINT (4.633325680965036 51.81934755867733)</t>
  </si>
  <si>
    <t>POINT (4.626855533655911 51.82775277163587)</t>
  </si>
  <si>
    <t>POINT (4.6202845177285585 51.81329511471553)</t>
  </si>
  <si>
    <t>POINT (4.6391608080250615 51.82279216734503)</t>
  </si>
  <si>
    <t>POINT (4.640977427906197 51.809147887433696)</t>
  </si>
  <si>
    <t>POINT (4.634246585262137 51.820570396437276)</t>
  </si>
  <si>
    <t>POINT (4.655228311779192 51.82336668980491)</t>
  </si>
  <si>
    <t>POINT (4.634126712960254 51.82143288386543)</t>
  </si>
  <si>
    <t>POINT (4.60222587906527 51.82167807500936)</t>
  </si>
  <si>
    <t>POINT (4.614117104645281 51.81900168445977)</t>
  </si>
  <si>
    <t>POINT (4.65516034812451 51.823411712684184)</t>
  </si>
  <si>
    <t>POINT (4.6178678553973675 51.81818608452101)</t>
  </si>
  <si>
    <t>POINT (4.657321405201199 51.8209788222176)</t>
  </si>
  <si>
    <t>POINT (4.602814743279694 51.81536722350648)</t>
  </si>
  <si>
    <t>POINT (4.635262514491305 51.816546206281146)</t>
  </si>
  <si>
    <t>POINT (4.6358148382932 51.82008415419176)</t>
  </si>
  <si>
    <t>POINT (4.633630203573139 51.812735078227504)</t>
  </si>
  <si>
    <t>POINT (4.64591325674467 51.81635559385645)</t>
  </si>
  <si>
    <t>POINT (4.656835463903106 51.82688801001042)</t>
  </si>
  <si>
    <t>POINT (4.622073991902012 51.81141904820393)</t>
  </si>
  <si>
    <t>POINT (4.638650658397932 51.8175702496685)</t>
  </si>
  <si>
    <t>POINT (4.647696960613929 51.82670932687586)</t>
  </si>
  <si>
    <t>POINT (4.566858200288718 51.835595266790655)</t>
  </si>
  <si>
    <t>POINT (4.65684882931933 51.82109528800039)</t>
  </si>
  <si>
    <t>POINT (4.558033563099916 51.832652631156975)</t>
  </si>
  <si>
    <t>POINT (4.629607854977433 51.809126314818975)</t>
  </si>
  <si>
    <t>POINT (4.562134916914791 51.83703858412235)</t>
  </si>
  <si>
    <t>POINT (4.614732358211323 51.8216807684588)</t>
  </si>
  <si>
    <t>POINT (4.638863686622511 51.80875477055113)</t>
  </si>
  <si>
    <t>POINT (4.5626780273363 51.83543923892377)</t>
  </si>
  <si>
    <t>POINT (4.570160292627569 51.83502128192949)</t>
  </si>
  <si>
    <t>POINT (4.56122499477408 51.83510150091815)</t>
  </si>
  <si>
    <t>POINT (4.645524503763038 51.81569513838022)</t>
  </si>
  <si>
    <t>POINT (4.643128240402153 51.826602000497985)</t>
  </si>
  <si>
    <t>POINT (4.611380929575672 51.82187216243413)</t>
  </si>
  <si>
    <t>POINT (4.635894364764068 51.824694380431986)</t>
  </si>
  <si>
    <t>POINT (4.629621655800513 51.807096653154154)</t>
  </si>
  <si>
    <t>POINT (4.622672758899767 51.82812602159567)</t>
  </si>
  <si>
    <t>POINT (4.627472884432664 51.80905141529984)</t>
  </si>
  <si>
    <t>POINT (4.607245579311795 51.82115729638934)</t>
  </si>
  <si>
    <t>POINT (4.6394544082622575 51.825743802447676)</t>
  </si>
  <si>
    <t>POINT (4.638106191366562 51.82333768834659)</t>
  </si>
  <si>
    <t>POINT (4.597813392859853 51.816204849463254)</t>
  </si>
  <si>
    <t>POINT (4.641794890824092 51.80898860776044)</t>
  </si>
  <si>
    <t>POINT (4.596447689022575 51.814113072383925)</t>
  </si>
  <si>
    <t>POINT (4.657866707597369 51.82323761460363)</t>
  </si>
  <si>
    <t>POINT (4.656822826640143 51.8297855009908)</t>
  </si>
  <si>
    <t>POINT (4.616940387588631 51.81942167514104)</t>
  </si>
  <si>
    <t>POINT (4.638577871892394 51.8252374103024)</t>
  </si>
  <si>
    <t>POINT (4.60772122530685 51.81947692265399)</t>
  </si>
  <si>
    <t>POINT (4.609894521087 51.818586028837515)</t>
  </si>
  <si>
    <t>POINT (4.609055575592382 51.81351612249969)</t>
  </si>
  <si>
    <t>POINT (4.614301487925191 51.82083505998727)</t>
  </si>
  <si>
    <t>POINT (4.656056639743898 51.820941754839176)</t>
  </si>
  <si>
    <t>POINT (4.643199943900752 51.82278764788534)</t>
  </si>
  <si>
    <t>POINT (4.615829487212468 51.81946733141966)</t>
  </si>
  <si>
    <t>POINT (4.649701327614333 51.824710658025445)</t>
  </si>
  <si>
    <t>POINT (4.617344841563486 51.81680402842741)</t>
  </si>
  <si>
    <t>POINT (4.653615140928212 51.822045017292204)</t>
  </si>
  <si>
    <t>POINT (4.6254113587145165 51.81445269922084)</t>
  </si>
  <si>
    <t>POINT (4.631607456099 51.80691394369809)</t>
  </si>
  <si>
    <t>POINT (4.616322273160919 51.81381683633804)</t>
  </si>
  <si>
    <t>POINT (4.602141743005735 51.82084908427498)</t>
  </si>
  <si>
    <t>POINT (4.659867139084257 51.82530661818777)</t>
  </si>
  <si>
    <t>POINT (4.640261394258632 51.81751753752382)</t>
  </si>
  <si>
    <t>POINT (4.660653430486085 51.822097291847236)</t>
  </si>
  <si>
    <t>POINT (4.650481983419973 51.81833658019918)</t>
  </si>
  <si>
    <t>POINT (4.6418842669975895 51.81638577853772)</t>
  </si>
  <si>
    <t>POINT (4.636883154074354 51.81928086464723)</t>
  </si>
  <si>
    <t>POINT (4.627518044214559 51.809021038174436)</t>
  </si>
  <si>
    <t>POINT (4.632779113069648 51.80851526225485)</t>
  </si>
  <si>
    <t>POINT (4.635075417132644 51.81915954154042)</t>
  </si>
  <si>
    <t>POINT (4.640262868262501 51.819140644538926)</t>
  </si>
  <si>
    <t>POINT (4.59767931880597 51.81433791275516)</t>
  </si>
  <si>
    <t>POINT (4.563581971902567 51.83626257186207)</t>
  </si>
  <si>
    <t>POINT (4.6340190085058826 51.81865300397179)</t>
  </si>
  <si>
    <t>POINT (4.646403087666129 51.825921166201795)</t>
  </si>
  <si>
    <t>POINT (4.648635697009959 51.81788255265611)</t>
  </si>
  <si>
    <t>POINT (4.565054456602085 51.8361480130655)</t>
  </si>
  <si>
    <t>POINT (4.658170616912784 51.82163278602277)</t>
  </si>
  <si>
    <t>POINT (4.643681835947875 51.81651466305018)</t>
  </si>
  <si>
    <t>POINT (4.608528074233655 51.821121947350974)</t>
  </si>
  <si>
    <t>POINT (4.641243185098618 51.82561622832256)</t>
  </si>
  <si>
    <t>POINT (4.6191789184841525 51.819374656022845)</t>
  </si>
  <si>
    <t>POINT (4.6281637497536465 51.80912614200539)</t>
  </si>
  <si>
    <t>POINT (4.6351221535223175 51.80985400705896)</t>
  </si>
  <si>
    <t>POINT (4.656990150152827 51.825852839242394)</t>
  </si>
  <si>
    <t>POINT (4.618887030238665 51.8210335089503)</t>
  </si>
  <si>
    <t>POINT (4.564187753696616 51.8315324466177)</t>
  </si>
  <si>
    <t>POINT (4.640687359690965 51.82567107604245)</t>
  </si>
  <si>
    <t>POINT (4.6148154486897 51.82020421775885)</t>
  </si>
  <si>
    <t>POINT (4.65601598057901 51.81917153169856)</t>
  </si>
  <si>
    <t>POINT (4.621080847057268 51.814011099021165)</t>
  </si>
  <si>
    <t>POINT (4.635571420536043 51.82275133032156)</t>
  </si>
  <si>
    <t>POINT (4.6325207822204595 51.8113518494237)</t>
  </si>
  <si>
    <t>POINT (4.634409781004404 51.82436087067289)</t>
  </si>
  <si>
    <t>POINT (4.645739282744486 51.8198963893791)</t>
  </si>
  <si>
    <t>POINT (4.6464587529600445 51.82411071149907)</t>
  </si>
  <si>
    <t>POINT (4.631238043609069 51.809896563256544)</t>
  </si>
  <si>
    <t>POINT (4.655131529316696 51.82724258690186)</t>
  </si>
  <si>
    <t>POINT (4.627094226178637 51.80963712176664)</t>
  </si>
  <si>
    <t>POINT (4.658995866718429 51.8213276111063)</t>
  </si>
  <si>
    <t>POINT (4.612327645647885 51.81954480178714)</t>
  </si>
  <si>
    <t>3331TX</t>
  </si>
  <si>
    <t>Schutterstraat</t>
  </si>
  <si>
    <t>POINT (4.637671042985391 51.820442807152396)</t>
  </si>
  <si>
    <t>POINT (4.633691790492593 51.812668444908624)</t>
  </si>
  <si>
    <t>POINT (4.625582634853465 51.813132353287145)</t>
  </si>
  <si>
    <t>POINT (4.6205228884346585 51.81228892908552)</t>
  </si>
  <si>
    <t>POINT (4.615214328521712 51.81409680563895)</t>
  </si>
  <si>
    <t>POINT (4.653175078750594 51.82182303204862)</t>
  </si>
  <si>
    <t>POINT (4.640404591175207 51.82571750156659)</t>
  </si>
  <si>
    <t>POINT (4.641803970119742 51.82608586332009)</t>
  </si>
  <si>
    <t>POINT (4.618078924050316 51.820880091015425)</t>
  </si>
  <si>
    <t>POINT (4.634343158261295 51.8240472682688)</t>
  </si>
  <si>
    <t>POINT (4.6068774242063135 51.81339366847583)</t>
  </si>
  <si>
    <t>POINT (4.611663694324137 51.81942465948515)</t>
  </si>
  <si>
    <t>POINT (4.6091049079332995 51.81926278869787)</t>
  </si>
  <si>
    <t>POINT (4.652618855704364 51.82797391952516)</t>
  </si>
  <si>
    <t>POINT (4.562645087922585 51.835100095778195)</t>
  </si>
  <si>
    <t>POINT (4.638958545035719 51.814674211731344)</t>
  </si>
  <si>
    <t>POINT (4.637659684630871 51.81963868682041)</t>
  </si>
  <si>
    <t>POINT (4.633691618922775 51.808881662604676)</t>
  </si>
  <si>
    <t>POINT (4.659134233398383 51.8213568557579)</t>
  </si>
  <si>
    <t>POINT (4.619479397679464 51.82009782230912)</t>
  </si>
  <si>
    <t>POINT (4.633485485619961 51.8174011740359)</t>
  </si>
  <si>
    <t>POINT (4.611146440539293 51.81455482681321)</t>
  </si>
  <si>
    <t>POINT (4.64026063136759 51.81869007199986)</t>
  </si>
  <si>
    <t>POINT (4.644562185344962 51.816633126192514)</t>
  </si>
  <si>
    <t>POINT (4.601568949118137 51.8150133991176)</t>
  </si>
  <si>
    <t>POINT (4.634682619033374 51.824412129992595)</t>
  </si>
  <si>
    <t>POINT (4.639804148902205 51.822562631807834)</t>
  </si>
  <si>
    <t>POINT (4.626850570116008 51.81221912453649)</t>
  </si>
  <si>
    <t>POINT (4.646665095073007 51.825880779475476)</t>
  </si>
  <si>
    <t>POINT (4.6617713694407 51.824403580854245)</t>
  </si>
  <si>
    <t>POINT (4.633754863720947 51.812603978390186)</t>
  </si>
  <si>
    <t>POINT (4.619117473832275 51.81940900427268)</t>
  </si>
  <si>
    <t>POINT (4.634988750476292 51.80920605483241)</t>
  </si>
  <si>
    <t>POINT (4.660857043261102 51.82046410556479)</t>
  </si>
  <si>
    <t>POINT (4.613463088818469 51.8153776258534)</t>
  </si>
  <si>
    <t>POINT (4.621136208667031 51.81145804431631)</t>
  </si>
  <si>
    <t>POINT (4.651056125114458 51.81730127055371)</t>
  </si>
  <si>
    <t>POINT (4.659756603070266 51.82737095413523)</t>
  </si>
  <si>
    <t>POINT (4.653428854458149 51.82132418313455)</t>
  </si>
  <si>
    <t>POINT (4.565159871880803 51.832032606080475)</t>
  </si>
  <si>
    <t>POINT (4.65175399115061 51.816729363231936)</t>
  </si>
  <si>
    <t>POINT (4.659195155761065 51.82978722254411)</t>
  </si>
  <si>
    <t>POINT (4.625584252068968 51.81061578430173)</t>
  </si>
  <si>
    <t>POINT (4.650042619126016 51.81916949946103)</t>
  </si>
  <si>
    <t>POINT (4.648744329837703 51.824468445366854)</t>
  </si>
  <si>
    <t>POINT (4.597068796976661 51.823636971931755)</t>
  </si>
  <si>
    <t>POINT (4.652000527242817 51.81706667131824)</t>
  </si>
  <si>
    <t>POINT (4.629589019716173 51.80737690836271)</t>
  </si>
  <si>
    <t>POINT (4.609239742142002 51.82162986437504)</t>
  </si>
  <si>
    <t>POINT (4.607168299681212 51.82184279301989)</t>
  </si>
  <si>
    <t>POINT (4.616461901593532 51.82004902022755)</t>
  </si>
  <si>
    <t>POINT (4.612351110655625 51.81704155324366)</t>
  </si>
  <si>
    <t>POINT (4.629530301369968 51.809482036828406)</t>
  </si>
  <si>
    <t>POINT (4.629206583192877 51.82061562535515)</t>
  </si>
  <si>
    <t>POINT (4.65755822810516 51.826269356488446)</t>
  </si>
  <si>
    <t>POINT (4.639622595568381 51.81430480153184)</t>
  </si>
  <si>
    <t>POINT (4.638399591330885 51.82539205604015)</t>
  </si>
  <si>
    <t>POINT (4.6507894529050455 51.81868877200142)</t>
  </si>
  <si>
    <t>POINT (4.6339520631832425 51.81265159011419)</t>
  </si>
  <si>
    <t>POINT (4.656353358092147 51.82686097346642)</t>
  </si>
  <si>
    <t>POINT (4.641024249113542 51.81674477822076)</t>
  </si>
  <si>
    <t>POINT (4.6363362542719555 51.82019737805458)</t>
  </si>
  <si>
    <t>POINT (4.633147494343699 51.80941658209454)</t>
  </si>
  <si>
    <t>POINT (4.617767034900297 51.81342716493718)</t>
  </si>
  <si>
    <t>POINT (4.627503069746818 51.813208558324256)</t>
  </si>
  <si>
    <t>POINT (4.632428027357297 51.819887726893064)</t>
  </si>
  <si>
    <t>POINT (4.625995640901047 51.81207244121197)</t>
  </si>
  <si>
    <t>POINT (4.627488653165686 51.80505425238401)</t>
  </si>
  <si>
    <t>POINT (4.6155838188998395 51.818239421850656)</t>
  </si>
  <si>
    <t>POINT (4.633414569952878 51.80929180888224)</t>
  </si>
  <si>
    <t>POINT (4.627742322793792 51.814282271389416)</t>
  </si>
  <si>
    <t>POINT (4.665297725045922 51.82340513591935)</t>
  </si>
  <si>
    <t>POINT (4.6310289693672795 51.817461901619296)</t>
  </si>
  <si>
    <t>POINT (4.637731211936655 51.81858885039693)</t>
  </si>
  <si>
    <t>POINT (4.616364274720169 51.82066804303346)</t>
  </si>
  <si>
    <t>POINT (4.6196767246011605 51.81980765396885)</t>
  </si>
  <si>
    <t>POINT (4.640933908102672 51.822907040298695)</t>
  </si>
  <si>
    <t>POINT (4.628820078077157 51.80947233431532)</t>
  </si>
  <si>
    <t>POINT (4.580996974751854 51.825868711675746)</t>
  </si>
  <si>
    <t>POINT (4.651042270886203 51.822690456849536)</t>
  </si>
  <si>
    <t>POINT (4.629188812198685 51.81346131847117)</t>
  </si>
  <si>
    <t>POINT (4.639312357113219 51.81768101131836)</t>
  </si>
  <si>
    <t>3331VL</t>
  </si>
  <si>
    <t>POINT (4.637369812375053 51.81735028137665)</t>
  </si>
  <si>
    <t>POINT (4.628944822876114 51.80970123807167)</t>
  </si>
  <si>
    <t>POINT (4.6620297733874 51.825834331042216)</t>
  </si>
  <si>
    <t>POINT (4.604277414996515 51.81394597580049)</t>
  </si>
  <si>
    <t>POINT (4.620852824547317 51.814904400939035)</t>
  </si>
  <si>
    <t>POINT (4.635098940925626 51.81526525682057)</t>
  </si>
  <si>
    <t>POINT (4.642405485077506 51.82074558335435)</t>
  </si>
  <si>
    <t>POINT (4.649663174708497 51.82218896736043)</t>
  </si>
  <si>
    <t>POINT (4.5692389741404815 51.835129732922894)</t>
  </si>
  <si>
    <t>POINT (4.63305069047722 51.808441853353166)</t>
  </si>
  <si>
    <t>POINT (4.625395988041091 51.81208214085301)</t>
  </si>
  <si>
    <t>POINT (4.635309480022437 51.81938755651732)</t>
  </si>
  <si>
    <t>POINT (4.645899364735174 51.814288151616246)</t>
  </si>
  <si>
    <t>POINT (4.644805021448608 51.81716539096161)</t>
  </si>
  <si>
    <t>POINT (4.654095687843982 51.82092237652179)</t>
  </si>
  <si>
    <t>POINT (4.599939027685884 51.81649160374762)</t>
  </si>
  <si>
    <t>POINT (4.621735137514129 51.81477127470087)</t>
  </si>
  <si>
    <t>POINT (4.611119275126286 51.81836690844563)</t>
  </si>
  <si>
    <t>POINT (4.606648511123985 51.82202810940171)</t>
  </si>
  <si>
    <t>POINT (4.636088178106675 51.82067309044312)</t>
  </si>
  <si>
    <t>POINT (4.65215274918963 51.82737898952552)</t>
  </si>
  <si>
    <t>POINT (4.615710174680678 51.820758863712086)</t>
  </si>
  <si>
    <t>POINT (4.626028226275543 51.81209048618771)</t>
  </si>
  <si>
    <t>POINT (4.638272785283813 51.824067482640686)</t>
  </si>
  <si>
    <t>POINT (4.6248606222380175 51.81188252138445)</t>
  </si>
  <si>
    <t>POINT (4.655853150708738 51.81951975433226)</t>
  </si>
  <si>
    <t>POINT (4.655947654900491 51.820303239208044)</t>
  </si>
  <si>
    <t>POINT (4.655914522833695 51.82035444801615)</t>
  </si>
  <si>
    <t>POINT (4.631905706282106 51.81386179121829)</t>
  </si>
  <si>
    <t>POINT (4.617853243499303 51.81832073856126)</t>
  </si>
  <si>
    <t>POINT (4.653447741254465 51.818507598914145)</t>
  </si>
  <si>
    <t>POINT (4.641790191372978 51.81633014325796)</t>
  </si>
  <si>
    <t>POINT (4.641525234823181 51.82581655362384)</t>
  </si>
  <si>
    <t>POINT (4.630499440850089 51.81361221201445)</t>
  </si>
  <si>
    <t>POINT (4.562691760698322 51.8374082036342)</t>
  </si>
  <si>
    <t>POINT (4.657583830912855 51.82752741718111)</t>
  </si>
  <si>
    <t>POINT (4.626770632361625 51.81361219859658)</t>
  </si>
  <si>
    <t>POINT (4.616705689776203 51.82091286332985)</t>
  </si>
  <si>
    <t>POINT (4.618107795751597 51.82084224897555)</t>
  </si>
  <si>
    <t>POINT (4.5602674841792075 51.836076142484515)</t>
  </si>
  <si>
    <t>POINT (4.648687863938713 51.82548085370933)</t>
  </si>
  <si>
    <t>POINT (4.658606071134154 51.826248135446306)</t>
  </si>
  <si>
    <t>POINT (4.656340666287962 51.827137287104684)</t>
  </si>
  <si>
    <t>POINT (4.629440593127202 51.82429047664025)</t>
  </si>
  <si>
    <t>POINT (4.644515427580434 51.81608377394803)</t>
  </si>
  <si>
    <t>POINT (4.642627350242703 51.816091603290786)</t>
  </si>
  <si>
    <t>POINT (4.6429275655335465 51.82045986396108)</t>
  </si>
  <si>
    <t>POINT (4.643725785722644 51.81789496654745)</t>
  </si>
  <si>
    <t>POINT (4.6507661589090565 51.8163583987187)</t>
  </si>
  <si>
    <t>POINT (4.625609726242538 51.81305758121661)</t>
  </si>
  <si>
    <t>POINT (4.635309916863703 51.808602462927944)</t>
  </si>
  <si>
    <t>POINT (4.602091649228045 51.809669237649864)</t>
  </si>
  <si>
    <t>POINT (4.608139123949462 51.814772158307655)</t>
  </si>
  <si>
    <t>POINT (4.654058296519527 51.82449100776077)</t>
  </si>
  <si>
    <t>POINT (4.625984627546145 51.82734676127369)</t>
  </si>
  <si>
    <t>POINT (4.637600092696339 51.808858785581364)</t>
  </si>
  <si>
    <t>POINT (4.644412625517687 51.81524170065812)</t>
  </si>
  <si>
    <t>POINT (4.656658104508672 51.82130937982666)</t>
  </si>
  <si>
    <t>POINT (4.562475945545685 51.835239221937414)</t>
  </si>
  <si>
    <t>POINT (4.643279385492782 51.80959717926326)</t>
  </si>
  <si>
    <t>POINT (4.650797534487503 51.81423882005118)</t>
  </si>
  <si>
    <t>POINT (4.631535142052968 51.81046411847912)</t>
  </si>
  <si>
    <t>POINT (4.611814438515743 51.82121959696221)</t>
  </si>
  <si>
    <t>POINT (4.629038796480674 51.82414752338324)</t>
  </si>
  <si>
    <t>POINT (4.655982587144258 51.828911892462706)</t>
  </si>
  <si>
    <t>POINT (4.626154973398054 51.812943474261644)</t>
  </si>
  <si>
    <t>POINT (4.640824832757303 51.82502562776123)</t>
  </si>
  <si>
    <t>POINT (4.642871818573342 51.815392116728866)</t>
  </si>
  <si>
    <t>POINT (4.65633727816864 51.82014539799571)</t>
  </si>
  <si>
    <t>POINT (4.629858587114765 51.822120453162874)</t>
  </si>
  <si>
    <t>POINT (4.617970578082538 51.813907121694925)</t>
  </si>
  <si>
    <t>POINT (4.620810193455928 51.81310909375642)</t>
  </si>
  <si>
    <t>POINT (4.56149309675812 51.835058784879855)</t>
  </si>
  <si>
    <t>POINT (4.631108658256203 51.817396653688974)</t>
  </si>
  <si>
    <t>POINT (4.658649591190055 51.82339002586305)</t>
  </si>
  <si>
    <t>POINT (4.635409651676159 51.821543849555795)</t>
  </si>
  <si>
    <t>POINT (4.642312422917869 51.822893316483956)</t>
  </si>
  <si>
    <t>POINT (4.620305623144997 51.81317718582987)</t>
  </si>
  <si>
    <t>POINT (4.6040567329390045 51.814124565566864)</t>
  </si>
  <si>
    <t>POINT (4.624719691559617 51.81363108828669)</t>
  </si>
  <si>
    <t>POINT (4.627169182252387 51.80631646491553)</t>
  </si>
  <si>
    <t>POINT (4.653353724368787 51.81583862113534)</t>
  </si>
  <si>
    <t>POINT (4.56585086471247 51.838028424221214)</t>
  </si>
  <si>
    <t>POINT (4.64234901577214 51.82184555749037)</t>
  </si>
  <si>
    <t>POINT (4.6432119669695675 51.81828506456495)</t>
  </si>
  <si>
    <t>POINT (4.638463593280848 51.825322127840664)</t>
  </si>
  <si>
    <t>POINT (4.605012210650193 51.819269344660356)</t>
  </si>
  <si>
    <t>POINT (4.632928536314097 51.82596824729485)</t>
  </si>
  <si>
    <t>POINT (4.6140103068773515 51.81853182376174)</t>
  </si>
  <si>
    <t>POINT (4.618592469659434 51.81990986092639)</t>
  </si>
  <si>
    <t>POINT (4.65671947089206 51.818279983690765)</t>
  </si>
  <si>
    <t>POINT (4.650007343907135 51.81745705896785)</t>
  </si>
  <si>
    <t>POINT (4.633779142415796 51.81261771620486)</t>
  </si>
  <si>
    <t>POINT (4.612767598525134 51.81363378319031)</t>
  </si>
  <si>
    <t>POINT (4.629159045561598 51.806553066085456)</t>
  </si>
  <si>
    <t>POINT (4.636463578926692 51.818869887875195)</t>
  </si>
  <si>
    <t>POINT (4.639529793958477 51.80858315261731)</t>
  </si>
  <si>
    <t>POINT (4.634117542704172 51.80969381221464)</t>
  </si>
  <si>
    <t>POINT (4.610821322845162 51.81836607931982)</t>
  </si>
  <si>
    <t>POINT (4.5681396562991265 51.83684844561142)</t>
  </si>
  <si>
    <t>POINT (4.56356048056254 51.83583175223358)</t>
  </si>
  <si>
    <t>POINT (4.559150241835196 51.83591051433504)</t>
  </si>
  <si>
    <t>POINT (4.637001014319298 51.81475695858989)</t>
  </si>
  <si>
    <t>POINT (4.6333895367198386 51.80927040774975)</t>
  </si>
  <si>
    <t>POINT (4.638579019542873 51.82526612749498)</t>
  </si>
  <si>
    <t>POINT (4.607300534398351 51.813253227804715)</t>
  </si>
  <si>
    <t>POINT (4.620545886961099 51.81384623093351)</t>
  </si>
  <si>
    <t>POINT (4.65082579598215 51.81807016498554)</t>
  </si>
  <si>
    <t>POINT (4.635393159425779 51.8184793711123)</t>
  </si>
  <si>
    <t>POINT (4.6341365968418 51.80963999325088)</t>
  </si>
  <si>
    <t>POINT (4.602075950051563 51.81395672388407)</t>
  </si>
  <si>
    <t>POINT (4.64681607728991 51.819098259207756)</t>
  </si>
  <si>
    <t>POINT (4.6510230100507925 51.823223167048795)</t>
  </si>
  <si>
    <t>POINT (4.5653947141444915 51.837523722897735)</t>
  </si>
  <si>
    <t>POINT (4.60853384552168 51.815688059657404)</t>
  </si>
  <si>
    <t>POINT (4.636633747355509 51.81841645378964)</t>
  </si>
  <si>
    <t>POINT (4.5665730319448254 51.833997312895384)</t>
  </si>
  <si>
    <t>POINT (4.609164965173751 51.82163179564337)</t>
  </si>
  <si>
    <t>POINT (4.604089813616007 51.81430486658126)</t>
  </si>
  <si>
    <t>POINT (4.639348874074839 51.82247184932273)</t>
  </si>
  <si>
    <t>POINT (4.63755576879036 51.811839588723316)</t>
  </si>
  <si>
    <t>POINT (4.601564046633359 51.837903306559966)</t>
  </si>
  <si>
    <t>POINT (4.625621873283231 51.81430443947051)</t>
  </si>
  <si>
    <t>POINT (4.647070660215946 51.823774925326184)</t>
  </si>
  <si>
    <t>POINT (4.569222568186024 51.836743807821485)</t>
  </si>
  <si>
    <t>POINT (4.662369308956164 51.822920746651164)</t>
  </si>
  <si>
    <t>POINT (4.604275836980379 51.814036005400936)</t>
  </si>
  <si>
    <t>POINT (4.659921535538395 51.82647076327074)</t>
  </si>
  <si>
    <t>POINT (4.605269070739781 51.81386764405729)</t>
  </si>
  <si>
    <t>POINT (4.65015237507055 51.81462138242322)</t>
  </si>
  <si>
    <t>POINT (4.610467896187837 51.82145832332417)</t>
  </si>
  <si>
    <t>POINT (4.615059341176637 51.818471809315)</t>
  </si>
  <si>
    <t>POINT (4.655082381558111 51.821104246263744)</t>
  </si>
  <si>
    <t>POINT (4.616116436078388 51.81299806763943)</t>
  </si>
  <si>
    <t>POINT (4.649386452900304 51.82555224873272)</t>
  </si>
  <si>
    <t>POINT (4.619254824065362 51.81898868302237)</t>
  </si>
  <si>
    <t>POINT (4.656878125527698 51.818307838247556)</t>
  </si>
  <si>
    <t>POINT (4.6620549300583 51.82535451854424)</t>
  </si>
  <si>
    <t>POINT (4.651031910940318 51.816862147155085)</t>
  </si>
  <si>
    <t>POINT (4.640208738111127 51.81747603415214)</t>
  </si>
  <si>
    <t>POINT (4.648706886892497 51.82525212160616)</t>
  </si>
  <si>
    <t>POINT (4.641251652149836 51.825741827113816)</t>
  </si>
  <si>
    <t>POINT (4.645994041334546 51.825505760643345)</t>
  </si>
  <si>
    <t>POINT (4.64205502653059 51.82624224255516)</t>
  </si>
  <si>
    <t>POINT (4.644857531297678 51.82080311346464)</t>
  </si>
  <si>
    <t>POINT (4.632281778500789 51.80914530950183)</t>
  </si>
  <si>
    <t>POINT (4.595139040556255 51.814787615910475)</t>
  </si>
  <si>
    <t>POINT (4.625367978841938 51.81261717404864)</t>
  </si>
  <si>
    <t>POINT (4.60683426560085 51.82195251803068)</t>
  </si>
  <si>
    <t>POINT (4.6507535519654555 51.823680780210914)</t>
  </si>
  <si>
    <t>POINT (4.60313382666968 51.811893044054095)</t>
  </si>
  <si>
    <t>POINT (4.657008376573328 51.82724464168112)</t>
  </si>
  <si>
    <t>POINT (4.660503872970996 51.82189198148894)</t>
  </si>
  <si>
    <t>POINT (4.612860358406691 51.82212059191043)</t>
  </si>
  <si>
    <t>POINT (4.612643544048458 51.81321774828347)</t>
  </si>
  <si>
    <t>POINT (4.646272975664021 51.825185646036616)</t>
  </si>
  <si>
    <t>POINT (4.606974137129547 51.814161382760005)</t>
  </si>
  <si>
    <t>POINT (4.656450741881065 51.81869088221438)</t>
  </si>
  <si>
    <t>POINT (4.631982636834254 51.813823095565795)</t>
  </si>
  <si>
    <t>POINT (4.65317765725792 51.82034204617226)</t>
  </si>
  <si>
    <t>POINT (4.645527799920224 51.814317956483045)</t>
  </si>
  <si>
    <t>POINT (4.601368111223778 51.818826503559016)</t>
  </si>
  <si>
    <t>POINT (4.622194234423606 51.81169194761267)</t>
  </si>
  <si>
    <t>POINT (4.614312164711506 51.83123213737793)</t>
  </si>
  <si>
    <t>POINT (4.656797454061313 51.81829361948733)</t>
  </si>
  <si>
    <t>POINT (4.627252919234268 51.81335413779654)</t>
  </si>
  <si>
    <t>POINT (4.603351113736436 51.82007990353961)</t>
  </si>
  <si>
    <t>POINT (4.620156647590213 51.81330986541991)</t>
  </si>
  <si>
    <t>POINT (4.599698358082918 51.813261415063614)</t>
  </si>
  <si>
    <t>POINT (4.65036070307777 51.81406068177304)</t>
  </si>
  <si>
    <t>POINT (4.611556643975438 51.82069206251549)</t>
  </si>
  <si>
    <t>POINT (4.612580522992621 51.820172085902925)</t>
  </si>
  <si>
    <t>POINT (4.6405350111440615 51.82196595820874)</t>
  </si>
  <si>
    <t>POINT (4.645308754234983 51.81731777971532)</t>
  </si>
  <si>
    <t>POINT (4.6293212598955815 51.82424789971625)</t>
  </si>
  <si>
    <t>POINT (4.567578513626327 51.83678085282314)</t>
  </si>
  <si>
    <t>POINT (4.6297219608565365 51.80882945310409)</t>
  </si>
  <si>
    <t>POINT (4.6028639736875006 51.82100070801963)</t>
  </si>
  <si>
    <t>POINT (4.615307542400489 51.812864013273746)</t>
  </si>
  <si>
    <t>POINT (4.646410340894256 51.8240767073825)</t>
  </si>
  <si>
    <t>POINT (4.640287509414776 51.8257115341459)</t>
  </si>
  <si>
    <t>POINT (4.655152759148218 51.82844509797399)</t>
  </si>
  <si>
    <t>POINT (4.655191145449616 51.816822042771754)</t>
  </si>
  <si>
    <t>POINT (4.656591490692485 51.8214584289035)</t>
  </si>
  <si>
    <t>POINT (4.6488386946145015 51.81916792686272)</t>
  </si>
  <si>
    <t>POINT (4.622473726160388 51.827592432177184)</t>
  </si>
  <si>
    <t>POINT (4.643556150622971 51.81931837471398)</t>
  </si>
  <si>
    <t>POINT (4.646669056362679 51.82628592432138)</t>
  </si>
  <si>
    <t>POINT (4.641145724843503 51.82564388729198)</t>
  </si>
  <si>
    <t>POINT (4.653340322473831 51.815844038406816)</t>
  </si>
  <si>
    <t>POINT (4.63170121273748 51.807588179616594)</t>
  </si>
  <si>
    <t>POINT (4.6283062131609904 51.80885518176843)</t>
  </si>
  <si>
    <t>POINT (4.63086166902493 51.812980870164594)</t>
  </si>
  <si>
    <t>POINT (4.627957443359109 51.81231083900454)</t>
  </si>
  <si>
    <t>POINT (4.638190278897849 51.82411801191329)</t>
  </si>
  <si>
    <t>POINT (4.64154335015393 51.825859688558545)</t>
  </si>
  <si>
    <t>POINT (4.611731391704032 51.81486573049241)</t>
  </si>
  <si>
    <t>POINT (4.655117495669197 51.82116596583774)</t>
  </si>
  <si>
    <t>POINT (4.648609449127134 51.81784426644529)</t>
  </si>
  <si>
    <t>POINT (4.631570342945612 51.81805795984687)</t>
  </si>
  <si>
    <t>POINT (4.6434156102629025 51.82210098467635)</t>
  </si>
  <si>
    <t>POINT (4.656729436742985 51.81782520048921)</t>
  </si>
  <si>
    <t>POINT (4.642864772431593 51.818034083020116)</t>
  </si>
  <si>
    <t>POINT (4.605450904350301 51.82203065531143)</t>
  </si>
  <si>
    <t>POINT (4.641220513641484 51.82430420334391)</t>
  </si>
  <si>
    <t>POINT (4.627048227872018 51.81382591493175)</t>
  </si>
  <si>
    <t>POINT (4.637801586164595 51.812127538894394)</t>
  </si>
  <si>
    <t>POINT (4.64302269008671 51.82149625184825)</t>
  </si>
  <si>
    <t>POINT (4.64144685269122 51.81991350713306)</t>
  </si>
  <si>
    <t>POINT (4.638976695930512 51.82091255483687)</t>
  </si>
  <si>
    <t>POINT (4.635309602923419 51.81839850381909)</t>
  </si>
  <si>
    <t>POINT (4.625920359003116 51.82741912594625)</t>
  </si>
  <si>
    <t>POINT (4.6422585013497395 51.82438206719513)</t>
  </si>
  <si>
    <t>POINT (4.630999309303179 51.8070789509625)</t>
  </si>
  <si>
    <t>POINT (4.632468183625955 51.80828005066624)</t>
  </si>
  <si>
    <t>3335VE</t>
  </si>
  <si>
    <t>Kaartenmaker</t>
  </si>
  <si>
    <t>POINT (4.6122553809618285 51.818503179260276)</t>
  </si>
  <si>
    <t>POINT (4.635600749656058 51.82261826973592)</t>
  </si>
  <si>
    <t>POINT (4.644872893965195 51.819935469590796)</t>
  </si>
  <si>
    <t>3331EW</t>
  </si>
  <si>
    <t>Westelijke Parallelweg</t>
  </si>
  <si>
    <t>POINT (4.640838236747181 51.814514146768666)</t>
  </si>
  <si>
    <t>POINT (4.621200537098717 51.811423084647075)</t>
  </si>
  <si>
    <t>POINT (4.640729673028253 51.80870782464907)</t>
  </si>
  <si>
    <t>3336LJ</t>
  </si>
  <si>
    <t>Oudemaasweg</t>
  </si>
  <si>
    <t>POINT (4.623289753346174 51.803998806483406)</t>
  </si>
  <si>
    <t>POINT (4.603644203254125 51.81593225920236)</t>
  </si>
  <si>
    <t>POINT (4.64109354317815 51.81099296381276)</t>
  </si>
  <si>
    <t>POINT (4.614773622737451 51.83147653054587)</t>
  </si>
  <si>
    <t>POINT (4.628297989313334 51.80924729724521)</t>
  </si>
  <si>
    <t>POINT (4.6531967146499005 51.82072958651167)</t>
  </si>
  <si>
    <t>POINT (4.661735791600003 51.82436634561577)</t>
  </si>
  <si>
    <t>POINT (4.594794601050457 51.814209265190634)</t>
  </si>
  <si>
    <t>POINT (4.565230833834139 51.837131061810034)</t>
  </si>
  <si>
    <t>POINT (4.6523743971305365 51.82017517845873)</t>
  </si>
  <si>
    <t>POINT (4.654198116378074 51.81762331614066)</t>
  </si>
  <si>
    <t>POINT (4.639355872826794 51.823559786167884)</t>
  </si>
  <si>
    <t>POINT (4.657916934699933 51.82374620026447)</t>
  </si>
  <si>
    <t>POINT (4.59989374234206 51.816289341084826)</t>
  </si>
  <si>
    <t>POINT (4.570261793751437 51.82692915074666)</t>
  </si>
  <si>
    <t>POINT (4.639310401216108 51.82350977998332)</t>
  </si>
  <si>
    <t>POINT (4.643796630091002 51.817991180851266)</t>
  </si>
  <si>
    <t>POINT (4.647065955351518 51.823716936628536)</t>
  </si>
  <si>
    <t>POINT (4.6525274376059045 51.81530974347269)</t>
  </si>
  <si>
    <t>POINT (4.649803581220848 51.813644745275504)</t>
  </si>
  <si>
    <t>POINT (4.652266867631926 51.82427482650723)</t>
  </si>
  <si>
    <t>POINT (4.628680993119682 51.80944686019831)</t>
  </si>
  <si>
    <t>POINT (4.616083152417828 51.813873143693776)</t>
  </si>
  <si>
    <t>POINT (4.625079432179952 51.813269238396536)</t>
  </si>
  <si>
    <t>POINT (4.60369122346365 51.82148859550727)</t>
  </si>
  <si>
    <t>POINT (4.645905313823075 51.81436116840393)</t>
  </si>
  <si>
    <t>POINT (4.612734510321809 51.81352284171658)</t>
  </si>
  <si>
    <t>POINT (4.643880231641711 51.82024530103999)</t>
  </si>
  <si>
    <t>POINT (4.648007396095254 51.816245666710756)</t>
  </si>
  <si>
    <t>POINT (4.650757312304223 51.8182537696239)</t>
  </si>
  <si>
    <t>POINT (4.659426662932975 51.82776175863914)</t>
  </si>
  <si>
    <t>POINT (4.559531923855924 51.83605933617988)</t>
  </si>
  <si>
    <t>POINT (4.646392843422724 51.8162533825788)</t>
  </si>
  <si>
    <t>POINT (4.656327664930057 51.82988620211483)</t>
  </si>
  <si>
    <t>POINT (4.634499401816504 51.80839928130304)</t>
  </si>
  <si>
    <t>POINT (4.649745165928007 51.81793571332504)</t>
  </si>
  <si>
    <t>POINT (4.647051569304973 51.82286524004031)</t>
  </si>
  <si>
    <t>POINT (4.631896497285138 51.81101994273689)</t>
  </si>
  <si>
    <t>POINT (4.638447765264202 51.82537201297074)</t>
  </si>
  <si>
    <t>POINT (4.613398389997955 51.81997733837393)</t>
  </si>
  <si>
    <t>POINT (4.566206346194531 51.83806211075478)</t>
  </si>
  <si>
    <t>POINT (4.62931680156449 51.807265038687405)</t>
  </si>
  <si>
    <t>POINT (4.656979098803692 51.823928717990384)</t>
  </si>
  <si>
    <t>POINT (4.65846494742576 51.81935590342425)</t>
  </si>
  <si>
    <t>POINT (4.620778347654756 51.814654783308)</t>
  </si>
  <si>
    <t>POINT (4.566194374899614 51.83473717154029)</t>
  </si>
  <si>
    <t>POINT (4.605955959035678 51.81358158627806)</t>
  </si>
  <si>
    <t>POINT (4.622622737036718 51.81247052052933)</t>
  </si>
  <si>
    <t>POINT (4.61924057635078 51.81508476386507)</t>
  </si>
  <si>
    <t>POINT (4.645831132002201 51.81610562988781)</t>
  </si>
  <si>
    <t>POINT (4.635528642471685 51.82186692833533)</t>
  </si>
  <si>
    <t>POINT (4.56150058676534 51.83435004763223)</t>
  </si>
  <si>
    <t>POINT (4.661185692562617 51.823397426163076)</t>
  </si>
  <si>
    <t>POINT (4.630201283853087 51.80815135454216)</t>
  </si>
  <si>
    <t>POINT (4.621614060892539 51.8135369094588)</t>
  </si>
  <si>
    <t>POINT (4.602053423346673 51.82077086681666)</t>
  </si>
  <si>
    <t>POINT (4.638804120723865 51.82047049616744)</t>
  </si>
  <si>
    <t>POINT (4.63005084046325 51.8130527646021)</t>
  </si>
  <si>
    <t>POINT (4.5626627222956495 51.831902381754084)</t>
  </si>
  <si>
    <t>POINT (4.614117818368299 51.83131825475091)</t>
  </si>
  <si>
    <t>POINT (4.653887022930431 51.81981609441125)</t>
  </si>
  <si>
    <t>POINT (4.616229485309639 51.81382796605054)</t>
  </si>
  <si>
    <t>POINT (4.635181578217572 51.81992074659588)</t>
  </si>
  <si>
    <t>POINT (4.608610827867024 51.81615322463389)</t>
  </si>
  <si>
    <t>POINT (4.601337804929848 51.81537358507091)</t>
  </si>
  <si>
    <t>POINT (4.62941073409108 51.8117757684965)</t>
  </si>
  <si>
    <t>POINT (4.605964832646015 51.81394740579248)</t>
  </si>
  <si>
    <t>POINT (4.627536871338048 51.80854650190488)</t>
  </si>
  <si>
    <t>POINT (4.653687467418116 51.82198946087104)</t>
  </si>
  <si>
    <t>POINT (4.6524461752999295 51.8215261143341)</t>
  </si>
  <si>
    <t>POINT (4.642883483353444 51.81641340536447)</t>
  </si>
  <si>
    <t>POINT (4.645055444368879 51.824470463667055)</t>
  </si>
  <si>
    <t>POINT (4.569097668708024 51.838158034799)</t>
  </si>
  <si>
    <t>POINT (4.638865240789756 51.81750456245794)</t>
  </si>
  <si>
    <t>POINT (4.632221594490182 51.80915776716773)</t>
  </si>
  <si>
    <t>POINT (4.629542038258922 51.820719498562966)</t>
  </si>
  <si>
    <t>3332EC</t>
  </si>
  <si>
    <t>Biesbos</t>
  </si>
  <si>
    <t>POINT (4.651927635496069 51.82275277017028)</t>
  </si>
  <si>
    <t>POINT (4.640726592211148 51.8132549019157)</t>
  </si>
  <si>
    <t>POINT (4.650474819960098 51.82692028553319)</t>
  </si>
  <si>
    <t>POINT (4.630434500500479 51.81269983477696)</t>
  </si>
  <si>
    <t>POINT (4.63789656367424 51.818176551999535)</t>
  </si>
  <si>
    <t>POINT (4.651734323744771 51.820406978287004)</t>
  </si>
  <si>
    <t>POINT (4.654469773325501 51.81784333865408)</t>
  </si>
  <si>
    <t>POINT (4.621672704053291 51.81406238586713)</t>
  </si>
  <si>
    <t>POINT (4.560443550970933 51.8331976832885)</t>
  </si>
  <si>
    <t>POINT (4.651335735325764 51.817423957878866)</t>
  </si>
  <si>
    <t>POINT (4.612212125219549 51.81551795494553)</t>
  </si>
  <si>
    <t>POINT (4.614676095836913 51.81417656219117)</t>
  </si>
  <si>
    <t>POINT (4.624644247031221 51.8140848606867)</t>
  </si>
  <si>
    <t>POINT (4.618292451841517 51.82109659898885)</t>
  </si>
  <si>
    <t>POINT (4.61927872091552 51.81375646300348)</t>
  </si>
  <si>
    <t>POINT (4.634073328040176 51.80587833274753)</t>
  </si>
  <si>
    <t>POINT (4.641999905984673 51.81106077206181)</t>
  </si>
  <si>
    <t>POINT (4.6472380296774 51.8235935103551)</t>
  </si>
  <si>
    <t>POINT (4.651842566251608 51.8148495927041)</t>
  </si>
  <si>
    <t>POINT (4.657397079602146 51.8219935481053)</t>
  </si>
  <si>
    <t>POINT (4.655839883756318 51.820813888685784)</t>
  </si>
  <si>
    <t>POINT (4.618114266669472 51.819394479405084)</t>
  </si>
  <si>
    <t>POINT (4.642881720160585 51.81548018784913)</t>
  </si>
  <si>
    <t>POINT (4.6556532982323535 51.82412312977479)</t>
  </si>
  <si>
    <t>POINT (4.649818981749989 51.81600507436757)</t>
  </si>
  <si>
    <t>POINT (4.640701362307087 51.81833091044522)</t>
  </si>
  <si>
    <t>POINT (4.65357299229122 51.81985082366611)</t>
  </si>
  <si>
    <t>POINT (4.647391526384791 51.82726520364824)</t>
  </si>
  <si>
    <t>POINT (4.631634298245801 51.80772204015349)</t>
  </si>
  <si>
    <t>POINT (4.603754231171555 51.820689244319325)</t>
  </si>
  <si>
    <t>POINT (4.610646051799031 51.818662823904425)</t>
  </si>
  <si>
    <t>POINT (4.630983700165644 51.810535181393696)</t>
  </si>
  <si>
    <t>POINT (4.607923850140262 51.822231091129034)</t>
  </si>
  <si>
    <t>POINT (4.655930020436155 51.828940948951114)</t>
  </si>
  <si>
    <t>POINT (4.6464618159759565 51.81624127871688)</t>
  </si>
  <si>
    <t>POINT (4.635274340903654 51.8241414974782)</t>
  </si>
  <si>
    <t>POINT (4.566091032928305 51.834720080215654)</t>
  </si>
  <si>
    <t>POINT (4.644761648903197 51.82703350835785)</t>
  </si>
  <si>
    <t>POINT (4.594750715044089 51.81424729683507)</t>
  </si>
  <si>
    <t>POINT (4.61485965688289 51.818675537003216)</t>
  </si>
  <si>
    <t>POINT (4.633927170626632 51.82439675830642)</t>
  </si>
  <si>
    <t>POINT (4.646828983235942 51.817007346735146)</t>
  </si>
  <si>
    <t>POINT (4.647205181448066 51.81579981466306)</t>
  </si>
  <si>
    <t>POINT (4.657221002365552 51.82022036236726)</t>
  </si>
  <si>
    <t>POINT (4.613266638792797 51.821990822976865)</t>
  </si>
  <si>
    <t>POINT (4.637098811438689 51.812061539130475)</t>
  </si>
  <si>
    <t>POINT (4.606612434741255 51.82015888039638)</t>
  </si>
  <si>
    <t>POINT (4.639606803713389 51.82580276821368)</t>
  </si>
  <si>
    <t>POINT (4.655856169538925 51.82038854700643)</t>
  </si>
  <si>
    <t>POINT (4.632466628604253 51.81995583982056)</t>
  </si>
  <si>
    <t>POINT (4.648750583372985 51.813597180441484)</t>
  </si>
  <si>
    <t>POINT (4.636586581391252 51.81837200863943)</t>
  </si>
  <si>
    <t>POINT (4.63218110683497 51.809219331026334)</t>
  </si>
  <si>
    <t>POINT (4.632177169612163 51.80704618547728)</t>
  </si>
  <si>
    <t>POINT (4.570923986553393 51.83564754606673)</t>
  </si>
  <si>
    <t>POINT (4.561873873521492 51.833550975052816)</t>
  </si>
  <si>
    <t>POINT (4.614895006823089 51.82153401046072)</t>
  </si>
  <si>
    <t>POINT (4.64417020926711 51.81628805904551)</t>
  </si>
  <si>
    <t>POINT (4.659547482602976 51.82000044763951)</t>
  </si>
  <si>
    <t>POINT (4.614258719185822 51.8190441361091)</t>
  </si>
  <si>
    <t>POINT (4.616472193498806 51.81305790556769)</t>
  </si>
  <si>
    <t>POINT (4.6134314511490215 51.82013077802275)</t>
  </si>
  <si>
    <t>POINT (4.63799844201717 51.809206999304806)</t>
  </si>
  <si>
    <t>POINT (4.602893827756851 51.8199493883395)</t>
  </si>
  <si>
    <t>POINT (4.633595098574837 51.82487689705034)</t>
  </si>
  <si>
    <t>POINT (4.619455351044259 51.830402821058065)</t>
  </si>
  <si>
    <t>POINT (4.637307263756893 51.809301783701414)</t>
  </si>
  <si>
    <t>POINT (4.6450484771268306 51.815602484746826)</t>
  </si>
  <si>
    <t>POINT (4.656243974407151 51.821833888435336)</t>
  </si>
  <si>
    <t>POINT (4.617754944102105 51.82042324644486)</t>
  </si>
  <si>
    <t>POINT (4.627379411101103 51.813318633486205)</t>
  </si>
  <si>
    <t>POINT (4.569578462404695 51.83797915570522)</t>
  </si>
  <si>
    <t>POINT (4.643260808197933 51.81738032966005)</t>
  </si>
  <si>
    <t>POINT (4.639992579231299 51.81073236032535)</t>
  </si>
  <si>
    <t>POINT (4.607967194134713 51.820938890788405)</t>
  </si>
  <si>
    <t>POINT (4.6194437506447406 51.83045527515009)</t>
  </si>
  <si>
    <t>POINT (4.6433325024372065 51.8191932819978)</t>
  </si>
  <si>
    <t>POINT (4.641735252915571 51.818876174571066)</t>
  </si>
  <si>
    <t>POINT (4.647650675271161 51.81644121544395)</t>
  </si>
  <si>
    <t>POINT (4.657494346694946 51.827612055533066)</t>
  </si>
  <si>
    <t>POINT (4.660538633256155 51.82723206032795)</t>
  </si>
  <si>
    <t>POINT (4.649504087592319 51.825507640238094)</t>
  </si>
  <si>
    <t>POINT (4.637173958307401 51.823360408739134)</t>
  </si>
  <si>
    <t>POINT (4.57033523016373 51.836953101058356)</t>
  </si>
  <si>
    <t>POINT (4.645914164860609 51.81430885618087)</t>
  </si>
  <si>
    <t>POINT (4.639170440499531 51.81627379818639)</t>
  </si>
  <si>
    <t>POINT (4.638530324037107 51.82433345608709)</t>
  </si>
  <si>
    <t>POINT (4.642072344261336 51.819305790492855)</t>
  </si>
  <si>
    <t>POINT (4.632127626694763 51.81835705022307)</t>
  </si>
  <si>
    <t>POINT (4.562794551969499 51.837860043739816)</t>
  </si>
  <si>
    <t>POINT (4.655090815959925 51.82627241021286)</t>
  </si>
  <si>
    <t>POINT (4.621833414760252 51.812444763992126)</t>
  </si>
  <si>
    <t>POINT (4.6410431318522685 51.81104317776427)</t>
  </si>
  <si>
    <t>POINT (4.619163633770326 51.81358686574992)</t>
  </si>
  <si>
    <t>POINT (4.613229669101741 51.82129966155887)</t>
  </si>
  <si>
    <t>POINT (4.647988214644978 51.82621270326432)</t>
  </si>
  <si>
    <t>POINT (4.656787142368398 51.8237258177281)</t>
  </si>
  <si>
    <t>POINT (4.612663023174557 51.816623578271816)</t>
  </si>
  <si>
    <t>POINT (4.645663920822112 51.81423327127941)</t>
  </si>
  <si>
    <t>POINT (4.602578364644942 51.81536534669764)</t>
  </si>
  <si>
    <t>POINT (4.651073547650496 51.818605719056926)</t>
  </si>
  <si>
    <t>POINT (4.609029350098258 51.82222376549958)</t>
  </si>
  <si>
    <t>POINT (4.660660424459783 51.82062677908929)</t>
  </si>
  <si>
    <t>POINT (4.640854049259996 51.808748759348255)</t>
  </si>
  <si>
    <t>POINT (4.621406831707153 51.811452394985814)</t>
  </si>
  <si>
    <t>POINT (4.64418259864193 51.815759880931715)</t>
  </si>
  <si>
    <t>POINT (4.625105188237935 51.81335072655663)</t>
  </si>
  <si>
    <t>POINT (4.61944604901386 51.81923369004803)</t>
  </si>
  <si>
    <t>POINT (4.633435153119098 51.80927667827057)</t>
  </si>
  <si>
    <t>POINT (4.651529304152902 51.82182439503257)</t>
  </si>
  <si>
    <t>POINT (4.619687206296151 51.818969758812244)</t>
  </si>
  <si>
    <t>POINT (4.6553759684911125 51.82526282781755)</t>
  </si>
  <si>
    <t>POINT (4.590547641293304 51.80970779143147)</t>
  </si>
  <si>
    <t>POINT (4.6579220926133145 51.820106924249416)</t>
  </si>
  <si>
    <t>3336LC</t>
  </si>
  <si>
    <t>POINT (4.6229264371268375 51.81007428197327)</t>
  </si>
  <si>
    <t>POINT (4.627551083370145 51.823980457936024)</t>
  </si>
  <si>
    <t>POINT (4.641393020738964 51.817482181878916)</t>
  </si>
  <si>
    <t>POINT (4.629445099979604 51.8205178673724)</t>
  </si>
  <si>
    <t>POINT (4.649755266108637 51.81870401287224)</t>
  </si>
  <si>
    <t>POINT (4.614806692570141 51.82006090696917)</t>
  </si>
  <si>
    <t>POINT (4.56707735106708 51.832163834230315)</t>
  </si>
  <si>
    <t>POINT (4.635355342566438 51.80787573814113)</t>
  </si>
  <si>
    <t>POINT (4.629080851071687 51.821079124662)</t>
  </si>
  <si>
    <t>POINT (4.6122119350893165 51.819676171924144)</t>
  </si>
  <si>
    <t>POINT (4.6181740053636275 51.81978491810289)</t>
  </si>
  <si>
    <t>POINT (4.611877187118151 51.813354619505596)</t>
  </si>
  <si>
    <t>POINT (4.6332210251732455 51.82613388253219)</t>
  </si>
  <si>
    <t>POINT (4.622496240185687 51.81206249840539)</t>
  </si>
  <si>
    <t>POINT (4.652999559574782 51.821093482554275)</t>
  </si>
  <si>
    <t>POINT (4.567530534248108 51.83738111859182)</t>
  </si>
  <si>
    <t>POINT (4.6453880835545895 51.82545790594345)</t>
  </si>
  <si>
    <t>POINT (4.645111898915793 51.817343339398214)</t>
  </si>
  <si>
    <t>POINT (4.6442700121435205 51.82137055514658)</t>
  </si>
  <si>
    <t>POINT (4.627079277805983 51.81561753009916)</t>
  </si>
  <si>
    <t>POINT (4.57364920275662 51.83901052584379)</t>
  </si>
  <si>
    <t>POINT (4.637855835540861 51.81417890949295)</t>
  </si>
  <si>
    <t>POINT (4.625173788821147 51.81120973658608)</t>
  </si>
  <si>
    <t>POINT (4.641485594307699 51.82576628873427)</t>
  </si>
  <si>
    <t>POINT (4.651663176395127 51.81715040842873)</t>
  </si>
  <si>
    <t>POINT (4.622153914867596 51.81142389286287)</t>
  </si>
  <si>
    <t>POINT (4.61905741621909 51.81944195932976)</t>
  </si>
  <si>
    <t>POINT (4.651453395823975 51.818493324441725)</t>
  </si>
  <si>
    <t>POINT (4.598351554233612 51.81608507080971)</t>
  </si>
  <si>
    <t>POINT (4.634266905908035 51.81103612871711)</t>
  </si>
  <si>
    <t>POINT (4.659955148552096 51.82640592952626)</t>
  </si>
  <si>
    <t>POINT (4.607265426798862 51.821431107888536)</t>
  </si>
  <si>
    <t>POINT (4.600257420357184 51.81667170712677)</t>
  </si>
  <si>
    <t>POINT (4.632391290455458 51.80906205042907)</t>
  </si>
  <si>
    <t>POINT (4.6421606135801285 51.816185476357504)</t>
  </si>
  <si>
    <t>POINT (4.644449835825139 51.82485121370286)</t>
  </si>
  <si>
    <t>POINT (4.619003603528607 51.81278670314837)</t>
  </si>
  <si>
    <t>POINT (4.636560960341918 51.8123225655979)</t>
  </si>
  <si>
    <t>POINT (4.569154222839975 51.83367950974062)</t>
  </si>
  <si>
    <t>POINT (4.619118679225225 51.82088570471565)</t>
  </si>
  <si>
    <t>POINT (4.653070689399727 51.82562634272562)</t>
  </si>
  <si>
    <t>POINT (4.641016702239889 51.81722173335169)</t>
  </si>
  <si>
    <t>POINT (4.612073823559387 51.820879037959905)</t>
  </si>
  <si>
    <t>POINT (4.613854550083147 51.818510671761516)</t>
  </si>
  <si>
    <t>POINT (4.607542929475431 51.82202498477665)</t>
  </si>
  <si>
    <t>POINT (4.638490575279261 51.80865136642885)</t>
  </si>
  <si>
    <t>POINT (4.570787953546375 51.83570237520364)</t>
  </si>
  <si>
    <t>POINT (4.604126065575569 51.81430511748059)</t>
  </si>
  <si>
    <t>POINT (4.645256636547902 51.82320528389682)</t>
  </si>
  <si>
    <t>POINT (4.627781669459405 51.809098474524305)</t>
  </si>
  <si>
    <t>POINT (4.632772924394859 51.82522235414227)</t>
  </si>
  <si>
    <t>POINT (4.570750683110153 51.82739750454283)</t>
  </si>
  <si>
    <t>POINT (4.6576946533523085 51.82453657723756)</t>
  </si>
  <si>
    <t>POINT (4.662949657454028 51.82155259508695)</t>
  </si>
  <si>
    <t>POINT (4.658910637850544 51.82135718534683)</t>
  </si>
  <si>
    <t>POINT (4.5740150778545665 51.8206996824361)</t>
  </si>
  <si>
    <t>POINT (4.655190103626136 51.823398010759995)</t>
  </si>
  <si>
    <t>POINT (4.653020186574681 51.82080131765841)</t>
  </si>
  <si>
    <t>POINT (4.628722524907323 51.81286380130482)</t>
  </si>
  <si>
    <t>POINT (4.621756232765519 51.81460336826511)</t>
  </si>
  <si>
    <t>POINT (4.615952053141329 51.81761564336648)</t>
  </si>
  <si>
    <t>POINT (4.634195096035839 51.80956518709048)</t>
  </si>
  <si>
    <t>POINT (4.611174565401421 51.81374072415778)</t>
  </si>
  <si>
    <t>POINT (4.629211265187021 51.81344730628222)</t>
  </si>
  <si>
    <t>POINT (4.639995778494644 51.817312702165125)</t>
  </si>
  <si>
    <t>POINT (4.651704514217459 51.820024044374556)</t>
  </si>
  <si>
    <t>POINT (4.626174284628419 51.81457266877439)</t>
  </si>
  <si>
    <t>POINT (4.631955326242105 51.80809836988933)</t>
  </si>
  <si>
    <t>POINT (4.62171868071311 51.814608777225075)</t>
  </si>
  <si>
    <t>POINT (4.631414297919456 51.82265815402585)</t>
  </si>
  <si>
    <t>POINT (4.6429519405338455 51.82570446825235)</t>
  </si>
  <si>
    <t>POINT (4.624487052662427 51.81399672051957)</t>
  </si>
  <si>
    <t>POINT (4.649176477359684 51.819411631390956)</t>
  </si>
  <si>
    <t>POINT (4.634980333687645 51.80995828390064)</t>
  </si>
  <si>
    <t>POINT (4.628523757818013 51.82432163225851)</t>
  </si>
  <si>
    <t>POINT (4.628370432681853 51.82426820100731)</t>
  </si>
  <si>
    <t>POINT (4.638566030388129 51.825282224288046)</t>
  </si>
  <si>
    <t>POINT (4.63332091115027 51.80928906789301)</t>
  </si>
  <si>
    <t>POINT (4.641488041212991 51.825920864732836)</t>
  </si>
  <si>
    <t>POINT (4.652609961002054 51.815256184114645)</t>
  </si>
  <si>
    <t>POINT (4.622284036498278 51.811843633358194)</t>
  </si>
  <si>
    <t>POINT (4.6349056252497425 51.80857459542367)</t>
  </si>
  <si>
    <t>POINT (4.644600991018122 51.81719336729888)</t>
  </si>
  <si>
    <t>POINT (4.655615270822266 51.826087807969245)</t>
  </si>
  <si>
    <t>POINT (4.603148149727554 51.81324252858328)</t>
  </si>
  <si>
    <t>POINT (4.639390213953967 51.808770945102765)</t>
  </si>
  <si>
    <t>POINT (4.614547876737319 51.81325608182247)</t>
  </si>
  <si>
    <t>POINT (4.6351322418176055 51.81921356822312)</t>
  </si>
  <si>
    <t>POINT (4.601510716367819 51.81324785552825)</t>
  </si>
  <si>
    <t>POINT (4.619237066525349 51.814941748383035)</t>
  </si>
  <si>
    <t>POINT (4.56554918946579 51.83379872654178)</t>
  </si>
  <si>
    <t>POINT (4.643762756069211 51.81543519305172)</t>
  </si>
  <si>
    <t>POINT (4.607945899135672 51.825800738316126)</t>
  </si>
  <si>
    <t>POINT (4.6151098637733385 51.817613701181536)</t>
  </si>
  <si>
    <t>POINT (4.619448721493618 51.8304147146911)</t>
  </si>
  <si>
    <t>POINT (4.646413683168876 51.81354129280822)</t>
  </si>
  <si>
    <t>POINT (4.6096429527524565 51.81912404522511)</t>
  </si>
  <si>
    <t>POINT (4.611128949829467 51.81371241362952)</t>
  </si>
  <si>
    <t>POINT (4.647136141048543 51.82734181320856)</t>
  </si>
  <si>
    <t>POINT (4.644063691467342 51.81617587085945)</t>
  </si>
  <si>
    <t>POINT (4.648652392820674 51.81466101243076)</t>
  </si>
  <si>
    <t>POINT (4.569726969803802 51.838630309434954)</t>
  </si>
  <si>
    <t>POINT (4.650513714967722 51.81395967469967)</t>
  </si>
  <si>
    <t>POINT (4.6394406468052 51.82269136260879)</t>
  </si>
  <si>
    <t>POINT (4.618461241394695 51.81540796525929)</t>
  </si>
  <si>
    <t>POINT (4.603242897688658 51.818842268951386)</t>
  </si>
  <si>
    <t>POINT (4.619035289664572 51.82058201466027)</t>
  </si>
  <si>
    <t>POINT (4.632643000984595 51.80743007867519)</t>
  </si>
  <si>
    <t>POINT (4.564769386585744 51.83685697203193)</t>
  </si>
  <si>
    <t>POINT (4.639218117102171 51.82566254026114)</t>
  </si>
  <si>
    <t>POINT (4.607412926097979 51.819807987706625)</t>
  </si>
  <si>
    <t>POINT (4.619290880125763 51.81444488062883)</t>
  </si>
  <si>
    <t>POINT (4.643148097023194 51.8187715771111)</t>
  </si>
  <si>
    <t>POINT (4.614959393257098 51.82048342865737)</t>
  </si>
  <si>
    <t>POINT (4.657649785183935 51.82889622617612)</t>
  </si>
  <si>
    <t>POINT (4.615624945320415 51.815860459392894)</t>
  </si>
  <si>
    <t>POINT (4.63825678845972 51.81190543973242)</t>
  </si>
  <si>
    <t>POINT (4.636370309814249 51.821620200829585)</t>
  </si>
  <si>
    <t>POINT (4.648989611837414 51.81946798375195)</t>
  </si>
  <si>
    <t>POINT (4.61483471911259 51.81531536271017)</t>
  </si>
  <si>
    <t>POINT (4.634802651162285 51.80871741299166)</t>
  </si>
  <si>
    <t>POINT (4.567337219678616 51.838694156300605)</t>
  </si>
  <si>
    <t>POINT (4.604978494473511 51.81922721450393)</t>
  </si>
  <si>
    <t>POINT (4.656375828442839 51.829672490780084)</t>
  </si>
  <si>
    <t>POINT (4.648056073686873 51.81631434128228)</t>
  </si>
  <si>
    <t>POINT (4.612675671583847 51.813325492451035)</t>
  </si>
  <si>
    <t>POINT (4.601392872410546 51.81420628134203)</t>
  </si>
  <si>
    <t>POINT (4.622197883699114 51.81273406938024)</t>
  </si>
  <si>
    <t>POINT (4.604095374314 51.81398975874496)</t>
  </si>
  <si>
    <t>POINT (4.621723603572092 51.81491160319839)</t>
  </si>
  <si>
    <t>POINT (4.657858761714016 51.82013502481687)</t>
  </si>
  <si>
    <t>POINT (4.629196710705161 51.80742806435395)</t>
  </si>
  <si>
    <t>POINT (4.616223558181761 51.8197789708283)</t>
  </si>
  <si>
    <t>POINT (4.609893746992782 51.81864185266233)</t>
  </si>
  <si>
    <t>POINT (4.605035287412695 51.82170495737882)</t>
  </si>
  <si>
    <t>POINT (4.601349111993938 51.815492851390395)</t>
  </si>
  <si>
    <t>POINT (4.652625034776481 51.82053903627278)</t>
  </si>
  <si>
    <t>POINT (4.625567666466734 51.813564271678075)</t>
  </si>
  <si>
    <t>POINT (4.659602434511093 51.82849357307434)</t>
  </si>
  <si>
    <t>POINT (4.63062769385443 51.81041073902803)</t>
  </si>
  <si>
    <t>POINT (4.599151852251725 51.81344837049154)</t>
  </si>
  <si>
    <t>POINT (4.562337299711717 51.8358705433266)</t>
  </si>
  <si>
    <t>POINT (4.562384839101038 51.834257396898465)</t>
  </si>
  <si>
    <t>POINT (4.639278747192571 51.80823768081328)</t>
  </si>
  <si>
    <t>POINT (4.6607340806074085 51.82316355100798)</t>
  </si>
  <si>
    <t>POINT (4.615301559326478 51.82196532081213)</t>
  </si>
  <si>
    <t>POINT (4.565502881886621 51.83246511935879)</t>
  </si>
  <si>
    <t>3335KG</t>
  </si>
  <si>
    <t>Winkelhaak</t>
  </si>
  <si>
    <t>POINT (4.61399726231107 51.828323250781466)</t>
  </si>
  <si>
    <t>POINT (4.658765084509748 51.81951270449397)</t>
  </si>
  <si>
    <t>POINT (4.600707701481653 51.810241864947)</t>
  </si>
  <si>
    <t>POINT (4.658818627523316 51.82558332225941)</t>
  </si>
  <si>
    <t>POINT (4.651172291490949 51.81746597077472)</t>
  </si>
  <si>
    <t>POINT (4.645637069403367 51.81424518241244)</t>
  </si>
  <si>
    <t>POINT (4.62794493309794 51.80906581434218)</t>
  </si>
  <si>
    <t>POINT (4.655212922197131 51.82337290387899)</t>
  </si>
  <si>
    <t>POINT (4.655044301406032 51.81979016035903)</t>
  </si>
  <si>
    <t>POINT (4.612653080166968 51.813381028494376)</t>
  </si>
  <si>
    <t>POINT (4.604274244456192 51.81412603490367)</t>
  </si>
  <si>
    <t>POINT (4.609896772616134 51.818423500689434)</t>
  </si>
  <si>
    <t>POINT (4.631012106723325 51.8130798345603)</t>
  </si>
  <si>
    <t>POINT (4.63505146807404 51.819169275626834)</t>
  </si>
  <si>
    <t>POINT (4.611030959230835 51.8195589028856)</t>
  </si>
  <si>
    <t>POINT (4.617717130860549 51.81745378345655)</t>
  </si>
  <si>
    <t>POINT (4.638228304431678 51.82546272886041)</t>
  </si>
  <si>
    <t>POINT (4.632765140453477 51.81924878435368)</t>
  </si>
  <si>
    <t>POINT (4.648750848465087 51.81801756826096)</t>
  </si>
  <si>
    <t>POINT (4.630884671488068 51.81216900537911)</t>
  </si>
  <si>
    <t>POINT (4.627302435436096 51.80798575092)</t>
  </si>
  <si>
    <t>POINT (4.627247839293273 51.81268333124519)</t>
  </si>
  <si>
    <t>POINT (4.624767665120401 51.813662815535174)</t>
  </si>
  <si>
    <t>POINT (4.617585163973268 51.83029500615964)</t>
  </si>
  <si>
    <t>POINT (4.630339993402394 51.81270920275012)</t>
  </si>
  <si>
    <t>POINT (4.629981283934673 51.812619590318434)</t>
  </si>
  <si>
    <t>POINT (4.647324943581369 51.827283597275084)</t>
  </si>
  <si>
    <t>POINT (4.649485119743226 51.81722116819443)</t>
  </si>
  <si>
    <t>POINT (4.643192591980276 51.82123658511517)</t>
  </si>
  <si>
    <t>POINT (4.6579574653541576 51.830227588967816)</t>
  </si>
  <si>
    <t>POINT (4.639788333178068 51.818122862709856)</t>
  </si>
  <si>
    <t>POINT (4.603699449930386 51.81461773848895)</t>
  </si>
  <si>
    <t>POINT (4.656625907041875 51.82335218870726)</t>
  </si>
  <si>
    <t>POINT (4.631429713377689 51.80975760094165)</t>
  </si>
  <si>
    <t>POINT (4.619442318844065 51.83041414248021)</t>
  </si>
  <si>
    <t>POINT (4.637929007506651 51.82420676154624)</t>
  </si>
  <si>
    <t>POINT (4.6406389207321235 51.81991264021047)</t>
  </si>
  <si>
    <t>POINT (4.618373189576173 51.814521307574765)</t>
  </si>
  <si>
    <t>POINT (4.632212282622388 51.80922545517603)</t>
  </si>
  <si>
    <t>POINT (4.642629963312686 51.819969899403915)</t>
  </si>
  <si>
    <t>POINT (4.56860547396967 51.83695579339411)</t>
  </si>
  <si>
    <t>POINT (4.6633754150103455 51.821460534906834)</t>
  </si>
  <si>
    <t>POINT (4.628980836599446 51.812023830588906)</t>
  </si>
  <si>
    <t>POINT (4.618637299108047 51.818182388942)</t>
  </si>
  <si>
    <t>POINT (4.639511047702335 51.81937960369145)</t>
  </si>
  <si>
    <t>POINT (4.606164707488272 51.822132108299904)</t>
  </si>
  <si>
    <t>POINT (4.632966678696627 51.81055153907673)</t>
  </si>
  <si>
    <t>POINT (4.608536463201856 51.81552559680842)</t>
  </si>
  <si>
    <t>POINT (4.63624384825666 51.81643629290152)</t>
  </si>
  <si>
    <t>POINT (4.5976122992891 51.816798955420666)</t>
  </si>
  <si>
    <t>POINT (4.634269522324056 51.82033215432911)</t>
  </si>
  <si>
    <t>POINT (4.613179813849783 51.822172307843346)</t>
  </si>
  <si>
    <t>POINT (4.560477040141877 51.83452907246596)</t>
  </si>
  <si>
    <t>POINT (4.561962949438993 51.832348942268695)</t>
  </si>
  <si>
    <t>POINT (4.658382315031031 51.82628559533476)</t>
  </si>
  <si>
    <t>POINT (4.6334663147899855 51.81279938258099)</t>
  </si>
  <si>
    <t>POINT (4.608278316045829 51.81349742893536)</t>
  </si>
  <si>
    <t>POINT (4.62581962149839 51.81085286998127)</t>
  </si>
  <si>
    <t>POINT (4.612780912045214 51.81813352649718)</t>
  </si>
  <si>
    <t>POINT (4.612637496908583 51.81319747474949)</t>
  </si>
  <si>
    <t>POINT (4.628775096497647 51.81188956701008)</t>
  </si>
  <si>
    <t>POINT (4.614202009733913 51.819384902406064)</t>
  </si>
  <si>
    <t>POINT (4.661356713366329 51.82398903060061)</t>
  </si>
  <si>
    <t>POINT (4.6070622533620496 51.81318425545295)</t>
  </si>
  <si>
    <t>POINT (4.636204173016742 51.81155722264557)</t>
  </si>
  <si>
    <t>POINT (4.563890950193825 51.83682656286723)</t>
  </si>
  <si>
    <t>POINT (4.655079927948251 51.82624613132846)</t>
  </si>
  <si>
    <t>POINT (4.657605007162876 51.822223872287815)</t>
  </si>
  <si>
    <t>POINT (4.659926837079112 51.81973826225649)</t>
  </si>
  <si>
    <t>POINT (4.645644125374933 51.820612842792606)</t>
  </si>
  <si>
    <t>POINT (4.656305290571087 51.81814385119525)</t>
  </si>
  <si>
    <t>POINT (4.610876654902542 51.814870281484076)</t>
  </si>
  <si>
    <t>POINT (4.564986033667162 51.83617559670508)</t>
  </si>
  <si>
    <t>POINT (4.640595158587615 51.82567721313422)</t>
  </si>
  <si>
    <t>POINT (4.608150389384174 51.819433300553385)</t>
  </si>
  <si>
    <t>POINT (4.641363832925934 51.819198935810924)</t>
  </si>
  <si>
    <t>POINT (4.635099416769063 51.82134080277852)</t>
  </si>
  <si>
    <t>POINT (4.607689309210204 51.82034033814765)</t>
  </si>
  <si>
    <t>POINT (4.5616809795645805 51.83477834494441)</t>
  </si>
  <si>
    <t>POINT (4.656728287842785 51.82121033896331)</t>
  </si>
  <si>
    <t>POINT (4.657124484216836 51.81915778556351)</t>
  </si>
  <si>
    <t>POINT (4.601870005160483 51.82105016880495)</t>
  </si>
  <si>
    <t>POINT (4.625479593684378 51.81256950336054)</t>
  </si>
  <si>
    <t>POINT (4.632515123817664 51.81993547766073)</t>
  </si>
  <si>
    <t>POINT (4.653515997421919 51.81574686350754)</t>
  </si>
  <si>
    <t>POINT (4.649615709428747 51.81572663074674)</t>
  </si>
  <si>
    <t>POINT (4.612661663717413 51.81340983109031)</t>
  </si>
  <si>
    <t>POINT (4.630896298154424 51.813075205130254)</t>
  </si>
  <si>
    <t>POINT (4.634314865394973 51.80947712017876)</t>
  </si>
  <si>
    <t>POINT (4.6568003639836055 51.82946807920369)</t>
  </si>
  <si>
    <t>POINT (4.641350470286984 51.81912118858239)</t>
  </si>
  <si>
    <t>POINT (4.569425855500871 51.83873950181821)</t>
  </si>
  <si>
    <t>POINT (4.568710218719203 51.83508385420177)</t>
  </si>
  <si>
    <t>POINT (4.63598250392644 51.8236699729703)</t>
  </si>
  <si>
    <t>POINT (4.617894768113626 51.82046483698482)</t>
  </si>
  <si>
    <t>POINT (4.657417244278362 51.824219530065754)</t>
  </si>
  <si>
    <t>POINT (4.657708728398898 51.82001855190182)</t>
  </si>
  <si>
    <t>POINT (4.619827948171105 51.81310582085995)</t>
  </si>
  <si>
    <t>POINT (4.646743597628296 51.82386363017099)</t>
  </si>
  <si>
    <t>POINT (4.653314399303715 51.82208486263399)</t>
  </si>
  <si>
    <t>POINT (4.635886308330802 51.810244292964065)</t>
  </si>
  <si>
    <t>POINT (4.567697255252569 51.83510292619326)</t>
  </si>
  <si>
    <t>POINT (4.627409062119049 51.81236381974068)</t>
  </si>
  <si>
    <t>POINT (4.640966329261617 51.81718772343151)</t>
  </si>
  <si>
    <t>POINT (4.6339337487642975 51.812696631817595)</t>
  </si>
  <si>
    <t>POINT (4.562877189247385 51.832275572947864)</t>
  </si>
  <si>
    <t>POINT (4.648768402363338 51.825801294500906)</t>
  </si>
  <si>
    <t>POINT (4.608798653980228 51.822550072250685)</t>
  </si>
  <si>
    <t>POINT (4.641230203594936 51.80964412500985)</t>
  </si>
  <si>
    <t>POINT (4.63772220393657 51.82348777507727)</t>
  </si>
  <si>
    <t>POINT (4.632673052489321 51.80830487366527)</t>
  </si>
  <si>
    <t>POINT (4.613894278783524 51.81435768621496)</t>
  </si>
  <si>
    <t>POINT (4.632958975425278 51.80962678499827)</t>
  </si>
  <si>
    <t>POINT (4.641383474227946 51.818034638288545)</t>
  </si>
  <si>
    <t>POINT (4.658349283232828 51.830105772143504)</t>
  </si>
  <si>
    <t>POINT (4.608348631323182 51.81382013256835)</t>
  </si>
  <si>
    <t>POINT (4.649510150101555 51.817590895431756)</t>
  </si>
  <si>
    <t>POINT (4.609457782099999 51.81349506756605)</t>
  </si>
  <si>
    <t>POINT (4.615387088677185 51.81313070155247)</t>
  </si>
  <si>
    <t>POINT (4.565051975031303 51.83871380567863)</t>
  </si>
  <si>
    <t>POINT (4.658183359255548 51.82400164158714)</t>
  </si>
  <si>
    <t>POINT (4.615389277997871 51.81493081535052)</t>
  </si>
  <si>
    <t>POINT (4.641968469338504 51.816355248330524)</t>
  </si>
  <si>
    <t>POINT (4.61777604924843 51.814396208027766)</t>
  </si>
  <si>
    <t>POINT (4.650272452703196 51.81466773613761)</t>
  </si>
  <si>
    <t>POINT (4.612868306061467 51.81961899457489)</t>
  </si>
  <si>
    <t>POINT (4.637938941738724 51.81073952632863)</t>
  </si>
  <si>
    <t>POINT (4.604396634494861 51.815678450157655)</t>
  </si>
  <si>
    <t>POINT (4.6224873671298425 51.81217181529649)</t>
  </si>
  <si>
    <t>POINT (4.637869340290044 51.81787553547245)</t>
  </si>
  <si>
    <t>POINT (4.639460951131986 51.817190195555945)</t>
  </si>
  <si>
    <t>POINT (4.6263900806502996 51.81317120870216)</t>
  </si>
  <si>
    <t>POINT (4.65178578926736 51.82369509059436)</t>
  </si>
  <si>
    <t>POINT (4.618653068643898 51.81959596743313)</t>
  </si>
  <si>
    <t>POINT (4.56193946709895 51.834120541003045)</t>
  </si>
  <si>
    <t>POINT (4.654617013631452 51.819934333107774)</t>
  </si>
  <si>
    <t>POINT (4.655202720495405 51.82608199995496)</t>
  </si>
  <si>
    <t>POINT (4.645953468447014 51.816077207377106)</t>
  </si>
  <si>
    <t>POINT (4.600317849699773 51.81391524055809)</t>
  </si>
  <si>
    <t>POINT (4.6281895474427195 51.80916572439199)</t>
  </si>
  <si>
    <t>POINT (4.637628815491438 51.82352106606649)</t>
  </si>
  <si>
    <t>POINT (4.614825021191214 51.81945344431031)</t>
  </si>
  <si>
    <t>POINT (4.605780953997329 51.8213754180819)</t>
  </si>
  <si>
    <t>POINT (4.569444336700338 51.835502344822615)</t>
  </si>
  <si>
    <t>POINT (4.638928380254705 51.82550475774988)</t>
  </si>
  <si>
    <t>POINT (4.6266965542223835 51.82779742225099)</t>
  </si>
  <si>
    <t>POINT (4.608602824479936 51.821119836540454)</t>
  </si>
  <si>
    <t>POINT (4.6153422129894155 51.81311157502176)</t>
  </si>
  <si>
    <t>POINT (4.618185917085764 51.82057448377935)</t>
  </si>
  <si>
    <t>POINT (4.645358165313805 51.814448343933044)</t>
  </si>
  <si>
    <t>POINT (4.615514441999899 51.82028149861541)</t>
  </si>
  <si>
    <t>POINT (4.659997522922197 51.82281431011517)</t>
  </si>
  <si>
    <t>POINT (4.638407596250611 51.809319722553155)</t>
  </si>
  <si>
    <t>POINT (4.600422461761898 51.815490417752486)</t>
  </si>
  <si>
    <t>POINT (4.644257682261431 51.81965200153771)</t>
  </si>
  <si>
    <t>POINT (4.560954745486037 51.83603186725439)</t>
  </si>
  <si>
    <t>POINT (4.630337948915083 51.82021145099706)</t>
  </si>
  <si>
    <t>POINT (4.655830067940531 51.82037295978175)</t>
  </si>
  <si>
    <t>POINT (4.614594871087476 51.81299586207057)</t>
  </si>
  <si>
    <t>POINT (4.656934169890746 51.82036683725442)</t>
  </si>
  <si>
    <t>POINT (4.56098467210719 51.834235433425846)</t>
  </si>
  <si>
    <t>POINT (4.562018163687278 51.83313268218698)</t>
  </si>
  <si>
    <t>POINT (4.645873528175858 51.81544307150373)</t>
  </si>
  <si>
    <t>POINT (4.656949379840434 51.819902504852365)</t>
  </si>
  <si>
    <t>POINT (4.560376662804804 51.83295355403147)</t>
  </si>
  <si>
    <t>POINT (4.653482914383172 51.81755407452748)</t>
  </si>
  <si>
    <t>POINT (4.644663462251695 51.81780235095277)</t>
  </si>
  <si>
    <t>POINT (4.621033178915356 51.81151839609031)</t>
  </si>
  <si>
    <t>POINT (4.604308655404888 51.81450119346067)</t>
  </si>
  <si>
    <t>POINT (4.61900144772286 51.819473269221454)</t>
  </si>
  <si>
    <t>POINT (4.635762530970533 51.80870306951147)</t>
  </si>
  <si>
    <t>POINT (4.6324194163401 51.808972299283816)</t>
  </si>
  <si>
    <t>POINT (4.655149049541634 51.821189695014525)</t>
  </si>
  <si>
    <t>POINT (4.65224566435993 51.82277216414886)</t>
  </si>
  <si>
    <t>POINT (4.634083105734509 51.821327328432766)</t>
  </si>
  <si>
    <t>POINT (4.6320971488150136 51.809775974050424)</t>
  </si>
  <si>
    <t>POINT (4.607450427229492 51.820684556407045)</t>
  </si>
  <si>
    <t>POINT (4.62966155269604 51.808918240173675)</t>
  </si>
  <si>
    <t>POINT (4.611219006804997 51.82087150161082)</t>
  </si>
  <si>
    <t>POINT (4.632264056967145 51.8111113591049)</t>
  </si>
  <si>
    <t>POINT (4.656454926492939 51.82170726619395)</t>
  </si>
  <si>
    <t>POINT (4.652704892374151 51.82449485171452)</t>
  </si>
  <si>
    <t>POINT (4.628031930183174 51.82329925936506)</t>
  </si>
  <si>
    <t>POINT (4.642820175226368 51.824317190855)</t>
  </si>
  <si>
    <t>POINT (4.652039704771984 51.81510901890822)</t>
  </si>
  <si>
    <t>POINT (4.628839982447669 51.8119332220553)</t>
  </si>
  <si>
    <t>POINT (4.6388942937402025 51.80871218848554)</t>
  </si>
  <si>
    <t>POINT (4.625616934696634 51.81437357556107)</t>
  </si>
  <si>
    <t>POINT (4.614046943838842 51.8189808268723)</t>
  </si>
  <si>
    <t>POINT (4.616939310711855 51.81860621184244)</t>
  </si>
  <si>
    <t>POINT (4.650609799038334 51.81432500292854)</t>
  </si>
  <si>
    <t>POINT (4.641379585846587 51.81008461313234)</t>
  </si>
  <si>
    <t>POINT (4.643534136628259 51.81714846381153)</t>
  </si>
  <si>
    <t>POINT (4.646015780989585 51.814428984724564)</t>
  </si>
  <si>
    <t>POINT (4.661700112288416 51.82432910973891)</t>
  </si>
  <si>
    <t>POINT (4.638782915646197 51.81430224498872)</t>
  </si>
  <si>
    <t>POINT (4.638011393452214 51.82258928702401)</t>
  </si>
  <si>
    <t>POINT (4.613475703517774 51.821792004737496)</t>
  </si>
  <si>
    <t>POINT (4.630505443901503 51.822242772855425)</t>
  </si>
  <si>
    <t>POINT (4.650932645535905 51.814194032225146)</t>
  </si>
  <si>
    <t>POINT (4.5679654104515315 51.838760905669076)</t>
  </si>
  <si>
    <t>POINT (4.640610013219787 51.81369604477964)</t>
  </si>
  <si>
    <t>POINT (4.645029724532594 51.82443882266546)</t>
  </si>
  <si>
    <t>POINT (4.652923051705496 51.820435248182434)</t>
  </si>
  <si>
    <t>POINT (4.650237582691546 51.816578134942304)</t>
  </si>
  <si>
    <t>POINT (4.655718134268406 51.82186574911389)</t>
  </si>
  <si>
    <t>POINT (4.625503675321523 51.80890119384309)</t>
  </si>
  <si>
    <t>POINT (4.646722956784031 51.81087125599709)</t>
  </si>
  <si>
    <t>POINT (4.659457408975106 51.82770568020436)</t>
  </si>
  <si>
    <t>POINT (4.630795839897769 51.8102860169977)</t>
  </si>
  <si>
    <t>POINT (4.635929661416965 51.81021241792075)</t>
  </si>
  <si>
    <t>POINT (4.597865090295143 51.81335508438974)</t>
  </si>
  <si>
    <t>POINT (4.630631448579668 51.81286681154569)</t>
  </si>
  <si>
    <t>POINT (4.645411467861688 51.81534347839682)</t>
  </si>
  <si>
    <t>POINT (4.561292457815732 51.83258087348941)</t>
  </si>
  <si>
    <t>POINT (4.641189028466409 51.81661810541305)</t>
  </si>
  <si>
    <t>POINT (4.657313401871464 51.821946897875556)</t>
  </si>
  <si>
    <t>POINT (4.629910035840449 51.80970660818723)</t>
  </si>
  <si>
    <t>POINT (4.56322751286788 51.837616144648734)</t>
  </si>
  <si>
    <t>POINT (4.631395027786616 51.81129303590463)</t>
  </si>
  <si>
    <t>POINT (4.640960452547128 51.818220828688595)</t>
  </si>
  <si>
    <t>POINT (4.6367385664044285 51.81454576291417)</t>
  </si>
  <si>
    <t>POINT (4.65440652380016 51.82689159448949)</t>
  </si>
  <si>
    <t>POINT (4.654896619492019 51.82099986136259)</t>
  </si>
  <si>
    <t>POINT (4.602518540890933 51.82085012097475)</t>
  </si>
  <si>
    <t>POINT (4.608617871655494 51.81389799978562)</t>
  </si>
  <si>
    <t>POINT (4.599794974431178 51.81326873303289)</t>
  </si>
  <si>
    <t>POINT (4.628621551932667 51.812922995473976)</t>
  </si>
  <si>
    <t>POINT (4.637768990159005 51.8201052869158)</t>
  </si>
  <si>
    <t>POINT (4.560491005969166 51.83272102932178)</t>
  </si>
  <si>
    <t>3332HZ</t>
  </si>
  <si>
    <t>POINT (4.658568748736391 51.82762255002766)</t>
  </si>
  <si>
    <t>POINT (4.633636256754156 51.82054225473662)</t>
  </si>
  <si>
    <t>POINT (4.658882858477446 51.82422173931848)</t>
  </si>
  <si>
    <t>POINT (4.651492604956065 51.82247054104695)</t>
  </si>
  <si>
    <t>POINT (4.570006087155134 51.834670177931514)</t>
  </si>
  <si>
    <t>POINT (4.5693478649782655 51.83591070542975)</t>
  </si>
  <si>
    <t>POINT (4.62904344909642 51.81147313720241)</t>
  </si>
  <si>
    <t>POINT (4.616147573435274 51.81309889198833)</t>
  </si>
  <si>
    <t>POINT (4.618997829216989 51.81347963269639)</t>
  </si>
  <si>
    <t>POINT (4.617970646200393 51.82194846278975)</t>
  </si>
  <si>
    <t>POINT (4.619257009879431 51.81524726156672)</t>
  </si>
  <si>
    <t>POINT (4.634128419112112 51.82413743152317)</t>
  </si>
  <si>
    <t>POINT (4.63294134285923 51.80963975023622)</t>
  </si>
  <si>
    <t>POINT (4.638206396491266 51.81749544270121)</t>
  </si>
  <si>
    <t>POINT (4.636440397074171 51.81959468701354)</t>
  </si>
  <si>
    <t>POINT (4.646827916955283 51.82387784286023)</t>
  </si>
  <si>
    <t>POINT (4.645423009076885 51.81555960358299)</t>
  </si>
  <si>
    <t>POINT (4.620011537056253 51.813717319246585)</t>
  </si>
  <si>
    <t>POINT (4.558351773003175 51.831906016228125)</t>
  </si>
  <si>
    <t>POINT (4.6398216135475865 51.810975260935834)</t>
  </si>
  <si>
    <t>POINT (4.643263705880539 51.82081579894655)</t>
  </si>
  <si>
    <t>POINT (4.655611805940991 51.82454977030583)</t>
  </si>
  <si>
    <t>POINT (4.618445327757554 51.81535462084058)</t>
  </si>
  <si>
    <t>POINT (4.645222886310257 51.81447298962788)</t>
  </si>
  <si>
    <t>POINT (4.640986859906663 51.81339872246449)</t>
  </si>
  <si>
    <t>POINT (4.6394134602949695 51.825745375269044)</t>
  </si>
  <si>
    <t>POINT (4.641201150226722 51.810883886900434)</t>
  </si>
  <si>
    <t>POINT (4.6177427020507205 51.814289491035154)</t>
  </si>
  <si>
    <t>POINT (4.625391027936868 51.813005627137706)</t>
  </si>
  <si>
    <t>POINT (4.637731111686909 51.81031798615551)</t>
  </si>
  <si>
    <t>POINT (4.651346695272722 51.827271827700166)</t>
  </si>
  <si>
    <t>POINT (4.63045608393115 51.80861549434976)</t>
  </si>
  <si>
    <t>POINT (4.625810304925866 51.81479814470594)</t>
  </si>
  <si>
    <t>POINT (4.628665676432212 51.81182088713444)</t>
  </si>
  <si>
    <t>POINT (4.630938133421514 51.810179213406705)</t>
  </si>
  <si>
    <t>POINT (4.64499264575775 51.82450061012309)</t>
  </si>
  <si>
    <t>POINT (4.627748176317133 51.81500573862627)</t>
  </si>
  <si>
    <t>POINT (4.638019871068932 51.81808162756126)</t>
  </si>
  <si>
    <t>POINT (4.641924673726782 51.81849812665253)</t>
  </si>
  <si>
    <t>POINT (4.653814688420009 51.82188526811911)</t>
  </si>
  <si>
    <t>POINT (4.653254044457253 51.82093664874409)</t>
  </si>
  <si>
    <t>POINT (4.562925238592631 51.83236214844829)</t>
  </si>
  <si>
    <t>POINT (4.6562508829995 51.82015748006272)</t>
  </si>
  <si>
    <t>POINT (4.610998623962306 51.806977626873326)</t>
  </si>
  <si>
    <t>POINT (4.651759122869076 51.823694528005156)</t>
  </si>
  <si>
    <t>POINT (4.646847130660238 51.81829641238279)</t>
  </si>
  <si>
    <t>POINT (4.646949485911355 51.81906288531887)</t>
  </si>
  <si>
    <t>POINT (4.602136253973457 51.81879418843315)</t>
  </si>
  <si>
    <t>POINT (4.641679393260974 51.81643327686971)</t>
  </si>
  <si>
    <t>POINT (4.619570330711866 51.819979136902475)</t>
  </si>
  <si>
    <t>POINT (4.6055743169045416 51.820843554622186)</t>
  </si>
  <si>
    <t>POINT (4.626831991345695 51.812153889916154)</t>
  </si>
  <si>
    <t>POINT (4.637623788863633 51.811547827416895)</t>
  </si>
  <si>
    <t>POINT (4.643805500897974 51.820567431783815)</t>
  </si>
  <si>
    <t>POINT (4.641259753766005 51.8173898120111)</t>
  </si>
  <si>
    <t>POINT (4.637346990294009 51.82288367544818)</t>
  </si>
  <si>
    <t>POINT (4.628469787275879 51.806982271941635)</t>
  </si>
  <si>
    <t>POINT (4.601349852839662 51.81405848813298)</t>
  </si>
  <si>
    <t>POINT (4.639466623120778 51.818399364142294)</t>
  </si>
  <si>
    <t>POINT (4.6468194180916464 51.824033167626766)</t>
  </si>
  <si>
    <t>POINT (4.6306515096415914 51.810360331070605)</t>
  </si>
  <si>
    <t>POINT (4.628326061477001 51.80774479919592)</t>
  </si>
  <si>
    <t>POINT (4.631079991734691 51.807101223585974)</t>
  </si>
  <si>
    <t>POINT (4.64391436326474 51.82086962887345)</t>
  </si>
  <si>
    <t>POINT (4.601915214900677 51.81395616973942)</t>
  </si>
  <si>
    <t>POINT (4.560185432562706 51.834862829162155)</t>
  </si>
  <si>
    <t>POINT (4.634425845541177 51.82401742582736)</t>
  </si>
  <si>
    <t>POINT (4.603584638162047 51.819084361516005)</t>
  </si>
  <si>
    <t>POINT (4.648558535428966 51.817837555058425)</t>
  </si>
  <si>
    <t>POINT (4.651784456557127 51.821645887867795)</t>
  </si>
  <si>
    <t>POINT (4.620628958799923 51.81154156283539)</t>
  </si>
  <si>
    <t>POINT (4.632482632053534 51.808955429581644)</t>
  </si>
  <si>
    <t>POINT (4.635102017749491 51.82212459777074)</t>
  </si>
  <si>
    <t>POINT (4.6352972674356 51.80795579700066)</t>
  </si>
  <si>
    <t>POINT (4.651875456059045 51.823615446403835)</t>
  </si>
  <si>
    <t>POINT (4.640504648139539 51.81735724400766)</t>
  </si>
  <si>
    <t>POINT (4.65610439289151 51.82101304489334)</t>
  </si>
  <si>
    <t>POINT (4.632696888473391 51.80958929808557)</t>
  </si>
  <si>
    <t>POINT (4.655280373635979 51.81900400865978)</t>
  </si>
  <si>
    <t>POINT (4.639365992897032 51.81481074949734)</t>
  </si>
  <si>
    <t>POINT (4.631347200924757 51.809817383739556)</t>
  </si>
  <si>
    <t>POINT (4.643578422150473 51.82037643974816)</t>
  </si>
  <si>
    <t>POINT (4.616181904495656 51.81983308790321)</t>
  </si>
  <si>
    <t>POINT (4.632114074208353 51.807085464645475)</t>
  </si>
  <si>
    <t>POINT (4.625431035142663 51.82898861379782)</t>
  </si>
  <si>
    <t>POINT (4.56183672553399 51.8323228503454)</t>
  </si>
  <si>
    <t>POINT (4.568458859743345 51.8388180199113)</t>
  </si>
  <si>
    <t>POINT (4.651847912250078 51.81469166797777)</t>
  </si>
  <si>
    <t>POINT (4.624909064444101 51.8123873187237)</t>
  </si>
  <si>
    <t>POINT (4.607821338016435 51.82065520902402)</t>
  </si>
  <si>
    <t>POINT (4.658843164929944 51.82140636615415)</t>
  </si>
  <si>
    <t>POINT (4.64205415156338 51.82112049177144)</t>
  </si>
  <si>
    <t>POINT (4.612762625143936 51.81815787312098)</t>
  </si>
  <si>
    <t>POINT (4.658793957353036 51.820923953145275)</t>
  </si>
  <si>
    <t>POINT (4.6276886962867625 51.8149646797775)</t>
  </si>
  <si>
    <t>POINT (4.657978247609212 51.82008127791461)</t>
  </si>
  <si>
    <t>POINT (4.641578434469425 51.82139363905108)</t>
  </si>
  <si>
    <t>POINT (4.6068167746024855 51.815907942992865)</t>
  </si>
  <si>
    <t>POINT (4.61864055731118 51.819029093201905)</t>
  </si>
  <si>
    <t>POINT (4.601914605476171 51.81900641256486)</t>
  </si>
  <si>
    <t>POINT (4.641752243401388 51.825933985579134)</t>
  </si>
  <si>
    <t>POINT (4.656596827672892 51.82932034217815)</t>
  </si>
  <si>
    <t>POINT (4.632057854407015 51.813785359620844)</t>
  </si>
  <si>
    <t>POINT (4.636427965589261 51.82112651502113)</t>
  </si>
  <si>
    <t>POINT (4.633308170596867 51.8116077764489)</t>
  </si>
  <si>
    <t>POINT (4.64165072503979 51.816442649732835)</t>
  </si>
  <si>
    <t>POINT (4.613741106605444 51.82166568287334)</t>
  </si>
  <si>
    <t>POINT (4.635980830809691 51.82070959861688)</t>
  </si>
  <si>
    <t>POINT (4.608300375657059 51.81974142273889)</t>
  </si>
  <si>
    <t>POINT (4.638486061208822 51.82401248424021)</t>
  </si>
  <si>
    <t>POINT (4.624599050705115 51.81543383568442)</t>
  </si>
  <si>
    <t>POINT (4.597817164938327 51.813214025335085)</t>
  </si>
  <si>
    <t>POINT (4.636626663193598 51.81229063550718)</t>
  </si>
  <si>
    <t>POINT (4.643408900806241 51.821405334518495)</t>
  </si>
  <si>
    <t>POINT (4.630378305002103 51.81273441148492)</t>
  </si>
  <si>
    <t>POINT (4.608657021068434 51.814674355255136)</t>
  </si>
  <si>
    <t>POINT (4.614542893673567 51.813060283604784)</t>
  </si>
  <si>
    <t>POINT (4.646082075538132 51.82570354619954)</t>
  </si>
  <si>
    <t>POINT (4.615945205765313 51.81743009820284)</t>
  </si>
  <si>
    <t>POINT (4.604138521852341 51.82128999961841)</t>
  </si>
  <si>
    <t>POINT (4.6359386993974745 51.82474108181734)</t>
  </si>
  <si>
    <t>POINT (4.629087660153776 51.80718621955311)</t>
  </si>
  <si>
    <t>POINT (4.643559697778731 51.82650486154948)</t>
  </si>
  <si>
    <t>POINT (4.644664649257081 51.819771232260216)</t>
  </si>
  <si>
    <t>POINT (4.6508543874841735 51.82770485290738)</t>
  </si>
  <si>
    <t>POINT (4.659378746266805 51.83073759107075)</t>
  </si>
  <si>
    <t>POINT (4.627374523916055 51.81467213992062)</t>
  </si>
  <si>
    <t>POINT (4.628846205271258 51.824429396217255)</t>
  </si>
  <si>
    <t>POINT (4.61627112531619 51.8210963636273)</t>
  </si>
  <si>
    <t>POINT (4.6472970031519525 51.816696476216606)</t>
  </si>
  <si>
    <t>POINT (4.641520957861517 51.825788355910994)</t>
  </si>
  <si>
    <t>POINT (4.606648594059909 51.81925011822397)</t>
  </si>
  <si>
    <t>POINT (4.616193262602233 51.822447215229964)</t>
  </si>
  <si>
    <t>POINT (4.630359828339466 51.809378320957016)</t>
  </si>
  <si>
    <t>POINT (4.6257044624515276 51.82214058498169)</t>
  </si>
  <si>
    <t>POINT (4.60091319531569 51.81308747639392)</t>
  </si>
  <si>
    <t>POINT (4.6189679572774835 51.81219013113367)</t>
  </si>
  <si>
    <t>POINT (4.609943129524505 51.81861596861293)</t>
  </si>
  <si>
    <t>POINT (4.5606804816626045 51.83667822311025)</t>
  </si>
  <si>
    <t>POINT (4.658528562021728 51.82768374710193)</t>
  </si>
  <si>
    <t>POINT (4.648072379969396 51.81923922844991)</t>
  </si>
  <si>
    <t>POINT (4.619248227742183 51.813288760193956)</t>
  </si>
  <si>
    <t>POINT (4.63547601112578 51.82260052718357)</t>
  </si>
  <si>
    <t>POINT (4.62980322895246 51.81253758780535)</t>
  </si>
  <si>
    <t>POINT (4.642943821732551 51.81925836783163)</t>
  </si>
  <si>
    <t>POINT (4.619448109608511 51.81395479279049)</t>
  </si>
  <si>
    <t>POINT (4.642084214415128 51.81628005575729)</t>
  </si>
  <si>
    <t>POINT (4.646317228356278 51.826630433461716)</t>
  </si>
  <si>
    <t>POINT (4.619044343217667 51.81917329102532)</t>
  </si>
  <si>
    <t>POINT (4.563963326415258 51.83309284802938)</t>
  </si>
  <si>
    <t>POINT (4.628765262218663 51.81179141862499)</t>
  </si>
  <si>
    <t>POINT (4.647114367528251 51.82375094047628)</t>
  </si>
  <si>
    <t>POINT (4.636228582060968 51.818640287213306)</t>
  </si>
  <si>
    <t>POINT (4.632231810148314 51.811134477346904)</t>
  </si>
  <si>
    <t>POINT (4.640542597579731 51.82566965188286)</t>
  </si>
  <si>
    <t>POINT (4.62864070783194 51.8121990696107)</t>
  </si>
  <si>
    <t>POINT (4.618399708210383 51.82176533364813)</t>
  </si>
  <si>
    <t>POINT (4.564060084445333 51.83569370176567)</t>
  </si>
  <si>
    <t>POINT (4.613334708563918 51.82096197398439)</t>
  </si>
  <si>
    <t>POINT (4.62906183418108 51.81332572148965)</t>
  </si>
  <si>
    <t>POINT (4.59906440070476 51.813465958416465)</t>
  </si>
  <si>
    <t>POINT (4.626662709986493 51.81310994704866)</t>
  </si>
  <si>
    <t>POINT (4.61916599601075 51.814942173158286)</t>
  </si>
  <si>
    <t>POINT (4.637515490309192 51.82016677753958)</t>
  </si>
  <si>
    <t>POINT (4.6035093983014495 51.81295559431059)</t>
  </si>
  <si>
    <t>POINT (4.657922367988024 51.827212238949414)</t>
  </si>
  <si>
    <t>POINT (4.6273449336116395 51.807777676646786)</t>
  </si>
  <si>
    <t>POINT (4.634846421953702 51.81893218777587)</t>
  </si>
  <si>
    <t>POINT (4.608013500051682 51.81367642525277)</t>
  </si>
  <si>
    <t>POINT (4.634529801999061 51.81080421669998)</t>
  </si>
  <si>
    <t>POINT (4.652498746920313 51.81816028066464)</t>
  </si>
  <si>
    <t>POINT (4.566424856917855 51.834649345284596)</t>
  </si>
  <si>
    <t>POINT (4.6144458602791785 51.817881095798526)</t>
  </si>
  <si>
    <t>POINT (4.645663147058633 51.8152695639331)</t>
  </si>
  <si>
    <t>POINT (4.561761962809553 51.832841631828664)</t>
  </si>
  <si>
    <t>POINT (4.619754423060499 51.83031616617394)</t>
  </si>
  <si>
    <t>POINT (4.655584493265749 51.817406180201814)</t>
  </si>
  <si>
    <t>POINT (4.625981572573779 51.81444565782908)</t>
  </si>
  <si>
    <t>POINT (4.577127626053654 51.82888609000467)</t>
  </si>
  <si>
    <t>POINT (4.657207968737226 51.81779201650936)</t>
  </si>
  <si>
    <t>POINT (4.6334881099353185 51.81151562952386)</t>
  </si>
  <si>
    <t>POINT (4.60275065781801 51.813571826084136)</t>
  </si>
  <si>
    <t>POINT (4.631266387131171 51.81112597008138)</t>
  </si>
  <si>
    <t>POINT (4.608041553647122 51.81628987729297)</t>
  </si>
  <si>
    <t>POINT (4.611949692219775 51.8135978480384)</t>
  </si>
  <si>
    <t>POINT (4.638420680216861 51.82277817154261)</t>
  </si>
  <si>
    <t>POINT (4.647668825770119 51.82010873270916)</t>
  </si>
  <si>
    <t>POINT (4.657555842698229 51.82092239282475)</t>
  </si>
  <si>
    <t>POINT (4.61839314251684 51.81517967313622)</t>
  </si>
  <si>
    <t>POINT (4.613590758049666 51.81880874291708)</t>
  </si>
  <si>
    <t>POINT (4.654449351377907 51.826514822954984)</t>
  </si>
  <si>
    <t>POINT (4.604241163324701 51.813945724948525)</t>
  </si>
  <si>
    <t>POINT (4.636931043396972 51.81932723787333)</t>
  </si>
  <si>
    <t>POINT (4.584156423722156 51.818267719621694)</t>
  </si>
  <si>
    <t>POINT (4.61570562250068 51.81903763863821)</t>
  </si>
  <si>
    <t>POINT (4.661733528585898 51.82455199260199)</t>
  </si>
  <si>
    <t>POINT (4.640667775927016 51.822454556063164)</t>
  </si>
  <si>
    <t>POINT (4.665436918477822 51.82263612152263)</t>
  </si>
  <si>
    <t>POINT (4.613189903517452 51.81803974867665)</t>
  </si>
  <si>
    <t>POINT (4.6565315084474 51.81792260118466)</t>
  </si>
  <si>
    <t>POINT (4.656176295204605 51.82177751239936)</t>
  </si>
  <si>
    <t>POINT (4.5966769902646405 51.815967969190574)</t>
  </si>
  <si>
    <t>POINT (4.662057851737883 51.82516842621096)</t>
  </si>
  <si>
    <t>POINT (4.639601232668203 51.81713394811731)</t>
  </si>
  <si>
    <t>POINT (4.652674070229966 51.820070223856206)</t>
  </si>
  <si>
    <t>POINT (4.63473072099268 51.80735362501321)</t>
  </si>
  <si>
    <t>POINT (4.606381491685555 51.8223368756078)</t>
  </si>
  <si>
    <t>POINT (4.605378251993475 51.81472521326201)</t>
  </si>
  <si>
    <t>POINT (4.657156439858706 51.8210426854757)</t>
  </si>
  <si>
    <t>POINT (4.627207239696455 51.81178140152695)</t>
  </si>
  <si>
    <t>POINT (4.63070840646309 51.812880035687485)</t>
  </si>
  <si>
    <t>POINT (4.656860243171229 51.82124754632415)</t>
  </si>
  <si>
    <t>POINT (4.628592104937418 51.81394647542397)</t>
  </si>
  <si>
    <t>POINT (4.635448226610784 51.81529305866414)</t>
  </si>
  <si>
    <t>POINT (4.6417538635591615 51.82067834577044)</t>
  </si>
  <si>
    <t>POINT (4.634265164641628 51.824284123418764)</t>
  </si>
  <si>
    <t>POINT (4.619608345067562 51.81237230737899)</t>
  </si>
  <si>
    <t>POINT (4.614272343299383 51.8219103947654)</t>
  </si>
  <si>
    <t>POINT (4.645583192784601 51.81426722380042)</t>
  </si>
  <si>
    <t>POINT (4.6031422612759885 51.81988750699841)</t>
  </si>
  <si>
    <t>POINT (4.601762690212624 51.82014508582542)</t>
  </si>
  <si>
    <t>POINT (4.612125307285903 51.81850335399406)</t>
  </si>
  <si>
    <t>POINT (4.650940435429687 51.81864454214262)</t>
  </si>
  <si>
    <t>POINT (4.630917417736325 51.81049956342386)</t>
  </si>
  <si>
    <t>POINT (4.608369484595133 51.82112502087874)</t>
  </si>
  <si>
    <t>POINT (4.637669602718644 51.80848233309377)</t>
  </si>
  <si>
    <t>POINT (4.65547814663103 51.8213343975596)</t>
  </si>
  <si>
    <t>POINT (4.641940401765216 51.81636601832605)</t>
  </si>
  <si>
    <t>POINT (4.621339696221213 51.81272143355334)</t>
  </si>
  <si>
    <t>POINT (4.654383992388134 51.82481314642058)</t>
  </si>
  <si>
    <t>3332GJ</t>
  </si>
  <si>
    <t>Laan van Walburg</t>
  </si>
  <si>
    <t>POINT (4.647975995988794 51.82192987886727)</t>
  </si>
  <si>
    <t>POINT (4.609945395382613 51.818453440560226)</t>
  </si>
  <si>
    <t>POINT (4.655089686741937 51.820297288188506)</t>
  </si>
  <si>
    <t>POINT (4.651045348161093 51.81688302227667)</t>
  </si>
  <si>
    <t>POINT (4.6186348142462075 51.82041816227543)</t>
  </si>
  <si>
    <t>POINT (4.612884439071644 51.81816649707798)</t>
  </si>
  <si>
    <t>POINT (4.564730120304788 51.83682373520204)</t>
  </si>
  <si>
    <t>POINT (4.566562090523012 51.839395704833166)</t>
  </si>
  <si>
    <t>POINT (4.6035671351913345 51.81590883233321)</t>
  </si>
  <si>
    <t>POINT (4.646764707727521 51.823942818815375)</t>
  </si>
  <si>
    <t>POINT (4.6481988038858795 51.81327327809421)</t>
  </si>
  <si>
    <t>POINT (4.629353940553194 51.80747186622172)</t>
  </si>
  <si>
    <t>POINT (4.6169545695065795 51.82229158565666)</t>
  </si>
  <si>
    <t>POINT (4.6139826139376705 51.819682035375294)</t>
  </si>
  <si>
    <t>POINT (4.6369662145890835 51.82062487312541)</t>
  </si>
  <si>
    <t>POINT (4.637298693010168 51.81780068209044)</t>
  </si>
  <si>
    <t>POINT (4.641074904839619 51.817796525957824)</t>
  </si>
  <si>
    <t>POINT (4.653743048732148 51.82196727360447)</t>
  </si>
  <si>
    <t>POINT (4.621508381008371 51.811440752083094)</t>
  </si>
  <si>
    <t>POINT (4.635340331966754 51.80973339246021)</t>
  </si>
  <si>
    <t>POINT (4.651699755443075 51.821341458770576)</t>
  </si>
  <si>
    <t>POINT (4.6403878121025555 51.82577500330252)</t>
  </si>
  <si>
    <t>POINT (4.619660653804342 51.81254690484171)</t>
  </si>
  <si>
    <t>POINT (4.603486425211847 51.81588467098197)</t>
  </si>
  <si>
    <t>POINT (4.568771305710872 51.83658847419334)</t>
  </si>
  <si>
    <t>POINT (4.652097674236792 51.816786293531706)</t>
  </si>
  <si>
    <t>POINT (4.651111474705031 51.81686666415984)</t>
  </si>
  <si>
    <t>POINT (4.63271661006214 51.82575016781931)</t>
  </si>
  <si>
    <t>POINT (4.570006200579474 51.836005402328446)</t>
  </si>
  <si>
    <t>POINT (4.621535372984927 51.82130628419454)</t>
  </si>
  <si>
    <t>BU06420501</t>
  </si>
  <si>
    <t>Noordzijde De Hoge Devel</t>
  </si>
  <si>
    <t>POINT (4.562290831026167 51.83258158369008)</t>
  </si>
  <si>
    <t>POINT (4.621686109036851 51.81460700072253)</t>
  </si>
  <si>
    <t>POINT (4.565644903760597 51.839923841225314)</t>
  </si>
  <si>
    <t>POINT (4.642757240939657 51.816298780785125)</t>
  </si>
  <si>
    <t>POINT (4.634689964550164 51.820475353189295)</t>
  </si>
  <si>
    <t>POINT (4.602589871602139 51.81979958199104)</t>
  </si>
  <si>
    <t>POINT (4.637513182585972 51.81808000094717)</t>
  </si>
  <si>
    <t>POINT (4.621526846969615 51.81354700107019)</t>
  </si>
  <si>
    <t>POINT (4.660304749770077 51.82906186431118)</t>
  </si>
  <si>
    <t>POINT (4.625638791623798 51.814576943194076)</t>
  </si>
  <si>
    <t>POINT (4.626718948379777 51.80840033271641)</t>
  </si>
  <si>
    <t>POINT (4.646976800122219 51.82388678184274)</t>
  </si>
  <si>
    <t>POINT (4.633470399531936 51.81063541333072)</t>
  </si>
  <si>
    <t>POINT (4.568283652638996 51.83573087317309)</t>
  </si>
  <si>
    <t>POINT (4.6496602777061415 51.82661543371845)</t>
  </si>
  <si>
    <t>POINT (4.65743417824302 51.82591948326365)</t>
  </si>
  <si>
    <t>POINT (4.637546821626778 51.81927973046914)</t>
  </si>
  <si>
    <t>POINT (4.653644944709458 51.81751146532177)</t>
  </si>
  <si>
    <t>POINT (4.655953244528155 51.82089924141922)</t>
  </si>
  <si>
    <t>POINT (4.595839022756781 51.82423805949181)</t>
  </si>
  <si>
    <t>POINT (4.6298021322876 51.81145131298839)</t>
  </si>
  <si>
    <t>POINT (4.657374644738437 51.824180793664034)</t>
  </si>
  <si>
    <t>POINT (4.641697812717033 51.821529317635445)</t>
  </si>
  <si>
    <t>POINT (4.626713810688125 51.8085622311634)</t>
  </si>
  <si>
    <t>POINT (4.565506775022139 51.834419534098494)</t>
  </si>
  <si>
    <t>POINT (4.607202817387462 51.820785265632935)</t>
  </si>
  <si>
    <t>POINT (4.622209347906861 51.81261140318378)</t>
  </si>
  <si>
    <t>POINT (4.655213161245908 51.821135147087105)</t>
  </si>
  <si>
    <t>POINT (4.595273907928269 51.81538741883742)</t>
  </si>
  <si>
    <t>POINT (4.636089111716091 51.81009517422286)</t>
  </si>
  <si>
    <t>POINT (4.647046454195948 51.82375791890202)</t>
  </si>
  <si>
    <t>POINT (4.621577427092567 51.81137988154831)</t>
  </si>
  <si>
    <t>POINT (4.598454517038023 51.81424709891661)</t>
  </si>
  <si>
    <t>POINT (4.637336517164295 51.81492441405458)</t>
  </si>
  <si>
    <t>POINT (4.652090688817164 51.817934167853444)</t>
  </si>
  <si>
    <t>POINT (4.642543251671762 51.80975566408699)</t>
  </si>
  <si>
    <t>POINT (4.63222095401968 51.81817720243963)</t>
  </si>
  <si>
    <t>POINT (4.610744128471451 51.81858613386621)</t>
  </si>
  <si>
    <t>POINT (4.648948078925055 51.817480305790916)</t>
  </si>
  <si>
    <t>POINT (4.614923259115601 51.81859157845925)</t>
  </si>
  <si>
    <t>POINT (4.651009810349131 51.81409472388929)</t>
  </si>
  <si>
    <t>POINT (4.6570301187176275 51.82726633176675)</t>
  </si>
  <si>
    <t>POINT (4.631689775233027 51.80806223365413)</t>
  </si>
  <si>
    <t>POINT (4.633287455925366 51.81105312993842)</t>
  </si>
  <si>
    <t>POINT (4.626207733841186 51.81198712065405)</t>
  </si>
  <si>
    <t>POINT (4.614132087127522 51.81936449587814)</t>
  </si>
  <si>
    <t>POINT (4.635110992058226 51.818592106217984)</t>
  </si>
  <si>
    <t>POINT (4.630112138019391 51.81342340501732)</t>
  </si>
  <si>
    <t>POINT (4.631658827486844 51.822985155219314)</t>
  </si>
  <si>
    <t>POINT (4.611813766461628 51.813249364964975)</t>
  </si>
  <si>
    <t>POINT (4.60789436612265 51.82079963934724)</t>
  </si>
  <si>
    <t>POINT (4.637767988607161 51.820417637674325)</t>
  </si>
  <si>
    <t>POINT (4.609617223390493 51.81533455246072)</t>
  </si>
  <si>
    <t>POINT (4.641067142806672 51.81888846812663)</t>
  </si>
  <si>
    <t>POINT (4.65254178368456 51.827880305516565)</t>
  </si>
  <si>
    <t>POINT (4.642493952482715 51.8209200309454)</t>
  </si>
  <si>
    <t>POINT (4.5661354540884815 51.83656747911596)</t>
  </si>
  <si>
    <t>POINT (4.6398548010834535 51.81368328272228)</t>
  </si>
  <si>
    <t>POINT (4.63447431020706 51.810853433483196)</t>
  </si>
  <si>
    <t>POINT (4.648706115417954 51.82215651361605)</t>
  </si>
  <si>
    <t>POINT (4.631728090083815 51.807593745891694)</t>
  </si>
  <si>
    <t>POINT (4.650082383127879 51.81707400098438)</t>
  </si>
  <si>
    <t>POINT (4.638659097474769 51.82033383304078)</t>
  </si>
  <si>
    <t>POINT (4.661692127455804 51.824861180636766)</t>
  </si>
  <si>
    <t>POINT (4.565144850608669 51.832249983680526)</t>
  </si>
  <si>
    <t>POINT (4.65485613563509 51.81740761486488)</t>
  </si>
  <si>
    <t>POINT (4.567420329632542 51.83427450450555)</t>
  </si>
  <si>
    <t>POINT (4.644556021080969 51.81636552075701)</t>
  </si>
  <si>
    <t>POINT (4.6387852164937415 51.8087787733085)</t>
  </si>
  <si>
    <t>POINT (4.619308352334205 51.81518070349916)</t>
  </si>
  <si>
    <t>POINT (4.6563039310064225 51.82675743080217)</t>
  </si>
  <si>
    <t>POINT (4.597215905366132 51.8164234080302)</t>
  </si>
  <si>
    <t>POINT (4.623470968707586 51.81416293823876)</t>
  </si>
  <si>
    <t>POINT (4.652969331428515 51.81767336035084)</t>
  </si>
  <si>
    <t>POINT (4.612612684283958 51.81324555346047)</t>
  </si>
  <si>
    <t>POINT (4.645323614694164 51.82701260339008)</t>
  </si>
  <si>
    <t>POINT (4.639928494099526 51.82272492337036)</t>
  </si>
  <si>
    <t>3331RD</t>
  </si>
  <si>
    <t>POINT (4.643243224076123 51.81627339536734)</t>
  </si>
  <si>
    <t>POINT (4.6282403488402295 51.80823848042926)</t>
  </si>
  <si>
    <t>POINT (4.56824384576302 51.83568338659354)</t>
  </si>
  <si>
    <t>POINT (4.628014328268002 51.81002468508358)</t>
  </si>
  <si>
    <t>POINT (4.650795696851222 51.82249963537968)</t>
  </si>
  <si>
    <t>POINT (4.625603159362466 51.81429275853823)</t>
  </si>
  <si>
    <t>POINT (4.640415527666839 51.82437554211101)</t>
  </si>
  <si>
    <t>POINT (4.629824260345778 51.808181316998045)</t>
  </si>
  <si>
    <t>POINT (4.637300879176748 51.81103794745716)</t>
  </si>
  <si>
    <t>POINT (4.611746453649179 51.81993733860833)</t>
  </si>
  <si>
    <t>POINT (4.632404800973023 51.81989755497727)</t>
  </si>
  <si>
    <t>POINT (4.616230244752486 51.821775965395474)</t>
  </si>
  <si>
    <t>POINT (4.646808415365401 51.82391883408051)</t>
  </si>
  <si>
    <t>POINT (4.6467288280967916 51.82586179297413)</t>
  </si>
  <si>
    <t>POINT (4.645040157255186 51.817352611502166)</t>
  </si>
  <si>
    <t>POINT (4.630327179459166 51.82463611375549)</t>
  </si>
  <si>
    <t>POINT (4.629492162447728 51.82477096782804)</t>
  </si>
  <si>
    <t>POINT (4.657723620430064 51.82063091722815)</t>
  </si>
  <si>
    <t>POINT (4.644084294033419 51.81581993218086)</t>
  </si>
  <si>
    <t>POINT (4.654176426652423 51.82182101169689)</t>
  </si>
  <si>
    <t>POINT (4.6163823665745705 51.82175255123316)</t>
  </si>
  <si>
    <t>POINT (4.600945058011723 51.81458248958638)</t>
  </si>
  <si>
    <t>POINT (4.635626862823059 51.815307533080755)</t>
  </si>
  <si>
    <t>POINT (4.62443897074294 51.813862530106405)</t>
  </si>
  <si>
    <t>POINT (4.648322165298801 51.8165415610941)</t>
  </si>
  <si>
    <t>POINT (4.650524648082971 51.82688223460044)</t>
  </si>
  <si>
    <t>POINT (4.634960933775953 51.80994074841112)</t>
  </si>
  <si>
    <t>POINT (4.661054471427231 51.82325011703398)</t>
  </si>
  <si>
    <t>POINT (4.633891215122766 51.80986021465842)</t>
  </si>
  <si>
    <t>POINT (4.634926781439939 51.81849198697394)</t>
  </si>
  <si>
    <t>POINT (4.633983591731055 51.812787791614284)</t>
  </si>
  <si>
    <t>POINT (4.59633562667342 51.82415704756585)</t>
  </si>
  <si>
    <t>POINT (4.6278199532278235 51.80908546392585)</t>
  </si>
  <si>
    <t>POINT (4.616296317798878 51.81457311163159)</t>
  </si>
  <si>
    <t>POINT (4.625323717795578 51.8114209651446)</t>
  </si>
  <si>
    <t>POINT (4.563122558459173 51.834506802482984)</t>
  </si>
  <si>
    <t>POINT (4.566729556092786 51.83791950386661)</t>
  </si>
  <si>
    <t>POINT (4.619341926978815 51.81327765204263)</t>
  </si>
  <si>
    <t>POINT (4.604157478932208 51.82060958975202)</t>
  </si>
  <si>
    <t>POINT (4.6356013803062375 51.8218367427082)</t>
  </si>
  <si>
    <t>POINT (4.626726207342878 51.81372681342151)</t>
  </si>
  <si>
    <t>POINT (4.639218843478484 51.82247575775704)</t>
  </si>
  <si>
    <t>POINT (4.629794955962423 51.815064629054596)</t>
  </si>
  <si>
    <t>POINT (4.649191504638263 51.825608119219076)</t>
  </si>
  <si>
    <t>POINT (4.650386513808248 51.81836710868331)</t>
  </si>
  <si>
    <t>POINT (4.604090609989246 51.81425985632646)</t>
  </si>
  <si>
    <t>POINT (4.617759880649585 51.823017825420834)</t>
  </si>
  <si>
    <t>POINT (4.633514558743542 51.81280223624299)</t>
  </si>
  <si>
    <t>POINT (4.658629429325487 51.82249714560647)</t>
  </si>
  <si>
    <t>POINT (4.652492681563601 51.82425677076273)</t>
  </si>
  <si>
    <t>POINT (4.656156112639992 51.82759341850358)</t>
  </si>
  <si>
    <t>POINT (4.643944127976961 51.81585041509027)</t>
  </si>
  <si>
    <t>POINT (4.660342393286598 51.83099304241804)</t>
  </si>
  <si>
    <t>POINT (4.632365369884551 51.81103825848061)</t>
  </si>
  <si>
    <t>POINT (4.60421759224278 51.8204038164221)</t>
  </si>
  <si>
    <t>POINT (4.643992581673859 51.81704860021419)</t>
  </si>
  <si>
    <t>POINT (4.632721859201898 51.809596227139416)</t>
  </si>
  <si>
    <t>POINT (4.619262211402092 51.81515730955837)</t>
  </si>
  <si>
    <t>POINT (4.648003959466007 51.823873974598435)</t>
  </si>
  <si>
    <t>POINT (4.654885669994788 51.82543936351447)</t>
  </si>
  <si>
    <t>POINT (4.6519481848983375 51.821577548011575)</t>
  </si>
  <si>
    <t>POINT (4.566758476212316 51.833983454135236)</t>
  </si>
  <si>
    <t>POINT (4.649632848692804 51.822201136227605)</t>
  </si>
  <si>
    <t>POINT (4.641553531894466 51.81709983396506)</t>
  </si>
  <si>
    <t>POINT (4.628541860852969 51.8129696710391)</t>
  </si>
  <si>
    <t>POINT (4.650906876349106 51.818875232952344)</t>
  </si>
  <si>
    <t>POINT (4.637492986942033 51.820141042976935)</t>
  </si>
  <si>
    <t>POINT (4.63802375161459 51.81382418180966)</t>
  </si>
  <si>
    <t>POINT (4.603488261579434 51.819113389758726)</t>
  </si>
  <si>
    <t>POINT (4.647742004943993 51.82008633557034)</t>
  </si>
  <si>
    <t>POINT (4.651452844671497 51.821888634258656)</t>
  </si>
  <si>
    <t>POINT (4.563353058721793 51.83516648668431)</t>
  </si>
  <si>
    <t>POINT (4.629728201599988 51.809587853206885)</t>
  </si>
  <si>
    <t>POINT (4.621808081031132 51.812358423923065)</t>
  </si>
  <si>
    <t>POINT (4.606165165894102 51.81400617727512)</t>
  </si>
  <si>
    <t>POINT (4.607653776419353 51.814764674606025)</t>
  </si>
  <si>
    <t>POINT (4.599149253432018 51.80943384717697)</t>
  </si>
  <si>
    <t>POINT (4.634922491729948 51.822087087944574)</t>
  </si>
  <si>
    <t>POINT (4.644713983346067 51.81660186220518)</t>
  </si>
  <si>
    <t>POINT (4.63876851770181 51.82536969917243)</t>
  </si>
  <si>
    <t>POINT (4.65089364460794 51.81455389242266)</t>
  </si>
  <si>
    <t>POINT (4.6075146836857135 51.821329294862856)</t>
  </si>
  <si>
    <t>POINT (4.635003852976669 51.80994098758121)</t>
  </si>
  <si>
    <t>POINT (4.608856060474703 51.81335359550208)</t>
  </si>
  <si>
    <t>POINT (4.63284779213901 51.82516935260879)</t>
  </si>
  <si>
    <t>POINT (4.634363780210237 51.82431850853988)</t>
  </si>
  <si>
    <t>POINT (4.609896408776222 51.818449646472246)</t>
  </si>
  <si>
    <t>POINT (4.6195094360193 51.83042068478135)</t>
  </si>
  <si>
    <t>POINT (4.632271203444881 51.80912129553967)</t>
  </si>
  <si>
    <t>POINT (4.610646486019325 51.818631725802256)</t>
  </si>
  <si>
    <t>POINT (4.642201535353674 51.8160664831178)</t>
  </si>
  <si>
    <t>POINT (4.664784905166399 51.82342395794487)</t>
  </si>
  <si>
    <t>POINT (4.654361683453542 51.82006529514621)</t>
  </si>
  <si>
    <t>POINT (4.644949091981841 51.81460078531999)</t>
  </si>
  <si>
    <t>POINT (4.641438605913161 51.825890070013216)</t>
  </si>
  <si>
    <t>POINT (4.633765847885499 51.80983972450865)</t>
  </si>
  <si>
    <t>POINT (4.61460695081288 51.81316768015111)</t>
  </si>
  <si>
    <t>POINT (4.641275570249771 51.82569290089173)</t>
  </si>
  <si>
    <t>POINT (4.649566368367482 51.82213667406772)</t>
  </si>
  <si>
    <t>POINT (4.65170472161938 51.821765117462235)</t>
  </si>
  <si>
    <t>POINT (4.6532884185698675 51.81724608359125)</t>
  </si>
  <si>
    <t>POINT (4.654581179118311 51.81640366050617)</t>
  </si>
  <si>
    <t>POINT (4.63800666578732 51.81780279477004)</t>
  </si>
  <si>
    <t>POINT (4.639668646609815 51.810108863192944)</t>
  </si>
  <si>
    <t>POINT (4.616537667808887 51.820442908844285)</t>
  </si>
  <si>
    <t>POINT (4.60617518097031 51.8193002717976)</t>
  </si>
  <si>
    <t>POINT (4.6582558891329775 51.82160328449504)</t>
  </si>
  <si>
    <t>POINT (4.655186530326754 51.8233670584383)</t>
  </si>
  <si>
    <t>POINT (4.659105030247975 51.8220126591086)</t>
  </si>
  <si>
    <t>POINT (4.6331235612785004 51.81329438192715)</t>
  </si>
  <si>
    <t>POINT (4.653926122670444 51.8198029455721)</t>
  </si>
  <si>
    <t>POINT (4.608448297260874 51.821122847237575)</t>
  </si>
  <si>
    <t>POINT (4.646502460923505 51.824086726879266)</t>
  </si>
  <si>
    <t>POINT (4.6260760302585835 51.813363166626715)</t>
  </si>
  <si>
    <t>POINT (4.638609764911498 51.814697353525034)</t>
  </si>
  <si>
    <t>POINT (4.620078631368516 51.81209503345956)</t>
  </si>
  <si>
    <t>POINT (4.642400685135181 51.8182297618717)</t>
  </si>
  <si>
    <t>POINT (4.630555367909337 51.81194327939817)</t>
  </si>
  <si>
    <t>POINT (4.638179800513235 51.82541795229705)</t>
  </si>
  <si>
    <t>POINT (4.6198407027166075 51.830278528265836)</t>
  </si>
  <si>
    <t>POINT (4.614609588733857 51.8222688829257)</t>
  </si>
  <si>
    <t>POINT (4.568962225831244 51.838806958688934)</t>
  </si>
  <si>
    <t>POINT (4.642022697380362 51.80973092150906)</t>
  </si>
  <si>
    <t>POINT (4.654968830531643 51.82681625502787)</t>
  </si>
  <si>
    <t>POINT (4.638201161964877 51.82455594743582)</t>
  </si>
  <si>
    <t>POINT (4.651323907282171 51.81791574461089)</t>
  </si>
  <si>
    <t>POINT (4.6211951603976935 51.811476658271324)</t>
  </si>
  <si>
    <t>POINT (4.652491841647001 51.821112013024695)</t>
  </si>
  <si>
    <t>POINT (4.617778698865917 51.820691957948874)</t>
  </si>
  <si>
    <t>POINT (4.6583856747350065 51.82886213734265)</t>
  </si>
  <si>
    <t>POINT (4.63448219386143 51.82082763619531)</t>
  </si>
  <si>
    <t>POINT (4.636098041464509 51.82379610466622)</t>
  </si>
  <si>
    <t>POINT (4.572430717339835 51.828050462962885)</t>
  </si>
  <si>
    <t>POINT (4.608588765786009 51.8164817060682)</t>
  </si>
  <si>
    <t>POINT (4.561616860301242 51.83311652112894)</t>
  </si>
  <si>
    <t>POINT (4.634984519282096 51.8212985386624)</t>
  </si>
  <si>
    <t>POINT (4.65154170863999 51.819312765179646)</t>
  </si>
  <si>
    <t>POINT (4.622331251914862 51.81301996194935)</t>
  </si>
  <si>
    <t>POINT (4.632618286504382 51.82566184205384)</t>
  </si>
  <si>
    <t>POINT (4.64121556792449 51.820910815771136)</t>
  </si>
  <si>
    <t>POINT (4.6300443785768985 51.81258352124438)</t>
  </si>
  <si>
    <t>POINT (4.560537200081767 51.83503408867924)</t>
  </si>
  <si>
    <t>POINT (4.6594537696702885 51.83037353888008)</t>
  </si>
  <si>
    <t>POINT (4.630163975232938 51.81170610481404)</t>
  </si>
  <si>
    <t>POINT (4.649884878333873 51.82240386849805)</t>
  </si>
  <si>
    <t>POINT (4.6355500772017715 51.82263602149496)</t>
  </si>
  <si>
    <t>POINT (4.620924756764858 51.8115308206658)</t>
  </si>
  <si>
    <t>POINT (4.6536063281454 51.826682310477054)</t>
  </si>
  <si>
    <t>POINT (4.648841354608188 51.818167008349)</t>
  </si>
  <si>
    <t>POINT (4.629362887329171 51.82137630587648)</t>
  </si>
  <si>
    <t>POINT (4.59653357889477 51.80944897066877)</t>
  </si>
  <si>
    <t>POINT (4.628607124780307 51.810732829457095)</t>
  </si>
  <si>
    <t>POINT (4.651749119065231 51.8171293382332)</t>
  </si>
  <si>
    <t>POINT (4.567397995638868 51.838782319827054)</t>
  </si>
  <si>
    <t>POINT (4.648891355791297 51.824480210647735)</t>
  </si>
  <si>
    <t>POINT (4.622461930273322 51.81208978029441)</t>
  </si>
  <si>
    <t>POINT (4.6350227672681905 51.816713648511815)</t>
  </si>
  <si>
    <t>POINT (4.646446720151029 51.823209196413075)</t>
  </si>
  <si>
    <t>POINT (4.64221758266475 51.81931138663269)</t>
  </si>
  <si>
    <t>POINT (4.655292042927316 51.82751961203794)</t>
  </si>
  <si>
    <t>POINT (4.612514485693469 51.82004880121605)</t>
  </si>
  <si>
    <t>POINT (4.561761439139841 51.83500291938094)</t>
  </si>
  <si>
    <t>POINT (4.569785620280208 51.8351556350102)</t>
  </si>
  <si>
    <t>POINT (4.651747854772723 51.824453506377154)</t>
  </si>
  <si>
    <t>POINT (4.656559551500578 51.81793734642493)</t>
  </si>
  <si>
    <t>POINT (4.6325275354429145 51.82494720570231)</t>
  </si>
  <si>
    <t>POINT (4.642177077591276 51.82340647556066)</t>
  </si>
  <si>
    <t>POINT (4.650008711605703 51.81709228864144)</t>
  </si>
  <si>
    <t>POINT (4.606333592462291 51.81325540879525)</t>
  </si>
  <si>
    <t>POINT (4.650546065497001 51.825554237985195)</t>
  </si>
  <si>
    <t>POINT (4.625822432953637 51.8142097054616)</t>
  </si>
  <si>
    <t>POINT (4.645422525708187 51.814298612597725)</t>
  </si>
  <si>
    <t>POINT (4.63330320836739 51.810781448537206)</t>
  </si>
  <si>
    <t>POINT (4.606611737879572 51.82065976336312)</t>
  </si>
  <si>
    <t>3333XN</t>
  </si>
  <si>
    <t>POINT (4.642810955362062 51.810493429372734)</t>
  </si>
  <si>
    <t>POINT (4.634487357567329 51.82173353220813)</t>
  </si>
  <si>
    <t>POINT (4.646197024008909 51.82272314811439)</t>
  </si>
  <si>
    <t>POINT (4.570344125351459 51.83562144515789)</t>
  </si>
  <si>
    <t>POINT (4.638479766137776 51.82533705335605)</t>
  </si>
  <si>
    <t>POINT (4.612854645277171 51.814736240325885)</t>
  </si>
  <si>
    <t>POINT (4.64004984563154 51.80928492340062)</t>
  </si>
  <si>
    <t>POINT (4.653997019220476 51.81922692636811)</t>
  </si>
  <si>
    <t>POINT (4.655175733441549 51.823404869383)</t>
  </si>
  <si>
    <t>POINT (4.638550957749261 51.825266559740875)</t>
  </si>
  <si>
    <t>POINT (4.635018595876841 51.80996995381548)</t>
  </si>
  <si>
    <t>POINT (4.6015094471980715 51.8133456444707)</t>
  </si>
  <si>
    <t>POINT (4.613013309482905 51.814393917921386)</t>
  </si>
  <si>
    <t>POINT (4.568845945503497 51.83844794691348)</t>
  </si>
  <si>
    <t>POINT (4.650282872291949 51.82479984692821)</t>
  </si>
  <si>
    <t>POINT (4.564387927582247 51.836832869778206)</t>
  </si>
  <si>
    <t>POINT (4.560726465411704 51.832947208458165)</t>
  </si>
  <si>
    <t>POINT (4.63685112601424 51.80795978402819)</t>
  </si>
  <si>
    <t>POINT (4.63703448069648 51.816467254848995)</t>
  </si>
  <si>
    <t>3331TH</t>
  </si>
  <si>
    <t>POINT (4.637011672093498 51.82125580154997)</t>
  </si>
  <si>
    <t>POINT (4.6512948300072905 51.816210714045276)</t>
  </si>
  <si>
    <t>POINT (4.617416079658337 51.81854608642684)</t>
  </si>
  <si>
    <t>POINT (4.621824750731025 51.812415242467445)</t>
  </si>
  <si>
    <t>POINT (4.651420396801706 51.81682832304879)</t>
  </si>
  <si>
    <t>POINT (4.5694191449891814 51.83588302231116)</t>
  </si>
  <si>
    <t>POINT (4.645603722797706 51.81921070265)</t>
  </si>
  <si>
    <t>POINT (4.637676298738521 51.81975603248431)</t>
  </si>
  <si>
    <t>POINT (4.637230935793113 51.82342315435172)</t>
  </si>
  <si>
    <t>POINT (4.604775135640188 51.81504407784334)</t>
  </si>
  <si>
    <t>POINT (4.632308498572594 51.80906592231202)</t>
  </si>
  <si>
    <t>POINT (4.615092134197351 51.820299934466355)</t>
  </si>
  <si>
    <t>POINT (4.6168629502382865 51.81688405683424)</t>
  </si>
  <si>
    <t>POINT (4.654539900922468 51.82018111237525)</t>
  </si>
  <si>
    <t>POINT (4.638109881631184 51.81843593430776)</t>
  </si>
  <si>
    <t>POINT (4.6337039901058095 51.82436784731553)</t>
  </si>
  <si>
    <t>POINT (4.646633584534815 51.8240147729213)</t>
  </si>
  <si>
    <t>POINT (4.658345246460494 51.83031498525612)</t>
  </si>
  <si>
    <t>POINT (4.570166185565888 51.8385198932526)</t>
  </si>
  <si>
    <t>POINT (4.650849783328922 51.82255042818838)</t>
  </si>
  <si>
    <t>POINT (4.6286302753813775 51.80941889204699)</t>
  </si>
  <si>
    <t>POINT (4.6122524906600555 51.819630516358515)</t>
  </si>
  <si>
    <t>POINT (4.5950044555034735 51.814571391185325)</t>
  </si>
  <si>
    <t>POINT (4.615633553006913 51.82232520964209)</t>
  </si>
  <si>
    <t>POINT (4.62184313350961 51.814894594142785)</t>
  </si>
  <si>
    <t>POINT (4.563844452520886 51.83684685693437)</t>
  </si>
  <si>
    <t>POINT (4.65490978953225 51.81705014613275)</t>
  </si>
  <si>
    <t>POINT (4.60925103263601 51.81652924396447)</t>
  </si>
  <si>
    <t>POINT (4.567907343571135 51.838672923145374)</t>
  </si>
  <si>
    <t>POINT (4.654122504747111 51.820664766654055)</t>
  </si>
  <si>
    <t>POINT (4.630944550694662 51.81310694961365)</t>
  </si>
  <si>
    <t>POINT (4.631788215140131 51.80808929424057)</t>
  </si>
  <si>
    <t>POINT (4.604128440392644 51.814170068642376)</t>
  </si>
  <si>
    <t>POINT (4.635097641620277 51.8242383420953)</t>
  </si>
  <si>
    <t>POINT (4.637728147549102 51.808400846875905)</t>
  </si>
  <si>
    <t>POINT (4.657486464383591 51.82084283416646)</t>
  </si>
  <si>
    <t>POINT (4.654987720324833 51.82103305865396)</t>
  </si>
  <si>
    <t>POINT (4.646334633339663 51.82592113863123)</t>
  </si>
  <si>
    <t>POINT (4.6319835918044205 51.807221981454106)</t>
  </si>
  <si>
    <t>POINT (4.612747858464489 51.81369892903607)</t>
  </si>
  <si>
    <t>POINT (4.647173966293272 51.82295258184601)</t>
  </si>
  <si>
    <t>POINT (4.639314703743311 51.81483919547563)</t>
  </si>
  <si>
    <t>POINT (4.604750999014928 51.82063167845045)</t>
  </si>
  <si>
    <t>POINT (4.6084032258399965 51.81330591714711)</t>
  </si>
  <si>
    <t>POINT (4.597022378793987 51.814477949148724)</t>
  </si>
  <si>
    <t>POINT (4.6470788141797925 51.819624927677296)</t>
  </si>
  <si>
    <t>POINT (4.654437904713851 51.82648812704391)</t>
  </si>
  <si>
    <t>POINT (4.627306663394692 51.81338946988907)</t>
  </si>
  <si>
    <t>3335LC</t>
  </si>
  <si>
    <t>POINT (4.625211033051084 51.823141699350835)</t>
  </si>
  <si>
    <t>Maagdstraat</t>
  </si>
  <si>
    <t>POINT (4.636978124959051 51.822533186153365)</t>
  </si>
  <si>
    <t>POINT (4.62860117808102 51.81177748618033)</t>
  </si>
  <si>
    <t>POINT (4.651362528257249 51.816780374119105)</t>
  </si>
  <si>
    <t>POINT (4.617626272386349 51.818054901311925)</t>
  </si>
  <si>
    <t>POINT (4.6200854739801445 51.81250170987599)</t>
  </si>
  <si>
    <t>POINT (4.611925858445684 51.81338655441052)</t>
  </si>
  <si>
    <t>POINT (4.645231997803325 51.81444014861292)</t>
  </si>
  <si>
    <t>POINT (4.637133536290385 51.814817283914444)</t>
  </si>
  <si>
    <t>POINT (4.603341630233537 51.81915981703778)</t>
  </si>
  <si>
    <t>POINT (4.660851389372873 51.8262675974512)</t>
  </si>
  <si>
    <t>POINT (4.59906534914149 51.81335778533128)</t>
  </si>
  <si>
    <t>POINT (4.657539158293411 51.818214908100074)</t>
  </si>
  <si>
    <t>POINT (4.6178896577586395 51.81285227728455)</t>
  </si>
  <si>
    <t>POINT (4.635498229567379 51.807465195357906)</t>
  </si>
  <si>
    <t>POINT (4.6134741276923785 51.830715006332035)</t>
  </si>
  <si>
    <t>POINT (4.611168345689558 51.81452245046287)</t>
  </si>
  <si>
    <t>POINT (4.608550718153088 51.813879118345966)</t>
  </si>
  <si>
    <t>POINT (4.597756785959342 51.81704880755129)</t>
  </si>
  <si>
    <t>POINT (4.649748915279437 51.822397207603835)</t>
  </si>
  <si>
    <t>POINT (4.644597185368895 51.82152348284613)</t>
  </si>
  <si>
    <t>POINT (4.627470201173855 51.811628929863105)</t>
  </si>
  <si>
    <t>POINT (4.609116246681171 51.816196091163434)</t>
  </si>
  <si>
    <t>POINT (4.637417843866652 51.8123139223612)</t>
  </si>
  <si>
    <t>POINT (4.637938542744525 51.81100176025767)</t>
  </si>
  <si>
    <t>POINT (4.636465734745812 51.81614788086393)</t>
  </si>
  <si>
    <t>POINT (4.568372755456914 51.83583065853526)</t>
  </si>
  <si>
    <t>POINT (4.613160700627945 51.81949882962131)</t>
  </si>
  <si>
    <t>POINT (4.637801215963703 51.810807104844564)</t>
  </si>
  <si>
    <t>POINT (4.605226837993988 51.81529577978512)</t>
  </si>
  <si>
    <t>POINT (4.6074218748267075 51.8210857400977)</t>
  </si>
  <si>
    <t>POINT (4.652138260369874 51.817901279591986)</t>
  </si>
  <si>
    <t>POINT (4.562111211480338 51.832433678775494)</t>
  </si>
  <si>
    <t>POINT (4.639451980413324 51.82199685166719)</t>
  </si>
  <si>
    <t>POINT (4.615597235733567 51.818640146164)</t>
  </si>
  <si>
    <t>POINT (4.66368644646985 51.823128206109075)</t>
  </si>
  <si>
    <t>POINT (4.627603607164709 51.82707371014179)</t>
  </si>
  <si>
    <t>POINT (4.650101604856377 51.81843610553537)</t>
  </si>
  <si>
    <t>POINT (4.653087580077747 51.815374659457916)</t>
  </si>
  <si>
    <t>POINT (4.6059143378894545 51.818835058980085)</t>
  </si>
  <si>
    <t>POINT (4.635994478151805 51.80835961290805)</t>
  </si>
  <si>
    <t>POINT (4.653871111412981 51.81974479564568)</t>
  </si>
  <si>
    <t>POINT (4.639564251865796 51.808534788211254)</t>
  </si>
  <si>
    <t>POINT (4.568338968947244 51.8370652782347)</t>
  </si>
  <si>
    <t>POINT (4.60873207372741 51.81973091179423)</t>
  </si>
  <si>
    <t>POINT (4.611184879762897 51.813677349937024)</t>
  </si>
  <si>
    <t>POINT (4.6078238362236075 51.82188473882541)</t>
  </si>
  <si>
    <t>POINT (4.622456650643202 51.81207273923459)</t>
  </si>
  <si>
    <t>POINT (4.56755462379279 51.83570216272688)</t>
  </si>
  <si>
    <t>POINT (4.616669002124328 51.82094966495781)</t>
  </si>
  <si>
    <t>POINT (4.573403755988729 51.827979982037796)</t>
  </si>
  <si>
    <t>POINT (4.6363177561143285 51.81536273289034)</t>
  </si>
  <si>
    <t>POINT (4.638311654737737 51.82370902796277)</t>
  </si>
  <si>
    <t>POINT (4.6489236336938555 51.82686562270636)</t>
  </si>
  <si>
    <t>POINT (4.657591772609109 51.82084161921923)</t>
  </si>
  <si>
    <t>POINT (4.652203340990782 51.82424408293621)</t>
  </si>
  <si>
    <t>POINT (4.595594975267524 51.814951204240494)</t>
  </si>
  <si>
    <t>POINT (4.65617486654766 51.81735724832188)</t>
  </si>
  <si>
    <t>POINT (4.621775562023289 51.81490675561392)</t>
  </si>
  <si>
    <t>POINT (4.656885205016936 51.82779311911138)</t>
  </si>
  <si>
    <t>POINT (4.633658306972273 51.81098771010694)</t>
  </si>
  <si>
    <t>POINT (4.604170263440506 51.815100330855216)</t>
  </si>
  <si>
    <t>POINT (4.628980893275842 51.82412749105669)</t>
  </si>
  <si>
    <t>POINT (4.6444798479284515 51.82657382410851)</t>
  </si>
  <si>
    <t>POINT (4.638941585219718 51.81395285926647)</t>
  </si>
  <si>
    <t>POINT (4.6323222522173015 51.81087485401322)</t>
  </si>
  <si>
    <t>POINT (4.648193237559074 51.818981187244674)</t>
  </si>
  <si>
    <t>POINT (4.597342163384688 51.813373606224225)</t>
  </si>
  <si>
    <t>POINT (4.622099427679948 51.81150108329444)</t>
  </si>
  <si>
    <t>POINT (4.650192413609219 51.817814227272024)</t>
  </si>
  <si>
    <t>POINT (4.6149247061285745 51.81487024020218)</t>
  </si>
  <si>
    <t>POINT (4.656881704111008 51.81837163520431)</t>
  </si>
  <si>
    <t>POINT (4.626833163915431 51.81357621747429)</t>
  </si>
  <si>
    <t>POINT (4.6577163596098385 51.82458462177366)</t>
  </si>
  <si>
    <t>POINT (4.629935534715438 51.806752523765596)</t>
  </si>
  <si>
    <t>POINT (4.60301673822533 51.81508631828751)</t>
  </si>
  <si>
    <t>POINT (4.64576145634931 51.81611992217791)</t>
  </si>
  <si>
    <t>POINT (4.603487327844835 51.81469236674023)</t>
  </si>
  <si>
    <t>POINT (4.586381122683342 51.84181847667339)</t>
  </si>
  <si>
    <t>POINT (4.6283081964088675 51.80922843302345)</t>
  </si>
  <si>
    <t>POINT (4.638667383952159 51.81758491803687)</t>
  </si>
  <si>
    <t>POINT (4.566190158988337 51.833638052080794)</t>
  </si>
  <si>
    <t>POINT (4.651683166495186 51.82175095105138)</t>
  </si>
  <si>
    <t>POINT (4.561588283722912 51.83507428582537)</t>
  </si>
  <si>
    <t>POINT (4.647545755586605 51.823017666437295)</t>
  </si>
  <si>
    <t>POINT (4.641151656501193 51.810933873025284)</t>
  </si>
  <si>
    <t>POINT (4.654899061880343 51.81699628192336)</t>
  </si>
  <si>
    <t>POINT (4.612125379012006 51.82077578347518)</t>
  </si>
  <si>
    <t>POINT (4.639369031452671 51.82017817129156)</t>
  </si>
  <si>
    <t>POINT (4.64152898730656 51.822884144045226)</t>
  </si>
  <si>
    <t>POINT (4.639166121545737 51.8136209537516)</t>
  </si>
  <si>
    <t>POINT (4.561223106337168 51.83343883833907)</t>
  </si>
  <si>
    <t>POINT (4.651714986181947 51.81445492683767)</t>
  </si>
  <si>
    <t>POINT (4.64940460977961 51.815734310463625)</t>
  </si>
  <si>
    <t>POINT (4.626183878297634 51.82762844672942)</t>
  </si>
  <si>
    <t>POINT (4.64377031977979 51.820142268634356)</t>
  </si>
  <si>
    <t>POINT (4.631756581829274 51.81433068004036)</t>
  </si>
  <si>
    <t>POINT (4.647338907353751 51.8143898106536)</t>
  </si>
  <si>
    <t>POINT (4.618484764851334 51.81929386912182)</t>
  </si>
  <si>
    <t>POINT (4.591818631720788 51.812541198964865)</t>
  </si>
  <si>
    <t>POINT (4.612318756549382 51.81880222096667)</t>
  </si>
  <si>
    <t>POINT (4.615417302315527 51.81336333065237)</t>
  </si>
  <si>
    <t>POINT (4.634155033267738 51.80575683535362)</t>
  </si>
  <si>
    <t>POINT (4.648804619608305 51.81401505420061)</t>
  </si>
  <si>
    <t>POINT (4.64769492297769 51.82721010032141)</t>
  </si>
  <si>
    <t>POINT (4.633608542677306 51.80983786046944)</t>
  </si>
  <si>
    <t>POINT (4.633566106569212 51.82538058110742)</t>
  </si>
  <si>
    <t>POINT (4.635757298616446 51.81952652251684)</t>
  </si>
  <si>
    <t>POINT (4.621022057435491 51.812532943087255)</t>
  </si>
  <si>
    <t>POINT (4.657198522398539 51.82953584972662)</t>
  </si>
  <si>
    <t>POINT (4.604088237185244 51.820052581829614)</t>
  </si>
  <si>
    <t>POINT (4.627500096021352 51.8141346190238)</t>
  </si>
  <si>
    <t>POINT (4.635016784867806 51.824294093165435)</t>
  </si>
  <si>
    <t>POINT (4.605046441648338 51.819311900707696)</t>
  </si>
  <si>
    <t>POINT (4.649842151785352 51.81446614950634)</t>
  </si>
  <si>
    <t>POINT (4.608035758598823 51.815452943433215)</t>
  </si>
  <si>
    <t>POINT (4.561340573672886 51.83261459625053)</t>
  </si>
  <si>
    <t>POINT (4.636781548357066 51.817794832710945)</t>
  </si>
  <si>
    <t>POINT (4.612669624415314 51.81330521891894)</t>
  </si>
  <si>
    <t>POINT (4.6378820221743435 51.81035571370364)</t>
  </si>
  <si>
    <t>POINT (4.60423487056564 51.814573590819734)</t>
  </si>
  <si>
    <t>POINT (4.61945916541646 51.82056524677062)</t>
  </si>
  <si>
    <t>POINT (4.614347330659595 51.81432595633025)</t>
  </si>
  <si>
    <t>POINT (4.638120295566612 51.80971742788911)</t>
  </si>
  <si>
    <t>POINT (4.647052725621075 51.81958490731282)</t>
  </si>
  <si>
    <t>POINT (4.645147764050831 51.824327426173255)</t>
  </si>
  <si>
    <t>POINT (4.644639882041723 51.81969867166572)</t>
  </si>
  <si>
    <t>POINT (4.568051676931599 51.83755981195008)</t>
  </si>
  <si>
    <t>POINT (4.6372900403383275 51.8149912896343)</t>
  </si>
  <si>
    <t>POINT (4.608032273015715 51.815592515219834)</t>
  </si>
  <si>
    <t>POINT (4.645893933640227 51.82553670567079)</t>
  </si>
  <si>
    <t>POINT (4.657553025073804 51.82216629127692)</t>
  </si>
  <si>
    <t>POINT (4.618882657880213 51.82157421420638)</t>
  </si>
  <si>
    <t>POINT (4.639251323305206 51.80896431481462)</t>
  </si>
  <si>
    <t>POINT (4.6549117224767915 51.823927046595756)</t>
  </si>
  <si>
    <t>POINT (4.636915956667512 51.815410495648905)</t>
  </si>
  <si>
    <t>POINT (4.610956210522185 51.81513679309492)</t>
  </si>
  <si>
    <t>POINT (4.656376985674426 51.82704993661782)</t>
  </si>
  <si>
    <t>POINT (4.632242127343608 51.80691472101746)</t>
  </si>
  <si>
    <t>POINT (4.602673314083859 51.82108378390178)</t>
  </si>
  <si>
    <t>POINT (4.650674027920561 51.82632797741558)</t>
  </si>
  <si>
    <t>POINT (4.615411253908149 51.813343057259175)</t>
  </si>
  <si>
    <t>POINT (4.6376586156935895 51.82396117192686)</t>
  </si>
  <si>
    <t>POINT (4.655429475303975 51.82136526684592)</t>
  </si>
  <si>
    <t>POINT (4.6506355295761965 51.82247667997628)</t>
  </si>
  <si>
    <t>POINT (4.595032640471845 51.814460435677155)</t>
  </si>
  <si>
    <t>POINT (4.654115964708157 51.81619481567113)</t>
  </si>
  <si>
    <t>POINT (4.633347007720375 51.82570315357953)</t>
  </si>
  <si>
    <t>POINT (4.64023786491285 51.820066563541175)</t>
  </si>
  <si>
    <t>POINT (4.628716434303587 51.8122224623295)</t>
  </si>
  <si>
    <t>POINT (4.618245750678665 51.822908992372625)</t>
  </si>
  <si>
    <t>POINT (4.612718750999181 51.822497615056456)</t>
  </si>
  <si>
    <t>POINT (4.657972438364258 51.82174839866639)</t>
  </si>
  <si>
    <t>POINT (4.648704251549344 51.81577931619589)</t>
  </si>
  <si>
    <t>POINT (4.651072571955919 51.8226780357795)</t>
  </si>
  <si>
    <t>POINT (4.650040701797397 51.826723161827964)</t>
  </si>
  <si>
    <t>POINT (4.659216447757284 51.83070080077743)</t>
  </si>
  <si>
    <t>POINT (4.6278282395470285 51.814591122154646)</t>
  </si>
  <si>
    <t>POINT (4.6326067665512225 51.8199889204742)</t>
  </si>
  <si>
    <t>POINT (4.637604046544117 51.820469866700556)</t>
  </si>
  <si>
    <t>POINT (4.657350324758894 51.82094763157562)</t>
  </si>
  <si>
    <t>POINT (4.660049814143945 51.825543900369404)</t>
  </si>
  <si>
    <t>POINT (4.629905934971076 51.81494869880208)</t>
  </si>
  <si>
    <t>POINT (4.636730327230776 51.818507983105754)</t>
  </si>
  <si>
    <t>POINT (4.617517002362549 51.82162235349566)</t>
  </si>
  <si>
    <t>POINT (4.636175865420938 51.81007119031733)</t>
  </si>
  <si>
    <t>POINT (4.633007838621231 51.81180737345223)</t>
  </si>
  <si>
    <t>POINT (4.565710471598085 51.83173682972404)</t>
  </si>
  <si>
    <t>POINT (4.649359020334999 51.82526172396656)</t>
  </si>
  <si>
    <t>POINT (4.621444914881719 51.81139507076002)</t>
  </si>
  <si>
    <t>POINT (4.649813307550651 51.8165142209687)</t>
  </si>
  <si>
    <t>POINT (4.630824095736143 51.806693032732205)</t>
  </si>
  <si>
    <t>POINT (4.6077010243704 51.81692283121621)</t>
  </si>
  <si>
    <t>3335WN</t>
  </si>
  <si>
    <t>Gounodstraat</t>
  </si>
  <si>
    <t>POINT (4.613931020052073 51.82126825779696)</t>
  </si>
  <si>
    <t>POINT (4.6353794732638445 51.82053824359013)</t>
  </si>
  <si>
    <t>POINT (4.651075941300907 51.82130029876552)</t>
  </si>
  <si>
    <t>POINT (4.622320748681195 51.813145834397375)</t>
  </si>
  <si>
    <t>POINT (4.657947340247588 51.823786415748515)</t>
  </si>
  <si>
    <t>POINT (4.56383378967545 51.83688644948193)</t>
  </si>
  <si>
    <t>POINT (4.655830536197935 51.828448963472866)</t>
  </si>
  <si>
    <t>POINT (4.657004346680755 51.82391925718421)</t>
  </si>
  <si>
    <t>POINT (4.626411940265178 51.810697602387606)</t>
  </si>
  <si>
    <t>POINT (4.659086143514429 51.821955275096755)</t>
  </si>
  <si>
    <t>POINT (4.630033514721433 51.81487274047329)</t>
  </si>
  <si>
    <t>POINT (4.634443004218842 51.82403227733389)</t>
  </si>
  <si>
    <t>POINT (4.631944693323908 51.81067233592226)</t>
  </si>
  <si>
    <t>POINT (4.618982093860091 51.82201047598391)</t>
  </si>
  <si>
    <t>POINT (4.61407238646369 51.83108193012363)</t>
  </si>
  <si>
    <t>POINT (4.644798358228162 51.81555065594532)</t>
  </si>
  <si>
    <t>POINT (4.630783273321937 51.80626458311204)</t>
  </si>
  <si>
    <t>POINT (4.640114866377934 51.810280054344915)</t>
  </si>
  <si>
    <t>POINT (4.636859851448408 51.81192125280956)</t>
  </si>
  <si>
    <t>POINT (4.64997103629671 51.82064636713266)</t>
  </si>
  <si>
    <t>POINT (4.640473397268544 51.82574530987806)</t>
  </si>
  <si>
    <t>POINT (4.628582160614501 51.82398623690052)</t>
  </si>
  <si>
    <t>POINT (4.647090161504551 51.82373393406104)</t>
  </si>
  <si>
    <t>POINT (4.566323478788039 51.83458101406669)</t>
  </si>
  <si>
    <t>POINT (4.60308274871962 51.821279966438425)</t>
  </si>
  <si>
    <t>POINT (4.6043120888811275 51.81403624725469)</t>
  </si>
  <si>
    <t>POINT (4.613339717895158 51.81511290349329)</t>
  </si>
  <si>
    <t>POINT (4.638552746735877 51.82523745678786)</t>
  </si>
  <si>
    <t>POINT (4.6346584727342 51.81732102567708)</t>
  </si>
  <si>
    <t>POINT (4.620660928095623 51.81297148133809)</t>
  </si>
  <si>
    <t>POINT (4.639860906618728 51.819178076315865)</t>
  </si>
  <si>
    <t>POINT (4.637145174821411 51.81485606364951)</t>
  </si>
  <si>
    <t>POINT (4.627893355283235 51.81455328753922)</t>
  </si>
  <si>
    <t>POINT (4.629096373226451 51.81156753700424)</t>
  </si>
  <si>
    <t>POINT (4.626450452086069 51.81386653541471)</t>
  </si>
  <si>
    <t>POINT (4.602962473033564 51.818960907273)</t>
  </si>
  <si>
    <t>POINT (4.626485483559702 51.814777067290464)</t>
  </si>
  <si>
    <t>POINT (4.636341455600485 51.81149041618254)</t>
  </si>
  <si>
    <t>POINT (4.6479014427930165 51.82381951366888)</t>
  </si>
  <si>
    <t>POINT (4.648221168743804 51.82402770951556)</t>
  </si>
  <si>
    <t>POINT (4.632938079279724 51.82513110168882)</t>
  </si>
  <si>
    <t>POINT (4.609306210228916 51.81944182118434)</t>
  </si>
  <si>
    <t>POINT (4.657584194496219 51.820963899016384)</t>
  </si>
  <si>
    <t>POINT (4.6140306158317586 51.820374132237845)</t>
  </si>
  <si>
    <t>POINT (4.639286815391042 51.809822252280874)</t>
  </si>
  <si>
    <t>POINT (4.567924700419049 51.838107895219494)</t>
  </si>
  <si>
    <t>POINT (4.634135917526294 51.824648819462325)</t>
  </si>
  <si>
    <t>POINT (4.602513246135421 51.820508558910454)</t>
  </si>
  <si>
    <t>POINT (4.620412745796385 51.813967868279946)</t>
  </si>
  <si>
    <t>POINT (4.644584734962196 51.82032386360552)</t>
  </si>
  <si>
    <t>POINT (4.6440470535942495 51.82048240046271)</t>
  </si>
  <si>
    <t>POINT (4.6464368947094465 51.82677941208208)</t>
  </si>
  <si>
    <t>POINT (4.615245929945283 51.82062569045402)</t>
  </si>
  <si>
    <t>POINT (4.635548588710999 51.81140215880759)</t>
  </si>
  <si>
    <t>POINT (4.654524989990606 51.81642532301457)</t>
  </si>
  <si>
    <t>POINT (4.561673577457112 51.8347404682287)</t>
  </si>
  <si>
    <t>POINT (4.614677093825096 51.819882472900176)</t>
  </si>
  <si>
    <t>POINT (4.633166595035263 51.80940252963718)</t>
  </si>
  <si>
    <t>POINT (4.644118004557805 51.819757723120084)</t>
  </si>
  <si>
    <t>POINT (4.6561317770646165 51.82284454161178)</t>
  </si>
  <si>
    <t>POINT (4.569262559307505 51.83594050200982)</t>
  </si>
  <si>
    <t>POINT (4.618353997347769 51.82038220183311)</t>
  </si>
  <si>
    <t>POINT (4.597214026083364 51.813366730220764)</t>
  </si>
  <si>
    <t>POINT (4.6300761853246195 51.80654353587486)</t>
  </si>
  <si>
    <t>POINT (4.656296867902634 51.82305877221479)</t>
  </si>
  <si>
    <t>POINT (4.636085155467905 51.81006629514881)</t>
  </si>
  <si>
    <t>POINT (4.610604245687231 51.818470377398796)</t>
  </si>
  <si>
    <t>POINT (4.636524703023467 51.82277305362425)</t>
  </si>
  <si>
    <t>POINT (4.612649906485082 51.81323908456767)</t>
  </si>
  <si>
    <t>POINT (4.607219201783254 51.814439568069176)</t>
  </si>
  <si>
    <t>POINT (4.622275112824166 51.81181487421408)</t>
  </si>
  <si>
    <t>POINT (4.652064684374961 51.82425012686466)</t>
  </si>
  <si>
    <t>POINT (4.617806540440637 51.82126508997428)</t>
  </si>
  <si>
    <t>POINT (4.632798102753905 51.81928117578764)</t>
  </si>
  <si>
    <t>POINT (4.606987163486231 51.82256834506845)</t>
  </si>
  <si>
    <t>POINT (4.653147511731316 51.82215126105537)</t>
  </si>
  <si>
    <t>POINT (4.565100920007959 51.837439131177284)</t>
  </si>
  <si>
    <t>POINT (4.650190616363209 51.824786467790666)</t>
  </si>
  <si>
    <t>POINT (4.629695465209157 51.81371658848402)</t>
  </si>
  <si>
    <t>POINT (4.654983142404369 51.81744600700057)</t>
  </si>
  <si>
    <t>POINT (4.650079532916441 51.82671268220056)</t>
  </si>
  <si>
    <t>POINT (4.63530779167738 51.8241710149119)</t>
  </si>
  <si>
    <t>POINT (4.61095138241589 51.818343119531804)</t>
  </si>
  <si>
    <t>POINT (4.639542081650195 51.82191049603074)</t>
  </si>
  <si>
    <t>POINT (4.64669679405275 51.82394979703789)</t>
  </si>
  <si>
    <t>POINT (4.570009634752586 51.83837101975335)</t>
  </si>
  <si>
    <t>POINT (4.644977135229632 51.81714236294197)</t>
  </si>
  <si>
    <t>POINT (4.618787710023792 51.813341574559864)</t>
  </si>
  <si>
    <t>POINT (4.6097043826311905 51.81912290614396)</t>
  </si>
  <si>
    <t>POINT (4.6173710065215845 51.8130977377435)</t>
  </si>
  <si>
    <t>POINT (4.6358479387939315 51.81108138130288)</t>
  </si>
  <si>
    <t>POINT (4.626966459021713 51.81420459200701)</t>
  </si>
  <si>
    <t>POINT (4.612252343676907 51.815109512276194)</t>
  </si>
  <si>
    <t>POINT (4.646032878864793 51.819563792725354)</t>
  </si>
  <si>
    <t>POINT (4.637309589741955 51.8214307198136)</t>
  </si>
  <si>
    <t>POINT (4.613283475401915 51.81807558357096)</t>
  </si>
  <si>
    <t>POINT (4.665395674799667 51.82241365900926)</t>
  </si>
  <si>
    <t>POINT (4.602922644087478 51.820674000358046)</t>
  </si>
  <si>
    <t>POINT (4.644759050617656 51.82121754320214)</t>
  </si>
  <si>
    <t>POINT (4.602229906308911 51.821368548203104)</t>
  </si>
  <si>
    <t>POINT (4.635987080969836 51.82175141046701)</t>
  </si>
  <si>
    <t>POINT (4.6002141063138735 51.814517149702105)</t>
  </si>
  <si>
    <t>POINT (4.615484836107185 51.82183363691355)</t>
  </si>
  <si>
    <t>POINT (4.625986416900339 51.81491801907548)</t>
  </si>
  <si>
    <t>POINT (4.633314786232766 51.82567386820461)</t>
  </si>
  <si>
    <t>POINT (4.604509284556601 51.818846433880026)</t>
  </si>
  <si>
    <t>POINT (4.656895774035421 51.81768043927394)</t>
  </si>
  <si>
    <t>POINT (4.636134294682743 51.82087115486018)</t>
  </si>
  <si>
    <t>POINT (4.6193891663496265 51.83036709851425)</t>
  </si>
  <si>
    <t>POINT (4.642742427264476 51.81627806674899)</t>
  </si>
  <si>
    <t>POINT (4.617045417227122 51.81733734193614)</t>
  </si>
  <si>
    <t>POINT (4.661734413624311 51.82669402474048)</t>
  </si>
  <si>
    <t>POINT (4.612154030084359 51.821821486312054)</t>
  </si>
  <si>
    <t>POINT (4.60838303731626 51.815906689461336)</t>
  </si>
  <si>
    <t>POINT (4.656708999878539 51.82690926325747)</t>
  </si>
  <si>
    <t>POINT (4.633633513534207 51.809844798317314)</t>
  </si>
  <si>
    <t>POINT (4.651107411108321 51.81768574172565)</t>
  </si>
  <si>
    <t>POINT (4.565400644787751 51.83211093006798)</t>
  </si>
  <si>
    <t>POINT (4.622714177248791 51.82810458365165)</t>
  </si>
  <si>
    <t>POINT (4.6207423335478595 51.81155173256696)</t>
  </si>
  <si>
    <t>POINT (4.637020930485831 51.81477065884397)</t>
  </si>
  <si>
    <t>POINT (4.598030122582553 51.823348690327805)</t>
  </si>
  <si>
    <t>POINT (4.654779712532346 51.826763408208144)</t>
  </si>
  <si>
    <t>POINT (4.6287008106278495 51.82402795624208)</t>
  </si>
  <si>
    <t>POINT (4.630845439437086 51.81012577134297)</t>
  </si>
  <si>
    <t>POINT (4.632437052267064 51.811722490666845)</t>
  </si>
  <si>
    <t>POINT (4.616732759136274 51.82159571580118)</t>
  </si>
  <si>
    <t>POINT (4.655981065646409 51.82088485309555)</t>
  </si>
  <si>
    <t>POINT (4.634127681223567 51.821368854600216)</t>
  </si>
  <si>
    <t>POINT (4.640315237494034 51.81684226283329)</t>
  </si>
  <si>
    <t>POINT (4.654701622728104 51.81659943082073)</t>
  </si>
  <si>
    <t>POINT (4.6296885859081 51.82224488326147)</t>
  </si>
  <si>
    <t>POINT (4.639914784292981 51.80901021347923)</t>
  </si>
  <si>
    <t>POINT (4.626762599977653 51.81092870999276)</t>
  </si>
  <si>
    <t>POINT (4.622161174023573 51.811447328833985)</t>
  </si>
  <si>
    <t>POINT (4.635579724340212 51.807993031097524)</t>
  </si>
  <si>
    <t>POINT (4.647561144199251 51.81915860608286)</t>
  </si>
  <si>
    <t>POINT (4.6152999032591575 51.812969688385664)</t>
  </si>
  <si>
    <t>POINT (4.656253851998333 51.82715112839165)</t>
  </si>
  <si>
    <t>POINT (4.656375703685447 51.818687008258905)</t>
  </si>
  <si>
    <t>POINT (4.632460201389106 51.80894231460098)</t>
  </si>
  <si>
    <t>POINT (4.636677308291032 51.80819505747859)</t>
  </si>
  <si>
    <t>POINT (4.641603126245741 51.825960759545566)</t>
  </si>
  <si>
    <t>POINT (4.644449423217374 51.82486040651584)</t>
  </si>
  <si>
    <t>POINT (4.6504590260874075 51.82690319780141)</t>
  </si>
  <si>
    <t>POINT (4.633965056860879 51.812747942563895)</t>
  </si>
  <si>
    <t>POINT (4.619355036185272 51.815575820365495)</t>
  </si>
  <si>
    <t>POINT (4.642740208045629 51.82236485312095)</t>
  </si>
  <si>
    <t>POINT (4.5692415941279645 51.83450431445945)</t>
  </si>
  <si>
    <t>POINT (4.652327728011646 51.81523539706929)</t>
  </si>
  <si>
    <t>POINT (4.629044729000903 51.80868569144274)</t>
  </si>
  <si>
    <t>POINT (4.641673850594495 51.819467662991094)</t>
  </si>
  <si>
    <t>POINT (4.657461421017144 51.82089711388828)</t>
  </si>
  <si>
    <t>POINT (4.664679211898613 51.82343163985453)</t>
  </si>
  <si>
    <t>POINT (4.644457867661169 51.81721296479249)</t>
  </si>
  <si>
    <t>POINT (4.65831567654538 51.82834380260798)</t>
  </si>
  <si>
    <t>POINT (4.630762223410731 51.80818840996972)</t>
  </si>
  <si>
    <t>POINT (4.653137382605898 51.821872782337564)</t>
  </si>
  <si>
    <t>POINT (4.619725542569681 51.81414463351483)</t>
  </si>
  <si>
    <t>POINT (4.643097914798617 51.81037954679518)</t>
  </si>
  <si>
    <t>POINT (4.633061948603609 51.81945617362868)</t>
  </si>
  <si>
    <t>POINT (4.600203814017011 51.81936255588204)</t>
  </si>
  <si>
    <t>POINT (4.607797307718172 51.82061137324418)</t>
  </si>
  <si>
    <t>POINT (4.6563765055361666 51.82312653037942)</t>
  </si>
  <si>
    <t>POINT (4.6028000225557735 51.8210290445432)</t>
  </si>
  <si>
    <t>POINT (4.56136590993792 51.83692597695703)</t>
  </si>
  <si>
    <t>POINT (4.639338436946584 51.8256324577773)</t>
  </si>
  <si>
    <t>POINT (4.644550416621382 51.815644007795974)</t>
  </si>
  <si>
    <t>POINT (4.640636855009919 51.818926073020904)</t>
  </si>
  <si>
    <t>POINT (4.647889268449716 51.82379854728641)</t>
  </si>
  <si>
    <t>POINT (4.634905813411972 51.820814676018436)</t>
  </si>
  <si>
    <t>POINT (4.650059565010506 51.81431854578449)</t>
  </si>
  <si>
    <t>POINT (4.657378182934264 51.82579595434589)</t>
  </si>
  <si>
    <t>POINT (4.620756122792196 51.82020317312324)</t>
  </si>
  <si>
    <t>POINT (4.610940301224067 51.81508371730604)</t>
  </si>
  <si>
    <t>POINT (4.609071276023179 51.82024058355451)</t>
  </si>
  <si>
    <t>POINT (4.602418574051138 51.819138232586106)</t>
  </si>
  <si>
    <t>POINT (4.6327576324685635 51.82472338330737)</t>
  </si>
  <si>
    <t>POINT (4.605340924425292 51.812979074331956)</t>
  </si>
  <si>
    <t>POINT (4.611192810120121 51.81369855285061)</t>
  </si>
  <si>
    <t>POINT (4.635060061099503 51.82033103002962)</t>
  </si>
  <si>
    <t>POINT (4.661996970286459 51.82561466105123)</t>
  </si>
  <si>
    <t>POINT (4.6176059288674205 51.81294976923008)</t>
  </si>
  <si>
    <t>POINT (4.653622797058943 51.82671592318309)</t>
  </si>
  <si>
    <t>POINT (4.618066146028582 51.813267193944554)</t>
  </si>
  <si>
    <t>POINT (4.568681136157577 51.83307321094173)</t>
  </si>
  <si>
    <t>POINT (4.627864903184665 51.81389104897408)</t>
  </si>
  <si>
    <t>POINT (4.621055964765117 51.811439659857136)</t>
  </si>
  <si>
    <t>POINT (4.657432173524815 51.82097633800923)</t>
  </si>
  <si>
    <t>POINT (4.637017725922825 51.81470526353206)</t>
  </si>
  <si>
    <t>POINT (4.656123987780025 51.81765419609293)</t>
  </si>
  <si>
    <t>POINT (4.60134521496627 51.81445849171177)</t>
  </si>
  <si>
    <t>POINT (4.563142156038513 51.835828609649404)</t>
  </si>
  <si>
    <t>POINT (4.642539963363085 51.81004432436896)</t>
  </si>
  <si>
    <t>POINT (4.6099464136673385 51.818379245403364)</t>
  </si>
  <si>
    <t>POINT (4.647454895561235 51.82678330645828)</t>
  </si>
  <si>
    <t>POINT (4.605231225514042 51.82098394719193)</t>
  </si>
  <si>
    <t>POINT (4.6090685689852045 51.81200711793105)</t>
  </si>
  <si>
    <t>POINT (4.614486164011573 51.813049132591125)</t>
  </si>
  <si>
    <t>POINT (4.615962276538941 51.81738431399519)</t>
  </si>
  <si>
    <t>POINT (4.649713983004351 51.82821798485183)</t>
  </si>
  <si>
    <t>POINT (4.616099059689988 51.82221359994393)</t>
  </si>
  <si>
    <t>POINT (4.613300943857616 51.821004933137985)</t>
  </si>
  <si>
    <t>POINT (4.640376619847226 51.82331915955552)</t>
  </si>
  <si>
    <t>POINT (4.619316560186542 51.814258649623746)</t>
  </si>
  <si>
    <t>POINT (4.6604560817923275 51.82076823613137)</t>
  </si>
  <si>
    <t>POINT (4.65894409326376 51.8255625099955)</t>
  </si>
  <si>
    <t>POINT (4.626647613499718 51.815094844352444)</t>
  </si>
  <si>
    <t>POINT (4.604453966088453 51.81293036611753)</t>
  </si>
  <si>
    <t>POINT (4.565923364436952 51.83814426600113)</t>
  </si>
  <si>
    <t>POINT (4.6529142183638115 51.81700377198924)</t>
  </si>
  <si>
    <t>POINT (4.65018387730091 51.816498301722866)</t>
  </si>
  <si>
    <t>POINT (4.616112661367918 51.82074112235686)</t>
  </si>
  <si>
    <t>POINT (4.637677381071211 51.8200450798904)</t>
  </si>
  <si>
    <t>POINT (4.626110005849832 51.81343808318624)</t>
  </si>
  <si>
    <t>POINT (4.654970943998332 51.816990699027514)</t>
  </si>
  <si>
    <t>POINT (4.6189590427700065 51.82065585223177)</t>
  </si>
  <si>
    <t>POINT (4.614830962890601 51.815633637578884)</t>
  </si>
  <si>
    <t>POINT (4.65599103154747 51.82092769230601)</t>
  </si>
  <si>
    <t>POINT (4.638187714607724 51.82539301424472)</t>
  </si>
  <si>
    <t>POINT (4.6470222480466115 51.823740921460534)</t>
  </si>
  <si>
    <t>POINT (4.589374291390614 51.813993456913614)</t>
  </si>
  <si>
    <t>POINT (4.620647859454705 51.820290312722946)</t>
  </si>
  <si>
    <t>POINT (4.640210219714262 51.81809118496359)</t>
  </si>
  <si>
    <t>POINT (4.608804572683177 51.82582889882429)</t>
  </si>
  <si>
    <t>POINT (4.562473617227924 51.83763725061186)</t>
  </si>
  <si>
    <t>POINT (4.637738396360172 51.81798837939342)</t>
  </si>
  <si>
    <t>POINT (4.618478416692489 51.815465569603084)</t>
  </si>
  <si>
    <t>POINT (4.63899227151012 51.82452662940675)</t>
  </si>
  <si>
    <t>POINT (4.653648699835048 51.81989923351833)</t>
  </si>
  <si>
    <t>POINT (4.61475776483854 51.82153723310012)</t>
  </si>
  <si>
    <t>POINT (4.6454685625250836 51.82229372347477)</t>
  </si>
  <si>
    <t>POINT (4.622114311309583 51.81143413348372)</t>
  </si>
  <si>
    <t>POINT (4.637027499194378 51.81481080842022)</t>
  </si>
  <si>
    <t>POINT (4.615357918939745 51.819325535154974)</t>
  </si>
  <si>
    <t>POINT (4.655516005937635 51.82136286702563)</t>
  </si>
  <si>
    <t>POINT (4.633226387741333 51.80668879920431)</t>
  </si>
  <si>
    <t>POINT (4.656008886746907 51.820870464765235)</t>
  </si>
  <si>
    <t>POINT (4.6401661977093855 51.81435345836803)</t>
  </si>
  <si>
    <t>POINT (4.660259475618707 51.82339506401345)</t>
  </si>
  <si>
    <t>POINT (4.644767656359622 51.82287716094635)</t>
  </si>
  <si>
    <t>POINT (4.656943277164497 51.824840539912415)</t>
  </si>
  <si>
    <t>POINT (4.654269616924269 51.819999759038524)</t>
  </si>
  <si>
    <t>POINT (4.647895343330161 51.81952133791665)</t>
  </si>
  <si>
    <t>POINT (4.6296474776716625 51.8064270705922)</t>
  </si>
  <si>
    <t>POINT (4.610770241347224 51.81833823589698)</t>
  </si>
  <si>
    <t>POINT (4.611652796321626 51.81442514113279)</t>
  </si>
  <si>
    <t>POINT (4.609912845251303 51.806849316172084)</t>
  </si>
  <si>
    <t>POINT (4.6176273552508045 51.81267410881765)</t>
  </si>
  <si>
    <t>POINT (4.603868578296029 51.81940435909324)</t>
  </si>
  <si>
    <t>POINT (4.649624350839735 51.822234691509145)</t>
  </si>
  <si>
    <t>POINT (4.629821006119281 51.814948761951484)</t>
  </si>
  <si>
    <t>POINT (4.608682057936461 51.81891915008861)</t>
  </si>
  <si>
    <t>POINT (4.620502768518701 51.81326994321965)</t>
  </si>
  <si>
    <t>POINT (4.639595758066156 51.82039363654119)</t>
  </si>
  <si>
    <t>POINT (4.625012775182683 51.811938224040034)</t>
  </si>
  <si>
    <t>POINT (4.616678091007694 51.8197706031207)</t>
  </si>
  <si>
    <t>POINT (4.608218578636253 51.81347995382397)</t>
  </si>
  <si>
    <t>POINT (4.638021074165998 51.81201997928605)</t>
  </si>
  <si>
    <t>POINT (4.564892183927923 51.83301890929766)</t>
  </si>
  <si>
    <t>POINT (4.641943119296363 51.81103439813046)</t>
  </si>
  <si>
    <t>POINT (4.573514322279201 51.82889780735757)</t>
  </si>
  <si>
    <t>POINT (4.6304437175479904 51.82228813634391)</t>
  </si>
  <si>
    <t>POINT (4.616543676971425 51.813817895020584)</t>
  </si>
  <si>
    <t>POINT (4.597238650054545 51.81472988536271)</t>
  </si>
  <si>
    <t>POINT (4.638034529206808 51.81846678792123)</t>
  </si>
  <si>
    <t>POINT (4.651410260598402 51.82186450235342)</t>
  </si>
  <si>
    <t>POINT (4.625381423983412 51.82320453986232)</t>
  </si>
  <si>
    <t>POINT (4.6398075184028915 51.82593616218184)</t>
  </si>
  <si>
    <t>POINT (4.639928557751387 51.82380679351027)</t>
  </si>
  <si>
    <t>POINT (4.6457470792162 51.82249619165094)</t>
  </si>
  <si>
    <t>POINT (4.643838917978081 51.822833925444776)</t>
  </si>
  <si>
    <t>POINT (4.6521138198068375 51.820721676530184)</t>
  </si>
  <si>
    <t>POINT (4.64972841731512 51.82477846805293)</t>
  </si>
  <si>
    <t>POINT (4.646991580349313 51.82284552706575)</t>
  </si>
  <si>
    <t>POINT (4.656769334657117 51.823678965798585)</t>
  </si>
  <si>
    <t>POINT (4.627931135528123 51.80910155408656)</t>
  </si>
  <si>
    <t>POINT (4.5912990221692205 51.80907068906264)</t>
  </si>
  <si>
    <t>POINT (4.633909535467981 51.809806939331665)</t>
  </si>
  <si>
    <t>POINT (4.646115298042597 51.81504648927875)</t>
  </si>
  <si>
    <t>POINT (4.6200436506971165 51.8149655226848)</t>
  </si>
  <si>
    <t>POINT (4.608657868635202 51.81462443748688)</t>
  </si>
  <si>
    <t>POINT (4.631361464482796 51.82522218113612)</t>
  </si>
  <si>
    <t>POINT (4.6402488497604155 51.82574571479939)</t>
  </si>
  <si>
    <t>POINT (4.6156231826148675 51.82237430972539)</t>
  </si>
  <si>
    <t>POINT (4.638790187997173 51.814863563786666)</t>
  </si>
  <si>
    <t>POINT (4.616431559052179 51.815010537156475)</t>
  </si>
  <si>
    <t>POINT (4.6431212519431 51.816620529509045)</t>
  </si>
  <si>
    <t>POINT (4.631731911048764 51.81127581655238)</t>
  </si>
  <si>
    <t>POINT (4.641417828723363 51.80971619352957)</t>
  </si>
  <si>
    <t>POINT (4.622242782711566 51.811848550934414)</t>
  </si>
  <si>
    <t>POINT (4.636432168325543 51.81238533678088)</t>
  </si>
  <si>
    <t>POINT (4.619189847460243 51.813766865615925)</t>
  </si>
  <si>
    <t>POINT (4.662679888264794 51.822306643669606)</t>
  </si>
  <si>
    <t>POINT (4.65068281418509 51.819310524327385)</t>
  </si>
  <si>
    <t>POINT (4.610842164512497 51.82101535474654)</t>
  </si>
  <si>
    <t>POINT (4.563502329876116 51.83272058991372)</t>
  </si>
  <si>
    <t>POINT (4.6413762350317675 51.82424968781415)</t>
  </si>
  <si>
    <t>POINT (4.653692637964128 51.81606448627977)</t>
  </si>
  <si>
    <t>POINT (4.653174630634195 51.82022774514554)</t>
  </si>
  <si>
    <t>POINT (4.593745007709245 51.81079398327978)</t>
  </si>
  <si>
    <t>POINT (4.648194899189981 51.81939560314788)</t>
  </si>
  <si>
    <t>POINT (4.650292264772388 51.817230814343)</t>
  </si>
  <si>
    <t>POINT (4.654251998791847 51.82074606904684)</t>
  </si>
  <si>
    <t>POINT (4.61916839152524 51.81345996718901)</t>
  </si>
  <si>
    <t>POINT (4.620900020208644 51.814823972482536)</t>
  </si>
  <si>
    <t>POINT (4.65526186797495 51.821203917615925)</t>
  </si>
  <si>
    <t>POINT (4.648236557322691 51.813308400952025)</t>
  </si>
  <si>
    <t>POINT (4.663331676042722 51.82351025730176)</t>
  </si>
  <si>
    <t>POINT (4.649007237546835 51.82538470637581)</t>
  </si>
  <si>
    <t>POINT (4.5976808452643585 51.81428884451671)</t>
  </si>
  <si>
    <t>POINT (4.617250484250148 51.819939761000114)</t>
  </si>
  <si>
    <t>POINT (4.620766848934398 51.81147280094385)</t>
  </si>
  <si>
    <t>POINT (4.660687938657167 51.823115895100955)</t>
  </si>
  <si>
    <t>POINT (4.645935199115872 51.8200838096407)</t>
  </si>
  <si>
    <t>POINT (4.5907194739730794 51.84099416928364)</t>
  </si>
  <si>
    <t>POINT (4.646742351370633 51.8240454364047)</t>
  </si>
  <si>
    <t>POINT (4.6085617544317135 51.82083561937803)</t>
  </si>
  <si>
    <t>POINT (4.642435355136882 51.822418397245954)</t>
  </si>
  <si>
    <t>POINT (4.616744474056521 51.815757055632744)</t>
  </si>
  <si>
    <t>POINT (4.63482620834498 51.8208653114195)</t>
  </si>
  <si>
    <t>POINT (4.634964142764825 51.820368437478066)</t>
  </si>
  <si>
    <t>POINT (4.658575357617587 51.82330627600278)</t>
  </si>
  <si>
    <t>POINT (4.652466047308472 51.81980607470364)</t>
  </si>
  <si>
    <t>POINT (4.634026730055751 51.824672388332104)</t>
  </si>
  <si>
    <t>POINT (4.610207934769015 51.8060778079447)</t>
  </si>
  <si>
    <t>POINT (4.650493543789417 51.8140101633899)</t>
  </si>
  <si>
    <t>POINT (4.63314557600892 51.80944978305321)</t>
  </si>
  <si>
    <t>POINT (4.646544278186175 51.82315564627672)</t>
  </si>
  <si>
    <t>POINT (4.629691912750767 51.82119596830612)</t>
  </si>
  <si>
    <t>POINT (4.5673790659472 51.83875007086501)</t>
  </si>
  <si>
    <t>POINT (4.643455356633373 51.82145561501426)</t>
  </si>
  <si>
    <t>POINT (4.653850080887687 51.81879352684363)</t>
  </si>
  <si>
    <t>POINT (4.655177043090282 51.82117543379711)</t>
  </si>
  <si>
    <t>POINT (4.608010310234264 51.81411606076902)</t>
  </si>
  <si>
    <t>POINT (4.607149066571127 51.81347239101529)</t>
  </si>
  <si>
    <t>POINT (4.639655352225012 51.82587732398246)</t>
  </si>
  <si>
    <t>POINT (4.617337748457807 51.812991857146585)</t>
  </si>
  <si>
    <t>POINT (4.639511640547575 51.8178731111275)</t>
  </si>
  <si>
    <t>POINT (4.616382366950205 51.81793328231927)</t>
  </si>
  <si>
    <t>POINT (4.625603911521723 51.81103755458326)</t>
  </si>
  <si>
    <t>POINT (4.564743979531157 51.83677274027611)</t>
  </si>
  <si>
    <t>POINT (4.6340954914654136 51.809710021157066)</t>
  </si>
  <si>
    <t>POINT (4.612239874703424 51.81902294845666)</t>
  </si>
  <si>
    <t>POINT (4.611197214802349 51.81371058192652)</t>
  </si>
  <si>
    <t>POINT (4.653411898578402 51.815738653176425)</t>
  </si>
  <si>
    <t>POINT (4.629338545853284 51.81353302670095)</t>
  </si>
  <si>
    <t>POINT (4.567293756955095 51.83832763348712)</t>
  </si>
  <si>
    <t>POINT (4.624267885545225 51.81377431732717)</t>
  </si>
  <si>
    <t>POINT (4.614850475641969 51.815365776281354)</t>
  </si>
  <si>
    <t>POINT (4.642281534564198 51.82553800560219)</t>
  </si>
  <si>
    <t>POINT (4.657062765038356 51.81844262179462)</t>
  </si>
  <si>
    <t>POINT (4.655614592981984 51.826007139390235)</t>
  </si>
  <si>
    <t>POINT (4.656273774658426 51.81740677179066)</t>
  </si>
  <si>
    <t>POINT (4.646762344076342 51.827141623974185)</t>
  </si>
  <si>
    <t>POINT (4.627312393733333 51.80793949654833)</t>
  </si>
  <si>
    <t>POINT (4.616814185233145 51.81456326304622)</t>
  </si>
  <si>
    <t>POINT (4.641240865389557 51.82576689092664)</t>
  </si>
  <si>
    <t>POINT (4.560652746464791 51.83256920670129)</t>
  </si>
  <si>
    <t>POINT (4.6299034606042095 51.81219085697234)</t>
  </si>
  <si>
    <t>POINT (4.636296864185557 51.82548452731072)</t>
  </si>
  <si>
    <t>POINT (4.641244424439575 51.82479991962634)</t>
  </si>
  <si>
    <t>POINT (4.618974906549018 51.81865620123898)</t>
  </si>
  <si>
    <t>POINT (4.630509517559024 51.812007837298644)</t>
  </si>
  <si>
    <t>POINT (4.63427082980276 51.820560394747396)</t>
  </si>
  <si>
    <t>POINT (4.639977792075883 51.817871055328105)</t>
  </si>
  <si>
    <t>POINT (4.644535157771589 51.81562827090662)</t>
  </si>
  <si>
    <t>POINT (4.61845734996425 51.81525175181096)</t>
  </si>
  <si>
    <t>POINT (4.638303996422601 51.82279935948296)</t>
  </si>
  <si>
    <t>POINT (4.641078652265316 51.823043950414096)</t>
  </si>
  <si>
    <t>POINT (4.659585434726709 51.83015828555696)</t>
  </si>
  <si>
    <t>POINT (4.618165087210732 51.81896613167884)</t>
  </si>
  <si>
    <t>POINT (4.650267245260807 51.818838445618056)</t>
  </si>
  <si>
    <t>POINT (4.647626134567608 51.81636880969934)</t>
  </si>
  <si>
    <t>POINT (4.612647032846868 51.81336076394897)</t>
  </si>
  <si>
    <t>POINT (4.567284742583832 51.83405686585848)</t>
  </si>
  <si>
    <t>POINT (4.596914883703393 51.8134050575066)</t>
  </si>
  <si>
    <t>POINT (4.63082148709965 51.81220790576631)</t>
  </si>
  <si>
    <t>POINT (4.608301363947694 51.82055883668714)</t>
  </si>
  <si>
    <t>POINT (4.619555298350614 51.83024164216414)</t>
  </si>
  <si>
    <t>POINT (4.633909642792689 51.8204308420418)</t>
  </si>
  <si>
    <t>POINT (4.604314463122416 51.81390119840722)</t>
  </si>
  <si>
    <t>POINT (4.6261378871210015 51.81404754589925)</t>
  </si>
  <si>
    <t>POINT (4.615248679080966 51.82217929989619)</t>
  </si>
  <si>
    <t>POINT (4.6240182865567725 51.811499780805086)</t>
  </si>
  <si>
    <t>POINT (4.651787923496943 51.81476938579613)</t>
  </si>
  <si>
    <t>POINT (4.562420808200317 51.83498094734076)</t>
  </si>
  <si>
    <t>POINT (4.656082632671178 51.821824299315914)</t>
  </si>
  <si>
    <t>POINT (4.656655739354457 51.82996479188293)</t>
  </si>
  <si>
    <t>POINT (4.643814284464331 51.820183481609014)</t>
  </si>
  <si>
    <t>POINT (4.639319224927196 51.82564592626031)</t>
  </si>
  <si>
    <t>POINT (4.620044690157605 51.8123400418211)</t>
  </si>
  <si>
    <t>POINT (4.565566104597641 51.836912043081696)</t>
  </si>
  <si>
    <t>POINT (4.615804667217363 51.81475691819276)</t>
  </si>
  <si>
    <t>POINT (4.616895945084802 51.819835107010725)</t>
  </si>
  <si>
    <t>POINT (4.599155835727529 51.81350256337283)</t>
  </si>
  <si>
    <t>POINT (4.6318035283447925 51.82341811037164)</t>
  </si>
  <si>
    <t>POINT (4.6128324282461435 51.81942448468624)</t>
  </si>
  <si>
    <t>POINT (4.642070611904573 51.82111362105187)</t>
  </si>
  <si>
    <t>POINT (4.652806338558741 51.81534013606773)</t>
  </si>
  <si>
    <t>POINT (4.570140635710784 51.84189426669738)</t>
  </si>
  <si>
    <t>POINT (4.6319575684691126 51.8072563396121)</t>
  </si>
  <si>
    <t>POINT (4.642581735533202 51.820903275695215)</t>
  </si>
  <si>
    <t>POINT (4.62812373945774 51.80915299315753)</t>
  </si>
  <si>
    <t>POINT (4.655785741066219 51.8194979591708)</t>
  </si>
  <si>
    <t>POINT (4.633642362572011 51.812713008133045)</t>
  </si>
  <si>
    <t>POINT (4.632203649356678 51.81115433200138)</t>
  </si>
  <si>
    <t>POINT (4.609258735488889 51.82194126961475)</t>
  </si>
  <si>
    <t>POINT (4.634927469725182 51.81003695576161)</t>
  </si>
  <si>
    <t>POINT (4.616366806076641 51.814802634212455)</t>
  </si>
  <si>
    <t>POINT (4.642111330986788 51.816200462236786)</t>
  </si>
  <si>
    <t>POINT (4.657299390796835 51.81925077372379)</t>
  </si>
  <si>
    <t>POINT (4.626991570247122 51.827595038230584)</t>
  </si>
  <si>
    <t>POINT (4.598496119824754 51.81453917090914)</t>
  </si>
  <si>
    <t>POINT (4.633900015145069 51.82437250331184)</t>
  </si>
  <si>
    <t>POINT (4.650160436559945 51.826214120889226)</t>
  </si>
  <si>
    <t>POINT (4.659698510545205 51.82004839468165)</t>
  </si>
  <si>
    <t>POINT (4.620351309980457 51.8120634046075)</t>
  </si>
  <si>
    <t>POINT (4.633537247777179 51.81270807244993)</t>
  </si>
  <si>
    <t>POINT (4.641258509524761 51.81906891913943)</t>
  </si>
  <si>
    <t>POINT (4.607651906243739 51.821957016853254)</t>
  </si>
  <si>
    <t>POINT (4.616309080970339 51.819669241082245)</t>
  </si>
  <si>
    <t>POINT (4.622450366777972 51.81205249164652)</t>
  </si>
  <si>
    <t>POINT (4.6159023119005385 51.81775006633238)</t>
  </si>
  <si>
    <t>POINT (4.608031243694334 51.81568563159524)</t>
  </si>
  <si>
    <t>POINT (4.632478471514366 51.81062127162003)</t>
  </si>
  <si>
    <t>POINT (4.626690549411891 51.81370340944281)</t>
  </si>
  <si>
    <t>POINT (4.6472785747920415 51.816668764750574)</t>
  </si>
  <si>
    <t>POINT (4.633112050072763 51.82549084144933)</t>
  </si>
  <si>
    <t>POINT (4.662126842310553 51.825392014090625)</t>
  </si>
  <si>
    <t>POINT (4.657166484149266 51.82017804613832)</t>
  </si>
  <si>
    <t>POINT (4.657913180471255 51.82182046122147)</t>
  </si>
  <si>
    <t>POINT (4.619213821389458 51.81890099049286)</t>
  </si>
  <si>
    <t>POINT (4.633720829219724 51.8157458696118)</t>
  </si>
  <si>
    <t>POINT (4.573497207576411 51.82758885542216)</t>
  </si>
  <si>
    <t>POINT (4.614916289408456 51.82047052487376)</t>
  </si>
  <si>
    <t>POINT (4.635199751426727 51.80976515660539)</t>
  </si>
  <si>
    <t>POINT (4.6042780456190355 51.81292928244335)</t>
  </si>
  <si>
    <t>POINT (4.630195028501145 51.81376393766699)</t>
  </si>
  <si>
    <t>POINT (4.611974835370394 51.81355084130727)</t>
  </si>
  <si>
    <t>POINT (4.616477916365601 51.830674668950415)</t>
  </si>
  <si>
    <t>POINT (4.629130686814118 51.80870393657924)</t>
  </si>
  <si>
    <t>POINT (4.659907199102264 51.82233249687969)</t>
  </si>
  <si>
    <t>POINT (4.608494101565336 51.81648012516428)</t>
  </si>
  <si>
    <t>POINT (4.658394356739283 51.82911108745821)</t>
  </si>
  <si>
    <t>POINT (4.597884125892762 51.81605071897382)</t>
  </si>
  <si>
    <t>POINT (4.627893862830622 51.80905883223753)</t>
  </si>
  <si>
    <t>POINT (4.638744244431937 51.82533242110687)</t>
  </si>
  <si>
    <t>POINT (4.597682581017635 51.814186420538036)</t>
  </si>
  <si>
    <t>POINT (4.594512651915771 51.81385493944053)</t>
  </si>
  <si>
    <t>POINT (4.635547505837614 51.822761505179116)</t>
  </si>
  <si>
    <t>POINT (4.64876536295157 51.819535309503344)</t>
  </si>
  <si>
    <t>POINT (4.652771864827843 51.81808112791192)</t>
  </si>
  <si>
    <t>POINT (4.62496488629091 51.81284768778348)</t>
  </si>
  <si>
    <t>POINT (4.643745073984977 51.821342233567634)</t>
  </si>
  <si>
    <t>POINT (4.616524745065185 51.82220224769947)</t>
  </si>
  <si>
    <t>POINT (4.654004306691917 51.82392388051715)</t>
  </si>
  <si>
    <t>POINT (4.636618870227262 51.816097507931595)</t>
  </si>
  <si>
    <t>POINT (4.657425238918828 51.829323814552)</t>
  </si>
  <si>
    <t>POINT (4.600999969202924 51.814996375203826)</t>
  </si>
  <si>
    <t>POINT (4.627678302042016 51.81317309056605)</t>
  </si>
  <si>
    <t>POINT (4.570429589763917 51.83671289535765)</t>
  </si>
  <si>
    <t>POINT (4.619412801215729 51.830387423755276)</t>
  </si>
  <si>
    <t>POINT (4.6427352107121775 51.819433070285235)</t>
  </si>
  <si>
    <t>POINT (4.6009583783026375 51.81541446818497)</t>
  </si>
  <si>
    <t>POINT (4.570854399315087 51.83679662309054)</t>
  </si>
  <si>
    <t>POINT (4.627924707177375 51.812285332962304)</t>
  </si>
  <si>
    <t>POINT (4.65190785062059 51.82364632771199)</t>
  </si>
  <si>
    <t>POINT (4.561918903449085 51.837280409075625)</t>
  </si>
  <si>
    <t>POINT (4.620988632398392 51.811500334537314)</t>
  </si>
  <si>
    <t>POINT (4.6320047474814885 51.81402427028684)</t>
  </si>
  <si>
    <t>POINT (4.656545636843467 51.81752161418064)</t>
  </si>
  <si>
    <t>POINT (4.634776032872581 51.820419815533214)</t>
  </si>
  <si>
    <t>POINT (4.6130583473949285 51.81926473548795)</t>
  </si>
  <si>
    <t>POINT (4.647503405257051 51.816932067541174)</t>
  </si>
  <si>
    <t>POINT (4.565957056394069 51.83716765906533)</t>
  </si>
  <si>
    <t>POINT (4.627519511636679 51.806644574624556)</t>
  </si>
  <si>
    <t>POINT (4.632207377711604 51.825998280154856)</t>
  </si>
  <si>
    <t>POINT (4.647867323571058 51.82139675860781)</t>
  </si>
  <si>
    <t>POINT (4.629564294191406 51.81010236068515)</t>
  </si>
  <si>
    <t>POINT (4.599797827619433 51.813451619039036)</t>
  </si>
  <si>
    <t>POINT (4.657481289397205 51.82434747753834)</t>
  </si>
  <si>
    <t>POINT (4.658513119704459 51.81939691224897)</t>
  </si>
  <si>
    <t>POINT (4.634972865291559 51.81666736044665)</t>
  </si>
  <si>
    <t>POINT (4.642915810246199 51.815250410299335)</t>
  </si>
  <si>
    <t>POINT (4.62256725728025 51.81229154424748)</t>
  </si>
  <si>
    <t>POINT (4.607590713054254 51.81369324865063)</t>
  </si>
  <si>
    <t>POINT (4.622561669588156 51.81241151619987)</t>
  </si>
  <si>
    <t>POINT (4.622021541465033 51.8272554561225)</t>
  </si>
  <si>
    <t>POINT (4.655894388838001 51.817772701603154)</t>
  </si>
  <si>
    <t>POINT (4.6272385591813885 51.80660155104532)</t>
  </si>
  <si>
    <t>POINT (4.627625363106914 51.8098500520392)</t>
  </si>
  <si>
    <t>POINT (4.657842761836914 51.82257235780409)</t>
  </si>
  <si>
    <t>POINT (4.618736147187736 51.812938740025324)</t>
  </si>
  <si>
    <t>POINT (4.65804211424822 51.82388803725137)</t>
  </si>
  <si>
    <t>POINT (4.599012682334734 51.813411399983046)</t>
  </si>
  <si>
    <t>POINT (4.63925652684852 51.82563559424508)</t>
  </si>
  <si>
    <t>POINT (4.635521584868531 51.82360081127769)</t>
  </si>
  <si>
    <t>POINT (4.645751123807985 51.81419713041646)</t>
  </si>
  <si>
    <t>POINT (4.616833011693944 51.814625094196636)</t>
  </si>
  <si>
    <t>POINT (4.649895220587671 51.82477487782601)</t>
  </si>
  <si>
    <t>POINT (4.656755430848172 51.82122794592824)</t>
  </si>
  <si>
    <t>POINT (4.600471785559118 51.81988318200474)</t>
  </si>
  <si>
    <t>POINT (4.633145865661926 51.825521071946994)</t>
  </si>
  <si>
    <t>POINT (4.646751902327537 51.820136290484974)</t>
  </si>
  <si>
    <t>POINT (4.627946521894499 51.80999966224315)</t>
  </si>
  <si>
    <t>POINT (4.644227188588201 51.81868264788368)</t>
  </si>
  <si>
    <t>POINT (4.642999802180862 51.82347543381791)</t>
  </si>
  <si>
    <t>POINT (4.622014288933261 51.82725540884283)</t>
  </si>
  <si>
    <t>POINT (4.595377291431115 51.815477024061444)</t>
  </si>
  <si>
    <t>POINT (4.633115168459066 51.819434250582475)</t>
  </si>
  <si>
    <t>POINT (4.5937906624982086 51.81216577661784)</t>
  </si>
  <si>
    <t>POINT (4.6344198102998755 51.80737425541103)</t>
  </si>
  <si>
    <t>POINT (4.650898040698375 51.822554937638884)</t>
  </si>
  <si>
    <t>POINT (4.6565408969887745 51.82147370930296)</t>
  </si>
  <si>
    <t>POINT (4.6218331663769225 51.81509983138713)</t>
  </si>
  <si>
    <t>POINT (4.623795383560222 51.81346438778424)</t>
  </si>
  <si>
    <t>POINT (4.652210330259367 51.824221996577876)</t>
  </si>
  <si>
    <t>POINT (4.643410878572232 51.81907220668596)</t>
  </si>
  <si>
    <t>POINT (4.630158542593377 51.81383464118985)</t>
  </si>
  <si>
    <t>POINT (4.6516634590152774 51.82173733553644)</t>
  </si>
  <si>
    <t>POINT (4.6192746155924445 51.81426395714976)</t>
  </si>
  <si>
    <t>POINT (4.615139605034954 51.817657213475975)</t>
  </si>
  <si>
    <t>POINT (4.63681143723171 51.814563460232854)</t>
  </si>
  <si>
    <t>POINT (4.630491677458698 51.80856398485029)</t>
  </si>
  <si>
    <t>POINT (4.633533366373119 51.81277629877307)</t>
  </si>
  <si>
    <t>POINT (4.561673777893651 51.83237215835334)</t>
  </si>
  <si>
    <t>POINT (4.631506456845351 51.8107445433297)</t>
  </si>
  <si>
    <t>POINT (4.6330806373370415 51.81997936413529)</t>
  </si>
  <si>
    <t>POINT (4.632325606230613 51.809149267838)</t>
  </si>
  <si>
    <t>POINT (4.60832907770587 51.81590633134978)</t>
  </si>
  <si>
    <t>POINT (4.64383075049511 51.82680031068515)</t>
  </si>
  <si>
    <t>3334GL</t>
  </si>
  <si>
    <t>Schuttersveld</t>
  </si>
  <si>
    <t>POINT (4.598330439105144 51.81319920278487)</t>
  </si>
  <si>
    <t>POINT (4.611345606217962 51.814922146622145)</t>
  </si>
  <si>
    <t>POINT (4.654514029648338 51.82285683569433)</t>
  </si>
  <si>
    <t>POINT (4.654112348049575 51.82179312409368)</t>
  </si>
  <si>
    <t>POINT (4.566696299436022 51.8351605182378)</t>
  </si>
  <si>
    <t>POINT (4.6472428137430635 51.81654747959229)</t>
  </si>
  <si>
    <t>POINT (4.658557631729105 51.82889688543175)</t>
  </si>
  <si>
    <t>POINT (4.634081701953709 51.80516944662701)</t>
  </si>
  <si>
    <t>POINT (4.639252213557386 51.81451129394227)</t>
  </si>
  <si>
    <t>POINT (4.656876988011913 51.817665464081635)</t>
  </si>
  <si>
    <t>POINT (4.640772366874923 51.82556414792906)</t>
  </si>
  <si>
    <t>POINT (4.615806053210717 51.820436619307024)</t>
  </si>
  <si>
    <t>POINT (4.622186110660663 51.81269460407333)</t>
  </si>
  <si>
    <t>3332RS</t>
  </si>
  <si>
    <t>De Waele</t>
  </si>
  <si>
    <t>POINT (4.64324089140691 51.824691082044566)</t>
  </si>
  <si>
    <t>POINT (4.63931688962355 51.817249591749736)</t>
  </si>
  <si>
    <t>POINT (4.615203899597636 51.820681359755454)</t>
  </si>
  <si>
    <t>POINT (4.61895029401004 51.81791154089844)</t>
  </si>
  <si>
    <t>POINT (4.567513535688967 51.83681132040415)</t>
  </si>
  <si>
    <t>POINT (4.661694097029088 51.82469918103318)</t>
  </si>
  <si>
    <t>POINT (4.641948422011067 51.82614384974318)</t>
  </si>
  <si>
    <t>POINT (4.615759244128534 51.81586718495893)</t>
  </si>
  <si>
    <t>POINT (4.5607623429236614 51.83346542894422)</t>
  </si>
  <si>
    <t>POINT (4.600957714461624 51.8154608456024)</t>
  </si>
  <si>
    <t>POINT (4.6148744731313736 51.82045866324946)</t>
  </si>
  <si>
    <t>POINT (4.593455893772471 51.81102293090076)</t>
  </si>
  <si>
    <t>POINT (4.656428487767652 51.826731222348364)</t>
  </si>
  <si>
    <t>POINT (4.654513646979938 51.81641381859192)</t>
  </si>
  <si>
    <t>POINT (4.628553292020724 51.81461291710985)</t>
  </si>
  <si>
    <t>POINT (4.64667396963201 51.820404731317474)</t>
  </si>
  <si>
    <t>POINT (4.639563417061239 51.81433766474323)</t>
  </si>
  <si>
    <t>POINT (4.569126156891621 51.833966702269684)</t>
  </si>
  <si>
    <t>POINT (4.657421682162703 51.8179817393839)</t>
  </si>
  <si>
    <t>POINT (4.656425355018468 51.82179022733879)</t>
  </si>
  <si>
    <t>POINT (4.623080016603301 51.81315813354828)</t>
  </si>
  <si>
    <t>POINT (4.657510106799985 51.826168357256506)</t>
  </si>
  <si>
    <t>POINT (4.616572616431566 51.821073660627725)</t>
  </si>
  <si>
    <t>POINT (4.630325601201945 51.81186215769941)</t>
  </si>
  <si>
    <t>POINT (4.618034097331218 51.81316002710581)</t>
  </si>
  <si>
    <t>POINT (4.653925440483607 51.819860037414216)</t>
  </si>
  <si>
    <t>POINT (4.628165939845117 51.8121883233269)</t>
  </si>
  <si>
    <t>POINT (4.646237929247299 51.8265311562816)</t>
  </si>
  <si>
    <t>POINT (4.5643955111402486 51.83586390018436)</t>
  </si>
  <si>
    <t>POINT (4.642060225538191 51.82614977300378)</t>
  </si>
  <si>
    <t>POINT (4.65832344957266 51.821554131532054)</t>
  </si>
  <si>
    <t>POINT (4.645546021702381 51.81969666206657)</t>
  </si>
  <si>
    <t>POINT (4.604308903814147 51.81421631524808)</t>
  </si>
  <si>
    <t>POINT (4.633214901612711 51.82501548793793)</t>
  </si>
  <si>
    <t>POINT (4.622198836785519 51.81257619776704)</t>
  </si>
  <si>
    <t>POINT (4.641174423235696 51.82561640252503)</t>
  </si>
  <si>
    <t>POINT (4.594587848032732 51.81384414850895)</t>
  </si>
  <si>
    <t>POINT (4.606539652747723 51.82017556475634)</t>
  </si>
  <si>
    <t>POINT (4.6400990396042365 51.81878132138651)</t>
  </si>
  <si>
    <t>POINT (4.656939863997755 51.82787743133688)</t>
  </si>
  <si>
    <t>POINT (4.645300622139233 51.82534626201551)</t>
  </si>
  <si>
    <t>POINT (4.63515566413894 51.8097975749869)</t>
  </si>
  <si>
    <t>POINT (4.640330929636859 51.82326916136666)</t>
  </si>
  <si>
    <t>POINT (4.619342241598566 51.81286665390475)</t>
  </si>
  <si>
    <t>POINT (4.638629748142062 51.811314717816664)</t>
  </si>
  <si>
    <t>POINT (4.63585766204428 51.81656483141226)</t>
  </si>
  <si>
    <t>POINT (4.629758526727298 51.81344090732245)</t>
  </si>
  <si>
    <t>POINT (4.639253672676722 51.8240262232241)</t>
  </si>
  <si>
    <t>POINT (4.643321676412896 51.816045453987165)</t>
  </si>
  <si>
    <t>POINT (4.6168724478638605 51.82163689317243)</t>
  </si>
  <si>
    <t>POINT (4.633728534298914 51.820505813751176)</t>
  </si>
  <si>
    <t>POINT (4.629704630870932 51.81504317428169)</t>
  </si>
  <si>
    <t>POINT (4.647516008892033 51.818589319695846)</t>
  </si>
  <si>
    <t>POINT (4.638623497789556 51.82270620744938)</t>
  </si>
  <si>
    <t>POINT (4.642989428537358 51.82263399992667)</t>
  </si>
  <si>
    <t>POINT (4.635022667923011 51.80989536464823)</t>
  </si>
  <si>
    <t>POINT (4.629540255685171 51.81185214595526)</t>
  </si>
  <si>
    <t>POINT (4.645557854928966 51.814246191925946)</t>
  </si>
  <si>
    <t>POINT (4.566296560772241 51.83411457057991)</t>
  </si>
  <si>
    <t>POINT (4.6377081943885345 51.80874981386628)</t>
  </si>
  <si>
    <t>POINT (4.642559236134286 51.81606924769148)</t>
  </si>
  <si>
    <t>POINT (4.6031086780922035 51.815309394740304)</t>
  </si>
  <si>
    <t>POINT (4.611136232173157 51.81441489474106)</t>
  </si>
  <si>
    <t>POINT (4.640655171758933 51.818125746301334)</t>
  </si>
  <si>
    <t>POINT (4.643338631339007 51.8233587243115)</t>
  </si>
  <si>
    <t>POINT (4.655999592593593 51.81875566716824)</t>
  </si>
  <si>
    <t>POINT (4.604774206159048 51.81508760406756)</t>
  </si>
  <si>
    <t>POINT (4.634808821769614 51.81005259048271)</t>
  </si>
  <si>
    <t>POINT (4.665003784380223 51.82282782814686)</t>
  </si>
  <si>
    <t>POINT (4.6026173813902815 51.81974569870667)</t>
  </si>
  <si>
    <t>POINT (4.611894868790711 51.81352138729776)</t>
  </si>
  <si>
    <t>POINT (4.638099172799734 51.822869782146114)</t>
  </si>
  <si>
    <t>POINT (4.653686167776164 51.81807630220762)</t>
  </si>
  <si>
    <t>POINT (4.652431827101938 51.821616163000684)</t>
  </si>
  <si>
    <t>POINT (4.639901093566954 51.81974870979227)</t>
  </si>
  <si>
    <t>POINT (4.612159204221633 51.82187992915943)</t>
  </si>
  <si>
    <t>POINT (4.625866632860486 51.815976372842044)</t>
  </si>
  <si>
    <t>POINT (4.616215248763786 51.8202486574811)</t>
  </si>
  <si>
    <t>POINT (4.613650907676076 51.83104191313991)</t>
  </si>
  <si>
    <t>POINT (4.654408024390758 51.82009654151198)</t>
  </si>
  <si>
    <t>POINT (4.628652990935288 51.81225940034427)</t>
  </si>
  <si>
    <t>POINT (4.633378903517659 51.82492368814095)</t>
  </si>
  <si>
    <t>POINT (4.65442613417225 51.821641305287436)</t>
  </si>
  <si>
    <t>POINT (4.560812727765613 51.8331175953445)</t>
  </si>
  <si>
    <t>POINT (4.65620948173947 51.8217453508694)</t>
  </si>
  <si>
    <t>POINT (4.641002969565101 51.82342208184311)</t>
  </si>
  <si>
    <t>POINT (4.6115936816857666 51.81584563401351)</t>
  </si>
  <si>
    <t>POINT (4.630459162078901 51.81366008681871)</t>
  </si>
  <si>
    <t>POINT (4.560922292800666 51.833922419508006)</t>
  </si>
  <si>
    <t>POINT (4.607387616690262 51.81924792095834)</t>
  </si>
  <si>
    <t>POINT (4.644684065531883 51.814861821344955)</t>
  </si>
  <si>
    <t>POINT (4.625640326375062 51.81180840246305)</t>
  </si>
  <si>
    <t>POINT (4.615370864115838 51.813076293967995)</t>
  </si>
  <si>
    <t>POINT (4.608985555740644 51.82138809051295)</t>
  </si>
  <si>
    <t>POINT (4.634982250694832 51.80992508291137)</t>
  </si>
  <si>
    <t>POINT (4.641759552210657 51.826026210966376)</t>
  </si>
  <si>
    <t>POINT (4.6577238178755085 51.82188598040521)</t>
  </si>
  <si>
    <t>POINT (4.6279374138435285 51.81530590062003)</t>
  </si>
  <si>
    <t>POINT (4.642308255058031 51.816664693046725)</t>
  </si>
  <si>
    <t>POINT (4.645961649665736 51.824898936866816)</t>
  </si>
  <si>
    <t>POINT (4.6335910476083875 51.81923827947912)</t>
  </si>
  <si>
    <t>POINT (4.633495843564953 51.81281310024246)</t>
  </si>
  <si>
    <t>POINT (4.640732397539473 51.81753319038572)</t>
  </si>
  <si>
    <t>POINT (4.63870162001816 51.81127963493579)</t>
  </si>
  <si>
    <t>POINT (4.597280903694824 51.816331000898785)</t>
  </si>
  <si>
    <t>POINT (4.614319671339533 51.821627966425325)</t>
  </si>
  <si>
    <t>POINT (4.645966459562877 51.81437508261533)</t>
  </si>
  <si>
    <t>POINT (4.656751682218742 51.821177325332464)</t>
  </si>
  <si>
    <t>POINT (4.627288735629031 51.813377605552326)</t>
  </si>
  <si>
    <t>POINT (4.6284162455435585 51.80928338764008)</t>
  </si>
  <si>
    <t>POINT (4.619895299539537 51.820745158574205)</t>
  </si>
  <si>
    <t>POINT (4.649253083011662 51.81271668099453)</t>
  </si>
  <si>
    <t>POINT (4.637841660463317 51.80824277732353)</t>
  </si>
  <si>
    <t>POINT (4.645841192652146 51.814286552688536)</t>
  </si>
  <si>
    <t>POINT (4.6620606066601145 51.82228166885811)</t>
  </si>
  <si>
    <t>POINT (4.612919698010377 51.81435071174547)</t>
  </si>
  <si>
    <t>POINT (4.647500734853141 51.8272093711054)</t>
  </si>
  <si>
    <t>POINT (4.627624759339753 51.81313784983412)</t>
  </si>
  <si>
    <t>POINT (4.659552710942255 51.82371701827101)</t>
  </si>
  <si>
    <t>POINT (4.573724268155064 51.82782033446618)</t>
  </si>
  <si>
    <t>POINT (4.63653912564161 51.81170734682738)</t>
  </si>
  <si>
    <t>POINT (4.609945746951065 51.81842800480516)</t>
  </si>
  <si>
    <t>POINT (4.644664144970992 51.81558081781996)</t>
  </si>
  <si>
    <t>POINT (4.621155785118156 51.811428212711824)</t>
  </si>
  <si>
    <t>POINT (4.610746808117594 51.818532452974345)</t>
  </si>
  <si>
    <t>POINT (4.648031269102171 51.81902468821837)</t>
  </si>
  <si>
    <t>POINT (4.631282732333292 51.82274053309964)</t>
  </si>
  <si>
    <t>POINT (4.602294917455003 51.82023240346651)</t>
  </si>
  <si>
    <t>POINT (4.632828695925552 51.81151550017333)</t>
  </si>
  <si>
    <t>POINT (4.63865579571265 51.82297027648112)</t>
  </si>
  <si>
    <t>POINT (4.65733994692932 51.82570176699245)</t>
  </si>
  <si>
    <t>POINT (4.6384395063497665 51.82533214938121)</t>
  </si>
  <si>
    <t>POINT (4.61305268747066 51.81824306733159)</t>
  </si>
  <si>
    <t>POINT (4.569502483502888 51.83702084034674)</t>
  </si>
  <si>
    <t>POINT (4.655891540289392 51.82184607486267)</t>
  </si>
  <si>
    <t>POINT (4.606523580304587 51.814368722587716)</t>
  </si>
  <si>
    <t>POINT (4.6522089368893855 51.820576017385264)</t>
  </si>
  <si>
    <t>POINT (4.644986997946876 51.82664746742034)</t>
  </si>
  <si>
    <t>POINT (4.656915376912813 51.82981011251983)</t>
  </si>
  <si>
    <t>POINT (4.634018347205321 51.81278379898492)</t>
  </si>
  <si>
    <t>POINT (4.626462678160981 51.8137917297117)</t>
  </si>
  <si>
    <t>POINT (4.614664098662105 51.81346672468434)</t>
  </si>
  <si>
    <t>POINT (4.604096952688465 51.81389972914718)</t>
  </si>
  <si>
    <t>POINT (4.615867364235637 51.814970398931116)</t>
  </si>
  <si>
    <t>POINT (4.6384739850238095 51.80922867709859)</t>
  </si>
  <si>
    <t>POINT (4.651227801908512 51.826055588513505)</t>
  </si>
  <si>
    <t>POINT (4.562648393061413 51.83736920247859)</t>
  </si>
  <si>
    <t>POINT (4.6563693876371905 51.823187995566684)</t>
  </si>
  <si>
    <t>POINT (4.627803508491777 51.816851334739745)</t>
  </si>
  <si>
    <t>POINT (4.660647294689053 51.82011677027436)</t>
  </si>
  <si>
    <t>POINT (4.659287232154985 51.83007206012551)</t>
  </si>
  <si>
    <t>POINT (4.638014281802577 51.81161625323319)</t>
  </si>
  <si>
    <t>POINT (4.615767538168331 51.8145265269202)</t>
  </si>
  <si>
    <t>POINT (4.656883637470098 51.82121453266703)</t>
  </si>
  <si>
    <t>POINT (4.607973144949787 51.81334724172053)</t>
  </si>
  <si>
    <t>POINT (4.645324767357061 51.81504577311302)</t>
  </si>
  <si>
    <t>POINT (4.650501094917494 51.816969278224896)</t>
  </si>
  <si>
    <t>POINT (4.630552866743692 51.8128492533131)</t>
  </si>
  <si>
    <t>POINT (4.637935441921339 51.823434934726606)</t>
  </si>
  <si>
    <t>POINT (4.6536455820422615 51.817863565044185)</t>
  </si>
  <si>
    <t>POINT (4.645153328172384 51.81450407317411)</t>
  </si>
  <si>
    <t>POINT (4.611153424501498 51.813737150660806)</t>
  </si>
  <si>
    <t>POINT (4.653829346322658 51.8202319998533)</t>
  </si>
  <si>
    <t>POINT (4.649886780562068 51.815535275043615)</t>
  </si>
  <si>
    <t>POINT (4.655240150944442 51.82122289211025)</t>
  </si>
  <si>
    <t>POINT (4.643609377903024 51.82119478638677)</t>
  </si>
  <si>
    <t>POINT (4.60327677586765 51.81324383734264)</t>
  </si>
  <si>
    <t>POINT (4.618786575048637 51.81281171805688)</t>
  </si>
  <si>
    <t>POINT (4.566760950304522 51.838468782573734)</t>
  </si>
  <si>
    <t>POINT (4.565875372184464 51.83719195944768)</t>
  </si>
  <si>
    <t>POINT (4.628580473817737 51.81173070091885)</t>
  </si>
  <si>
    <t>POINT (4.608945318083673 51.81847235888525)</t>
  </si>
  <si>
    <t>POINT (4.662849110805206 51.82347682655147)</t>
  </si>
  <si>
    <t>POINT (4.618429428519769 51.8179461343628)</t>
  </si>
  <si>
    <t>POINT (4.631406821526967 51.81039571494146)</t>
  </si>
  <si>
    <t>POINT (4.609562342292051 51.81504547093279)</t>
  </si>
  <si>
    <t>POINT (4.63393089887598 51.80983104037088)</t>
  </si>
  <si>
    <t>POINT (4.570416882429425 51.836139684890206)</t>
  </si>
  <si>
    <t>POINT (4.565336707244727 51.83659130988762)</t>
  </si>
  <si>
    <t>POINT (4.640506364150471 51.82570800082774)</t>
  </si>
  <si>
    <t>POINT (4.604542118188212 51.813583967519456)</t>
  </si>
  <si>
    <t>POINT (4.657713654647822 51.82247539458568)</t>
  </si>
  <si>
    <t>POINT (4.6074157797947874 51.812947397067845)</t>
  </si>
  <si>
    <t>POINT (4.662649282131555 51.82187898048304)</t>
  </si>
  <si>
    <t>POINT (4.596058942963832 51.81498449923827)</t>
  </si>
  <si>
    <t>POINT (4.606850418804465 51.81535766106412)</t>
  </si>
  <si>
    <t>POINT (4.6261842388015975 51.8105490615378)</t>
  </si>
  <si>
    <t>POINT (4.569860374907611 51.835128290429054)</t>
  </si>
  <si>
    <t>POINT (4.561044002467239 51.834905459017385)</t>
  </si>
  <si>
    <t>POINT (4.650970155683995 51.822622697266404)</t>
  </si>
  <si>
    <t>POINT (4.63705511893932 51.8118278771131)</t>
  </si>
  <si>
    <t>POINT (4.660282477946348 51.82199943636363)</t>
  </si>
  <si>
    <t>POINT (4.657636975437945 51.82445253419107)</t>
  </si>
  <si>
    <t>POINT (4.606484110757475 51.819310794665505)</t>
  </si>
  <si>
    <t>POINT (4.650461676317187 51.81396348281257)</t>
  </si>
  <si>
    <t>POINT (4.638192974888119 51.81127381868976)</t>
  </si>
  <si>
    <t>POINT (4.620949046051091 51.81498824677983)</t>
  </si>
  <si>
    <t>POINT (4.6285053791418145 51.81497635345308)</t>
  </si>
  <si>
    <t>POINT (4.606533906845974 51.81887428288987)</t>
  </si>
  <si>
    <t>POINT (4.644521920241152 51.81561308612865)</t>
  </si>
  <si>
    <t>POINT (4.642124184011249 51.81004718623812)</t>
  </si>
  <si>
    <t>POINT (4.56174413486783 51.83233858576409)</t>
  </si>
  <si>
    <t>POINT (4.644619033138283 51.82688130869614)</t>
  </si>
  <si>
    <t>POINT (4.565738930252071 51.834889274858476)</t>
  </si>
  <si>
    <t>POINT (4.648587331914845 51.826700838834576)</t>
  </si>
  <si>
    <t>POINT (4.650386761744812 51.82835254574473)</t>
  </si>
  <si>
    <t>POINT (4.5666370552340885 51.837943315700336)</t>
  </si>
  <si>
    <t>POINT (4.62744551700785 51.814630667223234)</t>
  </si>
  <si>
    <t>POINT (4.628814194639458 51.813188670492316)</t>
  </si>
  <si>
    <t>POINT (4.65583483275417 51.81882334103912)</t>
  </si>
  <si>
    <t>POINT (4.646939899121625 51.814873879333845)</t>
  </si>
  <si>
    <t>POINT (4.645080840533955 51.81458712876422)</t>
  </si>
  <si>
    <t>POINT (4.659598382122854 51.823781219850844)</t>
  </si>
  <si>
    <t>POINT (4.629195587730798 51.81338609976784)</t>
  </si>
  <si>
    <t>POINT (4.6426785675895825 51.816206210499274)</t>
  </si>
  <si>
    <t>POINT (4.628167196148283 51.81421027010976)</t>
  </si>
  <si>
    <t>POINT (4.644241619462179 51.81974040249622)</t>
  </si>
  <si>
    <t>POINT (4.646808424845976 51.81400366351603)</t>
  </si>
  <si>
    <t>POINT (4.611958806753912 51.812163730033504)</t>
  </si>
  <si>
    <t>POINT (4.621191277040837 51.81145172518106)</t>
  </si>
  <si>
    <t>POINT (4.633264329113256 51.8093306726567)</t>
  </si>
  <si>
    <t>POINT (4.616309974805916 51.821763446488575)</t>
  </si>
  <si>
    <t>POINT (4.648554199469675 51.82430847292976)</t>
  </si>
  <si>
    <t>POINT (4.603075819704514 51.81960637212649)</t>
  </si>
  <si>
    <t>POINT (4.6590936436026205 51.83067632701696)</t>
  </si>
  <si>
    <t>POINT (4.628241744626308 51.807737737046935)</t>
  </si>
  <si>
    <t>POINT (4.617444291062403 51.81372765363182)</t>
  </si>
  <si>
    <t>POINT (4.611188366144733 51.813688806651065)</t>
  </si>
  <si>
    <t>POINT (4.657449123430602 51.820996416240845)</t>
  </si>
  <si>
    <t>POINT (4.562274494289436 51.8333035083259)</t>
  </si>
  <si>
    <t>POINT (4.645888821390561 51.822131184563354)</t>
  </si>
  <si>
    <t>POINT (4.633208767216787 51.811634346619265)</t>
  </si>
  <si>
    <t>POINT (4.625885646746547 51.81281003366134)</t>
  </si>
  <si>
    <t>POINT (4.6566544160840175 51.8197426392259)</t>
  </si>
  <si>
    <t>POINT (4.656097910142753 51.82177219723272)</t>
  </si>
  <si>
    <t>POINT (4.656482125517416 51.82172500839918)</t>
  </si>
  <si>
    <t>POINT (4.599013014695946 51.81335755068897)</t>
  </si>
  <si>
    <t>POINT (4.56230803526921 51.83694504135621)</t>
  </si>
  <si>
    <t>POINT (4.6057827919032865 51.8210527171883)</t>
  </si>
  <si>
    <t>POINT (4.631987386237474 51.80987232779109)</t>
  </si>
  <si>
    <t>POINT (4.622180704667777 51.81267646555489)</t>
  </si>
  <si>
    <t>POINT (4.643650786556152 51.81537850208837)</t>
  </si>
  <si>
    <t>POINT (4.613506912480132 51.81466127090896)</t>
  </si>
  <si>
    <t>POINT (4.642709923546227 51.81011150570127)</t>
  </si>
  <si>
    <t>POINT (4.624147485362764 51.81374957959085)</t>
  </si>
  <si>
    <t>POINT (4.628850133430406 51.80646709742074)</t>
  </si>
  <si>
    <t>POINT (4.646297424622574 51.81544084063149)</t>
  </si>
  <si>
    <t>POINT (4.630783064902937 51.812407117577)</t>
  </si>
  <si>
    <t>POINT (4.626397748442937 51.814280869984984)</t>
  </si>
  <si>
    <t>POINT (4.640266584478137 51.82576535108721)</t>
  </si>
  <si>
    <t>POINT (4.644743467331362 51.81470954216864)</t>
  </si>
  <si>
    <t>POINT (4.604189149573429 51.82018085009446)</t>
  </si>
  <si>
    <t>POINT (4.620260481744083 51.8286078273225)</t>
  </si>
  <si>
    <t>POINT (4.628182269080236 51.81325643170505)</t>
  </si>
  <si>
    <t>POINT (4.640486812607212 51.825663184694854)</t>
  </si>
  <si>
    <t>POINT (4.619484675484454 51.81952566239934)</t>
  </si>
  <si>
    <t>POINT (4.613997800211004 51.83088922438076)</t>
  </si>
  <si>
    <t>POINT (4.635648246502715 51.82280661737055)</t>
  </si>
  <si>
    <t>POINT (4.6447928929862785 51.81996512959773)</t>
  </si>
  <si>
    <t>POINT (4.625112918975889 51.82257551107554)</t>
  </si>
  <si>
    <t>POINT (4.634105140231137 51.82628231689651)</t>
  </si>
  <si>
    <t>POINT (4.613079772798517 51.82174749752439)</t>
  </si>
  <si>
    <t>POINT (4.565908885927519 51.837799482388704)</t>
  </si>
  <si>
    <t>POINT (4.567108572017209 51.83526304838234)</t>
  </si>
  <si>
    <t>POINT (4.650391474373922 51.813673965768324)</t>
  </si>
  <si>
    <t>POINT (4.655145489213015 51.82115170462781)</t>
  </si>
  <si>
    <t>POINT (4.619449475917268 51.81424414856213)</t>
  </si>
  <si>
    <t>POINT (4.561241766392532 51.83385504098046)</t>
  </si>
  <si>
    <t>POINT (4.625891764881687 51.81442981241789)</t>
  </si>
  <si>
    <t>POINT (4.618768371087874 51.81907478382358)</t>
  </si>
  <si>
    <t>POINT (4.646813574602441 51.82011775837076)</t>
  </si>
  <si>
    <t>POINT (4.637490654667179 51.812278342846696)</t>
  </si>
  <si>
    <t>POINT (4.615027482239849 51.81801509868907)</t>
  </si>
  <si>
    <t>POINT (4.648660888873869 51.81295170424428)</t>
  </si>
  <si>
    <t>POINT (4.604150204123949 51.822164626463916)</t>
  </si>
  <si>
    <t>POINT (4.647779584184141 51.82668665660525)</t>
  </si>
  <si>
    <t>POINT (4.62630987631351 51.811415309751865)</t>
  </si>
  <si>
    <t>POINT (4.64105023160663 51.81348564164572)</t>
  </si>
  <si>
    <t>POINT (4.642431603450688 51.821474435234954)</t>
  </si>
  <si>
    <t>POINT (4.6478149782855915 51.82715271786308)</t>
  </si>
  <si>
    <t>POINT (4.635345189803579 51.82158225880461)</t>
  </si>
  <si>
    <t>POINT (4.637936580072237 51.81965115143861)</t>
  </si>
  <si>
    <t>POINT (4.605525637889149 51.82161393252793)</t>
  </si>
  <si>
    <t>POINT (4.618571933523291 51.819004733808406)</t>
  </si>
  <si>
    <t>POINT (4.651732974313459 51.821725285886906)</t>
  </si>
  <si>
    <t>POINT (4.65454069949683 51.82626667657742)</t>
  </si>
  <si>
    <t>POINT (4.6411143658158025 51.825521019359485)</t>
  </si>
  <si>
    <t>POINT (4.647716518351169 51.81653677563464)</t>
  </si>
  <si>
    <t>POINT (4.605397448274518 51.81313492901414)</t>
  </si>
  <si>
    <t>POINT (4.602236553651726 51.81888969940935)</t>
  </si>
  <si>
    <t>POINT (4.567373798236304 51.83790730368067)</t>
  </si>
  <si>
    <t>POINT (4.661805844289815 51.826577703417826)</t>
  </si>
  <si>
    <t>POINT (4.635211471093765 51.8168908925369)</t>
  </si>
  <si>
    <t>POINT (4.608162992908771 51.81451717172585)</t>
  </si>
  <si>
    <t>POINT (4.625055507903074 51.813853178614465)</t>
  </si>
  <si>
    <t>POINT (4.649502274397919 51.81832827782882)</t>
  </si>
  <si>
    <t>POINT (4.642709487116597 51.8217167355879)</t>
  </si>
  <si>
    <t>POINT (4.637572058909787 51.823827856163504)</t>
  </si>
  <si>
    <t>POINT (4.619512059485042 51.819212261307555)</t>
  </si>
  <si>
    <t>POINT (4.625291564681958 51.81343430034747)</t>
  </si>
  <si>
    <t>POINT (4.6592400627855755 51.82216136040053)</t>
  </si>
  <si>
    <t>POINT (4.568187555329305 51.834502574106295)</t>
  </si>
  <si>
    <t>POINT (4.653427179290244 51.824626541226785)</t>
  </si>
  <si>
    <t>POINT (4.654122305920523 51.81618033855545)</t>
  </si>
  <si>
    <t>POINT (4.640036686352941 51.81024967813359)</t>
  </si>
  <si>
    <t>POINT (4.646618993706616 51.82151641079667)</t>
  </si>
  <si>
    <t>POINT (4.644851040420701 51.82096120141188)</t>
  </si>
  <si>
    <t>POINT (4.643485264960057 51.81902853462693)</t>
  </si>
  <si>
    <t>POINT (4.606061710908193 51.8188175951106)</t>
  </si>
  <si>
    <t>POINT (4.609009023523693 51.82163513928153)</t>
  </si>
  <si>
    <t>POINT (4.634976417755141 51.80847635322373)</t>
  </si>
  <si>
    <t>POINT (4.63772940809339 51.82303971681129)</t>
  </si>
  <si>
    <t>POINT (4.605309293652021 51.8219946020368)</t>
  </si>
  <si>
    <t>POINT (4.637288692856882 51.81817163568695)</t>
  </si>
  <si>
    <t>POINT (4.654407746593919 51.82641850126152)</t>
  </si>
  <si>
    <t>POINT (4.625477121793252 51.814432452060856)</t>
  </si>
  <si>
    <t>POINT (4.615404912749537 51.81871645417438)</t>
  </si>
  <si>
    <t>POINT (4.659988828418679 51.82171338642406)</t>
  </si>
  <si>
    <t>POINT (4.657082258810198 51.82098833690956)</t>
  </si>
  <si>
    <t>POINT (4.660937416268493 51.824491285552725)</t>
  </si>
  <si>
    <t>POINT (4.605960720491113 51.82030712756733)</t>
  </si>
  <si>
    <t>POINT (4.633417762131117 51.81159026034672)</t>
  </si>
  <si>
    <t>POINT (4.649067532063234 51.82564464267736)</t>
  </si>
  <si>
    <t>POINT (4.561667139208637 51.83489466990275)</t>
  </si>
  <si>
    <t>POINT (4.634852475052219 51.81005229509195)</t>
  </si>
  <si>
    <t>POINT (4.638732645734751 51.82542201830371)</t>
  </si>
  <si>
    <t>POINT (4.636873026995743 51.81774490112076)</t>
  </si>
  <si>
    <t>POINT (4.65200870365056 51.817960611362125)</t>
  </si>
  <si>
    <t>POINT (4.643227717768018 51.80956646988748)</t>
  </si>
  <si>
    <t>POINT (4.600693182724066 51.81352642311616)</t>
  </si>
  <si>
    <t>POINT (4.561012903911803 51.83438749708291)</t>
  </si>
  <si>
    <t>POINT (4.634309861938759 51.81853621936615)</t>
  </si>
  <si>
    <t>POINT (4.640626849991169 51.82430267586198)</t>
  </si>
  <si>
    <t>POINT (4.645101439476862 51.81454804135025)</t>
  </si>
  <si>
    <t>POINT (4.652062388538682 51.81515250445975)</t>
  </si>
  <si>
    <t>POINT (4.603902349365715 51.81944745173199)</t>
  </si>
  <si>
    <t>POINT (4.613909583548508 51.81573046379829)</t>
  </si>
  <si>
    <t>POINT (4.658285186170518 51.82928620994134)</t>
  </si>
  <si>
    <t>POINT (4.559989221285354 51.83373295374942)</t>
  </si>
  <si>
    <t>POINT (4.654002642271601 51.82739305826517)</t>
  </si>
  <si>
    <t>POINT (4.638525247149814 51.82522413093052)</t>
  </si>
  <si>
    <t>POINT (4.648757977339513 51.816085233774)</t>
  </si>
  <si>
    <t>POINT (4.654515386435529 51.81642012153083)</t>
  </si>
  <si>
    <t>POINT (4.644780590363943 51.815060255218675)</t>
  </si>
  <si>
    <t>POINT (4.634199992246482 51.82127393050412)</t>
  </si>
  <si>
    <t>POINT (4.632701575961294 51.811447851863015)</t>
  </si>
  <si>
    <t>POINT (4.658226888348317 51.81873012534188)</t>
  </si>
  <si>
    <t>POINT (4.6565554846430235 51.827533361981224)</t>
  </si>
  <si>
    <t>POINT (4.625779783631264 51.815301772936984)</t>
  </si>
  <si>
    <t>POINT (4.6010093109807135 51.819359577112465)</t>
  </si>
  <si>
    <t>POINT (4.624786609113645 51.814144517922216)</t>
  </si>
  <si>
    <t>POINT (4.651945781433734 51.82032798032489)</t>
  </si>
  <si>
    <t>POINT (4.635532671117738 51.818043647659756)</t>
  </si>
  <si>
    <t>POINT (4.599598159328342 51.813260760591426)</t>
  </si>
  <si>
    <t>POINT (4.656500819301408 51.826878700355536)</t>
  </si>
  <si>
    <t>POINT (4.613853680065502 51.81985059619823)</t>
  </si>
  <si>
    <t>POINT (4.648702252828112 51.81955405830729)</t>
  </si>
  <si>
    <t>POINT (4.602937647051468 51.81958000178754)</t>
  </si>
  <si>
    <t>POINT (4.632884529995559 51.82004057534451)</t>
  </si>
  <si>
    <t>POINT (4.566444181402224 51.83404492431423)</t>
  </si>
  <si>
    <t>POINT (4.618503166318538 51.81898028354788)</t>
  </si>
  <si>
    <t>POINT (4.60602745445792 51.82002263821482)</t>
  </si>
  <si>
    <t>POINT (4.642189810054241 51.81753856814006)</t>
  </si>
  <si>
    <t>POINT (4.635323334567758 51.81833349563235)</t>
  </si>
  <si>
    <t>POINT (4.647338311884214 51.814127408971565)</t>
  </si>
  <si>
    <t>POINT (4.637269413256029 51.80836386679579)</t>
  </si>
  <si>
    <t>POINT (4.604152970467525 51.8134115743294)</t>
  </si>
  <si>
    <t>POINT (4.612580306079336 51.81996358217054)</t>
  </si>
  <si>
    <t>POINT (4.624103828766127 51.81132001446176)</t>
  </si>
  <si>
    <t>POINT (4.655246326948819 51.82338637050234)</t>
  </si>
  <si>
    <t>POINT (4.564207594987479 51.83294027797772)</t>
  </si>
  <si>
    <t>POINT (4.6161377818113865 51.81334749165558)</t>
  </si>
  <si>
    <t>POINT (4.6302289904034515 51.813175899669766)</t>
  </si>
  <si>
    <t>POINT (4.630094380305109 51.80830023704532)</t>
  </si>
  <si>
    <t>POINT (4.653729333628693 51.818844475182146)</t>
  </si>
  <si>
    <t>POINT (4.653242614230891 51.822166812976036)</t>
  </si>
  <si>
    <t>POINT (4.614405074341266 51.81979313195184)</t>
  </si>
  <si>
    <t>POINT (4.6190628239786085 51.8133105039385)</t>
  </si>
  <si>
    <t>POINT (4.563794920749646 51.83553667836533)</t>
  </si>
  <si>
    <t>POINT (4.643690351643833 51.81784758738735)</t>
  </si>
  <si>
    <t>POINT (4.656602617571805 51.818765696736996)</t>
  </si>
  <si>
    <t>POINT (4.635036914935861 51.80991667831088)</t>
  </si>
  <si>
    <t>POINT (4.659833234422526 51.82286751177379)</t>
  </si>
  <si>
    <t>POINT (4.651576410210338 51.82463933357488)</t>
  </si>
  <si>
    <t>POINT (4.6565289151332525 51.821658981236595)</t>
  </si>
  <si>
    <t>POINT (4.6289785402806745 51.814041889139524)</t>
  </si>
  <si>
    <t>POINT (4.641927392603008 51.82348388297406)</t>
  </si>
  <si>
    <t>POINT (4.619021396919244 51.812623323800615)</t>
  </si>
  <si>
    <t>POINT (4.633948485179599 51.80977829964868)</t>
  </si>
  <si>
    <t>POINT (4.648580354615896 51.817871723555385)</t>
  </si>
  <si>
    <t>POINT (4.63246173322362 51.80904918225856)</t>
  </si>
  <si>
    <t>POINT (4.6582060401943135 51.8216720888117)</t>
  </si>
  <si>
    <t>POINT (4.639529969801823 51.82585666036913)</t>
  </si>
  <si>
    <t>POINT (4.62384064974405 51.81330394604773)</t>
  </si>
  <si>
    <t>POINT (4.559017541774936 51.83573978968019)</t>
  </si>
  <si>
    <t>POINT (4.606286771977708 51.82151568298923)</t>
  </si>
  <si>
    <t>POINT (4.660193577466885 51.82189960582558)</t>
  </si>
  <si>
    <t>POINT (4.65378427683476 51.82111120669011)</t>
  </si>
  <si>
    <t>POINT (4.6613812683484435 51.82009261982566)</t>
  </si>
  <si>
    <t>POINT (4.650457767960395 51.813931090000885)</t>
  </si>
  <si>
    <t>POINT (4.632791751645441 51.80957382719638)</t>
  </si>
  <si>
    <t>POINT (4.60639956669245 51.81325602755519)</t>
  </si>
  <si>
    <t>POINT (4.598318699655106 51.816887588926804)</t>
  </si>
  <si>
    <t>POINT (4.654329503610106 51.82175991879294)</t>
  </si>
  <si>
    <t>POINT (4.6338854723344 51.82089724527791)</t>
  </si>
  <si>
    <t>POINT (4.617047216665991 51.818126760790726)</t>
  </si>
  <si>
    <t>POINT (4.629561969699855 51.81176469115769)</t>
  </si>
  <si>
    <t>POINT (4.645389862768056 51.814435429796006)</t>
  </si>
  <si>
    <t>POINT (4.609942731393747 51.81864494561544)</t>
  </si>
  <si>
    <t>POINT (4.642962456522184 51.82133169150482)</t>
  </si>
  <si>
    <t>POINT (4.564096874879867 51.83674311720392)</t>
  </si>
  <si>
    <t>POINT (4.629027051518711 51.81151775909197)</t>
  </si>
  <si>
    <t>POINT (4.65104950695161 51.81438404018716)</t>
  </si>
  <si>
    <t>POINT (4.639195892331493 51.81454235946315)</t>
  </si>
  <si>
    <t>POINT (4.6577653646383785 51.82179426649069)</t>
  </si>
  <si>
    <t>POINT (4.64052439223319 51.817718571369696)</t>
  </si>
  <si>
    <t>POINT (4.612765676203806 51.81859655175703)</t>
  </si>
  <si>
    <t>POINT (4.630369222972536 51.81265688821207)</t>
  </si>
  <si>
    <t>POINT (4.6352632387338355 51.80975026466254)</t>
  </si>
  <si>
    <t>POINT (4.640739783910919 51.82314441959225)</t>
  </si>
  <si>
    <t>POINT (4.654634661021357 51.82940946914675)</t>
  </si>
  <si>
    <t>POINT (4.650640977791982 51.828382985891004)</t>
  </si>
  <si>
    <t>POINT (4.654571827845593 51.81718341541811)</t>
  </si>
  <si>
    <t>POINT (4.651078627722535 51.814131811456804)</t>
  </si>
  <si>
    <t>POINT (4.651952418470211 51.828487368716964)</t>
  </si>
  <si>
    <t>POINT (4.6516593336851155 51.817807232565954)</t>
  </si>
  <si>
    <t>POINT (4.62789366291451 51.81326755335236)</t>
  </si>
  <si>
    <t>POINT (4.64861507761884 51.82431922897077)</t>
  </si>
  <si>
    <t>POINT (4.639417380734407 51.820224132933326)</t>
  </si>
  <si>
    <t>POINT (4.568772227096773 51.835892392464366)</t>
  </si>
  <si>
    <t>POINT (4.626089275493244 51.812018523012945)</t>
  </si>
  <si>
    <t>POINT (4.6372129386845495 51.823510948761616)</t>
  </si>
  <si>
    <t>POINT (4.62798299765 51.80911059971394)</t>
  </si>
  <si>
    <t>POINT (4.658643239198222 51.82584505349052)</t>
  </si>
  <si>
    <t>POINT (4.650814366470816 51.82551805226397)</t>
  </si>
  <si>
    <t>POINT (4.654619728954789 51.82625334527187)</t>
  </si>
  <si>
    <t>POINT (4.636044343129839 51.82512503577109)</t>
  </si>
  <si>
    <t>POINT (4.615195502601507 51.81445259921715)</t>
  </si>
  <si>
    <t>POINT (4.660987354805969 51.826621513644575)</t>
  </si>
  <si>
    <t>POINT (4.566634380758208 51.8354763993568)</t>
  </si>
  <si>
    <t>POINT (4.569627122869391 51.8344998811256)</t>
  </si>
  <si>
    <t>POINT (4.612741495917708 51.813677592758125)</t>
  </si>
  <si>
    <t>POINT (4.564578952134282 51.836135036957636)</t>
  </si>
  <si>
    <t>POINT (4.630604482446224 51.81284907375137)</t>
  </si>
  <si>
    <t>POINT (4.602498546848813 51.81536500177505)</t>
  </si>
  <si>
    <t>POINT (4.657270876256707 51.818036198776994)</t>
  </si>
  <si>
    <t>POINT (4.633319120979095 51.81029636720327)</t>
  </si>
  <si>
    <t>POINT (4.619421153968941 51.818399554392414)</t>
  </si>
  <si>
    <t>POINT (4.565819267134511 51.83782517441206)</t>
  </si>
  <si>
    <t>POINT (4.633632451253395 51.80752928156227)</t>
  </si>
  <si>
    <t>POINT (4.631992672003418 51.811612036801186)</t>
  </si>
  <si>
    <t>POINT (4.602137556352067 51.821286816236594)</t>
  </si>
  <si>
    <t>POINT (4.642557633698378 51.81557272894558)</t>
  </si>
  <si>
    <t>POINT (4.647916875786533 51.823809840179706)</t>
  </si>
  <si>
    <t>POINT (4.643854063726067 51.817461760100365)</t>
  </si>
  <si>
    <t>POINT (4.6326365403494005 51.80957254160003)</t>
  </si>
  <si>
    <t>POINT (4.614684111067302 51.81420306876445)</t>
  </si>
  <si>
    <t>POINT (4.643223581483341 51.81733353224236)</t>
  </si>
  <si>
    <t>POINT (4.602009261176157 51.820732315347186)</t>
  </si>
  <si>
    <t>POINT (4.559898432956886 51.83624046327209)</t>
  </si>
  <si>
    <t>POINT (4.656758104501124 51.81812809072668)</t>
  </si>
  <si>
    <t>POINT (4.618567812248069 51.81781149994582)</t>
  </si>
  <si>
    <t>POINT (4.630259638500322 51.8224243235977)</t>
  </si>
  <si>
    <t>POINT (4.637148642386718 51.81755291152457)</t>
  </si>
  <si>
    <t>POINT (4.6386372071057345 51.81475130796634)</t>
  </si>
  <si>
    <t>POINT (4.639999428145287 51.819308844942654)</t>
  </si>
  <si>
    <t>POINT (4.623763245311133 51.81352098738797)</t>
  </si>
  <si>
    <t>POINT (4.647221768170377 51.82366247687495)</t>
  </si>
  <si>
    <t>POINT (4.632395127719673 51.8110174163135)</t>
  </si>
  <si>
    <t>POINT (4.651049818049875 51.81500800100004)</t>
  </si>
  <si>
    <t>POINT (4.650768665266693 51.82546699747985)</t>
  </si>
  <si>
    <t>POINT (4.650943877505251 51.8233851410775)</t>
  </si>
  <si>
    <t>POINT (4.598350599160648 51.813563759728254)</t>
  </si>
  <si>
    <t>POINT (4.616044225577813 51.819530674860374)</t>
  </si>
  <si>
    <t>POINT (4.605806402306143 51.813580437721676)</t>
  </si>
  <si>
    <t>POINT (4.61180549291806 51.821824748181754)</t>
  </si>
  <si>
    <t>POINT (4.65216804709202 51.82423973611328)</t>
  </si>
  <si>
    <t>POINT (4.608239295540289 51.814159360568716)</t>
  </si>
  <si>
    <t>POINT (4.658619383853585 51.8298124049441)</t>
  </si>
  <si>
    <t>POINT (4.632815491914295 51.80962223121983)</t>
  </si>
  <si>
    <t>POINT (4.6573856688220125 51.82207299098034)</t>
  </si>
  <si>
    <t>POINT (4.63038880061462 51.80870794978897)</t>
  </si>
  <si>
    <t>POINT (4.6373158214419155 51.81500900930921)</t>
  </si>
  <si>
    <t>POINT (4.633737759239435 51.8098319217313)</t>
  </si>
  <si>
    <t>POINT (4.657040079432376 51.82104653686875)</t>
  </si>
  <si>
    <t>POINT (4.563471852500233 51.8343646340962)</t>
  </si>
  <si>
    <t>POINT (4.640644567262774 51.825685922840904)</t>
  </si>
  <si>
    <t>POINT (4.621091456644556 51.81146317235643)</t>
  </si>
  <si>
    <t>POINT (4.636605247440853 51.819008743553745)</t>
  </si>
  <si>
    <t>POINT (4.564251366574336 51.83779130822557)</t>
  </si>
  <si>
    <t>POINT (4.643292632876914 51.82654541605367)</t>
  </si>
  <si>
    <t>POINT (4.6150949817053455 51.81799566873263)</t>
  </si>
  <si>
    <t>POINT (4.640130302299437 51.80916379151337)</t>
  </si>
  <si>
    <t>POINT (4.6562825336473015 51.82010814955745)</t>
  </si>
  <si>
    <t>POINT (4.6513190494683885 51.82195450046039)</t>
  </si>
  <si>
    <t>POINT (4.647127142386048 51.81927331632326)</t>
  </si>
  <si>
    <t>POINT (4.630388387820686 51.80938739499267)</t>
  </si>
  <si>
    <t>POINT (4.570408623338105 51.83520988602103)</t>
  </si>
  <si>
    <t>POINT (4.634301831475566 51.81052166836097)</t>
  </si>
  <si>
    <t>POINT (4.567985644823986 51.83614647377658)</t>
  </si>
  <si>
    <t>POINT (4.631765783313162 51.81132015120115)</t>
  </si>
  <si>
    <t>POINT (4.632867536422838 51.82002464601117)</t>
  </si>
  <si>
    <t>POINT (4.615851831354439 51.82183328990545)</t>
  </si>
  <si>
    <t>POINT (4.604204479125543 51.82061929654366)</t>
  </si>
  <si>
    <t>POINT (4.6254250983162 51.82288193114311)</t>
  </si>
  <si>
    <t>POINT (4.639848466530538 51.825934589223316)</t>
  </si>
  <si>
    <t>POINT (4.637186772030948 51.81757994152937)</t>
  </si>
  <si>
    <t>POINT (4.6353443177872355 51.80855604992623)</t>
  </si>
  <si>
    <t>POINT (4.651612036202572 51.82464379051986)</t>
  </si>
  <si>
    <t>POINT (4.6164882441677335 51.813108141085046)</t>
  </si>
  <si>
    <t>POINT (4.597988987823585 51.814636363403835)</t>
  </si>
  <si>
    <t>POINT (4.613026625848525 51.82192826958544)</t>
  </si>
  <si>
    <t>POINT (4.640726297622619 51.810514577577024)</t>
  </si>
  <si>
    <t>POINT (4.612307322876212 51.8190463150476)</t>
  </si>
  <si>
    <t>POINT (4.622485681062181 51.81202840730061)</t>
  </si>
  <si>
    <t>POINT (4.604975269504701 51.81325233093452)</t>
  </si>
  <si>
    <t>POINT (4.655580646024897 51.82061806357274)</t>
  </si>
  <si>
    <t>POINT (4.642830742992611 51.81907510833361)</t>
  </si>
  <si>
    <t>POINT (4.615443072792325 51.81344973793754)</t>
  </si>
  <si>
    <t>POINT (4.635794438319734 51.82141489894871)</t>
  </si>
  <si>
    <t>POINT (4.5821567256681135 51.825292817400175)</t>
  </si>
  <si>
    <t>POINT (4.640979617855047 51.81924992229272)</t>
  </si>
  <si>
    <t>POINT (4.60200114061355 51.81571395215613)</t>
  </si>
  <si>
    <t>POINT (4.65180076329126 51.823710824718155)</t>
  </si>
  <si>
    <t>POINT (4.60330253488811 51.821190163119546)</t>
  </si>
  <si>
    <t>POINT (4.646796458065545 51.82584223776752)</t>
  </si>
  <si>
    <t>POINT (4.631574683109246 51.82512990976556)</t>
  </si>
  <si>
    <t>POINT (4.650263344358775 51.81779509532717)</t>
  </si>
  <si>
    <t>POINT (4.658067119261524 51.821715638910895)</t>
  </si>
  <si>
    <t>POINT (4.6133588163983665 51.817966094407936)</t>
  </si>
  <si>
    <t>POINT (4.637906350862345 51.80933417677357)</t>
  </si>
  <si>
    <t>POINT (4.645004137131808 51.82112060427565)</t>
  </si>
  <si>
    <t>POINT (4.566836148681097 51.83403889125449)</t>
  </si>
  <si>
    <t>POINT (4.634542626910297 51.820940139786906)</t>
  </si>
  <si>
    <t>POINT (4.6192471457307205 51.81521419044837)</t>
  </si>
  <si>
    <t>POINT (4.5741263425788246 51.827669952156214)</t>
  </si>
  <si>
    <t>POINT (4.64380540150295 51.815881536160575)</t>
  </si>
  <si>
    <t>POINT (4.629598037773301 51.8101420929274)</t>
  </si>
  <si>
    <t>POINT (4.561651558973251 51.83235430323649)</t>
  </si>
  <si>
    <t>POINT (4.64471250862255 51.8198208200314)</t>
  </si>
  <si>
    <t>POINT (4.646726834657129 51.81453696027359)</t>
  </si>
  <si>
    <t>POINT (4.6537650686031675 51.81612048904091)</t>
  </si>
  <si>
    <t>POINT (4.650437596732424 51.813981578681584)</t>
  </si>
  <si>
    <t>POINT (4.631111519991044 51.80836952758561)</t>
  </si>
  <si>
    <t>POINT (4.6176136051021945 51.817202301461535)</t>
  </si>
  <si>
    <t>POINT (4.6383255640310574 51.81452321791051)</t>
  </si>
  <si>
    <t>POINT (4.654465600840952 51.82167883672828)</t>
  </si>
  <si>
    <t>POINT (4.613948858835361 51.83113645991358)</t>
  </si>
  <si>
    <t>POINT (4.608136613896742 51.82128012175271)</t>
  </si>
  <si>
    <t>POINT (4.641432721635191 51.81701637931768)</t>
  </si>
  <si>
    <t>POINT (4.640957712389727 51.825504509015644)</t>
  </si>
  <si>
    <t>POINT (4.611006587648806 51.8208141601613)</t>
  </si>
  <si>
    <t>POINT (4.6130709742502924 51.81821872066257)</t>
  </si>
  <si>
    <t>POINT (4.603285128879511 51.82027864400243)</t>
  </si>
  <si>
    <t>POINT (4.642771950516648 51.820222546366615)</t>
  </si>
  <si>
    <t>POINT (4.611179648789878 51.813713324181876)</t>
  </si>
  <si>
    <t>POINT (4.6008471602873895 51.81041061933622)</t>
  </si>
  <si>
    <t>POINT (4.643779084526193 51.8252961946754)</t>
  </si>
  <si>
    <t>POINT (4.609440918057936 51.82198329481409)</t>
  </si>
  <si>
    <t>POINT (4.627798153577385 51.82406504943921)</t>
  </si>
  <si>
    <t>POINT (4.635625291646624 51.82441369370225)</t>
  </si>
  <si>
    <t>POINT (4.633681351731915 51.812629241051226)</t>
  </si>
  <si>
    <t>POINT (4.64653636376635 51.821896614152166)</t>
  </si>
  <si>
    <t>POINT (4.639362177440005 51.81772905877181)</t>
  </si>
  <si>
    <t>POINT (4.655267265297731 51.823323409557226)</t>
  </si>
  <si>
    <t>POINT (4.650718706785917 51.818709846982095)</t>
  </si>
  <si>
    <t>POINT (4.630337897533292 51.813730711085014)</t>
  </si>
  <si>
    <t>POINT (4.608338055054597 51.81351481413938)</t>
  </si>
  <si>
    <t>POINT (4.618476388155885 51.820224739292264)</t>
  </si>
  <si>
    <t>POINT (4.618381357683004 51.81514020736941)</t>
  </si>
  <si>
    <t>POINT (4.645381954704564 51.817307986335855)</t>
  </si>
  <si>
    <t>POINT (4.649300539354728 51.82811230433995)</t>
  </si>
  <si>
    <t>POINT (4.6361445767019305 51.81534887871615)</t>
  </si>
  <si>
    <t>POINT (4.656813454470369 51.82131357362385)</t>
  </si>
  <si>
    <t>POINT (4.630547594906695 51.823099056379995)</t>
  </si>
  <si>
    <t>POINT (4.635406387045754 51.82413011872169)</t>
  </si>
  <si>
    <t>POINT (4.6118883062449445 51.813391960224685)</t>
  </si>
  <si>
    <t>POINT (4.634507975898131 51.80555676398758)</t>
  </si>
  <si>
    <t>POINT (4.65734336579666 51.81799407921456)</t>
  </si>
  <si>
    <t>POINT (4.630336264489878 51.809410276657054)</t>
  </si>
  <si>
    <t>POINT (4.652308970042872 51.821571762742344)</t>
  </si>
  <si>
    <t>POINT (4.644761349148606 51.815040646002316)</t>
  </si>
  <si>
    <t>POINT (4.606575143081791 51.81902160372729)</t>
  </si>
  <si>
    <t>POINT (4.640638124672472 51.818358130449745)</t>
  </si>
  <si>
    <t>POINT (4.6561792064305 51.822882265876466)</t>
  </si>
  <si>
    <t>POINT (4.57200624251957 51.82809938074561)</t>
  </si>
  <si>
    <t>POINT (4.632174400865433 51.81021817638992)</t>
  </si>
  <si>
    <t>POINT (4.643473223503279 51.818465244877665)</t>
  </si>
  <si>
    <t>POINT (4.616440117452316 51.818403384966636)</t>
  </si>
  <si>
    <t>POINT (4.6086052313907455 51.822177033828666)</t>
  </si>
  <si>
    <t>POINT (4.635144985692208 51.80987702965371)</t>
  </si>
  <si>
    <t>POINT (4.6379582400234405 51.8113880767247)</t>
  </si>
  <si>
    <t>POINT (4.640774965073039 51.8227315411413)</t>
  </si>
  <si>
    <t>POINT (4.566497396012986 51.83515389635061)</t>
  </si>
  <si>
    <t>POINT (4.629997547727145 51.808433948568364)</t>
  </si>
  <si>
    <t>POINT (4.617255040099668 51.813093929757876)</t>
  </si>
  <si>
    <t>POINT (4.629331481996757 51.807239650494544)</t>
  </si>
  <si>
    <t>POINT (4.642662376595299 51.81618898431708)</t>
  </si>
  <si>
    <t>POINT (4.611518078304645 51.816003201020244)</t>
  </si>
  <si>
    <t>POINT (4.633399522654409 51.820134130701526)</t>
  </si>
  <si>
    <t>POINT (4.65591626984 51.819206128097136)</t>
  </si>
  <si>
    <t>POINT (4.604200944252065 51.814170561417804)</t>
  </si>
  <si>
    <t>POINT (4.665116763660564 51.8224730124319)</t>
  </si>
  <si>
    <t>POINT (4.639423549845941 51.822403444779546)</t>
  </si>
  <si>
    <t>POINT (4.628675041877119 51.81487663284283)</t>
  </si>
  <si>
    <t>POINT (4.647400603438106 51.82578881625264)</t>
  </si>
  <si>
    <t>POINT (4.6437459681698945 51.8154655853426)</t>
  </si>
  <si>
    <t>POINT (4.633621852863635 51.812663789101435)</t>
  </si>
  <si>
    <t>POINT (4.6153142214016 51.8128864121604)</t>
  </si>
  <si>
    <t>POINT (4.644989735497702 51.81654532379618)</t>
  </si>
  <si>
    <t>POINT (4.640195987907598 51.820413323476636)</t>
  </si>
  <si>
    <t>POINT (4.62572472860966 51.813186326790735)</t>
  </si>
  <si>
    <t>POINT (4.651592876996283 51.82719514234132)</t>
  </si>
  <si>
    <t>POINT (4.639556664726188 51.82195999976601)</t>
  </si>
  <si>
    <t>POINT (4.6451179802086076 51.82112084773776)</t>
  </si>
  <si>
    <t>POINT (4.650913401983497 51.81955724539871)</t>
  </si>
  <si>
    <t>POINT (4.640587696201922 51.81367841078825)</t>
  </si>
  <si>
    <t>POINT (4.657043909068135 51.82109396697827)</t>
  </si>
  <si>
    <t>POINT (4.611960195719744 51.813633045365435)</t>
  </si>
  <si>
    <t>POINT (4.641606579073593 51.82583535335922)</t>
  </si>
  <si>
    <t>POINT (4.648746307014601 51.821520071062494)</t>
  </si>
  <si>
    <t>POINT (4.600788243580405 51.81910989019894)</t>
  </si>
  <si>
    <t>POINT (4.645722500499552 51.820561257512566)</t>
  </si>
  <si>
    <t>POINT (4.637166245776978 51.8202518353766)</t>
  </si>
  <si>
    <t>POINT (4.628983347607026 51.812710089975106)</t>
  </si>
  <si>
    <t>POINT (4.634120361693217 51.824633528762064)</t>
  </si>
  <si>
    <t>POINT (4.65987454025747 51.829223566156884)</t>
  </si>
  <si>
    <t>POINT (4.608205503060622 51.81913129474293)</t>
  </si>
  <si>
    <t>POINT (4.636008292898471 51.81015460257551)</t>
  </si>
  <si>
    <t>POINT (4.644901520083531 51.817152599218666)</t>
  </si>
  <si>
    <t>POINT (4.633158582537543 51.81135395398087)</t>
  </si>
  <si>
    <t>POINT (4.572642620865926 51.821393912399074)</t>
  </si>
  <si>
    <t>POINT (4.559595982738897 51.83541565391368)</t>
  </si>
  <si>
    <t>POINT (4.605648569274116 51.81575485707852)</t>
  </si>
  <si>
    <t>POINT (4.656749235240476 51.82021847882664)</t>
  </si>
  <si>
    <t>POINT (4.6324502979298 51.8135525599337)</t>
  </si>
  <si>
    <t>POINT (4.613932558956029 51.83091793599762)</t>
  </si>
  <si>
    <t>POINT (4.61839017029336 51.81540838057535)</t>
  </si>
  <si>
    <t>POINT (4.657953329061193 51.82892424244176)</t>
  </si>
  <si>
    <t>POINT (4.635009188648328 51.82128916875134)</t>
  </si>
  <si>
    <t>POINT (4.602733841007911 51.821057186349464)</t>
  </si>
  <si>
    <t>POINT (4.647348775675894 51.819949521428576)</t>
  </si>
  <si>
    <t>POINT (4.565600778672956 51.83384511002014)</t>
  </si>
  <si>
    <t>POINT (4.6187285647134 51.812251179113815)</t>
  </si>
  <si>
    <t>POINT (4.622264933073228 51.81040454082574)</t>
  </si>
  <si>
    <t>POINT (4.564092287394071 51.83258014420682)</t>
  </si>
  <si>
    <t>POINT (4.606732574118739 51.81532969547648)</t>
  </si>
  <si>
    <t>POINT (4.603012226458755 51.81976599151099)</t>
  </si>
  <si>
    <t>POINT (4.653588878604971 51.82664745120238)</t>
  </si>
  <si>
    <t>POINT (4.650895800182801 51.81753859982118)</t>
  </si>
  <si>
    <t>POINT (4.612989616550352 51.81924422827223)</t>
  </si>
  <si>
    <t>POINT (4.641431021452184 51.8257260052719)</t>
  </si>
  <si>
    <t>POINT (4.60592672094835 51.81295487705873)</t>
  </si>
  <si>
    <t>POINT (4.613011042987993 51.815512261902136)</t>
  </si>
  <si>
    <t>POINT (4.625159070237256 51.81331946315622)</t>
  </si>
  <si>
    <t>POINT (4.631449447323612 51.80687075106461)</t>
  </si>
  <si>
    <t>POINT (4.653546100435179 51.82668747106675)</t>
  </si>
  <si>
    <t>POINT (4.642105262032826 51.816026249749285)</t>
  </si>
  <si>
    <t>POINT (4.614700551252399 51.81425502393688)</t>
  </si>
  <si>
    <t>POINT (4.633571963882592 51.81276889726468)</t>
  </si>
  <si>
    <t>POINT (4.617660415471012 51.814033725764986)</t>
  </si>
  <si>
    <t>POINT (4.65666795904309 51.823391506246715)</t>
  </si>
  <si>
    <t>POINT (4.607679163624884 51.8197880486003)</t>
  </si>
  <si>
    <t>POINT (4.6433222940977235 51.81686934363924)</t>
  </si>
  <si>
    <t>POINT (4.634232577105883 51.80953763451234)</t>
  </si>
  <si>
    <t>POINT (4.648332542164414 51.826369827122846)</t>
  </si>
  <si>
    <t>POINT (4.56289058648036 51.834044500355134)</t>
  </si>
  <si>
    <t>POINT (4.569206638709349 51.83839868561395)</t>
  </si>
  <si>
    <t>POINT (4.567682357470781 51.83460181655311)</t>
  </si>
  <si>
    <t>POINT (4.618831789305827 51.81264512054955)</t>
  </si>
  <si>
    <t>POINT (4.633137164705802 51.81169638502233)</t>
  </si>
  <si>
    <t>POINT (4.569252824712302 51.83638717462218)</t>
  </si>
  <si>
    <t>POINT (4.615352088225079 51.813013357279274)</t>
  </si>
  <si>
    <t>POINT (4.639851005032044 51.82595996247297)</t>
  </si>
  <si>
    <t>POINT (4.568933788361283 51.83540041432628)</t>
  </si>
  <si>
    <t>POINT (4.617328922187089 51.820298206133906)</t>
  </si>
  <si>
    <t>POINT (4.65767800218432 51.82951899265628)</t>
  </si>
  <si>
    <t>POINT (4.595832619155033 51.81583755956026)</t>
  </si>
  <si>
    <t>POINT (4.627533591653845 51.807180752941356)</t>
  </si>
  <si>
    <t>POINT (4.6135057363170064 51.81610381821323)</t>
  </si>
  <si>
    <t>POINT (4.654505606416656 51.8164257772755)</t>
  </si>
  <si>
    <t>POINT (4.644354585575757 51.81640697813676)</t>
  </si>
  <si>
    <t>POINT (4.568569244365926 51.8339045547325)</t>
  </si>
  <si>
    <t>POINT (4.631593325707225 51.8169923082614)</t>
  </si>
  <si>
    <t>POINT (4.638884909057268 51.82548095720984)</t>
  </si>
  <si>
    <t>POINT (4.613733293734963 51.8211218860102)</t>
  </si>
  <si>
    <t>POINT (4.629886223647679 51.813526081517935)</t>
  </si>
  <si>
    <t>POINT (4.5611385227216354 51.83513060026282)</t>
  </si>
  <si>
    <t>POINT (4.635960947007676 51.8210915268791)</t>
  </si>
  <si>
    <t>POINT (4.646165016548205 51.82545242272976)</t>
  </si>
  <si>
    <t>3336LM</t>
  </si>
  <si>
    <t>POINT (4.58051894620384 51.8099151328583)</t>
  </si>
  <si>
    <t>POINT (4.561652334992125 51.834818916469985)</t>
  </si>
  <si>
    <t>POINT (4.634260051490755 51.80954921747726)</t>
  </si>
  <si>
    <t>POINT (4.649346489542391 51.81725613458795)</t>
  </si>
  <si>
    <t>POINT (4.570694649199259 51.82727948798506)</t>
  </si>
  <si>
    <t>POINT (4.656585063918926 51.823316150555215)</t>
  </si>
  <si>
    <t>POINT (4.631822701140536 51.814299375520896)</t>
  </si>
  <si>
    <t>POINT (4.63680252898047 51.81194722317503)</t>
  </si>
  <si>
    <t>POINT (4.642573790701895 51.81608720057844)</t>
  </si>
  <si>
    <t>POINT (4.638832633967522 51.81834865382314)</t>
  </si>
  <si>
    <t>POINT (4.561414244473359 51.83435869867945)</t>
  </si>
  <si>
    <t>POINT (4.637324328075509 51.808287067659535)</t>
  </si>
  <si>
    <t>POINT (4.647401908757065 51.82502443602716)</t>
  </si>
  <si>
    <t>POINT (4.6577083151706935 51.82834637555029)</t>
  </si>
  <si>
    <t>POINT (4.604146015916728 51.81604790484541)</t>
  </si>
  <si>
    <t>POINT (4.613416972419857 51.82217984913668)</t>
  </si>
  <si>
    <t>POINT (4.648307597343505 51.82502194336957)</t>
  </si>
  <si>
    <t>POINT (4.653164901941032 51.82549124788496)</t>
  </si>
  <si>
    <t>POINT (4.636173225134941 51.81125348497435)</t>
  </si>
  <si>
    <t>POINT (4.562902380012116 51.83702007452162)</t>
  </si>
  <si>
    <t>POINT (4.6523488919772245 51.817826815045976)</t>
  </si>
  <si>
    <t>POINT (4.656952362764478 51.82785632280033)</t>
  </si>
  <si>
    <t>POINT (4.662768892606946 51.82344454752399)</t>
  </si>
  <si>
    <t>POINT (4.652768541994564 51.81692128811662)</t>
  </si>
  <si>
    <t>POINT (4.649513025096679 51.81399239052039)</t>
  </si>
  <si>
    <t>POINT (4.607710423025588 51.81452903384764)</t>
  </si>
  <si>
    <t>POINT (4.644343169932891 51.824851473481765)</t>
  </si>
  <si>
    <t>POINT (4.61969123082863 51.81944040714517)</t>
  </si>
  <si>
    <t>POINT (4.640995026734276 51.82556993220295)</t>
  </si>
  <si>
    <t>POINT (4.597511992365417 51.817071439170675)</t>
  </si>
  <si>
    <t>POINT (4.630801213446785 51.81301264210618)</t>
  </si>
  <si>
    <t>POINT (4.570325611089391 51.8364777095725)</t>
  </si>
  <si>
    <t>POINT (4.638127868197377 51.809027691895984)</t>
  </si>
  <si>
    <t>POINT (4.614144531363552 51.81857124261672)</t>
  </si>
  <si>
    <t>POINT (4.6256078062804695 51.814594575715695)</t>
  </si>
  <si>
    <t>POINT (4.619396252726475 51.83035308653925)</t>
  </si>
  <si>
    <t>POINT (4.631587490995665 51.81049270709385)</t>
  </si>
  <si>
    <t>POINT (4.659851456233327 51.82009346804766)</t>
  </si>
  <si>
    <t>POINT (4.658123057600125 51.82551717968221)</t>
  </si>
  <si>
    <t>POINT (4.65464315321104 51.81733795365467)</t>
  </si>
  <si>
    <t>POINT (4.656315154084809 51.821768327857235)</t>
  </si>
  <si>
    <t>POINT (4.600224342266622 51.81345891156544)</t>
  </si>
  <si>
    <t>POINT (4.604055139973128 51.81421459506477)</t>
  </si>
  <si>
    <t>POINT (4.5994669850186325 51.813304859771556)</t>
  </si>
  <si>
    <t>POINT (4.6559617181281014 51.82478552150477)</t>
  </si>
  <si>
    <t>POINT (4.627729744522718 51.81336313924637)</t>
  </si>
  <si>
    <t>POINT (4.608656235261349 51.81485505941244)</t>
  </si>
  <si>
    <t>POINT (4.628695058755604 51.81223452184878)</t>
  </si>
  <si>
    <t>POINT (4.628437516834314 51.81453198033161)</t>
  </si>
  <si>
    <t>POINT (4.613547279523969 51.82443305506571)</t>
  </si>
  <si>
    <t>POINT (4.637678218911841 51.81957862586969)</t>
  </si>
  <si>
    <t>POINT (4.656782451065082 51.82124507572272)</t>
  </si>
  <si>
    <t>POINT (4.642187862855173 51.82190280832369)</t>
  </si>
  <si>
    <t>POINT (4.6571147236951225 51.826298211861356)</t>
  </si>
  <si>
    <t>POINT (4.63865570456911 51.82522557422272)</t>
  </si>
  <si>
    <t>POINT (4.656239090908015 51.82297127617834)</t>
  </si>
  <si>
    <t>POINT (4.653620843444451 51.81748985868579)</t>
  </si>
  <si>
    <t>POINT (4.626765362092039 51.809568106027974)</t>
  </si>
  <si>
    <t>POINT (4.636578990899798 51.824304507765675)</t>
  </si>
  <si>
    <t>POINT (4.575258647942967 51.8294195032713)</t>
  </si>
  <si>
    <t>POINT (4.6001001595190685 51.81099851736557)</t>
  </si>
  <si>
    <t>POINT (4.654858942567023 51.82893823536147)</t>
  </si>
  <si>
    <t>POINT (4.62427058682479 51.81239608626961)</t>
  </si>
  <si>
    <t>POINT (4.619136877876553 51.819925829415986)</t>
  </si>
  <si>
    <t>POINT (4.604206801096589 51.81609701135895)</t>
  </si>
  <si>
    <t>POINT (4.650490457386399 51.818779182347235)</t>
  </si>
  <si>
    <t>POINT (4.632749947524221 51.80960403015958)</t>
  </si>
  <si>
    <t>POINT (4.625054020005462 51.823088086972184)</t>
  </si>
  <si>
    <t>POINT (4.655835827333341 51.82709856543897)</t>
  </si>
  <si>
    <t>POINT (4.566709119193097 51.835445299363656)</t>
  </si>
  <si>
    <t>POINT (4.6491264058914545 51.825627323181486)</t>
  </si>
  <si>
    <t>POINT (4.618216954318409 51.8189295279246)</t>
  </si>
  <si>
    <t>POINT (4.655657476218916 51.82744575606837)</t>
  </si>
  <si>
    <t>POINT (4.565834106333839 51.83769968752404)</t>
  </si>
  <si>
    <t>POINT (4.615022780996901 51.81447269419964)</t>
  </si>
  <si>
    <t>POINT (4.6120018651374926 51.81377279868236)</t>
  </si>
  <si>
    <t>POINT (4.65395445010724 51.821936549864574)</t>
  </si>
  <si>
    <t>POINT (4.659336978299995 51.83072772320499)</t>
  </si>
  <si>
    <t>POINT (4.6598495483693485 51.829777868167184)</t>
  </si>
  <si>
    <t>POINT (4.638549757209952 51.80973838870855)</t>
  </si>
  <si>
    <t>POINT (4.62878762322408 51.821697279836)</t>
  </si>
  <si>
    <t>POINT (4.652825150779468 51.82450962654417)</t>
  </si>
  <si>
    <t>POINT (4.642121386248348 51.82423069928064)</t>
  </si>
  <si>
    <t>POINT (4.613860905813783 51.82169676427899)</t>
  </si>
  <si>
    <t>POINT (4.654742329145175 51.81659253888133)</t>
  </si>
  <si>
    <t>POINT (4.633987074376838 51.820397451610646)</t>
  </si>
  <si>
    <t>POINT (4.658824020502126 51.82595690690836)</t>
  </si>
  <si>
    <t>POINT (4.636410169988314 51.81145696841539)</t>
  </si>
  <si>
    <t>POINT (4.619407499901209 51.81424959974942)</t>
  </si>
  <si>
    <t>POINT (4.645341634163127 51.81576402242337)</t>
  </si>
  <si>
    <t>POINT (4.615711350998511 51.811121678810814)</t>
  </si>
  <si>
    <t>POINT (4.601571923091987 51.815683259414506)</t>
  </si>
  <si>
    <t>POINT (4.643263950287417 51.81948277771534)</t>
  </si>
  <si>
    <t>POINT (4.634448219265816 51.82439572367025)</t>
  </si>
  <si>
    <t>POINT (4.619454821950347 51.83040918159747)</t>
  </si>
  <si>
    <t>POINT (4.647057643930372 51.82734279240187)</t>
  </si>
  <si>
    <t>POINT (4.659727295802352 51.828823413086795)</t>
  </si>
  <si>
    <t>POINT (4.648212245978964 51.824034898214464)</t>
  </si>
  <si>
    <t>POINT (4.619355999371153 51.81396533615103)</t>
  </si>
  <si>
    <t>POINT (4.644618170249498 51.81476116247438)</t>
  </si>
  <si>
    <t>POINT (4.648236084811647 51.82506342535523)</t>
  </si>
  <si>
    <t>POINT (4.562773601656152 51.835042733344295)</t>
  </si>
  <si>
    <t>POINT (4.59724088634684 51.814584058145414)</t>
  </si>
  <si>
    <t>POINT (4.608574347032889 51.81358244933975)</t>
  </si>
  <si>
    <t>POINT (4.6551136318621325 51.82850950945871)</t>
  </si>
  <si>
    <t>POINT (4.638075222977016 51.81067333167989)</t>
  </si>
  <si>
    <t>POINT (4.6606949981128745 51.82440660414487)</t>
  </si>
  <si>
    <t>POINT (4.648575100398618 51.815444879169306)</t>
  </si>
  <si>
    <t>POINT (4.65204174076583 51.8152447428739)</t>
  </si>
  <si>
    <t>POINT (4.641334384171565 51.81744091966101)</t>
  </si>
  <si>
    <t>POINT (4.6553423615169445 51.82317231976476)</t>
  </si>
  <si>
    <t>POINT (4.645633066838128 51.81523791343323)</t>
  </si>
  <si>
    <t>POINT (4.615490192478932 51.82157416797402)</t>
  </si>
  <si>
    <t>POINT (4.624726955651702 51.81407878240584)</t>
  </si>
  <si>
    <t>POINT (4.569557573553073 51.8386807700285)</t>
  </si>
  <si>
    <t>POINT (4.640277454512982 51.81034214961425)</t>
  </si>
  <si>
    <t>POINT (4.565731119921322 51.83232633055491)</t>
  </si>
  <si>
    <t>POINT (4.614595184467437 51.81312820511016)</t>
  </si>
  <si>
    <t>POINT (4.646230670291826 51.822332631375836)</t>
  </si>
  <si>
    <t>POINT (4.643183632117878 51.81728474003902)</t>
  </si>
  <si>
    <t>POINT (4.6479737738866564 51.82386244975934)</t>
  </si>
  <si>
    <t>POINT (4.634584691173886 51.81075634433203)</t>
  </si>
  <si>
    <t>POINT (4.5677978488157525 51.835911824303125)</t>
  </si>
  <si>
    <t>POINT (4.656132214032119 51.82099865653408)</t>
  </si>
  <si>
    <t>POINT (4.645901008628073 51.821114137732025)</t>
  </si>
  <si>
    <t>POINT (4.564638575451064 51.83264686786365)</t>
  </si>
  <si>
    <t>POINT (4.656513925587523 51.81872726628378)</t>
  </si>
  <si>
    <t>POINT (4.647386398522857 51.823053147139696)</t>
  </si>
  <si>
    <t>POINT (4.61107605009079 51.815515687421865)</t>
  </si>
  <si>
    <t>POINT (4.644171068026419 51.81968866639036)</t>
  </si>
  <si>
    <t>POINT (4.6464649001730605 51.82587870726353)</t>
  </si>
  <si>
    <t>POINT (4.628579497520384 51.80939450099314)</t>
  </si>
  <si>
    <t>POINT (4.56237040354439 51.83691624818768)</t>
  </si>
  <si>
    <t>POINT (4.634917256356973 51.82123536644306)</t>
  </si>
  <si>
    <t>POINT (4.563110901018972 51.837345340128834)</t>
  </si>
  <si>
    <t>POINT (4.638633342135675 51.81105982109898)</t>
  </si>
  <si>
    <t>POINT (4.646277483734538 51.820277232286934)</t>
  </si>
  <si>
    <t>POINT (4.65769664633597 51.82241048951155)</t>
  </si>
  <si>
    <t>POINT (4.620498151633484 51.81385011680152)</t>
  </si>
  <si>
    <t>POINT (4.568963195557366 51.834208622096206)</t>
  </si>
  <si>
    <t>POINT (4.652702584278256 51.81810138629451)</t>
  </si>
  <si>
    <t>POINT (4.6430329571036175 51.80943546504487)</t>
  </si>
  <si>
    <t>POINT (4.563884587230068 51.83311830024385)</t>
  </si>
  <si>
    <t>POINT (4.649574493625338 51.816198080135905)</t>
  </si>
  <si>
    <t>POINT (4.657783076157528 51.821813917947054)</t>
  </si>
  <si>
    <t>POINT (4.634179216601305 51.80960865346565)</t>
  </si>
  <si>
    <t>POINT (4.653518269533206 51.82472849393836)</t>
  </si>
  <si>
    <t>POINT (4.629116236716037 51.80799283583908)</t>
  </si>
  <si>
    <t>POINT (4.666843465487745 51.8233131599046)</t>
  </si>
  <si>
    <t>POINT (4.628883562720361 51.82223585553738)</t>
  </si>
  <si>
    <t>POINT (4.649326779638179 51.818085459802916)</t>
  </si>
  <si>
    <t>POINT (4.646546168840454 51.824062742243065)</t>
  </si>
  <si>
    <t>POINT (4.638926626749663 51.82260138172474)</t>
  </si>
  <si>
    <t>POINT (4.637016332394562 51.81473671507969)</t>
  </si>
  <si>
    <t>POINT (4.613658255137521 51.82121518870881)</t>
  </si>
  <si>
    <t>POINT (4.657026277538062 51.82390860720978)</t>
  </si>
  <si>
    <t>POINT (4.637518055475092 51.81160378082265)</t>
  </si>
  <si>
    <t>POINT (4.634863543952575 51.81051435869569)</t>
  </si>
  <si>
    <t>POINT (4.6594396535944815 51.82184590019806)</t>
  </si>
  <si>
    <t>POINT (4.632506082922794 51.8249263128703)</t>
  </si>
  <si>
    <t>POINT (4.633119629194042 51.80701797198422)</t>
  </si>
  <si>
    <t>POINT (4.636613414263985 51.82457617740554)</t>
  </si>
  <si>
    <t>POINT (4.630998483558722 51.81314242503982)</t>
  </si>
  <si>
    <t>POINT (4.641290300419102 51.82579768572949)</t>
  </si>
  <si>
    <t>POINT (4.633330018539363 51.80931416895112)</t>
  </si>
  <si>
    <t>POINT (4.610904687467702 51.82162967978492)</t>
  </si>
  <si>
    <t>POINT (4.621205750148912 51.81251179632739)</t>
  </si>
  <si>
    <t>POINT (4.605856930327791 51.81883845205885)</t>
  </si>
  <si>
    <t>POINT (4.655060263220032 51.82707441377282)</t>
  </si>
  <si>
    <t>POINT (4.657455038785035 51.81864930235578)</t>
  </si>
  <si>
    <t>POINT (4.645967873912718 51.81958126968113)</t>
  </si>
  <si>
    <t>POINT (4.660145541479806 51.8214955999509)</t>
  </si>
  <si>
    <t>POINT (4.6301122397875805 51.806493000239)</t>
  </si>
  <si>
    <t>POINT (4.654515706454726 51.81642898637171)</t>
  </si>
  <si>
    <t>POINT (4.622348761134417 51.8130786375582)</t>
  </si>
  <si>
    <t>POINT (4.596537801919554 51.81403565730635)</t>
  </si>
  <si>
    <t>POINT (4.6312797971327 51.810327005005696)</t>
  </si>
  <si>
    <t>POINT (4.594369607737979 51.82467746243819)</t>
  </si>
  <si>
    <t>POINT (4.6505098210746905 51.81392728198066)</t>
  </si>
  <si>
    <t>POINT (4.657224450237565 51.82095412957789)</t>
  </si>
  <si>
    <t>POINT (4.634199094482368 51.8198048029638)</t>
  </si>
  <si>
    <t>POINT (4.646484739723948 51.81429005910978)</t>
  </si>
  <si>
    <t>POINT (4.6534631605892285 51.82057289896635)</t>
  </si>
  <si>
    <t>POINT (4.654438572459038 51.82696541180221)</t>
  </si>
  <si>
    <t>POINT (4.624180267388237 51.811158004498616)</t>
  </si>
  <si>
    <t>POINT (4.640886248506392 51.81713298540394)</t>
  </si>
  <si>
    <t>POINT (4.6343479361559226 51.82029984860655)</t>
  </si>
  <si>
    <t>POINT (4.602498775437124 51.815011934884815)</t>
  </si>
  <si>
    <t>POINT (4.630052230204633 51.81488613754517)</t>
  </si>
  <si>
    <t>POINT (4.650334101006262 51.81818055201473)</t>
  </si>
  <si>
    <t>POINT (4.603415612248133 51.820640574626836)</t>
  </si>
  <si>
    <t>POINT (4.64081995913107 51.825547641733564)</t>
  </si>
  <si>
    <t>POINT (4.640411083781095 51.82400817310187)</t>
  </si>
  <si>
    <t>POINT (4.608745718296385 51.813532188720785)</t>
  </si>
  <si>
    <t>POINT (4.627817343112721 51.80994473226457)</t>
  </si>
  <si>
    <t>POINT (4.632458072273807 51.81394144340929)</t>
  </si>
  <si>
    <t>POINT (4.6529029999136124 51.82087459734178)</t>
  </si>
  <si>
    <t>POINT (4.596158218998765 51.81572559779475)</t>
  </si>
  <si>
    <t>3335AS</t>
  </si>
  <si>
    <t>Schumannpad</t>
  </si>
  <si>
    <t>POINT (4.615361835839115 51.81733493757475)</t>
  </si>
  <si>
    <t>POINT (4.6499627275594255 51.827111684074524)</t>
  </si>
  <si>
    <t>POINT (4.637821994873841 51.82345326647586)</t>
  </si>
  <si>
    <t>POINT (4.629903473032733 51.814772369411294)</t>
  </si>
  <si>
    <t>POINT (4.656739466702986 51.82136185876429)</t>
  </si>
  <si>
    <t>POINT (4.653084109255819 51.81548448848812)</t>
  </si>
  <si>
    <t>POINT (4.6396361401953135 51.82589079251694)</t>
  </si>
  <si>
    <t>POINT (4.621883873973776 51.815031137743524)</t>
  </si>
  <si>
    <t>POINT (4.645834067993164 51.81637156990734)</t>
  </si>
  <si>
    <t>POINT (4.629896420777796 51.808904466387425)</t>
  </si>
  <si>
    <t>POINT (4.608590831644519 51.81485401425946)</t>
  </si>
  <si>
    <t>POINT (4.635485372894006 51.82149130125901)</t>
  </si>
  <si>
    <t>POINT (4.633403750122443 51.808761971726454)</t>
  </si>
  <si>
    <t>POINT (4.608025780957128 51.8145165034668)</t>
  </si>
  <si>
    <t>POINT (4.617633175932361 51.8175222483202)</t>
  </si>
  <si>
    <t>POINT (4.635960386641875 51.81684341964712)</t>
  </si>
  <si>
    <t>POINT (4.653533405174826 51.81848059313379)</t>
  </si>
  <si>
    <t>POINT (4.638303130149226 51.820601834229166)</t>
  </si>
  <si>
    <t>POINT (4.5672806096124505 51.83860752295628)</t>
  </si>
  <si>
    <t>POINT (4.612760591038709 51.81361031232938)</t>
  </si>
  <si>
    <t>POINT (4.6511156181752895 51.81442790620358)</t>
  </si>
  <si>
    <t>POINT (4.659918522984532 51.8228379731834)</t>
  </si>
  <si>
    <t>POINT (4.654515408890026 51.828654746132266)</t>
  </si>
  <si>
    <t>POINT (4.641885910633047 51.824450298972806)</t>
  </si>
  <si>
    <t>POINT (4.609703760894623 51.81917660963614)</t>
  </si>
  <si>
    <t>POINT (4.651038778664633 51.82340425302837)</t>
  </si>
  <si>
    <t>POINT (4.6189073323045235 51.8129190070737)</t>
  </si>
  <si>
    <t>POINT (4.604199366072943 51.81426059101451)</t>
  </si>
  <si>
    <t>POINT (4.650565768110438 51.81395586665474)</t>
  </si>
  <si>
    <t>POINT (4.638645730518657 51.810221065230735)</t>
  </si>
  <si>
    <t>POINT (4.650404812378223 51.81397059541141)</t>
  </si>
  <si>
    <t>POINT (4.658928379431772 51.821376791873085)</t>
  </si>
  <si>
    <t>POINT (4.642798446673335 51.81967910536129)</t>
  </si>
  <si>
    <t>POINT (4.61922677205591 51.815145922647986)</t>
  </si>
  <si>
    <t>POINT (4.610246921498159 51.81908253528593)</t>
  </si>
  <si>
    <t>POINT (4.597678199292606 51.81438610283491)</t>
  </si>
  <si>
    <t>POINT (4.628549702440772 51.807003525625625)</t>
  </si>
  <si>
    <t>POINT (4.6283881697006635 51.808872511688094)</t>
  </si>
  <si>
    <t>POINT (4.655756361718299 51.82639507519019)</t>
  </si>
  <si>
    <t>POINT (4.634555048728615 51.82079906993352)</t>
  </si>
  <si>
    <t>POINT (4.56616382280306 51.83414935453285)</t>
  </si>
  <si>
    <t>POINT (4.634693031360368 51.805658651486574)</t>
  </si>
  <si>
    <t>POINT (4.639767657684857 51.822576403808256)</t>
  </si>
  <si>
    <t>POINT (4.642952143180693 51.81971451578929)</t>
  </si>
  <si>
    <t>POINT (4.638062948214678 51.80911758699239)</t>
  </si>
  <si>
    <t>POINT (4.6183233330694025 51.81518436631651)</t>
  </si>
  <si>
    <t>POINT (4.654170951719718 51.8206922959614)</t>
  </si>
  <si>
    <t>POINT (4.628794774339572 51.80863779331411)</t>
  </si>
  <si>
    <t>POINT (4.627908387249761 51.810973360658394)</t>
  </si>
  <si>
    <t>POINT (4.653408893148782 51.81793512744151)</t>
  </si>
  <si>
    <t>POINT (4.63430418554549 51.80955657476934)</t>
  </si>
  <si>
    <t>POINT (4.618561213434484 51.820540942479006)</t>
  </si>
  <si>
    <t>POINT (4.606987068636545 51.814845439099535)</t>
  </si>
  <si>
    <t>POINT (4.631665812476919 51.809585783007506)</t>
  </si>
  <si>
    <t>POINT (4.569372263345041 51.83527802304652)</t>
  </si>
  <si>
    <t>POINT (4.639573456207334 51.82588046076293)</t>
  </si>
  <si>
    <t>POINT (4.564403704067612 51.83153659424598)</t>
  </si>
  <si>
    <t>POINT (4.6343536052251695 51.82070204830201)</t>
  </si>
  <si>
    <t>POINT (4.616430537731786 51.81380384866401)</t>
  </si>
  <si>
    <t>POINT (4.642982991771218 51.80939827651239)</t>
  </si>
  <si>
    <t>POINT (4.620696142114482 51.812729914833646)</t>
  </si>
  <si>
    <t>POINT (4.621755184805773 51.814838479255)</t>
  </si>
  <si>
    <t>POINT (4.656748387134201 51.82690376461469)</t>
  </si>
  <si>
    <t>POINT (4.564649290726675 51.83154572218349)</t>
  </si>
  <si>
    <t>POINT (4.642042857281098 51.826202669017704)</t>
  </si>
  <si>
    <t>POINT (4.565163245526712 51.83279401272585)</t>
  </si>
  <si>
    <t>POINT (4.601000900104858 51.814942997349206)</t>
  </si>
  <si>
    <t>POINT (4.64602131507258 51.826033964002136)</t>
  </si>
  <si>
    <t>POINT (4.648597712306806 51.82147893863824)</t>
  </si>
  <si>
    <t>POINT (4.636271980581783 51.821008214625316)</t>
  </si>
  <si>
    <t>POINT (4.659954196734054 51.82956083804905)</t>
  </si>
  <si>
    <t>POINT (4.601974518122225 51.818696891053776)</t>
  </si>
  <si>
    <t>POINT (4.657521328789704 51.82217722220639)</t>
  </si>
  <si>
    <t>POINT (4.656673087542815 51.82151165540635)</t>
  </si>
  <si>
    <t>POINT (4.643414684040391 51.8224779374128)</t>
  </si>
  <si>
    <t>POINT (4.600457977492722 51.81352600602936)</t>
  </si>
  <si>
    <t>POINT (4.6088227082160245 51.82054746411719)</t>
  </si>
  <si>
    <t>POINT (4.656432986630353 51.82712205083461)</t>
  </si>
  <si>
    <t>POINT (4.6369788445344895 51.825019696670054)</t>
  </si>
  <si>
    <t>POINT (4.628463327122197 51.8093318086672)</t>
  </si>
  <si>
    <t>POINT (4.652304064914251 51.815674553013466)</t>
  </si>
  <si>
    <t>POINT (4.658274499180778 51.82040589264997)</t>
  </si>
  <si>
    <t>POINT (4.5618493408274325 51.8370104283847)</t>
  </si>
  <si>
    <t>POINT (4.627024089172643 51.81377557459345)</t>
  </si>
  <si>
    <t>POINT (4.65995481884172 51.820165083159274)</t>
  </si>
  <si>
    <t>POINT (4.630183069563792 51.81169513592453)</t>
  </si>
  <si>
    <t>POINT (4.642851130341945 51.81538376984378)</t>
  </si>
  <si>
    <t>POINT (4.647020103458399 51.82498792584508)</t>
  </si>
  <si>
    <t>POINT (4.633505908503198 51.812792248165294)</t>
  </si>
  <si>
    <t>POINT (4.637124082797487 51.81484155590703)</t>
  </si>
  <si>
    <t>POINT (4.608019509283743 51.81734372192372)</t>
  </si>
  <si>
    <t>POINT (4.645996398303161 51.82601955061039)</t>
  </si>
  <si>
    <t>POINT (4.633905167661682 51.8126774012839)</t>
  </si>
  <si>
    <t>POINT (4.611068183873448 51.821391445471754)</t>
  </si>
  <si>
    <t>POINT (4.616892160737881 51.82017536792011)</t>
  </si>
  <si>
    <t>POINT (4.620822987644854 51.81149394951003)</t>
  </si>
  <si>
    <t>POINT (4.612076077445012 51.82114439079352)</t>
  </si>
  <si>
    <t>POINT (4.632588431667066 51.82631166748977)</t>
  </si>
  <si>
    <t>POINT (4.56176636865314 51.83235642299035)</t>
  </si>
  <si>
    <t>POINT (4.64290385522951 51.81528671173043)</t>
  </si>
  <si>
    <t>POINT (4.5700430381148545 51.836057523796)</t>
  </si>
  <si>
    <t>POINT (4.638583900261191 51.81697803496771)</t>
  </si>
  <si>
    <t>POINT (4.625153090030074 51.813382408239065)</t>
  </si>
  <si>
    <t>POINT (4.648646165052918 51.8186245897569)</t>
  </si>
  <si>
    <t>POINT (4.606771517649227 51.81375203700283)</t>
  </si>
  <si>
    <t>POINT (4.635389279203625 51.818101551224764)</t>
  </si>
  <si>
    <t>POINT (4.639570917866405 51.82585508750732)</t>
  </si>
  <si>
    <t>POINT (4.56628926949385 51.83670776351777)</t>
  </si>
  <si>
    <t>POINT (4.640724594555088 51.8221452660581)</t>
  </si>
  <si>
    <t>POINT (4.621021543463137 51.811443605886)</t>
  </si>
  <si>
    <t>POINT (4.615121354529425 51.81838997053698)</t>
  </si>
  <si>
    <t>POINT (4.600536037281654 51.81352634955931)</t>
  </si>
  <si>
    <t>POINT (4.570770582192881 51.83666337538977)</t>
  </si>
  <si>
    <t>POINT (4.642192596294269 51.8262322035596)</t>
  </si>
  <si>
    <t>POINT (4.652355453128961 51.81533352040762)</t>
  </si>
  <si>
    <t>POINT (4.604198569808287 51.81430560127029)</t>
  </si>
  <si>
    <t>POINT (4.645911213751999 51.815481439590286)</t>
  </si>
  <si>
    <t>POINT (4.598034844457194 51.815655410245334)</t>
  </si>
  <si>
    <t>POINT (4.633447586675225 51.80922772472134)</t>
  </si>
  <si>
    <t>POINT (4.6199305857673 51.82832691371722)</t>
  </si>
  <si>
    <t>POINT (4.621707538489125 51.81457144631946)</t>
  </si>
  <si>
    <t>POINT (4.613778901322116 51.81217897600745)</t>
  </si>
  <si>
    <t>POINT (4.650107916087068 51.81383336130322)</t>
  </si>
  <si>
    <t>POINT (4.559686105486801 51.83501725160881)</t>
  </si>
  <si>
    <t>POINT (4.620087668071119 51.81949779423629)</t>
  </si>
  <si>
    <t>POINT (4.631692427603379 51.809566394931934)</t>
  </si>
  <si>
    <t>POINT (4.615651447712604 51.82158744382192)</t>
  </si>
  <si>
    <t>POINT (4.640041349587249 51.8088192903426)</t>
  </si>
  <si>
    <t>POINT (4.595661064956272 51.8141995262539)</t>
  </si>
  <si>
    <t>POINT (4.629651114041724 51.81374007732525)</t>
  </si>
  <si>
    <t>POINT (4.620416412694264 51.81327990478018)</t>
  </si>
  <si>
    <t>POINT (4.6127749068153205 51.81365831670531)</t>
  </si>
  <si>
    <t>POINT (4.620016268561641 51.81282397943685)</t>
  </si>
  <si>
    <t>POINT (4.560282299561417 51.83661758531414)</t>
  </si>
  <si>
    <t>POINT (4.648893875670372 51.82519593219954)</t>
  </si>
  <si>
    <t>POINT (4.632375503983108 51.80822241215364)</t>
  </si>
  <si>
    <t>POINT (4.652749294565515 51.82585941294)</t>
  </si>
  <si>
    <t>POINT (4.650054672352851 51.81554550718959)</t>
  </si>
  <si>
    <t>POINT (4.616968900049675 51.81293003031375)</t>
  </si>
  <si>
    <t>POINT (4.616473658160884 51.82052442063739)</t>
  </si>
  <si>
    <t>POINT (4.594440676652011 51.81386565320642)</t>
  </si>
  <si>
    <t>POINT (4.64329626051007 51.82000863216494)</t>
  </si>
  <si>
    <t>POINT (4.656498586496333 51.8174957304706)</t>
  </si>
  <si>
    <t>POINT (4.638163627577602 51.82540303572837)</t>
  </si>
  <si>
    <t>POINT (4.659152198229766 51.830301799933025)</t>
  </si>
  <si>
    <t>POINT (4.654951811918049 51.82046133438108)</t>
  </si>
  <si>
    <t>POINT (4.640343817549934 51.817233920416534)</t>
  </si>
  <si>
    <t>POINT (4.64500253294723 51.8145876312848)</t>
  </si>
  <si>
    <t>POINT (4.6051480424832745 51.81539869701506)</t>
  </si>
  <si>
    <t>POINT (4.634817829444874 51.825806585712236)</t>
  </si>
  <si>
    <t>POINT (4.6501966329637465 51.824768042822626)</t>
  </si>
  <si>
    <t>POINT (4.625589069484078 51.81306994146678)</t>
  </si>
  <si>
    <t>POINT (4.629665161577873 51.82049373310114)</t>
  </si>
  <si>
    <t>POINT (4.613424114522599 51.81067407265654)</t>
  </si>
  <si>
    <t>POINT (4.642845557440592 51.818549516610084)</t>
  </si>
  <si>
    <t>POINT (4.638318404700767 51.82281392321107)</t>
  </si>
  <si>
    <t>POINT (4.66534702790827 51.82296503037217)</t>
  </si>
  <si>
    <t>POINT (4.647124336159814 51.82681777066987)</t>
  </si>
  <si>
    <t>POINT (4.639259065000639 51.825660967507794)</t>
  </si>
  <si>
    <t>POINT (4.66060384897378 51.8262616069772)</t>
  </si>
  <si>
    <t>POINT (4.618867264154514 51.82077291366495)</t>
  </si>
  <si>
    <t>POINT (4.608718527951941 51.820549649516806)</t>
  </si>
  <si>
    <t>POINT (4.603037720145529 51.81962203660216)</t>
  </si>
  <si>
    <t>POINT (4.6018351149901235 51.81534574134638)</t>
  </si>
  <si>
    <t>POINT (4.576104383587222 51.82951887830964)</t>
  </si>
  <si>
    <t>POINT (4.655744182864825 51.827432337016596)</t>
  </si>
  <si>
    <t>POINT (4.641820514341536 51.81641453296673)</t>
  </si>
  <si>
    <t>POINT (4.61320175938652 51.821135100851386)</t>
  </si>
  <si>
    <t>POINT (4.662982539806993 51.82295362844254)</t>
  </si>
  <si>
    <t>POINT (4.602304975637507 51.81886183354665)</t>
  </si>
  <si>
    <t>POINT (4.615866746771973 51.817788340252825)</t>
  </si>
  <si>
    <t>3335AW</t>
  </si>
  <si>
    <t>Smetanaplaats</t>
  </si>
  <si>
    <t>POINT (4.616613588282197 51.81766411454883)</t>
  </si>
  <si>
    <t>POINT (4.635715438095643 51.824508049937464)</t>
  </si>
  <si>
    <t>POINT (4.564349746715349 51.83563597535451)</t>
  </si>
  <si>
    <t>POINT (4.6389274922549095 51.824194416940514)</t>
  </si>
  <si>
    <t>POINT (4.646821638910782 51.82036236445506)</t>
  </si>
  <si>
    <t>POINT (4.630843594084077 51.812146160988654)</t>
  </si>
  <si>
    <t>POINT (4.567762667144289 51.83763709359893)</t>
  </si>
  <si>
    <t>POINT (4.659865611495744 51.82954486463126)</t>
  </si>
  <si>
    <t>POINT (4.625476677508637 51.81147692412798)</t>
  </si>
  <si>
    <t>POINT (4.602201889393767 51.81314382526556)</t>
  </si>
  <si>
    <t>POINT (4.65495899721265 51.820976160889614)</t>
  </si>
  <si>
    <t>POINT (4.567514236023163 51.83903448364581)</t>
  </si>
  <si>
    <t>POINT (4.63863350350066 51.809007143439594)</t>
  </si>
  <si>
    <t>POINT (4.653721989686925 51.81964164449977)</t>
  </si>
  <si>
    <t>POINT (4.620365644365741 51.81397284587132)</t>
  </si>
  <si>
    <t>POINT (4.653840010002379 51.827190579135646)</t>
  </si>
  <si>
    <t>POINT (4.654970551841511 51.827360287205536)</t>
  </si>
  <si>
    <t>POINT (4.6519215123824775 51.81833822809468)</t>
  </si>
  <si>
    <t>POINT (4.61254728428016 51.8202148146093)</t>
  </si>
  <si>
    <t>POINT (4.6412685110671505 51.81952417911115)</t>
  </si>
  <si>
    <t>POINT (4.611991232618733 51.81384462026892)</t>
  </si>
  <si>
    <t>POINT (4.633654716113073 51.82055729449688)</t>
  </si>
  <si>
    <t>POINT (4.611773572923572 51.81329367447251)</t>
  </si>
  <si>
    <t>POINT (4.635409547998974 51.810703798397554)</t>
  </si>
  <si>
    <t>POINT (4.63726363104521 51.81490671696852)</t>
  </si>
  <si>
    <t>POINT (4.653530353545667 51.825925168971075)</t>
  </si>
  <si>
    <t>POINT (4.603103151298063 51.819237513545)</t>
  </si>
  <si>
    <t>POINT (4.606402069514754 51.82179375216006)</t>
  </si>
  <si>
    <t>3336LA</t>
  </si>
  <si>
    <t>Amerweg</t>
  </si>
  <si>
    <t>POINT (4.616485366383151 51.810571198912506)</t>
  </si>
  <si>
    <t>POINT (4.6539087560327665 51.824332367264184)</t>
  </si>
  <si>
    <t>POINT (4.561441047601263 51.832679365940436)</t>
  </si>
  <si>
    <t>POINT (4.595068015909232 51.81397656788293)</t>
  </si>
  <si>
    <t>POINT (4.655662205473834 51.82057512068509)</t>
  </si>
  <si>
    <t>POINT (4.641432077361554 51.820824947486635)</t>
  </si>
  <si>
    <t>POINT (4.569696357710654 51.838645233299644)</t>
  </si>
  <si>
    <t>POINT (4.605491585466406 51.82087767312003)</t>
  </si>
  <si>
    <t>POINT (4.630920232287848 51.82298260953474)</t>
  </si>
  <si>
    <t>POINT (4.601670576561491 51.82019147138392)</t>
  </si>
  <si>
    <t>POINT (4.619401529169601 51.8303703703694)</t>
  </si>
  <si>
    <t>POINT (4.649152410183958 51.82565066850276)</t>
  </si>
  <si>
    <t>POINT (4.649005443767481 51.82684122962025)</t>
  </si>
  <si>
    <t>POINT (4.644595854257142 51.81517474391494)</t>
  </si>
  <si>
    <t>POINT (4.633019228520116 51.80958248039524)</t>
  </si>
  <si>
    <t>POINT (4.6270171311468555 51.813557795958445)</t>
  </si>
  <si>
    <t>POINT (4.621346399943 51.811482490335536)</t>
  </si>
  <si>
    <t>POINT (4.62051699920792 51.81315116938677)</t>
  </si>
  <si>
    <t>POINT (4.6322989157098 51.819767886101346)</t>
  </si>
  <si>
    <t>POINT (4.6553383734736675 51.82133206989695)</t>
  </si>
  <si>
    <t>POINT (4.629320904554985 51.81427704307417)</t>
  </si>
  <si>
    <t>POINT (4.65896821024796 51.8292121491141)</t>
  </si>
  <si>
    <t>POINT (4.638860621126987 51.825443679076045)</t>
  </si>
  <si>
    <t>POINT (4.636337126391672 51.825014766230936)</t>
  </si>
  <si>
    <t>POINT (4.637726558963557 51.81026996637826)</t>
  </si>
  <si>
    <t>POINT (4.64248815955499 51.825874208214834)</t>
  </si>
  <si>
    <t>POINT (4.643393701673032 51.82485859288639)</t>
  </si>
  <si>
    <t>POINT (4.637444145591378 51.82285058852233)</t>
  </si>
  <si>
    <t>POINT (4.616038383822965 51.81545853171767)</t>
  </si>
  <si>
    <t>POINT (4.633865973716162 51.819942016989685)</t>
  </si>
  <si>
    <t>POINT (4.65905524191532 51.83001911622696)</t>
  </si>
  <si>
    <t>POINT (4.616380480471228 51.818370993455815)</t>
  </si>
  <si>
    <t>POINT (4.603550987756322 51.821589708222675)</t>
  </si>
  <si>
    <t>POINT (4.633656160079913 51.82480798625889)</t>
  </si>
  <si>
    <t>POINT (4.627823410276286 51.812389602743835)</t>
  </si>
  <si>
    <t>POINT (4.654674590721335 51.81819424103782)</t>
  </si>
  <si>
    <t>POINT (4.65952366512659 51.82914198564)</t>
  </si>
  <si>
    <t>POINT (4.613926486606003 51.814973338294806)</t>
  </si>
  <si>
    <t>POINT (4.6490911425141555 51.817794677150744)</t>
  </si>
  <si>
    <t>POINT (4.633964967520902 51.81766435849145)</t>
  </si>
  <si>
    <t>POINT (4.633013012282854 51.80951544758242)</t>
  </si>
  <si>
    <t>POINT (4.6490333492920675 51.81849238411642)</t>
  </si>
  <si>
    <t>POINT (4.63947543653497 51.824365332274475)</t>
  </si>
  <si>
    <t>POINT (4.654223509721316 51.821748749128744)</t>
  </si>
  <si>
    <t>POINT (4.6511817954119365 51.814467736674374)</t>
  </si>
  <si>
    <t>POINT (4.605641308532128 51.82259880613308)</t>
  </si>
  <si>
    <t>POINT (4.643785903008516 51.8232902419154)</t>
  </si>
  <si>
    <t>POINT (4.56309967341071 51.834946479278635)</t>
  </si>
  <si>
    <t>POINT (4.630523537116746 51.822673583025505)</t>
  </si>
  <si>
    <t>POINT (4.612547934147977 51.820005678399404)</t>
  </si>
  <si>
    <t>POINT (4.648641413521912 51.82430634312624)</t>
  </si>
  <si>
    <t>POINT (4.620423313143603 51.8199162009148)</t>
  </si>
  <si>
    <t>POINT (4.66199405337938 51.8258004388004)</t>
  </si>
  <si>
    <t>POINT (4.638450069073781 51.81461398924665)</t>
  </si>
  <si>
    <t>POINT (4.643431110248102 51.82042860247931)</t>
  </si>
  <si>
    <t>POINT (4.6263372513512655 51.81423919261168)</t>
  </si>
  <si>
    <t>POINT (4.627439067672999 51.814793051462345)</t>
  </si>
  <si>
    <t>POINT (4.637644369145804 51.823536536060004)</t>
  </si>
  <si>
    <t>POINT (4.604312885026241 51.81399123699649)</t>
  </si>
  <si>
    <t>POINT (4.645635143082996 51.82064129815644)</t>
  </si>
  <si>
    <t>POINT (4.656324732708595 51.818658655152234)</t>
  </si>
  <si>
    <t>POINT (4.618497517264787 51.81758417335382)</t>
  </si>
  <si>
    <t>POINT (4.635289478310124 51.82467138800917)</t>
  </si>
  <si>
    <t>POINT (4.658965260669621 51.828779739966365)</t>
  </si>
  <si>
    <t>POINT (4.5650124462829575 51.83693142054287)</t>
  </si>
  <si>
    <t>POINT (4.6334546495992495 51.81283701528063)</t>
  </si>
  <si>
    <t>POINT (4.629964288582131 51.812230997580045)</t>
  </si>
  <si>
    <t>POINT (4.628308189780092 51.806937083330865)</t>
  </si>
  <si>
    <t>POINT (4.640958364788116 51.813411763644055)</t>
  </si>
  <si>
    <t>POINT (4.647400816489514 51.823624037388065)</t>
  </si>
  <si>
    <t>POINT (4.654679766150934 51.81717512746763)</t>
  </si>
  <si>
    <t>POINT (4.639396786485905 51.82578421702361)</t>
  </si>
  <si>
    <t>POINT (4.650369736491085 51.821208874845155)</t>
  </si>
  <si>
    <t>POINT (4.628582529918472 51.80592105578891)</t>
  </si>
  <si>
    <t>POINT (4.639771448861787 51.81457335225243)</t>
  </si>
  <si>
    <t>POINT (4.596620471143126 51.81056529287645)</t>
  </si>
  <si>
    <t>POINT (4.625692052821425 51.813111778096854)</t>
  </si>
  <si>
    <t>POINT (4.641836470043978 51.81400222087361)</t>
  </si>
  <si>
    <t>POINT (4.617891536770501 51.81864093389872)</t>
  </si>
  <si>
    <t>POINT (4.604772723521827 51.81518472640225)</t>
  </si>
  <si>
    <t>POINT (4.644916435529109 51.821423975146764)</t>
  </si>
  <si>
    <t>POINT (4.649344285834291 51.82126726792635)</t>
  </si>
  <si>
    <t>POINT (4.563062369141647 51.834539629309624)</t>
  </si>
  <si>
    <t>POINT (4.637722215349821 51.81970392161964)</t>
  </si>
  <si>
    <t>POINT (4.64977809230372 51.82716903154829)</t>
  </si>
  <si>
    <t>POINT (4.635827729890831 51.818669514577195)</t>
  </si>
  <si>
    <t>POINT (4.651335008735724 51.81722147417463)</t>
  </si>
  <si>
    <t>POINT (4.625441470638662 51.814408652244744)</t>
  </si>
  <si>
    <t>POINT (4.6561769175345145 51.82655679468246)</t>
  </si>
  <si>
    <t>POINT (4.562787944482093 51.83707376969339)</t>
  </si>
  <si>
    <t>POINT (4.637641807517011 51.8193696488397)</t>
  </si>
  <si>
    <t>POINT (4.619324642400376 51.812810089587934)</t>
  </si>
  <si>
    <t>POINT (4.604361032342397 51.82036009033801)</t>
  </si>
  <si>
    <t>POINT (4.649806833781585 51.81957605063996)</t>
  </si>
  <si>
    <t>POINT (4.640304739225561 51.82290728083699)</t>
  </si>
  <si>
    <t>POINT (4.657702372461237 51.81812056181935)</t>
  </si>
  <si>
    <t>POINT (4.632700077157999 51.808293002560355)</t>
  </si>
  <si>
    <t>POINT (4.661140256268832 51.82335094333058)</t>
  </si>
  <si>
    <t>POINT (4.649811310309054 51.81517070499514)</t>
  </si>
  <si>
    <t>POINT (4.657366641449792 51.82091992207341)</t>
  </si>
  <si>
    <t>POINT (4.626115651998959 51.81296188880342)</t>
  </si>
  <si>
    <t>POINT (4.632098757384541 51.807151549981505)</t>
  </si>
  <si>
    <t>POINT (4.616009696407402 51.82180994093607)</t>
  </si>
  <si>
    <t>POINT (4.636616021044426 51.811356712893094)</t>
  </si>
  <si>
    <t>POINT (4.629923841557875 51.81478577717141)</t>
  </si>
  <si>
    <t>POINT (4.614742381738133 51.814891197422874)</t>
  </si>
  <si>
    <t>POINT (4.652450398474206 51.82427451039993)</t>
  </si>
  <si>
    <t>POINT (4.647411041091031 51.82695305992661)</t>
  </si>
  <si>
    <t>POINT (4.64321836224576 51.82076761079346)</t>
  </si>
  <si>
    <t>POINT (4.658634409936393 51.82369475552003)</t>
  </si>
  <si>
    <t>POINT (4.612701921737397 51.82107041051149)</t>
  </si>
  <si>
    <t>POINT (4.627499329521733 51.80979612183467)</t>
  </si>
  <si>
    <t>POINT (4.6346048776548745 51.82096725338945)</t>
  </si>
  <si>
    <t>POINT (4.634228401786186 51.81894209385366)</t>
  </si>
  <si>
    <t>POINT (4.63375090467092 51.824789358687944)</t>
  </si>
  <si>
    <t>POINT (4.652782168979459 51.81529522115367)</t>
  </si>
  <si>
    <t>POINT (4.662018689296348 51.822180565962974)</t>
  </si>
  <si>
    <t>POINT (4.612234558621207 51.81985604175308)</t>
  </si>
  <si>
    <t>POINT (4.654279090475203 51.821726561606525)</t>
  </si>
  <si>
    <t>POINT (4.639516342354721 51.821920570182186)</t>
  </si>
  <si>
    <t>POINT (4.636020764017668 51.81885826350011)</t>
  </si>
  <si>
    <t>POINT (4.621740334184485 51.8146813135799)</t>
  </si>
  <si>
    <t>POINT (4.608274644348478 51.81485146656804)</t>
  </si>
  <si>
    <t>POINT (4.598605053102128 51.81575516211495)</t>
  </si>
  <si>
    <t>POINT (4.652790214972817 51.81697973334687)</t>
  </si>
  <si>
    <t>POINT (4.6385658166938395 51.81441122351231)</t>
  </si>
  <si>
    <t>POINT (4.621760329695345 51.81405201817886)</t>
  </si>
  <si>
    <t>POINT (4.620259359416558 51.81248166901898)</t>
  </si>
  <si>
    <t>POINT (4.636499463162972 51.82119681452176)</t>
  </si>
  <si>
    <t>POINT (4.624495623951765 51.81392554966048)</t>
  </si>
  <si>
    <t>POINT (4.624163180956917 51.81253861412842)</t>
  </si>
  <si>
    <t>POINT (4.649050731771605 51.81357530266195)</t>
  </si>
  <si>
    <t>POINT (4.611030323888191 51.819605064748934)</t>
  </si>
  <si>
    <t>POINT (4.65098629856563 51.817318576208834)</t>
  </si>
  <si>
    <t>POINT (4.640311551403042 51.80888871340887)</t>
  </si>
  <si>
    <t>POINT (4.638618295715671 51.80964365354374)</t>
  </si>
  <si>
    <t>POINT (4.60327762732121 51.82084340049009)</t>
  </si>
  <si>
    <t>POINT (4.660216582473499 51.82334115394959)</t>
  </si>
  <si>
    <t>POINT (4.610889854823773 51.81760889129332)</t>
  </si>
  <si>
    <t>POINT (4.659566609273207 51.82469263600327)</t>
  </si>
  <si>
    <t>POINT (4.639456946531614 51.82576917570601)</t>
  </si>
  <si>
    <t>POINT (4.56970968523177 51.83866404066081)</t>
  </si>
  <si>
    <t>POINT (4.63697847057528 51.825162416709205)</t>
  </si>
  <si>
    <t>POINT (4.62208339171037 51.82590666408207)</t>
  </si>
  <si>
    <t>POINT (4.598976459412303 51.81663858025281)</t>
  </si>
  <si>
    <t>POINT (4.635506010936174 51.823586599287)</t>
  </si>
  <si>
    <t>POINT (4.6478424271876895 51.815713989140285)</t>
  </si>
  <si>
    <t>POINT (4.572482345576767 51.83175681794676)</t>
  </si>
  <si>
    <t>POINT (4.630873194228844 51.80793780982681)</t>
  </si>
  <si>
    <t>POINT (4.6454977477009285 51.81563420571648)</t>
  </si>
  <si>
    <t>POINT (4.596090157556739 51.813585918018276)</t>
  </si>
  <si>
    <t>POINT (4.650994555613359 51.822563947492654)</t>
  </si>
  <si>
    <t>POINT (4.5691108835386425 51.83779469417844)</t>
  </si>
  <si>
    <t>POINT (4.6250250823476735 51.813207222838145)</t>
  </si>
  <si>
    <t>POINT (4.638408976764004 51.81792355470686)</t>
  </si>
  <si>
    <t>POINT (4.600689301600217 51.80995494690146)</t>
  </si>
  <si>
    <t>POINT (4.605578841219728 51.81417130658891)</t>
  </si>
  <si>
    <t>POINT (4.562426892989531 51.83689074850778)</t>
  </si>
  <si>
    <t>POINT (4.6434262975528195 51.82627541610969)</t>
  </si>
  <si>
    <t>POINT (4.656110641185246 51.81805324637124)</t>
  </si>
  <si>
    <t>POINT (4.6359061254952 51.811111425566686)</t>
  </si>
  <si>
    <t>POINT (4.640959790650594 51.818758438277264)</t>
  </si>
  <si>
    <t>POINT (4.630577516334 51.81283133595087)</t>
  </si>
  <si>
    <t>POINT (4.608242882838035 51.81868127074198)</t>
  </si>
  <si>
    <t>POINT (4.600848985256369 51.813527826785396)</t>
  </si>
  <si>
    <t>POINT (4.631545154831456 51.80970662334976)</t>
  </si>
  <si>
    <t>POINT (4.619621188449956 51.81882726044727)</t>
  </si>
  <si>
    <t>POINT (4.6497418287990016 51.81641979508959)</t>
  </si>
  <si>
    <t>POINT (4.56328222249061 51.83707469603516)</t>
  </si>
  <si>
    <t>POINT (4.627613153543645 51.813739748712706)</t>
  </si>
  <si>
    <t>POINT (4.630077741137623 51.812566630983916)</t>
  </si>
  <si>
    <t>POINT (4.603746843442003 51.81466286372942)</t>
  </si>
  <si>
    <t>POINT (4.617608472140687 51.820874670004066)</t>
  </si>
  <si>
    <t>POINT (4.65770872618991 51.82879147001632)</t>
  </si>
  <si>
    <t>POINT (4.621006331462554 51.81518026022179)</t>
  </si>
  <si>
    <t>POINT (4.614552547085748 51.81298526435632)</t>
  </si>
  <si>
    <t>POINT (4.568409821137622 51.8348793417787)</t>
  </si>
  <si>
    <t>POINT (4.6043097001226565 51.81417129600317)</t>
  </si>
  <si>
    <t>POINT (4.656324796496233 51.824705168028196)</t>
  </si>
  <si>
    <t>POINT (4.658590417867415 51.821036809981756)</t>
  </si>
  <si>
    <t>POINT (4.644184756505839 51.82104743838561)</t>
  </si>
  <si>
    <t>POINT (4.615752467696779 51.81447326855591)</t>
  </si>
  <si>
    <t>POINT (4.56937199174193 51.835529580087126)</t>
  </si>
  <si>
    <t>POINT (4.6344147424020505 51.82439818759519)</t>
  </si>
  <si>
    <t>POINT (4.636056853289373 51.81940900728268)</t>
  </si>
  <si>
    <t>POINT (4.639242390941035 51.82569981822832)</t>
  </si>
  <si>
    <t>POINT (4.568534843483837 51.83807825521157)</t>
  </si>
  <si>
    <t>POINT (4.636366150689038 51.821067063854215)</t>
  </si>
  <si>
    <t>POINT (4.629676198152574 51.81493313975236)</t>
  </si>
  <si>
    <t>POINT (4.636166086573047 51.81899970488197)</t>
  </si>
  <si>
    <t>POINT (4.643704372903551 51.820080449141464)</t>
  </si>
  <si>
    <t>POINT (4.637470474615067 51.80808500952202)</t>
  </si>
  <si>
    <t>POINT (4.659717202378522 51.82483319949835)</t>
  </si>
  <si>
    <t>POINT (4.612434734949049 51.81622821254742)</t>
  </si>
  <si>
    <t>POINT (4.655233648600025 51.8233515771675)</t>
  </si>
  <si>
    <t>POINT (4.613679760960517 51.82245280684732)</t>
  </si>
  <si>
    <t>POINT (4.655581382184826 51.82592798486845)</t>
  </si>
  <si>
    <t>POINT (4.627999785374189 51.81526917177861)</t>
  </si>
  <si>
    <t>POINT (4.639785767927737 51.825924257490186)</t>
  </si>
  <si>
    <t>POINT (4.658084830881756 51.82173529032209)</t>
  </si>
  <si>
    <t>POINT (4.663903916469049 51.82349204151814)</t>
  </si>
  <si>
    <t>POINT (4.5700749320096445 51.83611022207411)</t>
  </si>
  <si>
    <t>POINT (4.608508054228706 51.81913319470508)</t>
  </si>
  <si>
    <t>POINT (4.660908843273521 51.82803217673297)</t>
  </si>
  <si>
    <t>POINT (4.628387665473674 51.810185454043)</t>
  </si>
  <si>
    <t>POINT (4.651795352403333 51.82802324333632)</t>
  </si>
  <si>
    <t>POINT (4.618479805536129 51.818765659824045)</t>
  </si>
  <si>
    <t>POINT (4.632828393655937 51.82384539092435)</t>
  </si>
  <si>
    <t>POINT (4.645529414666962 51.822273236297164)</t>
  </si>
  <si>
    <t>POINT (4.6322050630373575 51.80916992140754)</t>
  </si>
  <si>
    <t>POINT (4.646723059115382 51.82708165536125)</t>
  </si>
  <si>
    <t>POINT (4.655944498248733 51.82435916228517)</t>
  </si>
  <si>
    <t>POINT (4.640777092124746 51.819058433650255)</t>
  </si>
  <si>
    <t>POINT (4.643313433527552 51.817183927708335)</t>
  </si>
  <si>
    <t>POINT (4.654145510553058 51.81619373282366)</t>
  </si>
  <si>
    <t>POINT (4.59773164012127 51.815117417488445)</t>
  </si>
  <si>
    <t>POINT (4.619414257675783 51.81413296141518)</t>
  </si>
  <si>
    <t>POINT (4.638843961310021 51.82548252983297)</t>
  </si>
  <si>
    <t>POINT (4.650573094349442 51.825224729861624)</t>
  </si>
  <si>
    <t>POINT (4.5616034208147 51.83240573089999)</t>
  </si>
  <si>
    <t>POINT (4.649023494621186 51.8148189505338)</t>
  </si>
  <si>
    <t>POINT (4.648037602003191 51.818787085183466)</t>
  </si>
  <si>
    <t>POINT (4.618471004944145 51.82178629491298)</t>
  </si>
  <si>
    <t>POINT (4.660471828451138 51.82805348958369)</t>
  </si>
  <si>
    <t>POINT (4.65021796958698 51.81942961866252)</t>
  </si>
  <si>
    <t>POINT (4.654613819183704 51.8245251277797)</t>
  </si>
  <si>
    <t>POINT (4.647042083596971 51.823910995579865)</t>
  </si>
  <si>
    <t>POINT (4.661361464724767 51.823815596617045)</t>
  </si>
  <si>
    <t>POINT (4.645070198059995 51.82434969510586)</t>
  </si>
  <si>
    <t>POINT (4.647120590348296 51.82027396759631)</t>
  </si>
  <si>
    <t>POINT (4.647709330766339 51.81458869216524)</t>
  </si>
  <si>
    <t>POINT (4.625963510007417 51.81286145085083)</t>
  </si>
  <si>
    <t>POINT (4.65760234727588 51.827496593274105)</t>
  </si>
  <si>
    <t>POINT (4.629961794685048 51.80848370409199)</t>
  </si>
  <si>
    <t>POINT (4.630854224675745 51.82302461084392)</t>
  </si>
  <si>
    <t>POINT (4.634540880865613 51.82399101771075)</t>
  </si>
  <si>
    <t>POINT (4.607035986435302 51.82154944754523)</t>
  </si>
  <si>
    <t>POINT (4.6016755417753625 51.81395402633506)</t>
  </si>
  <si>
    <t>POINT (4.616182209164405 51.820761570168614)</t>
  </si>
  <si>
    <t>POINT (4.567563410023602 51.834455161677056)</t>
  </si>
  <si>
    <t>POINT (4.6486931522784145 51.824375575908526)</t>
  </si>
  <si>
    <t>POINT (4.606770618056416 51.821978467728485)</t>
  </si>
  <si>
    <t>POINT (4.635517700240913 51.819625922273346)</t>
  </si>
  <si>
    <t>POINT (4.627158994074129 51.807581597022626)</t>
  </si>
  <si>
    <t>POINT (4.655974603279105 51.8263579185242)</t>
  </si>
  <si>
    <t>POINT (4.569176437410445 51.83834943261002)</t>
  </si>
  <si>
    <t>POINT (4.609447632855137 51.813893389695124)</t>
  </si>
  <si>
    <t>POINT (4.614642735852793 51.81770067603815)</t>
  </si>
  <si>
    <t>POINT (4.599784400592228 51.809847907675135)</t>
  </si>
  <si>
    <t>POINT (4.658766563309297 51.82583383700939)</t>
  </si>
  <si>
    <t>POINT (4.625057286513116 51.813319044854694)</t>
  </si>
  <si>
    <t>POINT (4.6433662531597975 51.821797555330946)</t>
  </si>
  <si>
    <t>POINT (4.637483481351997 51.81187426376122)</t>
  </si>
  <si>
    <t>POINT (4.6416326008927244 51.825915284250364)</t>
  </si>
  <si>
    <t>POINT (4.643848010896228 51.8260845702642)</t>
  </si>
  <si>
    <t>POINT (4.658254649569719 51.82520999117058)</t>
  </si>
  <si>
    <t>POINT (4.606584015270469 51.815290685061825)</t>
  </si>
  <si>
    <t>POINT (4.644880893309047 51.814629432379405)</t>
  </si>
  <si>
    <t>POINT (4.566785142875878 51.83432691172694)</t>
  </si>
  <si>
    <t>POINT (4.595733434589742 51.81571438316519)</t>
  </si>
  <si>
    <t>POINT (4.627252900027929 51.808194067238006)</t>
  </si>
  <si>
    <t>POINT (4.605925445858945 51.81973307058506)</t>
  </si>
  <si>
    <t>POINT (4.618478353253045 51.8153221541995)</t>
  </si>
  <si>
    <t>POINT (4.6518676599323925 51.81512852512143)</t>
  </si>
  <si>
    <t>POINT (4.622065082944595 51.811390289137385)</t>
  </si>
  <si>
    <t>POINT (4.625313247364922 51.81342131759984)</t>
  </si>
  <si>
    <t>POINT (4.64432590095585 51.81587084570425)</t>
  </si>
  <si>
    <t>POINT (4.602480173394353 51.82116769681651)</t>
  </si>
  <si>
    <t>POINT (4.612754006401568 51.813438970748166)</t>
  </si>
  <si>
    <t>POINT (4.654786097436552 51.81737107924199)</t>
  </si>
  <si>
    <t>POINT (4.638227959917728 51.82539791821337)</t>
  </si>
  <si>
    <t>POINT (4.642003572157507 51.81937735326834)</t>
  </si>
  <si>
    <t>POINT (4.641715323805736 51.821521195222765)</t>
  </si>
  <si>
    <t>POINT (4.626611257401505 51.814860039336494)</t>
  </si>
  <si>
    <t>POINT (4.657489632490254 51.82218815312725)</t>
  </si>
  <si>
    <t>POINT (4.666230193448538 51.82334495355435)</t>
  </si>
  <si>
    <t>POINT (4.615105929523478 51.81561469199356)</t>
  </si>
  <si>
    <t>POINT (4.636358107352733 51.82404100266376)</t>
  </si>
  <si>
    <t>POINT (4.596096657347666 51.81428492623061)</t>
  </si>
  <si>
    <t>POINT (4.604416131922112 51.81457481801938)</t>
  </si>
  <si>
    <t>POINT (4.616448334151324 51.81790842132714)</t>
  </si>
  <si>
    <t>POINT (4.613552052253525 51.83083818881178)</t>
  </si>
  <si>
    <t>POINT (4.653344269321033 51.81731836029747)</t>
  </si>
  <si>
    <t>POINT (4.596661332929441 51.81517038293783)</t>
  </si>
  <si>
    <t>POINT (4.638133228846138 51.82336914155222)</t>
  </si>
  <si>
    <t>POINT (4.6367978301247685 51.81155951927101)</t>
  </si>
  <si>
    <t>POINT (4.607963629947426 51.81306793467035)</t>
  </si>
  <si>
    <t>POINT (4.626686024445739 51.81301137511465)</t>
  </si>
  <si>
    <t>POINT (4.626577094622191 51.82775763725028)</t>
  </si>
  <si>
    <t>POINT (4.613951564828829 51.81928608455401)</t>
  </si>
  <si>
    <t>POINT (4.640213309301798 51.81875634108371)</t>
  </si>
  <si>
    <t>POINT (4.629006317754175 51.81204098389117)</t>
  </si>
  <si>
    <t>POINT (4.629991940428518 51.80979019244424)</t>
  </si>
  <si>
    <t>POINT (4.640836000112608 51.818274014399506)</t>
  </si>
  <si>
    <t>POINT (4.6297962618702115 51.8148617353818)</t>
  </si>
  <si>
    <t>POINT (4.648166956926969 51.819358897175604)</t>
  </si>
  <si>
    <t>POINT (4.602188738325766 51.82088987485863)</t>
  </si>
  <si>
    <t>POINT (4.606787548959127 51.8213189789351)</t>
  </si>
  <si>
    <t>POINT (4.56790214878424 51.832908316137456)</t>
  </si>
  <si>
    <t>POINT (4.63342928709605 51.80797862574134)</t>
  </si>
  <si>
    <t>POINT (4.636978051901117 51.819373380731285)</t>
  </si>
  <si>
    <t>POINT (4.64894315388655 51.82655868324152)</t>
  </si>
  <si>
    <t>POINT (4.657603597513185 51.82086289701781)</t>
  </si>
  <si>
    <t>POINT (4.598446979670234 51.809200455132974)</t>
  </si>
  <si>
    <t>POINT (4.612769794939449 51.81474609834619)</t>
  </si>
  <si>
    <t>POINT (4.637157648044524 51.809465410708164)</t>
  </si>
  <si>
    <t>POINT (4.637511715216198 51.823540992150654)</t>
  </si>
  <si>
    <t>POINT (4.642819608761004 51.816341549099874)</t>
  </si>
  <si>
    <t>POINT (4.621399957542072 51.813250435316604)</t>
  </si>
  <si>
    <t>POINT (4.570590219305962 51.827215211017645)</t>
  </si>
  <si>
    <t>POINT (4.614323111490497 51.83167997275993)</t>
  </si>
  <si>
    <t>POINT (4.6328192172977145 51.817438016471996)</t>
  </si>
  <si>
    <t>POINT (4.6499407273344335 51.81747758413933)</t>
  </si>
  <si>
    <t>POINT (4.602619540307053 51.81978665679266)</t>
  </si>
  <si>
    <t>POINT (4.655744378868596 51.8206713083414)</t>
  </si>
  <si>
    <t>POINT (4.6411353167318445 51.81380809488761)</t>
  </si>
  <si>
    <t>POINT (4.638636726444169 51.82272193214449)</t>
  </si>
  <si>
    <t>POINT (4.6192031302432435 51.814158546060995)</t>
  </si>
  <si>
    <t>POINT (4.641784453126811 51.81818048355562)</t>
  </si>
  <si>
    <t>POINT (4.619198140354515 51.815049915551235)</t>
  </si>
  <si>
    <t>POINT (4.656694238680824 51.822537080460876)</t>
  </si>
  <si>
    <t>POINT (4.636695805518444 51.81458279256964)</t>
  </si>
  <si>
    <t>POINT (4.635963905407403 51.81015544200756)</t>
  </si>
  <si>
    <t>POINT (4.604164692400182 51.814170310541826)</t>
  </si>
  <si>
    <t>POINT (4.634457066926669 51.81847683146621)</t>
  </si>
  <si>
    <t>POINT (4.559094144895673 51.83645140323409)</t>
  </si>
  <si>
    <t>POINT (4.563827300960179 51.83178799481289)</t>
  </si>
  <si>
    <t>POINT (4.627242217789317 51.808247993279664)</t>
  </si>
  <si>
    <t>POINT (4.612604731221425 51.813218885349634)</t>
  </si>
  <si>
    <t>POINT (4.624616667390194 51.814058047912965)</t>
  </si>
  <si>
    <t>POINT (4.618820599828965 51.81854471977332)</t>
  </si>
  <si>
    <t>POINT (4.568558050942422 51.834447936138474)</t>
  </si>
  <si>
    <t>POINT (4.641903253052926 51.821134041378954)</t>
  </si>
  <si>
    <t>POINT (4.657629136371535 51.8219187398819)</t>
  </si>
  <si>
    <t>POINT (4.634411783566766 51.819166549548314)</t>
  </si>
  <si>
    <t>POINT (4.618821930352262 51.81224080627618)</t>
  </si>
  <si>
    <t>POINT (4.629231115118669 51.80698755185033)</t>
  </si>
  <si>
    <t>POINT (4.650430815039114 51.8250386790493)</t>
  </si>
  <si>
    <t>POINT (4.620479502973191 51.82845988393739)</t>
  </si>
  <si>
    <t>POINT (4.619139232371776 51.820844841710894)</t>
  </si>
  <si>
    <t>POINT (4.6360046219456335 51.81976682762617)</t>
  </si>
  <si>
    <t>POINT (4.655550908069629 51.824030789093605)</t>
  </si>
  <si>
    <t>POINT (4.565379261711918 51.83735107578811)</t>
  </si>
  <si>
    <t>POINT (4.639383791441373 51.81049850629302)</t>
  </si>
  <si>
    <t>POINT (4.626034855640588 51.813388247736235)</t>
  </si>
  <si>
    <t>POINT (4.601833667339393 51.81568523608995)</t>
  </si>
  <si>
    <t>POINT (4.637873964525783 51.80937903035421)</t>
  </si>
  <si>
    <t>POINT (4.6565523098896096 51.82162596764798)</t>
  </si>
  <si>
    <t>POINT (4.630651634272068 51.81284268115676)</t>
  </si>
  <si>
    <t>POINT (4.644371884516059 51.824883583020785)</t>
  </si>
  <si>
    <t>POINT (4.651724070616555 51.81841569586337)</t>
  </si>
  <si>
    <t>POINT (4.563050897325381 51.83663096074185)</t>
  </si>
  <si>
    <t>POINT (4.562427973433711 51.835092035701926)</t>
  </si>
  <si>
    <t>POINT (4.647269695239163 51.823695992211306)</t>
  </si>
  <si>
    <t>POINT (4.642049880576677 51.81012263300967)</t>
  </si>
  <si>
    <t>POINT (4.645335553340524 51.81442558543564)</t>
  </si>
  <si>
    <t>POINT (4.638617952430466 51.82298419231104)</t>
  </si>
  <si>
    <t>POINT (4.636105723595531 51.810051163976134)</t>
  </si>
  <si>
    <t>POINT (4.650497728247499 51.81438508995687)</t>
  </si>
  <si>
    <t>POINT (4.604847108182956 51.811446718720475)</t>
  </si>
  <si>
    <t>POINT (4.656154673221157 51.82021397691741)</t>
  </si>
  <si>
    <t>POINT (4.626480300143755 51.81380366410183)</t>
  </si>
  <si>
    <t>POINT (4.647080058366804 51.82289610706074)</t>
  </si>
  <si>
    <t>POINT (4.63745044791227 51.809149890618656)</t>
  </si>
  <si>
    <t>POINT (4.565398406202418 51.83698406456604)</t>
  </si>
  <si>
    <t>POINT (4.629728546815156 51.80780125854581)</t>
  </si>
  <si>
    <t>POINT (4.662218134832301 51.82259976233778)</t>
  </si>
  <si>
    <t>POINT (4.64776236062837 51.827189986044495)</t>
  </si>
  <si>
    <t>POINT (4.649865755110332 51.81989669666388)</t>
  </si>
  <si>
    <t>POINT (4.636063015769776 51.823721813688046)</t>
  </si>
  <si>
    <t>POINT (4.654918911155676 51.81691271214473)</t>
  </si>
  <si>
    <t>POINT (4.6057972596688135 51.82235835353146)</t>
  </si>
  <si>
    <t>POINT (4.605971989558987 51.81982682719406)</t>
  </si>
  <si>
    <t>POINT (4.607654269277859 51.8147202376083)</t>
  </si>
  <si>
    <t>POINT (4.653438382148821 51.82082445408717)</t>
  </si>
  <si>
    <t>POINT (4.657706106354076 51.821866328940025)</t>
  </si>
  <si>
    <t>POINT (4.619435402944646 51.83039260526209)</t>
  </si>
  <si>
    <t>POINT (4.608241526001676 51.81877573321822)</t>
  </si>
  <si>
    <t>POINT (4.595660791409512 51.81486597651528)</t>
  </si>
  <si>
    <t>POINT (4.630052715584765 51.81345835625618)</t>
  </si>
  <si>
    <t>POINT (4.638383128948728 51.82405005648675)</t>
  </si>
  <si>
    <t>POINT (4.651729417685579 51.8245104150248)</t>
  </si>
  <si>
    <t>POINT (4.565328821587925 51.831938715126284)</t>
  </si>
  <si>
    <t>POINT (4.644884525498354 51.814581473701594)</t>
  </si>
  <si>
    <t>POINT (4.626843412248493 51.81016107603434)</t>
  </si>
  <si>
    <t>POINT (4.638475217151351 51.813726758173495)</t>
  </si>
  <si>
    <t>POINT (4.647035336362292 51.82245108291464)</t>
  </si>
  <si>
    <t>POINT (4.61364371680707 51.815356794258975)</t>
  </si>
  <si>
    <t>POINT (4.615168217193471 51.817571883037544)</t>
  </si>
  <si>
    <t>POINT (4.646186385016665 51.81532826628029)</t>
  </si>
  <si>
    <t>POINT (4.563115365222976 51.83766686294766)</t>
  </si>
  <si>
    <t>POINT (4.652063742168285 51.81829695317091)</t>
  </si>
  <si>
    <t>POINT (4.637765794974832 51.82400581103468)</t>
  </si>
  <si>
    <t>POINT (4.6183640631214695 51.81532091111372)</t>
  </si>
  <si>
    <t>POINT (4.654932058826065 51.8248430745812)</t>
  </si>
  <si>
    <t>POINT (4.640772607603844 51.82558990204747)</t>
  </si>
  <si>
    <t>POINT (4.651535829721787 51.81434870813215)</t>
  </si>
  <si>
    <t>POINT (4.609010005033852 51.81558818931263)</t>
  </si>
  <si>
    <t>POINT (4.601999076462939 51.815008143057725)</t>
  </si>
  <si>
    <t>POINT (4.630645854155619 51.81205762391976)</t>
  </si>
  <si>
    <t>POINT (4.645904518703638 51.82433845524824)</t>
  </si>
  <si>
    <t>POINT (4.641050940867828 51.824134299929526)</t>
  </si>
  <si>
    <t>POINT (4.636539957898909 51.816123708631864)</t>
  </si>
  <si>
    <t>POINT (4.658514636243843 51.826262596899355)</t>
  </si>
  <si>
    <t>POINT (4.622250410797389 51.812910087274275)</t>
  </si>
  <si>
    <t>POINT (4.627143822805692 51.80700890841209)</t>
  </si>
  <si>
    <t>POINT (4.570552963406029 51.834804769935644)</t>
  </si>
  <si>
    <t>POINT (4.6356711934091175 51.822586550282864)</t>
  </si>
  <si>
    <t>POINT (4.646355267218207 51.826681432638246)</t>
  </si>
  <si>
    <t>POINT (4.607936449335595 51.81976741125338)</t>
  </si>
  <si>
    <t>POINT (4.638587396477526 51.80851771984618)</t>
  </si>
  <si>
    <t>POINT (4.648540360362357 51.824267801940444)</t>
  </si>
  <si>
    <t>POINT (4.6571189487590585 51.829516199976766)</t>
  </si>
  <si>
    <t>POINT (4.642496812103566 51.82211032237487)</t>
  </si>
  <si>
    <t>POINT (4.640297205376896 51.822196874669224)</t>
  </si>
  <si>
    <t>POINT (4.630082897249656 51.812312274762526)</t>
  </si>
  <si>
    <t>POINT (4.648448166551707 51.818677194816374)</t>
  </si>
  <si>
    <t>POINT (4.566381676612198 51.83308368011629)</t>
  </si>
  <si>
    <t>POINT (4.6474359029580015 51.82611189416235)</t>
  </si>
  <si>
    <t>POINT (4.56312484376654 51.83580891062585)</t>
  </si>
  <si>
    <t>POINT (4.619402053829407 51.830364270473474)</t>
  </si>
  <si>
    <t>POINT (4.620295518580929 51.81976684543848)</t>
  </si>
  <si>
    <t>POINT (4.642181037302336 51.816125597484046)</t>
  </si>
  <si>
    <t>POINT (4.658860877494449 51.8214259725105)</t>
  </si>
  <si>
    <t>POINT (4.656834060025343 51.81766262617369)</t>
  </si>
  <si>
    <t>POINT (4.649876500085463 51.816092895698226)</t>
  </si>
  <si>
    <t>POINT (4.634956080406554 51.80997611483265)</t>
  </si>
  <si>
    <t>POINT (4.646986417333791 51.82394153863159)</t>
  </si>
  <si>
    <t>POINT (4.634818009073853 51.82437515555756)</t>
  </si>
  <si>
    <t>POINT (4.566478382616472 51.83469864526815)</t>
  </si>
  <si>
    <t>POINT (4.640925734058823 51.825519820171735)</t>
  </si>
  <si>
    <t>POINT (4.6348955019921725 51.80779772616803)</t>
  </si>
  <si>
    <t>POINT (4.603308081837002 51.81356602290381)</t>
  </si>
  <si>
    <t>POINT (4.629282830622965 51.82179840169416)</t>
  </si>
  <si>
    <t>POINT (4.659689585330422 51.82117741589016)</t>
  </si>
  <si>
    <t>POINT (4.648124202225239 51.82695980875054)</t>
  </si>
  <si>
    <t>POINT (4.634531646725343 51.81009780594267)</t>
  </si>
  <si>
    <t>POINT (4.617010947055536 51.821047405512495)</t>
  </si>
  <si>
    <t>POINT (4.631102073007094 51.807225895527964)</t>
  </si>
  <si>
    <t>POINT (4.634335665846403 51.82062112483465)</t>
  </si>
  <si>
    <t>POINT (4.568077639107912 51.83623487282129)</t>
  </si>
  <si>
    <t>POINT (4.603901459912394 51.82190071160814)</t>
  </si>
  <si>
    <t>POINT (4.657160603731977 51.8239889026617)</t>
  </si>
  <si>
    <t>POINT (4.6096134878937995 51.81649448672179)</t>
  </si>
  <si>
    <t>POINT (4.6338808479122 51.81269128552748)</t>
  </si>
  <si>
    <t>POINT (4.597152055942238 51.81575843193767)</t>
  </si>
  <si>
    <t>POINT (4.618323299439941 51.812762041111874)</t>
  </si>
  <si>
    <t>POINT (4.562534946354448 51.83567804467232)</t>
  </si>
  <si>
    <t>POINT (4.633382631548879 51.80924368489793)</t>
  </si>
  <si>
    <t>POINT (4.637627544128716 51.82307681881339)</t>
  </si>
  <si>
    <t>POINT (4.64599921413921 51.81441341054789)</t>
  </si>
  <si>
    <t>POINT (4.562988270040468 51.83475065926575)</t>
  </si>
  <si>
    <t>POINT (4.568891063495594 51.83750424600794)</t>
  </si>
  <si>
    <t>POINT (4.612768062043718 51.81807525771948)</t>
  </si>
  <si>
    <t>POINT (4.654053701685627 51.82094527808457)</t>
  </si>
  <si>
    <t>POINT (4.629626072185054 51.81241338882051)</t>
  </si>
  <si>
    <t>POINT (4.64044914586173 51.81821071804479)</t>
  </si>
  <si>
    <t>POINT (4.65701485870872 51.81986269690058)</t>
  </si>
  <si>
    <t>POINT (4.6339977117859705 51.80974210349203)</t>
  </si>
  <si>
    <t>POINT (4.641405035968698 51.80938585827953)</t>
  </si>
  <si>
    <t>POINT (4.630824954204777 51.812156836287)</t>
  </si>
  <si>
    <t>POINT (4.638809739635785 51.8235686915311)</t>
  </si>
  <si>
    <t>POINT (4.6311587388569135 51.82349215138133)</t>
  </si>
  <si>
    <t>POINT (4.648169027110756 51.8239910759302)</t>
  </si>
  <si>
    <t>POINT (4.6433912090359595 51.81642838163166)</t>
  </si>
  <si>
    <t>POINT (4.654294520134634 51.82077230288135)</t>
  </si>
  <si>
    <t>POINT (4.646333157853156 51.81948176126724)</t>
  </si>
  <si>
    <t>POINT (4.644731947104091 51.81468431891568)</t>
  </si>
  <si>
    <t>POINT (4.6386211720429005 51.82528196475052)</t>
  </si>
  <si>
    <t>POINT (4.635176853527715 51.810871969243266)</t>
  </si>
  <si>
    <t>POINT (4.644782887260561 51.81796599956062)</t>
  </si>
  <si>
    <t>POINT (4.635521901586202 51.816461998892294)</t>
  </si>
  <si>
    <t>POINT (4.60612132125516 51.82209119054782)</t>
  </si>
  <si>
    <t>POINT (4.562414521661357 51.83490587408092)</t>
  </si>
  <si>
    <t>POINT (4.636080501500549 51.81973676069558)</t>
  </si>
  <si>
    <t>POINT (4.6359397170777426 51.82560941390098)</t>
  </si>
  <si>
    <t>POINT (4.633386933026284 51.819322334318166)</t>
  </si>
  <si>
    <t>POINT (4.641795355398169 51.80986922495752)</t>
  </si>
  <si>
    <t>POINT (4.612789222231412 51.8152437254067)</t>
  </si>
  <si>
    <t>POINT (4.641631144053036 51.817646740819626)</t>
  </si>
  <si>
    <t>POINT (4.565828692106024 51.83404841248057)</t>
  </si>
  <si>
    <t>POINT (4.629368528885635 51.82080956871016)</t>
  </si>
  <si>
    <t>POINT (4.568091611456107 51.834978757528944)</t>
  </si>
  <si>
    <t>POINT (4.628817136594971 51.821638900166384)</t>
  </si>
  <si>
    <t>POINT (4.568674940195953 51.837772365526945)</t>
  </si>
  <si>
    <t>POINT (4.658730670711469 51.82281958653567)</t>
  </si>
  <si>
    <t>POINT (4.634752864920613 51.82091445883319)</t>
  </si>
  <si>
    <t>POINT (4.617679852546792 51.82006653141456)</t>
  </si>
  <si>
    <t>POINT (4.646327040385091 51.819863660999694)</t>
  </si>
  <si>
    <t>POINT (4.65746717796964 51.82599485170409)</t>
  </si>
  <si>
    <t>POINT (4.63006165390863 51.80764903618389)</t>
  </si>
  <si>
    <t>POINT (4.628593522372383 51.81168002601454)</t>
  </si>
  <si>
    <t>POINT (4.634919506942897 51.81046553126537)</t>
  </si>
  <si>
    <t>POINT (4.615278590663662 51.81289822267711)</t>
  </si>
  <si>
    <t>POINT (4.558117696426786 51.834164199196344)</t>
  </si>
  <si>
    <t>POINT (4.638648564275414 51.825282543939515)</t>
  </si>
  <si>
    <t>POINT (4.646250299064225 51.81464969990062)</t>
  </si>
  <si>
    <t>POINT (4.655782165565306 51.82069975929562)</t>
  </si>
  <si>
    <t>POINT (4.561786322722456 51.83327325422519)</t>
  </si>
  <si>
    <t>POINT (4.637464941457475 51.809042190645414)</t>
  </si>
  <si>
    <t>POINT (4.6144199718263765 51.81820593042275)</t>
  </si>
  <si>
    <t>POINT (4.605192570570639 51.81533992880153)</t>
  </si>
  <si>
    <t>POINT (4.565713525887648 51.837243806642036)</t>
  </si>
  <si>
    <t>POINT (4.611029518310193 51.81965521647772)</t>
  </si>
  <si>
    <t>POINT (4.653872572869567 51.82429261799052)</t>
  </si>
  <si>
    <t>POINT (4.621374417889433 51.81378836020751)</t>
  </si>
  <si>
    <t>POINT (4.648933793988723 51.8140716237603)</t>
  </si>
  <si>
    <t>POINT (4.657496478263945 51.82982946551131)</t>
  </si>
  <si>
    <t>POINT (4.62824561425455 51.8236796858175)</t>
  </si>
  <si>
    <t>POINT (4.635668085206867 51.825704519142846)</t>
  </si>
  <si>
    <t>POINT (4.645488989589919 51.81644065183591)</t>
  </si>
  <si>
    <t>POINT (4.644292269333295 51.81531900562793)</t>
  </si>
  <si>
    <t>POINT (4.564881500975068 51.832576372272385)</t>
  </si>
  <si>
    <t>POINT (4.613448039433871 51.81421975217609)</t>
  </si>
  <si>
    <t>POINT (4.620791547215973 51.8139235744961)</t>
  </si>
  <si>
    <t>POINT (4.56456454058031 51.83312434376716)</t>
  </si>
  <si>
    <t>POINT (4.656720284742194 51.81970384059595)</t>
  </si>
  <si>
    <t>POINT (4.656783451649386 51.82028199005031)</t>
  </si>
  <si>
    <t>POINT (4.639879098444392 51.81851559951341)</t>
  </si>
  <si>
    <t>POINT (4.652440178538536 51.81535397882062)</t>
  </si>
  <si>
    <t>POINT (4.650544868032178 51.814358941146054)</t>
  </si>
  <si>
    <t>POINT (4.6164443826255335 51.82200741997748)</t>
  </si>
  <si>
    <t>POINT (4.657003044355846 51.82945116510543)</t>
  </si>
  <si>
    <t>POINT (4.63548424469604 51.82402540474377)</t>
  </si>
  <si>
    <t>POINT (4.6267203056579485 51.80960518911854)</t>
  </si>
  <si>
    <t>POINT (4.612008331881057 51.81594968562806)</t>
  </si>
  <si>
    <t>POINT (4.649544208301249 51.82211518667269)</t>
  </si>
  <si>
    <t>POINT (4.61393823404963 51.814611448843735)</t>
  </si>
  <si>
    <t>POINT (4.643004872964131 51.8098938275799)</t>
  </si>
  <si>
    <t>POINT (4.620345641090544 51.81247171608405)</t>
  </si>
  <si>
    <t>POINT (4.641122308405801 51.82561430949064)</t>
  </si>
  <si>
    <t>POINT (4.652344516654434 51.82426147012196)</t>
  </si>
  <si>
    <t>POINT (4.600904593086378 51.81402138433642)</t>
  </si>
  <si>
    <t>POINT (4.624527797991694 51.81350417909675)</t>
  </si>
  <si>
    <t>POINT (4.634060247916081 51.81146660210912)</t>
  </si>
  <si>
    <t>POINT (4.632008650260241 51.80718895639887)</t>
  </si>
  <si>
    <t>POINT (4.627989246287553 51.8132124597431)</t>
  </si>
  <si>
    <t>POINT (4.643572438046883 51.826857172800835)</t>
  </si>
  <si>
    <t>POINT (4.633014613815364 51.81762840359936)</t>
  </si>
  <si>
    <t>POINT (4.640758128189786 51.82019310857841)</t>
  </si>
  <si>
    <t>POINT (4.647074153605603 51.82386340498551)</t>
  </si>
  <si>
    <t>POINT (4.648717589915989 51.82435902869851)</t>
  </si>
  <si>
    <t>POINT (4.656802040760962 51.82116131529701)</t>
  </si>
  <si>
    <t>POINT (4.61516269195887 51.82073302548702)</t>
  </si>
  <si>
    <t>POINT (4.625920069673885 51.81487234851235)</t>
  </si>
  <si>
    <t>POINT (4.6416313741536745 51.82146745790611)</t>
  </si>
  <si>
    <t>POINT (4.646252501135441 51.815009854793985)</t>
  </si>
  <si>
    <t>POINT (4.626045214803804 51.81448744567163)</t>
  </si>
  <si>
    <t>POINT (4.655432141035204 51.829591816841976)</t>
  </si>
  <si>
    <t>POINT (4.662794359635078 51.82199181192896)</t>
  </si>
  <si>
    <t>POINT (4.652482355051149 51.8215035724962)</t>
  </si>
  <si>
    <t>POINT (4.600748833356825 51.81964955212798)</t>
  </si>
  <si>
    <t>POINT (4.657199048286442 51.82408711832382)</t>
  </si>
  <si>
    <t>POINT (4.649524944735115 51.815042740044845)</t>
  </si>
  <si>
    <t>POINT (4.647905526430337 51.81441681507462)</t>
  </si>
  <si>
    <t>POINT (4.6285853159771255 51.81074482323368)</t>
  </si>
  <si>
    <t>POINT (4.630397227012242 51.81193202148373)</t>
  </si>
  <si>
    <t>POINT (4.631655654875294 51.8076503578448)</t>
  </si>
  <si>
    <t>POINT (4.627824426783721 51.81537107477579)</t>
  </si>
  <si>
    <t>POINT (4.6078617615292705 51.82225665626386)</t>
  </si>
  <si>
    <t>POINT (4.568593416726994 51.834489863574625)</t>
  </si>
  <si>
    <t>POINT (4.597480966054692 51.81596146311485)</t>
  </si>
  <si>
    <t>POINT (4.599648622375332 51.81323860944747)</t>
  </si>
  <si>
    <t>POINT (4.645694435429329 51.8198531940429)</t>
  </si>
  <si>
    <t>POINT (4.642039900335129 51.8210551523869)</t>
  </si>
  <si>
    <t>POINT (4.63303681579118 51.80952973981008)</t>
  </si>
  <si>
    <t>POINT (4.659166324119236 51.821268462438624)</t>
  </si>
  <si>
    <t>POINT (4.600318445940938 51.81386529415148)</t>
  </si>
  <si>
    <t>POINT (4.617358500605044 51.813737535758115)</t>
  </si>
  <si>
    <t>POINT (4.644803690627536 51.82708447942803)</t>
  </si>
  <si>
    <t>POINT (4.60627527963777 51.81954775029541)</t>
  </si>
  <si>
    <t>POINT (4.632167070584678 51.80701542403614)</t>
  </si>
  <si>
    <t>POINT (4.60665509752395 51.81406838509651)</t>
  </si>
  <si>
    <t>POINT (4.56422513456252 51.835620360260876)</t>
  </si>
  <si>
    <t>POINT (4.633817497056408 51.82046809299765)</t>
  </si>
  <si>
    <t>POINT (4.615090826475502 51.81759388165349)</t>
  </si>
  <si>
    <t>POINT (4.60690833072415 51.81486487056661)</t>
  </si>
  <si>
    <t>POINT (4.618594608957078 51.81366677127484)</t>
  </si>
  <si>
    <t>POINT (4.656528235292882 51.82415342444781)</t>
  </si>
  <si>
    <t>POINT (4.619390112562815 51.83036180137018)</t>
  </si>
  <si>
    <t>POINT (4.646779924013012 51.819730160616636)</t>
  </si>
  <si>
    <t>POINT (4.620775231628676 51.81152479251529)</t>
  </si>
  <si>
    <t>POINT (4.655671178633121 51.82640233750976)</t>
  </si>
  <si>
    <t>POINT (4.654466180982583 51.82656197473526)</t>
  </si>
  <si>
    <t>POINT (4.618637036668123 51.81383045507733)</t>
  </si>
  <si>
    <t>POINT (4.5751311078794625 51.827346877264304)</t>
  </si>
  <si>
    <t>POINT (4.638161888396603 51.82046897885514)</t>
  </si>
  <si>
    <t>POINT (4.611455089284667 51.81547321401713)</t>
  </si>
  <si>
    <t>POINT (4.655942914738307 51.82839934504922)</t>
  </si>
  <si>
    <t>POINT (4.629374246805129 51.81447189422263)</t>
  </si>
  <si>
    <t>POINT (4.614698890655035 51.81347596940892)</t>
  </si>
  <si>
    <t>POINT (4.652559813982787 51.81777364613634)</t>
  </si>
  <si>
    <t>POINT (4.633015282421216 51.82507721618781)</t>
  </si>
  <si>
    <t>POINT (4.642864974374832 51.81974955820155)</t>
  </si>
  <si>
    <t>POINT (4.5657364033937995 51.834696026099884)</t>
  </si>
  <si>
    <t>POINT (4.653578103468533 51.820743422671626)</t>
  </si>
  <si>
    <t>POINT (4.616806069637157 51.814536612147165)</t>
  </si>
  <si>
    <t>POINT (4.657032005518552 51.82789838186451)</t>
  </si>
  <si>
    <t>POINT (4.6361302624809015 51.81006491196542)</t>
  </si>
  <si>
    <t>POINT (4.629667591057667 51.80739881776728)</t>
  </si>
  <si>
    <t>POINT (4.651966157717972 51.81459348833403)</t>
  </si>
  <si>
    <t>POINT (4.618660487397502 51.81125702116355)</t>
  </si>
  <si>
    <t>POINT (4.56509309948059 51.83811735800759)</t>
  </si>
  <si>
    <t>POINT (4.622277785905747 51.81300182478457)</t>
  </si>
  <si>
    <t>POINT (4.646833732992005 51.82091884045567)</t>
  </si>
  <si>
    <t>POINT (4.617114618302591 51.82142482071509)</t>
  </si>
  <si>
    <t>POINT (4.6603222932657 51.82349791493254)</t>
  </si>
  <si>
    <t>POINT (4.638118871240122 51.823351521971155)</t>
  </si>
  <si>
    <t>POINT (4.651973870406176 51.827170743166754)</t>
  </si>
  <si>
    <t>POINT (4.641583040530445 51.80920397048224)</t>
  </si>
  <si>
    <t>POINT (4.655195512136301 51.82337848513127)</t>
  </si>
  <si>
    <t>POINT (4.645043512865842 51.82432030416246)</t>
  </si>
  <si>
    <t>POINT (4.638015719360131 51.82032719304466)</t>
  </si>
  <si>
    <t>POINT (4.650326720582431 51.820330212649736)</t>
  </si>
  <si>
    <t>POINT (4.615638522225743 51.8141952623442)</t>
  </si>
  <si>
    <t>POINT (4.620319562144143 51.81417026056324)</t>
  </si>
  <si>
    <t>POINT (4.56131481627062 51.83688743330507)</t>
  </si>
  <si>
    <t>POINT (4.641015722684331 51.81387429133058)</t>
  </si>
  <si>
    <t>POINT (4.660572960325345 51.82789306572978)</t>
  </si>
  <si>
    <t>POINT (4.631954721948366 51.807357030841985)</t>
  </si>
  <si>
    <t>POINT (4.611790474260076 51.82158396707441)</t>
  </si>
  <si>
    <t>POINT (4.656544820770834 51.81934365961064)</t>
  </si>
  <si>
    <t>POINT (4.633908847502912 51.80984724927772)</t>
  </si>
  <si>
    <t>POINT (4.642176821343417 51.821551999565685)</t>
  </si>
  <si>
    <t>POINT (4.6284331446043945 51.823581276544566)</t>
  </si>
  <si>
    <t>POINT (4.641806762390266 51.82605561614909)</t>
  </si>
  <si>
    <t>POINT (4.633430380468617 51.82448249408165)</t>
  </si>
  <si>
    <t>POINT (4.649047993457882 51.8177398174657)</t>
  </si>
  <si>
    <t>POINT (4.609577613435314 51.82056160990271)</t>
  </si>
  <si>
    <t>POINT (4.649848678987942 51.826556528086265)</t>
  </si>
  <si>
    <t>POINT (4.650028015268975 51.82809734295)</t>
  </si>
  <si>
    <t>POINT (4.567078264987474 51.8359244531499)</t>
  </si>
  <si>
    <t>POINT (4.634153432855028 51.824124917954094)</t>
  </si>
  <si>
    <t>POINT (4.562379513286213 51.834639453252294)</t>
  </si>
  <si>
    <t>POINT (4.659176402156298 51.83069298396281)</t>
  </si>
  <si>
    <t>POINT (4.6062565808750415 51.813583038927284)</t>
  </si>
  <si>
    <t>POINT (4.642201467526052 51.82556656683493)</t>
  </si>
  <si>
    <t>POINT (4.631057862613524 51.80728378560566)</t>
  </si>
  <si>
    <t>POINT (4.6426598613819525 51.8161278901765)</t>
  </si>
  <si>
    <t>POINT (4.6119200871108434 51.815960284663156)</t>
  </si>
  <si>
    <t>POINT (4.63199187217863 51.808145705960214)</t>
  </si>
  <si>
    <t>POINT (4.642045411955109 51.82610869954574)</t>
  </si>
  <si>
    <t>POINT (4.569883711356966 51.84324581307883)</t>
  </si>
  <si>
    <t>POINT (4.63840731823707 51.810511748968715)</t>
  </si>
  <si>
    <t>POINT (4.633591938531001 51.81275729527867)</t>
  </si>
  <si>
    <t>POINT (4.63974363266126 51.823912266790394)</t>
  </si>
  <si>
    <t>POINT (4.613648446260943 51.822165348109394)</t>
  </si>
  <si>
    <t>POINT (4.646570374834287 51.8240797487698)</t>
  </si>
  <si>
    <t>POINT (4.63758184721965 51.81027721276693)</t>
  </si>
  <si>
    <t>POINT (4.611911619181345 51.81375665200604)</t>
  </si>
  <si>
    <t>POINT (4.566363499393959 51.83487463264465)</t>
  </si>
  <si>
    <t>POINT (4.6334806773283175 51.812740931382166)</t>
  </si>
  <si>
    <t>POINT (4.563637435786169 51.83582716856471)</t>
  </si>
  <si>
    <t>POINT (4.656432917064467 51.81793665685735)</t>
  </si>
  <si>
    <t>POINT (4.649782579701197 51.818827077811406)</t>
  </si>
  <si>
    <t>POINT (4.64811985062517 51.82638394858823)</t>
  </si>
  <si>
    <t>POINT (4.640220609590158 51.824089638989776)</t>
  </si>
  <si>
    <t>POINT (4.603942650595513 51.81472256158964)</t>
  </si>
  <si>
    <t>POINT (4.604987449633748 51.81356837504042)</t>
  </si>
  <si>
    <t>POINT (4.643800916074479 51.82603577804893)</t>
  </si>
  <si>
    <t>POINT (4.651806700638173 51.82166049902255)</t>
  </si>
  <si>
    <t>POINT (4.632007643736722 51.810706089177195)</t>
  </si>
  <si>
    <t>POINT (4.634905190223014 51.81720027123269)</t>
  </si>
  <si>
    <t>POINT (4.638048664498674 51.82549395069369)</t>
  </si>
  <si>
    <t>POINT (4.665025362816581 51.823421114157405)</t>
  </si>
  <si>
    <t>POINT (4.608231307949563 51.821465198836144)</t>
  </si>
  <si>
    <t>POINT (4.642241321499583 51.80950844600134)</t>
  </si>
  <si>
    <t>POINT (4.652657899800848 51.82518780935937)</t>
  </si>
  <si>
    <t>POINT (4.604092188541678 51.81416981774399)</t>
  </si>
  <si>
    <t>POINT (4.6305509039687465 51.813558962153)</t>
  </si>
  <si>
    <t>POINT (4.656297414686703 51.82878529728958)</t>
  </si>
  <si>
    <t>POINT (4.649787260199013 51.82476295475989)</t>
  </si>
  <si>
    <t>POINT (4.650940426326056 51.82251310055093)</t>
  </si>
  <si>
    <t>POINT (4.617172153210328 51.81310369596308)</t>
  </si>
  <si>
    <t>POINT (4.614658445590994 51.81452612526582)</t>
  </si>
  <si>
    <t>POINT (4.638786355822139 51.8116480830244)</t>
  </si>
  <si>
    <t>POINT (4.630397928848764 51.812638358849206)</t>
  </si>
  <si>
    <t>POINT (4.6385263375505685 51.82523708159798)</t>
  </si>
  <si>
    <t>POINT (4.6178293428711 51.821597282464275)</t>
  </si>
  <si>
    <t>POINT (4.639606302852644 51.81058395947745)</t>
  </si>
  <si>
    <t>POINT (4.633598492898123 51.82541041578321)</t>
  </si>
  <si>
    <t>POINT (4.627361394371534 51.81330688543767)</t>
  </si>
  <si>
    <t>POINT (4.65723363276082 51.8192353446625)</t>
  </si>
  <si>
    <t>POINT (4.653475825662696 51.81791384723179)</t>
  </si>
  <si>
    <t>POINT (4.631608128695589 51.80962725404378)</t>
  </si>
  <si>
    <t>POINT (4.641192934221958 51.82567329272147)</t>
  </si>
  <si>
    <t>POINT (4.646856911820301 51.825821531650426)</t>
  </si>
  <si>
    <t>POINT (4.608240032183734 51.818460992140956)</t>
  </si>
  <si>
    <t>POINT (4.638409262657572 51.82367495436838)</t>
  </si>
  <si>
    <t>POINT (4.6306791626396615 51.812932350215696)</t>
  </si>
  <si>
    <t>POINT (4.620692423189199 51.811557455973904)</t>
  </si>
  <si>
    <t>POINT (4.6121012833746065 51.81897686490811)</t>
  </si>
  <si>
    <t>POINT (4.632084437011836 51.80708366494551)</t>
  </si>
  <si>
    <t>POINT (4.650916069424475 51.822571877549926)</t>
  </si>
  <si>
    <t>POINT (4.642196393805819 51.80997381150677)</t>
  </si>
  <si>
    <t>POINT (4.648386021915034 51.81892558351963)</t>
  </si>
  <si>
    <t>POINT (4.57056145827346 51.836352492417944)</t>
  </si>
  <si>
    <t>POINT (4.624690210130676 51.81410772101661)</t>
  </si>
  <si>
    <t>POINT (4.646429381402395 51.818795812608705)</t>
  </si>
  <si>
    <t>POINT (4.626963055772332 51.813522326757464)</t>
  </si>
  <si>
    <t>POINT (4.627101593971896 51.81342006971114)</t>
  </si>
  <si>
    <t>POINT (4.630792739130254 51.80734869221205)</t>
  </si>
  <si>
    <t>POINT (4.6281072069249936 51.81362673050937)</t>
  </si>
  <si>
    <t>POINT (4.641387128665367 51.825698661445216)</t>
  </si>
  <si>
    <t>POINT (4.632516214993619 51.80897020728545)</t>
  </si>
  <si>
    <t>POINT (4.60472501877668 51.81325071649098)</t>
  </si>
  <si>
    <t>POINT (4.654143912963936 51.81854573781572)</t>
  </si>
  <si>
    <t>POINT (4.644199599065527 51.815775539006296)</t>
  </si>
  <si>
    <t>POINT (4.652125691956883 51.82425743922808)</t>
  </si>
  <si>
    <t>POINT (4.656280714631605 51.82180083217246)</t>
  </si>
  <si>
    <t>POINT (4.617784369656691 51.81741721775897)</t>
  </si>
  <si>
    <t>POINT (4.600953009008658 51.82004871634927)</t>
  </si>
  <si>
    <t>POINT (4.619824476031694 51.83012560528953)</t>
  </si>
  <si>
    <t>POINT (4.641484324050156 51.81653683672105)</t>
  </si>
  <si>
    <t>POINT (4.627300324143984 51.81399786572399)</t>
  </si>
  <si>
    <t>POINT (4.632728799849796 51.810245625201)</t>
  </si>
  <si>
    <t>POINT (4.642507267316115 51.82397164036823)</t>
  </si>
  <si>
    <t>POINT (4.650217816598352 51.82261744526504)</t>
  </si>
  <si>
    <t>POINT (4.627059832335358 51.81146732492195)</t>
  </si>
  <si>
    <t>POINT (4.61647415997105 51.815148434246304)</t>
  </si>
  <si>
    <t>POINT (4.622238945393492 51.81271060684137)</t>
  </si>
  <si>
    <t>POINT (4.595223520421145 51.81534226993683)</t>
  </si>
  <si>
    <t>POINT (4.653923133739041 51.82734921820765)</t>
  </si>
  <si>
    <t>POINT (4.631719038984332 51.80954809446039)</t>
  </si>
  <si>
    <t>POINT (4.65974648445351 51.82988859906263)</t>
  </si>
  <si>
    <t>POINT (4.640284304440686 51.808929861055915)</t>
  </si>
  <si>
    <t>POINT (4.6184143975677125 51.81510774084029)</t>
  </si>
  <si>
    <t>POINT (4.643612690403693 51.822914190583646)</t>
  </si>
  <si>
    <t>POINT (4.5691796996036596 51.837775820967934)</t>
  </si>
  <si>
    <t>POINT (4.6455620549048735 51.82058928620542)</t>
  </si>
  <si>
    <t>POINT (4.634474706513555 51.82024762841085)</t>
  </si>
  <si>
    <t>POINT (4.616796333865442 51.814504629289026)</t>
  </si>
  <si>
    <t>POINT (4.619365531270042 51.81561102592659)</t>
  </si>
  <si>
    <t>POINT (4.653158386862709 51.82431306129248)</t>
  </si>
  <si>
    <t>POINT (4.6514885634523395 51.82009490594284)</t>
  </si>
  <si>
    <t>POINT (4.61919470348819 51.81427351953857)</t>
  </si>
  <si>
    <t>POINT (4.613755390526793 51.819927161567605)</t>
  </si>
  <si>
    <t>POINT (4.637958543666761 51.80841938775562)</t>
  </si>
  <si>
    <t>POINT (4.563763379135682 51.83541590902684)</t>
  </si>
  <si>
    <t>POINT (4.61725734691243 51.82146719509703)</t>
  </si>
  <si>
    <t>POINT (4.657437650589838 51.822130572065404)</t>
  </si>
  <si>
    <t>POINT (4.637608865132301 51.82024553065753)</t>
  </si>
  <si>
    <t>POINT (4.628773882748118 51.813856522822014)</t>
  </si>
  <si>
    <t>POINT (4.637397487302119 51.82508585891726)</t>
  </si>
  <si>
    <t>POINT (4.639374705399685 51.81442628642278)</t>
  </si>
  <si>
    <t>POINT (4.6427661652301895 51.8102007068327)</t>
  </si>
  <si>
    <t>POINT (4.637410543615217 51.8092038375539)</t>
  </si>
  <si>
    <t>POINT (4.616156050442081 51.822356022980614)</t>
  </si>
  <si>
    <t>POINT (4.627171950777674 51.80869517628439)</t>
  </si>
  <si>
    <t>POINT (4.638329791487122 51.817955579549015)</t>
  </si>
  <si>
    <t>POINT (4.603893223080304 51.81965211805395)</t>
  </si>
  <si>
    <t>POINT (4.612749141339315 51.813571908846384)</t>
  </si>
  <si>
    <t>POINT (4.63227518980686 51.825348204530805)</t>
  </si>
  <si>
    <t>POINT (4.649865482040239 51.81659096162196)</t>
  </si>
  <si>
    <t>POINT (4.643010149006072 51.82531031496057)</t>
  </si>
  <si>
    <t>POINT (4.564144979430519 51.836723014078736)</t>
  </si>
  <si>
    <t>POINT (4.6308278679881205 51.807299732408836)</t>
  </si>
  <si>
    <t>POINT (4.658093518388095 51.83004820236084)</t>
  </si>
  <si>
    <t>POINT (4.657223286739894 51.824077291645445)</t>
  </si>
  <si>
    <t>POINT (4.652447414449922 51.821571110439244)</t>
  </si>
  <si>
    <t>POINT (4.613889521337351 51.81825351923432)</t>
  </si>
  <si>
    <t>POINT (4.632510226234154 51.80901352132552)</t>
  </si>
  <si>
    <t>POINT (4.639080573530313 51.82556357909967)</t>
  </si>
  <si>
    <t>POINT (4.619474201654637 51.81442389591376)</t>
  </si>
  <si>
    <t>POINT (4.639229077235805 51.81487520679757)</t>
  </si>
  <si>
    <t>POINT (4.611882950224167 51.81850151944656)</t>
  </si>
  <si>
    <t>POINT (4.634828853318993 51.81723970069113)</t>
  </si>
  <si>
    <t>POINT (4.653586757905855 51.81582702651921)</t>
  </si>
  <si>
    <t>POINT (4.6154297146584025 51.81340493119316)</t>
  </si>
  <si>
    <t>POINT (4.639848533907448 51.82402791810264)</t>
  </si>
  <si>
    <t>POINT (4.641508480614288 51.809279172591495)</t>
  </si>
  <si>
    <t>POINT (4.628387584634167 51.80695908881328)</t>
  </si>
  <si>
    <t>POINT (4.567984047450714 51.83538769587333)</t>
  </si>
  <si>
    <t>POINT (4.652231573702873 51.82427047970337)</t>
  </si>
  <si>
    <t>POINT (4.622297833233682 51.81306902926014)</t>
  </si>
  <si>
    <t>POINT (4.648256148022577 51.82405475196893)</t>
  </si>
  <si>
    <t>POINT (4.626792016555408 51.81542247478636)</t>
  </si>
  <si>
    <t>POINT (4.656499998070452 51.824851866395896)</t>
  </si>
  <si>
    <t>POINT (4.621911029889767 51.812378070530066)</t>
  </si>
  <si>
    <t>POINT (4.626187315127938 51.81296482545453)</t>
  </si>
  <si>
    <t>POINT (4.605178543522533 51.81633663146527)</t>
  </si>
  <si>
    <t>POINT (4.64865693974928 51.82627027867203)</t>
  </si>
  <si>
    <t>POINT (4.638383956044849 51.81078508123276)</t>
  </si>
  <si>
    <t>POINT (4.612368670241732 51.81566726661042)</t>
  </si>
  <si>
    <t>POINT (4.644283652519208 51.816690239251955)</t>
  </si>
  <si>
    <t>POINT (4.622170508913248 51.81264233184905)</t>
  </si>
  <si>
    <t>POINT (4.660291267236924 51.82931401177187)</t>
  </si>
  <si>
    <t>POINT (4.610917798352615 51.8213948014185)</t>
  </si>
  <si>
    <t>POINT (4.611642181386494 51.81598884827384)</t>
  </si>
  <si>
    <t>POINT (4.634290284427319 51.8086939379578)</t>
  </si>
  <si>
    <t>POINT (4.6284469016087435 51.80927642186268)</t>
  </si>
  <si>
    <t>POINT (4.628567974227916 51.814939212277)</t>
  </si>
  <si>
    <t>POINT (4.635604584768428 51.81801467922876)</t>
  </si>
  <si>
    <t>POINT (4.6598941583084965 51.827932546613475)</t>
  </si>
  <si>
    <t>POINT (4.652634162951372 51.81775829143)</t>
  </si>
  <si>
    <t>POINT (4.567472232039513 51.838281482233725)</t>
  </si>
  <si>
    <t>POINT (4.644400496789872 51.81594699369109)</t>
  </si>
  <si>
    <t>POINT (4.604024579113938 51.81558056141206)</t>
  </si>
  <si>
    <t>POINT (4.6179355773807105 51.8210380180345)</t>
  </si>
  <si>
    <t>POINT (4.6096265990903795 51.82061603756614)</t>
  </si>
  <si>
    <t>POINT (4.661696038587023 51.82466327431081)</t>
  </si>
  <si>
    <t>POINT (4.621820578479621 51.80453367027249)</t>
  </si>
  <si>
    <t>POINT (4.635040632412664 51.809953744606744)</t>
  </si>
  <si>
    <t>POINT (4.634015808164934 51.810728290016364)</t>
  </si>
  <si>
    <t>POINT (4.634078863816318 51.812765580757016)</t>
  </si>
  <si>
    <t>POINT (4.61473244561764 51.82142176821832)</t>
  </si>
  <si>
    <t>POINT (4.606744999727283 51.81490433260311)</t>
  </si>
  <si>
    <t>POINT (4.610238077532444 51.819418070632416)</t>
  </si>
  <si>
    <t>POINT (4.614635736849202 51.82243923836268)</t>
  </si>
  <si>
    <t>POINT (4.61545361506682 51.81758562526656)</t>
  </si>
  <si>
    <t>POINT (4.657951676326773 51.81848364486787)</t>
  </si>
  <si>
    <t>POINT (4.640957659011899 51.80993756314979)</t>
  </si>
  <si>
    <t>POINT (4.652883651745623 51.81608276178458)</t>
  </si>
  <si>
    <t>POINT (4.654959020853498 51.81810418762395)</t>
  </si>
  <si>
    <t>POINT (4.635218540705646 51.80738825767299)</t>
  </si>
  <si>
    <t>POINT (4.638260305540002 51.82542776930636)</t>
  </si>
  <si>
    <t>POINT (4.636426769695042 51.815916828726884)</t>
  </si>
  <si>
    <t>POINT (4.611161312229009 51.81370691081593)</t>
  </si>
  <si>
    <t>POINT (4.634189034546571 51.80900081002057)</t>
  </si>
  <si>
    <t>POINT (4.566269007665346 51.83761028039274)</t>
  </si>
  <si>
    <t>POINT (4.6418698955692435 51.82599936137845)</t>
  </si>
  <si>
    <t>POINT (4.595771297876246 51.81473074018299)</t>
  </si>
  <si>
    <t>POINT (4.569658553511405 51.83809538058802)</t>
  </si>
  <si>
    <t>POINT (4.608879204264768 51.821991319367264)</t>
  </si>
  <si>
    <t>POINT (4.629578769887436 51.81130256411762)</t>
  </si>
  <si>
    <t>POINT (4.629208314073257 51.81456817927445)</t>
  </si>
  <si>
    <t>POINT (4.60381489126014 51.81313299527959)</t>
  </si>
  <si>
    <t>POINT (4.64972675499849 51.8223757202435)</t>
  </si>
  <si>
    <t>POINT (4.606995969788088 51.82006364237555)</t>
  </si>
  <si>
    <t>POINT (4.630959274604341 51.81308248734723)</t>
  </si>
  <si>
    <t>POINT (4.656399751132942 51.81774049708454)</t>
  </si>
  <si>
    <t>POINT (4.615368712645499 51.812919885028016)</t>
  </si>
  <si>
    <t>POINT (4.6440524669782555 51.81578871964803)</t>
  </si>
  <si>
    <t>POINT (4.628790900940828 51.812823344589546)</t>
  </si>
  <si>
    <t>POINT (4.6270087369281665 51.8128661590581)</t>
  </si>
  <si>
    <t>POINT (4.637086648881354 51.81478505635752)</t>
  </si>
  <si>
    <t>POINT (4.61855034468717 51.815706650723314)</t>
  </si>
  <si>
    <t>POINT (4.6407982888774155 51.81321997843403)</t>
  </si>
  <si>
    <t>POINT (4.561065801874974 51.835919507483375)</t>
  </si>
  <si>
    <t>POINT (4.644067729320916 51.82671756935083)</t>
  </si>
  <si>
    <t>POINT (4.601257496000276 51.81501126870529)</t>
  </si>
  <si>
    <t>POINT (4.633992089254767 51.812766129440995)</t>
  </si>
  <si>
    <t>POINT (4.612556433092896 51.81916005788705)</t>
  </si>
  <si>
    <t>POINT (4.661323276417066 51.821138533862346)</t>
  </si>
  <si>
    <t>POINT (4.568733356285773 51.83584765414747)</t>
  </si>
  <si>
    <t>POINT (4.622519403669096 51.812275151613676)</t>
  </si>
  <si>
    <t>POINT (4.641729525172129 51.81644501096904)</t>
  </si>
  <si>
    <t>POINT (4.659219889731052 51.828838091842876)</t>
  </si>
  <si>
    <t>POINT (4.598035627057221 51.815610705534986)</t>
  </si>
  <si>
    <t>POINT (4.639088497196053 51.81804178405411)</t>
  </si>
  <si>
    <t>POINT (4.65773794556592 51.82019297902023)</t>
  </si>
  <si>
    <t>POINT (4.640464810310905 51.819330485430356)</t>
  </si>
  <si>
    <t>POINT (4.602433888503276 51.82164089543582)</t>
  </si>
  <si>
    <t>POINT (4.608056476886483 51.81609355472739)</t>
  </si>
  <si>
    <t>POINT (4.6585234938446 51.82318649455156)</t>
  </si>
  <si>
    <t>POINT (4.6465677910450065 51.814414789054275)</t>
  </si>
  <si>
    <t>POINT (4.655500750992501 51.82399127680938)</t>
  </si>
  <si>
    <t>POINT (4.60595230271943 51.82259445871776)</t>
  </si>
  <si>
    <t>POINT (4.627681893323775 51.81424081088172)</t>
  </si>
  <si>
    <t>POINT (4.6251792679039765 51.81330853819418)</t>
  </si>
  <si>
    <t>POINT (4.656940067167689 51.82102254406834)</t>
  </si>
  <si>
    <t>POINT (4.6585626383664085 51.819427313783684)</t>
  </si>
  <si>
    <t>POINT (4.635057932051652 51.8098694335429)</t>
  </si>
  <si>
    <t>POINT (4.60423958523617 51.81403575454834)</t>
  </si>
  <si>
    <t>POINT (4.602097272599195 51.81996719041365)</t>
  </si>
  <si>
    <t>POINT (4.653360009211472 51.822146837124286)</t>
  </si>
  <si>
    <t>POINT (4.62742775207997 51.81528805836348)</t>
  </si>
  <si>
    <t>POINT (4.612682758066754 51.81320001167702)</t>
  </si>
  <si>
    <t>POINT (4.635601270444436 51.82354559168522)</t>
  </si>
  <si>
    <t>POINT (4.6136886786389 51.82001121584202)</t>
  </si>
  <si>
    <t>POINT (4.651871058526225 51.82735766581625)</t>
  </si>
  <si>
    <t>POINT (4.615431289120995 51.818267847956776)</t>
  </si>
  <si>
    <t>POINT (4.619159246597404 51.81416360714884)</t>
  </si>
  <si>
    <t>POINT (4.634922733188759 51.80996884491872)</t>
  </si>
  <si>
    <t>POINT (4.656042832242906 51.82027912230081)</t>
  </si>
  <si>
    <t>POINT (4.635799001688839 51.81908952532838)</t>
  </si>
  <si>
    <t>POINT (4.660109118023854 51.828583669093454)</t>
  </si>
  <si>
    <t>POINT (4.647851033556478 51.816731428298915)</t>
  </si>
  <si>
    <t>POINT (4.598567038994277 51.8152744317743)</t>
  </si>
  <si>
    <t>POINT (4.602108791210881 51.819268402852956)</t>
  </si>
  <si>
    <t>POINT (4.638918242945866 51.82540326476183)</t>
  </si>
  <si>
    <t>POINT (4.651230275702607 51.81681308161171)</t>
  </si>
  <si>
    <t>POINT (4.657954726788001 51.821728747238325)</t>
  </si>
  <si>
    <t>POINT (4.617900639072274 51.82161824407507)</t>
  </si>
  <si>
    <t>POINT (4.6519575476355834 51.82356088703929)</t>
  </si>
  <si>
    <t>POINT (4.633070360004716 51.811418690024176)</t>
  </si>
  <si>
    <t>POINT (4.628236105644925 51.81269277422502)</t>
  </si>
  <si>
    <t>POINT (4.621305106092748 51.811487218556614)</t>
  </si>
  <si>
    <t>POINT (4.641794745385373 51.82204257626562)</t>
  </si>
  <si>
    <t>POINT (4.614809857134446 51.820650713379486)</t>
  </si>
  <si>
    <t>POINT (4.645395674186916 51.81431052367519)</t>
  </si>
  <si>
    <t>POINT (4.657234978518605 51.82647031982572)</t>
  </si>
  <si>
    <t>POINT (4.653207073034223 51.81563448779278)</t>
  </si>
  <si>
    <t>POINT (4.559743262265158 51.83342117115639)</t>
  </si>
  <si>
    <t>POINT (4.611215962685616 51.819041468125846)</t>
  </si>
  <si>
    <t>POINT (4.651114585893639 51.814098536158056)</t>
  </si>
  <si>
    <t>POINT (4.642197147632324 51.82278551157171)</t>
  </si>
  <si>
    <t>POINT (4.641996802701226 51.817919002698495)</t>
  </si>
  <si>
    <t>POINT (4.627621082982084 51.808119175147446)</t>
  </si>
  <si>
    <t>POINT (4.5977137163951864 51.816661759516826)</t>
  </si>
  <si>
    <t>POINT (4.655919300927263 51.8195440854038)</t>
  </si>
  <si>
    <t>POINT (4.60757623350411 51.813473054428385)</t>
  </si>
  <si>
    <t>POINT (4.615431378747642 51.820389715880566)</t>
  </si>
  <si>
    <t>POINT (4.605813806931934 51.81961172563641)</t>
  </si>
  <si>
    <t>POINT (4.6090257429843 51.82194709577839)</t>
  </si>
  <si>
    <t>POINT (4.642876920720462 51.81531235643654)</t>
  </si>
  <si>
    <t>POINT (4.612646868916117 51.820087517477454)</t>
  </si>
  <si>
    <t>POINT (4.646924527047918 51.824874703883744)</t>
  </si>
  <si>
    <t>POINT (4.635073282802871 51.80926736035489)</t>
  </si>
  <si>
    <t>POINT (4.632306552297185 51.81829861515171)</t>
  </si>
  <si>
    <t>POINT (4.637778664729822 51.819542593431315)</t>
  </si>
  <si>
    <t>POINT (4.63886569696752 51.82549442561869)</t>
  </si>
  <si>
    <t>POINT (4.561306333373026 51.83413193533285)</t>
  </si>
  <si>
    <t>POINT (4.627137161253155 51.81344368870769)</t>
  </si>
  <si>
    <t>POINT (4.60998487706853 51.81918261544843)</t>
  </si>
  <si>
    <t>POINT (4.6327481480404655 51.820099365703335)</t>
  </si>
  <si>
    <t>POINT (4.659123472179095 51.82385305162809)</t>
  </si>
  <si>
    <t>POINT (4.617630111186811 51.81391869614409)</t>
  </si>
  <si>
    <t>POINT (4.657462067769634 51.82094496463829)</t>
  </si>
  <si>
    <t>POINT (4.6322300482461625 51.80697450813623)</t>
  </si>
  <si>
    <t>POINT (4.655182147159923 51.823385970242846)</t>
  </si>
  <si>
    <t>POINT (4.60676831616506 51.81649289476055)</t>
  </si>
  <si>
    <t>POINT (4.635973061680027 51.81114726060805)</t>
  </si>
  <si>
    <t>POINT (4.642882780743321 51.82041037585695)</t>
  </si>
  <si>
    <t>POINT (4.6588765303745925 51.830480078876434)</t>
  </si>
  <si>
    <t>POINT (4.620319187699255 51.812308137289826)</t>
  </si>
  <si>
    <t>POINT (4.596155729447612 51.813564858983746)</t>
  </si>
  <si>
    <t>POINT (4.566967961646082 51.83881669116765)</t>
  </si>
  <si>
    <t>POINT (4.640809822296491 51.81965438543965)</t>
  </si>
  <si>
    <t>POINT (4.626804167159443 51.80952508581346)</t>
  </si>
  <si>
    <t>POINT (4.611763771541035 51.81975187194203)</t>
  </si>
  <si>
    <t>POINT (4.640903930374175 51.813944878809075)</t>
  </si>
  <si>
    <t>POINT (4.634556617869105 51.81010474359445)</t>
  </si>
  <si>
    <t>POINT (4.599982587760343 51.816415635541645)</t>
  </si>
  <si>
    <t>POINT (4.598502366402193 51.815176037900734)</t>
  </si>
  <si>
    <t>POINT (4.6299132680038735 51.808880449405436)</t>
  </si>
  <si>
    <t>POINT (4.643338904391839 51.8227383897728)</t>
  </si>
  <si>
    <t>POINT (4.631388001234566 51.80978830738403)</t>
  </si>
  <si>
    <t>POINT (4.638688629665626 51.81478909187588)</t>
  </si>
  <si>
    <t>POINT (4.629878231620039 51.81312903460021)</t>
  </si>
  <si>
    <t>POINT (4.6218663360441115 51.81243952255292)</t>
  </si>
  <si>
    <t>POINT (4.607920640192051 51.81891333265761)</t>
  </si>
  <si>
    <t>POINT (4.612054598407317 51.814341126557544)</t>
  </si>
  <si>
    <t>POINT (4.644988925554126 51.82075658306879)</t>
  </si>
  <si>
    <t>POINT (4.655111312364465 51.81755835614755)</t>
  </si>
  <si>
    <t>POINT (4.56845337252079 51.836177044715505)</t>
  </si>
  <si>
    <t>POINT (4.615654029425573 51.81783366533973)</t>
  </si>
  <si>
    <t>POINT (4.562740408167234 51.83744572275613)</t>
  </si>
  <si>
    <t>POINT (4.6141990551274255 51.821997192511645)</t>
  </si>
  <si>
    <t>POINT (4.602418133016141 51.81947596311655)</t>
  </si>
  <si>
    <t>POINT (4.632979544398112 51.809611654374564)</t>
  </si>
  <si>
    <t>POINT (4.6027902166358 51.81508480439371)</t>
  </si>
  <si>
    <t>POINT (4.570738078832007 51.83661701912111)</t>
  </si>
  <si>
    <t>POINT (4.64263790914966 51.816161809070145)</t>
  </si>
  <si>
    <t>POINT (4.646908865027727 51.823774084723894)</t>
  </si>
  <si>
    <t>POINT (4.617271724370582 51.8186623163791)</t>
  </si>
  <si>
    <t>POINT (4.637989515975464 51.808376682411506)</t>
  </si>
  <si>
    <t>POINT (4.639725622139234 51.825939308056036)</t>
  </si>
  <si>
    <t>POINT (4.650255278660978 51.818200632194795)</t>
  </si>
  <si>
    <t>POINT (4.621786461268246 51.81470471544223)</t>
  </si>
  <si>
    <t>POINT (4.603871842635482 51.81297516475762)</t>
  </si>
  <si>
    <t>POINT (4.6207270503182425 51.811530320489126)</t>
  </si>
  <si>
    <t>POINT (4.634325103665376 51.80864511896009)</t>
  </si>
  <si>
    <t>POINT (4.6207142524521885 51.81382616230989)</t>
  </si>
  <si>
    <t>POINT (4.657908886434855 51.82328439308253)</t>
  </si>
  <si>
    <t>POINT (4.64794649980137 51.82385117695602)</t>
  </si>
  <si>
    <t>POINT (4.633371051154887 51.812804586363235)</t>
  </si>
  <si>
    <t>POINT (4.621902804810227 51.81235002602342)</t>
  </si>
  <si>
    <t>POINT (4.6352875390071 51.80977220900352)</t>
  </si>
  <si>
    <t>POINT (4.656704893432455 51.82124335258928)</t>
  </si>
  <si>
    <t>POINT (4.612589140413768 51.81316661187695)</t>
  </si>
  <si>
    <t>POINT (4.651847079617607 51.82267595159744)</t>
  </si>
  <si>
    <t>POINT (4.638104522503001 51.823761009099044)</t>
  </si>
  <si>
    <t>POINT (4.631669709921928 51.81683511119987)</t>
  </si>
  <si>
    <t>POINT (4.636943116466662 51.81475280421357)</t>
  </si>
  <si>
    <t>POINT (4.626055373487091 51.813375526958474)</t>
  </si>
  <si>
    <t>POINT (4.59767857288269 51.816707419573035)</t>
  </si>
  <si>
    <t>POINT (4.652521775441889 51.821548286265234)</t>
  </si>
  <si>
    <t>POINT (4.645579208029806 51.820609025890214)</t>
  </si>
  <si>
    <t>POINT (4.636894014299712 51.81652495421573)</t>
  </si>
  <si>
    <t>POINT (4.5624140487116644 51.83272439990324)</t>
  </si>
  <si>
    <t>POINT (4.632900972046209 51.82005479327768)</t>
  </si>
  <si>
    <t>POINT (4.645028826891377 51.81457613025021)</t>
  </si>
  <si>
    <t>POINT (4.654448991014795 51.823512441321476)</t>
  </si>
  <si>
    <t>POINT (4.620572339085903 51.82004360967098)</t>
  </si>
  <si>
    <t>POINT (4.606461354093833 51.8217701376724)</t>
  </si>
  <si>
    <t>POINT (4.643638358655265 51.82169329390516)</t>
  </si>
  <si>
    <t>POINT (4.658215928295985 51.825070390316654)</t>
  </si>
  <si>
    <t>POINT (4.652785064635536 51.824504701614664)</t>
  </si>
  <si>
    <t>POINT (4.636280696031013 51.82022127409725)</t>
  </si>
  <si>
    <t>POINT (4.640358588975356 51.82573345142495)</t>
  </si>
  <si>
    <t>POINT (4.655625937448225 51.81931011545993)</t>
  </si>
  <si>
    <t>POINT (4.6335619033380615 51.8083788639919)</t>
  </si>
  <si>
    <t>POINT (4.628770785875846 51.812810459607554)</t>
  </si>
  <si>
    <t>POINT (4.600424874213798 51.81525829087968)</t>
  </si>
  <si>
    <t>POINT (4.646163086779104 51.81952913658326)</t>
  </si>
  <si>
    <t>POINT (4.654128308486905 51.81618668610752)</t>
  </si>
  <si>
    <t>POINT (4.661207935719348 51.82634978446458)</t>
  </si>
  <si>
    <t>POINT (4.614896746135242 51.81947450048225)</t>
  </si>
  <si>
    <t>POINT (4.627236121356928 51.80969114614925)</t>
  </si>
  <si>
    <t>POINT (4.629307480035271 51.81222448331282)</t>
  </si>
  <si>
    <t>POINT (4.616435412398853 51.813830882798975)</t>
  </si>
  <si>
    <t>POINT (4.655604463741052 51.826061889185446)</t>
  </si>
  <si>
    <t>POINT (4.620529138064279 51.81155300953155)</t>
  </si>
  <si>
    <t>POINT (4.632424158071263 51.81099585036294)</t>
  </si>
  <si>
    <t>POINT (4.626772227593178 51.81543493075482)</t>
  </si>
  <si>
    <t>POINT (4.641172133522887 51.80962183239252)</t>
  </si>
  <si>
    <t>POINT (4.613818756559392 51.815741155107204)</t>
  </si>
  <si>
    <t>POINT (4.649869544491928 51.81749530308055)</t>
  </si>
  <si>
    <t>POINT (4.637364905087881 51.817764745868324)</t>
  </si>
  <si>
    <t>POINT (4.627899528136605 51.812270922936456)</t>
  </si>
  <si>
    <t>POINT (4.6569373107578125 51.81840033151845)</t>
  </si>
  <si>
    <t>POINT (4.628811302180257 51.80582913286585)</t>
  </si>
  <si>
    <t>POINT (4.602430887772903 51.81536435159131)</t>
  </si>
  <si>
    <t>POINT (4.6533810801729505 51.81736729116501)</t>
  </si>
  <si>
    <t>POINT (4.614406599542019 51.81455539726534)</t>
  </si>
  <si>
    <t>POINT (4.6282159105304155 51.806040329257335)</t>
  </si>
  <si>
    <t>POINT (4.569782197460376 51.838627853556716)</t>
  </si>
  <si>
    <t>POINT (4.62085832207759 51.81468423127448)</t>
  </si>
  <si>
    <t>POINT (4.637757987882609 51.81825026435955)</t>
  </si>
  <si>
    <t>POINT (4.650517623367104 51.81399206750948)</t>
  </si>
  <si>
    <t>POINT (4.642582070015102 51.820711818714884)</t>
  </si>
  <si>
    <t>POINT (4.653866377404544 51.81863430427287)</t>
  </si>
  <si>
    <t>POINT (4.637716480848792 51.80869620421021)</t>
  </si>
  <si>
    <t>POINT (4.595481582276241 51.812280351885875)</t>
  </si>
  <si>
    <t>POINT (4.633633309041794 51.825441551432995)</t>
  </si>
  <si>
    <t>POINT (4.633709867575296 51.81268881253698)</t>
  </si>
  <si>
    <t>POINT (4.6457194121237455 51.8142100445604)</t>
  </si>
  <si>
    <t>POINT (4.568481285545462 51.83435041221368)</t>
  </si>
  <si>
    <t>POINT (4.631296422606225 51.810701105408214)</t>
  </si>
  <si>
    <t>POINT (4.611594943704571 51.824874099976256)</t>
  </si>
  <si>
    <t>POINT (4.642099467812892 51.820519229326294)</t>
  </si>
  <si>
    <t>POINT (4.6595188214759995 51.82367328501539)</t>
  </si>
  <si>
    <t>POINT (4.632880380377135 51.81011302745469)</t>
  </si>
  <si>
    <t>POINT (4.640685906895705 51.819956893792614)</t>
  </si>
  <si>
    <t>POINT (4.621879423115404 51.81237934754134)</t>
  </si>
  <si>
    <t>POINT (4.634898634352608 51.822097316969355)</t>
  </si>
  <si>
    <t>POINT (4.638906644575628 51.82549286197572)</t>
  </si>
  <si>
    <t>POINT (4.629103167126704 51.81266499469565)</t>
  </si>
  <si>
    <t>POINT (4.647307450755965 51.82567182566746)</t>
  </si>
  <si>
    <t>POINT (4.641856593559739 51.80989289467982)</t>
  </si>
  <si>
    <t>POINT (4.6368252855215655 51.81460538220035)</t>
  </si>
  <si>
    <t>POINT (4.6277069232845465 51.80903099786117)</t>
  </si>
  <si>
    <t>POINT (4.570963481603358 51.82842515807807)</t>
  </si>
  <si>
    <t>POINT (4.633519105240402 51.81926790267696)</t>
  </si>
  <si>
    <t>POINT (4.645623316817739 51.81978909578864)</t>
  </si>
  <si>
    <t>POINT (4.637634105398093 51.82396964454276)</t>
  </si>
  <si>
    <t>POINT (4.627323372757287 51.807885158939975)</t>
  </si>
  <si>
    <t>POINT (4.64090153394433 51.810820139526854)</t>
  </si>
  <si>
    <t>POINT (4.643959250571154 51.81586561187203)</t>
  </si>
  <si>
    <t>POINT (4.639611384535667 51.809469374540036)</t>
  </si>
  <si>
    <t>POINT (4.633567487986666 51.810116480515624)</t>
  </si>
  <si>
    <t>POINT (4.616886077039701 51.8190155501133)</t>
  </si>
  <si>
    <t>POINT (4.620028461867269 51.813774382408255)</t>
  </si>
  <si>
    <t>POINT (4.612537186671676 51.8162163046639)</t>
  </si>
  <si>
    <t>POINT (4.595705177223343 51.815261214105426)</t>
  </si>
  <si>
    <t>POINT (4.61483011456127 51.81450654523599)</t>
  </si>
  <si>
    <t>POINT (4.606603806765418 51.81439226740917)</t>
  </si>
  <si>
    <t>POINT (4.611765616670231 51.8160967825597)</t>
  </si>
  <si>
    <t>POINT (4.652457387626561 51.824252424026746)</t>
  </si>
  <si>
    <t>POINT (4.618788303940892 51.81807651990843)</t>
  </si>
  <si>
    <t>POINT (4.604947211311449 51.81693458397226)</t>
  </si>
  <si>
    <t>POINT (4.652469512519818 51.82778231705561)</t>
  </si>
  <si>
    <t>POINT (4.5704865342654735 51.83518129559168)</t>
  </si>
  <si>
    <t>POINT (4.644101912440287 51.81535730574976)</t>
  </si>
  <si>
    <t>POINT (4.654571613273494 51.81843971735969)</t>
  </si>
  <si>
    <t>POINT (4.626365534623129 51.827414354046525)</t>
  </si>
  <si>
    <t>POINT (4.6318996918567015 51.80737617315578)</t>
  </si>
  <si>
    <t>POINT (4.6021575070736445 51.81393200217286)</t>
  </si>
  <si>
    <t>POINT (4.592599191631396 51.81197891067718)</t>
  </si>
  <si>
    <t>POINT (4.644467070447091 51.82487047765068)</t>
  </si>
  <si>
    <t>POINT (4.626763970428568 51.81407077747574)</t>
  </si>
  <si>
    <t>POINT (4.63460968545906 51.8053511973219)</t>
  </si>
  <si>
    <t>POINT (4.642762612246639 51.8162492871483)</t>
  </si>
  <si>
    <t>POINT (4.60765581954767 51.82027234074319)</t>
  </si>
  <si>
    <t>POINT (4.599011420050824 51.8134653508958)</t>
  </si>
  <si>
    <t>POINT (4.654918245735108 51.82883659291511)</t>
  </si>
  <si>
    <t>POINT (4.657240406134262 51.82718397316368)</t>
  </si>
  <si>
    <t>POINT (4.641381801063766 51.82579093240942)</t>
  </si>
  <si>
    <t>POINT (4.619250440466837 51.815117834984406)</t>
  </si>
  <si>
    <t>POINT (4.644988470417266 51.82453570250916)</t>
  </si>
  <si>
    <t>POINT (4.611417172898739 51.81457770440607)</t>
  </si>
  <si>
    <t>POINT (4.59799075590595 51.81453619581848)</t>
  </si>
  <si>
    <t>POINT (4.5741308659875335 51.82734849200358)</t>
  </si>
  <si>
    <t>POINT (4.600833600392301 51.81619071711475)</t>
  </si>
  <si>
    <t>POINT (4.613644761815014 51.814324778950926)</t>
  </si>
  <si>
    <t>3332CS</t>
  </si>
  <si>
    <t>van Karnebeekpad</t>
  </si>
  <si>
    <t>POINT (4.6580204671598295 51.822790924978236)</t>
  </si>
  <si>
    <t>POINT (4.654614498445873 51.828495519061335)</t>
  </si>
  <si>
    <t>POINT (4.655754344498346 51.82071414757252)</t>
  </si>
  <si>
    <t>POINT (4.63984546349255 51.822753967487635)</t>
  </si>
  <si>
    <t>POINT (4.658272951714441 51.82599682032792)</t>
  </si>
  <si>
    <t>POINT (4.6517328026215745 51.827792786303796)</t>
  </si>
  <si>
    <t>POINT (4.619416414540849 51.83037630140103)</t>
  </si>
  <si>
    <t>POINT (4.629203145556204 51.814195033571124)</t>
  </si>
  <si>
    <t>POINT (4.662869493935183 51.823511837370845)</t>
  </si>
  <si>
    <t>POINT (4.570875340141653 51.828066981689)</t>
  </si>
  <si>
    <t>POINT (4.640104997267187 51.81994190756846)</t>
  </si>
  <si>
    <t>POINT (4.6444391994540375 51.821572756862004)</t>
  </si>
  <si>
    <t>POINT (4.613041375697962 51.82246208083284)</t>
  </si>
  <si>
    <t>POINT (4.630311947100484 51.81182980914989)</t>
  </si>
  <si>
    <t>POINT (4.647800946546337 51.81431173456476)</t>
  </si>
  <si>
    <t>POINT (4.638287001388228 51.822783341056635)</t>
  </si>
  <si>
    <t>POINT (4.6413734413797165 51.82293974851132)</t>
  </si>
  <si>
    <t>POINT (4.654597070393364 51.817126782491194)</t>
  </si>
  <si>
    <t>POINT (4.609895646931479 51.81850476027004)</t>
  </si>
  <si>
    <t>POINT (4.568816506123724 51.83377907911786)</t>
  </si>
  <si>
    <t>POINT (4.643508238424224 51.826246731083955)</t>
  </si>
  <si>
    <t>POINT (4.647008296007676 51.81848015102743)</t>
  </si>
  <si>
    <t>POINT (4.6354694648142365 51.80771807025071)</t>
  </si>
  <si>
    <t>POINT (4.650198936032125 51.82523394951086)</t>
  </si>
  <si>
    <t>POINT (4.660750428030062 51.828301269899455)</t>
  </si>
  <si>
    <t>POINT (4.612654411943755 51.81856391652864)</t>
  </si>
  <si>
    <t>POINT (4.619458408075947 51.81847911451328)</t>
  </si>
  <si>
    <t>POINT (4.599039972295127 51.813858701041326)</t>
  </si>
  <si>
    <t>POINT (4.658041402532861 51.81900064691687)</t>
  </si>
  <si>
    <t>POINT (4.619964539004699 51.81933692737056)</t>
  </si>
  <si>
    <t>POINT (4.639820963580161 51.8145460543177)</t>
  </si>
  <si>
    <t>POINT (4.628106369726305 51.81214936743723)</t>
  </si>
  <si>
    <t>POINT (4.6074306464808155 51.818722456410704)</t>
  </si>
  <si>
    <t>POINT (4.605199831639107 51.81432273157282)</t>
  </si>
  <si>
    <t>POINT (4.598391625215273 51.81638848524675)</t>
  </si>
  <si>
    <t>POINT (4.64024388372633 51.816871875894805)</t>
  </si>
  <si>
    <t>POINT (4.607622426157648 51.81693734726794)</t>
  </si>
  <si>
    <t>POINT (4.610603882257218 51.81849652318446)</t>
  </si>
  <si>
    <t>POINT (4.618614038838018 51.81283161276764)</t>
  </si>
  <si>
    <t>POINT (4.639037087691052 51.82553977852346)</t>
  </si>
  <si>
    <t>POINT (4.600860559646273 51.81972770271147)</t>
  </si>
  <si>
    <t>POINT (4.614718612582762 51.81767818235991)</t>
  </si>
  <si>
    <t>POINT (4.640683739374918 51.81897028102265)</t>
  </si>
  <si>
    <t>POINT (4.642631341787006 51.82174441940552)</t>
  </si>
  <si>
    <t>POINT (4.567665157468502 51.83308585244087)</t>
  </si>
  <si>
    <t>POINT (4.653917182302742 51.81842847526381)</t>
  </si>
  <si>
    <t>POINT (4.596627912930541 51.81395833203499)</t>
  </si>
  <si>
    <t>POINT (4.597315275390597 51.81628304363656)</t>
  </si>
  <si>
    <t>POINT (4.6119563938074375 51.81348896693606)</t>
  </si>
  <si>
    <t>POINT (4.628047325434776 51.82297774323462)</t>
  </si>
  <si>
    <t>POINT (4.64300094424604 51.81969289284003)</t>
  </si>
  <si>
    <t>POINT (4.56155716642418 51.8370810568247)</t>
  </si>
  <si>
    <t>POINT (4.607888433000999 51.81304632079023)</t>
  </si>
  <si>
    <t>POINT (4.628338094344682 51.81377252854314)</t>
  </si>
  <si>
    <t>POINT (4.6199222058505 51.83007920628453)</t>
  </si>
  <si>
    <t>POINT (4.653431789558875 51.81587897408334)</t>
  </si>
  <si>
    <t>POINT (4.637068483769261 51.82483014979353)</t>
  </si>
  <si>
    <t>POINT (4.641047235465617 51.8088131155945)</t>
  </si>
  <si>
    <t>POINT (4.630812005126419 51.810274130255266)</t>
  </si>
  <si>
    <t>POINT (4.65572356477838 51.818857829296334)</t>
  </si>
  <si>
    <t>POINT (4.596449777244805 51.81463479285781)</t>
  </si>
  <si>
    <t>POINT (4.661134947147905 51.82028317523753)</t>
  </si>
  <si>
    <t>POINT (4.564397442192269 51.832175057264905)</t>
  </si>
  <si>
    <t>POINT (4.642123541912088 51.826221059711436)</t>
  </si>
  <si>
    <t>POINT (4.6163463748024 51.81439958960958)</t>
  </si>
  <si>
    <t>POINT (4.6415461045666 51.809240940025035)</t>
  </si>
  <si>
    <t>POINT (4.65179179376368 51.814745500137526)</t>
  </si>
  <si>
    <t>POINT (4.6326613675438955 51.811061123781776)</t>
  </si>
  <si>
    <t>POINT (4.610782760441466 51.81465410168928)</t>
  </si>
  <si>
    <t>POINT (4.654482297029386 51.828703338941224)</t>
  </si>
  <si>
    <t>POINT (4.608397939115667 51.813532200275375)</t>
  </si>
  <si>
    <t>POINT (4.641303272849936 51.825677373706576)</t>
  </si>
  <si>
    <t>POINT (4.646521111591999 51.814934454400834)</t>
  </si>
  <si>
    <t>POINT (4.616077616258871 51.81914649183918)</t>
  </si>
  <si>
    <t>POINT (4.608909055307556 51.821389893335265)</t>
  </si>
  <si>
    <t>POINT (4.630779927228256 51.81299864431181)</t>
  </si>
  <si>
    <t>POINT (4.602280717948181 51.82097200880794)</t>
  </si>
  <si>
    <t>POINT (4.635503696355573 51.82408804568264)</t>
  </si>
  <si>
    <t>POINT (4.610840447521455 51.82177944734694)</t>
  </si>
  <si>
    <t>POINT (4.646857914594761 51.82395200894287)</t>
  </si>
  <si>
    <t>POINT (4.644168927630869 51.81574460348238)</t>
  </si>
  <si>
    <t>POINT (4.628281864337318 51.823525440420404)</t>
  </si>
  <si>
    <t>POINT (4.611184967012825 51.81372535929929)</t>
  </si>
  <si>
    <t>POINT (4.627653408738568 51.807014500226586)</t>
  </si>
  <si>
    <t>POINT (4.634918617911864 51.82433535132427)</t>
  </si>
  <si>
    <t>POINT (4.607388348416959 51.820709662927754)</t>
  </si>
  <si>
    <t>POINT (4.6459399198915285 51.826036649964756)</t>
  </si>
  <si>
    <t>POINT (4.635164772801576 51.80982266691553)</t>
  </si>
  <si>
    <t>POINT (4.616439542303671 51.820568600840296)</t>
  </si>
  <si>
    <t>POINT (4.6096735651976575 51.816093951699926)</t>
  </si>
  <si>
    <t>POINT (4.6132814020058 51.81438555596171)</t>
  </si>
  <si>
    <t>POINT (4.569001291924181 51.83425279765152)</t>
  </si>
  <si>
    <t>POINT (4.611919801698641 51.81349757010078)</t>
  </si>
  <si>
    <t>POINT (4.6138648395295325 51.831670087146726)</t>
  </si>
  <si>
    <t>POINT (4.621460185376186 51.81144628026379)</t>
  </si>
  <si>
    <t>POINT (4.619343362083652 51.8154293267769)</t>
  </si>
  <si>
    <t>POINT (4.622514073271305 51.81212002555154)</t>
  </si>
  <si>
    <t>POINT (4.616603368536001 51.820357489040674)</t>
  </si>
  <si>
    <t>POINT (4.652805830658899 51.82848957420201)</t>
  </si>
  <si>
    <t>POINT (4.65246850350377 51.81762034777838)</t>
  </si>
  <si>
    <t>POINT (4.614468793087673 51.81869317073728)</t>
  </si>
  <si>
    <t>POINT (4.65221373296872 51.82090187815144)</t>
  </si>
  <si>
    <t>POINT (4.631973701748847 51.81422401528774)</t>
  </si>
  <si>
    <t>POINT (4.6383247639272 51.823074590902834)</t>
  </si>
  <si>
    <t>POINT (4.641379551067118 51.82446917667966)</t>
  </si>
  <si>
    <t>POINT (4.635819158657529 51.81831795663971)</t>
  </si>
  <si>
    <t>POINT (4.641234824068355 51.82557624744015)</t>
  </si>
  <si>
    <t>POINT (4.618428922932797 51.817553117462204)</t>
  </si>
  <si>
    <t>POINT (4.613764790553759 51.81463128553827)</t>
  </si>
  <si>
    <t>POINT (4.65084650319243 51.81889257986177)</t>
  </si>
  <si>
    <t>POINT (4.645358998058106 51.814481463548)</t>
  </si>
  <si>
    <t>POINT (4.633121322428975 51.80946760461837)</t>
  </si>
  <si>
    <t>POINT (4.563341392692637 51.8337065510959)</t>
  </si>
  <si>
    <t>POINT (4.566234087897778 51.83272972279685)</t>
  </si>
  <si>
    <t>POINT (4.643444207784158 51.81714630292693)</t>
  </si>
  <si>
    <t>POINT (4.610246323195956 51.819023843964786)</t>
  </si>
  <si>
    <t>POINT (4.653222817822907 51.82214792980424)</t>
  </si>
  <si>
    <t>POINT (4.652307604365546 51.820652032305404)</t>
  </si>
  <si>
    <t>POINT (4.6429816603042235 51.816647653149836)</t>
  </si>
  <si>
    <t>POINT (4.6060424037548175 51.81695386994714)</t>
  </si>
  <si>
    <t>POINT (4.635551523231132 51.81681564231345)</t>
  </si>
  <si>
    <t>POINT (4.638153998931903 51.80967098265959)</t>
  </si>
  <si>
    <t>POINT (4.639999323701631 51.81361283273127)</t>
  </si>
  <si>
    <t>POINT (4.644784377962603 51.81462419265783)</t>
  </si>
  <si>
    <t>POINT (4.5684880775528764 51.83480782484265)</t>
  </si>
  <si>
    <t>POINT (4.615119936690215 51.82078781808459)</t>
  </si>
  <si>
    <t>POINT (4.640705112453116 51.8140555415544)</t>
  </si>
  <si>
    <t>POINT (4.562676481341313 51.835203417235476)</t>
  </si>
  <si>
    <t>POINT (4.622096278854923 51.822124462798676)</t>
  </si>
  <si>
    <t>POINT (4.660675042939333 51.82772761401981)</t>
  </si>
  <si>
    <t>POINT (4.606561774114284 51.818973649844224)</t>
  </si>
  <si>
    <t>POINT (4.630323362832568 51.8094877750244)</t>
  </si>
  <si>
    <t>POINT (4.6391765985411615 51.80907021982741)</t>
  </si>
  <si>
    <t>POINT (4.619365642894979 51.815503998009014)</t>
  </si>
  <si>
    <t>POINT (4.633455224535625 51.81929420684389)</t>
  </si>
  <si>
    <t>POINT (4.655129593483656 51.823423520746914)</t>
  </si>
  <si>
    <t>POINT (4.657679638072661 51.82234558443459)</t>
  </si>
  <si>
    <t>POINT (4.619741975099417 51.81420078563591)</t>
  </si>
  <si>
    <t>POINT (4.60896713345394 51.81382822689309)</t>
  </si>
  <si>
    <t>POINT (4.622232901770267 51.81285141164995)</t>
  </si>
  <si>
    <t>POINT (4.631046095178986 51.807765010495125)</t>
  </si>
  <si>
    <t>POINT (4.641339735516217 51.825828480511525)</t>
  </si>
  <si>
    <t>POINT (4.6543313194150855 51.816331386481444)</t>
  </si>
  <si>
    <t>POINT (4.59989831226153 51.81345253593006)</t>
  </si>
  <si>
    <t>POINT (4.629682984117699 51.820661370574335)</t>
  </si>
  <si>
    <t>POINT (4.5620942015539026 51.837735788756106)</t>
  </si>
  <si>
    <t>POINT (4.6342623264311085 51.82515731183284)</t>
  </si>
  <si>
    <t>POINT (4.633287398470534 51.80934550842836)</t>
  </si>
  <si>
    <t>POINT (4.569794086537113 51.83864756774363)</t>
  </si>
  <si>
    <t>POINT (4.640688589525544 51.809103893252754)</t>
  </si>
  <si>
    <t>POINT (4.6410865731725535 51.82553585379898)</t>
  </si>
  <si>
    <t>POINT (4.636537302716554 51.81832553648782)</t>
  </si>
  <si>
    <t>POINT (4.614311766803619 51.81485740502559)</t>
  </si>
  <si>
    <t>POINT (4.641391488343599 51.82573325064502)</t>
  </si>
  <si>
    <t>POINT (4.6448353157079705 51.814677629091165)</t>
  </si>
  <si>
    <t>POINT (4.656349848399552 51.81803724427355)</t>
  </si>
  <si>
    <t>POINT (4.605404640718235 51.8209130219152)</t>
  </si>
  <si>
    <t>POINT (4.634321771303956 51.80950383398839)</t>
  </si>
  <si>
    <t>POINT (4.6555012379544465 51.81758611795301)</t>
  </si>
  <si>
    <t>POINT (4.619319392756344 51.81545634283241)</t>
  </si>
  <si>
    <t>POINT (4.567342767377589 51.836264475248925)</t>
  </si>
  <si>
    <t>POINT (4.619238785696568 51.81979554873556)</t>
  </si>
  <si>
    <t>POINT (4.662709057500001 51.82344727928902)</t>
  </si>
  <si>
    <t>POINT (4.630925160474438 51.82243994861613)</t>
  </si>
  <si>
    <t>POINT (4.6390122390522155 51.82254877737542)</t>
  </si>
  <si>
    <t>POINT (4.6466715554101246 51.8140608129447)</t>
  </si>
  <si>
    <t>POINT (4.637944947989757 51.81037373336473)</t>
  </si>
  <si>
    <t>POINT (4.654380529170563 51.82173955444701)</t>
  </si>
  <si>
    <t>POINT (4.64865773024185 51.82581131269055)</t>
  </si>
  <si>
    <t>POINT (4.569280938596699 51.83517908587958)</t>
  </si>
  <si>
    <t>POINT (4.620550998747275 51.820364511056674)</t>
  </si>
  <si>
    <t>POINT (4.605667271701021 51.82037373980895)</t>
  </si>
  <si>
    <t>POINT (4.639420162282056 51.80968001091606)</t>
  </si>
  <si>
    <t>POINT (4.614533052052538 51.81908708391054)</t>
  </si>
  <si>
    <t>POINT (4.6570226802287875 51.826088760551535)</t>
  </si>
  <si>
    <t>POINT (4.5703149644159975 51.83457377521332)</t>
  </si>
  <si>
    <t>POINT (4.6189230628361075 51.812634167640404)</t>
  </si>
  <si>
    <t>POINT (4.652160985865352 51.82426178606376)</t>
  </si>
  <si>
    <t>POINT (4.56302004805909 51.83495275170358)</t>
  </si>
  <si>
    <t>POINT (4.655779809642271 51.82422095995403)</t>
  </si>
  <si>
    <t>POINT (4.660775014081073 51.8275293135522)</t>
  </si>
  <si>
    <t>POINT (4.657308430596951 51.827961233014015)</t>
  </si>
  <si>
    <t>POINT (4.615196929665193 51.81560401880716)</t>
  </si>
  <si>
    <t>POINT (4.6563089445945725 51.8173773101988)</t>
  </si>
  <si>
    <t>POINT (4.647138573570214 51.82376794688656)</t>
  </si>
  <si>
    <t>POINT (4.611235029377933 51.81613168427769)</t>
  </si>
  <si>
    <t>POINT (4.626414835231784 51.81384155859415)</t>
  </si>
  <si>
    <t>POINT (4.624925352457233 51.81480160424053)</t>
  </si>
  <si>
    <t>POINT (4.57072037528044 51.83549143383672)</t>
  </si>
  <si>
    <t>POINT (4.655131367447126 51.823376817659515)</t>
  </si>
  <si>
    <t>POINT (4.620810165811022 51.81476145345892)</t>
  </si>
  <si>
    <t>POINT (4.602543667975415 51.82113977988367)</t>
  </si>
  <si>
    <t>POINT (4.56151437751047 51.83411610452984)</t>
  </si>
  <si>
    <t>POINT (4.638790267789549 51.82538159506462)</t>
  </si>
  <si>
    <t>POINT (4.635821482233102 51.81657667160212)</t>
  </si>
  <si>
    <t>POINT (4.6364535502661415 51.82205142661467)</t>
  </si>
  <si>
    <t>POINT (4.6567984708675345 51.82111129805625)</t>
  </si>
  <si>
    <t>POINT (4.6397086658052915 51.82232885709211)</t>
  </si>
  <si>
    <t>POINT (4.645382595696629 51.81446988246935)</t>
  </si>
  <si>
    <t>POINT (4.5695433573953235 51.83499420886325)</t>
  </si>
  <si>
    <t>POINT (4.655113935368958 51.82112797545004)</t>
  </si>
  <si>
    <t>POINT (4.605357890546453 51.81357036726901)</t>
  </si>
  <si>
    <t>POINT (4.655957922152922 51.81772394736729)</t>
  </si>
  <si>
    <t>POINT (4.6293255725281215 51.81119218370559)</t>
  </si>
  <si>
    <t>POINT (4.649779457773319 51.82238511197603)</t>
  </si>
  <si>
    <t>POINT (4.646895830501627 51.823870864561535)</t>
  </si>
  <si>
    <t>POINT (4.6564150718419945 51.824457903397)</t>
  </si>
  <si>
    <t>POINT (4.645248224136186 51.814494021574085)</t>
  </si>
  <si>
    <t>POINT (4.637371953128664 51.8092572535485)</t>
  </si>
  <si>
    <t>POINT (4.620458961190941 51.81385467870169)</t>
  </si>
  <si>
    <t>POINT (4.637067992811587 51.82324296842654)</t>
  </si>
  <si>
    <t>POINT (4.6456932898483 51.8161341610414)</t>
  </si>
  <si>
    <t>POINT (4.643835926283538 51.815912560737715)</t>
  </si>
  <si>
    <t>POINT (4.630293368014672 51.809478682726194)</t>
  </si>
  <si>
    <t>POINT (4.639964387313486 51.824770006823634)</t>
  </si>
  <si>
    <t>POINT (4.566415844902388 51.83927345128982)</t>
  </si>
  <si>
    <t>POINT (4.645169623533626 51.81451938508241)</t>
  </si>
  <si>
    <t>POINT (4.646806524601021 51.8153132501802)</t>
  </si>
  <si>
    <t>POINT (4.595669736625331 51.81464643296357)</t>
  </si>
  <si>
    <t>POINT (4.634301202829808 51.80951896484859)</t>
  </si>
  <si>
    <t>POINT (4.613823064999257 51.831191990367344)</t>
  </si>
  <si>
    <t>POINT (4.657359538628882 51.83010916844321)</t>
  </si>
  <si>
    <t>POINT (4.636695272494095 51.81607223494006)</t>
  </si>
  <si>
    <t>POINT (4.654506664681378 51.816417774964584)</t>
  </si>
  <si>
    <t>POINT (4.6319592510191345 51.81105334418881)</t>
  </si>
  <si>
    <t>POINT (4.6428860923456785 51.819375385048914)</t>
  </si>
  <si>
    <t>POINT (4.652134345223416 51.815168874154836)</t>
  </si>
  <si>
    <t>POINT (4.6102431608571806 51.81924601522483)</t>
  </si>
  <si>
    <t>POINT (4.651841657067998 51.82036871186711)</t>
  </si>
  <si>
    <t>POINT (4.6509584241295 51.81820029932475)</t>
  </si>
  <si>
    <t>POINT (4.62679599795621 51.815478769908424)</t>
  </si>
  <si>
    <t>POINT (4.621013328983982 51.81520373050014)</t>
  </si>
  <si>
    <t>POINT (4.635738602011149 51.81035289254964)</t>
  </si>
  <si>
    <t>POINT (4.60600367019885 51.81588987708013)</t>
  </si>
  <si>
    <t>POINT (4.656458730657933 51.821758021973196)</t>
  </si>
  <si>
    <t>POINT (4.646415044950074 51.824134696102405)</t>
  </si>
  <si>
    <t>POINT (4.649468758742702 51.8182244365827)</t>
  </si>
  <si>
    <t>POINT (4.660065296230121 51.82510489075155)</t>
  </si>
  <si>
    <t>POINT (4.611193520438071 51.82061296137519)</t>
  </si>
  <si>
    <t>POINT (4.565616276161895 51.83627572146778)</t>
  </si>
  <si>
    <t>POINT (4.634382083834765 51.80949930411239)</t>
  </si>
  <si>
    <t>POINT (4.655214709288747 51.81675708471075)</t>
  </si>
  <si>
    <t>POINT (4.561018395899985 51.8347534228449)</t>
  </si>
  <si>
    <t>POINT (4.626497411116039 51.81408051948037)</t>
  </si>
  <si>
    <t>POINT (4.607536174548454 51.81376844557449)</t>
  </si>
  <si>
    <t>POINT (4.623950402641251 51.81315230121491)</t>
  </si>
  <si>
    <t>POINT (4.656462786811609 51.82320502637533)</t>
  </si>
  <si>
    <t>POINT (4.63787219060058 51.82091744521999)</t>
  </si>
  <si>
    <t>POINT (4.63085721443611 51.822482548667104)</t>
  </si>
  <si>
    <t>POINT (4.640103662467607 51.80950958815949)</t>
  </si>
  <si>
    <t>POINT (4.644458879394295 51.817515980012374)</t>
  </si>
  <si>
    <t>POINT (4.561247604129587 51.83709729713179)</t>
  </si>
  <si>
    <t>POINT (4.635830760729912 51.81949789643866)</t>
  </si>
  <si>
    <t>POINT (4.6527307129436135 51.82454378585572)</t>
  </si>
  <si>
    <t>POINT (4.620596046119599 51.81156850275108)</t>
  </si>
  <si>
    <t>POINT (4.654521181389815 51.821656649090855)</t>
  </si>
  <si>
    <t>POINT (4.6569840036228 51.81904375311014)</t>
  </si>
  <si>
    <t>POINT (4.640590596377852 51.82367332694049)</t>
  </si>
  <si>
    <t>POINT (4.656170792816828 51.828842764343754)</t>
  </si>
  <si>
    <t>POINT (4.64687406294538 51.82009977605478)</t>
  </si>
  <si>
    <t>POINT (4.61360106969988 51.81702389393603)</t>
  </si>
  <si>
    <t>POINT (4.611878328854663 51.81520327513847)</t>
  </si>
  <si>
    <t>POINT (4.604402450890723 51.82000633666826)</t>
  </si>
  <si>
    <t>POINT (4.659331475596028 51.82695661965086)</t>
  </si>
  <si>
    <t>POINT (4.6410300756549905 51.8255706763652)</t>
  </si>
  <si>
    <t>POINT (4.627183658236678 51.80695278020439)</t>
  </si>
  <si>
    <t>POINT (4.651580770659468 51.81717070073842)</t>
  </si>
  <si>
    <t>POINT (4.632591502899339 51.80975954076601)</t>
  </si>
  <si>
    <t>POINT (4.65164776373203 51.82464824809031)</t>
  </si>
  <si>
    <t>POINT (4.637807163559107 51.81855862102306)</t>
  </si>
  <si>
    <t>POINT (4.616656450333559 51.83117684436877)</t>
  </si>
  <si>
    <t>POINT (4.653870271493639 51.82194319690195)</t>
  </si>
  <si>
    <t>POINT (4.6589695649304135 51.82782663528391)</t>
  </si>
  <si>
    <t>POINT (4.639536726667799 51.81392352012033)</t>
  </si>
  <si>
    <t>POINT (4.634431506823126 51.82413702974357)</t>
  </si>
  <si>
    <t>POINT (4.567708797409078 51.83581964333571)</t>
  </si>
  <si>
    <t>POINT (4.638352497537163 51.8085048323323)</t>
  </si>
  <si>
    <t>POINT (4.630585972896514 51.81250717671104)</t>
  </si>
  <si>
    <t>POINT (4.634533081105478 51.818446451795694)</t>
  </si>
  <si>
    <t>POINT (4.642602191524445 51.81051825302305)</t>
  </si>
  <si>
    <t>POINT (4.645144024950526 51.82515008282969)</t>
  </si>
  <si>
    <t>POINT (4.654335952704989 51.816333644608875)</t>
  </si>
  <si>
    <t>POINT (4.6596874100333014 51.81967934070604)</t>
  </si>
  <si>
    <t>POINT (4.6414762348544905 51.82584975213954)</t>
  </si>
  <si>
    <t>POINT (4.656024502227821 51.821838292108346)</t>
  </si>
  <si>
    <t>POINT (4.626980997104179 51.8075819181108)</t>
  </si>
  <si>
    <t>POINT (4.644691338888883 51.81982571077899)</t>
  </si>
  <si>
    <t>POINT (4.614282772009809 51.818612449555594)</t>
  </si>
  <si>
    <t>POINT (4.613552228962519 51.82245466287836)</t>
  </si>
  <si>
    <t>POINT (4.6482672825931415 51.81449786138047)</t>
  </si>
  <si>
    <t>POINT (4.618393679758207 51.81299748534912)</t>
  </si>
  <si>
    <t>POINT (4.650118312404312 51.81460606748705)</t>
  </si>
  <si>
    <t>POINT (4.564491001853125 51.8360202365639)</t>
  </si>
  <si>
    <t>POINT (4.563986398741509 51.83883141666286)</t>
  </si>
  <si>
    <t>POINT (4.627245971909453 51.80758216935419)</t>
  </si>
  <si>
    <t>POINT (4.629083160255211 51.80653191075956)</t>
  </si>
  <si>
    <t>POINT (4.559399806325311 51.83626032789364)</t>
  </si>
  <si>
    <t>POINT (4.569400498281651 51.83691906052347)</t>
  </si>
  <si>
    <t>POINT (4.637198997742082 51.8124202085564)</t>
  </si>
  <si>
    <t>POINT (4.607799672847928 51.82228222136562)</t>
  </si>
  <si>
    <t>POINT (4.561570560931444 51.83732085396256)</t>
  </si>
  <si>
    <t>POINT (4.630793231174646 51.81297324707584)</t>
  </si>
  <si>
    <t>POINT (4.658607135606259 51.82561790139777)</t>
  </si>
  <si>
    <t>POINT (4.6434558718962995 51.81940700596654)</t>
  </si>
  <si>
    <t>POINT (4.641240158017881 51.82570270721187)</t>
  </si>
  <si>
    <t>POINT (4.6205057902014515 51.81414882582335)</t>
  </si>
  <si>
    <t>POINT (4.638546300014255 51.81846482224056)</t>
  </si>
  <si>
    <t>POINT (4.620459932062234 51.81327488578961)</t>
  </si>
  <si>
    <t>POINT (4.6315291680533806 51.818681681479966)</t>
  </si>
  <si>
    <t>POINT (4.643991390981665 51.823419245550696)</t>
  </si>
  <si>
    <t>POINT (4.630004532832451 51.80664245276701)</t>
  </si>
  <si>
    <t>POINT (4.6554566857372865 51.82527586127168)</t>
  </si>
  <si>
    <t>POINT (4.56562303443636 51.83745266502015)</t>
  </si>
  <si>
    <t>POINT (4.6377300106583865 51.819559594968354)</t>
  </si>
  <si>
    <t>POINT (4.644627717590146 51.81984542494452)</t>
  </si>
  <si>
    <t>POINT (4.62240475833482 51.81204909330377)</t>
  </si>
  <si>
    <t>POINT (4.647968541252391 51.82386575160421)</t>
  </si>
  <si>
    <t>POINT (4.613948996456284 51.81972495972982)</t>
  </si>
  <si>
    <t>POINT (4.6050346414578796 51.822361534326404)</t>
  </si>
  <si>
    <t>POINT (4.635942888955654 51.81020269592561)</t>
  </si>
  <si>
    <t>POINT (4.63770479778019 51.8096119080373)</t>
  </si>
  <si>
    <t>POINT (4.565930997341297 51.83425919529367)</t>
  </si>
  <si>
    <t>POINT (4.635770365549904 51.82265873526397)</t>
  </si>
  <si>
    <t>POINT (4.605252332685163 51.81517545574096)</t>
  </si>
  <si>
    <t>POINT (4.630040103584294 51.80659310054233)</t>
  </si>
  <si>
    <t>POINT (4.638638238097291 51.823179385281385)</t>
  </si>
  <si>
    <t>POINT (4.637167889474121 51.81138384581333)</t>
  </si>
  <si>
    <t>POINT (4.62901517686441 51.80978259108937)</t>
  </si>
  <si>
    <t>POINT (4.649801618084045 51.82240659932641)</t>
  </si>
  <si>
    <t>POINT (4.62225236623639 51.811879444708374)</t>
  </si>
  <si>
    <t>POINT (4.617691718784095 51.813278833603825)</t>
  </si>
  <si>
    <t>POINT (4.600361365717612 51.81980664879269)</t>
  </si>
  <si>
    <t>POINT (4.6570185727222135 51.821075858965244)</t>
  </si>
  <si>
    <t>POINT (4.64795550223085 51.82551057121027)</t>
  </si>
  <si>
    <t>POINT (4.647352492733273 51.82573188431735)</t>
  </si>
  <si>
    <t>POINT (4.6354521198077645 51.81672593657913)</t>
  </si>
  <si>
    <t>POINT (4.619169146787587 51.81988430600062)</t>
  </si>
  <si>
    <t>3331EM</t>
  </si>
  <si>
    <t>Hans Lipperheystraat</t>
  </si>
  <si>
    <t>POINT (4.637469398892252 51.81595031648368)</t>
  </si>
  <si>
    <t>POINT (4.568913529016589 51.83855131211419)</t>
  </si>
  <si>
    <t>POINT (4.611975972641078 51.81893530934751)</t>
  </si>
  <si>
    <t>POINT (4.619050415211065 51.82001789221987)</t>
  </si>
  <si>
    <t>POINT (4.643264933027215 51.826331426676354)</t>
  </si>
  <si>
    <t>POINT (4.658145175895752 51.82556760868673)</t>
  </si>
  <si>
    <t>POINT (4.633824560697901 51.81723292540881)</t>
  </si>
  <si>
    <t>POINT (4.644295568593694 51.81528601103823)</t>
  </si>
  <si>
    <t>POINT (4.618971696157008 51.81332048713373)</t>
  </si>
  <si>
    <t>POINT (4.619396540690796 51.8303106437782)</t>
  </si>
  <si>
    <t>POINT (4.635722891246601 51.822047946134106)</t>
  </si>
  <si>
    <t>POINT (4.636150844942645 51.810049789865346)</t>
  </si>
  <si>
    <t>POINT (4.6386105244519396 51.817902287827984)</t>
  </si>
  <si>
    <t>POINT (4.644253834812032 51.82038701828811)</t>
  </si>
  <si>
    <t>POINT (4.639669487601112 51.82581309994979)</t>
  </si>
  <si>
    <t>POINT (4.652217319374477 51.82419991920684)</t>
  </si>
  <si>
    <t>POINT (4.570520551925748 51.83629265743993)</t>
  </si>
  <si>
    <t>POINT (4.62992448224879 51.807285447344135)</t>
  </si>
  <si>
    <t>POINT (4.643218881079552 51.82004020433377)</t>
  </si>
  <si>
    <t>POINT (4.622948059838584 51.8133909359115)</t>
  </si>
  <si>
    <t>POINT (4.639886310761367 51.82420699759591)</t>
  </si>
  <si>
    <t>POINT (4.641797933655096 51.82159456425685)</t>
  </si>
  <si>
    <t>POINT (4.633092709449585 51.80952845408705)</t>
  </si>
  <si>
    <t>POINT (4.633487859476454 51.8098043574845)</t>
  </si>
  <si>
    <t>POINT (4.600384714292895 51.815676339331766)</t>
  </si>
  <si>
    <t>POINT (4.651138900975905 51.8226995392149)</t>
  </si>
  <si>
    <t>POINT (4.656642220696446 51.82436012743111)</t>
  </si>
  <si>
    <t>POINT (4.565187109756792 51.83709160966762)</t>
  </si>
  <si>
    <t>POINT (4.65509956040434 51.816728977931675)</t>
  </si>
  <si>
    <t>POINT (4.606541323795113 51.81692098324241)</t>
  </si>
  <si>
    <t>POINT (4.618315691728173 51.8151587613269)</t>
  </si>
  <si>
    <t>POINT (4.626757366740345 51.81296971633458)</t>
  </si>
  <si>
    <t>POINT (4.658473725104365 51.82354720665025)</t>
  </si>
  <si>
    <t>POINT (4.661769559146371 51.82455209844367)</t>
  </si>
  <si>
    <t>POINT (4.60907210177335 51.81473565183573)</t>
  </si>
  <si>
    <t>POINT (4.560971547057779 51.834182909658246)</t>
  </si>
  <si>
    <t>POINT (4.561814894399687 51.83281208946304)</t>
  </si>
  <si>
    <t>POINT (4.61549742556943 51.81967338103276)</t>
  </si>
  <si>
    <t>POINT (4.658501320911014 51.8286363498879)</t>
  </si>
  <si>
    <t>POINT (4.613490151052654 51.822178965287186)</t>
  </si>
  <si>
    <t>POINT (4.613668305853449 51.81500226136384)</t>
  </si>
  <si>
    <t>POINT (4.632045400337219 51.819545996043054)</t>
  </si>
  <si>
    <t>POINT (4.651112694627226 51.823382262892004)</t>
  </si>
  <si>
    <t>POINT (4.616992452544467 51.8223885977452)</t>
  </si>
  <si>
    <t>POINT (4.631354773457743 51.823640442102786)</t>
  </si>
  <si>
    <t>POINT (4.656882437833711 51.829484724533714)</t>
  </si>
  <si>
    <t>POINT (4.6175765770839865 51.82091625836764)</t>
  </si>
  <si>
    <t>POINT (4.572225804819325 51.828146784005554)</t>
  </si>
  <si>
    <t>POINT (4.5640138237088275 51.836778687584236)</t>
  </si>
  <si>
    <t>POINT (4.601962285441612 51.820690419206976)</t>
  </si>
  <si>
    <t>POINT (4.6245720529353225 51.811563578407196)</t>
  </si>
  <si>
    <t>POINT (4.645931990133075 51.81438901309795)</t>
  </si>
  <si>
    <t>POINT (4.565499801164608 51.83375100114545)</t>
  </si>
  <si>
    <t>POINT (4.648643398805202 51.81786039906473)</t>
  </si>
  <si>
    <t>POINT (4.626881909175706 51.81100746018716)</t>
  </si>
  <si>
    <t>POINT (4.639617429989447 51.82404632033009)</t>
  </si>
  <si>
    <t>POINT (4.633126043927668 51.81169106415563)</t>
  </si>
  <si>
    <t>POINT (4.649866552728834 51.81407640936528)</t>
  </si>
  <si>
    <t>POINT (4.616559243576434 51.818468346699326)</t>
  </si>
  <si>
    <t>POINT (4.562119043983094 51.83687532679735)</t>
  </si>
  <si>
    <t>POINT (4.620381040496505 51.81368839064775)</t>
  </si>
  <si>
    <t>POINT (4.63355680660873 51.8069634236999)</t>
  </si>
  <si>
    <t>POINT (4.631860826646622 51.81144304541912)</t>
  </si>
  <si>
    <t>POINT (4.606194774024047 51.81956072463449)</t>
  </si>
  <si>
    <t>POINT (4.561380761425863 51.83718992815248)</t>
  </si>
  <si>
    <t>POINT (4.653138434558171 51.81600744851243)</t>
  </si>
  <si>
    <t>POINT (4.560792878374439 51.832462714824906)</t>
  </si>
  <si>
    <t>POINT (4.62880009549311 51.81083016611324)</t>
  </si>
  <si>
    <t>POINT (4.6411517815003664 51.82469791144311)</t>
  </si>
  <si>
    <t>POINT (4.650085957025448 51.82477403539569)</t>
  </si>
  <si>
    <t>POINT (4.621841426587933 51.812354668396765)</t>
  </si>
  <si>
    <t>POINT (4.6154539510841435 51.81898073031723)</t>
  </si>
  <si>
    <t>POINT (4.618995008979876 51.82143059095178)</t>
  </si>
  <si>
    <t>POINT (4.569928519569526 51.83827677444532)</t>
  </si>
  <si>
    <t>POINT (4.655868045815745 51.82723626589756)</t>
  </si>
  <si>
    <t>POINT (4.636478884274248 51.81142352060768)</t>
  </si>
  <si>
    <t>POINT (4.641074117926011 51.823802396137054)</t>
  </si>
  <si>
    <t>POINT (4.6412795596460885 51.82563767279066)</t>
  </si>
  <si>
    <t>POINT (4.642746667462611 51.81622856593745)</t>
  </si>
  <si>
    <t>POINT (4.614634136980883 51.82005481842781)</t>
  </si>
  <si>
    <t>POINT (4.63683136775628 51.814577160611854)</t>
  </si>
  <si>
    <t>POINT (4.648846094683345 51.814744801414776)</t>
  </si>
  <si>
    <t>POINT (4.638048000929947 51.81431893092116)</t>
  </si>
  <si>
    <t>POINT (4.617096706452159 51.80538663191599)</t>
  </si>
  <si>
    <t>POINT (4.649326137673416 51.82674295938219)</t>
  </si>
  <si>
    <t>POINT (4.636135604821315 51.81159058134164)</t>
  </si>
  <si>
    <t>POINT (4.618136317722787 51.81851860181328)</t>
  </si>
  <si>
    <t>POINT (4.613859486933572 51.81424187994623)</t>
  </si>
  <si>
    <t>POINT (4.651743582221173 51.827200715886136)</t>
  </si>
  <si>
    <t>POINT (4.657877757329593 51.821781158345146)</t>
  </si>
  <si>
    <t>POINT (4.563270103152125 51.83156478645458)</t>
  </si>
  <si>
    <t>POINT (4.636733178990047 51.808122732116146)</t>
  </si>
  <si>
    <t>POINT (4.632895346821854 51.81768846364003)</t>
  </si>
  <si>
    <t>POINT (4.659617988688618 51.82343108878132)</t>
  </si>
  <si>
    <t>POINT (4.6368465952113995 51.814587630938426)</t>
  </si>
  <si>
    <t>POINT (4.641583342509389 51.81876545761525)</t>
  </si>
  <si>
    <t>POINT (4.635199083270519 51.80926268350448)</t>
  </si>
  <si>
    <t>POINT (4.6470587417794365 51.82282772155976)</t>
  </si>
  <si>
    <t>POINT (4.6271636099541364 51.80966313509214)</t>
  </si>
  <si>
    <t>POINT (4.650841873053571 51.8166393747966)</t>
  </si>
  <si>
    <t>POINT (4.630215080067658 51.812487697248244)</t>
  </si>
  <si>
    <t>POINT (4.62711934845508 51.81343188801063)</t>
  </si>
  <si>
    <t>POINT (4.647969657589461 51.8200177927608)</t>
  </si>
  <si>
    <t>POINT (4.630363171834675 51.811839892285285)</t>
  </si>
  <si>
    <t>POINT (4.6213599397807075 51.811432394682264)</t>
  </si>
  <si>
    <t>POINT (4.629656389436984 51.807047978782755)</t>
  </si>
  <si>
    <t>POINT (4.637474668810376 51.82108277040828)</t>
  </si>
  <si>
    <t>POINT (4.658189238320517 51.83028139659868)</t>
  </si>
  <si>
    <t>POINT (4.6178379640671805 51.81867804767438)</t>
  </si>
  <si>
    <t>POINT (4.657515961091787 51.82751175050232)</t>
  </si>
  <si>
    <t>POINT (4.661690157865483 51.82502318023721)</t>
  </si>
  <si>
    <t>POINT (4.639818217979191 51.81016619306882)</t>
  </si>
  <si>
    <t>POINT (4.62615542044326 51.81405957863857)</t>
  </si>
  <si>
    <t>POINT (4.598589546002188 51.81408897766338)</t>
  </si>
  <si>
    <t>POINT (4.654566464276077 51.81715647880498)</t>
  </si>
  <si>
    <t>POINT (4.640771963396651 51.82350399203904)</t>
  </si>
  <si>
    <t>POINT (4.612969302446199 51.81453699773356)</t>
  </si>
  <si>
    <t>POINT (4.636748206423583 51.811306817064754)</t>
  </si>
  <si>
    <t>POINT (4.651818103427748 51.823723787174195)</t>
  </si>
  <si>
    <t>POINT (4.61751923884444 51.81799521544703)</t>
  </si>
  <si>
    <t>POINT (4.60306872124103 51.81965089979724)</t>
  </si>
  <si>
    <t>POINT (4.61977604898896 51.81431450001458)</t>
  </si>
  <si>
    <t>POINT (4.622169437545803 51.811473962347364)</t>
  </si>
  <si>
    <t>POINT (4.6551424148792595 51.823386989836926)</t>
  </si>
  <si>
    <t>POINT (4.62472653727455 51.8135727420812)</t>
  </si>
  <si>
    <t>POINT (4.657086967119026 51.82103525114055)</t>
  </si>
  <si>
    <t>POINT (4.627740636533881 51.811472577917705)</t>
  </si>
  <si>
    <t>POINT (4.604166285145213 51.81408028104155)</t>
  </si>
  <si>
    <t>POINT (4.625797976073613 51.81448396317354)</t>
  </si>
  <si>
    <t>POINT (4.6055395164098964 51.819947174031654)</t>
  </si>
  <si>
    <t>POINT (4.631582693166256 51.80851281351168)</t>
  </si>
  <si>
    <t>POINT (4.638973597624427 51.809355350703726)</t>
  </si>
  <si>
    <t>POINT (4.641966852319889 51.81854014697081)</t>
  </si>
  <si>
    <t>POINT (4.6256751642701825 51.81433997610655)</t>
  </si>
  <si>
    <t>POINT (4.633052980158282 51.809517852756166)</t>
  </si>
  <si>
    <t>POINT (4.65120336451869 51.817264810082825)</t>
  </si>
  <si>
    <t>POINT (4.621603607311763 51.81450943832478)</t>
  </si>
  <si>
    <t>POINT (4.638656736429334 51.81794662720009)</t>
  </si>
  <si>
    <t>POINT (4.651679981601346 51.82042617014797)</t>
  </si>
  <si>
    <t>POINT (4.641783306912287 51.82071084712117)</t>
  </si>
  <si>
    <t>POINT (4.643050775037572 51.821085745694326)</t>
  </si>
  <si>
    <t>POINT (4.635928626924581 51.810181382279865)</t>
  </si>
  <si>
    <t>POINT (4.613818724404173 51.820632554985885)</t>
  </si>
  <si>
    <t>POINT (4.61793409223737 51.81398603719208)</t>
  </si>
  <si>
    <t>POINT (4.651954187311338 51.81467921037116)</t>
  </si>
  <si>
    <t>POINT (4.6284642193110255 51.810564481769816)</t>
  </si>
  <si>
    <t>POINT (4.634057244386589 51.80969834204702)</t>
  </si>
  <si>
    <t>POINT (4.567885280053004 51.83120698813478)</t>
  </si>
  <si>
    <t>POINT (4.619203143816711 51.815245713565666)</t>
  </si>
  <si>
    <t>POINT (4.56871191588123 51.83737123113912)</t>
  </si>
  <si>
    <t>POINT (4.637873545119272 51.811033309064435)</t>
  </si>
  <si>
    <t>POINT (4.620042347591239 51.81250668635041)</t>
  </si>
  <si>
    <t>POINT (4.637709530750002 51.82394369945576)</t>
  </si>
  <si>
    <t>POINT (4.564447613236194 51.83221233471814)</t>
  </si>
  <si>
    <t>POINT (4.6546266834235475 51.82370335542706)</t>
  </si>
  <si>
    <t>POINT (4.605287940082825 51.82132667856416)</t>
  </si>
  <si>
    <t>POINT (4.569796839389361 51.834052623649825)</t>
  </si>
  <si>
    <t>POINT (4.632990210955675 51.81179485574141)</t>
  </si>
  <si>
    <t>POINT (4.652238634896405 51.82424842974855)</t>
  </si>
  <si>
    <t>POINT (4.657069430018678 51.82783500184349)</t>
  </si>
  <si>
    <t>POINT (4.632660248441586 51.807766762953776)</t>
  </si>
  <si>
    <t>POINT (4.619637212696088 51.81947134357826)</t>
  </si>
  <si>
    <t>POINT (4.658559443074127 51.82207359624486)</t>
  </si>
  <si>
    <t>POINT (4.625213388623778 51.82237519395611)</t>
  </si>
  <si>
    <t>POINT (4.621247634775856 51.813039132177046)</t>
  </si>
  <si>
    <t>POINT (4.643127948520622 51.822167700097964)</t>
  </si>
  <si>
    <t>POINT (4.644643434804671 51.81518548985017)</t>
  </si>
  <si>
    <t>POINT (4.568378676295641 51.83621220902252)</t>
  </si>
  <si>
    <t>POINT (4.60648711869453 51.81852079565876)</t>
  </si>
  <si>
    <t>POINT (4.636806078194504 51.82303248685006)</t>
  </si>
  <si>
    <t>POINT (4.609561482244884 51.815162588332875)</t>
  </si>
  <si>
    <t>POINT (4.617888245788842 51.81970142777435)</t>
  </si>
  <si>
    <t>POINT (4.614019907194811 51.82070499925111)</t>
  </si>
  <si>
    <t>POINT (4.635001351032247 51.80991103015544)</t>
  </si>
  <si>
    <t>POINT (4.640945439116533 51.810582128243546)</t>
  </si>
  <si>
    <t>POINT (4.635969092979147 51.82002317358267)</t>
  </si>
  <si>
    <t>POINT (4.633347443662209 51.820639365565754)</t>
  </si>
  <si>
    <t>POINT (4.637332869624321 51.82057806614727)</t>
  </si>
  <si>
    <t>POINT (4.620095523569458 51.812814520068514)</t>
  </si>
  <si>
    <t>POINT (4.643040267256317 51.82129961886745)</t>
  </si>
  <si>
    <t>POINT (4.654008600968233 51.82097239384406)</t>
  </si>
  <si>
    <t>POINT (4.655980812732599 51.817735325842754)</t>
  </si>
  <si>
    <t>POINT (4.627181203087335 51.81280718662063)</t>
  </si>
  <si>
    <t>POINT (4.652412803385089 51.8215712712834)</t>
  </si>
  <si>
    <t>POINT (4.607279121960332 51.82245025915988)</t>
  </si>
  <si>
    <t>POINT (4.566236013319865 51.832929816800146)</t>
  </si>
  <si>
    <t>POINT (4.642090067830472 51.826232074086555)</t>
  </si>
  <si>
    <t>POINT (4.6571112269430515 51.82100520009754)</t>
  </si>
  <si>
    <t>POINT (4.604240194180456 51.81589286638998)</t>
  </si>
  <si>
    <t>POINT (4.60430471798805 51.822003950124056)</t>
  </si>
  <si>
    <t>POINT (4.600945686257451 51.81453316362083)</t>
  </si>
  <si>
    <t>POINT (4.6151106059502025 51.81446268333926)</t>
  </si>
  <si>
    <t>POINT (4.641900383440047 51.82608207110313)</t>
  </si>
  <si>
    <t>POINT (4.635138032135943 51.8098105405558)</t>
  </si>
  <si>
    <t>POINT (4.635974453658257 51.816525831040956)</t>
  </si>
  <si>
    <t>POINT (4.642010612201949 51.81741528306818)</t>
  </si>
  <si>
    <t>POINT (4.610842094970611 51.817229071501046)</t>
  </si>
  <si>
    <t>POINT (4.607933860294399 51.81511572889314)</t>
  </si>
  <si>
    <t>POINT (4.646760230711311 51.8152559158614)</t>
  </si>
  <si>
    <t>POINT (4.6205975374174555 51.81413831514336)</t>
  </si>
  <si>
    <t>POINT (4.620035050127974 51.812628732415355)</t>
  </si>
  <si>
    <t>POINT (4.66325511691162 51.821560511012365)</t>
  </si>
  <si>
    <t>POINT (4.657163595485816 51.82551195309454)</t>
  </si>
  <si>
    <t>POINT (4.6524200281492325 51.82878957469265)</t>
  </si>
  <si>
    <t>POINT (4.601390203885569 51.814358541621736)</t>
  </si>
  <si>
    <t>POINT (4.6401833833528485 51.810306378005336)</t>
  </si>
  <si>
    <t>POINT (4.627242350806799 51.81277148395965)</t>
  </si>
  <si>
    <t>POINT (4.643136884905252 51.81927157391169)</t>
  </si>
  <si>
    <t>POINT (4.620213530504314 51.81248695148754)</t>
  </si>
  <si>
    <t>POINT (4.654332939795553 51.81634233582969)</t>
  </si>
  <si>
    <t>POINT (4.624404501176385 51.81234013914914)</t>
  </si>
  <si>
    <t>POINT (4.658158535273596 51.8255891745908)</t>
  </si>
  <si>
    <t>POINT (4.638987457807016 51.819284725986485)</t>
  </si>
  <si>
    <t>POINT (4.632981314354857 51.811231808775446)</t>
  </si>
  <si>
    <t>POINT (4.641904392474967 51.82614841507849)</t>
  </si>
  <si>
    <t>POINT (4.629425804119232 51.82076835679097)</t>
  </si>
  <si>
    <t>POINT (4.651031101169257 51.816592903926924)</t>
  </si>
  <si>
    <t>POINT (4.632039506679774 51.807237442355785)</t>
  </si>
  <si>
    <t>POINT (4.639115502784286 51.81852421771573)</t>
  </si>
  <si>
    <t>POINT (4.659438305470227 51.82678031314749)</t>
  </si>
  <si>
    <t>POINT (4.63553475434405 51.80747484950407)</t>
  </si>
  <si>
    <t>POINT (4.648564459381479 51.81696530302909)</t>
  </si>
  <si>
    <t>POINT (4.568391637576767 51.83863014484185)</t>
  </si>
  <si>
    <t>POINT (4.60446578564224 51.81322018776872)</t>
  </si>
  <si>
    <t>POINT (4.619994819977414 51.81210473268436)</t>
  </si>
  <si>
    <t>POINT (4.600850960563672 51.81660892635946)</t>
  </si>
  <si>
    <t>POINT (4.656779545327359 51.81813856115283)</t>
  </si>
  <si>
    <t>POINT (4.637466793648725 51.817444662083595)</t>
  </si>
  <si>
    <t>POINT (4.628741432451518 51.81308811094686)</t>
  </si>
  <si>
    <t>POINT (4.650200458035818 51.81421110798815)</t>
  </si>
  <si>
    <t>POINT (4.640759624253531 51.814025048070874)</t>
  </si>
  <si>
    <t>POINT (4.633059442602846 51.82040958889259)</t>
  </si>
  <si>
    <t>POINT (4.648959686804807 51.825677824776946)</t>
  </si>
  <si>
    <t>POINT (4.659509064183012 51.82864829147139)</t>
  </si>
  <si>
    <t>POINT (4.619323002668702 51.81536105908938)</t>
  </si>
  <si>
    <t>POINT (4.634072358545106 51.8176110076284)</t>
  </si>
  <si>
    <t>POINT (4.648219677593007 51.81653056082198)</t>
  </si>
  <si>
    <t>POINT (4.566393639461966 51.8320335723905)</t>
  </si>
  <si>
    <t>POINT (4.607780920128542 51.82590472996207)</t>
  </si>
  <si>
    <t>POINT (4.644742773483964 51.822485708049726)</t>
  </si>
  <si>
    <t>POINT (4.607429602790231 51.81877440430108)</t>
  </si>
  <si>
    <t>POINT (4.650446160907653 51.813706003233854)</t>
  </si>
  <si>
    <t>POINT (4.5661607914940925 51.83773129407856)</t>
  </si>
  <si>
    <t>POINT (4.617167433249208 51.821724347539906)</t>
  </si>
  <si>
    <t>POINT (4.646056165276405 51.81480774468422)</t>
  </si>
  <si>
    <t>POINT (4.641922753481066 51.8194318508779)</t>
  </si>
  <si>
    <t>POINT (4.618544664075015 51.81349914609933)</t>
  </si>
  <si>
    <t>POINT (4.569486745207921 51.83662805759895)</t>
  </si>
  <si>
    <t>POINT (4.655224625623414 51.823342685027455)</t>
  </si>
  <si>
    <t>POINT (4.602789728606499 51.82073125115924)</t>
  </si>
  <si>
    <t>POINT (4.602790471194509 51.82142034982231)</t>
  </si>
  <si>
    <t>POINT (4.64492403407881 51.81763410404396)</t>
  </si>
  <si>
    <t>POINT (4.62809597251942 51.81425173275994)</t>
  </si>
  <si>
    <t>POINT (4.6620917624152876 51.82531745210484)</t>
  </si>
  <si>
    <t>POINT (4.6380946805432846 51.809074544903545)</t>
  </si>
  <si>
    <t>POINT (4.644852022281222 51.81657383680623)</t>
  </si>
  <si>
    <t>POINT (4.6481015598448625 51.82202926652382)</t>
  </si>
  <si>
    <t>POINT (4.650438029481306 51.81698289568933)</t>
  </si>
  <si>
    <t>POINT (4.642917836930443 51.81029093571935)</t>
  </si>
  <si>
    <t>POINT (4.643518142556198 51.82551116892665)</t>
  </si>
  <si>
    <t>POINT (4.652196279780682 51.82426613288885)</t>
  </si>
  <si>
    <t>POINT (4.6552087667257025 51.82604377287768)</t>
  </si>
  <si>
    <t>POINT (4.5667133219715685 51.834358050133396)</t>
  </si>
  <si>
    <t>POINT (4.633578210767635 51.81273440277084)</t>
  </si>
  <si>
    <t>POINT (4.659344382413162 51.81985742783743)</t>
  </si>
  <si>
    <t>POINT (4.654954259195417 51.828779038404164)</t>
  </si>
  <si>
    <t>POINT (4.6178083336199665 51.81926940071606)</t>
  </si>
  <si>
    <t>POINT (4.604094577795604 51.81403477798894)</t>
  </si>
  <si>
    <t>POINT (4.650328682575715 51.81881989221479)</t>
  </si>
  <si>
    <t>POINT (4.569584488404838 51.83792375513286)</t>
  </si>
  <si>
    <t>POINT (4.627665004912002 51.813092097109646)</t>
  </si>
  <si>
    <t>POINT (4.615359167050694 51.81288788531164)</t>
  </si>
  <si>
    <t>POINT (4.665668090800255 51.82207136462431)</t>
  </si>
  <si>
    <t>POINT (4.649484265717096 51.82614343771825)</t>
  </si>
  <si>
    <t>POINT (4.652370888792195 51.81528963541147)</t>
  </si>
  <si>
    <t>POINT (4.603957603929733 51.81963228714511)</t>
  </si>
  <si>
    <t>POINT (4.616685010820137 51.81413899232734)</t>
  </si>
  <si>
    <t>POINT (4.652483542543267 51.82152593477922)</t>
  </si>
  <si>
    <t>POINT (4.598430406891615 51.8116671689141)</t>
  </si>
  <si>
    <t>POINT (4.656880433958418 51.819942336137316)</t>
  </si>
  <si>
    <t>POINT (4.649677168868127 51.82224411996764)</t>
  </si>
  <si>
    <t>POINT (4.656084460855573 51.820927366491034)</t>
  </si>
  <si>
    <t>POINT (4.657567539924109 51.82231352613201)</t>
  </si>
  <si>
    <t>POINT (4.612624225873548 51.82115954223608)</t>
  </si>
  <si>
    <t>POINT (4.609674528981253 51.81604143696623)</t>
  </si>
  <si>
    <t>POINT (4.628547399190948 51.81170635240425)</t>
  </si>
  <si>
    <t>POINT (4.640381010519536 51.8186666225413)</t>
  </si>
  <si>
    <t>POINT (4.605108053854424 51.81898095092102)</t>
  </si>
  <si>
    <t>POINT (4.637272366924226 51.812385082180185)</t>
  </si>
  <si>
    <t>POINT (4.6314194154911075 51.805984135469735)</t>
  </si>
  <si>
    <t>POINT (4.610886344339746 51.81834329157753)</t>
  </si>
  <si>
    <t>POINT (4.601570977319387 51.820785480943954)</t>
  </si>
  <si>
    <t>POINT (4.658008304384595 51.818634844737886)</t>
  </si>
  <si>
    <t>POINT (4.62255371384088 51.81224786072093)</t>
  </si>
  <si>
    <t>POINT (4.637263077391908 51.8101528307182)</t>
  </si>
  <si>
    <t>POINT (4.645985419665278 51.82013015789127)</t>
  </si>
  <si>
    <t>POINT (4.62371389474848 51.82510419938951)</t>
  </si>
  <si>
    <t>POINT (4.617146907497508 51.81506481509986)</t>
  </si>
  <si>
    <t>POINT (4.644232667236024 51.81969307430407)</t>
  </si>
  <si>
    <t>POINT (4.649697021465729 51.81511973105281)</t>
  </si>
  <si>
    <t>POINT (4.649557740534196 51.822170192573246)</t>
  </si>
  <si>
    <t>POINT (4.65054262930389 51.81953702227658)</t>
  </si>
  <si>
    <t>POINT (4.616995920215266 51.81863672253248)</t>
  </si>
  <si>
    <t>POINT (4.660122551478622 51.82960329176001)</t>
  </si>
  <si>
    <t>POINT (4.610755847229846 51.81456547456779)</t>
  </si>
  <si>
    <t>POINT (4.665109184144876 51.82244000435148)</t>
  </si>
  <si>
    <t>POINT (4.654417961620716 51.82644154008518)</t>
  </si>
  <si>
    <t>POINT (4.635777550887515 51.81032426124765)</t>
  </si>
  <si>
    <t>POINT (4.633920073941922 51.81964871242971)</t>
  </si>
  <si>
    <t>POINT (4.650504180182998 51.81979163710907)</t>
  </si>
  <si>
    <t>POINT (4.602929932093956 51.820972043303314)</t>
  </si>
  <si>
    <t>POINT (4.607203710054199 51.82145618076578)</t>
  </si>
  <si>
    <t>POINT (4.634936567922014 51.819057978203915)</t>
  </si>
  <si>
    <t>POINT (4.6354267707833845 51.823641192459824)</t>
  </si>
  <si>
    <t>POINT (4.6370665624974645 51.81882565395296)</t>
  </si>
  <si>
    <t>POINT (4.631571795850323 51.80805032797339)</t>
  </si>
  <si>
    <t>POINT (4.633790585655546 51.812641942328135)</t>
  </si>
  <si>
    <t>POINT (4.618218180196445 51.82053252912646)</t>
  </si>
  <si>
    <t>POINT (4.627738683642033 51.82404248053486)</t>
  </si>
  <si>
    <t>POINT (4.663227194173809 51.82849574321153)</t>
  </si>
  <si>
    <t>POINT (4.613104876557663 51.81817355125214)</t>
  </si>
  <si>
    <t>POINT (4.6009792902959346 51.81007248541576)</t>
  </si>
  <si>
    <t>POINT (4.629776751475866 51.81484731741424)</t>
  </si>
  <si>
    <t>POINT (4.613228085042744 51.81799959619257)</t>
  </si>
  <si>
    <t>POINT (4.637563528476425 51.8202095290022)</t>
  </si>
  <si>
    <t>POINT (4.657064528456856 51.82106480115345)</t>
  </si>
  <si>
    <t>POINT (4.656649362589128 51.817528075582715)</t>
  </si>
  <si>
    <t>POINT (4.641347854944369 51.82570513542479)</t>
  </si>
  <si>
    <t>POINT (4.652366811428481 51.82766356297294)</t>
  </si>
  <si>
    <t>POINT (4.643355138932506 51.82091446305177)</t>
  </si>
  <si>
    <t>POINT (4.632591813157984 51.811923547646735)</t>
  </si>
  <si>
    <t>POINT (4.641735926036222 51.82065965221398)</t>
  </si>
  <si>
    <t>POINT (4.643540619947866 51.825743677817904)</t>
  </si>
  <si>
    <t>POINT (4.562026041093431 51.837096847959764)</t>
  </si>
  <si>
    <t>POINT (4.641826045317978 51.82597204495534)</t>
  </si>
  <si>
    <t>POINT (4.637640081623796 51.80879971555923)</t>
  </si>
  <si>
    <t>POINT (4.660041922562884 51.82497930905096)</t>
  </si>
  <si>
    <t>POINT (4.633888232732886 51.80982260472917)</t>
  </si>
  <si>
    <t>POINT (4.615846925406663 51.81907889980407)</t>
  </si>
  <si>
    <t>POINT (4.569481712885366 51.83385954392925)</t>
  </si>
  <si>
    <t>POINT (4.5670028034710635 51.83553696949009)</t>
  </si>
  <si>
    <t>POINT (4.6409370212490035 51.80989479848538)</t>
  </si>
  <si>
    <t>POINT (4.637063400018738 51.80831179075662)</t>
  </si>
  <si>
    <t>POINT (4.629692621631477 51.80699813655354)</t>
  </si>
  <si>
    <t>POINT (4.649300167894814 51.81816061768495)</t>
  </si>
  <si>
    <t>POINT (4.571098868602842 51.8355914947316)</t>
  </si>
  <si>
    <t>POINT (4.654326828998571 51.82766385314639)</t>
  </si>
  <si>
    <t>POINT (4.641519706165111 51.816524027932786)</t>
  </si>
  <si>
    <t>POINT (4.624401973371378 51.813944922871336)</t>
  </si>
  <si>
    <t>POINT (4.635462829695985 51.81066529953484)</t>
  </si>
  <si>
    <t>POINT (4.629541316126258 51.8117769622315)</t>
  </si>
  <si>
    <t>POINT (4.6152715964817235 51.81287475205707)</t>
  </si>
  <si>
    <t>POINT (4.632346241551064 51.81974805581185)</t>
  </si>
  <si>
    <t>POINT (4.627716638977379 51.809087806508174)</t>
  </si>
  <si>
    <t>POINT (4.567483077129736 51.835344126877004)</t>
  </si>
  <si>
    <t>POINT (4.6041770339856045 51.820593558493265)</t>
  </si>
  <si>
    <t>POINT (4.601305930888544 51.81567621102832)</t>
  </si>
  <si>
    <t>POINT (4.645025211043331 51.82446978710869)</t>
  </si>
  <si>
    <t>POINT (4.661268502516347 51.82363075393818)</t>
  </si>
  <si>
    <t>POINT (4.612873720031863 51.818630073491754)</t>
  </si>
  <si>
    <t>POINT (4.609213502307106 51.82252652188587)</t>
  </si>
  <si>
    <t>POINT (4.640544846642866 51.82472224056655)</t>
  </si>
  <si>
    <t>POINT (4.6582146590171805 51.829668689190484)</t>
  </si>
  <si>
    <t>POINT (4.652104448633473 51.824208956083574)</t>
  </si>
  <si>
    <t>POINT (4.629297562863756 51.809060958642725)</t>
  </si>
  <si>
    <t>POINT (4.64191602385371 51.82114854932363)</t>
  </si>
  <si>
    <t>POINT (4.63618142900637 51.82384949178087)</t>
  </si>
  <si>
    <t>POINT (4.613997896077368 51.81798533577321)</t>
  </si>
  <si>
    <t>POINT (4.62664470230946 51.81537829345431)</t>
  </si>
  <si>
    <t>POINT (4.5990111056262695 51.81348333524752)</t>
  </si>
  <si>
    <t>POINT (4.660442647911124 51.82653371170264)</t>
  </si>
  <si>
    <t>POINT (4.61294041955754 51.81442939192972)</t>
  </si>
  <si>
    <t>POINT (4.642896648535536 51.81746155261661)</t>
  </si>
  <si>
    <t>POINT (4.639413019906531 51.82196364191027)</t>
  </si>
  <si>
    <t>POINT (4.635103891832524 51.82075706954374)</t>
  </si>
  <si>
    <t>POINT (4.65180629454606 51.81495098253984)</t>
  </si>
  <si>
    <t>POINT (4.627232319132174 51.815718655485085)</t>
  </si>
  <si>
    <t>POINT (4.629419683355358 51.82114622925939)</t>
  </si>
  <si>
    <t>POINT (4.606216685401624 51.81568257659651)</t>
  </si>
  <si>
    <t>POINT (4.635534836190101 51.81530008530117)</t>
  </si>
  <si>
    <t>POINT (4.633415048184814 51.82576433614899)</t>
  </si>
  <si>
    <t>POINT (4.6313722736380205 51.80608033466937)</t>
  </si>
  <si>
    <t>POINT (4.639335929797707 51.82245645910178)</t>
  </si>
  <si>
    <t>POINT (4.626797412040303 51.81229703583094)</t>
  </si>
  <si>
    <t>POINT (4.647155738762213 51.8236386540347)</t>
  </si>
  <si>
    <t>POINT (4.636578608616048 51.81077564139124)</t>
  </si>
  <si>
    <t>POINT (4.653373217576324 51.81756251218223)</t>
  </si>
  <si>
    <t>POINT (4.599150712695576 51.81348452452912)</t>
  </si>
  <si>
    <t>POINT (4.640102185600379 51.817394367745386)</t>
  </si>
  <si>
    <t>POINT (4.6437787977766485 51.81534803242262)</t>
  </si>
  <si>
    <t>POINT (4.640818609511149 51.82557395202598)</t>
  </si>
  <si>
    <t>POINT (4.627590271893786 51.80827137939135)</t>
  </si>
  <si>
    <t>POINT (4.637476374075866 51.81124384050218)</t>
  </si>
  <si>
    <t>POINT (4.641147307675757 51.81356198862835)</t>
  </si>
  <si>
    <t>POINT (4.617595080784916 51.818917649369375)</t>
  </si>
  <si>
    <t>POINT (4.642779178647912 51.81626486177768)</t>
  </si>
  <si>
    <t>POINT (4.637438696844862 51.810971035275315)</t>
  </si>
  <si>
    <t>POINT (4.598276274691917 51.813568743211874)</t>
  </si>
  <si>
    <t>POINT (4.655624461947006 51.82185858556219)</t>
  </si>
  <si>
    <t>POINT (4.656872128518388 51.82106276813071)</t>
  </si>
  <si>
    <t>POINT (4.65740034201888 51.826677808895795)</t>
  </si>
  <si>
    <t>POINT (4.650124347104384 51.81929381393103)</t>
  </si>
  <si>
    <t>POINT (4.602579361852045 51.82047999431962)</t>
  </si>
  <si>
    <t>POINT (4.642645247402432 51.825819753596086)</t>
  </si>
  <si>
    <t>POINT (4.654047101784075 51.8206135725314)</t>
  </si>
  <si>
    <t>POINT (4.655498840177909 51.82748540506904)</t>
  </si>
  <si>
    <t>POINT (4.660326703506913 51.82205429847965)</t>
  </si>
  <si>
    <t>POINT (4.654330082715346 51.82080278983669)</t>
  </si>
  <si>
    <t>POINT (4.605620028684541 51.814431436119136)</t>
  </si>
  <si>
    <t>POINT (4.624228687573856 51.8110560457087)</t>
  </si>
  <si>
    <t>POINT (4.641086241434895 51.81347682796723)</t>
  </si>
  <si>
    <t>POINT (4.566594230988821 51.83851153628424)</t>
  </si>
  <si>
    <t>POINT (4.660693791844489 51.82696775620394)</t>
  </si>
  <si>
    <t>POINT (4.656332620821614 51.81736616786234)</t>
  </si>
  <si>
    <t>POINT (4.63559887514208 51.816436460608415)</t>
  </si>
  <si>
    <t>POINT (4.634294296930748 51.809492251037845)</t>
  </si>
  <si>
    <t>POINT (4.644737739842402 51.81986522198033)</t>
  </si>
  <si>
    <t>POINT (4.626277389922199 51.813899516562024)</t>
  </si>
  <si>
    <t>POINT (4.6536661671334025 51.822024653258815)</t>
  </si>
  <si>
    <t>POINT (4.633848765489897 51.812639457430585)</t>
  </si>
  <si>
    <t>POINT (4.62717886613083 51.8208641820543)</t>
  </si>
  <si>
    <t>POINT (4.632955964611375 51.824660478697616)</t>
  </si>
  <si>
    <t>POINT (4.644895728140737 51.81759504891986)</t>
  </si>
  <si>
    <t>POINT (4.6118248526764845 51.822126007076996)</t>
  </si>
  <si>
    <t>POINT (4.604433844217964 51.820337573841414)</t>
  </si>
  <si>
    <t>POINT (4.620016183849739 51.819371269277575)</t>
  </si>
  <si>
    <t>POINT (4.652265669959312 51.82094125920936)</t>
  </si>
  <si>
    <t>POINT (4.629987106031072 51.814929735058485)</t>
  </si>
  <si>
    <t>POINT (4.651943046765408 51.8214755032791)</t>
  </si>
  <si>
    <t>POINT (4.633934926936161 51.81272766839506)</t>
  </si>
  <si>
    <t>POINT (4.618619329341336 51.81777491170122)</t>
  </si>
  <si>
    <t>POINT (4.615358767270077 51.81303575616306)</t>
  </si>
  <si>
    <t>POINT (4.622225896076262 51.812666872566986)</t>
  </si>
  <si>
    <t>POINT (4.603487847208632 51.81466249166355)</t>
  </si>
  <si>
    <t>POINT (4.646241184709758 51.81979249487154)</t>
  </si>
  <si>
    <t>POINT (4.6566212585511995 51.82462330218558)</t>
  </si>
  <si>
    <t>POINT (4.628133128620596 51.80913362029141)</t>
  </si>
  <si>
    <t>POINT (4.617557544285177 51.81694860482355)</t>
  </si>
  <si>
    <t>POINT (4.661154938113898 51.82416479651445)</t>
  </si>
  <si>
    <t>POINT (4.649127966427769 51.81415666468206)</t>
  </si>
  <si>
    <t>POINT (4.647826173672886 51.827171511802874)</t>
  </si>
  <si>
    <t>POINT (4.653864572231584 51.82244682393919)</t>
  </si>
  <si>
    <t>POINT (4.638098504875526 51.81904633799694)</t>
  </si>
  <si>
    <t>POINT (4.600912633679153 51.82043743307883)</t>
  </si>
  <si>
    <t>POINT (4.634558663070168 51.82425343980287)</t>
  </si>
  <si>
    <t>POINT (4.6447369767059286 51.8198129299464)</t>
  </si>
  <si>
    <t>POINT (4.659745100299926 51.8270257988745)</t>
  </si>
  <si>
    <t>POINT (4.635835008936231 51.818332889470526)</t>
  </si>
  <si>
    <t>POINT (4.5601407083321535 51.83609145607918)</t>
  </si>
  <si>
    <t>POINT (4.569127567040303 51.838193595864354)</t>
  </si>
  <si>
    <t>POINT (4.618519256077311 51.81988750290104)</t>
  </si>
  <si>
    <t>POINT (4.563584517807586 51.836552692528336)</t>
  </si>
  <si>
    <t>POINT (4.630411966706809 51.809354540507975)</t>
  </si>
  <si>
    <t>POINT (4.647142599531776 51.82204041911226)</t>
  </si>
  <si>
    <t>POINT (4.616401077025799 51.81472198780138)</t>
  </si>
  <si>
    <t>POINT (4.6419158656536785 51.82163268816282)</t>
  </si>
  <si>
    <t>POINT (4.605517014795869 51.81643638718375)</t>
  </si>
  <si>
    <t>POINT (4.632782269698465 51.81926525389894)</t>
  </si>
  <si>
    <t>POINT (4.56903191272368 51.83323052345899)</t>
  </si>
  <si>
    <t>POINT (4.64819927233465 51.82543652944319)</t>
  </si>
  <si>
    <t>POINT (4.650921898821935 51.82261815189443)</t>
  </si>
  <si>
    <t>POINT (4.625701962157264 51.8107753069233)</t>
  </si>
  <si>
    <t>POINT (4.65880302318376 51.825907069258356)</t>
  </si>
  <si>
    <t>POINT (4.652818018042113 51.824531631141525)</t>
  </si>
  <si>
    <t>POINT (4.660193120386685 51.82929364684973)</t>
  </si>
  <si>
    <t>POINT (4.6035915918979615 51.814617018326885)</t>
  </si>
  <si>
    <t>POINT (4.65198291693123 51.821605540611806)</t>
  </si>
  <si>
    <t>POINT (4.628554130787443 51.81350219664274)</t>
  </si>
  <si>
    <t>POINT (4.6175747971059815 51.81404369007852)</t>
  </si>
  <si>
    <t>POINT (4.658918203484645 51.823662809260696)</t>
  </si>
  <si>
    <t>POINT (4.634566796400302 51.80584806998845)</t>
  </si>
  <si>
    <t>POINT (4.627128717069672 51.81182761629022)</t>
  </si>
  <si>
    <t>POINT (4.651090615300454 51.82269497575469)</t>
  </si>
  <si>
    <t>POINT (4.61812385263275 51.813571390882515)</t>
  </si>
  <si>
    <t>POINT (4.615061890687162 51.81981910887028)</t>
  </si>
  <si>
    <t>POINT (4.638256343956152 51.808637530182395)</t>
  </si>
  <si>
    <t>POINT (4.598506392894377 51.814983193649276)</t>
  </si>
  <si>
    <t>POINT (4.6112456868173695 51.818394081272)</t>
  </si>
  <si>
    <t>POINT (4.628604111882913 51.82335255860599)</t>
  </si>
  <si>
    <t>POINT (4.629707897042286 51.81952159311752)</t>
  </si>
  <si>
    <t>POINT (4.657556214991985 51.82087430571653)</t>
  </si>
  <si>
    <t>POINT (4.619376152472892 51.81553920366434)</t>
  </si>
  <si>
    <t>POINT (4.617614421164401 51.813865083401275)</t>
  </si>
  <si>
    <t>POINT (4.651747276036522 51.81476473560004)</t>
  </si>
  <si>
    <t>POINT (4.630007301421943 51.811539333153696)</t>
  </si>
  <si>
    <t>POINT (4.568026433527015 51.83360633266528)</t>
  </si>
  <si>
    <t>POINT (4.657003721085926 51.82951594165957)</t>
  </si>
  <si>
    <t>POINT (4.648584998821694 51.81579937452481)</t>
  </si>
  <si>
    <t>POINT (4.626806678900882 51.81363577585486)</t>
  </si>
  <si>
    <t>POINT (4.657599236584079 51.82230257721486)</t>
  </si>
  <si>
    <t>POINT (4.660463362340488 51.82184330867171)</t>
  </si>
  <si>
    <t>POINT (4.625489152260711 51.81175311146777)</t>
  </si>
  <si>
    <t>POINT (4.566548217196818 51.83796757553791)</t>
  </si>
  <si>
    <t>POINT (4.629932052512744 51.81309860457868)</t>
  </si>
  <si>
    <t>POINT (4.6536845387326045 51.81965241258626)</t>
  </si>
  <si>
    <t>POINT (4.636882929000374 51.81461260914545)</t>
  </si>
  <si>
    <t>POINT (4.633270074043246 51.81168847501248)</t>
  </si>
  <si>
    <t>POINT (4.634007676643715 51.812689007510194)</t>
  </si>
  <si>
    <t>POINT (4.643261393034303 51.81606795707554)</t>
  </si>
  <si>
    <t>POINT (4.568968818043064 51.83470433655281)</t>
  </si>
  <si>
    <t>POINT (4.630980880242103 51.81305929189013)</t>
  </si>
  <si>
    <t>POINT (4.643676170025039 51.82589111502548)</t>
  </si>
  <si>
    <t>POINT (4.634309029353282 51.82432583369185)</t>
  </si>
  <si>
    <t>POINT (4.635185498975152 51.821484454418666)</t>
  </si>
  <si>
    <t>POINT (4.643121087473684 51.81941230857298)</t>
  </si>
  <si>
    <t>POINT (4.618882203030963 51.81333070567909)</t>
  </si>
  <si>
    <t>POINT (4.65455711449707 51.81640836416739)</t>
  </si>
  <si>
    <t>POINT (4.621843677790749 51.81513503682678)</t>
  </si>
  <si>
    <t>POINT (4.635795210345004 51.824202360852425)</t>
  </si>
  <si>
    <t>POINT (4.639118997629398 51.82553664220851)</t>
  </si>
  <si>
    <t>POINT (4.564540239216934 51.83228041751409)</t>
  </si>
  <si>
    <t>POINT (4.612105730671908 51.82112382269524)</t>
  </si>
  <si>
    <t>POINT (4.610603121276529 51.81855163698829)</t>
  </si>
  <si>
    <t>POINT (4.614880044400027 51.830072826640446)</t>
  </si>
  <si>
    <t>POINT (4.651791868690942 51.818399239968194)</t>
  </si>
  <si>
    <t>POINT (4.644768441262086 51.81997202205361)</t>
  </si>
  <si>
    <t>POINT (4.658176275364637 51.820995973463695)</t>
  </si>
  <si>
    <t>POINT (4.646495284238467 51.818878960452196)</t>
  </si>
  <si>
    <t>POINT (4.605396767638271 51.81317417827159)</t>
  </si>
  <si>
    <t>POINT (4.6281081823835155 51.80561879853927)</t>
  </si>
  <si>
    <t>POINT (4.580587613037448 51.81888111372742)</t>
  </si>
  <si>
    <t>POINT (4.638633552145319 51.825282448198244)</t>
  </si>
  <si>
    <t>POINT (4.630953913855978 51.813041554176046)</t>
  </si>
  <si>
    <t>POINT (4.621728546546144 51.814641848141356)</t>
  </si>
  <si>
    <t>POINT (4.657835235834746 51.81891505204155)</t>
  </si>
  <si>
    <t>POINT (4.61314683165942 51.82195933642283)</t>
  </si>
  <si>
    <t>POINT (4.6146258140325305 51.82190366143229)</t>
  </si>
  <si>
    <t>POINT (4.654918032926178 51.81735693638879)</t>
  </si>
  <si>
    <t>POINT (4.568268900189878 51.83845419704419)</t>
  </si>
  <si>
    <t>POINT (4.654649174410898 51.81720483288116)</t>
  </si>
  <si>
    <t>POINT (4.629263039173708 51.82135803426521)</t>
  </si>
  <si>
    <t>POINT (4.604128021785467 51.822114770823596)</t>
  </si>
  <si>
    <t>POINT (4.645988098033284 51.81483371458413)</t>
  </si>
  <si>
    <t>POINT (4.6152845797258735 51.81446685702342)</t>
  </si>
  <si>
    <t>POINT (4.653826767195425 51.81858974255626)</t>
  </si>
  <si>
    <t>POINT (4.61202778687857 51.81359111002509)</t>
  </si>
  <si>
    <t>POINT (4.656162465604726 51.81737158892275)</t>
  </si>
  <si>
    <t>POINT (4.612620622855286 51.81327222147497)</t>
  </si>
  <si>
    <t>POINT (4.620036338538303 51.83017285049081)</t>
  </si>
  <si>
    <t>POINT (4.6461193787866835 51.825691593078766)</t>
  </si>
  <si>
    <t>POINT (4.657053221208747 51.82616722389427)</t>
  </si>
  <si>
    <t>POINT (4.65248202551456 51.8215709495849)</t>
  </si>
  <si>
    <t>POINT (4.641787404501062 51.81642412933609)</t>
  </si>
  <si>
    <t>POINT (4.640057717412573 51.81989703166152)</t>
  </si>
  <si>
    <t>POINT (4.661994636763021 51.82576328325089)</t>
  </si>
  <si>
    <t>POINT (4.618484782357845 51.815486896583586)</t>
  </si>
  <si>
    <t>POINT (4.64161128431513 51.82070814545833)</t>
  </si>
  <si>
    <t>POINT (4.62052410530516 51.82000307910071)</t>
  </si>
  <si>
    <t>POINT (4.62254775977372 51.81222868494513)</t>
  </si>
  <si>
    <t>POINT (4.572470738168778 51.82833874021047)</t>
  </si>
  <si>
    <t>POINT (4.662090593797745 51.82539188903777)</t>
  </si>
  <si>
    <t>POINT (4.6493202077892715 51.82521000180646)</t>
  </si>
  <si>
    <t>POINT (4.653350494991254 51.815764381359614)</t>
  </si>
  <si>
    <t>POINT (4.638099203301935 51.81804951397785)</t>
  </si>
  <si>
    <t>POINT (4.567447713877098 51.83894389804426)</t>
  </si>
  <si>
    <t>POINT (4.604164542083037 51.81519593277627)</t>
  </si>
  <si>
    <t>POINT (4.61661873271972 51.818500916921344)</t>
  </si>
  <si>
    <t>POINT (4.63774880050462 51.824094420901254)</t>
  </si>
  <si>
    <t>POINT (4.611177105500148 51.81370015685746)</t>
  </si>
  <si>
    <t>POINT (4.649944816596164 51.828350157250384)</t>
  </si>
  <si>
    <t>POINT (4.641731102343241 51.81093917345211)</t>
  </si>
  <si>
    <t>POINT (4.657248351170652 51.82102056972576)</t>
  </si>
  <si>
    <t>POINT (4.642810337834853 51.8193138803622)</t>
  </si>
  <si>
    <t>POINT (4.654445832408943 51.821659998880996)</t>
  </si>
  <si>
    <t>POINT (4.617016231649923 51.819443637941475)</t>
  </si>
  <si>
    <t>POINT (4.651567198631281 51.82466779691796)</t>
  </si>
  <si>
    <t>POINT (4.6340782624252395 51.809651097455145)</t>
  </si>
  <si>
    <t>POINT (4.629691524638309 51.80914444589019)</t>
  </si>
  <si>
    <t>POINT (4.638604281078382 51.82523778548066)</t>
  </si>
  <si>
    <t>POINT (4.6305559429485585 51.808474197518464)</t>
  </si>
  <si>
    <t>POINT (4.659286978021589 51.821278100599386)</t>
  </si>
  <si>
    <t>POINT (4.6296560349653175 51.81499640695358)</t>
  </si>
  <si>
    <t>POINT (4.570658777632479 51.82765077041626)</t>
  </si>
  <si>
    <t>POINT (4.631200196020988 51.80679778403215)</t>
  </si>
  <si>
    <t>POINT (4.6373280979725235 51.81495102973412)</t>
  </si>
  <si>
    <t>POINT (4.656622493952431 51.82152692685309)</t>
  </si>
  <si>
    <t>POINT (4.626898638766629 51.80758170809726)</t>
  </si>
  <si>
    <t>POINT (4.6624391147842 51.8230745783776)</t>
  </si>
  <si>
    <t>POINT (4.597023908074956 51.81443455282912)</t>
  </si>
  <si>
    <t>POINT (4.637394647287303 51.823591228193955)</t>
  </si>
  <si>
    <t>POINT (4.651359030886116 51.82190438755005)</t>
  </si>
  <si>
    <t>POINT (4.568264921626181 51.8328923217945)</t>
  </si>
  <si>
    <t>POINT (4.641066195345439 51.825506744735506)</t>
  </si>
  <si>
    <t>POINT (4.630341654057344 51.81325643710065)</t>
  </si>
  <si>
    <t>POINT (4.644819964813143 51.81460760892548)</t>
  </si>
  <si>
    <t>POINT (4.647928990753808 51.81956215176551)</t>
  </si>
  <si>
    <t>POINT (4.6326653338998165 51.823915739991435)</t>
  </si>
  <si>
    <t>POINT (4.64028788629765 51.823222254135224)</t>
  </si>
  <si>
    <t>POINT (4.659087393220496 51.82597946660277)</t>
  </si>
  <si>
    <t>POINT (4.603408206425887 51.81324399615666)</t>
  </si>
  <si>
    <t>POINT (4.635208166439069 51.82147336378641)</t>
  </si>
  <si>
    <t>POINT (4.627418986998336 51.81325756873319)</t>
  </si>
  <si>
    <t>POINT (4.630631135706173 51.80755599079682)</t>
  </si>
  <si>
    <t>3334XN</t>
  </si>
  <si>
    <t>POINT (4.623221226237158 51.811357399538004)</t>
  </si>
  <si>
    <t>POINT (4.656716072221624 51.821394872391785)</t>
  </si>
  <si>
    <t>POINT (4.655121610431276 51.8197525575738)</t>
  </si>
  <si>
    <t>POINT (4.639738920495612 51.80927691185531)</t>
  </si>
  <si>
    <t>POINT (4.6340591475620805 51.809665140980094)</t>
  </si>
  <si>
    <t>POINT (4.5707019572374445 51.83573112532709)</t>
  </si>
  <si>
    <t>POINT (4.617424440558185 51.81913172008234)</t>
  </si>
  <si>
    <t>POINT (4.639074103296438 51.8232758444789)</t>
  </si>
  <si>
    <t>POINT (4.622146311368943 51.811399384988775)</t>
  </si>
  <si>
    <t>POINT (4.650533900601416 51.81390918609658)</t>
  </si>
  <si>
    <t>POINT (4.634263655592076 51.810212175883244)</t>
  </si>
  <si>
    <t>POINT (4.628667856059603 51.809392510408365)</t>
  </si>
  <si>
    <t>POINT (4.636251128709034 51.818174052866574)</t>
  </si>
  <si>
    <t>POINT (4.621801121528159 51.814885061764905)</t>
  </si>
  <si>
    <t>POINT (4.621644093305079 51.81446618807139)</t>
  </si>
  <si>
    <t>POINT (4.659390857039735 51.83048269368609)</t>
  </si>
  <si>
    <t>POINT (4.646066265021484 51.81448451211939)</t>
  </si>
  <si>
    <t>POINT (4.619859405269147 51.81986136955775)</t>
  </si>
  <si>
    <t>POINT (4.606047643927534 51.815829585763055)</t>
  </si>
  <si>
    <t>POINT (4.619156943391602 51.82042513985228)</t>
  </si>
  <si>
    <t>POINT (4.647778284592074 51.818855293782086)</t>
  </si>
  <si>
    <t>POINT (4.639604248114564 51.81946723493954)</t>
  </si>
  <si>
    <t>POINT (4.66086144302568 51.827548338095426)</t>
  </si>
  <si>
    <t>POINT (4.632960555577286 51.811892776890566)</t>
  </si>
  <si>
    <t>POINT (4.611354577989694 51.82091637070415)</t>
  </si>
  <si>
    <t>POINT (4.618226751849184 51.81454797044112)</t>
  </si>
  <si>
    <t>POINT (4.628599536181656 51.80938080589679)</t>
  </si>
  <si>
    <t>POINT (4.631230493662853 51.822767666103594)</t>
  </si>
  <si>
    <t>POINT (4.60858646675333 51.81913383180186)</t>
  </si>
  <si>
    <t>POINT (4.657271847429243 51.820942721103755)</t>
  </si>
  <si>
    <t>POINT (4.650584706179352 51.818753293264535)</t>
  </si>
  <si>
    <t>POINT (4.563332332315288 51.831556647971084)</t>
  </si>
  <si>
    <t>POINT (4.562342203509547 51.837280399909766)</t>
  </si>
  <si>
    <t>POINT (4.603821085833408 51.81469188059944)</t>
  </si>
  <si>
    <t>POINT (4.606233406034566 51.822589857654265)</t>
  </si>
  <si>
    <t>POINT (4.6489169862205815 51.81477473931383)</t>
  </si>
  <si>
    <t>POINT (4.639019561159899 51.814183754799785)</t>
  </si>
  <si>
    <t>POINT (4.6532390481391985 51.81562224743118)</t>
  </si>
  <si>
    <t>POINT (4.568138989400606 51.838923446750215)</t>
  </si>
  <si>
    <t>POINT (4.595382529294062 51.815137536758925)</t>
  </si>
  <si>
    <t>POINT (4.6060333795666635 51.82029086521666)</t>
  </si>
  <si>
    <t>POINT (4.6171461680965065 51.821087663365965)</t>
  </si>
  <si>
    <t>POINT (4.559298951850837 51.83626415597163)</t>
  </si>
  <si>
    <t>POINT (4.62631317405231 51.81392317316821)</t>
  </si>
  <si>
    <t>POINT (4.637541869589332 51.81120680299563)</t>
  </si>
  <si>
    <t>POINT (4.657330584667543 51.82414267737135)</t>
  </si>
  <si>
    <t>POINT (4.651339991693407 51.82619160746004)</t>
  </si>
  <si>
    <t>POINT (4.633471078285677 51.824885269163296)</t>
  </si>
  <si>
    <t>POINT (4.564274163531228 51.83236418828335)</t>
  </si>
  <si>
    <t>2995BX</t>
  </si>
  <si>
    <t>Waalpad</t>
  </si>
  <si>
    <t>POINT (4.562438557715285 51.8380511427962)</t>
  </si>
  <si>
    <t>POINT (4.566881218345367 51.83787876610038)</t>
  </si>
  <si>
    <t>POINT (4.660123874688285 51.82810783755152)</t>
  </si>
  <si>
    <t>POINT (4.638487623559629 51.817891634240716)</t>
  </si>
  <si>
    <t>POINT (4.6085347182422804 51.8152613795897)</t>
  </si>
  <si>
    <t>POINT (4.619071206329321 51.817977356705825)</t>
  </si>
  <si>
    <t>POINT (4.644034643676973 51.81832671705265)</t>
  </si>
  <si>
    <t>POINT (4.630394828074498 51.8201876831251)</t>
  </si>
  <si>
    <t>POINT (4.616357980488207 51.82029058356849)</t>
  </si>
  <si>
    <t>POINT (4.656869321159975 51.82487129742317)</t>
  </si>
  <si>
    <t>POINT (4.616961471827486 51.82019605641542)</t>
  </si>
  <si>
    <t>POINT (4.558066736978235 51.83264118909068)</t>
  </si>
  <si>
    <t>POINT (4.616115804654926 51.819551819212464)</t>
  </si>
  <si>
    <t>POINT (4.618444976539862 51.82026527038782)</t>
  </si>
  <si>
    <t>POINT (4.634017802147949 51.81763756069406)</t>
  </si>
  <si>
    <t>POINT (4.61504028383066 51.81416120633727)</t>
  </si>
  <si>
    <t>POINT (4.644041433535423 51.81743980984419)</t>
  </si>
  <si>
    <t>POINT (4.608521290184112 51.820253573917945)</t>
  </si>
  <si>
    <t>POINT (4.609532267149065 51.81351600156002)</t>
  </si>
  <si>
    <t>POINT (4.641192834760813 51.81655636827853)</t>
  </si>
  <si>
    <t>POINT (4.60894182317446 51.822225639060015)</t>
  </si>
  <si>
    <t>POINT (4.646689293806452 51.824674669017064)</t>
  </si>
  <si>
    <t>POINT (4.622574186769258 51.812313917372315)</t>
  </si>
  <si>
    <t>POINT (4.61820415002551 51.82201715661004)</t>
  </si>
  <si>
    <t>POINT (4.639135449372269 51.8192240338928)</t>
  </si>
  <si>
    <t>POINT (4.611778186375522 51.820766281138276)</t>
  </si>
  <si>
    <t>POINT (4.64262078093058 51.82604595145135)</t>
  </si>
  <si>
    <t>POINT (4.605096990260239 51.821679939475445)</t>
  </si>
  <si>
    <t>POINT (4.562082552360982 51.832447418880754)</t>
  </si>
  <si>
    <t>POINT (4.646389362446794 51.82590365951125)</t>
  </si>
  <si>
    <t>POINT (4.641092560706345 51.82567450639325)</t>
  </si>
  <si>
    <t>POINT (4.61459809369459 51.82058791762271)</t>
  </si>
  <si>
    <t>POINT (4.615701065613613 51.8197335150595)</t>
  </si>
  <si>
    <t>POINT (4.634894350778925 51.82426838282647)</t>
  </si>
  <si>
    <t>POINT (4.627193160473759 51.80858792545812)</t>
  </si>
  <si>
    <t>POINT (4.630138071410258 51.81311489105729)</t>
  </si>
  <si>
    <t>POINT (4.646677292312229 51.82399078823578)</t>
  </si>
  <si>
    <t>POINT (4.640697076019628 51.82309650791179)</t>
  </si>
  <si>
    <t>POINT (4.642866916861715 51.81639783074989)</t>
  </si>
  <si>
    <t>POINT (4.643248817749454 51.81688356541033)</t>
  </si>
  <si>
    <t>POINT (4.64539157986442 51.814375144486576)</t>
  </si>
  <si>
    <t>POINT (4.644185758358287 51.81532355375305)</t>
  </si>
  <si>
    <t>POINT (4.627630732185964 51.81548351944557)</t>
  </si>
  <si>
    <t>POINT (4.638145105377519 51.81772844305352)</t>
  </si>
  <si>
    <t>POINT (4.629347270048893 51.807213927882295)</t>
  </si>
  <si>
    <t>POINT (4.637353311736878 51.823175048346954)</t>
  </si>
  <si>
    <t>POINT (4.6194369472826935 51.83040244001298)</t>
  </si>
  <si>
    <t>POINT (4.619428547046158 51.83039309075252)</t>
  </si>
  <si>
    <t>POINT (4.630292749884781 51.811840858295085)</t>
  </si>
  <si>
    <t>POINT (4.578643889506382 51.82646331928874)</t>
  </si>
  <si>
    <t>POINT (4.605258008096165 51.81894851206428)</t>
  </si>
  <si>
    <t>POINT (4.635023687286548 51.809926400204)</t>
  </si>
  <si>
    <t>POINT (4.605840499270291 51.82239936031327)</t>
  </si>
  <si>
    <t>POINT (4.60910731681877 51.819157690553446)</t>
  </si>
  <si>
    <t>POINT (4.56751272410603 51.83278789880106)</t>
  </si>
  <si>
    <t>POINT (4.633103689821673 51.8094805788689)</t>
  </si>
  <si>
    <t>POINT (4.607557672107388 51.81698494386352)</t>
  </si>
  <si>
    <t>POINT (4.585874643671357 51.84193929880452)</t>
  </si>
  <si>
    <t>POINT (4.6307557296863635 51.80701101726641)</t>
  </si>
  <si>
    <t>POINT (4.651015364913513 51.81884420144453)</t>
  </si>
  <si>
    <t>POINT (4.627183202205621 51.8136830506719)</t>
  </si>
  <si>
    <t>POINT (4.612113466712946 51.8145392043993)</t>
  </si>
  <si>
    <t>POINT (4.604096156173716 51.81394474839164)</t>
  </si>
  <si>
    <t>POINT (4.647482846967135 51.82589967963852)</t>
  </si>
  <si>
    <t>POINT (4.656847658650538 51.81890636666383)</t>
  </si>
  <si>
    <t>POINT (4.601651445846323 51.815013942382755)</t>
  </si>
  <si>
    <t>POINT (4.656743271161274 51.82141261453699)</t>
  </si>
  <si>
    <t>POINT (4.651258281798289 51.82243904980112)</t>
  </si>
  <si>
    <t>POINT (4.602940634333161 51.81508509960735)</t>
  </si>
  <si>
    <t>POINT (4.628081647590448 51.8125884139642)</t>
  </si>
  <si>
    <t>POINT (4.623994221423071 51.81154988020724)</t>
  </si>
  <si>
    <t>POINT (4.6027471854096484 51.82138220898941)</t>
  </si>
  <si>
    <t>POINT (4.559905643999327 51.835266214406055)</t>
  </si>
  <si>
    <t>POINT (4.606744781536782 51.81835485173285)</t>
  </si>
  <si>
    <t>POINT (4.613180179313882 51.814375126617655)</t>
  </si>
  <si>
    <t>POINT (4.621611204692246 51.81140358944535)</t>
  </si>
  <si>
    <t>POINT (4.612533330452508 51.81852358496987)</t>
  </si>
  <si>
    <t>POINT (4.608660599081646 51.82024973410016)</t>
  </si>
  <si>
    <t>POINT (4.64922152295745 51.82646886609492)</t>
  </si>
  <si>
    <t>POINT (4.635607063485442 51.82267195469647)</t>
  </si>
  <si>
    <t>POINT (4.654006620678011 51.820343335636885)</t>
  </si>
  <si>
    <t>POINT (4.660523508920191 51.8274754876799)</t>
  </si>
  <si>
    <t>POINT (4.645118638439942 51.82458015663597)</t>
  </si>
  <si>
    <t>POINT (4.623896506869489 51.81188580916278)</t>
  </si>
  <si>
    <t>POINT (4.6163866944172325 51.81453090999379)</t>
  </si>
  <si>
    <t>POINT (4.573501480729145 51.8286071211927)</t>
  </si>
  <si>
    <t>POINT (4.6394886684709284 51.82193184547671)</t>
  </si>
  <si>
    <t>POINT (4.651721973323858 51.82132833070671)</t>
  </si>
  <si>
    <t>POINT (4.661654539850441 51.82498931548128)</t>
  </si>
  <si>
    <t>POINT (4.639819750499407 51.80915342751468)</t>
  </si>
  <si>
    <t>POINT (4.599042986951652 51.815682095377824)</t>
  </si>
  <si>
    <t>POINT (4.615153519923537 51.817676343121484)</t>
  </si>
  <si>
    <t>POINT (4.66031716721492 51.826799062210995)</t>
  </si>
  <si>
    <t>POINT (4.634113164192326 51.82456510558859)</t>
  </si>
  <si>
    <t>POINT (4.617417239805978 51.82112456051007)</t>
  </si>
  <si>
    <t>POINT (4.595360378785615 51.815004048344)</t>
  </si>
  <si>
    <t>POINT (4.638056923096118 51.82553381430936)</t>
  </si>
  <si>
    <t>POINT (4.65095846940827 51.82253004953429)</t>
  </si>
  <si>
    <t>POINT (4.649646511002742 51.822256178888956)</t>
  </si>
  <si>
    <t>POINT (4.5972500790635 51.81637517080328)</t>
  </si>
  <si>
    <t>POINT (4.63925400320377 51.82561022107472)</t>
  </si>
  <si>
    <t>POINT (4.651781395029043 51.8250018101662)</t>
  </si>
  <si>
    <t>POINT (4.639917377433052 51.811012212138)</t>
  </si>
  <si>
    <t>POINT (4.653372394260143 51.82424949225465)</t>
  </si>
  <si>
    <t>POINT (4.611967059127012 51.81376354407552)</t>
  </si>
  <si>
    <t>POINT (4.609632497560575 51.82072394128503)</t>
  </si>
  <si>
    <t>POINT (4.631529507826729 51.806892920498576)</t>
  </si>
  <si>
    <t>POINT (4.6585804658826175 51.822448338766996)</t>
  </si>
  <si>
    <t>POINT (4.603236679520038 51.820237205944224)</t>
  </si>
  <si>
    <t>POINT (4.63291557459524 51.811868308148625)</t>
  </si>
  <si>
    <t>POINT (4.608049656556784 51.82218051988903)</t>
  </si>
  <si>
    <t>POINT (4.638671129674667 51.823967579638264)</t>
  </si>
  <si>
    <t>POINT (4.633379844526683 51.808795435937135)</t>
  </si>
  <si>
    <t>POINT (4.640800657947481 51.810542735784644)</t>
  </si>
  <si>
    <t>POINT (4.628834738438298 51.80674275379771)</t>
  </si>
  <si>
    <t>POINT (4.647899708850949 51.821886899858235)</t>
  </si>
  <si>
    <t>POINT (4.649901839159441 51.81612290632997)</t>
  </si>
  <si>
    <t>POINT (4.637577554309231 51.82390735129349)</t>
  </si>
  <si>
    <t>POINT (4.630002793042885 51.81483936493306)</t>
  </si>
  <si>
    <t>POINT (4.607721517624977 51.81335475707973)</t>
  </si>
  <si>
    <t>POINT (4.645873947057828 51.814324880656145)</t>
  </si>
  <si>
    <t>POINT (4.633947472680195 51.824727789387275)</t>
  </si>
  <si>
    <t>POINT (4.645584134031486 51.81423469067417)</t>
  </si>
  <si>
    <t>POINT (4.636590580762782 51.8253819034933)</t>
  </si>
  <si>
    <t>POINT (4.638572887390333 51.82398130799878)</t>
  </si>
  <si>
    <t>POINT (4.6360372498976306 51.82116587537009)</t>
  </si>
  <si>
    <t>POINT (4.614044466174544 51.822169386777844)</t>
  </si>
  <si>
    <t>POINT (4.6414707159141955 51.81645116887814)</t>
  </si>
  <si>
    <t>POINT (4.656922767178933 51.81764271096281)</t>
  </si>
  <si>
    <t>POINT (4.629836134928288 51.81488904872703)</t>
  </si>
  <si>
    <t>POINT (4.65606259344555 51.82187754925064)</t>
  </si>
  <si>
    <t>POINT (4.643989320540343 51.82213560300563)</t>
  </si>
  <si>
    <t>POINT (4.630656412058795 51.82259017953658)</t>
  </si>
  <si>
    <t>POINT (4.611937041413201 51.81554957606666)</t>
  </si>
  <si>
    <t>POINT (4.653172541497739 51.81549643929344)</t>
  </si>
  <si>
    <t>POINT (4.632259301333025 51.81084110092684)</t>
  </si>
  <si>
    <t>POINT (4.616239430895793 51.82151621598089)</t>
  </si>
  <si>
    <t>POINT (4.639211719371083 51.82398008658523)</t>
  </si>
  <si>
    <t>POINT (4.637419938384278 51.82357330451246)</t>
  </si>
  <si>
    <t>POINT (4.639314675150154 51.818256374553975)</t>
  </si>
  <si>
    <t>POINT (4.6146086441616205 51.813459833793516)</t>
  </si>
  <si>
    <t>POINT (4.641105725036023 51.818958465670704)</t>
  </si>
  <si>
    <t>POINT (4.639679103283044 51.822076176471874)</t>
  </si>
  <si>
    <t>POINT (4.648897150435348 51.817560416195846)</t>
  </si>
  <si>
    <t>POINT (4.638337379835411 51.810545729407444)</t>
  </si>
  <si>
    <t>POINT (4.634716099955146 51.82389596217716)</t>
  </si>
  <si>
    <t>POINT (4.632667746375464 51.809581209626714)</t>
  </si>
  <si>
    <t>POINT (4.6563732843482715 51.821754334920335)</t>
  </si>
  <si>
    <t>POINT (4.602048130070121 51.821207962169126)</t>
  </si>
  <si>
    <t>POINT (4.641753375200621 51.81895556995207)</t>
  </si>
  <si>
    <t>POINT (4.642959824714156 51.80992945174146)</t>
  </si>
  <si>
    <t>POINT (4.651692529012919 51.82462422323128)</t>
  </si>
  <si>
    <t>POINT (4.6329417190707884 51.82464492659862)</t>
  </si>
  <si>
    <t>POINT (4.645695938590074 51.82088861949857)</t>
  </si>
  <si>
    <t>POINT (4.628681183517826 51.81358588485691)</t>
  </si>
  <si>
    <t>POINT (4.652630775802643 51.82103405193003)</t>
  </si>
  <si>
    <t>POINT (4.635781814441285 51.82042941433634)</t>
  </si>
  <si>
    <t>POINT (4.647354648825492 51.82020054955543)</t>
  </si>
  <si>
    <t>POINT (4.632846785549634 51.80779771493586)</t>
  </si>
  <si>
    <t>POINT (4.631979851047856 51.80816216782397)</t>
  </si>
  <si>
    <t>POINT (4.64164223208613 51.818239966197204)</t>
  </si>
  <si>
    <t>POINT (4.646200964185898 51.819052265129216)</t>
  </si>
  <si>
    <t>POINT (4.622787325499431 51.81433043222223)</t>
  </si>
  <si>
    <t>POINT (4.628570267018451 51.81415918690295)</t>
  </si>
  <si>
    <t>POINT (4.569568912099797 51.835830267934824)</t>
  </si>
  <si>
    <t>POINT (4.658084596195969 51.82509611811603)</t>
  </si>
  <si>
    <t>POINT (4.652446788872046 51.821503601529606)</t>
  </si>
  <si>
    <t>POINT (4.651471239158703 51.81431295069608)</t>
  </si>
  <si>
    <t>POINT (4.634188775823797 51.82415747704028)</t>
  </si>
  <si>
    <t>POINT (4.635635035938918 51.80750457032699)</t>
  </si>
  <si>
    <t>POINT (4.630982212375896 51.80855317868483)</t>
  </si>
  <si>
    <t>POINT (4.656082660883096 51.826338250282134)</t>
  </si>
  <si>
    <t>POINT (4.654752345617814 51.82623102706531)</t>
  </si>
  <si>
    <t>POINT (4.629821124645038 51.81144037046551)</t>
  </si>
  <si>
    <t>POINT (4.650540666600658 51.826898892276766)</t>
  </si>
  <si>
    <t>POINT (4.603481216593702 51.82044953489651)</t>
  </si>
  <si>
    <t>POINT (4.657294306792909 51.82100951182373)</t>
  </si>
  <si>
    <t>POINT (4.602495925732004 51.82014542438038)</t>
  </si>
  <si>
    <t>POINT (4.596061396925054 51.815025648249346)</t>
  </si>
  <si>
    <t>POINT (4.637114808271418 51.822924438696404)</t>
  </si>
  <si>
    <t>POINT (4.613259378715383 51.8181350648175)</t>
  </si>
  <si>
    <t>POINT (4.604575314471823 51.82189419579809)</t>
  </si>
  <si>
    <t>POINT (4.63499620210254 51.82077840170588)</t>
  </si>
  <si>
    <t>POINT (4.60084034643068 51.814384763900776)</t>
  </si>
  <si>
    <t>POINT (4.638869446764314 51.80949984516347)</t>
  </si>
  <si>
    <t>POINT (4.649295681928415 51.81269500746531)</t>
  </si>
  <si>
    <t>POINT (4.644591766115131 51.82618816271126)</t>
  </si>
  <si>
    <t>POINT (4.640513043511174 51.80963186046188)</t>
  </si>
  <si>
    <t>POINT (4.609106047137505 51.816245048045666)</t>
  </si>
  <si>
    <t>POINT (4.6306004118178405 51.824734566789914)</t>
  </si>
  <si>
    <t>POINT (4.563043487243236 51.83588911235839)</t>
  </si>
  <si>
    <t>POINT (4.661045256891115 51.82727018851543)</t>
  </si>
  <si>
    <t>POINT (4.633104025200084 51.820484391671)</t>
  </si>
  <si>
    <t>POINT (4.642715213042439 51.822032202983145)</t>
  </si>
  <si>
    <t>POINT (4.626782869111601 51.8121739400404)</t>
  </si>
  <si>
    <t>POINT (4.644511688786139 51.82129493480301)</t>
  </si>
  <si>
    <t>POINT (4.647289196312354 51.82365500091222)</t>
  </si>
  <si>
    <t>POINT (4.6395563475398856 51.822650688786155)</t>
  </si>
  <si>
    <t>POINT (4.6566840513341035 51.82366499695889)</t>
  </si>
  <si>
    <t>POINT (4.655057948127286 51.821156506835955)</t>
  </si>
  <si>
    <t>POINT (4.650650713890033 51.81873373468049)</t>
  </si>
  <si>
    <t>POINT (4.6582650053530905 51.83030060849605)</t>
  </si>
  <si>
    <t>POINT (4.641545719132881 51.81930382106992)</t>
  </si>
  <si>
    <t>POINT (4.645782757984933 51.81993835356826)</t>
  </si>
  <si>
    <t>POINT (4.615436709003543 51.81342840180265)</t>
  </si>
  <si>
    <t>POINT (4.645403085594332 51.821271448787165)</t>
  </si>
  <si>
    <t>POINT (4.595473980890985 51.81556381549891)</t>
  </si>
  <si>
    <t>POINT (4.6283206672378325 51.8124627067134)</t>
  </si>
  <si>
    <t>POINT (4.635411496114452 51.80779698828212)</t>
  </si>
  <si>
    <t>POINT (4.6113778690500045 51.82182581435522)</t>
  </si>
  <si>
    <t>POINT (4.626351319096023 51.81314441372725)</t>
  </si>
  <si>
    <t>POINT (4.626669846380312 51.82647885895215)</t>
  </si>
  <si>
    <t>POINT (4.656358025121635 51.82016203939419)</t>
  </si>
  <si>
    <t>POINT (4.65279342916243 51.815317107163715)</t>
  </si>
  <si>
    <t>POINT (4.656899416231989 51.82108039394063)</t>
  </si>
  <si>
    <t>POINT (4.641033745778445 51.8255505200956)</t>
  </si>
  <si>
    <t>POINT (4.61730613899513 51.82210503955645)</t>
  </si>
  <si>
    <t>POINT (4.613804653498504 51.8165124742009)</t>
  </si>
  <si>
    <t>POINT (4.661638555114873 51.82685530914363)</t>
  </si>
  <si>
    <t>POINT (4.654238808418434 51.82416439902189)</t>
  </si>
  <si>
    <t>POINT (4.604721475889118 51.81598486706097)</t>
  </si>
  <si>
    <t>POINT (4.615929926527732 51.8201650753706)</t>
  </si>
  <si>
    <t>POINT (4.632810568089445 51.820091964752194)</t>
  </si>
  <si>
    <t>POINT (4.625267254130432 51.82316238779726)</t>
  </si>
  <si>
    <t>POINT (4.657026323829787 51.81953367471928)</t>
  </si>
  <si>
    <t>POINT (4.605413686059627 51.816087277790196)</t>
  </si>
  <si>
    <t>POINT (4.605815508766542 51.81325249955704)</t>
  </si>
  <si>
    <t>POINT (4.648885675603798 51.81573993669838)</t>
  </si>
  <si>
    <t>POINT (4.648232854964278 51.82404749527157)</t>
  </si>
  <si>
    <t>POINT (4.6498107544132905 51.82713841456943)</t>
  </si>
  <si>
    <t>POINT (4.5696353180750995 51.83806125032768)</t>
  </si>
  <si>
    <t>POINT (4.622293290040774 51.8118734643091)</t>
  </si>
  <si>
    <t>POINT (4.612290052991902 51.819587699427906)</t>
  </si>
  <si>
    <t>POINT (4.63651420537373 51.82200642167664)</t>
  </si>
  <si>
    <t>POINT (4.629625703849822 51.81203831450516)</t>
  </si>
  <si>
    <t>POINT (4.64128529046065 51.81565808631562)</t>
  </si>
  <si>
    <t>POINT (4.620449773083422 51.81158527284723)</t>
  </si>
  <si>
    <t>POINT (4.655331750385678 51.82751319902006)</t>
  </si>
  <si>
    <t>POINT (4.6498459387688005 51.822449574014584)</t>
  </si>
  <si>
    <t>POINT (4.655224008962342 51.8211754480679)</t>
  </si>
  <si>
    <t>POINT (4.625703382581168 51.81453937604165)</t>
  </si>
  <si>
    <t>POINT (4.598225509429731 51.81608331561709)</t>
  </si>
  <si>
    <t>POINT (4.638875175154422 51.80826611885263)</t>
  </si>
  <si>
    <t>POINT (4.568991025778891 51.83566497444587)</t>
  </si>
  <si>
    <t>POINT (4.636918375046726 51.82518403689125)</t>
  </si>
  <si>
    <t>POINT (4.630417236258899 51.81363501660608)</t>
  </si>
  <si>
    <t>POINT (4.638373111262629 51.81923392273842)</t>
  </si>
  <si>
    <t>POINT (4.642566166227603 51.82558319107864)</t>
  </si>
  <si>
    <t>POINT (4.619350676882579 51.81532257969413)</t>
  </si>
  <si>
    <t>POINT (4.624937441089355 51.81191063373787)</t>
  </si>
  <si>
    <t>POINT (4.646468955897633 51.819446708618536)</t>
  </si>
  <si>
    <t>POINT (4.614873301175766 51.815947451775926)</t>
  </si>
  <si>
    <t>POINT (4.639269042280496 51.823464563994015)</t>
  </si>
  <si>
    <t>POINT (4.649599246123236 51.81562750786927)</t>
  </si>
  <si>
    <t>POINT (4.621871403048525 51.812352041444264)</t>
  </si>
  <si>
    <t>POINT (4.6146931912766025 51.81329569900411)</t>
  </si>
  <si>
    <t>POINT (4.617972078838503 51.82163929647022)</t>
  </si>
  <si>
    <t>POINT (4.6385560362947995 51.818861915054796)</t>
  </si>
  <si>
    <t>POINT (4.635201519527261 51.809795648646606)</t>
  </si>
  <si>
    <t>POINT (4.612734502938853 51.813654121991455)</t>
  </si>
  <si>
    <t>POINT (4.6053125844174065 51.81433469181939)</t>
  </si>
  <si>
    <t>POINT (4.63579371481979 51.81031237381639)</t>
  </si>
  <si>
    <t>3334CA</t>
  </si>
  <si>
    <t>Bolenstein</t>
  </si>
  <si>
    <t>POINT (4.602697719595038 51.81312207144531)</t>
  </si>
  <si>
    <t>POINT (4.629933610287072 51.811519118424876)</t>
  </si>
  <si>
    <t>POINT (4.6441950713774345 51.826284410896555)</t>
  </si>
  <si>
    <t>POINT (4.634903918110309 51.810014467835)</t>
  </si>
  <si>
    <t>POINT (4.621653405732269 51.81375638295172)</t>
  </si>
  <si>
    <t>POINT (4.645155874039389 51.82134945392255)</t>
  </si>
  <si>
    <t>POINT (4.564642075521121 51.83180903302613)</t>
  </si>
  <si>
    <t>POINT (4.620693436139793 51.828995632488)</t>
  </si>
  <si>
    <t>POINT (4.6522526132468975 51.82420426601492)</t>
  </si>
  <si>
    <t>POINT (4.65755308743879 51.82322779128769)</t>
  </si>
  <si>
    <t>POINT (4.639506001008905 51.82207966706623)</t>
  </si>
  <si>
    <t>POINT (4.647537581070637 51.8249520513089)</t>
  </si>
  <si>
    <t>POINT (4.596993460757213 51.813394908030496)</t>
  </si>
  <si>
    <t>POINT (4.61142963913419 51.82142540358717)</t>
  </si>
  <si>
    <t>POINT (4.6044657273860885 51.813583547900414)</t>
  </si>
  <si>
    <t>POINT (4.659352470050782 51.82982341569394)</t>
  </si>
  <si>
    <t>POINT (4.645663257920146 51.82118849135797)</t>
  </si>
  <si>
    <t>POINT (4.640843960171087 51.813567502380934)</t>
  </si>
  <si>
    <t>POINT (4.648545085069546 51.826643557791364)</t>
  </si>
  <si>
    <t>POINT (4.619629487675497 51.83021028934253)</t>
  </si>
  <si>
    <t>POINT (4.657706213459631 51.829470044915034)</t>
  </si>
  <si>
    <t>POINT (4.615023752306102 51.81851647380437)</t>
  </si>
  <si>
    <t>POINT (4.630358439196956 51.81272133962141)</t>
  </si>
  <si>
    <t>POINT (4.5583498828533004 51.83246936418524)</t>
  </si>
  <si>
    <t>POINT (4.629194527054104 51.80703783208755)</t>
  </si>
  <si>
    <t>POINT (4.641075335847536 51.82262567662449)</t>
  </si>
  <si>
    <t>POINT (4.637826648883969 51.819518774165324)</t>
  </si>
  <si>
    <t>POINT (4.633801225896177 51.809849542607374)</t>
  </si>
  <si>
    <t>POINT (4.567905030245524 51.834323281617394)</t>
  </si>
  <si>
    <t>POINT (4.6270916356219844 51.8150205171129)</t>
  </si>
  <si>
    <t>POINT (4.627525783652993 51.809003200734416)</t>
  </si>
  <si>
    <t>POINT (4.627157040150084 51.80654735140591)</t>
  </si>
  <si>
    <t>POINT (4.639454840296947 51.81052605099993)</t>
  </si>
  <si>
    <t>POINT (4.625440502196715 51.813572497923126)</t>
  </si>
  <si>
    <t>POINT (4.65095566432641 51.814204477679624)</t>
  </si>
  <si>
    <t>POINT (4.611243231697562 51.814597749816826)</t>
  </si>
  <si>
    <t>POINT (4.611846210887353 51.81629575010701)</t>
  </si>
  <si>
    <t>POINT (4.656410118383019 51.82839270875524)</t>
  </si>
  <si>
    <t>POINT (4.636239536093377 51.823914042840975)</t>
  </si>
  <si>
    <t>POINT (4.640385811627654 51.80937361430529)</t>
  </si>
  <si>
    <t>POINT (4.640772944462912 51.82564138239835)</t>
  </si>
  <si>
    <t>POINT (4.617590571933582 51.81699342343031)</t>
  </si>
  <si>
    <t>POINT (4.653290116070377 51.82068106544125)</t>
  </si>
  <si>
    <t>POINT (4.622225574592667 51.811655073457196)</t>
  </si>
  <si>
    <t>POINT (4.657352535452497 51.82301647902809)</t>
  </si>
  <si>
    <t>POINT (4.619797588221095 51.83029628672673)</t>
  </si>
  <si>
    <t>POINT (4.635817523095507 51.82263777891024)</t>
  </si>
  <si>
    <t>POINT (4.655215950817361 51.818548258252186)</t>
  </si>
  <si>
    <t>POINT (4.63483775669753 51.80866878444298)</t>
  </si>
  <si>
    <t>POINT (4.636076553935057 51.807979933884816)</t>
  </si>
  <si>
    <t>POINT (4.636640280114963 51.81080803565735)</t>
  </si>
  <si>
    <t>POINT (4.633801355139858 51.82045324791332)</t>
  </si>
  <si>
    <t>POINT (4.603576202245129 51.815286279440734)</t>
  </si>
  <si>
    <t>POINT (4.632512495621921 51.82486994105484)</t>
  </si>
  <si>
    <t>POINT (4.650763061678889 51.82643310134463)</t>
  </si>
  <si>
    <t>POINT (4.63170827697824 51.81091992720273)</t>
  </si>
  <si>
    <t>POINT (4.5687273268964255 51.8368400410885)</t>
  </si>
  <si>
    <t>POINT (4.641501876336818 51.82132537792937)</t>
  </si>
  <si>
    <t>POINT (4.648663245717979 51.81384183337222)</t>
  </si>
  <si>
    <t>POINT (4.5667813392830645 51.83562738575006)</t>
  </si>
  <si>
    <t>POINT (4.614652317689303 51.81342724955478)</t>
  </si>
  <si>
    <t>POINT (4.613754455873985 51.82144901696696)</t>
  </si>
  <si>
    <t>POINT (4.63616921085942 51.81003628053148)</t>
  </si>
  <si>
    <t>POINT (4.569628899872024 51.83868594992056)</t>
  </si>
  <si>
    <t>POINT (4.635442393226425 51.8077554336717)</t>
  </si>
  <si>
    <t>POINT (4.625829233276584 51.810314598145226)</t>
  </si>
  <si>
    <t>POINT (4.6572836915392415 51.82416305971054)</t>
  </si>
  <si>
    <t>POINT (4.641882260793522 51.82162549954227)</t>
  </si>
  <si>
    <t>POINT (4.613206155610519 51.81613788754485)</t>
  </si>
  <si>
    <t>POINT (4.64260491681315 51.81939376313329)</t>
  </si>
  <si>
    <t>POINT (4.636862801572029 51.821314696623055)</t>
  </si>
  <si>
    <t>POINT (4.619127833246415 51.818008585577715)</t>
  </si>
  <si>
    <t>POINT (4.6545825696516205 51.81723727974609)</t>
  </si>
  <si>
    <t>POINT (4.632710180981101 51.80726801269849)</t>
  </si>
  <si>
    <t>POINT (4.653641247495923 51.826750788707415)</t>
  </si>
  <si>
    <t>POINT (4.619404318339325 51.830357381963594)</t>
  </si>
  <si>
    <t>POINT (4.603137821806298 51.81966410747611)</t>
  </si>
  <si>
    <t>POINT (4.597557856971425 51.80884857940267)</t>
  </si>
  <si>
    <t>POINT (4.6298283193550445 51.81348618447026)</t>
  </si>
  <si>
    <t>POINT (4.655702796724541 51.82182053036115)</t>
  </si>
  <si>
    <t>POINT (4.602698147515375 51.81308247893105)</t>
  </si>
  <si>
    <t>POINT (4.652651704609672 51.825119348780866)</t>
  </si>
  <si>
    <t>POINT (4.634254763692619 51.80874394794249)</t>
  </si>
  <si>
    <t>POINT (4.62246687989204 51.81210575853469)</t>
  </si>
  <si>
    <t>POINT (4.561262510816021 51.83348560542693)</t>
  </si>
  <si>
    <t>POINT (4.650167839680219 51.81386972838595)</t>
  </si>
  <si>
    <t>POINT (4.656282274586991 51.817340524210174)</t>
  </si>
  <si>
    <t>POINT (4.640416998581255 51.808728621543324)</t>
  </si>
  <si>
    <t>POINT (4.622217621910263 51.81263914236959)</t>
  </si>
  <si>
    <t>POINT (4.661770011721298 51.82451496904655)</t>
  </si>
  <si>
    <t>POINT (4.648906883642856 51.825759343568635)</t>
  </si>
  <si>
    <t>POINT (4.625638588644655 51.80483694783681)</t>
  </si>
  <si>
    <t>POINT (4.647073447682204 51.823683797656045)</t>
  </si>
  <si>
    <t>POINT (4.595477953996513 51.81237300133581)</t>
  </si>
  <si>
    <t>POINT (4.565173352593272 51.8378479520793)</t>
  </si>
  <si>
    <t>POINT (4.6386437933293605 51.81171777998175)</t>
  </si>
  <si>
    <t>POINT (4.604023118786565 51.81137622472206)</t>
  </si>
  <si>
    <t>POINT (4.628493200546162 51.81066054277195)</t>
  </si>
  <si>
    <t>POINT (4.619978363923845 51.82031673336365)</t>
  </si>
  <si>
    <t>POINT (4.641304841676355 51.82332566439769)</t>
  </si>
  <si>
    <t>POINT (4.652562153515636 51.81688698091213)</t>
  </si>
  <si>
    <t>POINT (4.63414987097952 51.80967003780626)</t>
  </si>
  <si>
    <t>POINT (4.6447221156806915 51.814901738184815)</t>
  </si>
  <si>
    <t>POINT (4.647155127768309 51.82378894096439)</t>
  </si>
  <si>
    <t>POINT (4.657688394848065 51.82184667747219)</t>
  </si>
  <si>
    <t>POINT (4.620769633834438 51.81150006394197)</t>
  </si>
  <si>
    <t>POINT (4.642598781031227 51.82223770085108)</t>
  </si>
  <si>
    <t>POINT (4.612689989986836 51.81810809066008)</t>
  </si>
  <si>
    <t>POINT (4.630871145220216 51.81235203619542)</t>
  </si>
  <si>
    <t>POINT (4.6177838918700616 51.814422740214525)</t>
  </si>
  <si>
    <t>POINT (4.560332403101219 51.83419996429344)</t>
  </si>
  <si>
    <t>POINT (4.641343235783077 51.82567132658989)</t>
  </si>
  <si>
    <t>POINT (4.641915462301921 51.82385447373675)</t>
  </si>
  <si>
    <t>POINT (4.6332422777468425 51.80934688143921)</t>
  </si>
  <si>
    <t>POINT (4.638331929327195 51.822829290281476)</t>
  </si>
  <si>
    <t>POINT (4.629148591717399 51.80580608105825)</t>
  </si>
  <si>
    <t>POINT (4.637242073112948 51.8229212070442)</t>
  </si>
  <si>
    <t>POINT (4.6551449583717295 51.823417935737034)</t>
  </si>
  <si>
    <t>POINT (4.613887316704652 51.82033157036228)</t>
  </si>
  <si>
    <t>POINT (4.63868408473405 51.825347462060584)</t>
  </si>
  <si>
    <t>POINT (4.6085384876709545 51.815444495973246)</t>
  </si>
  <si>
    <t>POINT (4.632425801330653 51.825484470969734)</t>
  </si>
  <si>
    <t>POINT (4.610558341055872 51.82239059347054)</t>
  </si>
  <si>
    <t>POINT (4.622430554022712 51.811988569598576)</t>
  </si>
  <si>
    <t>POINT (4.6251646570074305 51.82312297141449)</t>
  </si>
  <si>
    <t>POINT (4.657044489888285 51.82787726424016)</t>
  </si>
  <si>
    <t>POINT (4.608139585248232 51.814745464849)</t>
  </si>
  <si>
    <t>POINT (4.65822000277838 51.828496276506606)</t>
  </si>
  <si>
    <t>POINT (4.642236263067429 51.809933966021994)</t>
  </si>
  <si>
    <t>POINT (4.654330632920355 51.8267957059025)</t>
  </si>
  <si>
    <t>POINT (4.6562406815418 51.819091637771436)</t>
  </si>
  <si>
    <t>POINT (4.58010425307254 51.81807099634733)</t>
  </si>
  <si>
    <t>POINT (4.641614399467201 51.82587208586252)</t>
  </si>
  <si>
    <t>POINT (4.63221134294995 51.823177697995725)</t>
  </si>
  <si>
    <t>POINT (4.652379280849068 51.81526770162865)</t>
  </si>
  <si>
    <t>POINT (4.652619668069123 51.815306626468654)</t>
  </si>
  <si>
    <t>POINT (4.616589038824005 51.817752896704626)</t>
  </si>
  <si>
    <t>POINT (4.618584590546008 51.81957151911958)</t>
  </si>
  <si>
    <t>POINT (4.561689657135862 51.83319928916744)</t>
  </si>
  <si>
    <t>POINT (4.633714933852995 51.80884882374859)</t>
  </si>
  <si>
    <t>POINT (4.634686237163823 51.81122767126267)</t>
  </si>
  <si>
    <t>POINT (4.6127555038750625 51.81359324512413)</t>
  </si>
  <si>
    <t>POINT (4.64503147462242 51.826700323454666)</t>
  </si>
  <si>
    <t>POINT (4.561315817051858 51.83509469725046)</t>
  </si>
  <si>
    <t>POINT (4.655973756499424 51.82031882640667)</t>
  </si>
  <si>
    <t>POINT (4.621348538340706 51.81140611815657)</t>
  </si>
  <si>
    <t>POINT (4.631287955987956 51.809895716260016)</t>
  </si>
  <si>
    <t>POINT (4.625438929565034 51.81303730870438)</t>
  </si>
  <si>
    <t>POINT (4.64639859677417 51.82024096341893)</t>
  </si>
  <si>
    <t>POINT (4.625537889556184 51.81300911525211)</t>
  </si>
  <si>
    <t>POINT (4.6303824255245365 51.81182893337994)</t>
  </si>
  <si>
    <t>POINT (4.64569807949307 51.81752087678322)</t>
  </si>
  <si>
    <t>POINT (4.646437367568045 51.81995938580935)</t>
  </si>
  <si>
    <t>POINT (4.651785097183767 51.822616507613205)</t>
  </si>
  <si>
    <t>POINT (4.61670676201683 51.81421041569328)</t>
  </si>
  <si>
    <t>POINT (4.629032966660922 51.80760871337515)</t>
  </si>
  <si>
    <t>POINT (4.654160754169057 51.8183547346242)</t>
  </si>
  <si>
    <t>POINT (4.60896839199354 51.821081731014026)</t>
  </si>
  <si>
    <t>POINT (4.6331878978212 51.809386864370026)</t>
  </si>
  <si>
    <t>POINT (4.632032277299406 51.816649877509214)</t>
  </si>
  <si>
    <t>POINT (4.651296402077206 51.81679672339023)</t>
  </si>
  <si>
    <t>POINT (4.653438235981194 51.82025161351662)</t>
  </si>
  <si>
    <t>POINT (4.603191576057522 51.82123588467347)</t>
  </si>
  <si>
    <t>POINT (4.6245745147705515 51.813472159286924)</t>
  </si>
  <si>
    <t>POINT (4.660146565633995 51.81977215366638)</t>
  </si>
  <si>
    <t>POINT (4.633527388581043 51.82056465662944)</t>
  </si>
  <si>
    <t>POINT (4.619707968835133 51.81408736831504)</t>
  </si>
  <si>
    <t>POINT (4.650837173052111 51.81451918332221)</t>
  </si>
  <si>
    <t>POINT (4.595011746815905 51.81504283688358)</t>
  </si>
  <si>
    <t>POINT (4.6221404071761185 51.81151829420607)</t>
  </si>
  <si>
    <t>POINT (4.635889846614594 51.810782100974265)</t>
  </si>
  <si>
    <t>POINT (4.633046132138819 51.82510608834457)</t>
  </si>
  <si>
    <t>POINT (4.617591228308323 51.812347185803205)</t>
  </si>
  <si>
    <t>POINT (4.653203093363516 51.82212908303361)</t>
  </si>
  <si>
    <t>POINT (4.638782523979416 51.81870153610076)</t>
  </si>
  <si>
    <t>POINT (4.570103273571184 51.83842681745168)</t>
  </si>
  <si>
    <t>POINT (4.6350136793114585 51.82204220756298)</t>
  </si>
  <si>
    <t>POINT (4.656046673777398 51.82089891563422)</t>
  </si>
  <si>
    <t>POINT (4.6578110650457 51.822583306786385)</t>
  </si>
  <si>
    <t>POINT (4.614557421678393 51.813288090590135)</t>
  </si>
  <si>
    <t>POINT (4.649555764279587 51.815646254638864)</t>
  </si>
  <si>
    <t>POINT (4.640970413593222 51.82449738939124)</t>
  </si>
  <si>
    <t>POINT (4.60873417301335 51.81300484229941)</t>
  </si>
  <si>
    <t>POINT (4.657935155292177 51.82331130659774)</t>
  </si>
  <si>
    <t>POINT (4.644388038400493 51.81722236545371)</t>
  </si>
  <si>
    <t>POINT (4.6562855878844465 51.81867826736575)</t>
  </si>
  <si>
    <t>POINT (4.626355880191482 51.81516764950159)</t>
  </si>
  <si>
    <t>POINT (4.6014125644287285 51.81847548569428)</t>
  </si>
  <si>
    <t>POINT (4.629749544701205 51.81141794004519)</t>
  </si>
  <si>
    <t>POINT (4.628789935342987 51.80610897535708)</t>
  </si>
  <si>
    <t>POINT (4.656830440713256 51.817740993938216)</t>
  </si>
  <si>
    <t>POINT (4.656402798969574 51.817993547443976)</t>
  </si>
  <si>
    <t>POINT (4.617141074069477 51.819167415979464)</t>
  </si>
  <si>
    <t>POINT (4.6076404484130675 51.821278499070694)</t>
  </si>
  <si>
    <t>POINT (4.620861646099334 51.81328062888858)</t>
  </si>
  <si>
    <t>POINT (4.616100700590471 51.819937893151575)</t>
  </si>
  <si>
    <t>POINT (4.657885375774337 51.829177129907464)</t>
  </si>
  <si>
    <t>POINT (4.650720215279705 51.81666896619522)</t>
  </si>
  <si>
    <t>POINT (4.615268473627922 51.81441313335703)</t>
  </si>
  <si>
    <t>POINT (4.599898784111408 51.813434651509844)</t>
  </si>
  <si>
    <t>POINT (4.640542444856465 51.80959110399798)</t>
  </si>
  <si>
    <t>POINT (4.6582433400290375 51.82060701852262)</t>
  </si>
  <si>
    <t>POINT (4.634584706977686 51.810112537188395)</t>
  </si>
  <si>
    <t>POINT (4.632711264367026 51.825112879994066)</t>
  </si>
  <si>
    <t>POINT (4.654139496395237 51.82752604653463)</t>
  </si>
  <si>
    <t>POINT (4.622298155102255 51.81290902321368)</t>
  </si>
  <si>
    <t>POINT (4.60188762847388 51.81194575336022)</t>
  </si>
  <si>
    <t>POINT (4.642975001915736 51.81533527043848)</t>
  </si>
  <si>
    <t>POINT (4.597729094383257 51.815262784191304)</t>
  </si>
  <si>
    <t>POINT (4.6515615345748005 51.821252027019646)</t>
  </si>
  <si>
    <t>POINT (4.651804999063554 51.823718815227394)</t>
  </si>
  <si>
    <t>POINT (4.639649647015835 51.82208646967357)</t>
  </si>
  <si>
    <t>POINT (4.6340781191201845 51.81573833838605)</t>
  </si>
  <si>
    <t>POINT (4.655873734380604 51.819566992268975)</t>
  </si>
  <si>
    <t>POINT (4.659231110696848 51.827132283013576)</t>
  </si>
  <si>
    <t>POINT (4.611802268126312 51.82176515865056)</t>
  </si>
  <si>
    <t>POINT (4.6364694908336626 51.81039215030181)</t>
  </si>
  <si>
    <t>POINT (4.626022212517629 51.812900204450045)</t>
  </si>
  <si>
    <t>POINT (4.645580859623682 51.820659390955655)</t>
  </si>
  <si>
    <t>POINT (4.568461693674601 51.83592674830557)</t>
  </si>
  <si>
    <t>POINT (4.568765416172927 51.83789667241052)</t>
  </si>
  <si>
    <t>POINT (4.63907663372758 51.824497117969564)</t>
  </si>
  <si>
    <t>POINT (4.627067376563494 51.81031970370696)</t>
  </si>
  <si>
    <t>POINT (4.641862217216789 51.816363274626546)</t>
  </si>
  <si>
    <t>POINT (4.5660208102028275 51.83475422263363)</t>
  </si>
  <si>
    <t>POINT (4.609120394054364 51.81596420954773)</t>
  </si>
  <si>
    <t>POINT (4.645134501386492 51.824440464913344)</t>
  </si>
  <si>
    <t>POINT (4.642702587091552 51.826016645913185)</t>
  </si>
  <si>
    <t>POINT (4.632445605479286 51.826182408598676)</t>
  </si>
  <si>
    <t>POINT (4.601310406326717 51.819089010528096)</t>
  </si>
  <si>
    <t>POINT (4.603140518242608 51.820153642560726)</t>
  </si>
  <si>
    <t>POINT (4.635217383394205 51.80975219102706)</t>
  </si>
  <si>
    <t>POINT (4.661126216960427 51.823986517326006)</t>
  </si>
  <si>
    <t>POINT (4.651072076957884 51.817987926464944)</t>
  </si>
  <si>
    <t>POINT (4.5658918515700515 51.83808756926668)</t>
  </si>
  <si>
    <t>POINT (4.607562010159377 51.81373282410028)</t>
  </si>
  <si>
    <t>POINT (4.651746981980449 51.814849434170355)</t>
  </si>
  <si>
    <t>POINT (4.6370428831972985 51.82325260561808)</t>
  </si>
  <si>
    <t>POINT (4.658341161241735 51.82157378290504)</t>
  </si>
  <si>
    <t>POINT (4.642743771061766 51.81050133569507)</t>
  </si>
  <si>
    <t>POINT (4.649135304806074 51.81272867727953)</t>
  </si>
  <si>
    <t>POINT (4.650154047844599 51.81424762520377)</t>
  </si>
  <si>
    <t>POINT (4.621360637083067 51.82926202611772)</t>
  </si>
  <si>
    <t>POINT (4.638708372466631 51.82538474023092)</t>
  </si>
  <si>
    <t>POINT (4.6277229260992145 51.81312482235518)</t>
  </si>
  <si>
    <t>POINT (4.645987564982184 51.81508665305243)</t>
  </si>
  <si>
    <t>POINT (4.568272882051167 51.83459284111231)</t>
  </si>
  <si>
    <t>POINT (4.5706010667715695 51.827857451724945)</t>
  </si>
  <si>
    <t>POINT (4.637408968544479 51.81500662022466)</t>
  </si>
  <si>
    <t>POINT (4.630255033354506 51.81380314695913)</t>
  </si>
  <si>
    <t>POINT (4.6567887547794005 51.8177912868493)</t>
  </si>
  <si>
    <t>POINT (4.65639501355951 51.82654653043396)</t>
  </si>
  <si>
    <t>POINT (4.6486522619483255 51.81794086764412)</t>
  </si>
  <si>
    <t>POINT (4.622252639960367 51.812756484634654)</t>
  </si>
  <si>
    <t>POINT (4.627879247544863 51.80909404533925)</t>
  </si>
  <si>
    <t>POINT (4.631331320741278 51.81121010920552)</t>
  </si>
  <si>
    <t>POINT (4.64508828049761 51.82450511592307)</t>
  </si>
  <si>
    <t>POINT (4.570179843595318 51.826023503008656)</t>
  </si>
  <si>
    <t>POINT (4.607391284149982 51.81562536312073)</t>
  </si>
  <si>
    <t>POINT (4.641277151193908 51.81795292049557)</t>
  </si>
  <si>
    <t>POINT (4.658716804964683 51.82227835531167)</t>
  </si>
  <si>
    <t>POINT (4.60918645066936 51.81423843451748)</t>
  </si>
  <si>
    <t>POINT (4.661225992374665 51.82020474596867)</t>
  </si>
  <si>
    <t>POINT (4.646536531229326 51.8247215698639)</t>
  </si>
  <si>
    <t>POINT (4.635060665669427 51.822021061653444)</t>
  </si>
  <si>
    <t>POINT (4.64016126276702 51.8086499605345)</t>
  </si>
  <si>
    <t>POINT (4.633244025159835 51.81338663400881)</t>
  </si>
  <si>
    <t>POINT (4.655155192447106 51.81682468590423)</t>
  </si>
  <si>
    <t>POINT (4.657110375779418 51.82013361664079)</t>
  </si>
  <si>
    <t>POINT (4.617788619984454 51.81367070302492)</t>
  </si>
  <si>
    <t>POINT (4.639103199958341 51.822495514926715)</t>
  </si>
  <si>
    <t>POINT (4.631642737169805 51.809602479278375)</t>
  </si>
  <si>
    <t>POINT (4.656898407830436 51.82564996041062)</t>
  </si>
  <si>
    <t>POINT (4.635785746097017 51.81985163707911)</t>
  </si>
  <si>
    <t>POINT (4.656948842923941 51.817957953451135)</t>
  </si>
  <si>
    <t>POINT (4.653719721745582 51.81784233873269)</t>
  </si>
  <si>
    <t>POINT (4.613458823131937 51.815782476728764)</t>
  </si>
  <si>
    <t>POINT (4.6222351935942365 51.811824043161614)</t>
  </si>
  <si>
    <t>POINT (4.644385103644509 51.82486132081194)</t>
  </si>
  <si>
    <t>POINT (4.6197019687471546 51.83017786463829)</t>
  </si>
  <si>
    <t>POINT (4.662053761378649 51.82542895547633)</t>
  </si>
  <si>
    <t>POINT (4.636778157563458 51.81657579959453)</t>
  </si>
  <si>
    <t>POINT (4.565613922076918 51.83240505176133)</t>
  </si>
  <si>
    <t>POINT (4.646455359522275 51.82513002468726)</t>
  </si>
  <si>
    <t>POINT (4.641479175207354 51.81863571813915)</t>
  </si>
  <si>
    <t>POINT (4.605054183384167 51.82105571994976)</t>
  </si>
  <si>
    <t>POINT (4.612691893132508 51.81337989141248)</t>
  </si>
  <si>
    <t>POINT (4.650489649759836 51.81397777965824)</t>
  </si>
  <si>
    <t>POINT (4.6538676788264395 51.81780007271812)</t>
  </si>
  <si>
    <t>POINT (4.644318539220295 51.82330084129729)</t>
  </si>
  <si>
    <t>POINT (4.60989333432769 51.81867082956847)</t>
  </si>
  <si>
    <t>POINT (4.613153420446285 51.816562005128496)</t>
  </si>
  <si>
    <t>POINT (4.558662662960558 51.83422446937009)</t>
  </si>
  <si>
    <t>POINT (4.6547336870217295 51.81838117897175)</t>
  </si>
  <si>
    <t>POINT (4.662740862059603 51.82244865453649)</t>
  </si>
  <si>
    <t>POINT (4.6414540851307295 51.82580409270672)</t>
  </si>
  <si>
    <t>POINT (4.615212223932469 51.81986336052066)</t>
  </si>
  <si>
    <t>POINT (4.655463605797328 51.82786853429214)</t>
  </si>
  <si>
    <t>POINT (4.6282036553132615 51.823501060703066)</t>
  </si>
  <si>
    <t>POINT (4.61954006860708 51.82001866906997)</t>
  </si>
  <si>
    <t>POINT (4.657567386948374 51.824423247981976)</t>
  </si>
  <si>
    <t>POINT (4.625488404460121 51.813604179468754)</t>
  </si>
  <si>
    <t>POINT (4.599793580977974 51.81338006716628)</t>
  </si>
  <si>
    <t>POINT (4.643643914147157 51.815392453943744)</t>
  </si>
  <si>
    <t>POINT (4.654145422548215 51.82043997705899)</t>
  </si>
  <si>
    <t>POINT (4.569284130744949 51.8367974950593)</t>
  </si>
  <si>
    <t>POINT (4.61228146982958 51.81884507568201)</t>
  </si>
  <si>
    <t>POINT (4.643554564163481 51.815333434309665)</t>
  </si>
  <si>
    <t>POINT (4.65332329290307 51.817293690019774)</t>
  </si>
  <si>
    <t>POINT (4.609262955438416 51.81202870329528)</t>
  </si>
  <si>
    <t>POINT (4.661732170766676 51.82466338079169)</t>
  </si>
  <si>
    <t>POINT (4.658788846971682 51.829562798703655)</t>
  </si>
  <si>
    <t>POINT (4.600825981541029 51.81032787089905)</t>
  </si>
  <si>
    <t>POINT (4.617797374595586 51.81265467545871)</t>
  </si>
  <si>
    <t>POINT (4.634127041404388 51.81758382614)</t>
  </si>
  <si>
    <t>POINT (4.636337975648237 51.81065011169222)</t>
  </si>
  <si>
    <t>POINT (4.637847616330814 51.819684003416945)</t>
  </si>
  <si>
    <t>POINT (4.638230075293776 51.82286585354506)</t>
  </si>
  <si>
    <t>POINT (4.634211897803571 51.81108413500534)</t>
  </si>
  <si>
    <t>POINT (4.656675971654798 51.82848588625492)</t>
  </si>
  <si>
    <t>POINT (4.628326103029755 51.810576900941314)</t>
  </si>
  <si>
    <t>POINT (4.602151682338982 51.82036419995354)</t>
  </si>
  <si>
    <t>POINT (4.629636412910979 51.80955491028331)</t>
  </si>
  <si>
    <t>POINT (4.599000235980397 51.81504401252956)</t>
  </si>
  <si>
    <t>POINT (4.656423923219487 51.82163877718959)</t>
  </si>
  <si>
    <t>POINT (4.6581081903549775 51.81870491183918)</t>
  </si>
  <si>
    <t>POINT (4.653867731844269 51.816195610846115)</t>
  </si>
  <si>
    <t>POINT (4.6324447518056076 51.824011633358616)</t>
  </si>
  <si>
    <t>POINT (4.615567162793928 51.82071630579098)</t>
  </si>
  <si>
    <t>POINT (4.627370733805258 51.80622165387169)</t>
  </si>
  <si>
    <t>POINT (4.607431543591298 51.81867059743328)</t>
  </si>
  <si>
    <t>POINT (4.647133868766639 51.82370994920361)</t>
  </si>
  <si>
    <t>POINT (4.635837094632399 51.82208849721634)</t>
  </si>
  <si>
    <t>POINT (4.638024577383698 51.825503972148546)</t>
  </si>
  <si>
    <t>POINT (4.6556887367280995 51.82070008487078)</t>
  </si>
  <si>
    <t>POINT (4.624210820639572 51.81370994667585)</t>
  </si>
  <si>
    <t>POINT (4.564605124726385 51.83538342859618)</t>
  </si>
  <si>
    <t>POINT (4.6267858344967205 51.81501430234164)</t>
  </si>
  <si>
    <t>POINT (4.617750341468644 51.81431603088103)</t>
  </si>
  <si>
    <t>POINT (4.609109373135846 51.814215559533636)</t>
  </si>
  <si>
    <t>POINT (4.596188193519221 51.81534888408275)</t>
  </si>
  <si>
    <t>POINT (4.568012810277956 51.83500517387495)</t>
  </si>
  <si>
    <t>POINT (4.610602735803683 51.81857990396608)</t>
  </si>
  <si>
    <t>POINT (4.611239753601423 51.822123191867014)</t>
  </si>
  <si>
    <t>POINT (4.624466239086224 51.812787387448985)</t>
  </si>
  <si>
    <t>POINT (4.630161501852074 51.80735115618236)</t>
  </si>
  <si>
    <t>POINT (4.652697759580481 51.824516856304484)</t>
  </si>
  <si>
    <t>POINT (4.609030984041858 51.81421574087613)</t>
  </si>
  <si>
    <t>POINT (4.558773882044739 51.83437556426239)</t>
  </si>
  <si>
    <t>POINT (4.654773600968837 51.820340520125406)</t>
  </si>
  <si>
    <t>POINT (4.659390543107193 51.81989195197135)</t>
  </si>
  <si>
    <t>POINT (4.650753704902618 51.81798275608209)</t>
  </si>
  <si>
    <t>POINT (4.630590818215863 51.81251744609153)</t>
  </si>
  <si>
    <t>POINT (4.636698705302024 51.81451837110903)</t>
  </si>
  <si>
    <t>POINT (4.626066966257442 51.8104717889897)</t>
  </si>
  <si>
    <t>POINT (4.615485858834194 51.81523707599255)</t>
  </si>
  <si>
    <t>POINT (4.649142187389739 51.81730794611536)</t>
  </si>
  <si>
    <t>POINT (4.562642591707364 51.835073174918975)</t>
  </si>
  <si>
    <t>POINT (4.6484944630027405 51.815817591040904)</t>
  </si>
  <si>
    <t>POINT (4.607355558321011 51.814251576148465)</t>
  </si>
  <si>
    <t>POINT (4.643930761867251 51.81583424067468)</t>
  </si>
  <si>
    <t>POINT (4.647951294148934 51.81437714865093)</t>
  </si>
  <si>
    <t>POINT (4.605609058319566 51.82169322930478)</t>
  </si>
  <si>
    <t>POINT (4.635640535173811 51.82190683560524)</t>
  </si>
  <si>
    <t>POINT (4.6437123890396625 51.82004732266802)</t>
  </si>
  <si>
    <t>POINT (4.603723588857187 51.81595419138602)</t>
  </si>
  <si>
    <t>POINT (4.569850323780016 51.83472019447847)</t>
  </si>
  <si>
    <t>POINT (4.625429558976638 51.8125980053791)</t>
  </si>
  <si>
    <t>POINT (4.6585160889495025 51.8243209809409)</t>
  </si>
  <si>
    <t>POINT (4.654340234157138 51.816336134244835)</t>
  </si>
  <si>
    <t>POINT (4.603581948333551 51.81849321786666)</t>
  </si>
  <si>
    <t>POINT (4.647109662609915 51.823692951780096)</t>
  </si>
  <si>
    <t>POINT (4.613825314837059 51.82146997818261)</t>
  </si>
  <si>
    <t>POINT (4.613553476110747 51.81536716563045)</t>
  </si>
  <si>
    <t>POINT (4.653647018888322 51.82119501327212)</t>
  </si>
  <si>
    <t>POINT (4.654009188252297 51.81775917746076)</t>
  </si>
  <si>
    <t>POINT (4.6087685212769784 51.81421890801604)</t>
  </si>
  <si>
    <t>POINT (4.658660683951109 51.820998765649406)</t>
  </si>
  <si>
    <t>POINT (4.632445568869717 51.80906106923172)</t>
  </si>
  <si>
    <t>POINT (4.644743292856709 51.819922586970115)</t>
  </si>
  <si>
    <t>POINT (4.58127125272767 51.82555111748129)</t>
  </si>
  <si>
    <t>POINT (4.638355798540135 51.820048170083446)</t>
  </si>
  <si>
    <t>POINT (4.641184712619926 51.82088476817175)</t>
  </si>
  <si>
    <t>POINT (4.561409867474561 51.832968377681595)</t>
  </si>
  <si>
    <t>POINT (4.603396245524657 51.813566611797874)</t>
  </si>
  <si>
    <t>POINT (4.648265257322837 51.81328980429178)</t>
  </si>
  <si>
    <t>POINT (4.6573333418073055 51.82791895240539)</t>
  </si>
  <si>
    <t>POINT (4.562686539273772 51.83494400068062)</t>
  </si>
  <si>
    <t>POINT (4.619444080176401 51.83041124166151)</t>
  </si>
  <si>
    <t>POINT (4.654471233428732 51.82703726440804)</t>
  </si>
  <si>
    <t>POINT (4.656076988152972 51.82493085836252)</t>
  </si>
  <si>
    <t>POINT (4.561738558684833 51.83323531840406)</t>
  </si>
  <si>
    <t>POINT (4.627386919192552 51.81167706453549)</t>
  </si>
  <si>
    <t>POINT (4.654932386573809 51.82095351417732)</t>
  </si>
  <si>
    <t>POINT (4.643522471135104 51.81946788593106)</t>
  </si>
  <si>
    <t>POINT (4.653494682047083 51.82658724954009)</t>
  </si>
  <si>
    <t>POINT (4.628465224609046 51.824301110215835)</t>
  </si>
  <si>
    <t>POINT (4.625790806980146 51.81186356291969)</t>
  </si>
  <si>
    <t>POINT (4.567382973198587 51.83830573077607)</t>
  </si>
  <si>
    <t>POINT (4.570418711645959 51.836923147184386)</t>
  </si>
  <si>
    <t>POINT (4.6106976972248255 51.818474402477634)</t>
  </si>
  <si>
    <t>POINT (4.642995835910071 51.81765142958043)</t>
  </si>
  <si>
    <t>POINT (4.648598864496981 51.81782726514334)</t>
  </si>
  <si>
    <t>POINT (4.629383887362709 51.822445359790564)</t>
  </si>
  <si>
    <t>POINT (4.641382187349228 51.82329830895312)</t>
  </si>
  <si>
    <t>POINT (4.644680284294861 51.81559593105478)</t>
  </si>
  <si>
    <t>POINT (4.641901197290452 51.82611443553751)</t>
  </si>
  <si>
    <t>POINT (4.621801117023573 51.81475378155111)</t>
  </si>
  <si>
    <t>POINT (4.604995243066655 51.8223223955324)</t>
  </si>
  <si>
    <t>POINT (4.661175610366005 51.82023588568768)</t>
  </si>
  <si>
    <t>POINT (4.651525450301397 51.82793892813115)</t>
  </si>
  <si>
    <t>POINT (4.637112444138758 51.81480278515759)</t>
  </si>
  <si>
    <t>POINT (4.6352738756233345 51.808653323808606)</t>
  </si>
  <si>
    <t>POINT (4.6073881183291485 51.81649837218744)</t>
  </si>
  <si>
    <t>POINT (4.643136035998946 51.80949570480155)</t>
  </si>
  <si>
    <t>POINT (4.629620235085158 51.81137991901124)</t>
  </si>
  <si>
    <t>POINT (4.633422002402688 51.808573991204455)</t>
  </si>
  <si>
    <t>POINT (4.640969724426341 51.82553511096525)</t>
  </si>
  <si>
    <t>POINT (4.618013323956828 51.8139024401094)</t>
  </si>
  <si>
    <t>POINT (4.634113826156982 51.809656736902184)</t>
  </si>
  <si>
    <t>POINT (4.629547324103394 51.81367172229602)</t>
  </si>
  <si>
    <t>POINT (4.613125683138168 51.81928455930758)</t>
  </si>
  <si>
    <t>POINT (4.601732669370463 51.81622289531542)</t>
  </si>
  <si>
    <t>POINT (4.646761393489819 51.82382492930333)</t>
  </si>
  <si>
    <t>POINT (4.647020069357584 51.82287639410072)</t>
  </si>
  <si>
    <t>POINT (4.629971497419028 51.8220382339672)</t>
  </si>
  <si>
    <t>POINT (4.660815147662189 51.82818671436829)</t>
  </si>
  <si>
    <t>POINT (4.655364568998057 51.821248989088154)</t>
  </si>
  <si>
    <t>POINT (4.637551939280026 51.80892050004356)</t>
  </si>
  <si>
    <t>POINT (4.642057361226549 51.81862232101555)</t>
  </si>
  <si>
    <t>3332GH</t>
  </si>
  <si>
    <t>Land van Herve</t>
  </si>
  <si>
    <t>POINT (4.6537370643135105 51.824205057505374)</t>
  </si>
  <si>
    <t>POINT (4.600596116979737 51.815006837414565)</t>
  </si>
  <si>
    <t>POINT (4.661029684151588 51.82630914066119)</t>
  </si>
  <si>
    <t>POINT (4.637664369500915 51.818018045736856)</t>
  </si>
  <si>
    <t>POINT (4.653528923232076 51.82077165431014)</t>
  </si>
  <si>
    <t>POINT (4.641261413439142 51.816590970226265)</t>
  </si>
  <si>
    <t>POINT (4.615553295195899 51.815463396982125)</t>
  </si>
  <si>
    <t>POINT (4.628626382246617 51.82435286613381)</t>
  </si>
  <si>
    <t>POINT (4.644736557199315 51.82634818735389)</t>
  </si>
  <si>
    <t>POINT (4.666080574525742 51.822904111038184)</t>
  </si>
  <si>
    <t>POINT (4.620833552350954 51.811541281193115)</t>
  </si>
  <si>
    <t>POINT (4.640432777915482 51.8112097390004)</t>
  </si>
  <si>
    <t>POINT (4.658234423024202 51.82578338774641)</t>
  </si>
  <si>
    <t>POINT (4.6148106913727664 51.8177994889192)</t>
  </si>
  <si>
    <t>POINT (4.637959264129799 51.81849674317455)</t>
  </si>
  <si>
    <t>POINT (4.569786300308002 51.83444959202114)</t>
  </si>
  <si>
    <t>POINT (4.660173333735343 51.82545844620023)</t>
  </si>
  <si>
    <t>POINT (4.638476615057431 51.81820949421616)</t>
  </si>
  <si>
    <t>POINT (4.563092335410708 51.83387384527304)</t>
  </si>
  <si>
    <t>POINT (4.631595635720003 51.80614917062327)</t>
  </si>
  <si>
    <t>POINT (4.594363802061045 51.814462534572925)</t>
  </si>
  <si>
    <t>POINT (4.64880158763654 51.82447884595084)</t>
  </si>
  <si>
    <t>POINT (4.562084175644623 51.837065526310234)</t>
  </si>
  <si>
    <t>POINT (4.63816064034081 51.811545053187736)</t>
  </si>
  <si>
    <t>POINT (4.6163476101065894 51.81706514843884)</t>
  </si>
  <si>
    <t>POINT (4.6400110125490475 51.82301025537844)</t>
  </si>
  <si>
    <t>POINT (4.634478921630946 51.817407783695984)</t>
  </si>
  <si>
    <t>POINT (4.563097517611665 51.836684878941384)</t>
  </si>
  <si>
    <t>POINT (4.654623932030403 51.81726145683096)</t>
  </si>
  <si>
    <t>POINT (4.644760828731279 51.816323589988045)</t>
  </si>
  <si>
    <t>POINT (4.566923972925752 51.83425954948471)</t>
  </si>
  <si>
    <t>POINT (4.567508700111025 51.83657228496861)</t>
  </si>
  <si>
    <t>POINT (4.613134682752508 51.81469198463988)</t>
  </si>
  <si>
    <t>POINT (4.570076120918447 51.8346478789907)</t>
  </si>
  <si>
    <t>POINT (4.641293481553338 51.81564336994904)</t>
  </si>
  <si>
    <t>POINT (4.648828620993625 51.81951638182251)</t>
  </si>
  <si>
    <t>POINT (4.619677468774842 51.81260355386635)</t>
  </si>
  <si>
    <t>POINT (4.642940818581075 51.82597651217687)</t>
  </si>
  <si>
    <t>POINT (4.653966500502026 51.82100142494163)</t>
  </si>
  <si>
    <t>POINT (4.624982290816813 51.8137139083584)</t>
  </si>
  <si>
    <t>POINT (4.658834016330098 51.822940100872614)</t>
  </si>
  <si>
    <t>POINT (4.609639870470428 51.8208422277532)</t>
  </si>
  <si>
    <t>POINT (4.619810673773368 51.813047173362015)</t>
  </si>
  <si>
    <t>POINT (4.621011369805553 51.81378133427134)</t>
  </si>
  <si>
    <t>POINT (4.620252745437413 51.812603638663624)</t>
  </si>
  <si>
    <t>POINT (4.6137323112465864 51.822163842410276)</t>
  </si>
  <si>
    <t>POINT (4.56855755018425 51.83553592113509)</t>
  </si>
  <si>
    <t>POINT (4.604302579196922 51.822435214796975)</t>
  </si>
  <si>
    <t>POINT (4.568259621664634 51.83532236491558)</t>
  </si>
  <si>
    <t>POINT (4.637022074140511 51.81117394432)</t>
  </si>
  <si>
    <t>POINT (4.661560425188752 51.827083120330805)</t>
  </si>
  <si>
    <t>POINT (4.563409907155175 51.83366746346308)</t>
  </si>
  <si>
    <t>POINT (4.567225007495974 51.837284872780636)</t>
  </si>
  <si>
    <t>POINT (4.649797519541885 51.81751396049983)</t>
  </si>
  <si>
    <t>POINT (4.616151875066409 51.81386490315694)</t>
  </si>
  <si>
    <t>POINT (4.640396558986441 51.81868236181)</t>
  </si>
  <si>
    <t>POINT (4.64677926582935 51.81452255862045)</t>
  </si>
  <si>
    <t>POINT (4.630919004468303 51.81309013789203)</t>
  </si>
  <si>
    <t>POINT (4.599151490177465 51.81335874135983)</t>
  </si>
  <si>
    <t>POINT (4.605913798496773 51.81857664750919)</t>
  </si>
  <si>
    <t>POINT (4.599896731261526 51.81323331700042)</t>
  </si>
  <si>
    <t>POINT (4.6420569058964025 51.81796110983802)</t>
  </si>
  <si>
    <t>POINT (4.607923073610097 51.818714689037186)</t>
  </si>
  <si>
    <t>POINT (4.632233459560876 51.80764806339095)</t>
  </si>
  <si>
    <t>POINT (4.564718526189705 51.83674668334711)</t>
  </si>
  <si>
    <t>POINT (4.60529684766913 51.81294590886169)</t>
  </si>
  <si>
    <t>POINT (4.6138163212099235 51.81826025481837)</t>
  </si>
  <si>
    <t>POINT (4.6368641887164115 51.81459971638001)</t>
  </si>
  <si>
    <t>POINT (4.611978837987585 51.81380301048082)</t>
  </si>
  <si>
    <t>POINT (4.633778143195043 51.80988494475207)</t>
  </si>
  <si>
    <t>POINT (4.638787729916404 51.82535622179148)</t>
  </si>
  <si>
    <t>POINT (4.650584314833843 51.81710597021775)</t>
  </si>
  <si>
    <t>POINT (4.654654538035477 51.81723176949045)</t>
  </si>
  <si>
    <t>POINT (4.635259268544553 51.80972138546767)</t>
  </si>
  <si>
    <t>POINT (4.658740765390441 51.826066645271524)</t>
  </si>
  <si>
    <t>POINT (4.646050266715955 51.815066851464834)</t>
  </si>
  <si>
    <t>POINT (4.618352816854632 51.81904070957672)</t>
  </si>
  <si>
    <t>POINT (4.636248949442579 51.82470456865131)</t>
  </si>
  <si>
    <t>POINT (4.651129797029319 51.818811571173086)</t>
  </si>
  <si>
    <t>POINT (4.6383419386116165 51.81828076923544)</t>
  </si>
  <si>
    <t>POINT (4.617032570632121 51.81869025714723)</t>
  </si>
  <si>
    <t>POINT (4.652296706324202 51.82152683243465)</t>
  </si>
  <si>
    <t>POINT (4.630701986576738 51.81249344384294)</t>
  </si>
  <si>
    <t>POINT (4.659656897586396 51.825129982186056)</t>
  </si>
  <si>
    <t>POINT (4.640345019477342 51.82578984999119)</t>
  </si>
  <si>
    <t>POINT (4.610417766512067 51.82074299290347)</t>
  </si>
  <si>
    <t>POINT (4.609775050199351 51.819126052922755)</t>
  </si>
  <si>
    <t>POINT (4.6111902602891135 51.813739686376614)</t>
  </si>
  <si>
    <t>POINT (4.595883371466726 51.813649404523844)</t>
  </si>
  <si>
    <t>POINT (4.638919785480156 51.81862834448926)</t>
  </si>
  <si>
    <t>POINT (4.656719876656163 51.82144562816496)</t>
  </si>
  <si>
    <t>POINT (4.60353070196982 51.81545090983459)</t>
  </si>
  <si>
    <t>POINT (4.606824825512152 51.814884899490536)</t>
  </si>
  <si>
    <t>POINT (4.635755801093138 51.80829334800978)</t>
  </si>
  <si>
    <t>POINT (4.612003651868362 51.80948978075919)</t>
  </si>
  <si>
    <t>POINT (4.607638218964657 51.81924958583505)</t>
  </si>
  <si>
    <t>POINT (4.655110645122861 51.823398782574564)</t>
  </si>
  <si>
    <t>POINT (4.645618182533673 51.820672444658285)</t>
  </si>
  <si>
    <t>POINT (4.626246023173968 51.810589776597354)</t>
  </si>
  <si>
    <t>POINT (4.647223708080734 51.82700933471516)</t>
  </si>
  <si>
    <t>POINT (4.61376581764138 51.82107852305392)</t>
  </si>
  <si>
    <t>POINT (4.646050073493035 51.814467277412085)</t>
  </si>
  <si>
    <t>POINT (4.635525405812209 51.82277332759608)</t>
  </si>
  <si>
    <t>POINT (4.617356306426592 51.819111839567455)</t>
  </si>
  <si>
    <t>POINT (4.634080749243142 51.809681054807214)</t>
  </si>
  <si>
    <t>POINT (4.614117823489167 51.81823333357548)</t>
  </si>
  <si>
    <t>POINT (4.639769108728003 51.82596310837744)</t>
  </si>
  <si>
    <t>POINT (4.621883333684044 51.81249326009667)</t>
  </si>
  <si>
    <t>POINT (4.640584681166818 51.82201293448165)</t>
  </si>
  <si>
    <t>POINT (4.609265289250892 51.81423910099096)</t>
  </si>
  <si>
    <t>POINT (4.620817585030162 51.81454768731886)</t>
  </si>
  <si>
    <t>POINT (4.655592117888665 51.82897411490824)</t>
  </si>
  <si>
    <t>POINT (4.615075283512651 51.81757327612761)</t>
  </si>
  <si>
    <t>POINT (4.6254365707224006 51.81297178364635)</t>
  </si>
  <si>
    <t>POINT (4.627238089269163 51.81395515284993)</t>
  </si>
  <si>
    <t>POINT (4.6112006914434716 51.81372260486547)</t>
  </si>
  <si>
    <t>POINT (4.650054057937069 51.816795515320216)</t>
  </si>
  <si>
    <t>POINT (4.654263795558985 51.819131263252956)</t>
  </si>
  <si>
    <t>POINT (4.6254170922184645 51.81298307286918)</t>
  </si>
  <si>
    <t>POINT (4.611897873795755 51.813292680039076)</t>
  </si>
  <si>
    <t>POINT (4.647748258605748 51.82601953517769)</t>
  </si>
  <si>
    <t>POINT (4.657777048109877 51.822453496664565)</t>
  </si>
  <si>
    <t>POINT (4.6348115286620395 51.810560370979395)</t>
  </si>
  <si>
    <t>POINT (4.610848550651441 51.82192121706944)</t>
  </si>
  <si>
    <t>POINT (4.560677363123774 51.83595766300057)</t>
  </si>
  <si>
    <t>POINT (4.624747936253346 51.813559398045385)</t>
  </si>
  <si>
    <t>POINT (4.630918481965729 51.80705667734918)</t>
  </si>
  <si>
    <t>POINT (4.657060606456661 51.82936539374724)</t>
  </si>
  <si>
    <t>POINT (4.629618775042809 51.80956899858112)</t>
  </si>
  <si>
    <t>POINT (4.6213358128462545 51.81356895436498)</t>
  </si>
  <si>
    <t>POINT (4.6121507324700985 51.8217618873229)</t>
  </si>
  <si>
    <t>POINT (4.620793933970119 51.814707055608395)</t>
  </si>
  <si>
    <t>POINT (4.642939722887612 51.81540780120963)</t>
  </si>
  <si>
    <t>POINT (4.6119451212036395 51.813689934298004)</t>
  </si>
  <si>
    <t>POINT (4.6533424174062405 51.81564051169492)</t>
  </si>
  <si>
    <t>POINT (4.6156304042999805 51.82207701058061)</t>
  </si>
  <si>
    <t>POINT (4.6504610779793465 51.813999209101496)</t>
  </si>
  <si>
    <t>POINT (4.569917504899445 51.83536386064166)</t>
  </si>
  <si>
    <t>POINT (4.655659172745673 51.82899092816106)</t>
  </si>
  <si>
    <t>POINT (4.642972321267643 51.82050936085183)</t>
  </si>
  <si>
    <t>POINT (4.61918252239503 51.821258911319184)</t>
  </si>
  <si>
    <t>POINT (4.626643598466312 51.81200173058306)</t>
  </si>
  <si>
    <t>POINT (4.651707374962828 51.818027351949645)</t>
  </si>
  <si>
    <t>POINT (4.6575807475839825 51.827596898411514)</t>
  </si>
  <si>
    <t>POINT (4.613011915712318 51.82076135629755)</t>
  </si>
  <si>
    <t>POINT (4.646739028723256 51.824017235921424)</t>
  </si>
  <si>
    <t>POINT (4.6357701075693045 51.82456389613777)</t>
  </si>
  <si>
    <t>POINT (4.635552899418848 51.82185620736409)</t>
  </si>
  <si>
    <t>POINT (4.615054048821444 51.815926501938335)</t>
  </si>
  <si>
    <t>POINT (4.633907120275986 51.81270895518937)</t>
  </si>
  <si>
    <t>POINT (4.6361652400653295 51.810007401367045)</t>
  </si>
  <si>
    <t>POINT (4.61417489236117 51.83103667294136)</t>
  </si>
  <si>
    <t>POINT (4.64858138175558 51.8129999315535)</t>
  </si>
  <si>
    <t>POINT (4.607681142118919 51.821655450697975)</t>
  </si>
  <si>
    <t>POINT (4.636272201527199 51.819904062575965)</t>
  </si>
  <si>
    <t>POINT (4.635885817260895 51.82138015836937)</t>
  </si>
  <si>
    <t>POINT (4.642935815047322 51.81935326460565)</t>
  </si>
  <si>
    <t>POINT (4.641979512004557 51.81632243780392)</t>
  </si>
  <si>
    <t>POINT (4.5609451216444485 51.832372182173856)</t>
  </si>
  <si>
    <t>POINT (4.613868488929016 51.81889106728917)</t>
  </si>
  <si>
    <t>POINT (4.636970620928661 51.81470529498697)</t>
  </si>
  <si>
    <t>POINT (4.625526012929904 51.81100904014668)</t>
  </si>
  <si>
    <t>POINT (4.613391786267879 51.81953571509749)</t>
  </si>
  <si>
    <t>POINT (4.560762751471523 51.836685382088035)</t>
  </si>
  <si>
    <t>POINT (4.650401138519747 51.82598792191604)</t>
  </si>
  <si>
    <t>POINT (4.617537990083693 51.81268453391371)</t>
  </si>
  <si>
    <t>POINT (4.6535641146769695 51.82206538130327)</t>
  </si>
  <si>
    <t>POINT (4.656856438594187 51.821196790554076)</t>
  </si>
  <si>
    <t>POINT (4.6177490573528726 51.81895405654287)</t>
  </si>
  <si>
    <t>POINT (4.613882957280223 51.81926597417958)</t>
  </si>
  <si>
    <t>POINT (4.56678258734925 51.83344895404418)</t>
  </si>
  <si>
    <t>POINT (4.646991423894485 51.82105504291327)</t>
  </si>
  <si>
    <t>POINT (4.643429576532836 51.81748983895462)</t>
  </si>
  <si>
    <t>POINT (4.638595814987339 51.8239973732063)</t>
  </si>
  <si>
    <t>POINT (4.656444513298296 51.817470045707395)</t>
  </si>
  <si>
    <t>POINT (4.6580078615630285 51.82178770151447)</t>
  </si>
  <si>
    <t>POINT (4.619408416765249 51.830368024426875)</t>
  </si>
  <si>
    <t>POINT (4.6353949369445555 51.82066509226107)</t>
  </si>
  <si>
    <t>POINT (4.638913172615245 51.81831637659854)</t>
  </si>
  <si>
    <t>POINT (4.615655067686917 51.82223094262704)</t>
  </si>
  <si>
    <t>POINT (4.611260755327357 51.81492946873005)</t>
  </si>
  <si>
    <t>POINT (4.657493783156162 51.820913090227876)</t>
  </si>
  <si>
    <t>POINT (4.567406680958838 51.8379597848679)</t>
  </si>
  <si>
    <t>POINT (4.631976141992337 51.81825705595928)</t>
  </si>
  <si>
    <t>POINT (4.6499539701085215 51.8134176830122)</t>
  </si>
  <si>
    <t>POINT (4.649527266543827 51.8261981254341)</t>
  </si>
  <si>
    <t>POINT (4.634701234691069 51.81014488880027)</t>
  </si>
  <si>
    <t>POINT (4.619588764379155 51.83038830492784)</t>
  </si>
  <si>
    <t>POINT (4.6092472735182355 51.82221876527726)</t>
  </si>
  <si>
    <t>POINT (4.599064748351326 51.81344773159187)</t>
  </si>
  <si>
    <t>POINT (4.580981984561212 51.82519030029782)</t>
  </si>
  <si>
    <t>POINT (4.615166833802951 51.81889664910086)</t>
  </si>
  <si>
    <t>POINT (4.650700265378722 51.817893594535576)</t>
  </si>
  <si>
    <t>POINT (4.628142249831107 51.808485862548224)</t>
  </si>
  <si>
    <t>POINT (4.639394712209055 51.81399478552364)</t>
  </si>
  <si>
    <t>POINT (4.625563712272796 51.81433827305022)</t>
  </si>
  <si>
    <t>POINT (4.651466442130318 51.818970948082125)</t>
  </si>
  <si>
    <t>POINT (4.643020964471124 51.818142021001115)</t>
  </si>
  <si>
    <t>POINT (4.647212069130931 51.81872167671648)</t>
  </si>
  <si>
    <t>POINT (4.637245975801703 51.8149253545746)</t>
  </si>
  <si>
    <t>POINT (4.5680813051292 51.83786792800054)</t>
  </si>
  <si>
    <t>POINT (4.634998037946121 51.824278782131266)</t>
  </si>
  <si>
    <t>POINT (4.6524786742768045 51.824300943331274)</t>
  </si>
  <si>
    <t>POINT (4.567613374230889 51.832612979463455)</t>
  </si>
  <si>
    <t>POINT (4.663240394744457 51.82349031473189)</t>
  </si>
  <si>
    <t>POINT (4.615320914909721 51.81290881114201)</t>
  </si>
  <si>
    <t>POINT (4.643549038480843 51.815345749762194)</t>
  </si>
  <si>
    <t>POINT (4.6450331500908515 51.816273600513064)</t>
  </si>
  <si>
    <t>POINT (4.618362275957062 51.8150761995397)</t>
  </si>
  <si>
    <t>POINT (4.604132407999812 51.81394499030073)</t>
  </si>
  <si>
    <t>POINT (4.659761377485883 51.828767418171466)</t>
  </si>
  <si>
    <t>POINT (4.6443999866372145 51.82483755903248)</t>
  </si>
  <si>
    <t>POINT (4.6048350072707915 51.81876582853854)</t>
  </si>
  <si>
    <t>POINT (4.652302161567837 51.82427917330051)</t>
  </si>
  <si>
    <t>POINT (4.64153447867615 51.820781167024634)</t>
  </si>
  <si>
    <t>POINT (4.613298265068697 51.8161277354982)</t>
  </si>
  <si>
    <t>POINT (4.653612117821337 51.82199281012459)</t>
  </si>
  <si>
    <t>POINT (4.643149673229489 51.821874456020595)</t>
  </si>
  <si>
    <t>POINT (4.6160195311364145 51.822021006602284)</t>
  </si>
  <si>
    <t>POINT (4.653838787346997 51.81802564297169)</t>
  </si>
  <si>
    <t>POINT (4.660211593730982 51.819816762796194)</t>
  </si>
  <si>
    <t>POINT (4.638653656849699 51.81908496300551)</t>
  </si>
  <si>
    <t>POINT (4.641218251539292 51.80923764277726)</t>
  </si>
  <si>
    <t>POINT (4.609985034533821 51.81920544784318)</t>
  </si>
  <si>
    <t>POINT (4.658511375375574 51.82240724507293)</t>
  </si>
  <si>
    <t>POINT (4.635169394662316 51.822154952874136)</t>
  </si>
  <si>
    <t>POINT (4.56823151747203 51.83454729420757)</t>
  </si>
  <si>
    <t>POINT (4.637874525527847 51.80853467075882)</t>
  </si>
  <si>
    <t>POINT (4.604909061461029 51.81913957005258)</t>
  </si>
  <si>
    <t>POINT (4.64206982221323 51.81745610814054)</t>
  </si>
  <si>
    <t>POINT (4.653885308977173 51.82381654038052)</t>
  </si>
  <si>
    <t>POINT (4.658854244140468 51.82419807435643)</t>
  </si>
  <si>
    <t>POINT (4.655613163500085 51.82064318289023)</t>
  </si>
  <si>
    <t>POINT (4.625937579096821 51.812142670919215)</t>
  </si>
  <si>
    <t>POINT (4.64489229523512 51.8271814524067)</t>
  </si>
  <si>
    <t>POINT (4.565773811108865 51.83741192248752)</t>
  </si>
  <si>
    <t>POINT (4.647956134948301 51.82384477477933)</t>
  </si>
  <si>
    <t>3334LD</t>
  </si>
  <si>
    <t>POINT (4.589344663276219 51.81324382325019)</t>
  </si>
  <si>
    <t>POINT (4.619077777098578 51.81873058202146)</t>
  </si>
  <si>
    <t>POINT (4.5659551414001225 51.834784486764896)</t>
  </si>
  <si>
    <t>POINT (4.629301056376228 51.807289071693724)</t>
  </si>
  <si>
    <t>POINT (4.640395727364546 51.81727318978362)</t>
  </si>
  <si>
    <t>POINT (4.62844594527491 51.812541350052484)</t>
  </si>
  <si>
    <t>POINT (4.655915457556529 51.820870790520225)</t>
  </si>
  <si>
    <t>POINT (4.636596702346766 51.82047913181297)</t>
  </si>
  <si>
    <t>POINT (4.650908242036986 51.814182238763415)</t>
  </si>
  <si>
    <t>POINT (4.565787696765772 51.83947227529987)</t>
  </si>
  <si>
    <t>POINT (4.618278994904512 51.820454465107)</t>
  </si>
  <si>
    <t>POINT (4.626818252149252 51.81546632990908)</t>
  </si>
  <si>
    <t>POINT (4.658822972712602 51.82243688231473)</t>
  </si>
  <si>
    <t>POINT (4.603815321125396 51.81307821181942)</t>
  </si>
  <si>
    <t>POINT (4.6090752017812475 51.81455773155346)</t>
  </si>
  <si>
    <t>POINT (4.6045002477736094 51.820318241514855)</t>
  </si>
  <si>
    <t>POINT (4.637185331369751 51.809474935906586)</t>
  </si>
  <si>
    <t>POINT (4.641774754536549 51.80962069129512)</t>
  </si>
  <si>
    <t>POINT (4.568113684473509 51.832205155580006)</t>
  </si>
  <si>
    <t>POINT (4.638506128250042 51.8111213911311)</t>
  </si>
  <si>
    <t>POINT (4.637908589120455 51.81748626085085)</t>
  </si>
  <si>
    <t>POINT (4.6086840273686605 51.81391755771046)</t>
  </si>
  <si>
    <t>POINT (4.611436277243249 51.82162879921797)</t>
  </si>
  <si>
    <t>POINT (4.621306963132608 51.81326106431836)</t>
  </si>
  <si>
    <t>POINT (4.619862963291354 51.813222139125294)</t>
  </si>
  <si>
    <t>POINT (4.632333606712173 51.80910446563363)</t>
  </si>
  <si>
    <t>POINT (4.645611015476507 51.814924491147316)</t>
  </si>
  <si>
    <t>POINT (4.644455377948266 51.82489781015841)</t>
  </si>
  <si>
    <t>POINT (4.629566221990228 51.80775682204809)</t>
  </si>
  <si>
    <t>POINT (4.646673967335423 51.81446666768229)</t>
  </si>
  <si>
    <t>POINT (4.651738886194521 51.82364928702049)</t>
  </si>
  <si>
    <t>POINT (4.637997819429382 51.82418599648415)</t>
  </si>
  <si>
    <t>POINT (4.628641535593308 51.8129359335643)</t>
  </si>
  <si>
    <t>POINT (4.6211143253919 51.81252230957444)</t>
  </si>
  <si>
    <t>POINT (4.653420855881108 51.820599330863786)</t>
  </si>
  <si>
    <t>POINT (4.640479045263956 51.81768408086431)</t>
  </si>
  <si>
    <t>POINT (4.638367260146158 51.825362205077845)</t>
  </si>
  <si>
    <t>POINT (4.618017809634116 51.81310488241324)</t>
  </si>
  <si>
    <t>POINT (4.657549895996399 51.82751958384664)</t>
  </si>
  <si>
    <t>POINT (4.630802515704697 51.808892306212)</t>
  </si>
  <si>
    <t>POINT (4.6508317544894915 51.82253349725491)</t>
  </si>
  <si>
    <t>POINT (4.625173932056535 51.81496609409762)</t>
  </si>
  <si>
    <t>POINT (4.61324846253926 51.81512326793762)</t>
  </si>
  <si>
    <t>POINT (4.598982358805268 51.816301191780425)</t>
  </si>
  <si>
    <t>POINT (4.6060779351007275 51.82205027277966)</t>
  </si>
  <si>
    <t>POINT (4.597954402888917 51.815214349285746)</t>
  </si>
  <si>
    <t>POINT (4.633869517291719 51.812624732316884)</t>
  </si>
  <si>
    <t>POINT (4.618992336358347 51.81971597673167)</t>
  </si>
  <si>
    <t>POINT (4.629955379603811 51.80786496945256)</t>
  </si>
  <si>
    <t>POINT (4.613194674649632 51.81991747849719)</t>
  </si>
  <si>
    <t>POINT (4.65661669830444 51.81760160640167)</t>
  </si>
  <si>
    <t>POINT (4.560729410175134 51.833032658299764)</t>
  </si>
  <si>
    <t>POINT (4.657519351376259 51.82910587610899)</t>
  </si>
  <si>
    <t>POINT (4.614590184517036 51.81339795973293)</t>
  </si>
  <si>
    <t>POINT (4.636157908447225 51.812646537396674)</t>
  </si>
  <si>
    <t>POINT (4.650445905139986 51.825424433028324)</t>
  </si>
  <si>
    <t>POINT (4.569050194581295 51.83816982975714)</t>
  </si>
  <si>
    <t>POINT (4.640694537290271 51.81102710011977)</t>
  </si>
  <si>
    <t>POINT (4.618506746328361 51.815560505240605)</t>
  </si>
  <si>
    <t>POINT (4.633457677942428 51.80979597490823)</t>
  </si>
  <si>
    <t>POINT (4.566749661212178 51.83372574809251)</t>
  </si>
  <si>
    <t>POINT (4.625133896784784 51.81275051183938)</t>
  </si>
  <si>
    <t>POINT (4.62174127609323 51.814553239518055)</t>
  </si>
  <si>
    <t>POINT (4.606571347811874 51.81929853905881)</t>
  </si>
  <si>
    <t>POINT (4.654924613002029 51.820985600205034)</t>
  </si>
  <si>
    <t>POINT (4.651346888250449 51.81809566241628)</t>
  </si>
  <si>
    <t>POINT (4.649040047807867 51.82652999852929)</t>
  </si>
  <si>
    <t>POINT (4.656824865977995 51.818919330317044)</t>
  </si>
  <si>
    <t>POINT (4.650647689795125 51.825307812935705)</t>
  </si>
  <si>
    <t>POINT (4.634037844946096 51.80968080640527)</t>
  </si>
  <si>
    <t>POINT (4.639332230121443 51.80977344542264)</t>
  </si>
  <si>
    <t>POINT (4.630589566285332 51.822632013498044)</t>
  </si>
  <si>
    <t>POINT (4.613417844839845 51.817952667953506)</t>
  </si>
  <si>
    <t>POINT (4.622165418291905 51.81262526504305)</t>
  </si>
  <si>
    <t>POINT (4.603828343673951 51.81595507047171)</t>
  </si>
  <si>
    <t>POINT (4.637875433384252 51.81956721112639)</t>
  </si>
  <si>
    <t>POINT (4.656993191722319 51.82105782257816)</t>
  </si>
  <si>
    <t>POINT (4.640573675095629 51.80954936141727)</t>
  </si>
  <si>
    <t>POINT (4.596968484942306 51.815570167311286)</t>
  </si>
  <si>
    <t>POINT (4.607081538202849 51.81345261635196)</t>
  </si>
  <si>
    <t>POINT (4.629181472660179 51.81161646398964)</t>
  </si>
  <si>
    <t>POINT (4.636490778914558 51.81828173360268)</t>
  </si>
  <si>
    <t>POINT (4.608718964470403 51.82568318127956)</t>
  </si>
  <si>
    <t>POINT (4.642104256190726 51.81622048008783)</t>
  </si>
  <si>
    <t>POINT (4.656828998772058 51.81806541342671)</t>
  </si>
  <si>
    <t>POINT (4.611924759271855 51.81362166524135)</t>
  </si>
  <si>
    <t>POINT (4.632979030462397 51.826045514983456)</t>
  </si>
  <si>
    <t>POINT (4.643040346413969 51.815275838075266)</t>
  </si>
  <si>
    <t>POINT (4.626698039824602 51.81402708756217)</t>
  </si>
  <si>
    <t>POINT (4.634711247715043 51.825719125630165)</t>
  </si>
  <si>
    <t>POINT (4.635307769975729 51.80929295282723)</t>
  </si>
  <si>
    <t>POINT (4.560187769115345 51.83396012324189)</t>
  </si>
  <si>
    <t>POINT (4.617752995012715 51.82008710074359)</t>
  </si>
  <si>
    <t>POINT (4.643539493919318 51.81902686479232)</t>
  </si>
  <si>
    <t>POINT (4.647374470254307 51.826965422566225)</t>
  </si>
  <si>
    <t>POINT (4.565642321924047 51.83435410992746)</t>
  </si>
  <si>
    <t>POINT (4.608839783640585 51.82139138450017)</t>
  </si>
  <si>
    <t>POINT (4.605062187347041 51.81356878330207)</t>
  </si>
  <si>
    <t>POINT (4.627218651640496 51.81494646377863)</t>
  </si>
  <si>
    <t>POINT (4.630138981879117 51.822513459344876)</t>
  </si>
  <si>
    <t>POINT (4.660011685711068 51.82026786147812)</t>
  </si>
  <si>
    <t>POINT (4.627613105805288 51.80618082332755)</t>
  </si>
  <si>
    <t>POINT (4.604570880568676 51.815353896700735)</t>
  </si>
  <si>
    <t>POINT (4.655687732554901 51.81745600082742)</t>
  </si>
  <si>
    <t>POINT (4.632244241073093 51.819486062238475)</t>
  </si>
  <si>
    <t>POINT (4.568328344961503 51.83854303394213)</t>
  </si>
  <si>
    <t>POINT (4.641883526044192 51.82616722174071)</t>
  </si>
  <si>
    <t>POINT (4.639190341138462 51.81880311957182)</t>
  </si>
  <si>
    <t>POINT (4.606349580941662 51.8214903931404)</t>
  </si>
  <si>
    <t>POINT (4.655832952686147 51.82426778952596)</t>
  </si>
  <si>
    <t>POINT (4.652347003344308 51.81557786092026)</t>
  </si>
  <si>
    <t>POINT (4.6499564329962055 51.818474447273864)</t>
  </si>
  <si>
    <t>POINT (4.644111589508213 51.82631332035005)</t>
  </si>
  <si>
    <t>POINT (4.655396405872396 51.825250416041605)</t>
  </si>
  <si>
    <t>POINT (4.628443226420112 51.81501219409346)</t>
  </si>
  <si>
    <t>POINT (4.659787315165962 51.823639282269326)</t>
  </si>
  <si>
    <t>POINT (4.651984802340835 51.816827662518236)</t>
  </si>
  <si>
    <t>POINT (4.600376631079048 51.81665960761534)</t>
  </si>
  <si>
    <t>POINT (4.623607609312144 51.812080692647115)</t>
  </si>
  <si>
    <t>POINT (4.601339355764738 51.81660740686899)</t>
  </si>
  <si>
    <t>POINT (4.654964447677113 51.81746117112242)</t>
  </si>
  <si>
    <t>POINT (4.615517727336252 51.81826471300084)</t>
  </si>
  <si>
    <t>POINT (4.640983588509157 51.825504673528684)</t>
  </si>
  <si>
    <t>POINT (4.617253255368037 51.81801985261559)</t>
  </si>
  <si>
    <t>POINT (4.6134037598198505 51.81793334821495)</t>
  </si>
  <si>
    <t>POINT (4.6257565340244104 51.81115378035733)</t>
  </si>
  <si>
    <t>POINT (4.639765170455685 51.82393606217872)</t>
  </si>
  <si>
    <t>POINT (4.617571695442906 51.81843798403277)</t>
  </si>
  <si>
    <t>POINT (4.5990167364365195 51.81350135953059)</t>
  </si>
  <si>
    <t>POINT (4.6123765129074785 51.818504275678755)</t>
  </si>
  <si>
    <t>POINT (4.619065848776905 51.8205421250173)</t>
  </si>
  <si>
    <t>POINT (4.644829931555092 51.81462677295113)</t>
  </si>
  <si>
    <t>POINT (4.6333568967768874 51.81986426784889)</t>
  </si>
  <si>
    <t>POINT (4.633494592816509 51.81278295307541)</t>
  </si>
  <si>
    <t>POINT (4.635242509227811 51.80869601693254)</t>
  </si>
  <si>
    <t>POINT (4.566874873492685 51.8326084590324)</t>
  </si>
  <si>
    <t>POINT (4.6213586507029225 51.81145791423161)</t>
  </si>
  <si>
    <t>POINT (4.63827815684845 51.82061210175882)</t>
  </si>
  <si>
    <t>POINT (4.631712550431085 51.80752596082645)</t>
  </si>
  <si>
    <t>POINT (4.639509138635152 51.82031050562192)</t>
  </si>
  <si>
    <t>POINT (4.563650003798403 51.837304970665095)</t>
  </si>
  <si>
    <t>POINT (4.6372381859681 51.82350176184778)</t>
  </si>
  <si>
    <t>POINT (4.640650903573414 51.8169700066247)</t>
  </si>
  <si>
    <t>POINT (4.62912363433488 51.80990653605766)</t>
  </si>
  <si>
    <t>POINT (4.622210051790747 51.81160500398095)</t>
  </si>
  <si>
    <t>POINT (4.599797673787675 51.8134338562631)</t>
  </si>
  <si>
    <t>POINT (4.618419499539181 51.81879789383128)</t>
  </si>
  <si>
    <t>POINT (4.599597431936864 51.81330571737233)</t>
  </si>
  <si>
    <t>POINT (4.651478618449248 51.81738782929507)</t>
  </si>
  <si>
    <t>POINT (4.5635533448768175 51.83276169388857)</t>
  </si>
  <si>
    <t>POINT (4.614819194586652 51.81992552030931)</t>
  </si>
  <si>
    <t>POINT (4.622203927414075 51.81259326457171)</t>
  </si>
  <si>
    <t>POINT (4.63622616779288 51.82092855131372)</t>
  </si>
  <si>
    <t>POINT (4.6540743751170375 51.821861740187884)</t>
  </si>
  <si>
    <t>POINT (4.641013046189245 51.82454468924764)</t>
  </si>
  <si>
    <t>POINT (4.625857990387974 51.81423304613003)</t>
  </si>
  <si>
    <t>POINT (4.6112825097077 51.82495530640056)</t>
  </si>
  <si>
    <t>POINT (4.655436187215011 51.82529203893137)</t>
  </si>
  <si>
    <t>POINT (4.617063250351099 51.816839385165814)</t>
  </si>
  <si>
    <t>POINT (4.656977317474838 51.827814060513525)</t>
  </si>
  <si>
    <t>POINT (4.637233574093496 51.81134680069749)</t>
  </si>
  <si>
    <t>POINT (4.648704413805737 51.813805778131)</t>
  </si>
  <si>
    <t>POINT (4.631898864461293 51.814261510932845)</t>
  </si>
  <si>
    <t>POINT (4.6596995518674795 51.823536267454685)</t>
  </si>
  <si>
    <t>POINT (4.630344634390926 51.811851377152244)</t>
  </si>
  <si>
    <t>POINT (4.655193365672175 51.81971754479347)</t>
  </si>
  <si>
    <t>POINT (4.628913124814331 51.806764365892654)</t>
  </si>
  <si>
    <t>POINT (4.65535406461638 51.82524137909847)</t>
  </si>
  <si>
    <t>POINT (4.637857067546444 51.81885199814486)</t>
  </si>
  <si>
    <t>POINT (4.641471420721442 51.816517276225944)</t>
  </si>
  <si>
    <t>POINT (4.641539593861354 51.81869210158764)</t>
  </si>
  <si>
    <t>POINT (4.645640430082055 51.82053770098015)</t>
  </si>
  <si>
    <t>POINT (4.649590104782229 51.824695118805735)</t>
  </si>
  <si>
    <t>POINT (4.6516252914921274 51.82047468088612)</t>
  </si>
  <si>
    <t>POINT (4.612720839566026 51.81347697191926)</t>
  </si>
  <si>
    <t>POINT (4.627790522924879 51.81301877953552)</t>
  </si>
  <si>
    <t>POINT (4.62940811260258 51.81355290054739)</t>
  </si>
  <si>
    <t>POINT (4.605979266725713 51.82131498576489)</t>
  </si>
  <si>
    <t>POINT (4.650110279796028 51.82514321836857)</t>
  </si>
  <si>
    <t>POINT (4.645145043099019 51.82435524692579)</t>
  </si>
  <si>
    <t>POINT (4.652316211947003 51.82423503697671)</t>
  </si>
  <si>
    <t>POINT (4.638848541538164 51.82422215604627)</t>
  </si>
  <si>
    <t>POINT (4.656102828653119 51.821843651901624)</t>
  </si>
  <si>
    <t>POINT (4.627371699138327 51.809743169912174)</t>
  </si>
  <si>
    <t>POINT (4.634885768442048 51.82430457921673)</t>
  </si>
  <si>
    <t>POINT (4.63759529830675 51.81932483976673)</t>
  </si>
  <si>
    <t>POINT (4.6505456432802035 51.82616756878198)</t>
  </si>
  <si>
    <t>POINT (4.6467499685397256 51.8146357122047)</t>
  </si>
  <si>
    <t>POINT (4.648006979642741 51.81975407505282)</t>
  </si>
  <si>
    <t>POINT (4.6323406530687485 51.81983925517671)</t>
  </si>
  <si>
    <t>POINT (4.649763318378533 51.82715168047009)</t>
  </si>
  <si>
    <t>POINT (4.658406424281712 51.82307867662201)</t>
  </si>
  <si>
    <t>POINT (4.622444427280345 51.812033315959624)</t>
  </si>
  <si>
    <t>POINT (4.564529300029784 51.83607545316936)</t>
  </si>
  <si>
    <t>POINT (4.6329536454108835 51.82514576340353)</t>
  </si>
  <si>
    <t>POINT (4.615327898712372 51.81412297279765)</t>
  </si>
  <si>
    <t>POINT (4.650969067215 51.81660645623523)</t>
  </si>
  <si>
    <t>POINT (4.6377390310317335 51.811492986324666)</t>
  </si>
  <si>
    <t>POINT (4.565595867710201 51.83476445366065)</t>
  </si>
  <si>
    <t>POINT (4.614241923765193 51.81765867525098)</t>
  </si>
  <si>
    <t>POINT (4.665111950275782 51.82306770909301)</t>
  </si>
  <si>
    <t>POINT (4.6529659526376195 51.815233504258906)</t>
  </si>
  <si>
    <t>POINT (4.567017968196312 51.83818448487773)</t>
  </si>
  <si>
    <t>POINT (4.567941414678801 51.83534005463401)</t>
  </si>
  <si>
    <t>POINT (4.574502790455443 51.819881075179154)</t>
  </si>
  <si>
    <t>POINT (4.596436149994748 51.81416818548745)</t>
  </si>
  <si>
    <t>POINT (4.603105553839764 51.815487350751106)</t>
  </si>
  <si>
    <t>POINT (4.651966244723048 51.82159169247823)</t>
  </si>
  <si>
    <t>POINT (4.6379490120615925 51.820887472982726)</t>
  </si>
  <si>
    <t>POINT (4.645275821876812 51.814483481529194)</t>
  </si>
  <si>
    <t>POINT (4.6124761624978685 51.814202454802924)</t>
  </si>
  <si>
    <t>POINT (4.621681271929165 51.81476972783839)</t>
  </si>
  <si>
    <t>POINT (4.6543149655070994 51.820034046407514)</t>
  </si>
  <si>
    <t>POINT (4.630416962398821 51.80939557024733)</t>
  </si>
  <si>
    <t>POINT (4.63085350412985 51.824390025310024)</t>
  </si>
  <si>
    <t>POINT (4.656836848837987 51.82128055997646)</t>
  </si>
  <si>
    <t>POINT (4.642926064826606 51.820159856899345)</t>
  </si>
  <si>
    <t>POINT (4.6193929106176785 51.83034829167809)</t>
  </si>
  <si>
    <t>POINT (4.628564129002344 51.81261932717141)</t>
  </si>
  <si>
    <t>POINT (4.6001048995024085 51.81500320223422)</t>
  </si>
  <si>
    <t>POINT (4.61578360546226 51.81457831768441)</t>
  </si>
  <si>
    <t>POINT (4.633598300625892 51.82439044948528)</t>
  </si>
  <si>
    <t>POINT (4.630677369281298 51.812081656165645)</t>
  </si>
  <si>
    <t>POINT (4.655127045862592 51.823391936624645)</t>
  </si>
  <si>
    <t>POINT (4.65453957379993 51.81638912674213)</t>
  </si>
  <si>
    <t>POINT (4.608939765882009 51.820243855353525)</t>
  </si>
  <si>
    <t>POINT (4.63736907313629 51.810218685179855)</t>
  </si>
  <si>
    <t>POINT (4.563515823455997 51.83583316473613)</t>
  </si>
  <si>
    <t>POINT (4.606097653893788 51.81295589809607)</t>
  </si>
  <si>
    <t>POINT (4.653368863145487 51.82457504904689)</t>
  </si>
  <si>
    <t>POINT (4.649615954057376 51.82226827439123)</t>
  </si>
  <si>
    <t>POINT (4.644383379033754 51.82489642868701)</t>
  </si>
  <si>
    <t>POINT (4.564011073863845 51.833365254351705)</t>
  </si>
  <si>
    <t>POINT (4.647870843184823 51.824770548184986)</t>
  </si>
  <si>
    <t>POINT (4.609686876324795 51.82159835563228)</t>
  </si>
  <si>
    <t>POINT (4.619248915110367 51.81357703290722)</t>
  </si>
  <si>
    <t>POINT (4.617164685289623 51.81729709107442)</t>
  </si>
  <si>
    <t>POINT (4.633397859477669 51.819805133626325)</t>
  </si>
  <si>
    <t>POINT (4.642187771439217 51.81928099539031)</t>
  </si>
  <si>
    <t>POINT (4.612592981239762 51.81911882516931)</t>
  </si>
  <si>
    <t>POINT (4.652561662403632 51.81597821267274)</t>
  </si>
  <si>
    <t>POINT (4.636663456696546 51.81452491417411)</t>
  </si>
  <si>
    <t>POINT (4.611431531214387 51.816010368228966)</t>
  </si>
  <si>
    <t>POINT (4.655290720891016 51.826290672469604)</t>
  </si>
  <si>
    <t>POINT (4.6169145136400935 51.82219526041314)</t>
  </si>
  <si>
    <t>POINT (4.607283828769886 51.81843963038341)</t>
  </si>
  <si>
    <t>POINT (4.638937455130166 51.825389787356364)</t>
  </si>
  <si>
    <t>POINT (4.635892529799361 51.82353489025997)</t>
  </si>
  <si>
    <t>POINT (4.638407505448515 51.825367108984906)</t>
  </si>
  <si>
    <t>POINT (4.626399799324846 51.81114037969)</t>
  </si>
  <si>
    <t>POINT (4.603542381145439 51.81324480236021)</t>
  </si>
  <si>
    <t>POINT (4.648296273529041 51.825909036847776)</t>
  </si>
  <si>
    <t>POINT (4.637269835392591 51.80802723337897)</t>
  </si>
  <si>
    <t>POINT (4.656494107584183 51.8215397364722)</t>
  </si>
  <si>
    <t>POINT (4.636062893504111 51.81628215615241)</t>
  </si>
  <si>
    <t>POINT (4.628737318435049 51.81076210233005)</t>
  </si>
  <si>
    <t>POINT (4.640814982805472 51.82239444111183)</t>
  </si>
  <si>
    <t>POINT (4.594806491370225 51.814687915001045)</t>
  </si>
  <si>
    <t>POINT (4.615309137357714 51.81893786356961)</t>
  </si>
  <si>
    <t>POINT (4.6095619130444145 51.81510398469454)</t>
  </si>
  <si>
    <t>POINT (4.613345199011998 51.81794741594488)</t>
  </si>
  <si>
    <t>POINT (4.6517871862334506 51.81732250993885)</t>
  </si>
  <si>
    <t>POINT (4.648437081268652 51.81681457891411)</t>
  </si>
  <si>
    <t>POINT (4.645983268362449 51.81439269875852)</t>
  </si>
  <si>
    <t>POINT (4.639157544164592 51.82446843839852)</t>
  </si>
  <si>
    <t>POINT (4.6204050208578336 51.81159040062505)</t>
  </si>
  <si>
    <t>POINT (4.608631920492389 51.82222826680354)</t>
  </si>
  <si>
    <t>POINT (4.608004593062891 51.82097714340404)</t>
  </si>
  <si>
    <t>POINT (4.634395277073655 51.809059121750806)</t>
  </si>
  <si>
    <t>POINT (4.649179422102829 51.81707912152893)</t>
  </si>
  <si>
    <t>POINT (4.637826906173988 51.818212960899295)</t>
  </si>
  <si>
    <t>POINT (4.6184363591188875 51.81832470352448)</t>
  </si>
  <si>
    <t>POINT (4.652259228606564 51.815218671620144)</t>
  </si>
  <si>
    <t>POINT (4.62659087751863 51.81311015564102)</t>
  </si>
  <si>
    <t>POINT (4.65463843253278 51.817150968558884)</t>
  </si>
  <si>
    <t>POINT (4.605066487027304 51.81871587502878)</t>
  </si>
  <si>
    <t>POINT (4.6564450757040055 51.824799282294755)</t>
  </si>
  <si>
    <t>POINT (4.629609116351237 51.8133395839181)</t>
  </si>
  <si>
    <t>POINT (4.611864757163093 51.820795365291765)</t>
  </si>
  <si>
    <t>POINT (4.648984353936879 51.82617245615106)</t>
  </si>
  <si>
    <t>POINT (4.653018448988062 51.824556255596335)</t>
  </si>
  <si>
    <t>POINT (4.596697635322381 51.810207018066585)</t>
  </si>
  <si>
    <t>POINT (4.662127426589944 51.825354795624015)</t>
  </si>
  <si>
    <t>POINT (4.6534192268746235 51.82174093702491)</t>
  </si>
  <si>
    <t>POINT (4.657059721880267 51.82009182776553)</t>
  </si>
  <si>
    <t>POINT (4.64486060471091 51.817547240623526)</t>
  </si>
  <si>
    <t>POINT (4.6557499610024395 51.817485862574785)</t>
  </si>
  <si>
    <t>POINT (4.660608622115721 51.822047963271295)</t>
  </si>
  <si>
    <t>POINT (4.651947147373508 51.81515443417286)</t>
  </si>
  <si>
    <t>POINT (4.619278114439051 51.81507936459271)</t>
  </si>
  <si>
    <t>POINT (4.660488310016931 51.82802549305157)</t>
  </si>
  <si>
    <t>POINT (4.6162670135568185 51.813851088891546)</t>
  </si>
  <si>
    <t>POINT (4.611893162967265 51.81369478651832)</t>
  </si>
  <si>
    <t>POINT (4.6466557991615876 51.82537301312737)</t>
  </si>
  <si>
    <t>POINT (4.628779277490011 51.8108436045232)</t>
  </si>
  <si>
    <t>POINT (4.6470188534191985 51.82389374362116)</t>
  </si>
  <si>
    <t>POINT (4.658376584626136 51.82161308564301)</t>
  </si>
  <si>
    <t>POINT (4.631818591779414 51.825645408383686)</t>
  </si>
  <si>
    <t>POINT (4.6192449196882315 51.812158245252355)</t>
  </si>
  <si>
    <t>POINT (4.638217755752556 51.80958392951152)</t>
  </si>
  <si>
    <t>POINT (4.560803514504276 51.83281780950508)</t>
  </si>
  <si>
    <t>POINT (4.644033832931161 51.821699475082866)</t>
  </si>
  <si>
    <t>POINT (4.6160108178323584 51.82049652645807)</t>
  </si>
  <si>
    <t>POINT (4.654960850021395 51.824162029448495)</t>
  </si>
  <si>
    <t>POINT (4.626924396583952 51.815560185583635)</t>
  </si>
  <si>
    <t>POINT (4.604130829694096 51.814035019898675)</t>
  </si>
  <si>
    <t>POINT (4.638653858388987 51.825238910651876)</t>
  </si>
  <si>
    <t>POINT (4.609302453054651 51.81347378641341)</t>
  </si>
  <si>
    <t>POINT (4.561492686406162 51.83210443103215)</t>
  </si>
  <si>
    <t>POINT (4.613935116539049 51.82244900640354)</t>
  </si>
  <si>
    <t>POINT (4.6391814825382465 51.82083150579971)</t>
  </si>
  <si>
    <t>POINT (4.6448507596104776 51.814644243897725)</t>
  </si>
  <si>
    <t>POINT (4.648629184800235 51.824361249939706)</t>
  </si>
  <si>
    <t>POINT (4.617649370659368 51.81766531105291)</t>
  </si>
  <si>
    <t>POINT (4.645626972220071 51.82059310311721)</t>
  </si>
  <si>
    <t>POINT (4.614734891605869 51.817698145590434)</t>
  </si>
  <si>
    <t>POINT (4.626498009140368 51.81381559905331)</t>
  </si>
  <si>
    <t>POINT (4.634246128062597 51.81895757825739)</t>
  </si>
  <si>
    <t>POINT (4.6177455638133065 51.81811872135643)</t>
  </si>
  <si>
    <t>POINT (4.612379879666855 51.81939604178086)</t>
  </si>
  <si>
    <t>POINT (4.619671602818322 51.83035170530608)</t>
  </si>
  <si>
    <t>POINT (4.625296968756819 51.81453814937284)</t>
  </si>
  <si>
    <t>POINT (4.595601980178431 51.81417318620627)</t>
  </si>
  <si>
    <t>POINT (4.655416748648267 51.827498690916705)</t>
  </si>
  <si>
    <t>POINT (4.657647941401818 51.822356533373394)</t>
  </si>
  <si>
    <t>POINT (4.559809950491774 51.83528620510438)</t>
  </si>
  <si>
    <t>POINT (4.59745835934978 51.816010101844334)</t>
  </si>
  <si>
    <t>POINT (4.608094916511159 51.811550771635474)</t>
  </si>
  <si>
    <t>POINT (4.642867031110042 51.81699961557486)</t>
  </si>
  <si>
    <t>POINT (4.656872705945149 51.82781424561643)</t>
  </si>
  <si>
    <t>POINT (4.646679183952871 51.82703265991945)</t>
  </si>
  <si>
    <t>POINT (4.648564879336807 51.82425425749347)</t>
  </si>
  <si>
    <t>POINT (4.621960424538737 51.81254631087696)</t>
  </si>
  <si>
    <t>POINT (4.619176490802812 51.81497737873832)</t>
  </si>
  <si>
    <t>POINT (4.64454030469154 51.81973424803798)</t>
  </si>
  <si>
    <t>POINT (4.56458461544298 51.83465911546148)</t>
  </si>
  <si>
    <t>POINT (4.665119447546762 51.823416407678266)</t>
  </si>
  <si>
    <t>POINT (4.662287578455886 51.82276071994345)</t>
  </si>
  <si>
    <t>POINT (4.639075147288188 51.80921289798177)</t>
  </si>
  <si>
    <t>POINT (4.651567742054765 51.81806772587221)</t>
  </si>
  <si>
    <t>POINT (4.562202155805343 51.83254589537082)</t>
  </si>
  <si>
    <t>POINT (4.61183667142272 51.81888836686587)</t>
  </si>
  <si>
    <t>POINT (4.625516491072588 51.813022459433896)</t>
  </si>
  <si>
    <t>POINT (4.61323632010969 51.82109056496142)</t>
  </si>
  <si>
    <t>POINT (4.619075431682425 51.81359618503347)</t>
  </si>
  <si>
    <t>POINT (4.567913108938018 51.8326542448241)</t>
  </si>
  <si>
    <t>POINT (4.6123710789349905 51.82146897074623)</t>
  </si>
  <si>
    <t>POINT (4.654089108956251 51.821882443261536)</t>
  </si>
  <si>
    <t>POINT (4.656833044284693 51.821229804205835)</t>
  </si>
  <si>
    <t>POINT (4.636906372534093 51.81462872296696)</t>
  </si>
  <si>
    <t>POINT (4.638195958805672 51.825432877758686)</t>
  </si>
  <si>
    <t>POINT (4.656394583470148 51.82317635930854)</t>
  </si>
  <si>
    <t>POINT (4.605165007207321 51.819499494521786)</t>
  </si>
  <si>
    <t>POINT (4.659861232841652 51.8210920626192)</t>
  </si>
  <si>
    <t>POINT (4.6174816689907034 51.8143754282035)</t>
  </si>
  <si>
    <t>POINT (4.633613660074737 51.812729677643205)</t>
  </si>
  <si>
    <t>POINT (4.562054203187015 51.836911563113894)</t>
  </si>
  <si>
    <t>POINT (4.642145550190268 51.816100913954116)</t>
  </si>
  <si>
    <t>POINT (4.650163457646775 51.819355443282305)</t>
  </si>
  <si>
    <t>POINT (4.63267581609475 51.81029220559829)</t>
  </si>
  <si>
    <t>POINT (4.657147509809292 51.81978417905179)</t>
  </si>
  <si>
    <t>POINT (4.629948874029429 51.8149014166306)</t>
  </si>
  <si>
    <t>POINT (4.6417971830914215 51.821170715774855)</t>
  </si>
  <si>
    <t>POINT (4.61389540249749 51.816059177773475)</t>
  </si>
  <si>
    <t>POINT (4.639890020112251 51.81019376927822)</t>
  </si>
  <si>
    <t>POINT (4.6362111436753075 51.810045249969924)</t>
  </si>
  <si>
    <t>POINT (4.637383584309885 51.825070543259926)</t>
  </si>
  <si>
    <t>POINT (4.648888878620154 51.82541861328924)</t>
  </si>
  <si>
    <t>POINT (4.653524810910711 51.82658374352286)</t>
  </si>
  <si>
    <t>POINT (4.568743047664269 51.83347398335313)</t>
  </si>
  <si>
    <t>POINT (4.655833370616806 51.81781839734928)</t>
  </si>
  <si>
    <t>POINT (4.625017417311465 51.81378928214917)</t>
  </si>
  <si>
    <t>POINT (4.6361559002195225 51.823858137345866)</t>
  </si>
  <si>
    <t>POINT (4.619448988856255 51.820137443380645)</t>
  </si>
  <si>
    <t>POINT (4.6011646847187775 51.80942635843058)</t>
  </si>
  <si>
    <t>POINT (4.630705301625898 51.81085082331907)</t>
  </si>
  <si>
    <t>POINT (4.62152751702848 51.811385605311216)</t>
  </si>
  <si>
    <t>POINT (4.657498942881397 51.82439495760007)</t>
  </si>
  <si>
    <t>POINT (4.654311385515329 51.816327333942425)</t>
  </si>
  <si>
    <t>POINT (4.638621323699337 51.82343709104024)</t>
  </si>
  <si>
    <t>POINT (4.5694015331619475 51.83388932237365)</t>
  </si>
  <si>
    <t>POINT (4.644661006544617 51.822341416730445)</t>
  </si>
  <si>
    <t>POINT (4.636342211372697 51.82107616905874)</t>
  </si>
  <si>
    <t>POINT (4.63388873975271 51.817702367828886)</t>
  </si>
  <si>
    <t>POINT (4.644586941761834 51.81520779287956)</t>
  </si>
  <si>
    <t>POINT (4.63382522659232 51.812681247620894)</t>
  </si>
  <si>
    <t>POINT (4.658214616078735 51.82573443826958)</t>
  </si>
  <si>
    <t>POINT (4.647133319818839 51.82522922182169)</t>
  </si>
  <si>
    <t>POINT (4.635244872663252 51.80976377385477)</t>
  </si>
  <si>
    <t>POINT (4.604843866705117 51.821926368152376)</t>
  </si>
  <si>
    <t>POINT (4.652411725835095 51.82159377219417)</t>
  </si>
  <si>
    <t>POINT (4.567474693469344 51.83805928875998)</t>
  </si>
  <si>
    <t>POINT (4.617011007342097 51.82243257543026)</t>
  </si>
  <si>
    <t>POINT (4.600303089047457 51.81348885077768)</t>
  </si>
  <si>
    <t>POINT (4.647495286688824 51.81917596165466)</t>
  </si>
  <si>
    <t>POINT (4.619305860362109 51.81962656837258)</t>
  </si>
  <si>
    <t>POINT (4.618735638580334 51.82121679535382)</t>
  </si>
  <si>
    <t>POINT (4.62868457581478 51.8108104442895)</t>
  </si>
  <si>
    <t>POINT (4.654246032638468 51.82762333108055)</t>
  </si>
  <si>
    <t>POINT (4.632139330870878 51.81820381422032)</t>
  </si>
  <si>
    <t>POINT (4.620787085697335 51.81154660466031)</t>
  </si>
  <si>
    <t>POINT (4.618583282577953 51.81822178328163)</t>
  </si>
  <si>
    <t>POINT (4.646153664128853 51.81603688099873)</t>
  </si>
  <si>
    <t>POINT (4.6253270253919 51.811689497525606)</t>
  </si>
  <si>
    <t>POINT (4.646936756155782 51.827380995987305)</t>
  </si>
  <si>
    <t>POINT (4.637271488832276 51.811720352901716)</t>
  </si>
  <si>
    <t>POINT (4.626914387206794 51.81218246856123)</t>
  </si>
  <si>
    <t>POINT (4.652379810587497 51.82426581689188)</t>
  </si>
  <si>
    <t>POINT (4.619395605133853 51.83036554963113)</t>
  </si>
  <si>
    <t>POINT (4.634764463454205 51.8257630080098)</t>
  </si>
  <si>
    <t>POINT (4.6129673225577585 51.818250414273635)</t>
  </si>
  <si>
    <t>POINT (4.612405626442887 51.82142864172987)</t>
  </si>
  <si>
    <t>POINT (4.639063899353403 51.825602429795126)</t>
  </si>
  <si>
    <t>POINT (4.661072944746188 51.82721829744104)</t>
  </si>
  <si>
    <t>POINT (4.562085848583379 51.83740436888861)</t>
  </si>
  <si>
    <t>POINT (4.641735218725703 51.82607483801882)</t>
  </si>
  <si>
    <t>POINT (4.6411369579340365 51.81351787820417)</t>
  </si>
  <si>
    <t>POINT (4.638080838456608 51.82413693577429)</t>
  </si>
  <si>
    <t>POINT (4.565998385108946 51.832833862661296)</t>
  </si>
  <si>
    <t>POINT (4.653867172430661 51.827247260630614)</t>
  </si>
  <si>
    <t>POINT (4.649005157136031 51.82566404347574)</t>
  </si>
  <si>
    <t>POINT (4.570050069576 51.84375170639206)</t>
  </si>
  <si>
    <t>POINT (4.6327968422498875 51.819565345447636)</t>
  </si>
  <si>
    <t>POINT (4.610698423975007 51.81842211090526)</t>
  </si>
  <si>
    <t>POINT (4.652145518289554 51.815236107613586)</t>
  </si>
  <si>
    <t>POINT (4.5628147619437085 51.834939786630635)</t>
  </si>
  <si>
    <t>POINT (4.647938573352205 51.82382592276633)</t>
  </si>
  <si>
    <t>POINT (4.608883335648533 51.813315996780226)</t>
  </si>
  <si>
    <t>POINT (4.639750463155103 51.810947661877634)</t>
  </si>
  <si>
    <t>POINT (4.629427559972483 51.80994464271471)</t>
  </si>
  <si>
    <t>POINT (4.635085786973503 51.80891241344978)</t>
  </si>
  <si>
    <t>POINT (4.6399638576950535 51.81022190671545)</t>
  </si>
  <si>
    <t>POINT (4.635833646635593 51.8086044783129)</t>
  </si>
  <si>
    <t>POINT (4.639478682340292 51.82578108036609)</t>
  </si>
  <si>
    <t>POINT (4.596851744633119 51.81341311765329)</t>
  </si>
  <si>
    <t>POINT (4.656966963947421 51.82726410519503)</t>
  </si>
  <si>
    <t>POINT (4.638898492660659 51.82256782734271)</t>
  </si>
  <si>
    <t>POINT (4.646871624496438 51.823853858101444)</t>
  </si>
  <si>
    <t>POINT (4.614269462028936 51.8194047353223)</t>
  </si>
  <si>
    <t>POINT (4.620433985766288 51.813160739314995)</t>
  </si>
  <si>
    <t>POINT (4.639096466061899 51.818337661829204)</t>
  </si>
  <si>
    <t>POINT (4.594025687090766 51.80865136377614)</t>
  </si>
  <si>
    <t>POINT (4.621697357325533 51.81453730368695)</t>
  </si>
  <si>
    <t>POINT (4.564423003854064 51.83526421090205)</t>
  </si>
  <si>
    <t>POINT (4.651177568051019 51.814133285961724)</t>
  </si>
  <si>
    <t>POINT (4.638736848288891 51.8136702612422)</t>
  </si>
  <si>
    <t>POINT (4.6413983919563435 51.816541261406655)</t>
  </si>
  <si>
    <t>POINT (4.611871369678213 51.809592915390134)</t>
  </si>
  <si>
    <t>POINT (4.603712938438202 51.818646433381815)</t>
  </si>
  <si>
    <t>POINT (4.597957733682938 51.81502327114529)</t>
  </si>
  <si>
    <t>POINT (4.61756969314134 51.81376075462305)</t>
  </si>
  <si>
    <t>POINT (4.655697545486811 51.82627131215305)</t>
  </si>
  <si>
    <t>POINT (4.609430565798176 51.822452077768304)</t>
  </si>
  <si>
    <t>POINT (4.625180842186525 51.812723769650695)</t>
  </si>
  <si>
    <t>POINT (4.642666064232973 51.809632507151925)</t>
  </si>
  <si>
    <t>POINT (4.62455561854671 51.814047386075934)</t>
  </si>
  <si>
    <t>POINT (4.626572043230047 51.81213861434523)</t>
  </si>
  <si>
    <t>POINT (4.632059023126773 51.818377867102384)</t>
  </si>
  <si>
    <t>POINT (4.630517725387338 51.811965508455174)</t>
  </si>
  <si>
    <t>POINT (4.629679901711555 51.812458356275336)</t>
  </si>
  <si>
    <t>POINT (4.561865269453947 51.83748582038453)</t>
  </si>
  <si>
    <t>POINT (4.6065851974268295 51.82103814688986)</t>
  </si>
  <si>
    <t>POINT (4.640076975924838 51.81844286443635)</t>
  </si>
  <si>
    <t>POINT (4.629139983171828 51.81202702504621)</t>
  </si>
  <si>
    <t>POINT (4.650663929085165 51.81483677215699)</t>
  </si>
  <si>
    <t>POINT (4.628944014228872 51.8073849577573)</t>
  </si>
  <si>
    <t>POINT (4.634214930440754 51.809550599849544)</t>
  </si>
  <si>
    <t>POINT (4.644716553361143 51.819871128348474)</t>
  </si>
  <si>
    <t>POINT (4.618278789787197 51.81503502354856)</t>
  </si>
  <si>
    <t>POINT (4.568778306342103 51.835457101072166)</t>
  </si>
  <si>
    <t>POINT (4.639937416211782 51.82303629447801)</t>
  </si>
  <si>
    <t>3332GG</t>
  </si>
  <si>
    <t>Brabant</t>
  </si>
  <si>
    <t>POINT (4.650512342136733 51.82179752201856)</t>
  </si>
  <si>
    <t>POINT (4.625702044726541 51.81367930039506)</t>
  </si>
  <si>
    <t>POINT (4.624672446644993 51.814017574642186)</t>
  </si>
  <si>
    <t>POINT (4.607481545801778 51.82205005102513)</t>
  </si>
  <si>
    <t>POINT (4.650400553838613 51.817399888314036)</t>
  </si>
  <si>
    <t>POINT (4.641429688106515 51.81865499903665)</t>
  </si>
  <si>
    <t>POINT (4.635340282290449 51.81945391066839)</t>
  </si>
  <si>
    <t>POINT (4.635396468082769 51.81052723930662)</t>
  </si>
  <si>
    <t>POINT (4.655911682033816 51.818782642767836)</t>
  </si>
  <si>
    <t>POINT (4.618671848989309 51.82119795080684)</t>
  </si>
  <si>
    <t>POINT (4.652551247643246 51.82157062784555)</t>
  </si>
  <si>
    <t>POINT (4.6524052696392 51.8253538399492)</t>
  </si>
  <si>
    <t>POINT (4.627313189204871 51.81131934867221)</t>
  </si>
  <si>
    <t>POINT (4.621421895121635 51.811425293422914)</t>
  </si>
  <si>
    <t>POINT (4.617640604992225 51.81715759785253)</t>
  </si>
  <si>
    <t>POINT (4.602377034070324 51.81909659766473)</t>
  </si>
  <si>
    <t>POINT (4.644472628686545 51.816020420438164)</t>
  </si>
  <si>
    <t>POINT (4.641587975495798 51.825887486412924)</t>
  </si>
  <si>
    <t>POINT (4.634158331827933 51.81113174603057)</t>
  </si>
  <si>
    <t>POINT (4.612297485827022 51.822508964716945)</t>
  </si>
  <si>
    <t>POINT (4.56193000098022 51.83305312317443)</t>
  </si>
  <si>
    <t>POINT (4.65615358230031 51.82289348594151)</t>
  </si>
  <si>
    <t>POINT (4.633559818855587 51.82059425792463)</t>
  </si>
  <si>
    <t>POINT (4.599913951075132 51.8141896632868)</t>
  </si>
  <si>
    <t>POINT (4.63350980445073 51.81272402193641)</t>
  </si>
  <si>
    <t>POINT (4.648660544638346 51.81791955365534)</t>
  </si>
  <si>
    <t>POINT (4.6114717263247025 51.81552786756752)</t>
  </si>
  <si>
    <t>POINT (4.638783184245814 51.81775326880103)</t>
  </si>
  <si>
    <t>POINT (4.597684063147426 51.81409019708107)</t>
  </si>
  <si>
    <t>POINT (4.630011155095577 51.80977719291099)</t>
  </si>
  <si>
    <t>POINT (4.619419987437094 51.83039224375977)</t>
  </si>
  <si>
    <t>POINT (4.646084032257569 51.82601679613692)</t>
  </si>
  <si>
    <t>POINT (4.625723858754141 51.81366712740843)</t>
  </si>
  <si>
    <t>POINT (4.638211801627148 51.82538299275606)</t>
  </si>
  <si>
    <t>POINT (4.640848302528998 51.823477017056625)</t>
  </si>
  <si>
    <t>POINT (4.645810445999398 51.81425136546117)</t>
  </si>
  <si>
    <t>POINT (4.625327010689132 51.81205680329395)</t>
  </si>
  <si>
    <t>POINT (4.640079398290964 51.81403591931145)</t>
  </si>
  <si>
    <t>POINT (4.635855726379376 51.8213493142879)</t>
  </si>
  <si>
    <t>POINT (4.644676065206183 51.82149866077511)</t>
  </si>
  <si>
    <t>POINT (4.598608550185041 51.81551131223163)</t>
  </si>
  <si>
    <t>POINT (4.630204668437962 51.824126275767384)</t>
  </si>
  <si>
    <t>POINT (4.6146242374123565 51.81351210700094)</t>
  </si>
  <si>
    <t>POINT (4.562791237382553 51.83748692458753)</t>
  </si>
  <si>
    <t>POINT (4.652768492081198 51.81527479416293)</t>
  </si>
  <si>
    <t>POINT (4.6197378024714935 51.81285624383357)</t>
  </si>
  <si>
    <t>POINT (4.622149646057829 51.81154812507454)</t>
  </si>
  <si>
    <t>POINT (4.613721428287161 51.819970712795616)</t>
  </si>
  <si>
    <t>POINT (4.656582963455562 51.826930977452605)</t>
  </si>
  <si>
    <t>POINT (4.566816515925083 51.83499360150552)</t>
  </si>
  <si>
    <t>POINT (4.64153249723995 51.82419577775695)</t>
  </si>
  <si>
    <t>POINT (4.643298561015519 51.821987255039666)</t>
  </si>
  <si>
    <t>POINT (4.571514639694799 51.831822250016955)</t>
  </si>
  <si>
    <t>POINT (4.608535853346098 51.81517887060959)</t>
  </si>
  <si>
    <t>POINT (4.648773825760657 51.81288294133744)</t>
  </si>
  <si>
    <t>POINT (4.629440216935735 51.81443318337866)</t>
  </si>
  <si>
    <t>POINT (4.637129630375339 51.822940263633434)</t>
  </si>
  <si>
    <t>POINT (4.6481837613388315 51.81653625820514)</t>
  </si>
  <si>
    <t>POINT (4.615565382306722 51.81969345921097)</t>
  </si>
  <si>
    <t>POINT (4.651407830570815 51.81937796578692)</t>
  </si>
  <si>
    <t>POINT (4.630917563505383 51.810194343669636)</t>
  </si>
  <si>
    <t>POINT (4.5648279557722296 51.83304983007799)</t>
  </si>
  <si>
    <t>POINT (4.646747719407233 51.81968721623022)</t>
  </si>
  <si>
    <t>POINT (4.624934534882569 51.81169826544506)</t>
  </si>
  <si>
    <t>POINT (4.637960245018979 51.82550908056389)</t>
  </si>
  <si>
    <t>POINT (4.640192312218308 51.80860248210709)</t>
  </si>
  <si>
    <t>POINT (4.656926661185496 51.82109797453463)</t>
  </si>
  <si>
    <t>POINT (4.654532116944 51.81641335862596)</t>
  </si>
  <si>
    <t>POINT (4.65239868124262 51.817639173387825)</t>
  </si>
  <si>
    <t>POINT (4.621920358378749 51.81251881378323)</t>
  </si>
  <si>
    <t>POINT (4.634296216552254 51.82055147902364)</t>
  </si>
  <si>
    <t>POINT (4.6042235111860945 51.820685140083825)</t>
  </si>
  <si>
    <t>POINT (4.637606959594881 51.81116972690771)</t>
  </si>
  <si>
    <t>POINT (4.640596670020522 51.82248356869193)</t>
  </si>
  <si>
    <t>POINT (4.650091981898892 51.824755107118754)</t>
  </si>
  <si>
    <t>POINT (4.60986221042909 51.81861270908693)</t>
  </si>
  <si>
    <t>POINT (4.625059142502195 51.81376600271206)</t>
  </si>
  <si>
    <t>POINT (4.654940366785485 51.81702042258419)</t>
  </si>
  <si>
    <t>POINT (4.560206052770987 51.83599460423126)</t>
  </si>
  <si>
    <t>POINT (4.567461431330583 51.83517734238784)</t>
  </si>
  <si>
    <t>POINT (4.601297174772651 51.818302273239304)</t>
  </si>
  <si>
    <t>POINT (4.656303086694724 51.820188627356636)</t>
  </si>
  <si>
    <t>POINT (4.561129807713708 51.83508600866579)</t>
  </si>
  <si>
    <t>POINT (4.560789417825823 51.835424672969495)</t>
  </si>
  <si>
    <t>POINT (4.561721915935955 51.832320730660484)</t>
  </si>
  <si>
    <t>POINT (4.655478681948401 51.81760506928361)</t>
  </si>
  <si>
    <t>POINT (4.628246288522648 51.81329909270261)</t>
  </si>
  <si>
    <t>POINT (4.63974735825006 51.82595120367871)</t>
  </si>
  <si>
    <t>POINT (4.597026484074757 51.814288413289205)</t>
  </si>
  <si>
    <t>POINT (4.653712893968926 51.825857771175734)</t>
  </si>
  <si>
    <t>POINT (4.603251055897881 51.81918795800135)</t>
  </si>
  <si>
    <t>POINT (4.602710547653115 51.8187570131262)</t>
  </si>
  <si>
    <t>POINT (4.616669497534077 51.815761920651184)</t>
  </si>
  <si>
    <t>POINT (4.649243545507587 51.825108900555854)</t>
  </si>
  <si>
    <t>POINT (4.595629042136509 51.81490743415712)</t>
  </si>
  <si>
    <t>POINT (4.641077823556706 51.816750071612965)</t>
  </si>
  <si>
    <t>POINT (4.644954269426014 51.81767577808395)</t>
  </si>
  <si>
    <t>POINT (4.653461556577308 51.82213270360078)</t>
  </si>
  <si>
    <t>POINT (4.626437244717527 51.81411550902289)</t>
  </si>
  <si>
    <t>POINT (4.617534627238802 51.82672376818177)</t>
  </si>
  <si>
    <t>POINT (4.6416104433828265 51.819847050419746)</t>
  </si>
  <si>
    <t>POINT (4.602558058518875 51.81977154919196)</t>
  </si>
  <si>
    <t>POINT (4.65863022446193 51.822185036791474)</t>
  </si>
  <si>
    <t>POINT (4.618700306885604 51.81282166993787)</t>
  </si>
  <si>
    <t>POINT (4.644596284703749 51.81968532626171)</t>
  </si>
  <si>
    <t>POINT (4.604122505588509 51.8217877512182)</t>
  </si>
  <si>
    <t>POINT (4.602587727214373 51.81975862400156)</t>
  </si>
  <si>
    <t>POINT (4.5610028345953495 51.83695575472561)</t>
  </si>
  <si>
    <t>POINT (4.640496595477394 51.8256856017956)</t>
  </si>
  <si>
    <t>POINT (4.61691932959117 51.8220008841618)</t>
  </si>
  <si>
    <t>POINT (4.5766297253111885 51.8288447921282)</t>
  </si>
  <si>
    <t>POINT (4.591371513767219 51.80944603853317)</t>
  </si>
  <si>
    <t>POINT (4.644536093686492 51.815197313881754)</t>
  </si>
  <si>
    <t>POINT (4.6276963133108 51.80987608417437)</t>
  </si>
  <si>
    <t>POINT (4.641414744138324 51.81918128195404)</t>
  </si>
  <si>
    <t>POINT (4.589875670754297 51.81168267577511)</t>
  </si>
  <si>
    <t>POINT (4.628283143141571 51.80813232182276)</t>
  </si>
  <si>
    <t>POINT (4.633343887885025 51.817471437107514)</t>
  </si>
  <si>
    <t>POINT (4.655770621620884 51.819257894146716)</t>
  </si>
  <si>
    <t>POINT (4.646281448209924 51.81638555918409)</t>
  </si>
  <si>
    <t>POINT (4.636123355415417 51.81003819826179)</t>
  </si>
  <si>
    <t>POINT (4.661736244200135 51.82432921621802)</t>
  </si>
  <si>
    <t>POINT (4.569622652580893 51.83796679833968)</t>
  </si>
  <si>
    <t>POINT (4.6041955371398915 51.8151548723223)</t>
  </si>
  <si>
    <t>POINT (4.63067910919485 51.824762031161484)</t>
  </si>
  <si>
    <t>POINT (4.620896127830524 51.81339521751352)</t>
  </si>
  <si>
    <t>POINT (4.659338419594446 51.823525821836746)</t>
  </si>
  <si>
    <t>POINT (4.650457228386549 51.816735521691804)</t>
  </si>
  <si>
    <t>POINT (4.630330713075256 51.811818532502386)</t>
  </si>
  <si>
    <t>POINT (4.5651437399410515 51.837051036396076)</t>
  </si>
  <si>
    <t>POINT (4.6113592828494205 51.81489598996579)</t>
  </si>
  <si>
    <t>POINT (4.632685034743898 51.82508965538212)</t>
  </si>
  <si>
    <t>POINT (4.624784900207516 51.81363757034897)</t>
  </si>
  <si>
    <t>POINT (4.63807275160295 51.8254839292339)</t>
  </si>
  <si>
    <t>POINT (4.616371431225675 51.819251306822714)</t>
  </si>
  <si>
    <t>POINT (4.660661755392275 51.82702931904761)</t>
  </si>
  <si>
    <t>POINT (4.650153018412169 51.81705601780564)</t>
  </si>
  <si>
    <t>POINT (4.6480895512944524 51.81636272251799)</t>
  </si>
  <si>
    <t>POINT (4.613260120989051 51.81993674146101)</t>
  </si>
  <si>
    <t>POINT (4.643651024437245 51.82225583231401)</t>
  </si>
  <si>
    <t>POINT (4.6182557701933105 51.81390185371427)</t>
  </si>
  <si>
    <t>POINT (4.654400148835301 51.82347155251034)</t>
  </si>
  <si>
    <t>POINT (4.654546643479229 51.829388155976794)</t>
  </si>
  <si>
    <t>POINT (4.625480277532132 51.81510571807441)</t>
  </si>
  <si>
    <t>POINT (4.561951440857534 51.83387001881245)</t>
  </si>
  <si>
    <t>POINT (4.65116416378195 51.81682943988678)</t>
  </si>
  <si>
    <t>POINT (4.62671670312823 51.80845435833448)</t>
  </si>
  <si>
    <t>POINT (4.622184995483387 51.81166211674806)</t>
  </si>
  <si>
    <t>POINT (4.651266467682082 51.81503324275496)</t>
  </si>
  <si>
    <t>POINT (4.657710340646693 51.82941404419767)</t>
  </si>
  <si>
    <t>POINT (4.64889187751054 51.81949754398501)</t>
  </si>
  <si>
    <t>POINT (4.6503964429540865 51.814442763717366)</t>
  </si>
  <si>
    <t>POINT (4.6482060436306085 51.82403806812283)</t>
  </si>
  <si>
    <t>POINT (4.642724852313377 51.82569799444516)</t>
  </si>
  <si>
    <t>POINT (4.656424253553752 51.81748336662382)</t>
  </si>
  <si>
    <t>POINT (4.639764031819698 51.82591236187464)</t>
  </si>
  <si>
    <t>POINT (4.616972560786768 51.822337977613856)</t>
  </si>
  <si>
    <t>POINT (4.645837148849447 51.81540641051952)</t>
  </si>
  <si>
    <t>POINT (4.6522711774265035 51.8153246242016)</t>
  </si>
  <si>
    <t>POINT (4.598960056839983 51.815521305190636)</t>
  </si>
  <si>
    <t>POINT (4.633359872933949 51.809768820952)</t>
  </si>
  <si>
    <t>POINT (4.610646825116757 51.8186069910852)</t>
  </si>
  <si>
    <t>POINT (4.614591879794189 51.81322456943393)</t>
  </si>
  <si>
    <t>POINT (4.6611579163551715 51.82410688295543)</t>
  </si>
  <si>
    <t>POINT (4.627611493829543 51.808164191489745)</t>
  </si>
  <si>
    <t>POINT (4.57004249560508 51.83550666301009)</t>
  </si>
  <si>
    <t>POINT (4.636389273995847 51.81673482126302)</t>
  </si>
  <si>
    <t>POINT (4.619695141109383 51.812660954559206)</t>
  </si>
  <si>
    <t>POINT (4.657089664047388 51.81949960617564)</t>
  </si>
  <si>
    <t>POINT (4.654282583818409 51.826691568728286)</t>
  </si>
  <si>
    <t>POINT (4.629518501369853 51.82474012685234)</t>
  </si>
  <si>
    <t>POINT (4.631996521775525 51.80810964620191)</t>
  </si>
  <si>
    <t>POINT (4.6608585232114175 51.824466761658584)</t>
  </si>
  <si>
    <t>POINT (4.641907051766617 51.81941656027779)</t>
  </si>
  <si>
    <t>POINT (4.561825352357362 51.83358761361626)</t>
  </si>
  <si>
    <t>POINT (4.652558277029225 51.82152557563373)</t>
  </si>
  <si>
    <t>POINT (4.634464629817759 51.8207415915998)</t>
  </si>
  <si>
    <t>POINT (4.626330725362912 51.81393499925778)</t>
  </si>
  <si>
    <t>POINT (4.626122180433448 51.81567031089862)</t>
  </si>
  <si>
    <t>POINT (4.604102727828843 51.820702051005846)</t>
  </si>
  <si>
    <t>POINT (4.634460901516139 51.811390782305736)</t>
  </si>
  <si>
    <t>POINT (4.610814028379903 51.822384375060864)</t>
  </si>
  <si>
    <t>POINT (4.637043198371929 51.81478596512754)</t>
  </si>
  <si>
    <t>POINT (4.648622077564285 51.81387788859873)</t>
  </si>
  <si>
    <t>POINT (4.649189624820485 51.81964951873914)</t>
  </si>
  <si>
    <t>POINT (4.602895736954387 51.81425965188341)</t>
  </si>
  <si>
    <t>POINT (4.6171756276195275 51.81515793791822)</t>
  </si>
  <si>
    <t>POINT (4.639437734339925 51.82578265319588)</t>
  </si>
  <si>
    <t>POINT (4.615580843577112 51.81785487394971)</t>
  </si>
  <si>
    <t>POINT (4.628235218543761 51.814892180088314)</t>
  </si>
  <si>
    <t>POINT (4.66203423748258 51.82555058636836)</t>
  </si>
  <si>
    <t>POINT (4.649439709573281 51.81429318562401)</t>
  </si>
  <si>
    <t>POINT (4.632110328057868 51.80704766996228)</t>
  </si>
  <si>
    <t>POINT (4.6052200479234076 51.814647143732)</t>
  </si>
  <si>
    <t>POINT (4.612000722921161 51.81953709680614)</t>
  </si>
  <si>
    <t>POINT (4.599000168404962 51.81420844612407)</t>
  </si>
  <si>
    <t>POINT (4.645344407305373 51.82539789111167)</t>
  </si>
  <si>
    <t>POINT (4.634619547047169 51.823936151789816)</t>
  </si>
  <si>
    <t>POINT (4.66541437825168 51.822504739359026)</t>
  </si>
  <si>
    <t>POINT (4.625063129449868 51.81137092268704)</t>
  </si>
  <si>
    <t>POINT (4.563942484943166 51.83154086598595)</t>
  </si>
  <si>
    <t>POINT (4.637018370180816 51.82326125786135)</t>
  </si>
  <si>
    <t>POINT (4.62952927807693 51.81507339490053)</t>
  </si>
  <si>
    <t>POINT (4.6440973672714465 51.81538933065486)</t>
  </si>
  <si>
    <t>POINT (4.60358417676141 51.82029727922229)</t>
  </si>
  <si>
    <t>POINT (4.628374657827851 51.81338376055136)</t>
  </si>
  <si>
    <t>POINT (4.618287683421528 51.81806436016808)</t>
  </si>
  <si>
    <t>POINT (4.569391764200319 51.83430042640344)</t>
  </si>
  <si>
    <t>POINT (4.6562901969288895 51.82175008721992)</t>
  </si>
  <si>
    <t>POINT (4.5656444343367175 51.8332484278932)</t>
  </si>
  <si>
    <t>POINT (4.567762214886126 51.83469918281322)</t>
  </si>
  <si>
    <t>POINT (4.617570752276314 51.82307606367947)</t>
  </si>
  <si>
    <t>POINT (4.604400198484643 51.81321983117629)</t>
  </si>
  <si>
    <t>POINT (4.649660274429336 51.82231124914965)</t>
  </si>
  <si>
    <t>POINT (4.654227452351036 51.821800647417895)</t>
  </si>
  <si>
    <t>POINT (4.641198869018774 51.820896165927664)</t>
  </si>
  <si>
    <t>POINT (4.6264156695246905 51.814731419478974)</t>
  </si>
  <si>
    <t>POINT (4.641945023727167 51.82610986891399)</t>
  </si>
  <si>
    <t>POINT (4.601435629991333 51.818794731044534)</t>
  </si>
  <si>
    <t>POINT (4.6350072244332 51.81099491721805)</t>
  </si>
  <si>
    <t>POINT (4.568838891453608 51.836558158931695)</t>
  </si>
  <si>
    <t>POINT (4.655489023054536 51.821374734647385)</t>
  </si>
  <si>
    <t>POINT (4.651274975460041 51.82830489592983)</t>
  </si>
  <si>
    <t>POINT (4.597779627386509 51.815463743742804)</t>
  </si>
  <si>
    <t>POINT (4.656487366049188 51.81744440714661)</t>
  </si>
  <si>
    <t>POINT (4.638409365236808 51.82073779190623)</t>
  </si>
  <si>
    <t>POINT (4.567170831198901 51.839112507652835)</t>
  </si>
  <si>
    <t>POINT (4.648188989242474 51.826561676623285)</t>
  </si>
  <si>
    <t>POINT (4.654342518108189 51.81635087197299)</t>
  </si>
  <si>
    <t>POINT (4.6047543761204555 51.822097357310106)</t>
  </si>
  <si>
    <t>POINT (4.648292862026718 51.82158709521591)</t>
  </si>
  <si>
    <t>POINT (4.6593541409363475 51.819401295023304)</t>
  </si>
  <si>
    <t>POINT (4.628129325906502 51.823639068914375)</t>
  </si>
  <si>
    <t>POINT (4.562919206033179 51.836405766881896)</t>
  </si>
  <si>
    <t>POINT (4.65482122055411 51.82675506504689)</t>
  </si>
  <si>
    <t>POINT (4.6107967948297945 51.83435858990347)</t>
  </si>
  <si>
    <t>POINT (4.659399770182533 51.8247622974975)</t>
  </si>
  <si>
    <t>POINT (4.6416607949645785 51.82320078996173)</t>
  </si>
  <si>
    <t>POINT (4.567164645326386 51.83216316769851)</t>
  </si>
  <si>
    <t>POINT (4.637184230609952 51.80814369226695)</t>
  </si>
  <si>
    <t>POINT (4.63604575885555 51.810127049325985)</t>
  </si>
  <si>
    <t>POINT (4.650759166311262 51.817375029306845)</t>
  </si>
  <si>
    <t>POINT (4.616183207412431 51.81281214318396)</t>
  </si>
  <si>
    <t>POINT (4.655186149997539 51.82114697850767)</t>
  </si>
  <si>
    <t>POINT (4.656564291639509 51.82144069571104)</t>
  </si>
  <si>
    <t>POINT (4.63726542069123 51.81497436838141)</t>
  </si>
  <si>
    <t>POINT (4.6470230802821 51.822834373012924)</t>
  </si>
  <si>
    <t>POINT (4.649645336402984 51.817184971021604)</t>
  </si>
  <si>
    <t>POINT (4.653058535203738 51.82456118044626)</t>
  </si>
  <si>
    <t>POINT (4.656306934456781 51.81744582739121)</t>
  </si>
  <si>
    <t>POINT (4.612267776455637 51.815162557767124)</t>
  </si>
  <si>
    <t>POINT (4.658890233635481 51.823935001483434)</t>
  </si>
  <si>
    <t>POINT (4.6448060829980005 51.82057330682435)</t>
  </si>
  <si>
    <t>POINT (4.6288103717991 51.81283659394195)</t>
  </si>
  <si>
    <t>POINT (4.601152730768123 51.81861503052913)</t>
  </si>
  <si>
    <t>POINT (4.647064967069043 51.82206792034348)</t>
  </si>
  <si>
    <t>POINT (4.6205429457088 51.813265315843545)</t>
  </si>
  <si>
    <t>POINT (4.59767762138508 51.81443566284632)</t>
  </si>
  <si>
    <t>POINT (4.625271857289596 51.8139310684604)</t>
  </si>
  <si>
    <t>POINT (4.648478368961029 51.824254171464204)</t>
  </si>
  <si>
    <t>POINT (4.632471293619482 51.810005319022935)</t>
  </si>
  <si>
    <t>POINT (4.602619719656516 51.81571907810347)</t>
  </si>
  <si>
    <t>POINT (4.63059219046596 51.813586697842595)</t>
  </si>
  <si>
    <t>POINT (4.625486831260521 51.8130689902515)</t>
  </si>
  <si>
    <t>POINT (4.639554259976831 51.823977999420585)</t>
  </si>
  <si>
    <t>POINT (4.64394993503068 51.81819957489702)</t>
  </si>
  <si>
    <t>POINT (4.636278889696632 51.820604819196866)</t>
  </si>
  <si>
    <t>POINT (4.648641808038679 51.81382167164998)</t>
  </si>
  <si>
    <t>POINT (4.631563318569622 51.81070375917923)</t>
  </si>
  <si>
    <t>POINT (4.634374507074752 51.82403411214737)</t>
  </si>
  <si>
    <t>POINT (4.646825889366912 51.823818486783196)</t>
  </si>
  <si>
    <t>POINT (4.605573188443527 51.815858246764904)</t>
  </si>
  <si>
    <t>POINT (4.565100399547429 51.83701044533652)</t>
  </si>
  <si>
    <t>POINT (4.649884255719086 51.82677244387979)</t>
  </si>
  <si>
    <t>POINT (4.641422425330078 51.81656045219292)</t>
  </si>
  <si>
    <t>POINT (4.597991540097732 51.81449140122578)</t>
  </si>
  <si>
    <t>POINT (4.6301781159464666 51.813847881982426)</t>
  </si>
  <si>
    <t>POINT (4.65942321302299 51.82129563742314)</t>
  </si>
  <si>
    <t>POINT (4.644316092226376 51.82589841186063)</t>
  </si>
  <si>
    <t>POINT (4.608871555512947 51.816483042605334)</t>
  </si>
  <si>
    <t>POINT (4.642088185076425 51.8193214415018)</t>
  </si>
  <si>
    <t>POINT (4.632403712905097 51.808990436370664)</t>
  </si>
  <si>
    <t>POINT (4.634924347401866 51.80775749785587)</t>
  </si>
  <si>
    <t>POINT (4.6561285717657706 51.820198380771004)</t>
  </si>
  <si>
    <t>POINT (4.641930247882003 51.81905664752299)</t>
  </si>
  <si>
    <t>POINT (4.637981427875665 51.81745646092942)</t>
  </si>
  <si>
    <t>POINT (4.648261680612951 51.8240508497581)</t>
  </si>
  <si>
    <t>POINT (4.631256451313455 51.8074727225394)</t>
  </si>
  <si>
    <t>POINT (4.635363544605771 51.820634059936474)</t>
  </si>
  <si>
    <t>POINT (4.658529416860862 51.82153443088303)</t>
  </si>
  <si>
    <t>POINT (4.605878430061022 51.82005648649601)</t>
  </si>
  <si>
    <t>POINT (4.635049050557796 51.82220512963436)</t>
  </si>
  <si>
    <t>POINT (4.657413707020101 51.82431973178339)</t>
  </si>
  <si>
    <t>POINT (4.649765809766166 51.8223300694218)</t>
  </si>
  <si>
    <t>POINT (4.637412628614372 51.81128027792239)</t>
  </si>
  <si>
    <t>POINT (4.637014298766647 51.822958582555195)</t>
  </si>
  <si>
    <t>POINT (4.644663301638584 51.82088846383736)</t>
  </si>
  <si>
    <t>POINT (4.607284284040348 51.81351104241967)</t>
  </si>
  <si>
    <t>POINT (4.602656390506998 51.815366155989175)</t>
  </si>
  <si>
    <t>POINT (4.562849940683998 51.837044686018245)</t>
  </si>
  <si>
    <t>POINT (4.60930378728219 51.82138074405592)</t>
  </si>
  <si>
    <t>POINT (4.632096896046734 51.80814157288231)</t>
  </si>
  <si>
    <t>POINT (4.644436220769374 51.824953832250365)</t>
  </si>
  <si>
    <t>POINT (4.60236325412596 51.82167146118428)</t>
  </si>
  <si>
    <t>POINT (4.645084983181189 51.82453886556113)</t>
  </si>
  <si>
    <t>POINT (4.631233079859147 51.81108343666646)</t>
  </si>
  <si>
    <t>POINT (4.654295172778688 51.82421462915649)</t>
  </si>
  <si>
    <t>POINT (4.59776769642544 51.816270932879185)</t>
  </si>
  <si>
    <t>POINT (4.569998578011934 51.83545613718879)</t>
  </si>
  <si>
    <t>POINT (4.6494928585335895 51.82669256513242)</t>
  </si>
  <si>
    <t>POINT (4.566348230678443 51.833045648555384)</t>
  </si>
  <si>
    <t>POINT (4.634200479631212 51.80898407457685)</t>
  </si>
  <si>
    <t>POINT (4.626814314433554 51.8130214198853)</t>
  </si>
  <si>
    <t>POINT (4.637386700425184 51.814991314010484)</t>
  </si>
  <si>
    <t>POINT (4.617513715228065 51.81448271201711)</t>
  </si>
  <si>
    <t>POINT (4.644399331656067 51.824914264319276)</t>
  </si>
  <si>
    <t>POINT (4.6575036161634324 51.81793944474505)</t>
  </si>
  <si>
    <t>POINT (4.652827944325175 51.81695442360015)</t>
  </si>
  <si>
    <t>POINT (4.651177836290378 51.82636240032037)</t>
  </si>
  <si>
    <t>POINT (4.617989559889618 51.81433475859666)</t>
  </si>
  <si>
    <t>POINT (4.6204175816160085 51.813466122698195)</t>
  </si>
  <si>
    <t>POINT (4.612680381138155 51.82004489841273)</t>
  </si>
  <si>
    <t>POINT (4.628856994151589 51.813164309023065)</t>
  </si>
  <si>
    <t>POINT (4.619362382122639 51.81959428218642)</t>
  </si>
  <si>
    <t>POINT (4.6543409150208195 51.820562976569484)</t>
  </si>
  <si>
    <t>POINT (4.661655445201284 51.824915056692085)</t>
  </si>
  <si>
    <t>POINT (4.635413272656883 51.82108239309536)</t>
  </si>
  <si>
    <t>POINT (4.655136605365067 51.81673142922292)</t>
  </si>
  <si>
    <t>POINT (4.613899627393843 51.82130993837311)</t>
  </si>
  <si>
    <t>POINT (4.659517937169424 51.82126276890796)</t>
  </si>
  <si>
    <t>POINT (4.614865824419415 51.82137733389859)</t>
  </si>
  <si>
    <t>POINT (4.610878435404428 51.82505953723319)</t>
  </si>
  <si>
    <t>POINT (4.600722364988896 51.80927570965938)</t>
  </si>
  <si>
    <t>POINT (4.618306953896675 51.8127060241729)</t>
  </si>
  <si>
    <t>POINT (4.628046293142067 51.82415079788728)</t>
  </si>
  <si>
    <t>POINT (4.564456361792532 51.831536172333585)</t>
  </si>
  <si>
    <t>POINT (4.653229825542938 51.81546984949143)</t>
  </si>
  <si>
    <t>POINT (4.664244773453266 51.823457108227764)</t>
  </si>
  <si>
    <t>POINT (4.6143621594609225 51.81437544701754)</t>
  </si>
  <si>
    <t>POINT (4.562614145829143 51.83180898895928)</t>
  </si>
  <si>
    <t>POINT (4.654281815579103 51.817927539517974)</t>
  </si>
  <si>
    <t>POINT (4.635676713311232 51.817985864937974)</t>
  </si>
  <si>
    <t>POINT (4.630610744585298 51.81253122841464)</t>
  </si>
  <si>
    <t>POINT (4.655457377555682 51.82863984029431)</t>
  </si>
  <si>
    <t>POINT (4.618437347933516 51.82225860198205)</t>
  </si>
  <si>
    <t>POINT (4.638146694164839 51.81710302859142)</t>
  </si>
  <si>
    <t>POINT (4.638418566619104 51.82010706898615)</t>
  </si>
  <si>
    <t>POINT (4.568391122466131 51.832270102301514)</t>
  </si>
  <si>
    <t>POINT (4.604470541403424 51.81548635059365)</t>
  </si>
  <si>
    <t>POINT (4.66551725981274 51.82208096301531)</t>
  </si>
  <si>
    <t>POINT (4.642405295182065 51.81691141939928)</t>
  </si>
  <si>
    <t>POINT (4.660418093263246 51.820058560716646)</t>
  </si>
  <si>
    <t>POINT (4.647194135611916 51.819776080548564)</t>
  </si>
  <si>
    <t>POINT (4.614268896932638 51.818219677035)</t>
  </si>
  <si>
    <t>POINT (4.633896142572855 51.81719776267769)</t>
  </si>
  <si>
    <t>POINT (4.607551915038923 51.81330607103186)</t>
  </si>
  <si>
    <t>POINT (4.625682348457446 51.81471054642094)</t>
  </si>
  <si>
    <t>POINT (4.613807584560865 51.822450862712145)</t>
  </si>
  <si>
    <t>POINT (4.628772132246619 51.81182784933291)</t>
  </si>
  <si>
    <t>POINT (4.613519815967296 51.819573673589204)</t>
  </si>
  <si>
    <t>POINT (4.638077794832133 51.81776593673476)</t>
  </si>
  <si>
    <t>POINT (4.645544150363391 51.814950531308554)</t>
  </si>
  <si>
    <t>POINT (4.609117047156821 51.81614971464855)</t>
  </si>
  <si>
    <t>POINT (4.617823968828767 51.820443761763535)</t>
  </si>
  <si>
    <t>POINT (4.638431560610549 51.82072885493011)</t>
  </si>
  <si>
    <t>POINT (4.6533661010813345 51.81575897786995)</t>
  </si>
  <si>
    <t>POINT (4.5616141522901374 51.8371203519178)</t>
  </si>
  <si>
    <t>POINT (4.616808824918388 51.81741948301596)</t>
  </si>
  <si>
    <t>POINT (4.574836538314834 51.82749709024472)</t>
  </si>
  <si>
    <t>POINT (4.648255873222971 51.81896214809046)</t>
  </si>
  <si>
    <t>POINT (4.63963361632319 51.82586541935503)</t>
  </si>
  <si>
    <t>POINT (4.646655327579678 51.81818374251766)</t>
  </si>
  <si>
    <t>POINT (4.603893839681168 51.81466384499541)</t>
  </si>
  <si>
    <t>POINT (4.642081270081519 51.82629039974527)</t>
  </si>
  <si>
    <t>POINT (4.609108713007654 51.81901715215076)</t>
  </si>
  <si>
    <t>POINT (4.647879386882282 51.82380493891675)</t>
  </si>
  <si>
    <t>POINT (4.6331294668082 51.811375429676)</t>
  </si>
  <si>
    <t>POINT (4.605704027352897 51.82178326354371)</t>
  </si>
  <si>
    <t>POINT (4.650200067243135 51.820124466401175)</t>
  </si>
  <si>
    <t>POINT (4.613801009954872 51.81606970175669)</t>
  </si>
  <si>
    <t>POINT (4.620288963230409 51.8136987461899)</t>
  </si>
  <si>
    <t>POINT (4.657083026531934 51.81982342698375)</t>
  </si>
  <si>
    <t>POINT (4.633703929606133 51.80886520242816)</t>
  </si>
  <si>
    <t>POINT (4.637212218757781 51.80810694554146)</t>
  </si>
  <si>
    <t>POINT (4.619154035075292 51.81216856275412)</t>
  </si>
  <si>
    <t>POINT (4.621676243242467 51.81457392980262)</t>
  </si>
  <si>
    <t>POINT (4.651658310204555 51.82450154704325)</t>
  </si>
  <si>
    <t>POINT (4.613296975558432 51.8213188378805)</t>
  </si>
  <si>
    <t>POINT (4.613658397912136 51.81961457788089)</t>
  </si>
  <si>
    <t>POINT (4.56130645871583 51.83219064438589)</t>
  </si>
  <si>
    <t>POINT (4.650973194254685 51.8141682823374)</t>
  </si>
  <si>
    <t>POINT (4.638606019718697 51.82521171139399)</t>
  </si>
  <si>
    <t>POINT (4.639831792876257 51.825973440027134)</t>
  </si>
  <si>
    <t>POINT (4.631219303906082 51.81029552335056)</t>
  </si>
  <si>
    <t>POINT (4.570248554914401 51.836370216326614)</t>
  </si>
  <si>
    <t>POINT (4.639039625714452 51.825565151790954)</t>
  </si>
  <si>
    <t>POINT (4.628772646954369 51.8064454641309)</t>
  </si>
  <si>
    <t>POINT (4.656905927968433 51.81835267600765)</t>
  </si>
  <si>
    <t>POINT (4.659268211412199 51.82933392773392)</t>
  </si>
  <si>
    <t>POINT (4.659332151570971 51.823141499217634)</t>
  </si>
  <si>
    <t>POINT (4.62814251068647 51.81032746320588)</t>
  </si>
  <si>
    <t>POINT (4.6217157066587475 51.814706204488964)</t>
  </si>
  <si>
    <t>POINT (4.606734891608598 51.81409174718083)</t>
  </si>
  <si>
    <t>POINT (4.657556216840181 51.82972393237703)</t>
  </si>
  <si>
    <t>POINT (4.642202744539387 51.826205373827555)</t>
  </si>
  <si>
    <t>POINT (4.607726174382764 51.81737568845537)</t>
  </si>
  <si>
    <t>POINT (4.62209050434289 51.81147231514778)</t>
  </si>
  <si>
    <t>POINT (4.63879171269496 51.81672505216049)</t>
  </si>
  <si>
    <t>POINT (4.643624601500375 51.816536062055576)</t>
  </si>
  <si>
    <t>POINT (4.569880989154599 51.83414871497867)</t>
  </si>
  <si>
    <t>POINT (4.604503940040328 51.815442169024564)</t>
  </si>
  <si>
    <t>POINT (4.600304984892435 51.81443708521916)</t>
  </si>
  <si>
    <t>POINT (4.558357224838135 51.83167747064421)</t>
  </si>
  <si>
    <t>POINT (4.625425722977642 51.814462599149664)</t>
  </si>
  <si>
    <t>POINT (4.641703548043332 51.82602331147574)</t>
  </si>
  <si>
    <t>POINT (4.642137292797678 51.82626148821629)</t>
  </si>
  <si>
    <t>POINT (4.617738082275899 51.82187998140342)</t>
  </si>
  <si>
    <t>POINT (4.636272887608117 51.81152377495951)</t>
  </si>
  <si>
    <t>POINT (4.619600884348036 51.81993951674684)</t>
  </si>
  <si>
    <t>POINT (4.639357270804316 51.82198152475616)</t>
  </si>
  <si>
    <t>POINT (4.611636204186026 51.816112880116776)</t>
  </si>
  <si>
    <t>POINT (4.640370144654966 51.817599640237475)</t>
  </si>
  <si>
    <t>POINT (4.641855757712737 51.826054273367454)</t>
  </si>
  <si>
    <t>POINT (4.570398640178519 51.8398764730382)</t>
  </si>
  <si>
    <t>POINT (4.644961412471756 51.82050366513522)</t>
  </si>
  <si>
    <t>POINT (4.637801303652442 51.810335063544)</t>
  </si>
  <si>
    <t>POINT (4.6194498620274 51.83039801215656)</t>
  </si>
  <si>
    <t>POINT (4.620938148444631 51.81480857209352)</t>
  </si>
  <si>
    <t>POINT (4.652987761449329 51.81955959808132)</t>
  </si>
  <si>
    <t>POINT (4.644033579004964 51.82634031384258)</t>
  </si>
  <si>
    <t>POINT (4.629858786105979 51.81482528519525)</t>
  </si>
  <si>
    <t>POINT (4.637216195953611 51.81494052595282)</t>
  </si>
  <si>
    <t>POINT (4.625274103079005 51.81267064966482)</t>
  </si>
  <si>
    <t>POINT (4.65178555103943 51.827248645789766)</t>
  </si>
  <si>
    <t>POINT (4.643362457954237 51.821355152961374)</t>
  </si>
  <si>
    <t>POINT (4.650972665031908 51.81411632438895)</t>
  </si>
  <si>
    <t>POINT (4.617346122515918 51.82184388313354)</t>
  </si>
  <si>
    <t>POINT (4.631277671852272 51.81863316779965)</t>
  </si>
  <si>
    <t>POINT (4.654478139811069 51.8193273144674)</t>
  </si>
  <si>
    <t>POINT (4.639212715286507 51.81758500622519)</t>
  </si>
  <si>
    <t>POINT (4.628183041392853 51.80838241460491)</t>
  </si>
  <si>
    <t>POINT (4.566277071168632 51.83453842445015)</t>
  </si>
  <si>
    <t>POINT (4.559756659560151 51.83565898849837)</t>
  </si>
  <si>
    <t>POINT (4.658782882173027 51.82238653063969)</t>
  </si>
  <si>
    <t>POINT (4.636188310875093 51.81002222758185)</t>
  </si>
  <si>
    <t>POINT (4.649793235904642 51.8224401823118)</t>
  </si>
  <si>
    <t>POINT (4.643176530435641 51.825248961320476)</t>
  </si>
  <si>
    <t>POINT (4.629968399154394 51.81491582567551)</t>
  </si>
  <si>
    <t>POINT (4.621029256010656 51.81383822378499)</t>
  </si>
  <si>
    <t>POINT (4.641299050687116 51.81078648743688)</t>
  </si>
  <si>
    <t>POINT (4.6558481595374595 51.82719589970882)</t>
  </si>
  <si>
    <t>POINT (4.62775017132657 51.813830145095515)</t>
  </si>
  <si>
    <t>POINT (4.626067734714454 51.81293025235655)</t>
  </si>
  <si>
    <t>POINT (4.6179659121745855 51.814093031761026)</t>
  </si>
  <si>
    <t>POINT (4.612906995086828 51.82189751203408)</t>
  </si>
  <si>
    <t>POINT (4.556244742896205 51.83072804576689)</t>
  </si>
  <si>
    <t>POINT (4.617639813191032 51.82065144308396)</t>
  </si>
  <si>
    <t>POINT (4.619465889305384 51.83041270564493)</t>
  </si>
  <si>
    <t>POINT (4.644626106624963 51.81479969329579)</t>
  </si>
  <si>
    <t>POINT (4.62020623350796 51.81260899756436)</t>
  </si>
  <si>
    <t>POINT (4.644783889267048 51.826400270544305)</t>
  </si>
  <si>
    <t>POINT (4.637097392625529 51.82254848317318)</t>
  </si>
  <si>
    <t>POINT (4.6589637756207605 51.82141600437763)</t>
  </si>
  <si>
    <t>POINT (4.630437129824336 51.81364818751112)</t>
  </si>
  <si>
    <t>POINT (4.569145343090404 51.83717152924636)</t>
  </si>
  <si>
    <t>POINT (4.658273600791752 51.82162293587811)</t>
  </si>
  <si>
    <t>POINT (4.604410715821819 51.82161670383268)</t>
  </si>
  <si>
    <t>POINT (4.652372937063168 51.821593951815004)</t>
  </si>
  <si>
    <t>POINT (4.63784697673244 51.811439132228024)</t>
  </si>
  <si>
    <t>POINT (4.616604168352958 51.82103269050134)</t>
  </si>
  <si>
    <t>POINT (4.628922243259401 51.81191556048099)</t>
  </si>
  <si>
    <t>POINT (4.625569942338456 51.81178308288185)</t>
  </si>
  <si>
    <t>POINT (4.601301241134824 51.81410088604704)</t>
  </si>
  <si>
    <t>POINT (4.631164140377166 51.81100212109766)</t>
  </si>
  <si>
    <t>POINT (4.633953654054472 51.82442043370506)</t>
  </si>
  <si>
    <t>POINT (4.609125685633772 51.82107809977382)</t>
  </si>
  <si>
    <t>POINT (4.6207894357867145 51.80851040080721)</t>
  </si>
  <si>
    <t>POINT (4.565517373878909 51.83656554545896)</t>
  </si>
  <si>
    <t>POINT (4.60554393558737 51.81440874511773)</t>
  </si>
  <si>
    <t>POINT (4.652327933746686 51.82530606634992)</t>
  </si>
  <si>
    <t>POINT (4.561226612870051 51.83255109786269)</t>
  </si>
  <si>
    <t>POINT (4.628574148459474 51.81175929806457)</t>
  </si>
  <si>
    <t>POINT (4.603412425862992 51.82114494668742)</t>
  </si>
  <si>
    <t>POINT (4.65992710971192 51.827406293496104)</t>
  </si>
  <si>
    <t>POINT (4.630030226266307 51.809764102561644)</t>
  </si>
  <si>
    <t>POINT (4.629968457730311 51.81156141945394)</t>
  </si>
  <si>
    <t>POINT (4.568714524673442 51.834068129242716)</t>
  </si>
  <si>
    <t>POINT (4.6553064376600855 51.82430996326846)</t>
  </si>
  <si>
    <t>POINT (4.566681304334757 51.83848862137412)</t>
  </si>
  <si>
    <t>POINT (4.563371175475811 51.83466688436678)</t>
  </si>
  <si>
    <t>POINT (4.6129202397868445 51.81922417517917)</t>
  </si>
  <si>
    <t>POINT (4.646211887920396 51.825978116081494)</t>
  </si>
  <si>
    <t>POINT (4.652220585879458 51.81788330546607)</t>
  </si>
  <si>
    <t>POINT (4.607052483174263 51.816496779661996)</t>
  </si>
  <si>
    <t>POINT (4.600322517593714 51.818974463401545)</t>
  </si>
  <si>
    <t>POINT (4.646062791839431 51.81565292144059)</t>
  </si>
  <si>
    <t>POINT (4.61955598275073 51.81949302340267)</t>
  </si>
  <si>
    <t>POINT (4.639354702683749 51.80882072296022)</t>
  </si>
  <si>
    <t>POINT (4.62247943330979 51.812146244626284)</t>
  </si>
  <si>
    <t>POINT (4.614432780899964 51.81529375046413)</t>
  </si>
  <si>
    <t>POINT (4.639415925846428 51.81835167070096)</t>
  </si>
  <si>
    <t>POINT (4.654618553772691 51.81723452911766)</t>
  </si>
  <si>
    <t>POINT (4.6467066489818265 51.8181329746329)</t>
  </si>
  <si>
    <t>POINT (4.595520872543477 51.81454205828787)</t>
  </si>
  <si>
    <t>POINT (4.612034754794055 51.82092419092619)</t>
  </si>
  <si>
    <t>POINT (4.643279235420041 51.81631469299195)</t>
  </si>
  <si>
    <t>POINT (4.6517029450888145 51.824477503386014)</t>
  </si>
  <si>
    <t>POINT (4.6212934700443125 51.81141243736586)</t>
  </si>
  <si>
    <t>POINT (4.632997176942172 51.8095986891308)</t>
  </si>
  <si>
    <t>POINT (4.638431592405407 51.82535708745102)</t>
  </si>
  <si>
    <t>POINT (4.602419454589752 51.81501140446507)</t>
  </si>
  <si>
    <t>POINT (4.619203186625102 51.81358230665453)</t>
  </si>
  <si>
    <t>POINT (4.63378399065209 51.812587068875736)</t>
  </si>
  <si>
    <t>POINT (4.655701546857971 51.82743954090339)</t>
  </si>
  <si>
    <t>POINT (4.629595272536481 51.81178671278057)</t>
  </si>
  <si>
    <t>POINT (4.6443006992409135 51.81970055209308)</t>
  </si>
  <si>
    <t>POINT (4.604235618153782 51.814260832892224)</t>
  </si>
  <si>
    <t>POINT (4.653330956242909 51.82009248129002)</t>
  </si>
  <si>
    <t>POINT (4.646308332137507 51.819993240678265)</t>
  </si>
  <si>
    <t>POINT (4.638575348480603 51.82525134465304)</t>
  </si>
  <si>
    <t>POINT (4.636721600506325 51.8146005214555)</t>
  </si>
  <si>
    <t>POINT (4.622569603653228 51.812437077876176)</t>
  </si>
  <si>
    <t>POINT (4.652889073744726 51.81523260077362)</t>
  </si>
  <si>
    <t>POINT (4.639702691094688 51.823492872442245)</t>
  </si>
  <si>
    <t>POINT (4.561647851851084 51.83315763791509)</t>
  </si>
  <si>
    <t>POINT (4.601336816829535 51.81501179991057)</t>
  </si>
  <si>
    <t>POINT (4.615571446702788 51.82158021229595)</t>
  </si>
  <si>
    <t>POINT (4.635463165087504 51.80911790456979)</t>
  </si>
  <si>
    <t>POINT (4.636367758245645 51.819623534467816)</t>
  </si>
  <si>
    <t>POINT (4.651177601201126 51.816850306005655)</t>
  </si>
  <si>
    <t>POINT (4.596564236762215 51.81344541006228)</t>
  </si>
  <si>
    <t>POINT (4.637042330829122 51.814722184744284)</t>
  </si>
  <si>
    <t>POINT (4.638552309027979 51.82522451028377)</t>
  </si>
  <si>
    <t>POINT (4.636888276972917 51.81123882330964)</t>
  </si>
  <si>
    <t>POINT (4.642225768524925 51.82220706437862)</t>
  </si>
  <si>
    <t>POINT (4.627303926719328 51.8097161783872)</t>
  </si>
  <si>
    <t>POINT (4.640517242816471 51.82563101002112)</t>
  </si>
  <si>
    <t>POINT (4.615670462744753 51.82114940498483)</t>
  </si>
  <si>
    <t>POINT (4.647945720031524 51.81977226881993)</t>
  </si>
  <si>
    <t>POINT (4.611866999020213 51.813320484922876)</t>
  </si>
  <si>
    <t>POINT (4.627686321738266 51.824025063178524)</t>
  </si>
  <si>
    <t>POINT (4.654461383294442 51.826280689179136)</t>
  </si>
  <si>
    <t>POINT (4.636513036242297 51.81956668445435)</t>
  </si>
  <si>
    <t>POINT (4.596089923066028 51.815186846838564)</t>
  </si>
  <si>
    <t>POINT (4.613006195865828 51.81689232229089)</t>
  </si>
  <si>
    <t>POINT (4.625206915502204 51.81115965983342)</t>
  </si>
  <si>
    <t>POINT (4.636318739127675 51.81813958234691)</t>
  </si>
  <si>
    <t>POINT (4.633907252463453 51.81138438014148)</t>
  </si>
  <si>
    <t>POINT (4.636580123327002 51.815383835905074)</t>
  </si>
  <si>
    <t>POINT (4.634790569149809 51.818742644561794)</t>
  </si>
  <si>
    <t>POINT (4.616071389852291 51.8138469271997)</t>
  </si>
  <si>
    <t>POINT (4.613147962315877 51.820075911170264)</t>
  </si>
  <si>
    <t>POINT (4.632570805962687 51.82480083335721)</t>
  </si>
  <si>
    <t>POINT (4.636038786398014 51.823730827091154)</t>
  </si>
  <si>
    <t>POINT (4.615244329284112 51.814332534466566)</t>
  </si>
  <si>
    <t>POINT (4.636154649810895 51.8206497407293)</t>
  </si>
  <si>
    <t>POINT (4.567837838376116 51.834791629586746)</t>
  </si>
  <si>
    <t>POINT (4.6542197036209965 51.82757423233444)</t>
  </si>
  <si>
    <t>POINT (4.65512234663174 51.82722115456728)</t>
  </si>
  <si>
    <t>POINT (4.622262183947471 51.81294955257395)</t>
  </si>
  <si>
    <t>POINT (4.615148468104745 51.81926352859543)</t>
  </si>
  <si>
    <t>POINT (4.6354336041168445 51.825333411546005)</t>
  </si>
  <si>
    <t>POINT (4.642187220029091 51.81610602340001)</t>
  </si>
  <si>
    <t>POINT (4.60028108249857 51.81932987862268)</t>
  </si>
  <si>
    <t>POINT (4.616583857843388 51.81931411274969)</t>
  </si>
  <si>
    <t>POINT (4.624939956732704 51.81373889166874)</t>
  </si>
  <si>
    <t>POINT (4.63033498136411 51.806186744440204)</t>
  </si>
  <si>
    <t>POINT (4.645196306556053 51.81650378094359)</t>
  </si>
  <si>
    <t>POINT (4.642157999946057 51.82223170366239)</t>
  </si>
  <si>
    <t>POINT (4.62818015829733 51.80918509726256)</t>
  </si>
  <si>
    <t>POINT (4.599896323141608 51.813269143367336)</t>
  </si>
  <si>
    <t>POINT (4.655119384691037 51.82670515931268)</t>
  </si>
  <si>
    <t>POINT (4.5635983553695505 51.83280031077107)</t>
  </si>
  <si>
    <t>POINT (4.629548517434232 51.807197591626455)</t>
  </si>
  <si>
    <t>POINT (4.603962402804097 51.818953787162684)</t>
  </si>
  <si>
    <t>POINT (4.60285076870052 51.820140848098376)</t>
  </si>
  <si>
    <t>POINT (4.651424230112016 51.81501089733997)</t>
  </si>
  <si>
    <t>POINT (4.650608516960705 51.817148818386514)</t>
  </si>
  <si>
    <t>POINT (4.657016093031037 51.8260136371954)</t>
  </si>
  <si>
    <t>POINT (4.662769549611867 51.823498429666614)</t>
  </si>
  <si>
    <t>POINT (4.642495924397156 51.820728692218175)</t>
  </si>
  <si>
    <t>POINT (4.657216288818151 51.82794028270308)</t>
  </si>
  <si>
    <t>POINT (4.648363829084432 51.819653949910716)</t>
  </si>
  <si>
    <t>POINT (4.651966429191858 51.81456350376937)</t>
  </si>
  <si>
    <t>POINT (4.6533873282275655 51.815749492707646)</t>
  </si>
  <si>
    <t>POINT (4.615686328125699 51.81942513220026)</t>
  </si>
  <si>
    <t>POINT (4.630557970248887 51.81278106191494)</t>
  </si>
  <si>
    <t>POINT (4.621416971553716 51.811474402619794)</t>
  </si>
  <si>
    <t>POINT (4.656963096765751 51.830028249763096)</t>
  </si>
  <si>
    <t>POINT (4.661308884377586 51.82751343450955)</t>
  </si>
  <si>
    <t>POINT (4.637435027873336 51.811642504042595)</t>
  </si>
  <si>
    <t>POINT (4.61849242384985 51.81551250156147)</t>
  </si>
  <si>
    <t>POINT (4.64825245213872 51.81947165027265)</t>
  </si>
  <si>
    <t>POINT (4.608040903421991 51.816345117686296)</t>
  </si>
  <si>
    <t>POINT (4.641474914440994 51.825753340094415)</t>
  </si>
  <si>
    <t>POINT (4.661653634496015 51.82506357426983)</t>
  </si>
  <si>
    <t>POINT (4.616137351885896 51.81916383703542)</t>
  </si>
  <si>
    <t>POINT (4.659155082262691 51.8192605920459)</t>
  </si>
  <si>
    <t>POINT (4.604091392015963 51.814214836986984)</t>
  </si>
  <si>
    <t>POINT (4.647270910332984 51.81410055725663)</t>
  </si>
  <si>
    <t>POINT (4.636159108607173 51.82086178563407)</t>
  </si>
  <si>
    <t>POINT (4.60689288491382 51.82091166324681)</t>
  </si>
  <si>
    <t>POINT (4.6463939495750495 51.820511367734305)</t>
  </si>
  <si>
    <t>POINT (4.64415994433164 51.819773071674405)</t>
  </si>
  <si>
    <t>POINT (4.6467976519292185 51.82401509790064)</t>
  </si>
  <si>
    <t>POINT (4.6413891706809025 51.82585927527277)</t>
  </si>
  <si>
    <t>POINT (4.61768669768203 51.82040302382714)</t>
  </si>
  <si>
    <t>POINT (4.652339509138077 51.82154912270846)</t>
  </si>
  <si>
    <t>POINT (4.648621591894399 51.81712882528019)</t>
  </si>
  <si>
    <t>POINT (4.629876039899167 51.814915328562876)</t>
  </si>
  <si>
    <t>POINT (4.653011345346118 51.82457826038689)</t>
  </si>
  <si>
    <t>POINT (4.656429168932644 51.818004138515)</t>
  </si>
  <si>
    <t>POINT (4.6396169425097105 51.825904270128326)</t>
  </si>
  <si>
    <t>POINT (4.6575579139944585 51.81872012558745)</t>
  </si>
  <si>
    <t>POINT (4.655817258359492 51.82712541575239)</t>
  </si>
  <si>
    <t>POINT (4.628396537576581 51.812071738926434)</t>
  </si>
  <si>
    <t>POINT (4.640867551352414 51.82553113551861)</t>
  </si>
  <si>
    <t>POINT (4.615421888722184 51.815037896721286)</t>
  </si>
  <si>
    <t>POINT (4.614515271091681 51.817860159666985)</t>
  </si>
  <si>
    <t>POINT (4.655660915631217 51.8207144731255)</t>
  </si>
  <si>
    <t>POINT (4.646197517280362 51.82566902144749)</t>
  </si>
  <si>
    <t>POINT (4.564299619512495 51.832102380625834)</t>
  </si>
  <si>
    <t>POINT (4.648669562647633 51.824389944199844)</t>
  </si>
  <si>
    <t>POINT (4.6317391106621155 51.80753314302604)</t>
  </si>
  <si>
    <t>POINT (4.6185741518638475 51.81564324743397)</t>
  </si>
  <si>
    <t>POINT (4.653723280476862 51.82194843563647)</t>
  </si>
  <si>
    <t>POINT (4.644418400631834 51.8163937012629)</t>
  </si>
  <si>
    <t>POINT (4.614590394077512 51.81968067178411)</t>
  </si>
  <si>
    <t>POINT (4.648825275287844 51.819757814858114)</t>
  </si>
  <si>
    <t>POINT (4.608664627931188 51.81298428213707)</t>
  </si>
  <si>
    <t>POINT (4.635826791277001 51.810288055429304)</t>
  </si>
  <si>
    <t>POINT (4.561548101029131 51.8338300320339)</t>
  </si>
  <si>
    <t>POINT (4.654574804902703 51.81639875783598)</t>
  </si>
  <si>
    <t>POINT (4.608173987230695 51.822129714001825)</t>
  </si>
  <si>
    <t>POINT (4.601756505534263 51.813955044665654)</t>
  </si>
  <si>
    <t>POINT (4.633671141653474 51.824822913786356)</t>
  </si>
  <si>
    <t>POINT (4.630645041373624 51.81494145706768)</t>
  </si>
  <si>
    <t>POINT (4.657866328836431 51.828175835686)</t>
  </si>
  <si>
    <t>POINT (4.564792957155229 51.836846278758955)</t>
  </si>
  <si>
    <t>POINT (4.60550668530029 51.8199049690313)</t>
  </si>
  <si>
    <t>POINT (4.639282449241905 51.81370981143171)</t>
  </si>
  <si>
    <t>POINT (4.641480652657944 51.825788782985256)</t>
  </si>
  <si>
    <t>POINT (4.638088924387942 51.82549885480272)</t>
  </si>
  <si>
    <t>POINT (4.651301601954885 51.81652527966952)</t>
  </si>
  <si>
    <t>POINT (4.561845519729164 51.83330485244581)</t>
  </si>
  <si>
    <t>POINT (4.5650220698008965 51.835663886105905)</t>
  </si>
  <si>
    <t>POINT (4.569411076436455 51.83532275176334)</t>
  </si>
  <si>
    <t>POINT (4.564223355091562 51.83563357922072)</t>
  </si>
  <si>
    <t>POINT (4.639394248249627 51.825758843764135)</t>
  </si>
  <si>
    <t>POINT (4.605432362293196 51.822284310400235)</t>
  </si>
  <si>
    <t>POINT (4.651006592652798 51.81343332934745)</t>
  </si>
  <si>
    <t>POINT (4.608689457173685 51.82564969136476)</t>
  </si>
  <si>
    <t>POINT (4.630893372449736 51.812365249033824)</t>
  </si>
  <si>
    <t>POINT (4.649989590569278 51.81440368755339)</t>
  </si>
  <si>
    <t>POINT (4.64998765812785 51.82824891721335)</t>
  </si>
  <si>
    <t>POINT (4.6477044111832235 51.824434123011194)</t>
  </si>
  <si>
    <t>POINT (4.639161765376466 51.818111095503006)</t>
  </si>
  <si>
    <t>POINT (4.636539207526991 51.82460201273428)</t>
  </si>
  <si>
    <t>POINT (4.632967420254564 51.808571483688425)</t>
  </si>
  <si>
    <t>POINT (4.634533175308611 51.808353143160325)</t>
  </si>
  <si>
    <t>POINT (4.609897099879013 51.81839947600277)</t>
  </si>
  <si>
    <t>POINT (4.629235416878657 51.82189225214365)</t>
  </si>
  <si>
    <t>POINT (4.628472707858632 51.80931293009965)</t>
  </si>
  <si>
    <t>POINT (4.629193703800002 51.81154795013646)</t>
  </si>
  <si>
    <t>POINT (4.65316532155198 51.81542592283067)</t>
  </si>
  <si>
    <t>POINT (4.649527313566689 51.822182324824034)</t>
  </si>
  <si>
    <t>POINT (4.617874300927355 51.8192964397559)</t>
  </si>
  <si>
    <t>POINT (4.614738706226444 51.81564399659481)</t>
  </si>
  <si>
    <t>POINT (4.61520705369395 51.82237468342672)</t>
  </si>
  <si>
    <t>POINT (4.639196381270429 51.8256506445406)</t>
  </si>
  <si>
    <t>POINT (4.644380219360479 51.81960148770298)</t>
  </si>
  <si>
    <t>POINT (4.605751147476375 51.821827972590576)</t>
  </si>
  <si>
    <t>POINT (4.635977914987553 51.82218386981742)</t>
  </si>
  <si>
    <t>POINT (4.5835004066893505 51.818324334373926)</t>
  </si>
  <si>
    <t>POINT (4.63668442220203 51.82455078898795)</t>
  </si>
  <si>
    <t>POINT (4.616155923702452 51.82053875602655)</t>
  </si>
  <si>
    <t>POINT (4.562307357929481 51.832778814169146)</t>
  </si>
  <si>
    <t>POINT (4.607650855909313 51.819486702404575)</t>
  </si>
  <si>
    <t>POINT (4.629086083597803 51.809863857746876)</t>
  </si>
  <si>
    <t>POINT (4.6392345408650435 51.82249131834381)</t>
  </si>
  <si>
    <t>POINT (4.608212175500717 51.81610820625744)</t>
  </si>
  <si>
    <t>POINT (4.647910660357458 51.81606968801342)</t>
  </si>
  <si>
    <t>POINT (4.640778947954846 51.82497060385317)</t>
  </si>
  <si>
    <t>POINT (4.569708335778572 51.834476383862324)</t>
  </si>
  <si>
    <t>POINT (4.6351211753368196 51.80886333719538)</t>
  </si>
  <si>
    <t>POINT (4.643440883558769 51.81950140010166)</t>
  </si>
  <si>
    <t>POINT (4.617966045774677 51.81425518913253)</t>
  </si>
  <si>
    <t>POINT (4.661107593724795 51.82716202699709)</t>
  </si>
  <si>
    <t>POINT (4.633067721666657 51.80954681923426)</t>
  </si>
  <si>
    <t>POINT (4.602661914106937 51.813571232827215)</t>
  </si>
  <si>
    <t>POINT (4.632794589718386 51.820076041933895)</t>
  </si>
  <si>
    <t>POINT (4.643220152395496 51.81527932415206)</t>
  </si>
  <si>
    <t>POINT (4.61536620759904 51.81468496591971)</t>
  </si>
  <si>
    <t>POINT (4.640652880048443 51.819506799624776)</t>
  </si>
  <si>
    <t>POINT (4.63946842587098 51.81395817683642)</t>
  </si>
  <si>
    <t>POINT (4.614467417451008 51.81917190975729)</t>
  </si>
  <si>
    <t>POINT (4.647585931854537 51.81987900782859)</t>
  </si>
  <si>
    <t>POINT (4.624885476720243 51.81367597633385)</t>
  </si>
  <si>
    <t>POINT (4.6400831551646755 51.82375269500623)</t>
  </si>
  <si>
    <t>POINT (4.6551047092922975 51.8167548615054)</t>
  </si>
  <si>
    <t>POINT (4.633259543557627 51.80793187257373)</t>
  </si>
  <si>
    <t>POINT (4.654691739118192 51.819899554900545)</t>
  </si>
  <si>
    <t>POINT (4.611927627449589 51.82120645713758)</t>
  </si>
  <si>
    <t>POINT (4.6161368515998085 51.815802332081695)</t>
  </si>
  <si>
    <t>POINT (4.65999120278782 51.82242927709436)</t>
  </si>
  <si>
    <t>POINT (4.645514290695856 51.820605208951996)</t>
  </si>
  <si>
    <t>POINT (4.632582342707469 51.81138468556301)</t>
  </si>
  <si>
    <t>POINT (4.629075276972625 51.82069994520011)</t>
  </si>
  <si>
    <t>POINT (4.626463276891 51.81073186760628)</t>
  </si>
  <si>
    <t>POINT (4.6538192454726595 51.82196356102466)</t>
  </si>
  <si>
    <t>POINT (4.655213578183499 51.82333251285771)</t>
  </si>
  <si>
    <t>POINT (4.6421714806719345 51.81926624040774)</t>
  </si>
  <si>
    <t>POINT (4.657611573621336 51.82446253349689)</t>
  </si>
  <si>
    <t>POINT (4.605805477689742 51.81423704935179)</t>
  </si>
  <si>
    <t>POINT (4.652462836975052 51.82501259464409)</t>
  </si>
  <si>
    <t>POINT (4.652540133515936 51.82011673791468)</t>
  </si>
  <si>
    <t>POINT (4.641450232139802 51.810092693529924)</t>
  </si>
  <si>
    <t>POINT (4.644564706567098 51.819730375514204)</t>
  </si>
  <si>
    <t>POINT (4.640300717976992 51.819586535872716)</t>
  </si>
  <si>
    <t>POINT (4.63954123362143 51.82201758190144)</t>
  </si>
  <si>
    <t>POINT (4.662463472095611 51.82313573488839)</t>
  </si>
  <si>
    <t>POINT (4.630522265980682 51.81192134923347)</t>
  </si>
  <si>
    <t>POINT (4.618989299687214 51.820616679727344)</t>
  </si>
  <si>
    <t>POINT (4.6341851500814775 51.80964409806854)</t>
  </si>
  <si>
    <t>POINT (4.615276526749086 51.81443999069669)</t>
  </si>
  <si>
    <t>POINT (4.56612515916886 51.83360781772558)</t>
  </si>
  <si>
    <t>POINT (4.609653296861247 51.821037578662256)</t>
  </si>
  <si>
    <t>POINT (4.634262665499893 51.82575088232512)</t>
  </si>
  <si>
    <t>POINT (4.654893697990882 51.81696935431204)</t>
  </si>
  <si>
    <t>POINT (4.651055885101369 51.814119552043316)</t>
  </si>
  <si>
    <t>POINT (4.606585132735109 51.82171941967814)</t>
  </si>
  <si>
    <t>POINT (4.653631886049434 51.822011648111136)</t>
  </si>
  <si>
    <t>POINT (4.638621285487027 51.80893165923985)</t>
  </si>
  <si>
    <t>POINT (4.639121521194201 51.82556201538186)</t>
  </si>
  <si>
    <t>POINT (4.61910397441225 51.814283820058826)</t>
  </si>
  <si>
    <t>POINT (4.6286440654787935 51.8240080840394)</t>
  </si>
  <si>
    <t>POINT (4.641213007859185 51.816583588440935)</t>
  </si>
  <si>
    <t>POINT (4.653965373441718 51.82187852427321)</t>
  </si>
  <si>
    <t>POINT (4.655456797015325 51.81762467197919)</t>
  </si>
  <si>
    <t>POINT (4.601397000870371 51.819587898534785)</t>
  </si>
  <si>
    <t>POINT (4.657129680661256 51.83006622039685)</t>
  </si>
  <si>
    <t>POINT (4.616364988978159 51.81446022394526)</t>
  </si>
  <si>
    <t>POINT (4.635924823326953 51.81876410400378)</t>
  </si>
  <si>
    <t>POINT (4.62200413538881 51.82725534265048)</t>
  </si>
  <si>
    <t>POINT (4.658038652928257 51.8200511096887)</t>
  </si>
  <si>
    <t>POINT (4.648430620574674 51.81677162624099)</t>
  </si>
  <si>
    <t>POINT (4.6375265511162675 51.82355600814073)</t>
  </si>
  <si>
    <t>POINT (4.615292590142798 51.819306184245825)</t>
  </si>
  <si>
    <t>POINT (4.639924429150707 51.81448979675885)</t>
  </si>
  <si>
    <t>POINT (4.653734833523885 51.82499726056603)</t>
  </si>
  <si>
    <t>POINT (4.570026740098354 51.838587929206824)</t>
  </si>
  <si>
    <t>POINT (4.646852952413371 51.82398475937026)</t>
  </si>
  <si>
    <t>POINT (4.644612786184129 51.814710315313086)</t>
  </si>
  <si>
    <t>POINT (4.648110735831297 51.82658503087212)</t>
  </si>
  <si>
    <t>POINT (4.567331617102288 51.832167408196646)</t>
  </si>
  <si>
    <t>POINT (4.652482525324534 51.821615923083655)</t>
  </si>
  <si>
    <t>POINT (4.636828722185745 51.814638518552606)</t>
  </si>
  <si>
    <t>POINT (4.614573800906818 51.81598202848843)</t>
  </si>
  <si>
    <t>POINT (4.6198327722904615 51.81284540427672)</t>
  </si>
  <si>
    <t>POINT (4.611697712264118 51.81454645316071)</t>
  </si>
  <si>
    <t>POINT (4.635825890883407 51.816360899098676)</t>
  </si>
  <si>
    <t>POINT (4.562921435442959 51.83588025541847)</t>
  </si>
  <si>
    <t>POINT (4.63741553565891 51.81842839928228)</t>
  </si>
  <si>
    <t>POINT (4.638506299693234 51.8172675422918)</t>
  </si>
  <si>
    <t>POINT (4.65087409606018 51.82249169586891)</t>
  </si>
  <si>
    <t>POINT (4.629090393387534 51.81209651102453)</t>
  </si>
  <si>
    <t>POINT (4.599014064757775 51.814397401802644)</t>
  </si>
  <si>
    <t>POINT (4.600568287918709 51.815678289079884)</t>
  </si>
  <si>
    <t>POINT (4.630692052008467 51.81248657534584)</t>
  </si>
  <si>
    <t>POINT (4.633168231683242 51.806614879848425)</t>
  </si>
  <si>
    <t>POINT (4.628930173641022 51.81194931040539)</t>
  </si>
  <si>
    <t>POINT (4.607626663231339 51.820340407434486)</t>
  </si>
  <si>
    <t>POINT (4.593075332580194 51.8094462108808)</t>
  </si>
  <si>
    <t>POINT (4.652090398055272 51.82425309238179)</t>
  </si>
  <si>
    <t>POINT (4.653409359320489 51.82210025173289)</t>
  </si>
  <si>
    <t>POINT (4.61660953444299 51.820091850103346)</t>
  </si>
  <si>
    <t>POINT (4.647929627029136 51.82383277871433)</t>
  </si>
  <si>
    <t>POINT (4.6294178585730705 51.81166767131461)</t>
  </si>
  <si>
    <t>POINT (4.637641206161602 51.823092636275724)</t>
  </si>
  <si>
    <t>POINT (4.620047878898264 51.819411116680556)</t>
  </si>
  <si>
    <t>POINT (4.629470896167303 51.81364675257689)</t>
  </si>
  <si>
    <t>POINT (4.6395951921004395 51.825892365401444)</t>
  </si>
  <si>
    <t>POINT (4.645651201208781 51.82083692155122)</t>
  </si>
  <si>
    <t>POINT (4.627893658376223 51.80911661037911)</t>
  </si>
  <si>
    <t>POINT (4.637249160799966 51.82089733107597)</t>
  </si>
  <si>
    <t>POINT (4.653708144934954 51.82115826306255)</t>
  </si>
  <si>
    <t>POINT (4.6296282911076245 51.80738871241312)</t>
  </si>
  <si>
    <t>POINT (4.6090709516817965 51.81516105367218)</t>
  </si>
  <si>
    <t>POINT (4.6497842060717485 51.81596856852076)</t>
  </si>
  <si>
    <t>POINT (4.648874095233427 51.82453680267055)</t>
  </si>
  <si>
    <t>POINT (4.628925046205155 51.820830560291284)</t>
  </si>
  <si>
    <t>POINT (4.649465886641392 51.825556774953874)</t>
  </si>
  <si>
    <t>POINT (4.64005622051821 51.82414719891337)</t>
  </si>
  <si>
    <t>POINT (4.649012548866646 51.81842430780026)</t>
  </si>
  <si>
    <t>POINT (4.649692402802118 51.8144038517062)</t>
  </si>
  <si>
    <t>POINT (4.6109420170511966 51.822381266606286)</t>
  </si>
  <si>
    <t>POINT (4.632079301040254 51.8251706761378)</t>
  </si>
  <si>
    <t>POINT (4.6354729331589315 51.82576892284463)</t>
  </si>
  <si>
    <t>POINT (4.623233312072384 51.81288808588733)</t>
  </si>
  <si>
    <t>POINT (4.634619046062269 51.810122069725125)</t>
  </si>
  <si>
    <t>POINT (4.628738100427096 51.814310239377484)</t>
  </si>
  <si>
    <t>POINT (4.6395555406220215 51.80955250584264)</t>
  </si>
  <si>
    <t>POINT (4.608034758548282 51.815545206075456)</t>
  </si>
  <si>
    <t>POINT (4.614307327875517 51.82186649056755)</t>
  </si>
  <si>
    <t>POINT (4.639365373701529 51.81830397816175)</t>
  </si>
  <si>
    <t>POINT (4.630167148446006 51.813135599861255)</t>
  </si>
  <si>
    <t>POINT (4.647328198204238 51.82357302729134)</t>
  </si>
  <si>
    <t>POINT (4.656011123404028 51.82483032322839)</t>
  </si>
  <si>
    <t>POINT (4.65738621796999 51.82098739596545)</t>
  </si>
  <si>
    <t>POINT (4.6403222897047876 51.82440764070152)</t>
  </si>
  <si>
    <t>POINT (4.645753111404106 51.820525595023746)</t>
  </si>
  <si>
    <t>POINT (4.656897203332889 51.823790681733456)</t>
  </si>
  <si>
    <t>POINT (4.614572369943997 51.813338220243324)</t>
  </si>
  <si>
    <t>POINT (4.651928312849479 51.82709025184538)</t>
  </si>
  <si>
    <t>POINT (4.628733198068571 51.823030896283306)</t>
  </si>
  <si>
    <t>POINT (4.613247795388646 51.81802663840522)</t>
  </si>
  <si>
    <t>POINT (4.6150705321790415 51.82105379272886)</t>
  </si>
  <si>
    <t>POINT (4.607668947130304 51.813585400245984)</t>
  </si>
  <si>
    <t>POINT (4.598453193075241 51.81429375954092)</t>
  </si>
  <si>
    <t>POINT (4.649396060291712 51.8139199254578)</t>
  </si>
  <si>
    <t>POINT (4.643091201161572 51.816920147878726)</t>
  </si>
  <si>
    <t>POINT (4.569223789108451 51.83558331589597)</t>
  </si>
  <si>
    <t>POINT (4.644418658668844 51.82096908140115)</t>
  </si>
  <si>
    <t>POINT (4.655376477400927 51.825231487483094)</t>
  </si>
  <si>
    <t>POINT (4.640145347674151 51.823398702803644)</t>
  </si>
  <si>
    <t>POINT (4.641221275110981 51.819478360140224)</t>
  </si>
  <si>
    <t>POINT (4.65239423056712 51.82050934903161)</t>
  </si>
  <si>
    <t>POINT (4.649757297630751 51.822363615633684)</t>
  </si>
  <si>
    <t>POINT (4.569317331561226 51.837738074425374)</t>
  </si>
  <si>
    <t>POINT (4.651920611461435 51.82148951091327)</t>
  </si>
  <si>
    <t>POINT (4.637318410301798 51.809241900256836)</t>
  </si>
  <si>
    <t>POINT (4.65107604681775 51.814661130213345)</t>
  </si>
  <si>
    <t>POINT (4.657643202467684 51.82957254658341)</t>
  </si>
  <si>
    <t>POINT (4.628402938593672 51.81381707342276)</t>
  </si>
  <si>
    <t>POINT (4.6430514032135175 51.81869315793114)</t>
  </si>
  <si>
    <t>POINT (4.639314478779292 51.81019407557351)</t>
  </si>
  <si>
    <t>POINT (4.620517702893167 51.820405920272435)</t>
  </si>
  <si>
    <t>POINT (4.652351505856602 51.82423938375512)</t>
  </si>
  <si>
    <t>POINT (4.651898759992896 51.815115695376704)</t>
  </si>
  <si>
    <t>POINT (4.6259011796563865 51.81327457225933)</t>
  </si>
  <si>
    <t>POINT (4.613515172889316 51.81433797403686)</t>
  </si>
  <si>
    <t>POINT (4.625892828949472 51.82751164783064)</t>
  </si>
  <si>
    <t>POINT (4.619387712226056 51.83035197000805)</t>
  </si>
  <si>
    <t>POINT (4.595616133983565 51.81518168339945)</t>
  </si>
  <si>
    <t>POINT (4.564302511879075 51.835183537245726)</t>
  </si>
  <si>
    <t>POINT (4.630402649792898 51.80931437278154)</t>
  </si>
  <si>
    <t>POINT (4.626116907997925 51.81500588514334)</t>
  </si>
  <si>
    <t>POINT (4.6534847596632956 51.815758353504734)</t>
  </si>
  <si>
    <t>POINT (4.639745106304005 51.81013801521921)</t>
  </si>
  <si>
    <t>POINT (4.610768894294246 51.81836507629591)</t>
  </si>
  <si>
    <t>POINT (4.635312279275238 51.81050690676896)</t>
  </si>
  <si>
    <t>POINT (4.612491472776286 51.81425418710785)</t>
  </si>
  <si>
    <t>POINT (4.605886177426306 51.81965388816852)</t>
  </si>
  <si>
    <t>POINT (4.6171348176350255 51.81681939647298)</t>
  </si>
  <si>
    <t>POINT (4.627030798126285 51.81424722876683)</t>
  </si>
  <si>
    <t>POINT (4.660460370631594 51.828792763435814)</t>
  </si>
  <si>
    <t>POINT (4.597007213890835 51.81561698076542)</t>
  </si>
  <si>
    <t>POINT (4.652066413536608 51.824227710942544)</t>
  </si>
  <si>
    <t>POINT (4.6153739753622345 51.814877582377996)</t>
  </si>
  <si>
    <t>POINT (4.6129534615171135 51.81448065976822)</t>
  </si>
  <si>
    <t>POINT (4.666445078930809 51.82294927086335)</t>
  </si>
  <si>
    <t>POINT (4.632361459646277 51.809021499223554)</t>
  </si>
  <si>
    <t>POINT (4.6573938847736835 51.8242288229289)</t>
  </si>
  <si>
    <t>POINT (4.649580030724121 51.82219170774927)</t>
  </si>
  <si>
    <t>POINT (4.655574038894212 51.8282353402428)</t>
  </si>
  <si>
    <t>POINT (4.5691138606900035 51.83599110614637)</t>
  </si>
  <si>
    <t>POINT (4.624287517290992 51.81376257985389)</t>
  </si>
  <si>
    <t>POINT (4.630603944319779 51.81288286782883)</t>
  </si>
  <si>
    <t>POINT (4.6208849431535475 51.811486848534614)</t>
  </si>
  <si>
    <t>POINT (4.639280815209399 51.825672872296906)</t>
  </si>
  <si>
    <t>POINT (4.635006245424623 51.822165197184965)</t>
  </si>
  <si>
    <t>POINT (4.634943244945782 51.81842844352142)</t>
  </si>
  <si>
    <t>POINT (4.645061483782357 51.82243435790508)</t>
  </si>
  <si>
    <t>POINT (4.646963091380001 51.82281466002385)</t>
  </si>
  <si>
    <t>POINT (4.645477913866276 51.82061135204362)</t>
  </si>
  <si>
    <t>POINT (4.560596220991776 51.833330012237695)</t>
  </si>
  <si>
    <t>POINT (4.654571422336057 51.81640788720049)</t>
  </si>
  <si>
    <t>POINT (4.658762094871059 51.8302125851843)</t>
  </si>
  <si>
    <t>POINT (4.659827302363657 51.82704327890508)</t>
  </si>
  <si>
    <t>POINT (4.56996214231965 51.83541068814458)</t>
  </si>
  <si>
    <t>POINT (4.63488775405124 51.8100263551439)</t>
  </si>
  <si>
    <t>POINT (4.656542338284125 51.82693856269469)</t>
  </si>
  <si>
    <t>POINT (4.647608777482743 51.82491571826886)</t>
  </si>
  <si>
    <t>POINT (4.605121704092693 51.81123391614743)</t>
  </si>
  <si>
    <t>POINT (4.658179595596055 51.82063464928408)</t>
  </si>
  <si>
    <t>POINT (4.658279457056118 51.82410219247296)</t>
  </si>
  <si>
    <t>POINT (4.620388720152976 51.813166969350625)</t>
  </si>
  <si>
    <t>POINT (4.601714141535126 51.819154769332734)</t>
  </si>
  <si>
    <t>POINT (4.591603933524723 51.80881912127577)</t>
  </si>
  <si>
    <t>POINT (4.6088055059557895 51.81943795303704)</t>
  </si>
  <si>
    <t>POINT (4.646226690735002 51.81639399542006)</t>
  </si>
  <si>
    <t>POINT (4.634615073698713 51.82018980542256)</t>
  </si>
  <si>
    <t>POINT (4.633712253378914 51.82049060821423)</t>
  </si>
  <si>
    <t>POINT (4.603822478933062 51.81967338060455)</t>
  </si>
  <si>
    <t>POINT (4.638524151010253 51.82525082034525)</t>
  </si>
  <si>
    <t>POINT (4.638444919221927 51.81919560365256)</t>
  </si>
  <si>
    <t>POINT (4.6173134205658855 51.81408186754832)</t>
  </si>
  <si>
    <t>POINT (4.653312093152443 51.81565379610713)</t>
  </si>
  <si>
    <t>POINT (4.64963728705269 51.816254222643664)</t>
  </si>
  <si>
    <t>POINT (4.632021859696753 51.81108675366177)</t>
  </si>
  <si>
    <t>POINT (4.633068126507053 51.80947493012832)</t>
  </si>
  <si>
    <t>POINT (4.609642340781456 51.81917633755273)</t>
  </si>
  <si>
    <t>POINT (4.607653622522641 51.81480879924971)</t>
  </si>
  <si>
    <t>POINT (4.6516765304009065 51.8244446010925)</t>
  </si>
  <si>
    <t>POINT (4.637784770108987 51.80832245844519)</t>
  </si>
  <si>
    <t>POINT (4.628627074309771 51.81071929557618)</t>
  </si>
  <si>
    <t>POINT (4.623731105458954 51.81357767685962)</t>
  </si>
  <si>
    <t>POINT (4.595789687760003 51.8137178961697)</t>
  </si>
  <si>
    <t>POINT (4.561134172469256 51.83510830451545)</t>
  </si>
  <si>
    <t>POINT (4.6301758278720815 51.81173950242841)</t>
  </si>
  <si>
    <t>POINT (4.633086057354534 51.809493544129005)</t>
  </si>
  <si>
    <t>POINT (4.60572837309955 51.820090480521664)</t>
  </si>
  <si>
    <t>POINT (4.659896832375985 51.821131294078576)</t>
  </si>
  <si>
    <t>POINT (4.610602951926481 51.818398989400535)</t>
  </si>
  <si>
    <t>POINT (4.6060345490249714 51.82200935499545)</t>
  </si>
  <si>
    <t>POINT (4.631144960103429 51.80651443641666)</t>
  </si>
  <si>
    <t>POINT (4.6541254009077555 51.821841375953504)</t>
  </si>
  <si>
    <t>POINT (4.6327074601618685 51.819298031182335)</t>
  </si>
  <si>
    <t>POINT (4.632302085388131 51.81012713324654)</t>
  </si>
  <si>
    <t>POINT (4.567713994952627 51.83417782260427)</t>
  </si>
  <si>
    <t>POINT (4.606385425079247 51.81852873031494)</t>
  </si>
  <si>
    <t>POINT (4.606200416622858 51.81325470231932)</t>
  </si>
  <si>
    <t>POINT (4.598079233922308 51.816993672996105)</t>
  </si>
  <si>
    <t>POINT (4.600615804930284 51.816634667208206)</t>
  </si>
  <si>
    <t>POINT (4.632275116778449 51.819777261042105)</t>
  </si>
  <si>
    <t>POINT (4.616990539210317 51.81473034340118)</t>
  </si>
  <si>
    <t>POINT (4.649388952614683 51.81893993772029)</t>
  </si>
  <si>
    <t>POINT (4.656898988017623 51.81894128350621)</t>
  </si>
  <si>
    <t>POINT (4.619440289400172 51.83040723487288)</t>
  </si>
  <si>
    <t>POINT (4.644665889545432 51.814840942457074)</t>
  </si>
  <si>
    <t>POINT (4.644696397187067 51.81465110548535)</t>
  </si>
  <si>
    <t>POINT (4.633587447117192 51.812744897974795)</t>
  </si>
  <si>
    <t>POINT (4.654132116400022 51.821811961996666)</t>
  </si>
  <si>
    <t>POINT (4.618953946209876 51.81348469370912)</t>
  </si>
  <si>
    <t>POINT (4.6561592301850645 51.82716246708137)</t>
  </si>
  <si>
    <t>POINT (4.570207317846609 51.83732798516057)</t>
  </si>
  <si>
    <t>POINT (4.647683177923586 51.81648888953467)</t>
  </si>
  <si>
    <t>POINT (4.660508738928666 51.82799830296912)</t>
  </si>
  <si>
    <t>POINT (4.6442569695660705 51.81969524161374)</t>
  </si>
  <si>
    <t>POINT (4.652443365802367 51.82429659650024)</t>
  </si>
  <si>
    <t>POINT (4.651534460458327 51.82047493853494)</t>
  </si>
  <si>
    <t>POINT (4.6218993595435025 51.812547863205474)</t>
  </si>
  <si>
    <t>POINT (4.602991458211235 51.820944688254464)</t>
  </si>
  <si>
    <t>POINT (4.638635899329885 51.81437589554207)</t>
  </si>
  <si>
    <t>POINT (4.625061234199467 51.813281974071295)</t>
  </si>
  <si>
    <t>POINT (4.568886416102822 51.8347317441108)</t>
  </si>
  <si>
    <t>POINT (4.569438534406713 51.83657981177811)</t>
  </si>
  <si>
    <t>POINT (4.656685068909166 51.82132637446576)</t>
  </si>
  <si>
    <t>POINT (4.629901344544485 51.80680081521165)</t>
  </si>
  <si>
    <t>POINT (4.616802231443211 51.81856395499974)</t>
  </si>
  <si>
    <t>POINT (4.639978138825872 51.80891479732919)</t>
  </si>
  <si>
    <t>POINT (4.6374312163605405 51.82283432628256)</t>
  </si>
  <si>
    <t>POINT (4.60395192808804 51.81469275395609)</t>
  </si>
  <si>
    <t>POINT (4.637545365595222 51.82383676425267)</t>
  </si>
  <si>
    <t>POINT (4.597009667248701 51.81665189747975)</t>
  </si>
  <si>
    <t>POINT (4.6564945679309595 51.828715415388714)</t>
  </si>
  <si>
    <t>POINT (4.611829255297659 51.822187959429684)</t>
  </si>
  <si>
    <t>POINT (4.651891458420987 51.816752139031244)</t>
  </si>
  <si>
    <t>POINT (4.65095046614487 51.81415602299455)</t>
  </si>
  <si>
    <t>POINT (4.646653903201914 51.818930810446346)</t>
  </si>
  <si>
    <t>POINT (4.605753875111627 51.822317345768056)</t>
  </si>
  <si>
    <t>POINT (4.630998980753237 51.80783088179154)</t>
  </si>
  <si>
    <t>POINT (4.563217536777475 51.836820858249126)</t>
  </si>
  <si>
    <t>POINT (4.643886721397525 51.82196353899387)</t>
  </si>
  <si>
    <t>POINT (4.616764199796077 51.82058286727222)</t>
  </si>
  <si>
    <t>POINT (4.595743751522487 51.813757136823476)</t>
  </si>
  <si>
    <t>POINT (4.629700411030701 51.81339893245385)</t>
  </si>
  <si>
    <t>POINT (4.657762359788555 51.822529350696236)</t>
  </si>
  <si>
    <t>POINT (4.5686311188533795 51.83510755427876)</t>
  </si>
  <si>
    <t>POINT (4.618725729613499 51.814104607571956)</t>
  </si>
  <si>
    <t>POINT (4.620977365945247 51.815083190728956)</t>
  </si>
  <si>
    <t>POINT (4.646371336893593 51.82415868068932)</t>
  </si>
  <si>
    <t>POINT (4.613005321587672 51.81819979778784)</t>
  </si>
  <si>
    <t>POINT (4.645174672758894 51.826857730742994)</t>
  </si>
  <si>
    <t>POINT (4.569908620430101 51.84351577430863)</t>
  </si>
  <si>
    <t>POINT (4.650762324767166 51.81891995255832)</t>
  </si>
  <si>
    <t>POINT (4.605698873445773 51.814454352136174)</t>
  </si>
  <si>
    <t>POINT (4.655031816072222 51.82614310866315)</t>
  </si>
  <si>
    <t>POINT (4.612947665579615 51.814455030632814)</t>
  </si>
  <si>
    <t>POINT (4.656817964835482 51.82554475082101)</t>
  </si>
  <si>
    <t>POINT (4.621704894429388 51.81466993640457)</t>
  </si>
  <si>
    <t>POINT (4.658493993404429 51.82149512819072)</t>
  </si>
  <si>
    <t>POINT (4.612742754955675 51.822089164427204)</t>
  </si>
  <si>
    <t>POINT (4.634940919911363 51.80823127319375)</t>
  </si>
  <si>
    <t>POINT (4.6371611284680645 51.81177544046961)</t>
  </si>
  <si>
    <t>POINT (4.6284164748586925 51.81063550748549)</t>
  </si>
  <si>
    <t>POINT (4.6470902702478645 51.82281659463497)</t>
  </si>
  <si>
    <t>POINT (4.635638161909734 51.81974309737487)</t>
  </si>
  <si>
    <t>POINT (4.634009424728287 51.82465762571218)</t>
  </si>
  <si>
    <t>POINT (4.646803710824412 51.82386084537397)</t>
  </si>
  <si>
    <t>POINT (4.568516158994884 51.8343994643144)</t>
  </si>
  <si>
    <t>POINT (4.657578608340064 51.82082064769679)</t>
  </si>
  <si>
    <t>POINT (4.636755839159228 51.82452609527207)</t>
  </si>
  <si>
    <t>POINT (4.656665478777023 51.82141014385755)</t>
  </si>
  <si>
    <t>POINT (4.607991091290769 51.81332249806105)</t>
  </si>
  <si>
    <t>POINT (4.635622449779287 51.822606067218956)</t>
  </si>
  <si>
    <t>POINT (4.632330343568873 51.80765542823375)</t>
  </si>
  <si>
    <t>POINT (4.606406719945327 51.821129255862836)</t>
  </si>
  <si>
    <t>POINT (4.64184335990004 51.81841600191151)</t>
  </si>
  <si>
    <t>POINT (4.661697849129943 51.82451475672498)</t>
  </si>
  <si>
    <t>POINT (4.658875925274683 51.826016050853234)</t>
  </si>
  <si>
    <t>POINT (4.6437746333960925 51.815358711577844)</t>
  </si>
  <si>
    <t>POINT (4.641691588559485 51.81948260700957)</t>
  </si>
  <si>
    <t>POINT (4.612655776452487 51.8181527814965)</t>
  </si>
  <si>
    <t>POINT (4.651639486704154 51.81804581170602)</t>
  </si>
  <si>
    <t>POINT (4.634919980757405 51.82383048312225)</t>
  </si>
  <si>
    <t>POINT (4.618510684824602 51.82144897477821)</t>
  </si>
  <si>
    <t>POINT (4.65538111488374 51.82464573345679)</t>
  </si>
  <si>
    <t>POINT (4.562675531083733 51.835412318066304)</t>
  </si>
  <si>
    <t>POINT (4.618302844698982 51.81749523113658)</t>
  </si>
  <si>
    <t>POINT (4.6339878278374735 51.812733014660886)</t>
  </si>
  <si>
    <t>POINT (4.647104831508486 51.82287766568789)</t>
  </si>
  <si>
    <t>POINT (4.64986139257534 51.81893799899443)</t>
  </si>
  <si>
    <t>POINT (4.646252229361222 51.8163164314456)</t>
  </si>
  <si>
    <t>POINT (4.6448164185554734 51.81748698857072)</t>
  </si>
  <si>
    <t>POINT (4.656852634025432 51.821146034783524)</t>
  </si>
  <si>
    <t>POINT (4.609157140045314 51.81653000577962)</t>
  </si>
  <si>
    <t>POINT (4.628338855349666 51.80922043359071)</t>
  </si>
  <si>
    <t>POINT (4.6287826744653495 51.81078217963542)</t>
  </si>
  <si>
    <t>POINT (4.6079453794245016 51.821834885452546)</t>
  </si>
  <si>
    <t>POINT (4.651757335706173 51.81495440603973)</t>
  </si>
  <si>
    <t>POINT (4.6497389444046835 51.828142942416015)</t>
  </si>
  <si>
    <t>POINT (4.659010929397261 51.827775117175555)</t>
  </si>
  <si>
    <t>POINT (4.607576805106409 51.8171466163474)</t>
  </si>
  <si>
    <t>POINT (4.656203500522113 51.81744374499105)</t>
  </si>
  <si>
    <t>POINT (4.6301468754827955 51.821908795484454)</t>
  </si>
  <si>
    <t>POINT (4.614688842805759 51.81409874084723)</t>
  </si>
  <si>
    <t>POINT (4.639766570272457 51.825937735126104)</t>
  </si>
  <si>
    <t>POINT (4.605740357335631 51.820357147896566)</t>
  </si>
  <si>
    <t>POINT (4.600954368248881 51.8098842380507)</t>
  </si>
  <si>
    <t>POINT (4.658342926939188 51.82918384599307)</t>
  </si>
  <si>
    <t>POINT (4.608494299841164 51.82196528767787)</t>
  </si>
  <si>
    <t>POINT (4.634821424793553 51.8189438926101)</t>
  </si>
  <si>
    <t>POINT (4.64696355315836 51.82392408223049)</t>
  </si>
  <si>
    <t>POINT (4.624529969409272 51.81400419041379)</t>
  </si>
  <si>
    <t>POINT (4.635708055430707 51.81531413838358)</t>
  </si>
  <si>
    <t>POINT (4.639285174664585 51.808916710663965)</t>
  </si>
  <si>
    <t>POINT (4.634949185180177 51.81969336231104)</t>
  </si>
  <si>
    <t>POINT (4.644530372644225 51.817203131587775)</t>
  </si>
  <si>
    <t>POINT (4.619665503656076 51.81892403511811)</t>
  </si>
  <si>
    <t>POINT (4.616344024643426 51.814536184745236)</t>
  </si>
  <si>
    <t>POINT (4.645905010270617 51.82606886065791)</t>
  </si>
  <si>
    <t>POINT (4.608219829524739 51.813735727415896)</t>
  </si>
  <si>
    <t>POINT (4.60941729366483 51.82142576576639)</t>
  </si>
  <si>
    <t>POINT (4.633458766937393 51.80852248834204)</t>
  </si>
  <si>
    <t>POINT (4.606006143255639 51.8132531485363)</t>
  </si>
  <si>
    <t>POINT (4.5660979914936135 51.835100946088914)</t>
  </si>
  <si>
    <t>POINT (4.628337787061378 51.811972024758944)</t>
  </si>
  <si>
    <t>POINT (4.641169712742629 51.81901828770031)</t>
  </si>
  <si>
    <t>POINT (4.611676508431817 51.81991404508911)</t>
  </si>
  <si>
    <t>POINT (4.634753661409804 51.8243821227716)</t>
  </si>
  <si>
    <t>POINT (4.65543325991075 51.82522306856063)</t>
  </si>
  <si>
    <t>POINT (4.637028826284014 51.822974675282914)</t>
  </si>
  <si>
    <t>POINT (4.640075987161439 51.80924575527339)</t>
  </si>
  <si>
    <t>POINT (4.63352174347257 51.80921301011979)</t>
  </si>
  <si>
    <t>POINT (4.604359309517353 51.82247442448778)</t>
  </si>
  <si>
    <t>POINT (4.603218603318456 51.819958057149115)</t>
  </si>
  <si>
    <t>POINT (4.635500904653247 51.82265515810886)</t>
  </si>
  <si>
    <t>POINT (4.653573314670633 51.8158358772368)</t>
  </si>
  <si>
    <t>POINT (4.6465339982692075 51.81412096009818)</t>
  </si>
  <si>
    <t>POINT (4.645685101771111 51.81965526706885)</t>
  </si>
  <si>
    <t>POINT (4.633579414753676 51.80982977232975)</t>
  </si>
  <si>
    <t>POINT (4.5643527009824885 51.83684857788705)</t>
  </si>
  <si>
    <t>POINT (4.628989101531364 51.82106232534114)</t>
  </si>
  <si>
    <t>POINT (4.645100626742064 51.82440897910929)</t>
  </si>
  <si>
    <t>POINT (4.637737420908542 51.811095207884215)</t>
  </si>
  <si>
    <t>POINT (4.649862717984706 51.82238238116331)</t>
  </si>
  <si>
    <t>POINT (4.649650902233285 51.81930375633553)</t>
  </si>
  <si>
    <t>POINT (4.567378280025095 51.83520277512613)</t>
  </si>
  <si>
    <t>POINT (4.651813724995539 51.82776679470433)</t>
  </si>
  <si>
    <t>POINT (4.612906398338363 51.81584699467311)</t>
  </si>
  <si>
    <t>POINT (4.6560718557021925 51.820229928292434)</t>
  </si>
  <si>
    <t>POINT (4.634400229697424 51.8261615142226)</t>
  </si>
  <si>
    <t>POINT (4.639790844712743 51.82597501297976)</t>
  </si>
  <si>
    <t>POINT (4.607286783598795 51.81649757294754)</t>
  </si>
  <si>
    <t>POINT (4.640223314610423 51.80956268212243)</t>
  </si>
  <si>
    <t>POINT (4.657323964268373 51.81923532220067)</t>
  </si>
  <si>
    <t>POINT (4.653804204500293 51.8271390750386)</t>
  </si>
  <si>
    <t>POINT (4.643792849307152 51.815312076768144)</t>
  </si>
  <si>
    <t>POINT (4.634502214357505 51.82612731911434)</t>
  </si>
  <si>
    <t>POINT (4.617379328427102 51.81312420119788)</t>
  </si>
  <si>
    <t>POINT (4.638214791621558 51.81769198920718)</t>
  </si>
  <si>
    <t>POINT (4.613410686192257 51.81416960049188)</t>
  </si>
  <si>
    <t>POINT (4.625371144034684 51.8134880301769)</t>
  </si>
  <si>
    <t>POINT (4.653520816946802 51.82545327580706)</t>
  </si>
  <si>
    <t>POINT (4.6483832149618145 51.818695976798)</t>
  </si>
  <si>
    <t>POINT (4.647012318350272 51.82737853321209)</t>
  </si>
  <si>
    <t>POINT (4.633563976609759 51.824846944646616)</t>
  </si>
  <si>
    <t>POINT (4.6425451815121885 51.825497692403864)</t>
  </si>
  <si>
    <t>POINT (4.641721866356466 51.8259708799665)</t>
  </si>
  <si>
    <t>POINT (4.625544570163169 51.81357508800639)</t>
  </si>
  <si>
    <t>POINT (4.61477109447978 51.82211363222918)</t>
  </si>
  <si>
    <t>POINT (4.599987270508755 51.81055389615406)</t>
  </si>
  <si>
    <t>POINT (4.646969694759662 51.82527941651155)</t>
  </si>
  <si>
    <t>POINT (4.6343215697440625 51.821354754809825)</t>
  </si>
  <si>
    <t>POINT (4.655055350878722 51.82619276508118)</t>
  </si>
  <si>
    <t>POINT (4.635284162988581 51.809325969896804)</t>
  </si>
  <si>
    <t>POINT (4.604704262791942 51.81159821521117)</t>
  </si>
  <si>
    <t>POINT (4.658391833233574 51.823458941755646)</t>
  </si>
  <si>
    <t>POINT (4.625831148338574 51.81161037886463)</t>
  </si>
  <si>
    <t>POINT (4.602284383045538 51.81901158287218)</t>
  </si>
  <si>
    <t>POINT (4.640360301742045 51.80881349160628)</t>
  </si>
  <si>
    <t>POINT (4.637681978792629 51.81965954814418)</t>
  </si>
  <si>
    <t>POINT (4.643207199910436 51.8265746990152)</t>
  </si>
  <si>
    <t>POINT (4.616315346660819 51.82150448998926)</t>
  </si>
  <si>
    <t>POINT (4.612828466262733 51.81814724246545)</t>
  </si>
  <si>
    <t>POINT (4.608506578578244 51.81316343951946)</t>
  </si>
  <si>
    <t>POINT (4.62086979346892 51.814722634070016)</t>
  </si>
  <si>
    <t>POINT (4.660217480527136 51.829621722223145)</t>
  </si>
  <si>
    <t>POINT (4.638260642566771 51.810844959045454)</t>
  </si>
  <si>
    <t>POINT (4.649672461792992 51.8156041479901)</t>
  </si>
  <si>
    <t>POINT (4.660451670075744 51.823640755082266)</t>
  </si>
  <si>
    <t>POINT (4.56923527197078 51.824887280533545)</t>
  </si>
  <si>
    <t>POINT (4.60986289796698 51.81911867979556)</t>
  </si>
  <si>
    <t>POINT (4.642281531064176 51.82626663737944)</t>
  </si>
  <si>
    <t>POINT (4.631443589555058 51.814083228131054)</t>
  </si>
  <si>
    <t>POINT (4.621553697113427 51.813767786325464)</t>
  </si>
  <si>
    <t>POINT (4.633882697710036 51.82588499149811)</t>
  </si>
  <si>
    <t>POINT (4.600189305307708 51.81500404697146)</t>
  </si>
  <si>
    <t>POINT (4.615153087040033 51.81591482100122)</t>
  </si>
  <si>
    <t>POINT (4.640254450261422 51.81954273613819)</t>
  </si>
  <si>
    <t>POINT (4.622394657287122 51.824756655530315)</t>
  </si>
  <si>
    <t>POINT (4.639672025995312 51.82583847320347)</t>
  </si>
  <si>
    <t>POINT (4.6562358748124 51.82019749407653)</t>
  </si>
  <si>
    <t>POINT (4.61406312284 51.81934487763974)</t>
  </si>
  <si>
    <t>POINT (4.654257123324403 51.8267719482629)</t>
  </si>
  <si>
    <t>POINT (4.561840439622819 51.83223573050352)</t>
  </si>
  <si>
    <t>POINT (4.628804400757994 51.81480192778293)</t>
  </si>
  <si>
    <t>POINT (4.6482481379075455 51.81873063169754)</t>
  </si>
  <si>
    <t>POINT (4.639283338872581 51.825698245466576)</t>
  </si>
  <si>
    <t>POINT (4.643909688330233 51.82677255915928)</t>
  </si>
  <si>
    <t>POINT (4.5964428334337555 51.81452300705827)</t>
  </si>
  <si>
    <t>POINT (4.637213578675789 51.822890193752286)</t>
  </si>
  <si>
    <t>POINT (4.631364567815528 51.810737229537814)</t>
  </si>
  <si>
    <t>POINT (4.655849849507752 51.8208567279083)</t>
  </si>
  <si>
    <t>POINT (4.611688873228022 51.82135603403455)</t>
  </si>
  <si>
    <t>POINT (4.615850001841847 51.82157574226009)</t>
  </si>
  <si>
    <t>POINT (4.630206077601151 51.82186516866676)</t>
  </si>
  <si>
    <t>POINT (4.635712653927913 51.82352059723252)</t>
  </si>
  <si>
    <t>POINT (4.643858249229174 51.82022469456714)</t>
  </si>
  <si>
    <t>POINT (4.630138325332009 51.81382174679958)</t>
  </si>
  <si>
    <t>POINT (4.6099439401314415 51.81855802369137)</t>
  </si>
  <si>
    <t>POINT (4.598452905205812 51.81433839567425)</t>
  </si>
  <si>
    <t>POINT (4.60773743906192 51.82230778547111)</t>
  </si>
  <si>
    <t>POINT (4.656118758443545 51.82717577891721)</t>
  </si>
  <si>
    <t>POINT (4.655152250978271 51.81752560507123)</t>
  </si>
  <si>
    <t>POINT (4.606936878212541 51.82128280343609)</t>
  </si>
  <si>
    <t>POINT (4.658193702382816 51.819168737513365)</t>
  </si>
  <si>
    <t>POINT (4.597922268084238 51.81428060787262)</t>
  </si>
  <si>
    <t>POINT (4.637731788568881 51.81720117893867)</t>
  </si>
  <si>
    <t>POINT (4.659471909493575 51.8232619151893)</t>
  </si>
  <si>
    <t>POINT (4.565352909781581 51.83416163946608)</t>
  </si>
  <si>
    <t>POINT (4.62701046315201 51.815564967821324)</t>
  </si>
  <si>
    <t>POINT (4.633364999254761 51.809256650200666)</t>
  </si>
  <si>
    <t>POINT (4.642782313039497 51.81700952309154)</t>
  </si>
  <si>
    <t>POINT (4.6583028966988795 51.82629971775782)</t>
  </si>
  <si>
    <t>POINT (4.656579527039279 51.82337584583658)</t>
  </si>
  <si>
    <t>POINT (4.660366614402471 51.82895716090372)</t>
  </si>
  <si>
    <t>POINT (4.604510757568364 51.82070448520185)</t>
  </si>
  <si>
    <t>POINT (4.6548787492552695 51.82707311065616)</t>
  </si>
  <si>
    <t>POINT (4.611867992494403 51.81452675142811)</t>
  </si>
  <si>
    <t>POINT (4.640743111799994 51.8109783667567)</t>
  </si>
  <si>
    <t>POINT (4.621192781203859 51.812742497006695)</t>
  </si>
  <si>
    <t>POINT (4.638287431063116 51.8085940165104)</t>
  </si>
  <si>
    <t>POINT (4.564605334090484 51.83183085192458)</t>
  </si>
  <si>
    <t>POINT (4.6138934275130685 51.821490381937195)</t>
  </si>
  <si>
    <t>POINT (4.596756777439283 51.81653255883467)</t>
  </si>
  <si>
    <t>POINT (4.6159511146732655 51.81283855499466)</t>
  </si>
  <si>
    <t>POINT (4.658232168323135 51.825162274509125)</t>
  </si>
  <si>
    <t>POINT (4.658261238937188 51.82630662302918)</t>
  </si>
  <si>
    <t>POINT (4.632456565057795 51.8113174590954)</t>
  </si>
  <si>
    <t>POINT (4.639788306393375 51.8259496307412)</t>
  </si>
  <si>
    <t>POINT (4.6562150324219465 51.81737835224783)</t>
  </si>
  <si>
    <t>POINT (4.6469153319910825 51.82382987332623)</t>
  </si>
  <si>
    <t>POINT (4.640165858217064 51.80953664462093)</t>
  </si>
  <si>
    <t>POINT (4.655379269632289 51.82790297444443)</t>
  </si>
  <si>
    <t>POINT (4.648704666261379 51.812896186925684)</t>
  </si>
  <si>
    <t>POINT (4.627931596909252 51.81393512069169)</t>
  </si>
  <si>
    <t>POINT (4.625710786072492 51.81422986182732)</t>
  </si>
  <si>
    <t>POINT (4.641645308000574 51.816475540911654)</t>
  </si>
  <si>
    <t>POINT (4.63999710311572 51.820227825188944)</t>
  </si>
  <si>
    <t>POINT (4.660552658306787 51.82792228804769)</t>
  </si>
  <si>
    <t>POINT (4.629518627995121 51.81178948982654)</t>
  </si>
  <si>
    <t>POINT (4.654131060373569 51.816205642456644)</t>
  </si>
  <si>
    <t>POINT (4.659205290027475 51.830049835342365)</t>
  </si>
  <si>
    <t>POINT (4.608518134326895 51.82201214221209)</t>
  </si>
  <si>
    <t>POINT (4.62534988184177 51.82230995912865)</t>
  </si>
  <si>
    <t>POINT (4.642155449582865 51.82630479409898)</t>
  </si>
  <si>
    <t>POINT (4.603482452934338 51.814720846441894)</t>
  </si>
  <si>
    <t>POINT (4.650576457020337 51.82239106957597)</t>
  </si>
  <si>
    <t>POINT (4.625840139050547 51.81422181127858)</t>
  </si>
  <si>
    <t>POINT (4.597956091344015 51.815167610222325)</t>
  </si>
  <si>
    <t>POINT (4.652079057517984 51.8170474330821)</t>
  </si>
  <si>
    <t>POINT (4.647874192065915 51.827157270584834)</t>
  </si>
  <si>
    <t>POINT (4.657133854782273 51.82102396539355)</t>
  </si>
  <si>
    <t>POINT (4.567503716220559 51.83484293278263)</t>
  </si>
  <si>
    <t>POINT (4.656100362481401 51.81764340632132)</t>
  </si>
  <si>
    <t>POINT (4.622732126141808 51.819949383822774)</t>
  </si>
  <si>
    <t>BU06420401</t>
  </si>
  <si>
    <t>De Hoge Devel</t>
  </si>
  <si>
    <t>POINT (4.61712288397973 51.81344532158197)</t>
  </si>
  <si>
    <t>POINT (4.567839598337356 51.83847884186315)</t>
  </si>
  <si>
    <t>POINT (4.640875396915196 51.810571678369925)</t>
  </si>
  <si>
    <t>POINT (4.636791303308684 51.81458201900127)</t>
  </si>
  <si>
    <t>POINT (4.651822541652256 51.82142568807732)</t>
  </si>
  <si>
    <t>POINT (4.64598160357719 51.81883806372348)</t>
  </si>
  <si>
    <t>POINT (4.636836145763582 51.819234721751116)</t>
  </si>
  <si>
    <t>POINT (4.614507183515645 51.82244144825686)</t>
  </si>
  <si>
    <t>POINT (4.629922998303181 51.82207330057409)</t>
  </si>
  <si>
    <t>POINT (4.632541185605714 51.819388107550594)</t>
  </si>
  <si>
    <t>POINT (4.629802077170251 51.81317242599433)</t>
  </si>
  <si>
    <t>POINT (4.601519397141747 51.81934936611819)</t>
  </si>
  <si>
    <t>POINT (4.650692678840214 51.82535449480283)</t>
  </si>
  <si>
    <t>POINT (4.608256314171922 51.82151220502535)</t>
  </si>
  <si>
    <t>POINT (4.606294718511151 51.8222550402483)</t>
  </si>
  <si>
    <t>POINT (4.644831349551109 51.82356049720139)</t>
  </si>
  <si>
    <t>POINT (4.615781752471308 51.820780188022525)</t>
  </si>
  <si>
    <t>POINT (4.625247612978267 51.81202765872887)</t>
  </si>
  <si>
    <t>POINT (4.61339132994063 51.814353525959135)</t>
  </si>
  <si>
    <t>POINT (4.611198880973389 51.80903458452099)</t>
  </si>
  <si>
    <t>POINT (4.638040607973152 51.82339992093232)</t>
  </si>
  <si>
    <t>POINT (4.612120430659956 51.81552849539101)</t>
  </si>
  <si>
    <t>POINT (4.637908442915158 51.823828700754504)</t>
  </si>
  <si>
    <t>POINT (4.652014896159185 51.815185159478894)</t>
  </si>
  <si>
    <t>POINT (4.614102192212132 51.8203954575709)</t>
  </si>
  <si>
    <t>POINT (4.642204975786132 51.809121799912525)</t>
  </si>
  <si>
    <t>POINT (4.656345644721928 51.823037575041724)</t>
  </si>
  <si>
    <t>POINT (4.648310359498262 51.81324198978228)</t>
  </si>
  <si>
    <t>POINT (4.564838059905638 51.83556695691954)</t>
  </si>
  <si>
    <t>POINT (4.653664809180014 51.81886654361718)</t>
  </si>
  <si>
    <t>POINT (4.644279169990757 51.82162279075812)</t>
  </si>
  <si>
    <t>POINT (4.619237596903378 51.81518219104981)</t>
  </si>
  <si>
    <t>POINT (4.635793471712615 51.82201666793127)</t>
  </si>
  <si>
    <t>POINT (4.627921738355349 51.824107430707826)</t>
  </si>
  <si>
    <t>POINT (4.662611656089177 51.82191599725536)</t>
  </si>
  <si>
    <t>POINT (4.604988672898845 51.82024959703053)</t>
  </si>
  <si>
    <t>POINT (4.603576927100357 51.81519118350357)</t>
  </si>
  <si>
    <t>POINT (4.608859317442579 51.8216856069789)</t>
  </si>
  <si>
    <t>POINT (4.629634462031224 51.810183676163064)</t>
  </si>
  <si>
    <t>POINT (4.659379455084242 51.828872132666824)</t>
  </si>
  <si>
    <t>POINT (4.618167172364355 51.82076434637578)</t>
  </si>
  <si>
    <t>POINT (4.64574528871371 51.8170085499889)</t>
  </si>
  <si>
    <t>POINT (4.641130255753773 51.8189485542784)</t>
  </si>
  <si>
    <t>POINT (4.6289631397696605 51.82447056487892)</t>
  </si>
  <si>
    <t>POINT (4.630437625297245 51.80936538457677)</t>
  </si>
  <si>
    <t>POINT (4.608400502204977 51.8150393123464)</t>
  </si>
  <si>
    <t>POINT (4.629172732664576 51.82134163991317)</t>
  </si>
  <si>
    <t>POINT (4.6571721535798 51.81913035201306)</t>
  </si>
  <si>
    <t>POINT (4.637122086084347 51.8176156896538)</t>
  </si>
  <si>
    <t>POINT (4.621299006331039 51.81250103428956)</t>
  </si>
  <si>
    <t>POINT (4.567541509746652 51.833472143393074)</t>
  </si>
  <si>
    <t>POINT (4.618365883729155 51.81752375184638)</t>
  </si>
  <si>
    <t>POINT (4.646292221551753 51.81469232829539)</t>
  </si>
  <si>
    <t>POINT (4.612698255614513 51.81340122769376)</t>
  </si>
  <si>
    <t>POINT (4.566086964734172 51.834185401136295)</t>
  </si>
  <si>
    <t>POINT (4.56995204567116 51.83831089767987)</t>
  </si>
  <si>
    <t>POINT (4.649520372521876 51.816125138313836)</t>
  </si>
  <si>
    <t>POINT (4.563841955669403 51.835070096778686)</t>
  </si>
  <si>
    <t>POINT (4.641611497791149 51.80979812480027)</t>
  </si>
  <si>
    <t>POINT (4.6222905118807684 51.81288341847234)</t>
  </si>
  <si>
    <t>POINT (4.62950284705099 51.81439731833109)</t>
  </si>
  <si>
    <t>POINT (4.559626956777268 51.83309749319151)</t>
  </si>
  <si>
    <t>POINT (4.652744978500428 51.824499776671445)</t>
  </si>
  <si>
    <t>POINT (4.598505589862358 51.81502909372842)</t>
  </si>
  <si>
    <t>POINT (4.652770799116264 51.82454871080387)</t>
  </si>
  <si>
    <t>POINT (4.614506923810733 51.81758139150913)</t>
  </si>
  <si>
    <t>POINT (4.6351907178227485 51.82414572573297)</t>
  </si>
  <si>
    <t>POINT (4.600852453512984 51.81382119740868)</t>
  </si>
  <si>
    <t>POINT (4.615428454480385 51.81965325120086)</t>
  </si>
  <si>
    <t>POINT (4.666209709806171 51.82320725617715)</t>
  </si>
  <si>
    <t>POINT (4.567472855002815 51.83379507905226)</t>
  </si>
  <si>
    <t>POINT (4.619405718103135 51.83037570110268)</t>
  </si>
  <si>
    <t>POINT (4.570411382474451 51.84147296106936)</t>
  </si>
  <si>
    <t>POINT (4.569099886443088 51.82444863855561)</t>
  </si>
  <si>
    <t>POINT (4.644617235813556 51.81483197848844)</t>
  </si>
  <si>
    <t>POINT (4.635671340112261 51.82142076241499)</t>
  </si>
  <si>
    <t>POINT (4.647807837473809 51.81941537632565)</t>
  </si>
  <si>
    <t>POINT (4.642603419904871 51.818377177482006)</t>
  </si>
  <si>
    <t>POINT (4.631550551195056 51.8254029388315)</t>
  </si>
  <si>
    <t>POINT (4.6381018671122485 51.81705310687764)</t>
  </si>
  <si>
    <t>POINT (4.643221166503179 51.82184905776242)</t>
  </si>
  <si>
    <t>POINT (4.635227011663743 51.81831717523661)</t>
  </si>
  <si>
    <t>POINT (4.654187697276813 51.821789774518116)</t>
  </si>
  <si>
    <t>POINT (4.568909894966803 51.83569419762258)</t>
  </si>
  <si>
    <t>POINT (4.649454117443482 51.81580730424189)</t>
  </si>
  <si>
    <t>POINT (4.651490215725986 51.814647529801725)</t>
  </si>
  <si>
    <t>POINT (4.6445612297354195 51.81482298595033)</t>
  </si>
  <si>
    <t>POINT (4.635088054445543 51.82074132772103)</t>
  </si>
  <si>
    <t>POINT (4.644575018397973 51.81979380203661)</t>
  </si>
  <si>
    <t>POINT (4.627680043442487 51.82368921370009)</t>
  </si>
  <si>
    <t>POINT (4.613278805595762 51.81815665799086)</t>
  </si>
  <si>
    <t>POINT (4.639610769701827 51.8220438583422)</t>
  </si>
  <si>
    <t>POINT (4.605991164585694 51.821968347318304)</t>
  </si>
  <si>
    <t>POINT (4.651066728186192 51.822631743376036)</t>
  </si>
  <si>
    <t>POINT (4.568796380417574 51.8340467674253)</t>
  </si>
  <si>
    <t>POINT (4.6154875513230085 51.81752898579647)</t>
  </si>
  <si>
    <t>POINT (4.624771022980399 51.81247467313961)</t>
  </si>
  <si>
    <t>POINT (4.637179538948509 51.82082758334119)</t>
  </si>
  <si>
    <t>POINT (4.6031059579629945 51.815439101940484)</t>
  </si>
  <si>
    <t>POINT (4.563484273566916 51.83216627975033)</t>
  </si>
  <si>
    <t>POINT (4.634602900345365 51.81734853428874)</t>
  </si>
  <si>
    <t>POINT (4.601614417869973 51.82082463898284)</t>
  </si>
  <si>
    <t>POINT (4.63199730029769 51.807296091742465)</t>
  </si>
  <si>
    <t>POINT (4.6204501838384635 51.8115091051195)</t>
  </si>
  <si>
    <t>POINT (4.636834022790775 51.81771813508356)</t>
  </si>
  <si>
    <t>POINT (4.596438498135264 51.81426581901606)</t>
  </si>
  <si>
    <t>POINT (4.650251761667174 51.822383943693666)</t>
  </si>
  <si>
    <t>POINT (4.63242645375043 51.80907511249108)</t>
  </si>
  <si>
    <t>POINT (4.651797819364469 51.814849087589906)</t>
  </si>
  <si>
    <t>POINT (4.6459334859319465 51.81933511297839)</t>
  </si>
  <si>
    <t>POINT (4.646354013992968 51.81554501728356)</t>
  </si>
  <si>
    <t>POINT (4.646077048141557 51.825479992898856)</t>
  </si>
  <si>
    <t>POINT (4.654707222219331 51.816594890529885)</t>
  </si>
  <si>
    <t>POINT (4.63482793656476 51.8100385468362)</t>
  </si>
  <si>
    <t>POINT (4.559588848237537 51.8349083413879)</t>
  </si>
  <si>
    <t>POINT (4.63055339040746 51.81281545914232)</t>
  </si>
  <si>
    <t>POINT (4.627975174119498 51.81133544468067)</t>
  </si>
  <si>
    <t>POINT (4.608749375065259 51.813936040579065)</t>
  </si>
  <si>
    <t>POINT (4.568708693261538 51.83548249430615)</t>
  </si>
  <si>
    <t>POINT (4.658473059588898 51.822356598693894)</t>
  </si>
  <si>
    <t>POINT (4.6486719187631875 51.825831581551974)</t>
  </si>
  <si>
    <t>POINT (4.659982379043439 51.82762391001275)</t>
  </si>
  <si>
    <t>POINT (4.651696964188451 51.82360580675435)</t>
  </si>
  <si>
    <t>POINT (4.649948879250733 51.822012525784615)</t>
  </si>
  <si>
    <t>POINT (4.618769163403728 51.81850761915778)</t>
  </si>
  <si>
    <t>POINT (4.636955957038399 51.81120561130703)</t>
  </si>
  <si>
    <t>POINT (4.608535285794808 51.81522012509973)</t>
  </si>
  <si>
    <t>POINT (4.654824758961258 51.817340120793475)</t>
  </si>
  <si>
    <t>POINT (4.6353338408916 51.82471724486805)</t>
  </si>
  <si>
    <t>POINT (4.6325674483967525 51.825615573995826)</t>
  </si>
  <si>
    <t>POINT (4.621812263753283 51.814922401648275)</t>
  </si>
  <si>
    <t>POINT (4.655798489053887 51.817880102998956)</t>
  </si>
  <si>
    <t>POINT (4.6538078324628325 51.821516806271255)</t>
  </si>
  <si>
    <t>POINT (4.65525837350068 51.82621286255372)</t>
  </si>
  <si>
    <t>POINT (4.604818548058757 51.81904810863869)</t>
  </si>
  <si>
    <t>POINT (4.650519847078831 51.81671993289129)</t>
  </si>
  <si>
    <t>POINT (4.6391432714680425 51.82557391120872)</t>
  </si>
  <si>
    <t>POINT (4.620931853271478 51.81493064269377)</t>
  </si>
  <si>
    <t>POINT (4.617185051136444 51.81375716172022)</t>
  </si>
  <si>
    <t>POINT (4.647904406108735 51.825326988164825)</t>
  </si>
  <si>
    <t>POINT (4.61657288657058 51.813814392474534)</t>
  </si>
  <si>
    <t>POINT (4.623404011325706 51.813802540397404)</t>
  </si>
  <si>
    <t>POINT (4.651741555412209 51.81678843085826)</t>
  </si>
  <si>
    <t>POINT (4.642001532778787 51.82608136502853)</t>
  </si>
  <si>
    <t>POINT (4.648793546779449 51.82443929011226)</t>
  </si>
  <si>
    <t>POINT (4.604537338611572 51.81539798744561)</t>
  </si>
  <si>
    <t>POINT (4.646892659125908 51.815419078122225)</t>
  </si>
  <si>
    <t>POINT (4.6243657174238795 51.81381207670405)</t>
  </si>
  <si>
    <t>POINT (4.628984041184085 51.81330005049896)</t>
  </si>
  <si>
    <t>POINT (4.600368723961301 51.814107194554886)</t>
  </si>
  <si>
    <t>POINT (4.605893883755735 51.811485692824014)</t>
  </si>
  <si>
    <t>POINT (4.65279967748617 51.82908879254054)</t>
  </si>
  <si>
    <t>POINT (4.612619054423043 51.81313560946603)</t>
  </si>
  <si>
    <t>POINT (4.637837553054434 51.82346846681189)</t>
  </si>
  <si>
    <t>POINT (4.6078888212604046 51.81925125017655)</t>
  </si>
  <si>
    <t>POINT (4.622008486907855 51.827255371018715)</t>
  </si>
  <si>
    <t>POINT (4.638972742796978 51.817465994250405)</t>
  </si>
  <si>
    <t>POINT (4.663445688763593 51.821011696484774)</t>
  </si>
  <si>
    <t>POINT (4.595358007932051 51.81503003676902)</t>
  </si>
  <si>
    <t>POINT (4.637550373309057 51.82023567398864)</t>
  </si>
  <si>
    <t>POINT (4.650641152631681 51.817192123970955)</t>
  </si>
  <si>
    <t>POINT (4.638394874217818 51.82245346119111)</t>
  </si>
  <si>
    <t>POINT (4.61302852876803 51.81471616518048)</t>
  </si>
  <si>
    <t>POINT (4.599015602790942 51.81342933415223)</t>
  </si>
  <si>
    <t>POINT (4.6563216098731015 51.826947336691184)</t>
  </si>
  <si>
    <t>POINT (4.6438038157403305 51.81646844289813)</t>
  </si>
  <si>
    <t>POINT (4.603782117569117 51.80942246924645)</t>
  </si>
  <si>
    <t>POINT (4.630625383621407 51.812068503113245)</t>
  </si>
  <si>
    <t>POINT (4.636364843687403 51.81241797548334)</t>
  </si>
  <si>
    <t>POINT (4.627039673399665 51.812804876666114)</t>
  </si>
  <si>
    <t>POINT (4.637990333225473 51.81427739452015)</t>
  </si>
  <si>
    <t>POINT (4.633506376312946 51.808790316169144)</t>
  </si>
  <si>
    <t>POINT (4.600695751964364 51.81998679509972)</t>
  </si>
  <si>
    <t>POINT (4.56529425544233 51.83451685958837)</t>
  </si>
  <si>
    <t>POINT (4.633815949201704 51.8126272108772)</t>
  </si>
  <si>
    <t>POINT (4.646390838985614 51.8241176895438)</t>
  </si>
  <si>
    <t>POINT (4.66060869125092 51.82306762075857)</t>
  </si>
  <si>
    <t>POINT (4.661657255892206 51.82476653911166)</t>
  </si>
  <si>
    <t>POINT (4.641208847550632 51.82559353837344)</t>
  </si>
  <si>
    <t>POINT (4.6518227247683415 51.81674075115167)</t>
  </si>
  <si>
    <t>POINT (4.634221882597099 51.809617089001414)</t>
  </si>
  <si>
    <t>POINT (4.637508353389071 51.810258136636236)</t>
  </si>
  <si>
    <t>POINT (4.656377133471148 51.82170480431028)</t>
  </si>
  <si>
    <t>POINT (4.6051729618514 51.82121876691071)</t>
  </si>
  <si>
    <t>POINT (4.6497140231350125 51.8163792072151)</t>
  </si>
  <si>
    <t>POINT (4.626981256142361 51.81353436369539)</t>
  </si>
  <si>
    <t>POINT (4.663468415910663 51.82110935473354)</t>
  </si>
  <si>
    <t>POINT (4.633752132834976 51.809877730599496)</t>
  </si>
  <si>
    <t>POINT (4.6430752121785215 51.82009841213316)</t>
  </si>
  <si>
    <t>POINT (4.612359162585876 51.81590990833667)</t>
  </si>
  <si>
    <t>POINT (4.655661912148051 51.8261957110636)</t>
  </si>
  <si>
    <t>POINT (4.626284915192325 51.81398380756549)</t>
  </si>
  <si>
    <t>POINT (4.636421748966367 51.811736977751295)</t>
  </si>
  <si>
    <t>POINT (4.561344151963973 51.83436420107095)</t>
  </si>
  <si>
    <t>POINT (4.649456423211731 51.813798256491445)</t>
  </si>
  <si>
    <t>POINT (4.634031261735773 51.82629520005393)</t>
  </si>
  <si>
    <t>POINT (4.642266969601559 51.82154053592109)</t>
  </si>
  <si>
    <t>POINT (4.604714384338078 51.82205900547002)</t>
  </si>
  <si>
    <t>POINT (4.605904539418619 51.82188642275808)</t>
  </si>
  <si>
    <t>POINT (4.639892200188897 51.81822048520095)</t>
  </si>
  <si>
    <t>POINT (4.630263471674255 51.806285860162404)</t>
  </si>
  <si>
    <t>POINT (4.6043073750756465 51.81457408353073)</t>
  </si>
  <si>
    <t>POINT (4.619436358187988 51.830386777843444)</t>
  </si>
  <si>
    <t>POINT (4.640893115434459 51.82286260151112)</t>
  </si>
  <si>
    <t>POINT (4.657357405994585 51.82659252707768)</t>
  </si>
  <si>
    <t>POINT (4.616436615643813 51.81870996707158)</t>
  </si>
  <si>
    <t>POINT (4.636153778962268 51.819707908516065)</t>
  </si>
  <si>
    <t>POINT (4.614510761857937 51.812952539936504)</t>
  </si>
  <si>
    <t>POINT (4.6362929085554505 51.81181057985947)</t>
  </si>
  <si>
    <t>POINT (4.628129600093886 51.81262404978963)</t>
  </si>
  <si>
    <t>POINT (4.6461966487369715 51.82328856996981)</t>
  </si>
  <si>
    <t>POINT (4.653444119603857 51.81587079956193)</t>
  </si>
  <si>
    <t>POINT (4.603959883206914 51.81576493793791)</t>
  </si>
  <si>
    <t>POINT (4.632451244701809 51.819878438068216)</t>
  </si>
  <si>
    <t>POINT (4.61191490085563 51.813588593511916)</t>
  </si>
  <si>
    <t>POINT (4.64475824543723 51.814986936894485)</t>
  </si>
  <si>
    <t>POINT (4.6093263373354585 51.81624829717026)</t>
  </si>
  <si>
    <t>POINT (4.657012900166392 51.82590808133266)</t>
  </si>
  <si>
    <t>POINT (4.640696666041823 51.82143277062918)</t>
  </si>
  <si>
    <t>POINT (4.605703358732773 51.81387017744446)</t>
  </si>
  <si>
    <t>POINT (4.644383355455491 51.81525335350357)</t>
  </si>
  <si>
    <t>POINT (4.652624600028464 51.81976114400536)</t>
  </si>
  <si>
    <t>POINT (4.604866620124753 51.82009571449991)</t>
  </si>
  <si>
    <t>POINT (4.619778622450717 51.81912751526548)</t>
  </si>
  <si>
    <t>POINT (4.632213567623425 51.81832898309055)</t>
  </si>
  <si>
    <t>POINT (4.617258322018751 51.81121786117872)</t>
  </si>
  <si>
    <t>POINT (4.601650819143475 51.819850387699574)</t>
  </si>
  <si>
    <t>POINT (4.6379088321857616 51.8234039336405)</t>
  </si>
  <si>
    <t>POINT (4.6589993813404655 51.821858827660094)</t>
  </si>
  <si>
    <t>POINT (4.627623049226119 51.81154022095711)</t>
  </si>
  <si>
    <t>POINT (4.568977525801031 51.834980639297356)</t>
  </si>
  <si>
    <t>POINT (4.64380234418992 51.82187131996703)</t>
  </si>
  <si>
    <t>POINT (4.599949447988041 51.81566986967518)</t>
  </si>
  <si>
    <t>POINT (4.65682186514037 51.82107828441079)</t>
  </si>
  <si>
    <t>POINT (4.635236718590657 51.810829162137544)</t>
  </si>
  <si>
    <t>POINT (4.640182644548359 51.81872504502028)</t>
  </si>
  <si>
    <t>POINT (4.619418581510382 51.82017697456695)</t>
  </si>
  <si>
    <t>POINT (4.563183140005055 51.835788447981)</t>
  </si>
  <si>
    <t>POINT (4.635819196969299 51.81792845857635)</t>
  </si>
  <si>
    <t>POINT (4.637287222638027 51.82348382812355)</t>
  </si>
  <si>
    <t>POINT (4.627418528324645 51.813610921002976)</t>
  </si>
  <si>
    <t>POINT (4.632759748579704 51.80777378471442)</t>
  </si>
  <si>
    <t>POINT (4.643690406800144 51.82002671616357)</t>
  </si>
  <si>
    <t>POINT (4.654235281333765 51.82658881146155)</t>
  </si>
  <si>
    <t>POINT (4.650183006317781 51.82521101824119)</t>
  </si>
  <si>
    <t>POINT (4.645594428983207 51.817029466268146)</t>
  </si>
  <si>
    <t>POINT (4.6069359806682435 51.81991528019105)</t>
  </si>
  <si>
    <t>POINT (4.633152658363585 51.81041709467188)</t>
  </si>
  <si>
    <t>POINT (4.647288456558763 51.82022317926484)</t>
  </si>
  <si>
    <t>POINT (4.614907335760319 51.81929832840253)</t>
  </si>
  <si>
    <t>POINT (4.568168482794273 51.83495473664894)</t>
  </si>
  <si>
    <t>POINT (4.641006698491656 51.82552033492367)</t>
  </si>
  <si>
    <t>POINT (4.65696483294568 51.82783518711861)</t>
  </si>
  <si>
    <t>POINT (4.566334313302107 51.84003215112695)</t>
  </si>
  <si>
    <t>POINT (4.606916952847197 51.81986741457644)</t>
  </si>
  <si>
    <t>POINT (4.633247935713797 51.81988884414618)</t>
  </si>
  <si>
    <t>POINT (4.646414429025608 51.824044203139394)</t>
  </si>
  <si>
    <t>POINT (4.616849865504179 51.81424562017544)</t>
  </si>
  <si>
    <t>POINT (4.598040099913155 51.8154073924238)</t>
  </si>
  <si>
    <t>POINT (4.6391048472023435 51.82560085709543)</t>
  </si>
  <si>
    <t>POINT (4.634507334669055 51.80906981805854)</t>
  </si>
  <si>
    <t>POINT (4.635240121881675 51.82412499074047)</t>
  </si>
  <si>
    <t>POINT (4.659950079210474 51.827838341303604)</t>
  </si>
  <si>
    <t>POINT (4.651894795331969 51.814780814927786)</t>
  </si>
  <si>
    <t>POINT (4.611103792645572 51.80931633662888)</t>
  </si>
  <si>
    <t>POINT (4.638259428265492 51.81798474829911)</t>
  </si>
  <si>
    <t>POINT (4.622171087246058 51.811732263919616)</t>
  </si>
  <si>
    <t>POINT (4.627246311328933 51.81364634498569)</t>
  </si>
  <si>
    <t>POINT (4.562183446120946 51.83549071222472)</t>
  </si>
  <si>
    <t>POINT (4.659077946712809 51.81966483770944)</t>
  </si>
  <si>
    <t>POINT (4.643798144498615 51.816271473678675)</t>
  </si>
  <si>
    <t>POINT (4.649759408889798 51.825114911298186)</t>
  </si>
  <si>
    <t>POINT (4.656799919291686 51.81893364683982)</t>
  </si>
  <si>
    <t>POINT (4.629594885355225 51.82437533721738)</t>
  </si>
  <si>
    <t>POINT (4.630285334047628 51.80884986140722)</t>
  </si>
  <si>
    <t>POINT (4.625644550459432 51.813614478227265)</t>
  </si>
  <si>
    <t>POINT (4.622540830158282 51.812206320806254)</t>
  </si>
  <si>
    <t>POINT (4.5608946611754835 51.836694814022906)</t>
  </si>
  <si>
    <t>POINT (4.561780736666674 51.83722511866149)</t>
  </si>
  <si>
    <t>POINT (4.561053089603673 51.8349503229038)</t>
  </si>
  <si>
    <t>POINT (4.60090399960852 51.81407204087069)</t>
  </si>
  <si>
    <t>POINT (4.618247178466185 51.82049404968303)</t>
  </si>
  <si>
    <t>POINT (4.5849778603107225 51.84238526201601)</t>
  </si>
  <si>
    <t>POINT (4.633475126406489 51.81281012674952)</t>
  </si>
  <si>
    <t>POINT (4.638899045403819 51.825416733268824)</t>
  </si>
  <si>
    <t>POINT (4.657145681316295 51.81947080435553)</t>
  </si>
  <si>
    <t>POINT (4.628131548614405 51.81216378640659)</t>
  </si>
  <si>
    <t>POINT (4.64095095851619 51.810770836207794)</t>
  </si>
  <si>
    <t>POINT (4.640943885025238 51.81978051336953)</t>
  </si>
  <si>
    <t>POINT (4.639811414142216 51.820052235228324)</t>
  </si>
  <si>
    <t>POINT (4.656825435057332 51.821128301651115)</t>
  </si>
  <si>
    <t>POINT (4.628119185238299 51.8148153671476)</t>
  </si>
  <si>
    <t>POINT (4.66157731837268 51.826969131613076)</t>
  </si>
  <si>
    <t>POINT (4.632679411318195 51.824777441869536)</t>
  </si>
  <si>
    <t>POINT (4.608926893126146 51.82054500899434)</t>
  </si>
  <si>
    <t>POINT (4.655925423392148 51.820913629736204)</t>
  </si>
  <si>
    <t>POINT (4.619880390202692 51.83026180805361)</t>
  </si>
  <si>
    <t>POINT (4.618374992268005 51.81511887139492)</t>
  </si>
  <si>
    <t>POINT (4.651701754861423 51.82459576895673)</t>
  </si>
  <si>
    <t>POINT (4.657496668870795 51.820390794099474)</t>
  </si>
  <si>
    <t>POINT (4.607327282873945 51.82073488401367)</t>
  </si>
  <si>
    <t>POINT (4.64106042294226 51.825552244726765)</t>
  </si>
  <si>
    <t>POINT (4.660512208563068 51.827280246779324)</t>
  </si>
  <si>
    <t>POINT (4.65691872575507 51.82687491921938)</t>
  </si>
  <si>
    <t>POINT (4.633894240689838 51.81264136732584)</t>
  </si>
  <si>
    <t>POINT (4.625372194864369 51.81442736647746)</t>
  </si>
  <si>
    <t>POINT (4.629711148253521 51.8096016756302)</t>
  </si>
  <si>
    <t>POINT (4.621269620709067 51.82553197477791)</t>
  </si>
  <si>
    <t>POINT (4.645272668844118 51.814515569212475)</t>
  </si>
  <si>
    <t>POINT (4.630237065212737 51.80810160811736)</t>
  </si>
  <si>
    <t>POINT (4.626643329904933 51.81375326942364)</t>
  </si>
  <si>
    <t>POINT (4.624674585404706 51.80742948828753)</t>
  </si>
  <si>
    <t>POINT (4.618331935084003 51.815213168594354)</t>
  </si>
  <si>
    <t>POINT (4.640680603691711 51.82562180203602)</t>
  </si>
  <si>
    <t>POINT (4.632535961157215 51.80995897565451)</t>
  </si>
  <si>
    <t>POINT (4.617712762627355 51.81266445769781)</t>
  </si>
  <si>
    <t>POINT (4.599741291541043 51.80957624830833)</t>
  </si>
  <si>
    <t>POINT (4.655984237813619 51.82187219823744)</t>
  </si>
  <si>
    <t>POINT (4.643673888596055 51.82094895893955)</t>
  </si>
  <si>
    <t>POINT (4.657541614523263 51.82224573416594)</t>
  </si>
  <si>
    <t>POINT (4.6377274659957175 51.82097400382575)</t>
  </si>
  <si>
    <t>POINT (4.634866081103451 51.820411718706254)</t>
  </si>
  <si>
    <t>POINT (4.646501255948084 51.824147689513715)</t>
  </si>
  <si>
    <t>POINT (4.62539260000063 51.81354081635798)</t>
  </si>
  <si>
    <t>POINT (4.659886997081742 51.82699742008771)</t>
  </si>
  <si>
    <t>POINT (4.616143953977881 51.820227784725866)</t>
  </si>
  <si>
    <t>POINT (4.627700033345763 51.80904833744311)</t>
  </si>
  <si>
    <t>POINT (4.627436375855658 51.81409052136926)</t>
  </si>
  <si>
    <t>POINT (4.633979794962456 51.809723489723396)</t>
  </si>
  <si>
    <t>POINT (4.651923554269235 51.8236617967306)</t>
  </si>
  <si>
    <t>POINT (4.611065674477376 51.81836658993499)</t>
  </si>
  <si>
    <t>POINT (4.6066181058286935 51.81612522757846)</t>
  </si>
  <si>
    <t>POINT (4.651602824791775 51.82467224487799)</t>
  </si>
  <si>
    <t>POINT (4.651708269574693 51.82365079402919)</t>
  </si>
  <si>
    <t>POINT (4.627394480895674 51.81048316957505)</t>
  </si>
  <si>
    <t>POINT (4.639762412760282 51.82278334399991)</t>
  </si>
  <si>
    <t>POINT (4.632406221393176 51.81058256894298)</t>
  </si>
  <si>
    <t>POINT (4.658759375898826 51.82378531901698)</t>
  </si>
  <si>
    <t>POINT (4.628872357489587 51.81322605287946)</t>
  </si>
  <si>
    <t>POINT (4.6437830624642 51.81539283212818)</t>
  </si>
  <si>
    <t>POINT (4.606430318510493 51.8195224358743)</t>
  </si>
  <si>
    <t>POINT (4.628880059873871 51.81238359976843)</t>
  </si>
  <si>
    <t>POINT (4.612625732126902 51.81315800850237)</t>
  </si>
  <si>
    <t>POINT (4.629855671178949 51.81490192978234)</t>
  </si>
  <si>
    <t>POINT (4.640588599649563 51.825653701952064)</t>
  </si>
  <si>
    <t>POINT (4.647112477467219 51.82621221840234)</t>
  </si>
  <si>
    <t>POINT (4.594837890680788 51.814172155343506)</t>
  </si>
  <si>
    <t>POINT (4.621020971866106 51.815229335316985)</t>
  </si>
  <si>
    <t>POINT (4.637381359928461 51.821024377012606)</t>
  </si>
  <si>
    <t>POINT (4.6385508972401635 51.82525099094551)</t>
  </si>
  <si>
    <t>POINT (4.641038659682866 51.82550605733562)</t>
  </si>
  <si>
    <t>POINT (4.629708649552964 51.812062741946434)</t>
  </si>
  <si>
    <t>POINT (4.63386904715389 51.81871322755972)</t>
  </si>
  <si>
    <t>POINT (4.6276875303445095 51.81310134846507)</t>
  </si>
  <si>
    <t>POINT (4.598565447038155 51.81532563889321)</t>
  </si>
  <si>
    <t>POINT (4.598455384103728 51.81419754084774)</t>
  </si>
  <si>
    <t>POINT (4.569060108868383 51.83495526439253)</t>
  </si>
  <si>
    <t>POINT (4.56904366075228 51.838078179978325)</t>
  </si>
  <si>
    <t>POINT (4.566026184478388 51.83352319745253)</t>
  </si>
  <si>
    <t>POINT (4.603579434004308 51.81504613110657)</t>
  </si>
  <si>
    <t>POINT (4.608040399937228 51.81645815656131)</t>
  </si>
  <si>
    <t>POINT (4.656847722417293 51.82785648972477)</t>
  </si>
  <si>
    <t>POINT (4.629051919132268 51.809824185554774)</t>
  </si>
  <si>
    <t>POINT (4.651246464662112 51.817444503538134)</t>
  </si>
  <si>
    <t>POINT (4.643137730180258 51.82007266938814)</t>
  </si>
  <si>
    <t>POINT (4.651472430466918 51.821899929966115)</t>
  </si>
  <si>
    <t>POINT (4.626524375690435 51.81077113088853)</t>
  </si>
  <si>
    <t>POINT (4.642976168608062 51.8174388660843)</t>
  </si>
  <si>
    <t>POINT (4.639486029310999 51.82267587658091)</t>
  </si>
  <si>
    <t>POINT (4.643539471536318 51.81536215642821)</t>
  </si>
  <si>
    <t>POINT (4.660521754634143 51.827694036267616)</t>
  </si>
  <si>
    <t>POINT (4.64213623332615 51.809616380310366)</t>
  </si>
  <si>
    <t>POINT (4.633726571401194 51.81262040786614)</t>
  </si>
  <si>
    <t>POINT (4.640393111629023 51.81967395460921)</t>
  </si>
  <si>
    <t>POINT (4.561688381684321 51.83481622165954)</t>
  </si>
  <si>
    <t>POINT (4.625733700652485 51.81452174815404)</t>
  </si>
  <si>
    <t>POINT (4.643821974207358 51.815896742145895)</t>
  </si>
  <si>
    <t>POINT (4.620476168217847 51.81315587338036)</t>
  </si>
  <si>
    <t>POINT (4.609528413798094 51.82239680733355)</t>
  </si>
  <si>
    <t>POINT (4.617448993197114 51.82108279148613)</t>
  </si>
  <si>
    <t>POINT (4.6432687212339765 51.820486440198486)</t>
  </si>
  <si>
    <t>POINT (4.615408401398934 51.813202176227655)</t>
  </si>
  <si>
    <t>POINT (4.619836285918248 51.81476729605375)</t>
  </si>
  <si>
    <t>POINT (4.631834377271043 51.81098680600276)</t>
  </si>
  <si>
    <t>POINT (4.657670683357471 51.82182702600165)</t>
  </si>
  <si>
    <t>POINT (4.639437212174898 51.82205206499788)</t>
  </si>
  <si>
    <t>POINT (4.628265737056869 51.812022309078074)</t>
  </si>
  <si>
    <t>POINT (4.563154010125839 51.83474262737133)</t>
  </si>
  <si>
    <t>POINT (4.6183557910074144 51.815293171668785)</t>
  </si>
  <si>
    <t>POINT (4.60604089880554 51.82163294059059)</t>
  </si>
  <si>
    <t>POINT (4.63751267609457 51.820192961610275)</t>
  </si>
  <si>
    <t>POINT (4.619905584032773 51.83009005485846)</t>
  </si>
  <si>
    <t>POINT (4.6339695559781635 51.80854565127509)</t>
  </si>
  <si>
    <t>POINT (4.565869019333683 51.83184256824546)</t>
  </si>
  <si>
    <t>POINT (4.6125764156241535 51.81312393930138)</t>
  </si>
  <si>
    <t>POINT (4.643373629281753 51.82243343491263)</t>
  </si>
  <si>
    <t>POINT (4.613799082836421 51.82103506609767)</t>
  </si>
  <si>
    <t>POINT (4.642204882408649 51.80954695597146)</t>
  </si>
  <si>
    <t>POINT (4.635135654750481 51.81987571557835)</t>
  </si>
  <si>
    <t>POINT (4.6449183170993305 51.81550539264023)</t>
  </si>
  <si>
    <t>POINT (4.642171543491659 51.816163865011816)</t>
  </si>
  <si>
    <t>POINT (4.634737568712486 51.82090105749402)</t>
  </si>
  <si>
    <t>POINT (4.60691951104071 51.8221930027484)</t>
  </si>
  <si>
    <t>POINT (4.654324184576732 51.816326883538345)</t>
  </si>
  <si>
    <t>POINT (4.651461001372509 51.827576091811345)</t>
  </si>
  <si>
    <t>POINT (4.64006886973562 51.81442094614402)</t>
  </si>
  <si>
    <t>POINT (4.627660417311378 51.81316125353053)</t>
  </si>
  <si>
    <t>POINT (4.6275794988679735 51.80904856396204)</t>
  </si>
  <si>
    <t>POINT (4.564807369838677 51.8315601151905)</t>
  </si>
  <si>
    <t>POINT (4.628769749038659 51.81233675681266)</t>
  </si>
  <si>
    <t>POINT (4.648426212880691 51.8196352866026)</t>
  </si>
  <si>
    <t>POINT (4.656509092749515 51.817906965139656)</t>
  </si>
  <si>
    <t>POINT (4.5632604611403895 51.83686426057164)</t>
  </si>
  <si>
    <t>POINT (4.644814095933062 51.81995822557537)</t>
  </si>
  <si>
    <t>POINT (4.634036347457416 51.80845266931221)</t>
  </si>
  <si>
    <t>POINT (4.596947517756208 51.81108249680651)</t>
  </si>
  <si>
    <t>POINT (4.59997538930217 51.81946213811832)</t>
  </si>
  <si>
    <t>POINT (4.630254441720709 51.813193169354335)</t>
  </si>
  <si>
    <t>POINT (4.649276046994479 51.82561692933469)</t>
  </si>
  <si>
    <t>POINT (4.649546249037151 51.813737185692034)</t>
  </si>
  <si>
    <t>POINT (4.616159836816781 51.813144149881595)</t>
  </si>
  <si>
    <t>POINT (4.641971124381026 51.81020162895995)</t>
  </si>
  <si>
    <t>POINT (4.656018933927461 51.817677739162)</t>
  </si>
  <si>
    <t>POINT (4.576423766067691 51.818895549611405)</t>
  </si>
  <si>
    <t>POINT (4.64961453429045 51.82631347725452)</t>
  </si>
  <si>
    <t>POINT (4.6463612665760055 51.81847397409611)</t>
  </si>
  <si>
    <t>POINT (4.644576799364685 51.82224402186673)</t>
  </si>
  <si>
    <t>POINT (4.635231662100919 51.821464795290964)</t>
  </si>
  <si>
    <t>POINT (4.655184879023895 51.82334369555779)</t>
  </si>
  <si>
    <t>POINT (4.649826239195884 51.82715665099765)</t>
  </si>
  <si>
    <t>POINT (4.628714234140704 51.808620760470745)</t>
  </si>
  <si>
    <t>POINT (4.6356716185993765 51.80827113710693)</t>
  </si>
  <si>
    <t>POINT (4.653004657460646 51.82398972085163)</t>
  </si>
  <si>
    <t>POINT (4.645505145495566 51.817675647372404)</t>
  </si>
  <si>
    <t>POINT (4.6194827990021015 51.8302751273256)</t>
  </si>
  <si>
    <t>POINT (4.567445347005407 51.8368388172211)</t>
  </si>
  <si>
    <t>POINT (4.637385727385043 51.80919630824381)</t>
  </si>
  <si>
    <t>POINT (4.6424693772021595 51.82180255535406)</t>
  </si>
  <si>
    <t>POINT (4.647810726756302 51.81690576168621)</t>
  </si>
  <si>
    <t>POINT (4.6086648942219695 51.82168978258831)</t>
  </si>
  <si>
    <t>POINT (4.604884287436191 51.8222199575925)</t>
  </si>
  <si>
    <t>POINT (4.566214322450408 51.835271584104106)</t>
  </si>
  <si>
    <t>POINT (4.615638740448938 51.820737630188496)</t>
  </si>
  <si>
    <t>POINT (4.658192844472862 51.82861023696121)</t>
  </si>
  <si>
    <t>POINT (4.635194260755063 51.82072196348351)</t>
  </si>
  <si>
    <t>POINT (4.636403591159719 51.82113561745483)</t>
  </si>
  <si>
    <t>POINT (4.605693832836698 51.81569212954721)</t>
  </si>
  <si>
    <t>POINT (4.658009958138452 51.82883501317806)</t>
  </si>
  <si>
    <t>POINT (4.641363105019438 51.81859426178237)</t>
  </si>
  <si>
    <t>POINT (4.64788426994513 51.823801724760735)</t>
  </si>
  <si>
    <t>POINT (4.564285236936675 51.832878754992834)</t>
  </si>
  <si>
    <t>POINT (4.611374981950817 51.821779503377215)</t>
  </si>
  <si>
    <t>3333AX</t>
  </si>
  <si>
    <t>POINT (4.634862654723161 51.81304442223494)</t>
  </si>
  <si>
    <t>POINT (4.657099470288746 51.82895447580064)</t>
  </si>
  <si>
    <t>POINT (4.5698662845787394 51.836911571913674)</t>
  </si>
  <si>
    <t>POINT (4.633366765945678 51.80928715125662)</t>
  </si>
  <si>
    <t>POINT (4.6442740267462925 51.819645066857454)</t>
  </si>
  <si>
    <t>POINT (4.610604972545748 51.81841808582717)</t>
  </si>
  <si>
    <t>POINT (4.658597914680075 51.82915460687393)</t>
  </si>
  <si>
    <t>POINT (4.608684107437575 51.81615349505215)</t>
  </si>
  <si>
    <t>POINT (4.633321638125011 51.8249910950941)</t>
  </si>
  <si>
    <t>POINT (4.611351837282343 51.81505137376493)</t>
  </si>
  <si>
    <t>POINT (4.655234484797497 51.82616354554019)</t>
  </si>
  <si>
    <t>POINT (4.644073886259385 51.815367393373194)</t>
  </si>
  <si>
    <t>POINT (4.632771101792026 51.817747835384644)</t>
  </si>
  <si>
    <t>POINT (4.659851463940273 51.82658707391248)</t>
  </si>
  <si>
    <t>POINT (4.609656189962624 51.821091844751564)</t>
  </si>
  <si>
    <t>POINT (4.648403459231276 51.81557143816222)</t>
  </si>
  <si>
    <t>POINT (4.618001983234632 51.82095367174041)</t>
  </si>
  <si>
    <t>POINT (4.608226775510335 51.83558218493369)</t>
  </si>
  <si>
    <t>POINT (4.599647531363689 51.813306044619495)</t>
  </si>
  <si>
    <t>POINT (4.629682162503613 51.80366928606702)</t>
  </si>
  <si>
    <t>POINT (4.634976563028583 51.8254941674246)</t>
  </si>
  <si>
    <t>POINT (4.6468602408038775 51.813980763631534)</t>
  </si>
  <si>
    <t>POINT (4.643748337467635 51.820121662140856)</t>
  </si>
  <si>
    <t>POINT (4.654311281874087 51.82513739934841)</t>
  </si>
  <si>
    <t>POINT (4.6409758456677785 51.82556929790254)</t>
  </si>
  <si>
    <t>POINT (4.637869563194118 51.81077380669263)</t>
  </si>
  <si>
    <t>POINT (4.633655581874737 51.81272033791696)</t>
  </si>
  <si>
    <t>POINT (4.659537096373717 51.82947005635145)</t>
  </si>
  <si>
    <t>POINT (4.654845044334609 51.81732167676171)</t>
  </si>
  <si>
    <t>POINT (4.648997323132447 51.81409854903246)</t>
  </si>
  <si>
    <t>POINT (4.658919076302215 51.81921546977419)</t>
  </si>
  <si>
    <t>POINT (4.6466231595552 51.82622582406334)</t>
  </si>
  <si>
    <t>POINT (4.645793425194251 51.82517580444352)</t>
  </si>
  <si>
    <t>POINT (4.649903731758759 51.824756486520016)</t>
  </si>
  <si>
    <t>POINT (4.61842177258349 51.815275680424655)</t>
  </si>
  <si>
    <t>POINT (4.615851903138906 51.81491876497451)</t>
  </si>
  <si>
    <t>POINT (4.603332254610139 51.81584065719224)</t>
  </si>
  <si>
    <t>POINT (4.64713703660734 51.82295784108073)</t>
  </si>
  <si>
    <t>POINT (4.657274517631576 51.820990108039794)</t>
  </si>
  <si>
    <t>POINT (4.630316032700611 51.82102771744579)</t>
  </si>
  <si>
    <t>POINT (4.638935181063358 51.811575855060234)</t>
  </si>
  <si>
    <t>POINT (4.636254758382482 51.82164319170914)</t>
  </si>
  <si>
    <t>POINT (4.562079969787881 51.83237057386127)</t>
  </si>
  <si>
    <t>POINT (4.646963744027128 51.82386388622346)</t>
  </si>
  <si>
    <t>POINT (4.6464230613194 51.82193660884423)</t>
  </si>
  <si>
    <t>POINT (4.6296951047518995 51.81502319381579)</t>
  </si>
  <si>
    <t>POINT (4.616640854325702 51.8187705348782)</t>
  </si>
  <si>
    <t>POINT (4.636100697195812 51.8202969666554)</t>
  </si>
  <si>
    <t>POINT (4.638315713664718 51.811213694583024)</t>
  </si>
  <si>
    <t>POINT (4.653666430849508 51.819984377266834)</t>
  </si>
  <si>
    <t>POINT (4.6447482561891436 51.81463803144326)</t>
  </si>
  <si>
    <t>POINT (4.639144341969968 51.81032836099885)</t>
  </si>
  <si>
    <t>POINT (4.650285507556444 51.8202205705903)</t>
  </si>
  <si>
    <t>POINT (4.655908373081523 51.820419703462825)</t>
  </si>
  <si>
    <t>POINT (4.657664866165868 51.818790884182974)</t>
  </si>
  <si>
    <t>POINT (4.631643232567624 51.825099969265224)</t>
  </si>
  <si>
    <t>POINT (4.576267451925034 51.81898687398899)</t>
  </si>
  <si>
    <t>POINT (4.63680536933784 51.814591690900805)</t>
  </si>
  <si>
    <t>POINT (4.630784277270452 51.81017050043777)</t>
  </si>
  <si>
    <t>POINT (4.637161106570699 51.81490266402627)</t>
  </si>
  <si>
    <t>POINT (4.626681533490052 51.80964624997871)</t>
  </si>
  <si>
    <t>POINT (4.6596292475180245 51.823822696157144)</t>
  </si>
  <si>
    <t>POINT (4.62860165936953 51.812909815273926)</t>
  </si>
  <si>
    <t>POINT (4.625760963194222 51.8108142423875)</t>
  </si>
  <si>
    <t>POINT (4.632917353497862 51.81119769000829)</t>
  </si>
  <si>
    <t>POINT (4.655177476555325 51.82336006271334)</t>
  </si>
  <si>
    <t>POINT (4.618190300717571 51.81848036700176)</t>
  </si>
  <si>
    <t>POINT (4.614866692364892 51.81978184264762)</t>
  </si>
  <si>
    <t>POINT (4.632991203948179 51.81001558308387)</t>
  </si>
  <si>
    <t>POINT (4.571586643540678 51.8283164833795)</t>
  </si>
  <si>
    <t>POINT (4.65517875517183 51.81675979975279)</t>
  </si>
  <si>
    <t>POINT (4.559685584047238 51.833314850078864)</t>
  </si>
  <si>
    <t>POINT (4.591363841474631 51.82565923790199)</t>
  </si>
  <si>
    <t>3332BX</t>
  </si>
  <si>
    <t>Zomerlust</t>
  </si>
  <si>
    <t>POINT (4.657386082963657 51.81784871026001)</t>
  </si>
  <si>
    <t>POINT (4.658542481937664 51.82046605502381)</t>
  </si>
  <si>
    <t>POINT (4.643498836238453 51.82295478121659)</t>
  </si>
  <si>
    <t>POINT (4.623246845733549 51.813450166467604)</t>
  </si>
  <si>
    <t>POINT (4.606261861591018 51.81612129345787)</t>
  </si>
  <si>
    <t>POINT (4.627633013769045 51.80905762044397)</t>
  </si>
  <si>
    <t>POINT (4.5692524988712835 51.831377367939666)</t>
  </si>
  <si>
    <t>POINT (4.6321039133765245 51.80815721345607)</t>
  </si>
  <si>
    <t>POINT (4.637417152373571 51.81739645316072)</t>
  </si>
  <si>
    <t>POINT (4.628235824546087 51.81417048050981)</t>
  </si>
  <si>
    <t>POINT (4.644062302937351 51.81775483386596)</t>
  </si>
  <si>
    <t>POINT (4.63162880461311 51.8076431737591)</t>
  </si>
  <si>
    <t>POINT (4.623002629560498 51.82173664439924)</t>
  </si>
  <si>
    <t>POINT (4.657532739358049 51.822097779318746)</t>
  </si>
  <si>
    <t>POINT (4.6581802534178225 51.825659861568084)</t>
  </si>
  <si>
    <t>POINT (4.606900549158412 51.81982883377913)</t>
  </si>
  <si>
    <t>POINT (4.620935293102486 51.811506449139294)</t>
  </si>
  <si>
    <t>POINT (4.639383409555107 51.82197185767571)</t>
  </si>
  <si>
    <t>POINT (4.654030005204379 51.82743743547854)</t>
  </si>
  <si>
    <t>POINT (4.63196405173507 51.8257774355492)</t>
  </si>
  <si>
    <t>POINT (4.634773422864215 51.818727163958805)</t>
  </si>
  <si>
    <t>POINT (4.647080181701492 51.818567309276624)</t>
  </si>
  <si>
    <t>POINT (4.639048252662474 51.81856066964831)</t>
  </si>
  <si>
    <t>POINT (4.562539801794747 51.83667314214687)</t>
  </si>
  <si>
    <t>POINT (4.6388632933505045 51.81161100090422)</t>
  </si>
  <si>
    <t>POINT (4.634793738178141 51.81013528876324)</t>
  </si>
  <si>
    <t>POINT (4.620678817250729 51.81267247162401)</t>
  </si>
  <si>
    <t>POINT (4.567756365571852 51.835867975285865)</t>
  </si>
  <si>
    <t>POINT (4.642051595461324 51.809072107258444)</t>
  </si>
  <si>
    <t>POINT (4.634937429607448 51.823845336416284)</t>
  </si>
  <si>
    <t>POINT (4.617644818651229 51.821852610528516)</t>
  </si>
  <si>
    <t>POINT (4.6357704551120165 51.81835971192405)</t>
  </si>
  <si>
    <t>POINT (4.646030581066724 51.81444969826208)</t>
  </si>
  <si>
    <t>POINT (4.613962739192725 51.818247439898)</t>
  </si>
  <si>
    <t>POINT (4.637809039929648 51.82343853219366)</t>
  </si>
  <si>
    <t>POINT (4.608409109730018 51.818469035569)</t>
  </si>
  <si>
    <t>POINT (4.649319965403134 51.81424074779987)</t>
  </si>
  <si>
    <t>POINT (4.627640730493253 51.80904026824022)</t>
  </si>
  <si>
    <t>POINT (4.6606777936747195 51.83069016936398)</t>
  </si>
  <si>
    <t>POINT (4.642063233642534 51.81610425646698)</t>
  </si>
  <si>
    <t>POINT (4.660717787503389 51.83065172069161)</t>
  </si>
  <si>
    <t>POINT (4.607061060443893 51.82123212358356)</t>
  </si>
  <si>
    <t>POINT (4.659269250825949 51.821258494216785)</t>
  </si>
  <si>
    <t>POINT (4.656008066262605 51.8283715894102)</t>
  </si>
  <si>
    <t>POINT (4.636271959535545 51.819324820398336)</t>
  </si>
  <si>
    <t>POINT (4.611132386999416 51.81372672843462)</t>
  </si>
  <si>
    <t>POINT (4.6127679018884065 51.819507905679345)</t>
  </si>
  <si>
    <t>POINT (4.569522160351275 51.83360149817877)</t>
  </si>
  <si>
    <t>POINT (4.564308766310486 51.83485699293431)</t>
  </si>
  <si>
    <t>POINT (4.641248586909099 51.81374543562848)</t>
  </si>
  <si>
    <t>POINT (4.655608451770354 51.82060461905266)</t>
  </si>
  <si>
    <t>POINT (4.605798179715302 51.81447904029563)</t>
  </si>
  <si>
    <t>POINT (4.654760722652902 51.829097504011926)</t>
  </si>
  <si>
    <t>POINT (4.630802532248761 51.81242060028142)</t>
  </si>
  <si>
    <t>POINT (4.609204332444799 51.821076284074664)</t>
  </si>
  <si>
    <t>POINT (4.59643732564038 51.81421691237513)</t>
  </si>
  <si>
    <t>POINT (4.649746934209543 51.81558020270929)</t>
  </si>
  <si>
    <t>POINT (4.633414499524526 51.810683835989444)</t>
  </si>
  <si>
    <t>POINT (4.6527336459958715 51.8212492555435)</t>
  </si>
  <si>
    <t>POINT (4.647209669881362 51.81520124103062)</t>
  </si>
  <si>
    <t>POINT (4.625920383266332 51.812832973490366)</t>
  </si>
  <si>
    <t>POINT (4.6405578441200195 51.81739856191837)</t>
  </si>
  <si>
    <t>POINT (4.602696147821149 51.81320322920873)</t>
  </si>
  <si>
    <t>POINT (4.640296442399378 51.8257292088173)</t>
  </si>
  <si>
    <t>POINT (4.630016443789428 51.80921358077616)</t>
  </si>
  <si>
    <t>POINT (4.614757925082027 51.82157781819997)</t>
  </si>
  <si>
    <t>POINT (4.630767056876625 51.81093157150809)</t>
  </si>
  <si>
    <t>POINT (4.656846283882031 51.81963036028735)</t>
  </si>
  <si>
    <t>POINT (4.642510811202347 51.816682886268694)</t>
  </si>
  <si>
    <t>POINT (4.621424794004843 51.81301854466598)</t>
  </si>
  <si>
    <t>POINT (4.642848090016782 51.81667373617298)</t>
  </si>
  <si>
    <t>POINT (4.638768599086469 51.81124664213959)</t>
  </si>
  <si>
    <t>POINT (4.647412991489691 51.81846892306417)</t>
  </si>
  <si>
    <t>POINT (4.612038913742722 51.814289265878855)</t>
  </si>
  <si>
    <t>POINT (4.6055374969509515 51.814771721088924)</t>
  </si>
  <si>
    <t>POINT (4.59734176613131 51.81366612408108)</t>
  </si>
  <si>
    <t>POINT (4.651048685022652 51.822614794409354)</t>
  </si>
  <si>
    <t>POINT (4.603577767622857 51.81514282974124)</t>
  </si>
  <si>
    <t>POINT (4.64223647558472 51.826259546993164)</t>
  </si>
  <si>
    <t>POINT (4.655026394326092 51.82113277763475)</t>
  </si>
  <si>
    <t>POINT (4.656194478201049 51.82833777555947)</t>
  </si>
  <si>
    <t>POINT (4.639589693161551 51.8179364303636)</t>
  </si>
  <si>
    <t>POINT (4.569729614870171 51.838135902298895)</t>
  </si>
  <si>
    <t>POINT (4.608483611411455 51.81319509822678)</t>
  </si>
  <si>
    <t>POINT (4.621854280428612 51.81506321423346)</t>
  </si>
  <si>
    <t>POINT (4.607944135036627 51.82089423452736)</t>
  </si>
  <si>
    <t>POINT (4.5664827502835585 51.837550049215494)</t>
  </si>
  <si>
    <t>POINT (4.560952630050707 51.83407753620548)</t>
  </si>
  <si>
    <t>POINT (4.635273024963874 51.82066952470827)</t>
  </si>
  <si>
    <t>POINT (4.630478823957919 51.8136732382451)</t>
  </si>
  <si>
    <t>POINT (4.638185541284596 51.811940373523534)</t>
  </si>
  <si>
    <t>POINT (4.620748935427406 51.81393062200092)</t>
  </si>
  <si>
    <t>POINT (4.639652813838126 51.82585195072853)</t>
  </si>
  <si>
    <t>POINT (4.657719634611414 51.82452567643257)</t>
  </si>
  <si>
    <t>POINT (4.611189089314783 51.82246175848189)</t>
  </si>
  <si>
    <t>POINT (4.611955294942125 51.81372406877695)</t>
  </si>
  <si>
    <t>POINT (4.611990445765604 51.814835810714825)</t>
  </si>
  <si>
    <t>POINT (4.63706204392417 51.81476813515459)</t>
  </si>
  <si>
    <t>POINT (4.5688959588614235 51.83333718903714)</t>
  </si>
  <si>
    <t>POINT (4.650906059175956 51.81733850411189)</t>
  </si>
  <si>
    <t>POINT (4.624069622050485 51.81274293047978)</t>
  </si>
  <si>
    <t>POINT (4.645866852450728 51.814251856629994)</t>
  </si>
  <si>
    <t>POINT (4.64511297032922 51.814496860728745)</t>
  </si>
  <si>
    <t>POINT (4.634549132720216 51.82595243038023)</t>
  </si>
  <si>
    <t>POINT (4.607936553903793 51.81339769517655)</t>
  </si>
  <si>
    <t>POINT (4.662814189561415 51.82166409049804)</t>
  </si>
  <si>
    <t>POINT (4.656790169438449 51.826896384252855)</t>
  </si>
  <si>
    <t>POINT (4.654243902163797 51.82636468776461)</t>
  </si>
  <si>
    <t>POINT (4.610950035470617 51.818369959932994)</t>
  </si>
  <si>
    <t>POINT (4.620371208324282 51.81328593745784)</t>
  </si>
  <si>
    <t>POINT (4.651753885603935 51.82173801905397)</t>
  </si>
  <si>
    <t>POINT (4.594661436231866 51.81432491393977)</t>
  </si>
  <si>
    <t>POINT (4.637333901098603 51.82286831104487)</t>
  </si>
  <si>
    <t>POINT (4.659669414454028 51.8273469173776)</t>
  </si>
  <si>
    <t>POINT (4.629492133893086 51.81129934408539)</t>
  </si>
  <si>
    <t>POINT (4.626632401668107 51.80548133244786)</t>
  </si>
  <si>
    <t>POINT (4.631403577742009 51.80796457091889)</t>
  </si>
  <si>
    <t>POINT (4.571229775264733 51.82782503313387)</t>
  </si>
  <si>
    <t>POINT (4.63312419033328 51.825053107135844)</t>
  </si>
  <si>
    <t>POINT (4.561974714159756 51.83308652511741)</t>
  </si>
  <si>
    <t>POINT (4.598592107624311 51.813943368345775)</t>
  </si>
  <si>
    <t>POINT (4.652533715464076 51.821503633329414)</t>
  </si>
  <si>
    <t>POINT (4.608007596574981 51.813299740328326)</t>
  </si>
  <si>
    <t>POINT (4.638729141786723 51.822944497258455)</t>
  </si>
  <si>
    <t>POINT (4.647866284487692 51.814451192298776)</t>
  </si>
  <si>
    <t>POINT (4.608381695867121 51.82025714201478)</t>
  </si>
  <si>
    <t>POINT (4.661149945581317 51.824214481968134)</t>
  </si>
  <si>
    <t>POINT (4.610892178915983 51.81492214125706)</t>
  </si>
  <si>
    <t>POINT (4.600417994738131 51.82268393371212)</t>
  </si>
  <si>
    <t>POINT (4.615111776344939 51.81953766778141)</t>
  </si>
  <si>
    <t>POINT (4.60478629548697 51.822610754255315)</t>
  </si>
  <si>
    <t>POINT (4.653925850318764 51.82184091141318)</t>
  </si>
  <si>
    <t>POINT (4.5726060651403735 51.82827587734082)</t>
  </si>
  <si>
    <t>POINT (4.639761486915153 51.81961596562625)</t>
  </si>
  <si>
    <t>POINT (4.564907348810078 51.83620973312824)</t>
  </si>
  <si>
    <t>POINT (4.597730788446159 51.815216566514735)</t>
  </si>
  <si>
    <t>POINT (4.570539348667268 51.8322163667009)</t>
  </si>
  <si>
    <t>POINT (4.640289377422366 51.817191560788075)</t>
  </si>
  <si>
    <t>POINT (4.618384833645154 51.82034309619824)</t>
  </si>
  <si>
    <t>POINT (4.598375975853743 51.81333679389106)</t>
  </si>
  <si>
    <t>POINT (4.637157197522505 51.81480114761531)</t>
  </si>
  <si>
    <t>POINT (4.634335336654754 51.81023204241785)</t>
  </si>
  <si>
    <t>POINT (4.625138374919253 51.81529790621885)</t>
  </si>
  <si>
    <t>POINT (4.617561409293692 51.81373459705129)</t>
  </si>
  <si>
    <t>POINT (4.637240815563758 51.81495744721601)</t>
  </si>
  <si>
    <t>POINT (4.62600719000725 51.81043239921257)</t>
  </si>
  <si>
    <t>POINT (4.619375993253356 51.812980438227875)</t>
  </si>
  <si>
    <t>POINT (4.632387606402333 51.824878216549486)</t>
  </si>
  <si>
    <t>POINT (4.637334117411849 51.809308876612256)</t>
  </si>
  <si>
    <t>POINT (4.630991906616191 51.813103964917325)</t>
  </si>
  <si>
    <t>POINT (4.6284727217867765 51.8088907122607)</t>
  </si>
  <si>
    <t>POINT (4.626851677364699 51.812708953652425)</t>
  </si>
  <si>
    <t>POINT (4.600678849144252 51.80983424795601)</t>
  </si>
  <si>
    <t>POINT (4.641139064865555 51.82557563880737)</t>
  </si>
  <si>
    <t>POINT (4.607492605720797 51.813289029851155)</t>
  </si>
  <si>
    <t>POINT (4.644332743378119 51.8181205430922)</t>
  </si>
  <si>
    <t>POINT (4.651589055451141 51.814382380827986)</t>
  </si>
  <si>
    <t>POINT (4.655933312828973 51.82081356299069)</t>
  </si>
  <si>
    <t>POINT (4.626746626377287 51.80819076036696)</t>
  </si>
  <si>
    <t>POINT (4.605298584108863 51.81470207581782)</t>
  </si>
  <si>
    <t>POINT (4.566499812404687 51.83853540651902)</t>
  </si>
  <si>
    <t>POINT (4.65125200844774 51.8272968248189)</t>
  </si>
  <si>
    <t>POINT (4.6183933946303135 51.815037329451194)</t>
  </si>
  <si>
    <t>POINT (4.647181803755629 51.82702227490138)</t>
  </si>
  <si>
    <t>POINT (4.636256215495477 51.82210769183032)</t>
  </si>
  <si>
    <t>POINT (4.6298409479085745 51.82399800667806)</t>
  </si>
  <si>
    <t>POINT (4.572261110603279 51.827531749381656)</t>
  </si>
  <si>
    <t>POINT (4.659428076218187 51.83074904286712)</t>
  </si>
  <si>
    <t>POINT (4.631452570540607 51.80977469187508)</t>
  </si>
  <si>
    <t>POINT (4.635657359741362 51.81148858975197)</t>
  </si>
  <si>
    <t>POINT (4.596582858251839 51.813996949741146)</t>
  </si>
  <si>
    <t>POINT (4.650918070116296 51.81495239742031)</t>
  </si>
  <si>
    <t>POINT (4.60838494720565 51.81943518990809)</t>
  </si>
  <si>
    <t>POINT (4.648215776858038 51.82403099239138)</t>
  </si>
  <si>
    <t>POINT (4.6294641481083065 51.808774485496855)</t>
  </si>
  <si>
    <t>POINT (4.57444609328546 51.83011325790811)</t>
  </si>
  <si>
    <t>POINT (4.608806668888237 51.81302500851163)</t>
  </si>
  <si>
    <t>POINT (4.653129856783336 51.821011421936355)</t>
  </si>
  <si>
    <t>POINT (4.633309784642998 51.806776831184834)</t>
  </si>
  <si>
    <t>POINT (4.637551963175493 51.822813075272094)</t>
  </si>
  <si>
    <t>POINT (4.629207763371682 51.82194614957619)</t>
  </si>
  <si>
    <t>POINT (4.636094808706352 51.81261269555935)</t>
  </si>
  <si>
    <t>POINT (4.613884797672565 51.822161602300454)</t>
  </si>
  <si>
    <t>POINT (4.571746801038806 51.83171718466025)</t>
  </si>
  <si>
    <t>POINT (4.659231809511237 51.824070656233545)</t>
  </si>
  <si>
    <t>POINT (4.616933739695012 51.82224238856669)</t>
  </si>
  <si>
    <t>POINT (4.616361516374744 51.81383974569617)</t>
  </si>
  <si>
    <t>POINT (4.619480866973059 51.81852554431677)</t>
  </si>
  <si>
    <t>POINT (4.561637530824703 51.83474316303474)</t>
  </si>
  <si>
    <t>POINT (4.643049482826527 51.81692846755939)</t>
  </si>
  <si>
    <t>POINT (4.645877353219 51.82529154250257)</t>
  </si>
  <si>
    <t>POINT (4.628249846370171 51.8144006102572)</t>
  </si>
  <si>
    <t>POINT (4.638067163954436 51.82040850956474)</t>
  </si>
  <si>
    <t>POINT (4.634276664800542 51.80950521647755)</t>
  </si>
  <si>
    <t>POINT (4.6245149656889595 51.81391381026447)</t>
  </si>
  <si>
    <t>POINT (4.610613731721455 51.818690915525664)</t>
  </si>
  <si>
    <t>POINT (4.652175260730384 51.820698564917194)</t>
  </si>
  <si>
    <t>POINT (4.564740361512076 51.83851122790824)</t>
  </si>
  <si>
    <t>POINT (4.638564585697468 51.82024481741573)</t>
  </si>
  <si>
    <t>POINT (4.649674717208833 51.81629780133503)</t>
  </si>
  <si>
    <t>POINT (4.564326815342007 51.837313303321636)</t>
  </si>
  <si>
    <t>POINT (4.638651125116535 51.81368861771369)</t>
  </si>
  <si>
    <t>POINT (4.629023411323853 51.812736272268445)</t>
  </si>
  <si>
    <t>POINT (4.64177357970445 51.819427397909436)</t>
  </si>
  <si>
    <t>POINT (4.6168834841628685 51.814373669446695)</t>
  </si>
  <si>
    <t>POINT (4.569384807034232 51.82537049726081)</t>
  </si>
  <si>
    <t>POINT (4.6091132200928 51.81872244182601)</t>
  </si>
  <si>
    <t>POINT (4.618914632871915 51.8127969610893)</t>
  </si>
  <si>
    <t>POINT (4.55825339671676 51.83258398162047)</t>
  </si>
  <si>
    <t>POINT (4.6469669230612665 51.82286397813424)</t>
  </si>
  <si>
    <t>POINT (4.566986265382564 51.834228973584956)</t>
  </si>
  <si>
    <t>POINT (4.609945029311481 51.81847887621912)</t>
  </si>
  <si>
    <t>POINT (4.639999751469346 51.81882122830807)</t>
  </si>
  <si>
    <t>POINT (4.617402817694796 51.817308136419214)</t>
  </si>
  <si>
    <t>POINT (4.626836600370685 51.827844019090776)</t>
  </si>
  <si>
    <t>POINT (4.634406790047936 51.824114399483086)</t>
  </si>
  <si>
    <t>POINT (4.656972616965095 51.82108691675894)</t>
  </si>
  <si>
    <t>POINT (4.63236970447065 51.82404426509615)</t>
  </si>
  <si>
    <t>POINT (4.641070861307241 51.81933676689527)</t>
  </si>
  <si>
    <t>POINT (4.632452926400707 51.810975208557124)</t>
  </si>
  <si>
    <t>POINT (4.6331134923425905 51.81179209747823)</t>
  </si>
  <si>
    <t>POINT (4.632458964677744 51.818248836211446)</t>
  </si>
  <si>
    <t>POINT (4.640845632845204 51.813977172988125)</t>
  </si>
  <si>
    <t>POINT (4.603676484783035 51.81466239398856)</t>
  </si>
  <si>
    <t>POINT (4.6481703399336 51.81875269444492)</t>
  </si>
  <si>
    <t>POINT (4.629765502302716 51.81500671347564)</t>
  </si>
  <si>
    <t>POINT (4.609669584329365 51.82131008071941)</t>
  </si>
  <si>
    <t>POINT (4.594742367345558 51.81470815610238)</t>
  </si>
  <si>
    <t>POINT (4.65893301010532 51.8293238036769)</t>
  </si>
  <si>
    <t>POINT (4.630734992981444 51.81088929764697)</t>
  </si>
  <si>
    <t>POINT (4.637368946247403 51.81100497139767)</t>
  </si>
  <si>
    <t>POINT (4.634978761554498 51.80922244013778)</t>
  </si>
  <si>
    <t>POINT (4.640601774806435 51.82570076962372)</t>
  </si>
  <si>
    <t>POINT (4.652626652371566 51.82881186548179)</t>
  </si>
  <si>
    <t>POINT (4.629511420809062 51.81505898756219)</t>
  </si>
  <si>
    <t>POINT (4.6390421637406405 51.82559052505826)</t>
  </si>
  <si>
    <t>POINT (4.643644710782441 51.81777272803706)</t>
  </si>
  <si>
    <t>POINT (4.608524204359065 51.821445021227866)</t>
  </si>
  <si>
    <t>POINT (4.654808343407585 51.828243670648504)</t>
  </si>
  <si>
    <t>POINT (4.6591052193119875 51.82742699567881)</t>
  </si>
  <si>
    <t>POINT (4.647579331693115 51.81691163837894)</t>
  </si>
  <si>
    <t>POINT (4.64264925387475 51.817535838941644)</t>
  </si>
  <si>
    <t>POINT (4.660121207684155 51.82927387580219)</t>
  </si>
  <si>
    <t>POINT (4.607240423969649 51.8195415842021)</t>
  </si>
  <si>
    <t>POINT (4.629793881618638 51.80968509459345)</t>
  </si>
  <si>
    <t>POINT (4.632463075548699 51.81175497244923)</t>
  </si>
  <si>
    <t>POINT (4.605534926522393 51.81863107723807)</t>
  </si>
  <si>
    <t>POINT (4.63883339083932 51.817800734678734)</t>
  </si>
  <si>
    <t>POINT (4.626639072201783 51.81534064820296)</t>
  </si>
  <si>
    <t>POINT (4.656341757304272 51.81741719957544)</t>
  </si>
  <si>
    <t>POINT (4.630118138358813 51.82116718614454)</t>
  </si>
  <si>
    <t>POINT (4.655601494277434 51.82407782755202)</t>
  </si>
  <si>
    <t>POINT (4.63431149646413 51.826197007716814)</t>
  </si>
  <si>
    <t>POINT (4.6557145611202895 51.82183834733226)</t>
  </si>
  <si>
    <t>POINT (4.630766497250318 51.82435986482211)</t>
  </si>
  <si>
    <t>POINT (4.653648274095005 51.82161252732476)</t>
  </si>
  <si>
    <t>POINT (4.630732386334425 51.81215355197841)</t>
  </si>
  <si>
    <t>POINT (4.657801313926209 51.82366717247452)</t>
  </si>
  <si>
    <t>POINT (4.662852478693774 51.821632722639514)</t>
  </si>
  <si>
    <t>POINT (4.569805184500951 51.8386668988939)</t>
  </si>
  <si>
    <t>POINT (4.650801376571485 51.82263673941523)</t>
  </si>
  <si>
    <t>POINT (4.630250923694814 51.80890083016519)</t>
  </si>
  <si>
    <t>POINT (4.628162611506152 51.80843401251576)</t>
  </si>
  <si>
    <t>POINT (4.628962573203061 51.813312406097616)</t>
  </si>
  <si>
    <t>POINT (4.637892109273908 51.819666912343365)</t>
  </si>
  <si>
    <t>POINT (4.56395112257723 51.83218376608654)</t>
  </si>
  <si>
    <t>POINT (4.650880011985812 51.82253799772506)</t>
  </si>
  <si>
    <t>POINT (4.6210815079638925 51.81275526267639)</t>
  </si>
  <si>
    <t>POINT (4.62823293739098 51.81118564329328)</t>
  </si>
  <si>
    <t>POINT (4.5966306912384445 51.81503294545694)</t>
  </si>
  <si>
    <t>POINT (4.655095193904563 51.823408789470335)</t>
  </si>
  <si>
    <t>POINT (4.649578446558076 51.81435394937918)</t>
  </si>
  <si>
    <t>POINT (4.612672667921519 51.8181311492619)</t>
  </si>
  <si>
    <t>POINT (4.610614917126014 51.81860611478489)</t>
  </si>
  <si>
    <t>POINT (4.637201215093029 51.809409240091746)</t>
  </si>
  <si>
    <t>POINT (4.656216840545307 51.824610600051614)</t>
  </si>
  <si>
    <t>POINT (4.654731515224372 51.816577028829386)</t>
  </si>
  <si>
    <t>POINT (4.657199192176434 51.819441825122844)</t>
  </si>
  <si>
    <t>POINT (4.604867785847401 51.81673430700302)</t>
  </si>
  <si>
    <t>POINT (4.618414460960192 51.81525114725944)</t>
  </si>
  <si>
    <t>POINT (4.664517573932197 51.82344006484634)</t>
  </si>
  <si>
    <t>POINT (4.658696002986531 51.82918840184051)</t>
  </si>
  <si>
    <t>POINT (4.631999443719383 51.823295740592584)</t>
  </si>
  <si>
    <t>POINT (4.6571366170980415 51.82789820560776)</t>
  </si>
  <si>
    <t>POINT (4.6179276511356075 51.81391221555906)</t>
  </si>
  <si>
    <t>POINT (4.657327757412275 51.82420081650994)</t>
  </si>
  <si>
    <t>POINT (4.65589651561828 51.81955566466738)</t>
  </si>
  <si>
    <t>POINT (4.63180081627793 51.80807283612995)</t>
  </si>
  <si>
    <t>POINT (4.640191497835239 51.8200234822493)</t>
  </si>
  <si>
    <t>POINT (4.599647895034661 51.81328356622888)</t>
  </si>
  <si>
    <t>POINT (4.634831953486678 51.81010719239159)</t>
  </si>
  <si>
    <t>POINT (4.591771055889769 51.81246775304529)</t>
  </si>
  <si>
    <t>POINT (4.608406189655581 51.81485280703508)</t>
  </si>
  <si>
    <t>POINT (4.65648396546632 51.819374741113975)</t>
  </si>
  <si>
    <t>POINT (4.6191972916480015 51.81493969034556)</t>
  </si>
  <si>
    <t>POINT (4.637787619408726 51.8172469823277)</t>
  </si>
  <si>
    <t>POINT (4.628947398781727 51.811901197269)</t>
  </si>
  <si>
    <t>POINT (4.655060158364647 51.81825221501029)</t>
  </si>
  <si>
    <t>POINT (4.626210085393014 51.81101699291826)</t>
  </si>
  <si>
    <t>POINT (4.561174025415987 51.83578673220205)</t>
  </si>
  <si>
    <t>POINT (4.608238425404669 51.818964385937704)</t>
  </si>
  <si>
    <t>POINT (4.653369980772117 51.822062684532725)</t>
  </si>
  <si>
    <t>POINT (4.63815652988089 51.817451142740616)</t>
  </si>
  <si>
    <t>POINT (4.628086876052836 51.812190041102085)</t>
  </si>
  <si>
    <t>POINT (4.646980681309987 51.82175422300416)</t>
  </si>
  <si>
    <t>POINT (4.628328375273917 51.81022047717351)</t>
  </si>
  <si>
    <t>POINT (4.607987031305479 51.82220609051582)</t>
  </si>
  <si>
    <t>POINT (4.65411217725541 51.816177111268736)</t>
  </si>
  <si>
    <t>POINT (4.633583358760376 51.80885202372314)</t>
  </si>
  <si>
    <t>POINT (4.641936056413662 51.817878077951256)</t>
  </si>
  <si>
    <t>POINT (4.6525265411450905 51.81528732906281)</t>
  </si>
  <si>
    <t>POINT (4.633671714096374 51.824337527980866)</t>
  </si>
  <si>
    <t>POINT (4.628963521940556 51.81269724285067)</t>
  </si>
  <si>
    <t>POINT (4.6396423266348075 51.80942231804291)</t>
  </si>
  <si>
    <t>POINT (4.635868056307589 51.808557507916014)</t>
  </si>
  <si>
    <t>POINT (4.628563097700846 51.80933757730189)</t>
  </si>
  <si>
    <t>POINT (4.625172439939608 51.813892670339)</t>
  </si>
  <si>
    <t>POINT (4.61983913668957 51.82027578741293)</t>
  </si>
  <si>
    <t>POINT (4.637273161067986 51.810129839129374)</t>
  </si>
  <si>
    <t>POINT (4.604069136498028 51.816026115516024)</t>
  </si>
  <si>
    <t>POINT (4.632370562982215 51.81163582532705)</t>
  </si>
  <si>
    <t>POINT (4.627734003769069 51.80617836097008)</t>
  </si>
  <si>
    <t>POINT (4.624815638748709 51.81369454276407)</t>
  </si>
  <si>
    <t>POINT (4.643665172618841 51.820598048211316)</t>
  </si>
  <si>
    <t>POINT (4.617558896015355 51.81463445926823)</t>
  </si>
  <si>
    <t>POINT (4.6531895935217875 51.82201837492703)</t>
  </si>
  <si>
    <t>POINT (4.605332836995076 51.81893247135141)</t>
  </si>
  <si>
    <t>POINT (4.604163114148663 51.8142603401379)</t>
  </si>
  <si>
    <t>POINT (4.622106722330743 51.81140962570168)</t>
  </si>
  <si>
    <t>POINT (4.646848495390237 51.814756917138205)</t>
  </si>
  <si>
    <t>POINT (4.609069868777455 51.814880984740505)</t>
  </si>
  <si>
    <t>POINT (4.614642002372063 51.81393780402319)</t>
  </si>
  <si>
    <t>POINT (4.620528402763496 51.82844388884954)</t>
  </si>
  <si>
    <t>POINT (4.629665033594484 51.81491313971872)</t>
  </si>
  <si>
    <t>POINT (4.639567347819596 51.822007644962994)</t>
  </si>
  <si>
    <t>POINT (4.655613147625069 51.82184074442139)</t>
  </si>
  <si>
    <t>POINT (4.656238149871738 51.81736589410234)</t>
  </si>
  <si>
    <t>POINT (4.652300367440506 51.824722798260936)</t>
  </si>
  <si>
    <t>POINT (4.661066284288665 51.82663861301493)</t>
  </si>
  <si>
    <t>POINT (4.643973839941998 51.8176364229279)</t>
  </si>
  <si>
    <t>POINT (4.637319789177143 51.82285338954043)</t>
  </si>
  <si>
    <t>POINT (4.654673186049759 51.824578100035716)</t>
  </si>
  <si>
    <t>POINT (4.650158002121091 51.82551412127512)</t>
  </si>
  <si>
    <t>POINT (4.56212224143331 51.832517468553895)</t>
  </si>
  <si>
    <t>POINT (4.656855162959172 51.823753296917964)</t>
  </si>
  <si>
    <t>POINT (4.642053417262646 51.82159745397382)</t>
  </si>
  <si>
    <t>POINT (4.642886777502892 51.82136378659854)</t>
  </si>
  <si>
    <t>POINT (4.650500847519135 51.813738040673876)</t>
  </si>
  <si>
    <t>POINT (4.63438111713752 51.82409082826041)</t>
  </si>
  <si>
    <t>POINT (4.612612999776632 51.82012980159449)</t>
  </si>
  <si>
    <t>POINT (4.629554259909255 51.811810987176386)</t>
  </si>
  <si>
    <t>POINT (4.626660720543173 51.81532973238768)</t>
  </si>
  <si>
    <t>POINT (4.627152976493578 51.807247815929976)</t>
  </si>
  <si>
    <t>POINT (4.663607949463451 51.820757949018386)</t>
  </si>
  <si>
    <t>POINT (4.656837363036083 51.82947759471648)</t>
  </si>
  <si>
    <t>POINT (4.644068004742498 51.81837055940945)</t>
  </si>
  <si>
    <t>POINT (4.653223826959996 51.81563251619063)</t>
  </si>
  <si>
    <t>POINT (4.657662654469048 51.82318874243113)</t>
  </si>
  <si>
    <t>POINT (4.562967661126313 51.83588986537119)</t>
  </si>
  <si>
    <t>POINT (4.561932849823456 51.83352177176143)</t>
  </si>
  <si>
    <t>POINT (4.661696491224097 51.8246261449146)</t>
  </si>
  <si>
    <t>POINT (4.563455314736709 51.83153777178749)</t>
  </si>
  <si>
    <t>POINT (4.615380446717822 51.81895943806211)</t>
  </si>
  <si>
    <t>POINT (4.629443798574704 51.80909144896962)</t>
  </si>
  <si>
    <t>POINT (4.612677885124565 51.81346423904094)</t>
  </si>
  <si>
    <t>POINT (4.625870047248045 51.81332244192507)</t>
  </si>
  <si>
    <t>POINT (4.620227284032479 51.81231868267013)</t>
  </si>
  <si>
    <t>POINT (4.603286207800814 51.819487706184965)</t>
  </si>
  <si>
    <t>POINT (4.610798777005173 51.81470850854476)</t>
  </si>
  <si>
    <t>POINT (4.619383681785434 51.830362028966434)</t>
  </si>
  <si>
    <t>POINT (4.636305064080566 51.81812466349917)</t>
  </si>
  <si>
    <t>POINT (4.634443208165509 51.810073256778196)</t>
  </si>
  <si>
    <t>POINT (4.657431321585694 51.823272193354754)</t>
  </si>
  <si>
    <t>POINT (4.613040440903739 51.818153018454524)</t>
  </si>
  <si>
    <t>POINT (4.63999403117208 51.81983653679802)</t>
  </si>
  <si>
    <t>POINT (4.639063815207571 51.819253662438534)</t>
  </si>
  <si>
    <t>POINT (4.594162772113289 51.809862750874245)</t>
  </si>
  <si>
    <t>POINT (4.644923606782288 51.816559062747814)</t>
  </si>
  <si>
    <t>POINT (4.616286687106708 51.82026962102281)</t>
  </si>
  <si>
    <t>POINT (4.569017643329783 51.838123751334315)</t>
  </si>
  <si>
    <t>POINT (4.612707297686714 51.81808502297227)</t>
  </si>
  <si>
    <t>POINT (4.611173913311793 51.81584439605592)</t>
  </si>
  <si>
    <t>POINT (4.641040479310191 51.81676399138084)</t>
  </si>
  <si>
    <t>POINT (4.637796644228575 51.81413482845175)</t>
  </si>
  <si>
    <t>POINT (4.63068002028041 51.81286136291941)</t>
  </si>
  <si>
    <t>POINT (4.6190324598310815 51.82263063110371)</t>
  </si>
  <si>
    <t>POINT (4.628618742337752 51.809366602047156)</t>
  </si>
  <si>
    <t>POINT (4.655169483364726 51.823351176991686)</t>
  </si>
  <si>
    <t>POINT (4.633785187485778 51.80562325292756)</t>
  </si>
  <si>
    <t>POINT (4.656507657741953 51.81754543143803)</t>
  </si>
  <si>
    <t>POINT (4.656384977830055 51.824222302637644)</t>
  </si>
  <si>
    <t>POINT (4.641747398252872 51.816861292109124)</t>
  </si>
  <si>
    <t>POINT (4.654355895816575 51.816347836437664)</t>
  </si>
  <si>
    <t>POINT (4.643684291008163 51.82519312322991)</t>
  </si>
  <si>
    <t>POINT (4.610011414612493 51.819578267946405)</t>
  </si>
  <si>
    <t>POINT (4.633068228892003 51.81176717754388)</t>
  </si>
  <si>
    <t>POINT (4.636124290548179 51.81090915601529)</t>
  </si>
  <si>
    <t>POINT (4.656656167301041 51.82470962197434)</t>
  </si>
  <si>
    <t>POINT (4.646191680378789 51.82596225831673)</t>
  </si>
  <si>
    <t>POINT (4.620244835213462 51.808801106348255)</t>
  </si>
  <si>
    <t>POINT (4.656392113934729 51.81744310393784)</t>
  </si>
  <si>
    <t>POINT (4.5608599748947185 51.833738214790834)</t>
  </si>
  <si>
    <t>POINT (4.647114937318212 51.81901933588749)</t>
  </si>
  <si>
    <t>POINT (4.6142297399538945 51.82081354488732)</t>
  </si>
  <si>
    <t>POINT (4.656303738450999 51.824256771707496)</t>
  </si>
  <si>
    <t>POINT (4.657345768165811 51.827897825400235)</t>
  </si>
  <si>
    <t>POINT (4.633578838184141 51.81053923847739)</t>
  </si>
  <si>
    <t>POINT (4.6390509006242935 51.82222338150303)</t>
  </si>
  <si>
    <t>POINT (4.604613714394199 51.819942415536154)</t>
  </si>
  <si>
    <t>POINT (4.640911173336812 51.81877772448787)</t>
  </si>
  <si>
    <t>POINT (4.657439139622095 51.817970396358525)</t>
  </si>
  <si>
    <t>POINT (4.657405747704133 51.8186076299548)</t>
  </si>
  <si>
    <t>POINT (4.641078183871647 51.817264568864076)</t>
  </si>
  <si>
    <t>POINT (4.633456029560272 51.82061651259108)</t>
  </si>
  <si>
    <t>POINT (4.661234770893467 51.827633127663226)</t>
  </si>
  <si>
    <t>POINT (4.564111543709081 51.83565272334419)</t>
  </si>
  <si>
    <t>POINT (4.637668779468348 51.810299161186855)</t>
  </si>
  <si>
    <t>POINT (4.660818705535998 51.82325619067383)</t>
  </si>
  <si>
    <t>POINT (4.658950563013209 51.82370154448621)</t>
  </si>
  <si>
    <t>POINT (4.644722979760592 51.81788367966109)</t>
  </si>
  <si>
    <t>POINT (4.612315533140146 51.81532208138045)</t>
  </si>
  <si>
    <t>POINT (4.643208636547727 51.81915469939685)</t>
  </si>
  <si>
    <t>POINT (4.6452038565851845 51.814450226787784)</t>
  </si>
  <si>
    <t>POINT (4.647107500306019 51.82704529384147)</t>
  </si>
  <si>
    <t>POINT (4.602436018796129 51.81571775992663)</t>
  </si>
  <si>
    <t>POINT (4.571707918043512 51.842371139761795)</t>
  </si>
  <si>
    <t>POINT (4.6026482462078135 51.82044985719509)</t>
  </si>
  <si>
    <t>POINT (4.631561334153942 51.809694736595915)</t>
  </si>
  <si>
    <t>POINT (4.625343687070297 51.82285149730185)</t>
  </si>
  <si>
    <t>POINT (4.65078547732784 51.816654023050084)</t>
  </si>
  <si>
    <t>POINT (4.626896195702053 51.814610408564846)</t>
  </si>
  <si>
    <t>POINT (4.619431616611726 51.83038833782989)</t>
  </si>
  <si>
    <t>POINT (4.636043137927403 51.817838530978044)</t>
  </si>
  <si>
    <t>POINT (4.652386799773062 51.824243730522944)</t>
  </si>
  <si>
    <t>POINT (4.640186114666464 51.809078969862846)</t>
  </si>
  <si>
    <t>POINT (4.633089366909602 51.807885026488144)</t>
  </si>
  <si>
    <t>POINT (4.661769106570545 51.82458922784061)</t>
  </si>
  <si>
    <t>POINT (4.636083612999373 51.822194317011146)</t>
  </si>
  <si>
    <t>POINT (4.604167081436928 51.81403527078485)</t>
  </si>
  <si>
    <t>POINT (4.641065844008865 51.816700117176595)</t>
  </si>
  <si>
    <t>POINT (4.630394893907032 51.80942396708379)</t>
  </si>
  <si>
    <t>POINT (4.605737708345083 51.814217757706245)</t>
  </si>
  <si>
    <t>POINT (4.61630620586249 51.814268800532695)</t>
  </si>
  <si>
    <t>POINT (4.567586565095124 51.83713265649029)</t>
  </si>
  <si>
    <t>POINT (4.654601812819342 51.81734097647069)</t>
  </si>
  <si>
    <t>POINT (4.656548505629612 51.821575211870815)</t>
  </si>
  <si>
    <t>POINT (4.601002694188195 51.81484012431843)</t>
  </si>
  <si>
    <t>POINT (4.608375964772971 51.81334351585286)</t>
  </si>
  <si>
    <t>POINT (4.622260268791271 51.812782080296536)</t>
  </si>
  <si>
    <t>POINT (4.655243711358204 51.82126088249392)</t>
  </si>
  <si>
    <t>POINT (4.573606568940649 51.82920904388448)</t>
  </si>
  <si>
    <t>POINT (4.6341811326892035 51.807161731930705)</t>
  </si>
  <si>
    <t>POINT (4.561038985426169 51.83509281218951)</t>
  </si>
  <si>
    <t>POINT (4.6308599294331545 51.813017137381934)</t>
  </si>
  <si>
    <t>POINT (4.6153450939872975 51.81298988666383)</t>
  </si>
  <si>
    <t>POINT (4.65522088874108 51.82338432423821)</t>
  </si>
  <si>
    <t>POINT (4.638822211308717 51.82547062496303)</t>
  </si>
  <si>
    <t>POINT (4.617496058706313 51.82060641974349)</t>
  </si>
  <si>
    <t>POINT (4.638624042946088 51.824301290073045)</t>
  </si>
  <si>
    <t>POINT (4.619334143108309 51.81539839021434)</t>
  </si>
  <si>
    <t>POINT (4.655457513185907 51.82461200786642)</t>
  </si>
  <si>
    <t>POINT (4.6275750130425894 51.807123421393996)</t>
  </si>
  <si>
    <t>POINT (4.627692308013415 51.80906620195171)</t>
  </si>
  <si>
    <t>POINT (4.652635773728046 51.825046575628264)</t>
  </si>
  <si>
    <t>POINT (4.6186080609843785 51.82117901634813)</t>
  </si>
  <si>
    <t>POINT (4.61782145670922 51.8183663007165)</t>
  </si>
  <si>
    <t>POINT (4.660185383558918 51.821541617082566)</t>
  </si>
  <si>
    <t>POINT (4.628501657198612 51.80594820916231)</t>
  </si>
  <si>
    <t>POINT (4.635325968326344 51.82111635042728)</t>
  </si>
  <si>
    <t>POINT (4.603437799439322 51.819434678417295)</t>
  </si>
  <si>
    <t>POINT (4.632478623078286 51.8248397010133)</t>
  </si>
  <si>
    <t>POINT (4.655887466222618 51.824315984902185)</t>
  </si>
  <si>
    <t>POINT (4.58075452649951 51.81816846423504)</t>
  </si>
  <si>
    <t>POINT (4.637420900570394 51.81498242696645)</t>
  </si>
  <si>
    <t>POINT (4.59594877661349 51.813629593914776)</t>
  </si>
  <si>
    <t>POINT (4.648578537861822 51.82429444195467)</t>
  </si>
  <si>
    <t>POINT (4.622001234376115 51.82725532373821)</t>
  </si>
  <si>
    <t>POINT (4.633583469371639 51.81270350640137)</t>
  </si>
  <si>
    <t>POINT (4.633885731536135 51.809792647280695)</t>
  </si>
  <si>
    <t>POINT (4.635730186616183 51.821958375555184)</t>
  </si>
  <si>
    <t>POINT (4.638131518353158 51.81870493331142)</t>
  </si>
  <si>
    <t>POINT (4.652280918044265 51.824230690187726)</t>
  </si>
  <si>
    <t>POINT (4.627527098328043 51.80859897768328)</t>
  </si>
  <si>
    <t>POINT (4.649569206004722 51.8262547390292)</t>
  </si>
  <si>
    <t>POINT (4.65846185667489 51.8215835839652)</t>
  </si>
  <si>
    <t>POINT (4.653509268715867 51.81812874203064)</t>
  </si>
  <si>
    <t>POINT (4.617448766345175 51.82171098411816)</t>
  </si>
  <si>
    <t>POINT (4.650414078460286 51.826592150137756)</t>
  </si>
  <si>
    <t>POINT (4.619450184196914 51.83040464792479)</t>
  </si>
  <si>
    <t>POINT (4.626733679456675 51.812247850078215)</t>
  </si>
  <si>
    <t>POINT (4.618038304901483 51.817412509320214)</t>
  </si>
  <si>
    <t>POINT (4.567246392178774 51.83745006443908)</t>
  </si>
  <si>
    <t>POINT (4.656276279889263 51.82466012028794)</t>
  </si>
  <si>
    <t>POINT (4.650260837707038 51.82696354407599)</t>
  </si>
  <si>
    <t>POINT (4.630653616460376 51.81291554742412)</t>
  </si>
  <si>
    <t>POINT (4.657070323490039 51.81812103585693)</t>
  </si>
  <si>
    <t>POINT (4.647620448223396 51.82673351872694)</t>
  </si>
  <si>
    <t>POINT (4.628974359993231 51.814464619105316)</t>
  </si>
  <si>
    <t>POINT (4.617463768839349 51.81729155652131)</t>
  </si>
  <si>
    <t>POINT (4.614891327922973 51.818054508183316)</t>
  </si>
  <si>
    <t>POINT (4.658102542517404 51.82175494173061)</t>
  </si>
  <si>
    <t>POINT (4.648630348535785 51.817946967890634)</t>
  </si>
  <si>
    <t>POINT (4.645050463300375 51.81454538192618)</t>
  </si>
  <si>
    <t>POINT (4.649946240172918 51.82709265935206)</t>
  </si>
  <si>
    <t>POINT (4.648163522730002 51.82399414236694)</t>
  </si>
  <si>
    <t>POINT (4.566261939200647 51.83389576708857)</t>
  </si>
  <si>
    <t>POINT (4.636914984254893 51.81473346044589)</t>
  </si>
  <si>
    <t>POINT (4.638440004019473 51.809276163337856)</t>
  </si>
  <si>
    <t>POINT (4.6393886362966015 51.8172199727629)</t>
  </si>
  <si>
    <t>POINT (4.626675571532473 51.827570834056104)</t>
  </si>
  <si>
    <t>POINT (4.61871471286577 51.8190556730346)</t>
  </si>
  <si>
    <t>POINT (4.609341648997186 51.81702933005855)</t>
  </si>
  <si>
    <t>POINT (4.656831443612722 51.81918025869189)</t>
  </si>
  <si>
    <t>POINT (4.639793383183954 51.826000386230476)</t>
  </si>
  <si>
    <t>POINT (4.650410845364002 51.81402383734909)</t>
  </si>
  <si>
    <t>POINT (4.635590105001163 51.82147345529402)</t>
  </si>
  <si>
    <t>POINT (4.6132137947205445 51.824424438472704)</t>
  </si>
  <si>
    <t>POINT (4.63623180994528 51.81248288558612)</t>
  </si>
  <si>
    <t>POINT (4.611701482880311 51.822449145312156)</t>
  </si>
  <si>
    <t>POINT (4.66165499252631 51.824952186086776)</t>
  </si>
  <si>
    <t>POINT (4.660760392297752 51.8205410976199)</t>
  </si>
  <si>
    <t>POINT (4.603797895482496 51.81931529440547)</t>
  </si>
  <si>
    <t>POINT (4.61840581002129 51.81507893866304)</t>
  </si>
  <si>
    <t>POINT (4.616464353880431 51.814783805346295)</t>
  </si>
  <si>
    <t>POINT (4.649361991282608 51.817629325518)</t>
  </si>
  <si>
    <t>POINT (4.6339808134545395 51.809754534275186)</t>
  </si>
  <si>
    <t>POINT (4.610845279572251 51.821066080713265)</t>
  </si>
  <si>
    <t>POINT (4.620789109622774 51.82016029666274)</t>
  </si>
  <si>
    <t>POINT (4.6597058010330095 51.82207072099109)</t>
  </si>
  <si>
    <t>POINT (4.6395324079190186 51.817161428561)</t>
  </si>
  <si>
    <t>POINT (4.657169530889602 51.82986306367914)</t>
  </si>
  <si>
    <t>POINT (4.651804560718388 51.82138626790957)</t>
  </si>
  <si>
    <t>POINT (4.641296250115203 51.82084023700655)</t>
  </si>
  <si>
    <t>POINT (4.620983034642745 51.81147559698618)</t>
  </si>
  <si>
    <t>POINT (4.61481032880467 51.821955455368254)</t>
  </si>
  <si>
    <t>POINT (4.612098202105894 51.814488209422294)</t>
  </si>
  <si>
    <t>POINT (4.607471150779354 51.81924847597672)</t>
  </si>
  <si>
    <t>POINT (4.565799550359044 51.83336998960818)</t>
  </si>
  <si>
    <t>POINT (4.63066452605275 51.81204676908199)</t>
  </si>
  <si>
    <t>POINT (4.612695059571142 51.82177701316393)</t>
  </si>
  <si>
    <t>POINT (4.630381971808575 51.809345457220196)</t>
  </si>
  <si>
    <t>POINT (4.624956297215191 51.812363293083436)</t>
  </si>
  <si>
    <t>POINT (4.638998144577502 51.822532777542484)</t>
  </si>
  <si>
    <t>POINT (4.636014213237593 51.81019005598152)</t>
  </si>
  <si>
    <t>POINT (4.609662407375935 51.82119724272252)</t>
  </si>
  <si>
    <t>POINT (4.629597559840891 51.81129158436915)</t>
  </si>
  <si>
    <t>POINT (4.615931917474886 51.821822014037046)</t>
  </si>
  <si>
    <t>POINT (4.638121836046207 51.81091300743995)</t>
  </si>
  <si>
    <t>POINT (4.656261991390407 51.82021305433833)</t>
  </si>
  <si>
    <t>POINT (4.641287367519592 51.8257321126034)</t>
  </si>
  <si>
    <t>POINT (4.648900904232256 51.824522490543664)</t>
  </si>
  <si>
    <t>POINT (4.607854720574259 51.81692427445708)</t>
  </si>
  <si>
    <t>POINT (4.639034321589332 51.823039520911436)</t>
  </si>
  <si>
    <t>POINT (4.55950227650395 51.83479671991362)</t>
  </si>
  <si>
    <t>POINT (4.648750090214259 51.813991178688916)</t>
  </si>
  <si>
    <t>POINT (4.597237369952098 51.8147805912038)</t>
  </si>
  <si>
    <t>POINT (4.622258270186162 51.811760535490066)</t>
  </si>
  <si>
    <t>POINT (4.634983624276899 51.82426457750851)</t>
  </si>
  <si>
    <t>POINT (4.658771050375487 51.82870009081308)</t>
  </si>
  <si>
    <t>POINT (4.645379800356661 51.819429816009496)</t>
  </si>
  <si>
    <t>POINT (4.650653998848808 51.81619375016529)</t>
  </si>
  <si>
    <t>POINT (4.5684026555449275 51.83425810667898)</t>
  </si>
  <si>
    <t>POINT (4.601598061839754 51.81949034160462)</t>
  </si>
  <si>
    <t>POINT (4.6530892046659655 51.81745329421826)</t>
  </si>
  <si>
    <t>POINT (4.6559667263773825 51.820385604446706)</t>
  </si>
  <si>
    <t>POINT (4.642840169247299 51.81547405469023)</t>
  </si>
  <si>
    <t>POINT (4.631613431596919 51.82043840051368)</t>
  </si>
  <si>
    <t>BU06420306</t>
  </si>
  <si>
    <t>Begraafplaats Noord</t>
  </si>
  <si>
    <t>POINT (4.6121276433743885 51.81998617550828)</t>
  </si>
  <si>
    <t>POINT (4.630990515133077 51.822398770021515)</t>
  </si>
  <si>
    <t>POINT (4.603777583350043 51.82145365755004)</t>
  </si>
  <si>
    <t>POINT (4.635205236980063 51.80983272392579)</t>
  </si>
  <si>
    <t>POINT (4.629545241413507 51.82251788863686)</t>
  </si>
  <si>
    <t>POINT (4.658361887884453 51.82303414882828)</t>
  </si>
  <si>
    <t>POINT (4.63084194428052 51.81219436579457)</t>
  </si>
  <si>
    <t>POINT (4.6346805532098685 51.818764590714075)</t>
  </si>
  <si>
    <t>POINT (4.655172139714646 51.82337517534815)</t>
  </si>
  <si>
    <t>POINT (4.645611731534873 51.814224150549514)</t>
  </si>
  <si>
    <t>POINT (4.606826267543151 51.8196481699077)</t>
  </si>
  <si>
    <t>POINT (4.613461884338546 51.83087799872582)</t>
  </si>
  <si>
    <t>POINT (4.629050263634718 51.80900850296627)</t>
  </si>
  <si>
    <t>POINT (4.6586938307101144 51.828320406648345)</t>
  </si>
  <si>
    <t>POINT (4.564226881861959 51.8333093654075)</t>
  </si>
  <si>
    <t>POINT (4.651096549186831 51.82336278204067)</t>
  </si>
  <si>
    <t>POINT (4.64796653921403 51.81904052307837)</t>
  </si>
  <si>
    <t>POINT (4.615360279700446 51.81483383408407)</t>
  </si>
  <si>
    <t>POINT (4.613208678634362 51.81806550832954)</t>
  </si>
  <si>
    <t>POINT (4.651335514126108 51.828689505343256)</t>
  </si>
  <si>
    <t>POINT (4.568139591099026 51.83785363809)</t>
  </si>
  <si>
    <t>POINT (4.629360821798186 51.81352005603052)</t>
  </si>
  <si>
    <t>POINT (4.61444293787347 51.82053889639123)</t>
  </si>
  <si>
    <t>POINT (4.601919178718496 51.815007428665005)</t>
  </si>
  <si>
    <t>POINT (4.640508369278167 51.81386400810754)</t>
  </si>
  <si>
    <t>POINT (4.659191096277663 51.827197265610764)</t>
  </si>
  <si>
    <t>POINT (4.649314681967967 51.81265055200768)</t>
  </si>
  <si>
    <t>POINT (4.611783829943303 51.814535417778536)</t>
  </si>
  <si>
    <t>POINT (4.653373048020875 51.81816005186795)</t>
  </si>
  <si>
    <t>POINT (4.609303527783067 51.819598935245)</t>
  </si>
  <si>
    <t>POINT (4.629665877878981 51.81337755910436)</t>
  </si>
  <si>
    <t>POINT (4.647036242756927 51.82385416824701)</t>
  </si>
  <si>
    <t>POINT (4.656959586730822 51.823879608319835)</t>
  </si>
  <si>
    <t>POINT (4.617236330091492 51.821930757902585)</t>
  </si>
  <si>
    <t>POINT (4.652022531467702 51.82075172018719)</t>
  </si>
  <si>
    <t>POINT (4.655132213317395 51.81911846329184)</t>
  </si>
  <si>
    <t>POINT (4.612013314249946 51.81381120223618)</t>
  </si>
  <si>
    <t>POINT (4.617991219726534 51.818569677572135)</t>
  </si>
  <si>
    <t>POINT (4.620815030025742 51.81146728194126)</t>
  </si>
  <si>
    <t>POINT (4.612682349343493 51.81334789148374)</t>
  </si>
  <si>
    <t>POINT (4.605164658849269 51.82165216579843)</t>
  </si>
  <si>
    <t>POINT (4.6445072796886455 51.82491543281366)</t>
  </si>
  <si>
    <t>POINT (4.653192898291358 51.8209746300418)</t>
  </si>
  <si>
    <t>POINT (4.595793722891223 51.81533853914521)</t>
  </si>
  <si>
    <t>POINT (4.645546103124996 51.81531403743417)</t>
  </si>
  <si>
    <t>POINT (4.66292265644452 51.8228249096999)</t>
  </si>
  <si>
    <t>POINT (4.569614097567235 51.83866605363048)</t>
  </si>
  <si>
    <t>POINT (4.633003991437396 51.82603623724654)</t>
  </si>
  <si>
    <t>POINT (4.602968633707787 51.8196088559244)</t>
  </si>
  <si>
    <t>POINT (4.616563677367089 51.81543821618937)</t>
  </si>
  <si>
    <t>POINT (4.6476719761151974 51.82487703369244)</t>
  </si>
  <si>
    <t>POINT (4.605861155215665 51.82184541503272)</t>
  </si>
  <si>
    <t>POINT (4.654942286677159 51.81831381613788)</t>
  </si>
  <si>
    <t>POINT (4.645388434721762 51.81552520104106)</t>
  </si>
  <si>
    <t>POINT (4.658482771432991 51.82049450199669)</t>
  </si>
  <si>
    <t>POINT (4.618137005726657 51.82080413049522)</t>
  </si>
  <si>
    <t>POINT (4.65460771644658 51.82679153005296)</t>
  </si>
  <si>
    <t>POINT (4.6278066870315095 51.81504580241381)</t>
  </si>
  <si>
    <t>POINT (4.660240167384763 51.82534666357451)</t>
  </si>
  <si>
    <t>POINT (4.62980145807018 51.81493485610169)</t>
  </si>
  <si>
    <t>POINT (4.649674282418224 51.81795370369189)</t>
  </si>
  <si>
    <t>POINT (4.6312025918417214 51.80991971450268)</t>
  </si>
  <si>
    <t>POINT (4.612016504913452 51.81369058563261)</t>
  </si>
  <si>
    <t>POINT (4.642590932947916 51.82258544139801)</t>
  </si>
  <si>
    <t>POINT (4.640424958233083 51.81764225388367)</t>
  </si>
  <si>
    <t>POINT (4.622981178728977 51.81333214966559)</t>
  </si>
  <si>
    <t>POINT (4.613314096116539 51.81801118356704)</t>
  </si>
  <si>
    <t>POINT (4.620471901179058 51.81153419071648)</t>
  </si>
  <si>
    <t>POINT (4.636606622654001 51.821970338872674)</t>
  </si>
  <si>
    <t>POINT (4.56360855533429 51.83513778968873)</t>
  </si>
  <si>
    <t>POINT (4.560967231672482 51.83323382887452)</t>
  </si>
  <si>
    <t>POINT (4.647808193742635 51.824803186944635)</t>
  </si>
  <si>
    <t>POINT (4.648192360821904 51.82402150571846)</t>
  </si>
  <si>
    <t>POINT (4.645410042197162 51.81573860335794)</t>
  </si>
  <si>
    <t>POINT (4.642330100227075 51.82149279317591)</t>
  </si>
  <si>
    <t>POINT (4.633943781697994 51.80974996400982)</t>
  </si>
  <si>
    <t>POINT (4.611813335779552 51.813427024284)</t>
  </si>
  <si>
    <t>POINT (4.6179583401973625 51.819110169188164)</t>
  </si>
  <si>
    <t>POINT (4.654577206069431 51.817210343133624)</t>
  </si>
  <si>
    <t>POINT (4.651937268424501 51.82367473645384)</t>
  </si>
  <si>
    <t>POINT (4.6552253950850035 51.817560254243425)</t>
  </si>
  <si>
    <t>POINT (4.608869768555523 51.816253063207135)</t>
  </si>
  <si>
    <t>POINT (4.621335574938669 51.813028919674416)</t>
  </si>
  <si>
    <t>POINT (4.620704777286921 51.81393479198947)</t>
  </si>
  <si>
    <t>3332PA</t>
  </si>
  <si>
    <t>POINT (4.6487101646023135 51.824445686797006)</t>
  </si>
  <si>
    <t>POINT (4.630483925642915 51.81194368164458)</t>
  </si>
  <si>
    <t>POINT (4.62831105999951 51.81334188436972)</t>
  </si>
  <si>
    <t>POINT (4.5620668563006035 51.83247186581882)</t>
  </si>
  <si>
    <t>POINT (4.644908731277729 51.82094498216831)</t>
  </si>
  <si>
    <t>POINT (4.619908191916512 51.820296256758525)</t>
  </si>
  <si>
    <t>POINT (4.6449606124575995 51.81462599956435)</t>
  </si>
  <si>
    <t>POINT (4.659707385048541 51.821197031646996)</t>
  </si>
  <si>
    <t>POINT (4.562319777621324 51.83751223289317)</t>
  </si>
  <si>
    <t>POINT (4.570907697230176 51.835290921373684)</t>
  </si>
  <si>
    <t>POINT (4.611971481157313 51.81918297283471)</t>
  </si>
  <si>
    <t>POINT (4.634507006602658 51.82081835719649)</t>
  </si>
  <si>
    <t>POINT (4.6298704261498225 51.814996550253355)</t>
  </si>
  <si>
    <t>POINT (4.618540620513997 51.81825023180067)</t>
  </si>
  <si>
    <t>POINT (4.631539778022654 51.80967788776823)</t>
  </si>
  <si>
    <t>POINT (4.650147634935559 51.82503308994627)</t>
  </si>
  <si>
    <t>POINT (4.657177053167535 51.82096552904505)</t>
  </si>
  <si>
    <t>POINT (4.654137422190288 51.81618989806429)</t>
  </si>
  <si>
    <t>POINT (4.607561177703652 51.81844010690232)</t>
  </si>
  <si>
    <t>POINT (4.613370542021381 51.82134090486076)</t>
  </si>
  <si>
    <t>POINT (4.639142847700543 51.80911786953128)</t>
  </si>
  <si>
    <t>POINT (4.6429166727833975 51.81806708607549)</t>
  </si>
  <si>
    <t>POINT (4.636995386646967 51.81762506400695)</t>
  </si>
  <si>
    <t>POINT (4.5705243333689936 51.82777614495238)</t>
  </si>
  <si>
    <t>POINT (4.625988324573571 51.81278749088619)</t>
  </si>
  <si>
    <t>POINT (4.604370509481419 51.81358330825686)</t>
  </si>
  <si>
    <t>POINT (4.631120135849669 51.80677561437383)</t>
  </si>
  <si>
    <t>POINT (4.607660455166447 51.81333761445232)</t>
  </si>
  <si>
    <t>POINT (4.652422093696382 51.82424807728015)</t>
  </si>
  <si>
    <t>POINT (4.654725427834751 51.816582141352)</t>
  </si>
  <si>
    <t>POINT (4.60279539504109 51.8165433505689)</t>
  </si>
  <si>
    <t>POINT (4.620991060088307 51.81512905966777)</t>
  </si>
  <si>
    <t>POINT (4.615377543025467 51.81309870183829)</t>
  </si>
  <si>
    <t>POINT (4.651269730525925 51.81477651030476)</t>
  </si>
  <si>
    <t>POINT (4.634425783850603 51.81043160571447)</t>
  </si>
  <si>
    <t>POINT (4.6326432800699315 51.825933056790106)</t>
  </si>
  <si>
    <t>POINT (4.621843783524086 51.81502800888908)</t>
  </si>
  <si>
    <t>POINT (4.59591521675179 51.81591010732154)</t>
  </si>
  <si>
    <t>POINT (4.614954808754447 51.81854988066428)</t>
  </si>
  <si>
    <t>POINT (4.642075572869113 51.821617225933494)</t>
  </si>
  <si>
    <t>POINT (4.616514288006179 51.81929337737951)</t>
  </si>
  <si>
    <t>POINT (4.624860673192103 51.81514021135436)</t>
  </si>
  <si>
    <t>POINT (4.613330065922345 51.81803307752963)</t>
  </si>
  <si>
    <t>POINT (4.645020573520989 51.82450211704735)</t>
  </si>
  <si>
    <t>POINT (4.645085129775438 51.814532720353085)</t>
  </si>
  <si>
    <t>POINT (4.648927487400932 51.82450690958623)</t>
  </si>
  <si>
    <t>POINT (4.616444967496557 51.817198551240836)</t>
  </si>
  <si>
    <t>POINT (4.633619110184405 51.82052677396771)</t>
  </si>
  <si>
    <t>POINT (4.635191982887461 51.80876593091514)</t>
  </si>
  <si>
    <t>POINT (4.569273075353096 51.834155249233405)</t>
  </si>
  <si>
    <t>POINT (4.633608124955653 51.82004820803271)</t>
  </si>
  <si>
    <t>POINT (4.566887530569137 51.83733846996246)</t>
  </si>
  <si>
    <t>POINT (4.640568837696039 51.81838279510113)</t>
  </si>
  <si>
    <t>POINT (4.645095337477348 51.82444037010704)</t>
  </si>
  <si>
    <t>POINT (4.632940639454952 51.81365967593045)</t>
  </si>
  <si>
    <t>POINT (4.635273225380071 51.815278903892604)</t>
  </si>
  <si>
    <t>POINT (4.652126187380586 51.81771397865223)</t>
  </si>
  <si>
    <t>POINT (4.627454628941989 51.81328106227526)</t>
  </si>
  <si>
    <t>POINT (4.638956344393281 51.80862641843199)</t>
  </si>
  <si>
    <t>POINT (4.626738528888376 51.80782830076229)</t>
  </si>
  <si>
    <t>POINT (4.6322178403511325 51.80919231359926)</t>
  </si>
  <si>
    <t>POINT (4.561008565063441 51.836048290968776)</t>
  </si>
  <si>
    <t>POINT (4.594232154236125 51.81391221726424)</t>
  </si>
  <si>
    <t>POINT (4.629060564484875 51.811434119915745)</t>
  </si>
  <si>
    <t>POINT (4.658286178117582 51.82295743673052)</t>
  </si>
  <si>
    <t>POINT (4.61272814040461 51.813632785712706)</t>
  </si>
  <si>
    <t>POINT (4.616279316193314 51.81382198333469)</t>
  </si>
  <si>
    <t>POINT (4.629837846648091 51.80425157357984)</t>
  </si>
  <si>
    <t>POINT (4.659489062475695 51.82765628596793)</t>
  </si>
  <si>
    <t>POINT (4.630150075881169 51.80903958554174)</t>
  </si>
  <si>
    <t>POINT (4.568101061537968 51.835616161325305)</t>
  </si>
  <si>
    <t>POINT (4.629003330522005 51.812723072942795)</t>
  </si>
  <si>
    <t>POINT (4.61160641980678 51.81989066069291)</t>
  </si>
  <si>
    <t>POINT (4.602327418693048 51.81905227502493)</t>
  </si>
  <si>
    <t>POINT (4.641149571084884 51.82338029954347)</t>
  </si>
  <si>
    <t>POINT (4.652303055876673 51.8215492899631)</t>
  </si>
  <si>
    <t>POINT (4.648819664514058 51.81856854037234)</t>
  </si>
  <si>
    <t>POINT (4.6429371958285275 51.81521651472534)</t>
  </si>
  <si>
    <t>POINT (4.629424208636038 51.81120012851799)</t>
  </si>
  <si>
    <t>POINT (4.643582420072075 51.825789793924756)</t>
  </si>
  <si>
    <t>POINT (4.609643280824121 51.819095777869194)</t>
  </si>
  <si>
    <t>POINT (4.6474183419668655 51.82649505181387)</t>
  </si>
  <si>
    <t>POINT (4.60902785316662 51.82082511979202)</t>
  </si>
  <si>
    <t>POINT (4.639942648340723 51.817271824861784)</t>
  </si>
  <si>
    <t>POINT (4.6394594702991165 51.825794548871805)</t>
  </si>
  <si>
    <t>POINT (4.646196318283905 51.82647950530636)</t>
  </si>
  <si>
    <t>POINT (4.652340779898832 51.821504097373236)</t>
  </si>
  <si>
    <t>POINT (4.644018788763608 51.81710053205823)</t>
  </si>
  <si>
    <t>POINT (4.561696011667519 51.83238999559279)</t>
  </si>
  <si>
    <t>POINT (4.604454958786824 51.814429288770135)</t>
  </si>
  <si>
    <t>POINT (4.649091790050077 51.8256700983585)</t>
  </si>
  <si>
    <t>POINT (4.601467865623205 51.818940726082495)</t>
  </si>
  <si>
    <t>POINT (4.635754627319651 51.81834343092366)</t>
  </si>
  <si>
    <t>POINT (4.60003094161029 51.816696354431876)</t>
  </si>
  <si>
    <t>POINT (4.65030081029688 51.82027110217948)</t>
  </si>
  <si>
    <t>POINT (4.660062764553756 51.820302370870984)</t>
  </si>
  <si>
    <t>POINT (4.6539230601808175 51.82028898937335)</t>
  </si>
  <si>
    <t>POINT (4.655098080306316 51.81744791954576)</t>
  </si>
  <si>
    <t>POINT (4.658606944525748 51.82212398501699)</t>
  </si>
  <si>
    <t>POINT (4.633506272022046 51.82442886949868)</t>
  </si>
  <si>
    <t>POINT (4.616866741068115 51.82045590062907)</t>
  </si>
  <si>
    <t>POINT (4.637089908121684 51.82330324284215)</t>
  </si>
  <si>
    <t>POINT (4.615636810961433 51.82012079392086)</t>
  </si>
  <si>
    <t>POINT (4.635252680394857 51.819332002005304)</t>
  </si>
  <si>
    <t>POINT (4.629469742498663 51.8207491349913)</t>
  </si>
  <si>
    <t>POINT (4.63939911499082 51.82360691073749)</t>
  </si>
  <si>
    <t>POINT (4.612946710620814 51.82033365647843)</t>
  </si>
  <si>
    <t>POINT (4.643792302112021 51.82016287512377)</t>
  </si>
  <si>
    <t>POINT (4.646326824978186 51.82563018864064)</t>
  </si>
  <si>
    <t>POINT (4.637604607370561 51.80893611730393)</t>
  </si>
  <si>
    <t>POINT (4.640886922344566 51.82557285833113)</t>
  </si>
  <si>
    <t>POINT (4.6563465224789065 51.826447901425425)</t>
  </si>
  <si>
    <t>POINT (4.657575711517043 51.82632022419597)</t>
  </si>
  <si>
    <t>POINT (4.654914327615111 51.81736539858585)</t>
  </si>
  <si>
    <t>POINT (4.562487524611272 51.836694455750454)</t>
  </si>
  <si>
    <t>POINT (4.638682380343756 51.824643061550724)</t>
  </si>
  <si>
    <t>POINT (4.640467009196724 51.82031053663724)</t>
  </si>
  <si>
    <t>POINT (4.612054363786481 51.821167168614465)</t>
  </si>
  <si>
    <t>POINT (4.639215578973031 51.825637166997616)</t>
  </si>
  <si>
    <t>POINT (4.570040880546866 51.83860672421122)</t>
  </si>
  <si>
    <t>POINT (4.642701195103444 51.8223223588215)</t>
  </si>
  <si>
    <t>POINT (4.635962835446446 51.82132806750437)</t>
  </si>
  <si>
    <t>POINT (4.656094426864168 51.82097020569272)</t>
  </si>
  <si>
    <t>POINT (4.631045032450491 51.81056765733366)</t>
  </si>
  <si>
    <t>POINT (4.64118991093122 51.81377784442461)</t>
  </si>
  <si>
    <t>POINT (4.568781906901352 51.834762880620005)</t>
  </si>
  <si>
    <t>POINT (4.633368164669372 51.816306792024804)</t>
  </si>
  <si>
    <t>POINT (4.658049407656712 51.82169598749702)</t>
  </si>
  <si>
    <t>POINT (4.609659757198588 51.81475706594439)</t>
  </si>
  <si>
    <t>POINT (4.60802356508629 51.815245492540235)</t>
  </si>
  <si>
    <t>POINT (4.608344328997646 51.82597521115654)</t>
  </si>
  <si>
    <t>POINT (4.606575445417378 51.81404520367651)</t>
  </si>
  <si>
    <t>POINT (4.65185719791911 51.81494304090498)</t>
  </si>
  <si>
    <t>POINT (4.643353898156068 51.81639023982635)</t>
  </si>
  <si>
    <t>POINT (4.601397197180844 51.811596898273855)</t>
  </si>
  <si>
    <t>POINT (4.637303402359149 51.81496483138417)</t>
  </si>
  <si>
    <t>POINT (4.661856792446791 51.82647034302197)</t>
  </si>
  <si>
    <t>POINT (4.603872935452751 51.81292395424908)</t>
  </si>
  <si>
    <t>POINT (4.662056098733483 51.82528008161145)</t>
  </si>
  <si>
    <t>POINT (4.639639554011589 51.81798206898296)</t>
  </si>
  <si>
    <t>POINT (4.617150144911477 51.81807270390623)</t>
  </si>
  <si>
    <t>POINT (4.618637378866172 51.82148672113343)</t>
  </si>
  <si>
    <t>POINT (4.6182081523858525 51.8137423964123)</t>
  </si>
  <si>
    <t>POINT (4.644968802637366 51.81455664066402)</t>
  </si>
  <si>
    <t>POINT (4.633877383978825 51.81271633279359)</t>
  </si>
  <si>
    <t>POINT (4.563068699432496 51.83474562396741)</t>
  </si>
  <si>
    <t>POINT (4.564962365896861 51.83688965863154)</t>
  </si>
  <si>
    <t>POINT (4.62058575395473 51.81366883836682)</t>
  </si>
  <si>
    <t>POINT (4.6446379830880575 51.81490542156347)</t>
  </si>
  <si>
    <t>POINT (4.560442379880007 51.83610714512036)</t>
  </si>
  <si>
    <t>POINT (4.618328558109107 51.82174428341308)</t>
  </si>
  <si>
    <t>POINT (4.643077713670739 51.81920447570188)</t>
  </si>
  <si>
    <t>POINT (4.634282148940455 51.80957278384037)</t>
  </si>
  <si>
    <t>POINT (4.611206868873883 51.813738645646495)</t>
  </si>
  <si>
    <t>POINT (4.64863234838486 51.81981750826765)</t>
  </si>
  <si>
    <t>POINT (4.626461978119664 51.81432480971204)</t>
  </si>
  <si>
    <t>POINT (4.565320886526589 51.837551583507526)</t>
  </si>
  <si>
    <t>POINT (4.603371663152452 51.81945620517511)</t>
  </si>
  <si>
    <t>POINT (4.6650991643594155 51.82234655043453)</t>
  </si>
  <si>
    <t>POINT (4.628069959915467 51.81224471787398)</t>
  </si>
  <si>
    <t>POINT (4.638212131613324 51.825447803310645)</t>
  </si>
  <si>
    <t>POINT (4.658471636981698 51.82626993436182)</t>
  </si>
  <si>
    <t>POINT (4.654539108588412 51.816408827034316)</t>
  </si>
  <si>
    <t>POINT (4.660855684407057 51.82291926342531)</t>
  </si>
  <si>
    <t>POINT (4.655963210405872 51.820942080631916)</t>
  </si>
  <si>
    <t>POINT (4.614868450813406 51.82141959813956)</t>
  </si>
  <si>
    <t>POINT (4.566175849322314 51.835063468267855)</t>
  </si>
  <si>
    <t>POINT (4.6516673190721605 51.824473055456515)</t>
  </si>
  <si>
    <t>POINT (4.604640609671991 51.82186781782422)</t>
  </si>
  <si>
    <t>POINT (4.659796072369766 51.82216735143933)</t>
  </si>
  <si>
    <t>POINT (4.636461679159362 51.82014305274879)</t>
  </si>
  <si>
    <t>POINT (4.6275484533723406 51.808490792910064)</t>
  </si>
  <si>
    <t>POINT (4.659336346153586 51.81933022804696)</t>
  </si>
  <si>
    <t>POINT (4.617981822199366 51.81414652904184)</t>
  </si>
  <si>
    <t>POINT (4.638900535140462 51.82288426028104)</t>
  </si>
  <si>
    <t>POINT (4.654991280511552 51.82107104904571)</t>
  </si>
  <si>
    <t>POINT (4.606161298870507 51.82156626355052)</t>
  </si>
  <si>
    <t>POINT (4.631362475927229 51.81726304461523)</t>
  </si>
  <si>
    <t>POINT (4.568633790478066 51.834538055120724)</t>
  </si>
  <si>
    <t>POINT (4.63359490210878 51.80833141777614)</t>
  </si>
  <si>
    <t>POINT (4.617400504623241 51.82031925982699)</t>
  </si>
  <si>
    <t>POINT (4.649794821402449 51.82500742243932)</t>
  </si>
  <si>
    <t>POINT (4.560592988380359 51.83666869021887)</t>
  </si>
  <si>
    <t>POINT (4.622361495168393 51.81312130909232)</t>
  </si>
  <si>
    <t>POINT (4.654517303838385 51.81821529945472)</t>
  </si>
  <si>
    <t>POINT (4.64376961481201 51.81542206806295)</t>
  </si>
  <si>
    <t>POINT (4.606599544373073 51.82206483524319)</t>
  </si>
  <si>
    <t>POINT (4.60708269244147 51.82150584810213)</t>
  </si>
  <si>
    <t>POINT (4.650131326475062 51.82700237993537)</t>
  </si>
  <si>
    <t>POINT (4.563689595115964 51.83355943060723)</t>
  </si>
  <si>
    <t>POINT (4.558204332459774 51.832283356739396)</t>
  </si>
  <si>
    <t>POINT (4.6333050309720765 51.80933253414979)</t>
  </si>
  <si>
    <t>POINT (4.637276739057549 51.81488332224514)</t>
  </si>
  <si>
    <t>POINT (4.660055983711452 51.82764474331648)</t>
  </si>
  <si>
    <t>POINT (4.607122724440338 51.813201187722065)</t>
  </si>
  <si>
    <t>POINT (4.617827963588808 51.81459363504784)</t>
  </si>
  <si>
    <t>POINT (4.6346525451742115 51.8216601920578)</t>
  </si>
  <si>
    <t>POINT (4.6322382431912805 51.81017265483586)</t>
  </si>
  <si>
    <t>POINT (4.603784908844399 51.82179577235265)</t>
  </si>
  <si>
    <t>POINT (4.641298136361508 51.81657952731982)</t>
  </si>
  <si>
    <t>POINT (4.627642443552528 51.80801235667383)</t>
  </si>
  <si>
    <t>POINT (4.654607812070344 51.81718065580508)</t>
  </si>
  <si>
    <t>POINT (4.617439338966347 51.81956981088006)</t>
  </si>
  <si>
    <t>POINT (4.5711715043778955 51.82799387717268)</t>
  </si>
  <si>
    <t>POINT (4.613455862898607 51.818004828466215)</t>
  </si>
  <si>
    <t>POINT (4.615259948552879 51.81636266782392)</t>
  </si>
  <si>
    <t>POINT (4.606172736957763 51.815741429947984)</t>
  </si>
  <si>
    <t>POINT (4.639548359361975 51.823787185885124)</t>
  </si>
  <si>
    <t>POINT (4.644934301251415 51.82247939594201)</t>
  </si>
  <si>
    <t>POINT (4.6083025141209495 51.825760795504905)</t>
  </si>
  <si>
    <t>POINT (4.563261236570549 51.83517323097708)</t>
  </si>
  <si>
    <t>POINT (4.642171863006938 51.818735020094145)</t>
  </si>
  <si>
    <t>POINT (4.657825753303106 51.82250745274902)</t>
  </si>
  <si>
    <t>POINT (4.637563320350105 51.81224276236033)</t>
  </si>
  <si>
    <t>POINT (4.660093931336276 51.8249978692587)</t>
  </si>
  <si>
    <t>POINT (4.644596202779945 51.81978890241399)</t>
  </si>
  <si>
    <t>POINT (4.654773608179358 51.81923322256856)</t>
  </si>
  <si>
    <t>POINT (4.640182298100997 51.81710933379705)</t>
  </si>
  <si>
    <t>POINT (4.647271937134154 51.826162347804996)</t>
  </si>
  <si>
    <t>POINT (4.653333981243355 51.82210355568723)</t>
  </si>
  <si>
    <t>POINT (4.634996138339121 51.80726988905474)</t>
  </si>
  <si>
    <t>POINT (4.635949338803017 51.818286970030634)</t>
  </si>
  <si>
    <t>POINT (4.635782674124874 51.81658957359647)</t>
  </si>
  <si>
    <t>POINT (4.632577849747352 51.807742952309155)</t>
  </si>
  <si>
    <t>POINT (4.615963714675381 51.82114457287913)</t>
  </si>
  <si>
    <t>POINT (4.630937023168252 51.810141660401946)</t>
  </si>
  <si>
    <t>POINT (4.641268237599444 51.818342577669505)</t>
  </si>
  <si>
    <t>POINT (4.634502503967618 51.810089717938766)</t>
  </si>
  <si>
    <t>POINT (4.622007036401507 51.82725536156267)</t>
  </si>
  <si>
    <t>POINT (4.639005214281588 51.82545086598629)</t>
  </si>
  <si>
    <t>POINT (4.650006428061181 51.82673527005034)</t>
  </si>
  <si>
    <t>POINT (4.630773820843031 51.818360089527225)</t>
  </si>
  <si>
    <t>POINT (4.6483045267056005 51.81320589041915)</t>
  </si>
  <si>
    <t>POINT (4.652045010962503 51.81727821106389)</t>
  </si>
  <si>
    <t>POINT (4.634432210622749 51.81667273864294)</t>
  </si>
  <si>
    <t>POINT (4.56758626076589 51.83653925356442)</t>
  </si>
  <si>
    <t>POINT (4.638081010219922 51.825523792847946)</t>
  </si>
  <si>
    <t>POINT (4.627214889003182 51.80848085776176)</t>
  </si>
  <si>
    <t>POINT (4.649407711928882 51.826719652164776)</t>
  </si>
  <si>
    <t>POINT (4.567986179525882 51.834299326672465)</t>
  </si>
  <si>
    <t>POINT (4.620973480317198 51.81492697743545)</t>
  </si>
  <si>
    <t>POINT (4.6528509714880455 51.824558560659085)</t>
  </si>
  <si>
    <t>POINT (4.613759052405883 51.81499194717332)</t>
  </si>
  <si>
    <t>POINT (4.625692452108444 51.80789285117248)</t>
  </si>
  <si>
    <t>POINT (4.624608097265201 51.81255421629122)</t>
  </si>
  <si>
    <t>POINT (4.650293278970338 51.82644161346977)</t>
  </si>
  <si>
    <t>POINT (4.6087461871249715 51.82572464700211)</t>
  </si>
  <si>
    <t>POINT (4.649226145153742 51.81777498698905)</t>
  </si>
  <si>
    <t>POINT (4.632016852997942 51.80726713909263)</t>
  </si>
  <si>
    <t>POINT (4.6396144041430185 51.82587889687368)</t>
  </si>
  <si>
    <t>POINT (4.66101257471759 51.82492764715053)</t>
  </si>
  <si>
    <t>POINT (4.6552035950188815 51.81757730463566)</t>
  </si>
  <si>
    <t>POINT (4.558884541380707 51.834522421390425)</t>
  </si>
  <si>
    <t>POINT (4.61929275308068 51.81512843091263)</t>
  </si>
  <si>
    <t>POINT (4.625534733023334 51.8131006717791)</t>
  </si>
  <si>
    <t>POINT (4.655047430843473 51.82412740586146)</t>
  </si>
  <si>
    <t>POINT (4.657252836568575 51.828710191774846)</t>
  </si>
  <si>
    <t>POINT (4.635284929800149 51.81939854521774)</t>
  </si>
  <si>
    <t>POINT (4.5660347076470424 51.83714092143247)</t>
  </si>
  <si>
    <t>POINT (4.6498447911464735 51.816551631953544)</t>
  </si>
  <si>
    <t>POINT (4.62051223553351 51.81345516366955)</t>
  </si>
  <si>
    <t>POINT (4.645557202457667 51.819256017295395)</t>
  </si>
  <si>
    <t>POINT (4.608532942773337 51.81533814052375)</t>
  </si>
  <si>
    <t>POINT (4.615307857720135 51.81299636530542)</t>
  </si>
  <si>
    <t>POINT (4.627173498166257 51.8134672497568)</t>
  </si>
  <si>
    <t>POINT (4.64510590704554 51.82509787825621)</t>
  </si>
  <si>
    <t>POINT (4.656859199535041 51.82104519571117)</t>
  </si>
  <si>
    <t>POINT (4.612551293449243 51.8144534934772)</t>
  </si>
  <si>
    <t>POINT (4.6425580867633425 51.818340836209764)</t>
  </si>
  <si>
    <t>POINT (4.6426231099271895 51.81614110409854)</t>
  </si>
  <si>
    <t>POINT (4.640995247945865 51.822654012174816)</t>
  </si>
  <si>
    <t>POINT (4.560940222371441 51.83402862197179)</t>
  </si>
  <si>
    <t>POINT (4.641198049846613 51.82474905453123)</t>
  </si>
  <si>
    <t>POINT (4.648852197549702 51.82445143425051)</t>
  </si>
  <si>
    <t>POINT (4.63436251764356 51.80859287392315)</t>
  </si>
  <si>
    <t>POINT (4.6090670383474786 51.82138588022561)</t>
  </si>
  <si>
    <t>POINT (4.630745141770641 51.81032329895952)</t>
  </si>
  <si>
    <t>POINT (4.636143938016944 51.810023067175095)</t>
  </si>
  <si>
    <t>POINT (4.562775162666263 51.835278555138906)</t>
  </si>
  <si>
    <t>POINT (4.61977208454327 51.81022886730024)</t>
  </si>
  <si>
    <t>POINT (4.640558982321951 51.82571561639085)</t>
  </si>
  <si>
    <t>POINT (4.656728097847685 51.81923961494611)</t>
  </si>
  <si>
    <t>POINT (4.634904565478079 51.82381546308607)</t>
  </si>
  <si>
    <t>POINT (4.641334591438804 51.825761527055874)</t>
  </si>
  <si>
    <t>POINT (4.599893725923267 51.813380496390835)</t>
  </si>
  <si>
    <t>POINT (4.621016440725868 51.815070987488305)</t>
  </si>
  <si>
    <t>POINT (4.651965424659145 51.81521733466797)</t>
  </si>
  <si>
    <t>POINT (4.617107281734787 51.819897392459175)</t>
  </si>
  <si>
    <t>POINT (4.65424327809895 51.82176758701315)</t>
  </si>
  <si>
    <t>POINT (4.658542634343075 51.82979567703341)</t>
  </si>
  <si>
    <t>POINT (4.568645579870943 51.82299496455239)</t>
  </si>
  <si>
    <t>POINT (4.629874274171621 51.82122914495015)</t>
  </si>
  <si>
    <t>POINT (4.6397830714629835 51.81371923013393)</t>
  </si>
  <si>
    <t>POINT (4.654781912020326 51.81741623024384)</t>
  </si>
  <si>
    <t>POINT (4.65538057818637 51.82892742143045)</t>
  </si>
  <si>
    <t>POINT (4.642972637935063 51.821117402788566)</t>
  </si>
  <si>
    <t>POINT (4.644406836559358 51.81527529072376)</t>
  </si>
  <si>
    <t>POINT (4.653909792346306 51.82190071164574)</t>
  </si>
  <si>
    <t>POINT (4.6393588997871245 51.824158892642686)</t>
  </si>
  <si>
    <t>POINT (4.608445904206141 51.821872508598666)</t>
  </si>
  <si>
    <t>POINT (4.651023864873043 51.82579057281652)</t>
  </si>
  <si>
    <t>POINT (4.566180936416425 51.832752389211194)</t>
  </si>
  <si>
    <t>POINT (4.650878788048272 51.82560594321815)</t>
  </si>
  <si>
    <t>POINT (4.611083028521261 51.822104555675395)</t>
  </si>
  <si>
    <t>POINT (4.629622192172145 51.811332489225194)</t>
  </si>
  <si>
    <t>POINT (4.653379375864164 51.82012607811993)</t>
  </si>
  <si>
    <t>POINT (4.616692253366864 51.81369317236739)</t>
  </si>
  <si>
    <t>POINT (4.6199574317201835 51.81251647720697)</t>
  </si>
  <si>
    <t>POINT (4.634940899981172 51.82122661918039)</t>
  </si>
  <si>
    <t>POINT (4.607073037524807 51.816185672641005)</t>
  </si>
  <si>
    <t>POINT (4.637685339419558 51.811520436477146)</t>
  </si>
  <si>
    <t>POINT (4.601758647448928 51.818949584855794)</t>
  </si>
  <si>
    <t>POINT (4.609339374767306 51.816530755386914)</t>
  </si>
  <si>
    <t>POINT (4.611215601876155 51.8189967109019)</t>
  </si>
  <si>
    <t>POINT (4.611426326253956 51.80961190649266)</t>
  </si>
  <si>
    <t>POINT (4.64135328690932 51.825683695970866)</t>
  </si>
  <si>
    <t>POINT (4.65391490979165 51.818000231211045)</t>
  </si>
  <si>
    <t>POINT (4.630803593020923 51.81216980414017)</t>
  </si>
  <si>
    <t>POINT (4.604382454507624 51.814428796150814)</t>
  </si>
  <si>
    <t>POINT (4.614521252556731 51.81298774593295)</t>
  </si>
  <si>
    <t>POINT (4.618104643473515 51.821989241831375)</t>
  </si>
  <si>
    <t>POINT (4.638220045695258 51.82542286525619)</t>
  </si>
  <si>
    <t>POINT (4.608536772068662 51.81512568142002)</t>
  </si>
  <si>
    <t>POINT (4.610695050933163 51.81866590765189)</t>
  </si>
  <si>
    <t>POINT (4.651387055771995 51.8178793318811)</t>
  </si>
  <si>
    <t>POINT (4.651843002646134 51.823584618649775)</t>
  </si>
  <si>
    <t>POINT (4.639371224656054 51.81014931392494)</t>
  </si>
  <si>
    <t>POINT (4.6314898540188345 51.80800791286997)</t>
  </si>
  <si>
    <t>POINT (4.633310229445353 51.8093685313792)</t>
  </si>
  <si>
    <t>POINT (4.566863157492381 51.837536681185675)</t>
  </si>
  <si>
    <t>POINT (4.6384723956154055 51.82399684663157)</t>
  </si>
  <si>
    <t>POINT (4.616143805467414 51.818463514639184)</t>
  </si>
  <si>
    <t>POINT (4.6454332012835025 51.81937712925267)</t>
  </si>
  <si>
    <t>POINT (4.656447318042094 51.82160576362201)</t>
  </si>
  <si>
    <t>POINT (4.655208220776406 51.82334889276927)</t>
  </si>
  <si>
    <t>POINT (4.638543634578611 51.81002066690597)</t>
  </si>
  <si>
    <t>POINT (4.650181733827236 51.81821904660285)</t>
  </si>
  <si>
    <t>POINT (4.62823084618263 51.813711574653006)</t>
  </si>
  <si>
    <t>POINT (4.630824443010188 51.812993789702425)</t>
  </si>
  <si>
    <t>POINT (4.620590475455094 51.81325983761384)</t>
  </si>
  <si>
    <t>POINT (4.565082282033034 51.83570295941675)</t>
  </si>
  <si>
    <t>POINT (4.652240913565713 51.81987362625697)</t>
  </si>
  <si>
    <t>POINT (4.632936815222841 51.81151403787841)</t>
  </si>
  <si>
    <t>POINT (4.6443230126361 51.81962626697989)</t>
  </si>
  <si>
    <t>POINT (4.654496789810513 51.82442055110441)</t>
  </si>
  <si>
    <t>POINT (4.633041280082194 51.80956627165553)</t>
  </si>
  <si>
    <t>POINT (4.659601240134868 51.829159652851864)</t>
  </si>
  <si>
    <t>POINT (4.642920234806333 51.81640020034932)</t>
  </si>
  <si>
    <t>POINT (4.565645211778261 51.83862116801633)</t>
  </si>
  <si>
    <t>POINT (4.65175777529797 51.82871241224122)</t>
  </si>
  <si>
    <t>POINT (4.608884012844325 51.81421507182299)</t>
  </si>
  <si>
    <t>POINT (4.635929750132722 51.81169092589154)</t>
  </si>
  <si>
    <t>POINT (4.615196662578507 51.82243089340995)</t>
  </si>
  <si>
    <t>POINT (4.656497911925814 51.821590483263485)</t>
  </si>
  <si>
    <t>POINT (4.559110333439695 51.83587774747131)</t>
  </si>
  <si>
    <t>POINT (4.6422699117646316 51.82285008973605)</t>
  </si>
  <si>
    <t>POINT (4.653258817634326 51.82210704969656)</t>
  </si>
  <si>
    <t>POINT (4.622502194209332 51.812081674184114)</t>
  </si>
  <si>
    <t>POINT (4.566527158620652 51.83474027158704)</t>
  </si>
  <si>
    <t>POINT (4.634183773821618 51.82577822318835)</t>
  </si>
  <si>
    <t>POINT (4.643935555099524 51.82113083056057)</t>
  </si>
  <si>
    <t>POINT (4.608779998247666 51.813458474835066)</t>
  </si>
  <si>
    <t>POINT (4.618539966423739 51.81873342483564)</t>
  </si>
  <si>
    <t>POINT (4.598360691471801 51.81329115420082)</t>
  </si>
  <si>
    <t>POINT (4.602200306394358 51.81319892460915)</t>
  </si>
  <si>
    <t>POINT (4.6358711366424 51.82136460383464)</t>
  </si>
  <si>
    <t>POINT (4.632696701208072 51.824793103457324)</t>
  </si>
  <si>
    <t>POINT (4.654531323519734 51.816405066105446)</t>
  </si>
  <si>
    <t>POINT (4.637755389182499 51.82008323169421)</t>
  </si>
  <si>
    <t>POINT (4.609925823986109 51.819100588791)</t>
  </si>
  <si>
    <t>POINT (4.6298466885823215 51.81215272002543)</t>
  </si>
  <si>
    <t>POINT (4.634492273941566 51.80596061603859)</t>
  </si>
  <si>
    <t>POINT (4.616518986806954 51.815293572865485)</t>
  </si>
  <si>
    <t>POINT (4.637922833462265 51.82384434305824)</t>
  </si>
  <si>
    <t>POINT (4.611173579669355 51.81369099200734)</t>
  </si>
  <si>
    <t>POINT (4.6296348687117685 51.81498300298645)</t>
  </si>
  <si>
    <t>POINT (4.618416703193336 51.821133772286004)</t>
  </si>
  <si>
    <t>POINT (4.633195937253654 51.82053918404802)</t>
  </si>
  <si>
    <t>POINT (4.633475034227396 51.81282518224132)</t>
  </si>
  <si>
    <t>POINT (4.641352072971577 51.82580437934452)</t>
  </si>
  <si>
    <t>POINT (4.597921457392784 51.814326912395956)</t>
  </si>
  <si>
    <t>POINT (4.633472036153169 51.82010426854655)</t>
  </si>
  <si>
    <t>POINT (4.653269188153057 51.817221073663355)</t>
  </si>
  <si>
    <t>POINT (4.61327628364554 51.81580387970683)</t>
  </si>
  <si>
    <t>POINT (4.573341703943049 51.82876747828369)</t>
  </si>
  <si>
    <t>POINT (4.6279854534299085 51.807717751086535)</t>
  </si>
  <si>
    <t>POINT (4.597681055155245 51.8142337988984)</t>
  </si>
  <si>
    <t>POINT (4.64145371360984 51.8242231601224)</t>
  </si>
  <si>
    <t>POINT (4.659061314336871 51.83052407421734)</t>
  </si>
  <si>
    <t>POINT (4.633829461850722 51.80555688588705)</t>
  </si>
  <si>
    <t>POINT (4.657666603425942 51.82842190876978)</t>
  </si>
  <si>
    <t>POINT (4.6400098181646765 51.818468549047765)</t>
  </si>
  <si>
    <t>POINT (4.631931770763669 51.80992103922055)</t>
  </si>
  <si>
    <t>POINT (4.656185508216092 51.82295251567561)</t>
  </si>
  <si>
    <t>POINT (4.604638469974877 51.820666083078564)</t>
  </si>
  <si>
    <t>POINT (4.636262467945241 51.810007520237896)</t>
  </si>
  <si>
    <t>POINT (4.6446482313162525 51.814821208406535)</t>
  </si>
  <si>
    <t>POINT (4.644672475537717 51.819886939242664)</t>
  </si>
  <si>
    <t>POINT (4.61978477058346 51.83014338603192)</t>
  </si>
  <si>
    <t>POINT (4.608578526147838 51.8159082293419)</t>
  </si>
  <si>
    <t>POINT (4.6421402490905335 51.81624615559719)</t>
  </si>
  <si>
    <t>POINT (4.634853990156773 51.81009098321838)</t>
  </si>
  <si>
    <t>POINT (4.610010842534569 51.81968547263012)</t>
  </si>
  <si>
    <t>POINT (4.616693549829656 51.82077538215862)</t>
  </si>
  <si>
    <t>POINT (4.5991523789099835 51.813341084458976)</t>
  </si>
  <si>
    <t>POINT (4.65501927403605 51.82105678786572)</t>
  </si>
  <si>
    <t>POINT (4.6582301525313765 51.82590211954893)</t>
  </si>
  <si>
    <t>POINT (4.600476501103625 51.81567731424172)</t>
  </si>
  <si>
    <t>POINT (4.653596857921986 51.81581953017049)</t>
  </si>
  <si>
    <t>POINT (4.652450514606775 51.82159359256045)</t>
  </si>
  <si>
    <t>POINT (4.635660041509511 51.82525348701701)</t>
  </si>
  <si>
    <t>POINT (4.634776105938735 51.81014825427676)</t>
  </si>
  <si>
    <t>POINT (4.564863311312664 51.83255787184106)</t>
  </si>
  <si>
    <t>POINT (4.656619470580958 51.81752988499236)</t>
  </si>
  <si>
    <t>POINT (4.659799521543141 51.82005719147534)</t>
  </si>
  <si>
    <t>POINT (4.650996331954964 51.814179438636444)</t>
  </si>
  <si>
    <t>POINT (4.6014017306730235 51.81917182396394)</t>
  </si>
  <si>
    <t>POINT (4.591873786600655 51.81264044898534)</t>
  </si>
  <si>
    <t>POINT (4.630474682732066 51.80311362973904)</t>
  </si>
  <si>
    <t>POINT (4.655441791735837 51.81755640825192)</t>
  </si>
  <si>
    <t>POINT (4.610449113904811 51.82116786341123)</t>
  </si>
  <si>
    <t>POINT (4.637229128979583 51.82290584355607)</t>
  </si>
  <si>
    <t>POINT (4.556465519059036 51.83108792739689)</t>
  </si>
  <si>
    <t>POINT (4.648891114987671 51.82457725991912)</t>
  </si>
  <si>
    <t>POINT (4.663455369054928 51.821059216366834)</t>
  </si>
  <si>
    <t>POINT (4.655076098048259 51.81746547214425)</t>
  </si>
  <si>
    <t>POINT (4.632877842268924 51.82030586079314)</t>
  </si>
  <si>
    <t>POINT (4.61902818846097 51.8213876263548)</t>
  </si>
  <si>
    <t>POINT (4.6137276976436805 51.815265806656704)</t>
  </si>
  <si>
    <t>POINT (4.655896926985702 51.827231888584144)</t>
  </si>
  <si>
    <t>POINT (4.653006618922189 51.81527354260894)</t>
  </si>
  <si>
    <t>POINT (4.609122139998114 51.81587145747649)</t>
  </si>
  <si>
    <t>POINT (4.6385209235662295 51.82274249670955)</t>
  </si>
  <si>
    <t>POINT (4.650632515347114 51.82627622078679)</t>
  </si>
  <si>
    <t>POINT (4.6350880868084925 51.8198292807555)</t>
  </si>
  <si>
    <t>POINT (4.654547347738144 51.81641231214824)</t>
  </si>
  <si>
    <t>POINT (4.561803063900273 51.83392911932531)</t>
  </si>
  <si>
    <t>POINT (4.663191073017258 51.82160869973048)</t>
  </si>
  <si>
    <t>POINT (4.565369900275085 51.8344845533132)</t>
  </si>
  <si>
    <t>POINT (4.5624286083450505 51.83468008578423)</t>
  </si>
  <si>
    <t>POINT (4.629066184053067 51.80580554863927)</t>
  </si>
  <si>
    <t>POINT (4.569838672905227 51.83410037550733)</t>
  </si>
  <si>
    <t>POINT (4.652228043988277 51.825022405436115)</t>
  </si>
  <si>
    <t>POINT (4.61416384610695 51.824209020014955)</t>
  </si>
  <si>
    <t>POINT (4.609944316188131 51.81853116788075)</t>
  </si>
  <si>
    <t>POINT (4.657488456320344 51.829161989069384)</t>
  </si>
  <si>
    <t>POINT (4.6358607595027665 51.822078491486764)</t>
  </si>
  <si>
    <t>POINT (4.621482780715248 51.814083708456664)</t>
  </si>
  <si>
    <t>POINT (4.629229789402441 51.81156918085625)</t>
  </si>
  <si>
    <t>POINT (4.6600268561873985 51.82629157949931)</t>
  </si>
  <si>
    <t>POINT (4.6059533644233355 51.82003947530195)</t>
  </si>
  <si>
    <t>POINT (4.640921729214163 51.80877122111257)</t>
  </si>
  <si>
    <t>POINT (4.632527873177216 51.80900055624442)</t>
  </si>
  <si>
    <t>POINT (4.596340838463594 51.812161858624044)</t>
  </si>
  <si>
    <t>POINT (4.620653254130127 51.81148582069439)</t>
  </si>
  <si>
    <t>POINT (4.642139367446141 51.81612048803585)</t>
  </si>
  <si>
    <t>POINT (4.607110881043341 51.81613343003604)</t>
  </si>
  <si>
    <t>POINT (4.634615274826881 51.805775617298096)</t>
  </si>
  <si>
    <t>POINT (4.656930425964718 51.82114850533816)</t>
  </si>
  <si>
    <t>POINT (4.639626001209526 51.82578929959142)</t>
  </si>
  <si>
    <t>POINT (4.644583339905926 51.81484450098142)</t>
  </si>
  <si>
    <t>POINT (4.5641653080624325 51.83713679170066)</t>
  </si>
  <si>
    <t>POINT (4.652448868921007 51.82154862087649)</t>
  </si>
  <si>
    <t>POINT (4.632952025130588 51.80956029577529)</t>
  </si>
  <si>
    <t>POINT (4.634840723980931 51.80787480371471)</t>
  </si>
  <si>
    <t>POINT (4.5675882542203885 51.83493663746777)</t>
  </si>
  <si>
    <t>POINT (4.657144641377905 51.82889026305375)</t>
  </si>
  <si>
    <t>POINT (4.630215275056261 51.81377681425916)</t>
  </si>
  <si>
    <t>POINT (4.624631989608686 51.81404301947486)</t>
  </si>
  <si>
    <t>POINT (4.635938607317369 51.82434717876225)</t>
  </si>
  <si>
    <t>POINT (4.657478129057163 51.820965280034955)</t>
  </si>
  <si>
    <t>POINT (4.603014439576234 51.81926778811107)</t>
  </si>
  <si>
    <t>POINT (4.602202017903971 51.813092302697164)</t>
  </si>
  <si>
    <t>POINT (4.616116565343713 51.821120831275756)</t>
  </si>
  <si>
    <t>POINT (4.633027519446732 51.81175610250417)</t>
  </si>
  <si>
    <t>POINT (4.642590598956559 51.81610480821498)</t>
  </si>
  <si>
    <t>POINT (4.602272390348354 51.81571725886251)</t>
  </si>
  <si>
    <t>POINT (4.643006135269598 51.81923352273154)</t>
  </si>
  <si>
    <t>POINT (4.613910002018598 51.814409960370696)</t>
  </si>
  <si>
    <t>POINT (4.633045381808321 51.825430925932366)</t>
  </si>
  <si>
    <t>POINT (4.635746093599539 51.82266859327013)</t>
  </si>
  <si>
    <t>POINT (4.639056299749115 51.825526310086566)</t>
  </si>
  <si>
    <t>POINT (4.626750571647457 51.815446295976884)</t>
  </si>
  <si>
    <t>POINT (4.635102480403602 51.823733675941696)</t>
  </si>
  <si>
    <t>POINT (4.6372432095287275 51.80935171110252)</t>
  </si>
  <si>
    <t>POINT (4.606840635180537 51.813772181959266)</t>
  </si>
  <si>
    <t>POINT (4.642090397205432 51.81626048167888)</t>
  </si>
  <si>
    <t>POINT (4.6440281669887415 51.81613931360241)</t>
  </si>
  <si>
    <t>POINT (4.6266171186612475 51.8153524609073)</t>
  </si>
  <si>
    <t>POINT (4.626972666950474 51.81284400192218)</t>
  </si>
  <si>
    <t>POINT (4.6106141658095785 51.81865982641147)</t>
  </si>
  <si>
    <t>POINT (4.564840241612784 51.83254045182341)</t>
  </si>
  <si>
    <t>POINT (4.646821456991001 51.82181100694888)</t>
  </si>
  <si>
    <t>POINT (4.619272075702734 51.81519037168796)</t>
  </si>
  <si>
    <t>POINT (4.6093740550126245 51.81349454858843)</t>
  </si>
  <si>
    <t>POINT (4.635369109629731 51.80743097506496)</t>
  </si>
  <si>
    <t>POINT (4.641214109123424 51.82562183224397)</t>
  </si>
  <si>
    <t>POINT (4.597923978547857 51.81418373876262)</t>
  </si>
  <si>
    <t>POINT (4.597839142199609 51.81611752631023)</t>
  </si>
  <si>
    <t>POINT (4.605205095922411 51.812945737928004)</t>
  </si>
  <si>
    <t>POINT (4.561700441188262 51.83287834970711)</t>
  </si>
  <si>
    <t>POINT (4.608543014437794 51.82205808682874)</t>
  </si>
  <si>
    <t>POINT (4.59295621042785 51.80903030428993)</t>
  </si>
  <si>
    <t>POINT (4.610649732353341 51.818397824798744)</t>
  </si>
  <si>
    <t>POINT (4.651738643487141 51.82448196074686)</t>
  </si>
  <si>
    <t>POINT (4.634793602096195 51.80818997835156)</t>
  </si>
  <si>
    <t>POINT (4.635518356772356 51.82152261339886)</t>
  </si>
  <si>
    <t>POINT (4.650649283674251 51.81778628225281)</t>
  </si>
  <si>
    <t>POINT (4.6178758176193 51.821920982967235)</t>
  </si>
  <si>
    <t>POINT (4.629122887689185 51.81267805684653)</t>
  </si>
  <si>
    <t>POINT (4.604058326053691 51.81403452708031)</t>
  </si>
  <si>
    <t>POINT (4.647911550970121 51.8238134560453)</t>
  </si>
  <si>
    <t>POINT (4.6373315350314925 51.81498416607105)</t>
  </si>
  <si>
    <t>POINT (4.618916676048003 51.82099446729502)</t>
  </si>
  <si>
    <t>POINT (4.612078750777075 51.814825796300546)</t>
  </si>
  <si>
    <t>POINT (4.637449975156379 51.81918833497551)</t>
  </si>
  <si>
    <t>POINT (4.616445411380935 51.81505536499482)</t>
  </si>
  <si>
    <t>POINT (4.598592631443515 51.81399467058959)</t>
  </si>
  <si>
    <t>POINT (4.63736668362701 51.82319086398774)</t>
  </si>
  <si>
    <t>POINT (4.624575771282392 51.813535906423645)</t>
  </si>
  <si>
    <t>POINT (4.626397136955983 51.8138298484174)</t>
  </si>
  <si>
    <t>POINT (4.6421537320594 51.81608147840526)</t>
  </si>
  <si>
    <t>POINT (4.6273406355810724 51.81443699156403)</t>
  </si>
  <si>
    <t>POINT (4.62359998474025 51.81226714990799)</t>
  </si>
  <si>
    <t>POINT (4.626152609292799 51.81341426973651)</t>
  </si>
  <si>
    <t>POINT (4.617965605060214 51.82048540904193)</t>
  </si>
  <si>
    <t>POINT (4.638942530902264 51.82544054288389)</t>
  </si>
  <si>
    <t>POINT (4.618401213464543 51.813162900187756)</t>
  </si>
  <si>
    <t>POINT (4.654672217009656 51.82027525877535)</t>
  </si>
  <si>
    <t>POINT (4.6591761401247895 51.82837449964044)</t>
  </si>
  <si>
    <t>POINT (4.654522828258477 51.816416446675696)</t>
  </si>
  <si>
    <t>POINT (4.63570725444281 51.82196793651511)</t>
  </si>
  <si>
    <t>POINT (4.635112632482817 51.824252730176354)</t>
  </si>
  <si>
    <t>POINT (4.569037048593303 51.83602058422774)</t>
  </si>
  <si>
    <t>POINT (4.635471030543659 51.81958041020518)</t>
  </si>
  <si>
    <t>POINT (4.60901015689159 51.81563484180713)</t>
  </si>
  <si>
    <t>POINT (4.657447203904638 51.820348095942464)</t>
  </si>
  <si>
    <t>POINT (4.640222349601386 51.82222722948891)</t>
  </si>
  <si>
    <t>POINT (4.642592599102065 51.809707339362255)</t>
  </si>
  <si>
    <t>POINT (4.63481063857391 51.82085091957946)</t>
  </si>
  <si>
    <t>POINT (4.658346082453416 51.82541887144139)</t>
  </si>
  <si>
    <t>POINT (4.639987742303027 51.81103909598452)</t>
  </si>
  <si>
    <t>POINT (4.569686380695413 51.83477000104635)</t>
  </si>
  <si>
    <t>POINT (4.644649173169086 51.81556526253552)</t>
  </si>
  <si>
    <t>POINT (4.6423492323759765 51.81819338167998)</t>
  </si>
  <si>
    <t>POINT (4.61632291038106 51.81446739919199)</t>
  </si>
  <si>
    <t>POINT (4.6575259390417125 51.820102268734914)</t>
  </si>
  <si>
    <t>POINT (4.599793919974922 51.81334405157253)</t>
  </si>
  <si>
    <t>POINT (4.62019050893962 51.81280360841474)</t>
  </si>
  <si>
    <t>POINT (4.649699740003549 51.828314433743586)</t>
  </si>
  <si>
    <t>POINT (4.617773150210888 51.81361777488899)</t>
  </si>
  <si>
    <t>POINT (4.657264734454039 51.824115481619906)</t>
  </si>
  <si>
    <t>POINT (4.598605847574959 51.81565668686829)</t>
  </si>
  <si>
    <t>POINT (4.649699329060983 51.82226560733749)</t>
  </si>
  <si>
    <t>POINT (4.596968290611353 51.82365420082087)</t>
  </si>
  <si>
    <t>POINT (4.6118604066492335 51.81358490765148)</t>
  </si>
  <si>
    <t>POINT (4.6537788617226425 51.82192624835267)</t>
  </si>
  <si>
    <t>POINT (4.640655416116718 51.8132899095639)</t>
  </si>
  <si>
    <t>POINT (4.605620719182733 51.81386962707886)</t>
  </si>
  <si>
    <t>POINT (4.656810082215779 51.820266740198036)</t>
  </si>
  <si>
    <t>POINT (4.592946493745341 51.82512605028019)</t>
  </si>
  <si>
    <t>POINT (4.656645888571292 51.821493913245014)</t>
  </si>
  <si>
    <t>POINT (4.613733708742253 51.82967244517186)</t>
  </si>
  <si>
    <t>POINT (4.633119165489033 51.80950900174723)</t>
  </si>
  <si>
    <t>POINT (4.609156885562337 51.82222084475181)</t>
  </si>
  <si>
    <t>POINT (4.604682645835297 51.81603530458428)</t>
  </si>
  <si>
    <t>POINT (4.656160035154974 51.82098426816816)</t>
  </si>
  <si>
    <t>POINT (4.626625796419149 51.81374124574449)</t>
  </si>
  <si>
    <t>POINT (4.609656547756933 51.8149280102509)</t>
  </si>
  <si>
    <t>POINT (4.636924641294834 51.82301176184201)</t>
  </si>
  <si>
    <t>POINT (4.625254650982527 51.81570249705236)</t>
  </si>
  <si>
    <t>POINT (4.596446391143749 51.814583102771785)</t>
  </si>
  <si>
    <t>POINT (4.642688860598591 51.81913683257602)</t>
  </si>
  <si>
    <t>POINT (4.63600277249338 51.821767241116845)</t>
  </si>
  <si>
    <t>POINT (4.612558324745387 51.80930345796091)</t>
  </si>
  <si>
    <t>POINT (4.632230152968467 51.81946988183878)</t>
  </si>
  <si>
    <t>POINT (4.611576501012756 51.815788001623226)</t>
  </si>
  <si>
    <t>POINT (4.636134491409571 51.80789935241945)</t>
  </si>
  <si>
    <t>POINT (4.62892374818237 51.812770225869244)</t>
  </si>
  <si>
    <t>POINT (4.5605212025760595 51.83666189259189)</t>
  </si>
  <si>
    <t>POINT (4.616889637244335 51.81574670075663)</t>
  </si>
  <si>
    <t>POINT (4.604717984646415 51.81293156958288)</t>
  </si>
  <si>
    <t>POINT (4.608326507841733 51.81943446950424)</t>
  </si>
  <si>
    <t>POINT (4.643508293218667 51.82656075108717)</t>
  </si>
  <si>
    <t>POINT (4.595735008797667 51.81476893129043)</t>
  </si>
  <si>
    <t>POINT (4.635356477167175 51.8253602701175)</t>
  </si>
  <si>
    <t>POINT (4.566605015878434 51.83398183314619)</t>
  </si>
  <si>
    <t>POINT (4.607796976673714 51.81405412297476)</t>
  </si>
  <si>
    <t>POINT (4.649549473657707 51.82220381222215)</t>
  </si>
  <si>
    <t>POINT (4.648455128295886 51.82427025874711)</t>
  </si>
  <si>
    <t>POINT (4.606707062594815 51.822004121376544)</t>
  </si>
  <si>
    <t>POINT (4.618353680064034 51.8211150764047)</t>
  </si>
  <si>
    <t>POINT (4.636856382559114 51.81469317593421)</t>
  </si>
  <si>
    <t>POINT (4.617544680433547 51.820957936599314)</t>
  </si>
  <si>
    <t>POINT (4.644457858940799 51.82494267040382)</t>
  </si>
  <si>
    <t>POINT (4.606971922129991 51.821576050756605)</t>
  </si>
  <si>
    <t>POINT (4.632600351395767 51.819319454760716)</t>
  </si>
  <si>
    <t>POINT (4.6638449468041125 51.82101051746151)</t>
  </si>
  <si>
    <t>POINT (4.636466618444722 51.82462826285437)</t>
  </si>
  <si>
    <t>POINT (4.605395024989846 51.81325376188172)</t>
  </si>
  <si>
    <t>POINT (4.622017189945968 51.827255427754736)</t>
  </si>
  <si>
    <t>POINT (4.5651759240049525 51.83628279600857)</t>
  </si>
  <si>
    <t>POINT (4.616691821506517 51.81416137401543)</t>
  </si>
  <si>
    <t>POINT (4.628717028122075 51.80788314653088)</t>
  </si>
  <si>
    <t>POINT (4.644671879026484 51.814892899054875)</t>
  </si>
  <si>
    <t>POINT (4.599793374640063 51.81336198943204)</t>
  </si>
  <si>
    <t>POINT (4.613340601272484 51.81676211501665)</t>
  </si>
  <si>
    <t>POINT (4.647241755422794 51.82728932899891)</t>
  </si>
  <si>
    <t>POINT (4.638040750309261 51.82551888873622)</t>
  </si>
  <si>
    <t>POINT (4.618730440292514 51.80675977346214)</t>
  </si>
  <si>
    <t>POINT (4.617229533925776 51.82063212302769)</t>
  </si>
  <si>
    <t>POINT (4.650085443525738 51.81923195215988)</t>
  </si>
  <si>
    <t>POINT (4.614954635344596 51.81417118652158)</t>
  </si>
  <si>
    <t>POINT (4.605770513370246 51.81859595413163)</t>
  </si>
  <si>
    <t>POINT (4.651588710982473 51.817826187509304)</t>
  </si>
  <si>
    <t>POINT (4.640063309104582 51.81106798143445)</t>
  </si>
  <si>
    <t>POINT (4.611801184773728 51.819709323842446)</t>
  </si>
  <si>
    <t>POINT (4.642572022556183 51.81755867460582)</t>
  </si>
  <si>
    <t>POINT (4.6546024484796344 51.81715371919356)</t>
  </si>
  <si>
    <t>POINT (4.638695662715191 51.8226406008111)</t>
  </si>
  <si>
    <t>POINT (4.650835287389231 51.817355956555)</t>
  </si>
  <si>
    <t>POINT (4.604333634020294 51.81321980061047)</t>
  </si>
  <si>
    <t>POINT (4.6382843925619754 51.82541774780289)</t>
  </si>
  <si>
    <t>POINT (4.656961104649058 51.81762093623237)</t>
  </si>
  <si>
    <t>POINT (4.570179145219247 51.83529223493666)</t>
  </si>
  <si>
    <t>POINT (4.629336082418896 51.81166775444406)</t>
  </si>
  <si>
    <t>POINT (4.626830592046967 51.81411477744502)</t>
  </si>
  <si>
    <t>POINT (4.561928087039097 51.83275997753041)</t>
  </si>
  <si>
    <t>POINT (4.6344284075472055 51.80849913090491)</t>
  </si>
  <si>
    <t>POINT (4.568406242490588 51.83746414645293)</t>
  </si>
  <si>
    <t>POINT (4.630381996684076 51.82099680821572)</t>
  </si>
  <si>
    <t>POINT (4.646369936554883 51.82515722462437)</t>
  </si>
  <si>
    <t>POINT (4.630902857362107 51.812372123604746)</t>
  </si>
  <si>
    <t>POINT (4.61887037910468 51.82980001344659)</t>
  </si>
  <si>
    <t>POINT (4.605886619978773 51.82032370387125)</t>
  </si>
  <si>
    <t>POINT (4.644549308334287 51.81764629506178)</t>
  </si>
  <si>
    <t>POINT (4.650997789699976 51.8224023602809)</t>
  </si>
  <si>
    <t>POINT (4.6381870523181385 51.822818747908116)</t>
  </si>
  <si>
    <t>POINT (4.656357282793221 51.817472244071645)</t>
  </si>
  <si>
    <t>POINT (4.650357202051663 51.82846310965751)</t>
  </si>
  <si>
    <t>POINT (4.570648890609916 51.83093682586971)</t>
  </si>
  <si>
    <t>POINT (4.632972693935812 51.82467496811223)</t>
  </si>
  <si>
    <t>POINT (4.64326737637579 51.82522026999454)</t>
  </si>
  <si>
    <t>POINT (4.632123933461668 51.807120152616065)</t>
  </si>
  <si>
    <t>POINT (4.640178802448285 51.821696188094386)</t>
  </si>
  <si>
    <t>POINT (4.647245489186093 51.823678985827904)</t>
  </si>
  <si>
    <t>POINT (4.656431531622833 51.82174027976256)</t>
  </si>
  <si>
    <t>POINT (4.634375847607029 51.81024278315481)</t>
  </si>
  <si>
    <t>POINT (4.6361264027247815 51.81938189304597)</t>
  </si>
  <si>
    <t>POINT (4.634036648879692 51.82583050125953)</t>
  </si>
  <si>
    <t>POINT (4.599894460824062 51.81336249688169)</t>
  </si>
  <si>
    <t>POINT (4.646450374253717 51.822243735850385)</t>
  </si>
  <si>
    <t>POINT (4.638629726401987 51.82523855000805)</t>
  </si>
  <si>
    <t>POINT (4.652124214442874 51.81525474255569)</t>
  </si>
  <si>
    <t>POINT (4.61658338872282 51.82234733304633)</t>
  </si>
  <si>
    <t>POINT (4.6482422106408805 51.8240404441269)</t>
  </si>
  <si>
    <t>POINT (4.638257825996528 51.81124236764703)</t>
  </si>
  <si>
    <t>POINT (4.5671349817550535 51.837701285589674)</t>
  </si>
  <si>
    <t>POINT (4.6088735877322105 51.81622674258271)</t>
  </si>
  <si>
    <t>POINT (4.646496721423514 51.8239990599847)</t>
  </si>
  <si>
    <t>POINT (4.632382365151045 51.809107529830456)</t>
  </si>
  <si>
    <t>POINT (4.606552918301424 51.81462336171527)</t>
  </si>
  <si>
    <t>POINT (4.559742841141397 51.835585812548736)</t>
  </si>
  <si>
    <t>POINT (4.662829384783232 51.82349569787091)</t>
  </si>
  <si>
    <t>POINT (4.6565757046115905 51.82159295405455)</t>
  </si>
  <si>
    <t>POINT (4.62584465663756 51.813212363213125)</t>
  </si>
  <si>
    <t>POINT (4.641923401762583 51.820831295394264)</t>
  </si>
  <si>
    <t>POINT (4.611631378708839 51.820716933808676)</t>
  </si>
  <si>
    <t>POINT (4.64704105031603 51.81852226286988)</t>
  </si>
  <si>
    <t>POINT (4.6160750683570395 51.822156795452)</t>
  </si>
  <si>
    <t>POINT (4.565454804320518 51.833701949168756)</t>
  </si>
  <si>
    <t>POINT (4.6383913326048365 51.82535218345966)</t>
  </si>
  <si>
    <t>POINT (4.566853361597907 51.83429439080288)</t>
  </si>
  <si>
    <t>POINT (4.645667438796226 51.8250075404118)</t>
  </si>
  <si>
    <t>POINT (4.648679081552415 51.824333096754295)</t>
  </si>
  <si>
    <t>POINT (4.629735616055528 51.81497282191251)</t>
  </si>
  <si>
    <t>POINT (4.5671290788507495 51.838369907828614)</t>
  </si>
  <si>
    <t>POINT (4.61621798690437 51.81431800051915)</t>
  </si>
  <si>
    <t>POINT (4.61727121653792 51.81374740802245)</t>
  </si>
  <si>
    <t>POINT (4.633012530334204 51.82540116901185)</t>
  </si>
  <si>
    <t>POINT (4.609107396211961 51.81911023961593)</t>
  </si>
  <si>
    <t>POINT (4.6530255816315576 51.82453425098672)</t>
  </si>
  <si>
    <t>POINT (4.603610247782346 51.819737905086136)</t>
  </si>
  <si>
    <t>POINT (4.645720259630918 51.814243164265825)</t>
  </si>
  <si>
    <t>POINT (4.567618146485774 51.83512708395403)</t>
  </si>
  <si>
    <t>POINT (4.570014726902454 51.83127002094347)</t>
  </si>
  <si>
    <t>POINT (4.631038104009658 51.81740499006932)</t>
  </si>
  <si>
    <t>POINT (4.651876031501868 51.81732001048589)</t>
  </si>
  <si>
    <t>POINT (4.653834442913769 51.8219040610424)</t>
  </si>
  <si>
    <t>POINT (4.634033918036829 51.80593734237826)</t>
  </si>
  <si>
    <t>POINT (4.648100591180195 51.818768587660365)</t>
  </si>
  <si>
    <t>POINT (4.65445182186502 51.820121866416144)</t>
  </si>
  <si>
    <t>POINT (4.645638568446798 51.81421223933063)</t>
  </si>
  <si>
    <t>POINT (4.623890189231969 51.81470437736375)</t>
  </si>
  <si>
    <t>POINT (4.6534467242321735 51.818137043069505)</t>
  </si>
  <si>
    <t>POINT (4.639238758236905 51.814073179838644)</t>
  </si>
  <si>
    <t>POINT (4.622508133737813 51.81210084986798)</t>
  </si>
  <si>
    <t>POINT (4.6574897299842 51.8232509746953)</t>
  </si>
  <si>
    <t>POINT (4.6413263745983 51.81913110278551)</t>
  </si>
  <si>
    <t>POINT (4.6196291832513925 51.81393453919867)</t>
  </si>
  <si>
    <t>POINT (4.604943243297253 51.81918244040928)</t>
  </si>
  <si>
    <t>POINT (4.5613642181549165 51.83293462736165)</t>
  </si>
  <si>
    <t>POINT (4.637222670769828 51.81543005603129)</t>
  </si>
  <si>
    <t>POINT (4.647182280839706 51.82374396201121)</t>
  </si>
  <si>
    <t>POINT (4.632740467289792 51.82388400748903)</t>
  </si>
  <si>
    <t>POINT (4.659380449184432 51.8235648865706)</t>
  </si>
  <si>
    <t>POINT (4.634866885895324 51.810009906848315)</t>
  </si>
  <si>
    <t>POINT (4.662092931028364 51.82524301517123)</t>
  </si>
  <si>
    <t>POINT (4.614201537531351 51.822167068595114)</t>
  </si>
  <si>
    <t>POINT (4.64194973902887 51.82198769582803)</t>
  </si>
  <si>
    <t>POINT (4.63456225577039 51.82177118079161)</t>
  </si>
  <si>
    <t>POINT (4.63213268277675 51.80922313627384)</t>
  </si>
  <si>
    <t>POINT (4.656206876914926 51.82024512425386)</t>
  </si>
  <si>
    <t>POINT (4.656775076560324 51.8211443116968)</t>
  </si>
  <si>
    <t>POINT (4.5942493774205575 51.81395788858569)</t>
  </si>
  <si>
    <t>POINT (4.630800650881527 51.81294071981936)</t>
  </si>
  <si>
    <t>POINT (4.658564901195154 51.826660927261216)</t>
  </si>
  <si>
    <t>POINT (4.6559611339005365 51.82079917467157)</t>
  </si>
  <si>
    <t>POINT (4.6389861742008645 51.808583480826435)</t>
  </si>
  <si>
    <t>POINT (4.58263415244761 51.818385931297435)</t>
  </si>
  <si>
    <t>POINT (4.653516767419183 51.8212733983765)</t>
  </si>
  <si>
    <t>POINT (4.656297750750862 51.826335284273)</t>
  </si>
  <si>
    <t>POINT (4.640344035003537 51.82571270281577)</t>
  </si>
  <si>
    <t>POINT (4.627833750729359 51.80904973318237)</t>
  </si>
  <si>
    <t>POINT (4.612701680546234 51.81326348909923)</t>
  </si>
  <si>
    <t>POINT (4.639497894519095 51.82576760286947)</t>
  </si>
  <si>
    <t>POINT (4.5622309577133064 51.832532282082454)</t>
  </si>
  <si>
    <t>POINT (4.635689484862711 51.80880436289399)</t>
  </si>
  <si>
    <t>POINT (4.6002427892933015 51.813304375075944)</t>
  </si>
  <si>
    <t>POINT (4.643761801934601 51.82182741409828)</t>
  </si>
  <si>
    <t>POINT (4.618429414004494 51.81530128540714)</t>
  </si>
  <si>
    <t>POINT (4.614470571078396 51.8129968593631)</t>
  </si>
  <si>
    <t>POINT (4.655888450094779 51.82033886997292)</t>
  </si>
  <si>
    <t>POINT (4.632597339154951 51.809915091981175)</t>
  </si>
  <si>
    <t>POINT (4.639442069999298 51.82365386267593)</t>
  </si>
  <si>
    <t>POINT (4.638448175813674 51.80837190665324)</t>
  </si>
  <si>
    <t>POINT (4.654633832633216 51.82551688334581)</t>
  </si>
  <si>
    <t>POINT (4.656661674406557 51.821359388082485)</t>
  </si>
  <si>
    <t>POINT (4.648081037156801 51.82632700359465)</t>
  </si>
  <si>
    <t>POINT (4.640504217091478 51.824669631979276)</t>
  </si>
  <si>
    <t>POINT (4.60430812216072 51.814261325601755)</t>
  </si>
  <si>
    <t>POINT (4.638645674892812 51.82537440789)</t>
  </si>
  <si>
    <t>POINT (4.633851886084198 51.812699180453095)</t>
  </si>
  <si>
    <t>POINT (4.620078426824873 51.81507554718748)</t>
  </si>
  <si>
    <t>POINT (4.614721884177882 51.81640479002513)</t>
  </si>
  <si>
    <t>POINT (4.642266851723089 51.80914280383065)</t>
  </si>
  <si>
    <t>POINT (4.618034148269573 51.82017036344758)</t>
  </si>
  <si>
    <t>POINT (4.650797840201068 51.81802266414304)</t>
  </si>
  <si>
    <t>POINT (4.64685026195317 51.81536730545642)</t>
  </si>
  <si>
    <t>POINT (4.6251385412793535 51.81126002427432)</t>
  </si>
  <si>
    <t>POINT (4.618872174623623 51.81280185162236)</t>
  </si>
  <si>
    <t>POINT (4.65595857615603 51.81957997023312)</t>
  </si>
  <si>
    <t>POINT (4.617346070324563 51.81301832060357)</t>
  </si>
  <si>
    <t>POINT (4.600505430776452 51.813051359335255)</t>
  </si>
  <si>
    <t>POINT (4.6427708062304545 51.82538457181455)</t>
  </si>
  <si>
    <t>POINT (4.567864352456984 51.83861450191172)</t>
  </si>
  <si>
    <t>POINT (4.658090285062399 51.81903535926915)</t>
  </si>
  <si>
    <t>POINT (4.563768847805973 51.83511113895804)</t>
  </si>
  <si>
    <t>POINT (4.655138052275769 51.82340463436474)</t>
  </si>
  <si>
    <t>POINT (4.650926248745682 51.81412129156689)</t>
  </si>
  <si>
    <t>POINT (4.626176947565603 51.81241834331944)</t>
  </si>
  <si>
    <t>POINT (4.655002942256139 51.826892610870466)</t>
  </si>
  <si>
    <t>POINT (4.659552576699472 51.83020939816868)</t>
  </si>
  <si>
    <t>POINT (4.621430712355563 51.81355805013065)</t>
  </si>
  <si>
    <t>POINT (4.559339129646567 51.83652943667931)</t>
  </si>
  <si>
    <t>POINT (4.634868843047029 51.807834660646066)</t>
  </si>
  <si>
    <t>POINT (4.6452504695428685 51.814462449497256)</t>
  </si>
  <si>
    <t>POINT (4.618415113723131 51.82030428353932)</t>
  </si>
  <si>
    <t>POINT (4.60780528715945 51.81925069545551)</t>
  </si>
  <si>
    <t>POINT (4.647952990289428 51.81685177295829)</t>
  </si>
  <si>
    <t>POINT (4.638200532267218 51.823727105251166)</t>
  </si>
  <si>
    <t>POINT (4.6288557278420965 51.81438710695658)</t>
  </si>
  <si>
    <t>POINT (4.613129410760431 51.82167473766889)</t>
  </si>
  <si>
    <t>POINT (4.605354020954341 51.81973056859306)</t>
  </si>
  <si>
    <t>POINT (4.5692404916549085 51.83410311219795)</t>
  </si>
  <si>
    <t>POINT (4.615377928399555 51.81295082190472)</t>
  </si>
  <si>
    <t>POINT (4.63361472795145 51.82440565596483)</t>
  </si>
  <si>
    <t>POINT (4.640208327661826 51.81949893730838)</t>
  </si>
  <si>
    <t>POINT (4.631427581803634 51.8097930656586)</t>
  </si>
  <si>
    <t>POINT (4.633806729719101 51.8259118295298)</t>
  </si>
  <si>
    <t>POINT (4.603858717412256 51.82101918078146)</t>
  </si>
  <si>
    <t>POINT (4.639512512949335 51.81901583156404)</t>
  </si>
  <si>
    <t>POINT (4.652415104527421 51.82427016365119)</t>
  </si>
  <si>
    <t>POINT (4.616965580942367 51.815741248690095)</t>
  </si>
  <si>
    <t>POINT (4.566353319806497 51.83521356300258)</t>
  </si>
  <si>
    <t>POINT (4.645177562759112 51.81446172786195)</t>
  </si>
  <si>
    <t>POINT (4.650707084056439 51.82369629073736)</t>
  </si>
  <si>
    <t>POINT (4.604163895946867 51.814215329785476)</t>
  </si>
  <si>
    <t>POINT (4.644426220292273 51.824824808311355)</t>
  </si>
  <si>
    <t>POINT (4.637448013226754 51.82360341619965)</t>
  </si>
  <si>
    <t>POINT (4.607705968459111 51.81462394320641)</t>
  </si>
  <si>
    <t>POINT (4.656690258394773 51.81816196924679)</t>
  </si>
  <si>
    <t>POINT (4.597848714434502 51.813308035045644)</t>
  </si>
  <si>
    <t>POINT (4.652019579866591 51.81679661773277)</t>
  </si>
  <si>
    <t>POINT (4.567820089091548 51.8379559025758)</t>
  </si>
  <si>
    <t>POINT (4.621927494732139 51.81243415064831)</t>
  </si>
  <si>
    <t>POINT (4.641043125947084 51.82564371150718)</t>
  </si>
  <si>
    <t>POINT (4.611873731303648 51.82039761088451)</t>
  </si>
  <si>
    <t>POINT (4.666961486653831 51.82361506743567)</t>
  </si>
  <si>
    <t>POINT (4.617509551762095 51.8195903162073)</t>
  </si>
  <si>
    <t>POINT (4.64659047996552 51.815047322766624)</t>
  </si>
  <si>
    <t>POINT (4.629581345316911 51.82390714538253)</t>
  </si>
  <si>
    <t>POINT (4.612498520612967 51.82128992983367)</t>
  </si>
  <si>
    <t>POINT (4.602859051179646 51.81508455436658)</t>
  </si>
  <si>
    <t>POINT (4.635489149649824 51.82357130040593)</t>
  </si>
  <si>
    <t>POINT (4.640550761384182 51.82569260698942)</t>
  </si>
  <si>
    <t>POINT (4.6126568995110215 51.813262546352576)</t>
  </si>
  <si>
    <t>POINT (4.65415053893535 51.81619755745766)</t>
  </si>
  <si>
    <t>POINT (4.630499778152789 51.81274278130559)</t>
  </si>
  <si>
    <t>POINT (4.648872338547473 51.8140447115)</t>
  </si>
  <si>
    <t>POINT (4.6350500820551925 51.80896220676129)</t>
  </si>
  <si>
    <t>POINT (4.56563139147796 51.83198167810803)</t>
  </si>
  <si>
    <t>POINT (4.638619599708938 51.80847246041003)</t>
  </si>
  <si>
    <t>POINT (4.657463056014125 51.829885724548205)</t>
  </si>
  <si>
    <t>POINT (4.611026748358098 51.819752060602355)</t>
  </si>
  <si>
    <t>POINT (4.6362260931648835 51.81967940967535)</t>
  </si>
  <si>
    <t>POINT (4.651177233178196 51.821936838325115)</t>
  </si>
  <si>
    <t>POINT (4.631432296205429 51.825191104901954)</t>
  </si>
  <si>
    <t>POINT (4.653707834058714 51.82066842297864)</t>
  </si>
  <si>
    <t>POINT (4.641569817043368 51.8258443242455)</t>
  </si>
  <si>
    <t>POINT (4.65344514444518 51.82205918146423)</t>
  </si>
  <si>
    <t>POINT (4.627924958608918 51.80616164629178)</t>
  </si>
  <si>
    <t>POINT (4.637220180421725 51.8149076258039)</t>
  </si>
  <si>
    <t>POINT (4.638314755670145 51.80944842363457)</t>
  </si>
  <si>
    <t>POINT (4.615588820492617 51.80464240022766)</t>
  </si>
  <si>
    <t>POINT (4.625296795810437 51.81347745316902)</t>
  </si>
  <si>
    <t>POINT (4.569229060520588 51.83714063404008)</t>
  </si>
  <si>
    <t>POINT (4.608555781175731 51.81943664704048)</t>
  </si>
  <si>
    <t>POINT (4.6318335697173385 51.810268117439996)</t>
  </si>
  <si>
    <t>POINT (4.563871428638491 51.83692453811255)</t>
  </si>
  <si>
    <t>POINT (4.628474010776774 51.81067201413853)</t>
  </si>
  <si>
    <t>POINT (4.637431236529414 51.81502193542245)</t>
  </si>
  <si>
    <t>POINT (4.614222226237459 51.81486761073212)</t>
  </si>
  <si>
    <t>POINT (4.619626280568886 51.81243212777154)</t>
  </si>
  <si>
    <t>POINT (4.653530824683783 51.81987600703246)</t>
  </si>
  <si>
    <t>POINT (4.612971214950994 51.815222795989406)</t>
  </si>
  <si>
    <t>POINT (4.6374171163787 51.82281868577066)</t>
  </si>
  <si>
    <t>POINT (4.640112590240573 51.814397593192076)</t>
  </si>
  <si>
    <t>POINT (4.628283841396849 51.82369316436744)</t>
  </si>
  <si>
    <t>POINT (4.638731811912147 51.82100968027096)</t>
  </si>
  <si>
    <t>POINT (4.605043655314345 51.813252705858744)</t>
  </si>
  <si>
    <t>POINT (4.609477385829449 51.82565070818576)</t>
  </si>
  <si>
    <t>POINT (4.634675224182468 51.81013766586421)</t>
  </si>
  <si>
    <t>POINT (4.616568621854777 51.82039870785202)</t>
  </si>
  <si>
    <t>POINT (4.604237196260508 51.81417080329492)</t>
  </si>
  <si>
    <t>POINT (4.641467388405969 51.80895194735948)</t>
  </si>
  <si>
    <t>POINT (4.634546984710786 51.820980580915766)</t>
  </si>
  <si>
    <t>POINT (4.607296378433002 51.82179081747069)</t>
  </si>
  <si>
    <t>POINT (4.567853766743408 51.83219961127946)</t>
  </si>
  <si>
    <t>POINT (4.60846890286791 51.821917362102155)</t>
  </si>
  <si>
    <t>POINT (4.599887160139367 51.81604258315101)</t>
  </si>
  <si>
    <t>POINT (4.630005591173556 51.80730821783851)</t>
  </si>
  <si>
    <t>POINT (4.6548977475666895 51.81737538043313)</t>
  </si>
  <si>
    <t>POINT (4.632039609714467 51.80718713318678)</t>
  </si>
  <si>
    <t>POINT (4.655585342414383 51.82065757112713)</t>
  </si>
  <si>
    <t>POINT (4.606770483157892 51.81596812929279)</t>
  </si>
  <si>
    <t>POINT (4.645417859084528 51.814363643272415)</t>
  </si>
  <si>
    <t>POINT (4.649631147464703 51.81344187450181)</t>
  </si>
  <si>
    <t>POINT (4.632342344367231 51.80903555145703)</t>
  </si>
  <si>
    <t>POINT (4.638581219573551 51.82299587702732)</t>
  </si>
  <si>
    <t>POINT (4.636514100523274 51.82495282460044)</t>
  </si>
  <si>
    <t>POINT (4.632957490075532 51.81998837046933)</t>
  </si>
  <si>
    <t>POINT (4.605385756844927 51.81433511640604)</t>
  </si>
  <si>
    <t>POINT (4.6397895623524485 51.82358744736419)</t>
  </si>
  <si>
    <t>POINT (4.633505573741371 51.812750682234935)</t>
  </si>
  <si>
    <t>POINT (4.595813266062077 51.81218636473364)</t>
  </si>
  <si>
    <t>POINT (4.615924391739938 51.82156419525514)</t>
  </si>
  <si>
    <t>POINT (4.614780816191531 51.814191067180936)</t>
  </si>
  <si>
    <t>POINT (4.651882097893399 51.816773841992394)</t>
  </si>
  <si>
    <t>POINT (4.657229713635209 51.81780967968981)</t>
  </si>
  <si>
    <t>POINT (4.611144890705884 51.81369708540688)</t>
  </si>
  <si>
    <t>POINT (4.63358957775837 51.80591790523579)</t>
  </si>
  <si>
    <t>POINT (4.651768243239542 51.81448758392518)</t>
  </si>
  <si>
    <t>POINT (4.64028437752776 51.82578496976602)</t>
  </si>
  <si>
    <t>POINT (4.652583120687014 51.817155145775004)</t>
  </si>
  <si>
    <t>POINT (4.634398247837126 51.80948741687235)</t>
  </si>
  <si>
    <t>POINT (4.6466346118669755 51.82073357678574)</t>
  </si>
  <si>
    <t>POINT (4.607780263722005 51.816924076606234)</t>
  </si>
  <si>
    <t>POINT (4.663692240675973 51.82083893525617)</t>
  </si>
  <si>
    <t>POINT (4.620757025737796 51.814583309602334)</t>
  </si>
  <si>
    <t>POINT (4.63909724752912 51.82552473738938)</t>
  </si>
  <si>
    <t>POINT (4.564140931003891 51.83153351157031)</t>
  </si>
  <si>
    <t>POINT (4.642606543625234 51.816125529447056)</t>
  </si>
  <si>
    <t>POINT (4.611507020197483 51.814567377024986)</t>
  </si>
  <si>
    <t>POINT (4.604098656871757 51.815307744411804)</t>
  </si>
  <si>
    <t>POINT (4.630852063227991 51.812242107131034)</t>
  </si>
  <si>
    <t>POINT (4.611031619443659 51.81951213894228)</t>
  </si>
  <si>
    <t>POINT (4.6494059577309 51.82557387225892)</t>
  </si>
  <si>
    <t>POINT (4.616699621575089 51.81418696218346)</t>
  </si>
  <si>
    <t>POINT (4.641814336782202 51.8177933145814)</t>
  </si>
  <si>
    <t>POINT (4.629829705714162 51.814968737072995)</t>
  </si>
  <si>
    <t>POINT (4.600143578838104 51.8134581002577)</t>
  </si>
  <si>
    <t>POINT (4.6282071902594994 51.8236667003605)</t>
  </si>
  <si>
    <t>POINT (4.650300709399783 51.824762008712)</t>
  </si>
  <si>
    <t>POINT (4.563217680692712 51.83609819997287)</t>
  </si>
  <si>
    <t>POINT (4.639155541683413 51.82218656563595)</t>
  </si>
  <si>
    <t>POINT (4.642098715213324 51.80965436205196)</t>
  </si>
  <si>
    <t>POINT (4.636495442608819 51.8123546945879)</t>
  </si>
  <si>
    <t>POINT (4.652103094875635 51.816846992128234)</t>
  </si>
  <si>
    <t>POINT (4.641014230788124 51.82557005429123)</t>
  </si>
  <si>
    <t>POINT (4.614295623856196 51.816737055974876)</t>
  </si>
  <si>
    <t>POINT (4.660521949132067 51.82297589366083)</t>
  </si>
  <si>
    <t>POINT (4.563906818431933 51.83503878547405)</t>
  </si>
  <si>
    <t>POINT (4.604202536924701 51.81408053191688)</t>
  </si>
  <si>
    <t>POINT (4.619949451132069 51.81263859969964)</t>
  </si>
  <si>
    <t>POINT (4.612418814957326 51.819352649606884)</t>
  </si>
  <si>
    <t>POINT (4.574554902262587 51.827519652976925)</t>
  </si>
  <si>
    <t>POINT (4.662518908114802 51.828625384540665)</t>
  </si>
  <si>
    <t>POINT (4.6475948301567165 51.82606525569773)</t>
  </si>
  <si>
    <t>POINT (4.6493773733157955 51.81265589895522)</t>
  </si>
  <si>
    <t>POINT (4.640892881019837 51.81765658313268)</t>
  </si>
  <si>
    <t>POINT (4.64653167708401 51.819430493367676)</t>
  </si>
  <si>
    <t>POINT (4.638335382603809 51.81859508009724)</t>
  </si>
  <si>
    <t>POINT (4.609525443615773 51.81649420893445)</t>
  </si>
  <si>
    <t>POINT (4.644543852291756 51.820286571517336)</t>
  </si>
  <si>
    <t>POINT (4.659582417508217 51.82732808618187)</t>
  </si>
  <si>
    <t>POINT (4.6160375312543405 51.82206258081734)</t>
  </si>
  <si>
    <t>POINT (4.601206744169306 51.82054669709374)</t>
  </si>
  <si>
    <t>POINT (4.659423677397515 51.82911707837072)</t>
  </si>
  <si>
    <t>POINT (4.599757568075281 51.819218718183905)</t>
  </si>
  <si>
    <t>POINT (4.60271282097156 51.81982978804234)</t>
  </si>
  <si>
    <t>POINT (4.643226166026222 51.815259416360114)</t>
  </si>
  <si>
    <t>POINT (4.569198433867094 51.83463274149781)</t>
  </si>
  <si>
    <t>POINT (4.631688106250087 51.82552789528727)</t>
  </si>
  <si>
    <t>POINT (4.661668772167784 51.82679673700711)</t>
  </si>
  <si>
    <t>POINT (4.614457804531947 51.81567665498363)</t>
  </si>
  <si>
    <t>POINT (4.61433083015564 51.8314168972492)</t>
  </si>
  <si>
    <t>POINT (4.656873630209131 51.81895322447489)</t>
  </si>
  <si>
    <t>POINT (4.646617125938711 51.824696829208584)</t>
  </si>
  <si>
    <t>POINT (4.607215632880593 51.815846163437364)</t>
  </si>
  <si>
    <t>POINT (4.643212234162905 51.81530039738837)</t>
  </si>
  <si>
    <t>POINT (4.630317201096527 51.80739461429907)</t>
  </si>
  <si>
    <t>POINT (4.572812402129603 51.83163989062216)</t>
  </si>
  <si>
    <t>POINT (4.6309582241119855 51.80673089480933)</t>
  </si>
  <si>
    <t>POINT (4.644659416669063 51.81478751764275)</t>
  </si>
  <si>
    <t>POINT (4.654315842482202 51.81633062466828)</t>
  </si>
  <si>
    <t>POINT (4.607142235213195 51.82081020219665)</t>
  </si>
  <si>
    <t>POINT (4.658832947946226 51.8241667784747)</t>
  </si>
  <si>
    <t>POINT (4.6411064077736315 51.82560128268749)</t>
  </si>
  <si>
    <t>POINT (4.65056187403345 51.813923482925134)</t>
  </si>
  <si>
    <t>POINT (4.618822415414005 51.81292879710627)</t>
  </si>
  <si>
    <t>POINT (4.635780167954638 51.811045172307395)</t>
  </si>
  <si>
    <t>POINT (4.647363647234323 51.81539290694168)</t>
  </si>
  <si>
    <t>POINT (4.647944789166325 51.81611813631639)</t>
  </si>
  <si>
    <t>POINT (4.641658981797287 51.825899856450334)</t>
  </si>
  <si>
    <t>POINT (4.600974752366992 51.82051739498469)</t>
  </si>
  <si>
    <t>POINT (4.608431942224071 51.81326634158388)</t>
  </si>
  <si>
    <t>POINT (4.637368559202455 51.815045274124564)</t>
  </si>
  <si>
    <t>POINT (4.638867785483487 51.82309810816904)</t>
  </si>
  <si>
    <t>POINT (4.643327087942237 51.819556534620205)</t>
  </si>
  <si>
    <t>POINT (4.659661458814927 51.82386167295801)</t>
  </si>
  <si>
    <t>POINT (4.658238696113991 51.82406453745756)</t>
  </si>
  <si>
    <t>POINT (4.637042193513208 51.82299076059282)</t>
  </si>
  <si>
    <t>POINT (4.656415170465686 51.82322621284534)</t>
  </si>
  <si>
    <t>POINT (4.635909827273157 51.81022700545097)</t>
  </si>
  <si>
    <t>POINT (4.6551374151688565 51.82107816282752)</t>
  </si>
  <si>
    <t>POINT (4.644430935886726 51.8152641085127)</t>
  </si>
  <si>
    <t>POINT (4.6197692422864565 51.82082596983762)</t>
  </si>
  <si>
    <t>POINT (4.635051803393008 51.821360452560185)</t>
  </si>
  <si>
    <t>POINT (4.634732193228164 51.80881467746343)</t>
  </si>
  <si>
    <t>POINT (4.65180803983394 51.821445066697606)</t>
  </si>
  <si>
    <t>POINT (4.634199065529956 51.809594066320564)</t>
  </si>
  <si>
    <t>POINT (4.56202002560511 51.83232120872283)</t>
  </si>
  <si>
    <t>POINT (4.617652991739197 51.81895013680033)</t>
  </si>
  <si>
    <t>POINT (4.6344007267180585 51.81143381175005)</t>
  </si>
  <si>
    <t>POINT (4.561945612647096 51.834595361010315)</t>
  </si>
  <si>
    <t>POINT (4.62963824599321 51.8089633568741)</t>
  </si>
  <si>
    <t>POINT (4.647354919740739 51.826137199222906)</t>
  </si>
  <si>
    <t>POINT (4.6127062087640205 51.8134278957978)</t>
  </si>
  <si>
    <t>POINT (4.646740501733439 51.823925812328426)</t>
  </si>
  <si>
    <t>POINT (4.657052524188832 51.82728826866848)</t>
  </si>
  <si>
    <t>POINT (4.638016723938119 51.808338860859784)</t>
  </si>
  <si>
    <t>POINT (4.643475316703421 51.81754105876073)</t>
  </si>
  <si>
    <t>POINT (4.604168659826357 51.813945232198634)</t>
  </si>
  <si>
    <t>POINT (4.647949362502733 51.826633910790704)</t>
  </si>
  <si>
    <t>POINT (4.629868557683826 51.812574854154526)</t>
  </si>
  <si>
    <t>POINT (4.6424736430789055 51.82245998816494)</t>
  </si>
  <si>
    <t>POINT (4.645125938445997 51.81651779882033)</t>
  </si>
  <si>
    <t>POINT (4.652695073073247 51.82099677378331)</t>
  </si>
  <si>
    <t>POINT (4.649645839974043 51.81694056276886)</t>
  </si>
  <si>
    <t>POINT (4.599065401915474 51.81341200575006)</t>
  </si>
  <si>
    <t>POINT (4.566467056541067 51.83934174623147)</t>
  </si>
  <si>
    <t>POINT (4.605660064196741 51.820808656153105)</t>
  </si>
  <si>
    <t>POINT (4.567304295237438 51.835828746883884)</t>
  </si>
  <si>
    <t>POINT (4.563192112398814 51.83446728182285)</t>
  </si>
  <si>
    <t>POINT (4.636514697984545 51.81074186648482)</t>
  </si>
  <si>
    <t>POINT (4.602641170151815 51.819378946864916)</t>
  </si>
  <si>
    <t>POINT (4.661948054604377 51.82192517481735)</t>
  </si>
  <si>
    <t>POINT (4.644724363953003 51.81499945951959)</t>
  </si>
  <si>
    <t>POINT (4.644795230653629 51.815028123366645)</t>
  </si>
  <si>
    <t>POINT (4.570380060221352 51.83608989173335)</t>
  </si>
  <si>
    <t>POINT (4.646114162710901 51.82023674977657)</t>
  </si>
  <si>
    <t>POINT (4.565306506752804 51.83796278974987)</t>
  </si>
  <si>
    <t>POINT (4.631832382097269 51.81389816398157)</t>
  </si>
  <si>
    <t>POINT (4.600352931170438 51.81439466527435)</t>
  </si>
  <si>
    <t>POINT (4.625279041522133 51.81452625776761)</t>
  </si>
  <si>
    <t>POINT (4.655354573541109 51.825210038764055)</t>
  </si>
  <si>
    <t>POINT (4.6055287400505565 51.81592078192753)</t>
  </si>
  <si>
    <t>POINT (4.639267728787593 51.82295719797167)</t>
  </si>
  <si>
    <t>POINT (4.571418712037003 51.828213770464814)</t>
  </si>
  <si>
    <t>POINT (4.6550031091571915 51.817430212615356)</t>
  </si>
  <si>
    <t>POINT (4.636762189030671 51.8177815854223)</t>
  </si>
  <si>
    <t>POINT (4.635866907793637 51.810226766611784)</t>
  </si>
  <si>
    <t>POINT (4.61216338127026 51.82073106388319)</t>
  </si>
  <si>
    <t>POINT (4.640120926142052 51.82248389420553)</t>
  </si>
  <si>
    <t>POINT (4.639708825048402 51.81375564686086)</t>
  </si>
  <si>
    <t>POINT (4.594967618341802 51.81390131056232)</t>
  </si>
  <si>
    <t>POINT (4.637171911935902 51.81202597065392)</t>
  </si>
  <si>
    <t>POINT (4.562653810890287 51.83541309134486)</t>
  </si>
  <si>
    <t>POINT (4.6508619832867835 51.82252105780844)</t>
  </si>
  <si>
    <t>POINT (4.569477072793418 51.83353402919569)</t>
  </si>
  <si>
    <t>POINT (4.642992565561352 51.826447164193745)</t>
  </si>
  <si>
    <t>POINT (4.659819429373709 51.82664487029214)</t>
  </si>
  <si>
    <t>POINT (4.65137596575386 51.81680124021551)</t>
  </si>
  <si>
    <t>POINT (4.611864333547257 51.813418974756836)</t>
  </si>
  <si>
    <t>POINT (4.641898443597255 51.820842444678824)</t>
  </si>
  <si>
    <t>POINT (4.6418154447512405 51.8215864418293)</t>
  </si>
  <si>
    <t>POINT (4.628169080110179 51.813669413616836)</t>
  </si>
  <si>
    <t>POINT (4.627493583570793 51.8087609980484)</t>
  </si>
  <si>
    <t>POINT (4.625823283951411 51.81322417953665)</t>
  </si>
  <si>
    <t>POINT (4.612691555832814 51.81351010884318)</t>
  </si>
  <si>
    <t>POINT (4.640735671161707 51.82492102567995)</t>
  </si>
  <si>
    <t>POINT (4.625831931581746 51.811181002013896)</t>
  </si>
  <si>
    <t>POINT (4.649449325242107 51.81395107355943)</t>
  </si>
  <si>
    <t>POINT (4.626307596402335 51.81419091971926)</t>
  </si>
  <si>
    <t>POINT (4.648641478814616 51.8179235864479)</t>
  </si>
  <si>
    <t>POINT (4.631903063130657 51.82121184578666)</t>
  </si>
  <si>
    <t>POINT (4.649338245942573 51.81267546402156)</t>
  </si>
  <si>
    <t>POINT (4.605194907535418 51.81868980957043)</t>
  </si>
  <si>
    <t>POINT (4.6343401520435075 51.80949032503362)</t>
  </si>
  <si>
    <t>POINT (4.628217860994182 51.82307525895592)</t>
  </si>
  <si>
    <t>POINT (4.629785923052081 51.82121291649507)</t>
  </si>
  <si>
    <t>POINT (4.616303677683427 51.81440477427904)</t>
  </si>
  <si>
    <t>POINT (4.640356712478775 51.80941363558057)</t>
  </si>
  <si>
    <t>POINT (4.651870995590159 51.82161901460592)</t>
  </si>
  <si>
    <t>POINT (4.607058264881012 51.82254002683222)</t>
  </si>
  <si>
    <t>POINT (4.6347533438365005 51.824328161609415)</t>
  </si>
  <si>
    <t>POINT (4.643374199340021 51.822056111379574)</t>
  </si>
  <si>
    <t>POINT (4.651638537838542 51.82467670236035)</t>
  </si>
  <si>
    <t>POINT (4.6326906275500495 51.81379961391593)</t>
  </si>
  <si>
    <t>POINT (4.616746679870172 51.81434153556304)</t>
  </si>
  <si>
    <t>POINT (4.654484560180963 51.82681093190731)</t>
  </si>
  <si>
    <t>POINT (4.652278310653427 51.820971063933655)</t>
  </si>
  <si>
    <t>POINT (4.626213643379302 51.81393697264948)</t>
  </si>
  <si>
    <t>POINT (4.595261739159144 51.81470885769246)</t>
  </si>
  <si>
    <t>POINT (4.581149664613217 51.82505460736716)</t>
  </si>
  <si>
    <t>POINT (4.633610927009757 51.81268756597841)</t>
  </si>
  <si>
    <t>POINT (4.6145527539056115 51.81309335511911)</t>
  </si>
  <si>
    <t>POINT (4.633223177102473 51.80936093390906)</t>
  </si>
  <si>
    <t>POINT (4.646135448157244 51.818962369057814)</t>
  </si>
  <si>
    <t>POINT (4.611786078020128 51.81749992244988)</t>
  </si>
  <si>
    <t>POINT (4.626418360968692 51.81602685391192)</t>
  </si>
  <si>
    <t>POINT (4.566468900901174 51.837988477167634)</t>
  </si>
  <si>
    <t>POINT (4.612045624904904 51.8189586906494)</t>
  </si>
  <si>
    <t>POINT (4.6433529615158475 51.820456655284715)</t>
  </si>
  <si>
    <t>POINT (4.562428015608191 51.835141249399065)</t>
  </si>
  <si>
    <t>POINT (4.6294703359961 51.80667446483316)</t>
  </si>
  <si>
    <t>POINT (4.641647588621744 51.81714266041334)</t>
  </si>
  <si>
    <t>POINT (4.628419407819549 51.81053878092549)</t>
  </si>
  <si>
    <t>POINT (4.614187539545664 51.81602525540761)</t>
  </si>
  <si>
    <t>POINT (4.664544251467795 51.823069015065855)</t>
  </si>
  <si>
    <t>POINT (4.619696422375697 51.82023350613993)</t>
  </si>
  <si>
    <t>POINT (4.638570637065962 51.81109044110037)</t>
  </si>
  <si>
    <t>POINT (4.632949062023062 51.81180831702367)</t>
  </si>
  <si>
    <t>POINT (4.633240818172238 51.811679298339826)</t>
  </si>
  <si>
    <t>POINT (4.561085609961711 51.83448713672547)</t>
  </si>
  <si>
    <t>POINT (4.6380087488164135 51.82555385721724)</t>
  </si>
  <si>
    <t>POINT (4.641888603762871 51.817309457420585)</t>
  </si>
  <si>
    <t>POINT (4.599016486023631 51.814879376121375)</t>
  </si>
  <si>
    <t>POINT (4.658776220743202 51.82559084328121)</t>
  </si>
  <si>
    <t>POINT (4.636219843184214 51.807780807284296)</t>
  </si>
  <si>
    <t>POINT (4.63021394812112 51.81171732150592)</t>
  </si>
  <si>
    <t>POINT (4.60299962040373 51.81963771005307)</t>
  </si>
  <si>
    <t>POINT (4.660378191475475 51.82765922416555)</t>
  </si>
  <si>
    <t>POINT (4.607653355645916 51.81294975753336)</t>
  </si>
  <si>
    <t>POINT (4.655397831669204 51.825286784118795)</t>
  </si>
  <si>
    <t>POINT (4.635616871843826 51.821916751413355)</t>
  </si>
  <si>
    <t>POINT (4.644916568963011 51.82078436792631)</t>
  </si>
  <si>
    <t>POINT (4.602233625402392 51.8206294660579)</t>
  </si>
  <si>
    <t>POINT (4.638031194470427 51.80916191432105)</t>
  </si>
  <si>
    <t>POINT (4.585191116936107 51.82377141107912)</t>
  </si>
  <si>
    <t>POINT (4.6250910369468805 51.811966777122024)</t>
  </si>
  <si>
    <t>POINT (4.641652874659081 51.81553483203834)</t>
  </si>
  <si>
    <t>POINT (4.651847607427274 51.820699227048856)</t>
  </si>
  <si>
    <t>POINT (4.561317266766387 51.833849711532814)</t>
  </si>
  <si>
    <t>POINT (4.64519659247571 51.814484490706285)</t>
  </si>
  <si>
    <t>POINT (4.586633090479243 51.841725049545936)</t>
  </si>
  <si>
    <t>POINT (4.658408721544263 51.82152462989255)</t>
  </si>
  <si>
    <t>POINT (4.633930162850967 51.82471329638767)</t>
  </si>
  <si>
    <t>POINT (4.642159865549737 51.81606137367696)</t>
  </si>
  <si>
    <t>POINT (4.644176910598472 51.82574411202448)</t>
  </si>
  <si>
    <t>POINT (4.637767130806362 51.80871108941229)</t>
  </si>
  <si>
    <t>POINT (4.566865666195015 51.83503941006114)</t>
  </si>
  <si>
    <t>POINT (4.6360807337823795 51.82449169173279)</t>
  </si>
  <si>
    <t>POINT (4.646526666913635 51.82410373341499)</t>
  </si>
  <si>
    <t>POINT (4.634855797731638 51.819601807058255)</t>
  </si>
  <si>
    <t>POINT (4.650374272570083 51.82653981986806)</t>
  </si>
  <si>
    <t>POINT (4.604129236880329 51.814125049398804)</t>
  </si>
  <si>
    <t>POINT (4.6352940274887615 51.810787453222574)</t>
  </si>
  <si>
    <t>POINT (4.625249176003034 51.81394305595849)</t>
  </si>
  <si>
    <t>POINT (4.629528332681606 51.81209478215362)</t>
  </si>
  <si>
    <t>POINT (4.638203872893887 51.82540793970528)</t>
  </si>
  <si>
    <t>POINT (4.657154714387461 51.82404801150639)</t>
  </si>
  <si>
    <t>POINT (4.6334380222424025 51.81281581198651)</t>
  </si>
  <si>
    <t>POINT (4.635381010503529 51.8085035033207)</t>
  </si>
  <si>
    <t>POINT (4.616532755269271 51.821397001547766)</t>
  </si>
  <si>
    <t>POINT (4.635674352241398 51.82047283380139)</t>
  </si>
  <si>
    <t>POINT (4.642303698710792 51.82443224125829)</t>
  </si>
  <si>
    <t>POINT (4.660018434742929 51.825005554272984)</t>
  </si>
  <si>
    <t>POINT (4.629084747155551 51.811449134489706)</t>
  </si>
  <si>
    <t>POINT (4.6324658228889986 51.81809736675523)</t>
  </si>
  <si>
    <t>POINT (4.643990459770188 51.826744450654836)</t>
  </si>
  <si>
    <t>POINT (4.65325795620241 51.822187564900844)</t>
  </si>
  <si>
    <t>POINT (4.659304690729381 51.82129770688932)</t>
  </si>
  <si>
    <t>POINT (4.644450804414033 51.82481356623368)</t>
  </si>
  <si>
    <t>POINT (4.634602959921101 51.821678894190924)</t>
  </si>
  <si>
    <t>POINT (4.632322145060471 51.81975787828324)</t>
  </si>
  <si>
    <t>POINT (4.655804563081948 51.82709783131075)</t>
  </si>
  <si>
    <t>POINT (4.640302226823984 51.82580469666423)</t>
  </si>
  <si>
    <t>POINT (4.6272709490914234 51.813365966845126)</t>
  </si>
  <si>
    <t>POINT (4.607491443336397 51.81294871780055)</t>
  </si>
  <si>
    <t>POINT (4.628246853166614 51.809194247703836)</t>
  </si>
  <si>
    <t>POINT (4.605168930733167 51.81408089058823)</t>
  </si>
  <si>
    <t>POINT (4.648933215992619 51.817350820126094)</t>
  </si>
  <si>
    <t>POINT (4.646482958946472 51.824127718043734)</t>
  </si>
  <si>
    <t>POINT (4.606328370332227 51.81358369642401)</t>
  </si>
  <si>
    <t>POINT (4.648658327937467 51.812921243423006)</t>
  </si>
  <si>
    <t>POINT (4.568774015468328 51.83834982775882)</t>
  </si>
  <si>
    <t>POINT (4.56732962732511 51.83540067309412)</t>
  </si>
  <si>
    <t>POINT (4.6125834084398445 51.81314741007863)</t>
  </si>
  <si>
    <t>POINT (4.651721092207707 51.82749611362126)</t>
  </si>
  <si>
    <t>POINT (4.634273026909806 51.821374452246886)</t>
  </si>
  <si>
    <t>POINT (4.650456724269916 51.81441382106869)</t>
  </si>
  <si>
    <t>POINT (4.629830294633954 51.80965827359032)</t>
  </si>
  <si>
    <t>POINT (4.616404539981223 51.81458900445418)</t>
  </si>
  <si>
    <t>POINT (4.645110203098178 51.824326011180446)</t>
  </si>
  <si>
    <t>POINT (4.622312474522905 51.81311809522021)</t>
  </si>
  <si>
    <t>POINT (4.640329373838145 51.825696672583284)</t>
  </si>
  <si>
    <t>POINT (4.62992727442876 51.808532577677916)</t>
  </si>
  <si>
    <t>POINT (4.61468329155795 51.81811515213272)</t>
  </si>
  <si>
    <t>POINT (4.629606624682129 51.81495064108263)</t>
  </si>
  <si>
    <t>POINT (4.614764290170889 51.82243702832762)</t>
  </si>
  <si>
    <t>POINT (4.613851095835694 51.814981272921536)</t>
  </si>
  <si>
    <t>POINT (4.635095287494273 51.80923478249272)</t>
  </si>
  <si>
    <t>POINT (4.5977461316692185 51.81468410504065)</t>
  </si>
  <si>
    <t>POINT (4.651886359588695 51.814947682016815)</t>
  </si>
  <si>
    <t>POINT (4.630536358905065 51.811954347774034)</t>
  </si>
  <si>
    <t>POINT (4.60543963867517 51.82153363874179)</t>
  </si>
  <si>
    <t>POINT (4.61595480406551 51.81518130966846)</t>
  </si>
  <si>
    <t>POINT (4.637111584431464 51.815421885442206)</t>
  </si>
  <si>
    <t>POINT (4.614523790825639 51.820565693750815)</t>
  </si>
  <si>
    <t>POINT (4.627087777757425 51.81474184210576)</t>
  </si>
  <si>
    <t>POINT (4.655420933083509 51.82829427734993)</t>
  </si>
  <si>
    <t>POINT (4.636725585304052 51.81456762132271)</t>
  </si>
  <si>
    <t>POINT (4.611317078182174 51.822458649618646)</t>
  </si>
  <si>
    <t>POINT (4.559658818159104 51.83603205106134)</t>
  </si>
  <si>
    <t>POINT (4.601369110158112 51.82000049217759)</t>
  </si>
  <si>
    <t>POINT (4.626999303986248 51.81354598616165)</t>
  </si>
  <si>
    <t>POINT (4.617414360472475 51.82175516269589)</t>
  </si>
  <si>
    <t>POINT (4.656521306669043 51.82155746968077)</t>
  </si>
  <si>
    <t>POINT (4.568192686158337 51.83783914114968)</t>
  </si>
  <si>
    <t>POINT (4.59897234805398 51.816873706908154)</t>
  </si>
  <si>
    <t>POINT (4.611958242864504 51.821173805607366)</t>
  </si>
  <si>
    <t>POINT (4.635717299501214 51.81036856726676)</t>
  </si>
  <si>
    <t>POINT (4.6430306253134175 51.8152910302492)</t>
  </si>
  <si>
    <t>POINT (4.602461140031656 51.81617419592915)</t>
  </si>
  <si>
    <t>POINT (4.614034456065461 51.821530232210236)</t>
  </si>
  <si>
    <t>POINT (4.628740952458979 51.81483894671653)</t>
  </si>
  <si>
    <t>POINT (4.63082249952774 51.813026648884446)</t>
  </si>
  <si>
    <t>POINT (4.655829918023635 51.82077104946224)</t>
  </si>
  <si>
    <t>POINT (4.626119649423511 51.814036002968216)</t>
  </si>
  <si>
    <t>POINT (4.650934098164112 51.82258881745821)</t>
  </si>
  <si>
    <t>POINT (4.561222554197096 51.83600546432633)</t>
  </si>
  <si>
    <t>POINT (4.644129265064843 51.8153458475732)</t>
  </si>
  <si>
    <t>POINT (4.626011221721762 51.81284856491027)</t>
  </si>
  <si>
    <t>POINT (4.609338834133392 51.821939463441936)</t>
  </si>
  <si>
    <t>POINT (4.629933021674994 51.81391636764239)</t>
  </si>
  <si>
    <t>POINT (4.627078109412454 51.812740029381246)</t>
  </si>
  <si>
    <t>POINT (4.625176051298797 51.82273559631992)</t>
  </si>
  <si>
    <t>POINT (4.635444370268422 51.82022927733121)</t>
  </si>
  <si>
    <t>POINT (4.62688257245559 51.8136140924397)</t>
  </si>
  <si>
    <t>POINT (4.6349247819100965 51.82589532446504)</t>
  </si>
  <si>
    <t>POINT (4.560433361827692 51.83436414484484)</t>
  </si>
  <si>
    <t>POINT (4.617538239534774 51.82002361652566)</t>
  </si>
  <si>
    <t>POINT (4.613158711941462 51.821278537536095)</t>
  </si>
  <si>
    <t>POINT (4.651940611114031 51.82066717182032)</t>
  </si>
  <si>
    <t>POINT (4.6434447640872465 51.815998836740974)</t>
  </si>
  <si>
    <t>POINT (4.6458134674689076 51.819367568082875)</t>
  </si>
  <si>
    <t>POINT (4.569935661175686 51.83709446341994)</t>
  </si>
  <si>
    <t>POINT (4.641623258295627 51.81645303695599)</t>
  </si>
  <si>
    <t>POINT (4.640728335108527 51.813630487842595)</t>
  </si>
  <si>
    <t>POINT (4.632090409257362 51.81112391366674)</t>
  </si>
  <si>
    <t>POINT (4.616842417769848 51.814656005229146)</t>
  </si>
  <si>
    <t>POINT (4.655880011686773 51.81783911028281)</t>
  </si>
  <si>
    <t>POINT (4.627960508531896 51.827622469086684)</t>
  </si>
  <si>
    <t>POINT (4.614423944240408 51.81922208616953)</t>
  </si>
  <si>
    <t>POINT (4.566481746785393 51.8338241986338)</t>
  </si>
  <si>
    <t>POINT (4.633797934005931 51.82432764170345)</t>
  </si>
  <si>
    <t>POINT (4.647007882157688 51.82290836190149)</t>
  </si>
  <si>
    <t>POINT (4.657205811773058 51.82878049634129)</t>
  </si>
  <si>
    <t>POINT (4.632638272233574 51.81141432143617)</t>
  </si>
  <si>
    <t>POINT (4.638043119936457 51.81040435546134)</t>
  </si>
  <si>
    <t>POINT (4.644846050330762 51.81819235683012)</t>
  </si>
  <si>
    <t>POINT (4.628403624604439 51.810544296813326)</t>
  </si>
  <si>
    <t>POINT (4.650115672623095 51.8182357012402)</t>
  </si>
  <si>
    <t>POINT (4.611897165363877 51.82118971667113)</t>
  </si>
  <si>
    <t>POINT (4.652196313306842 51.82799711684425)</t>
  </si>
  <si>
    <t>POINT (4.6582458069296555 51.825806020011306)</t>
  </si>
  <si>
    <t>POINT (4.634695525622552 51.818779967505115)</t>
  </si>
  <si>
    <t>POINT (4.64208170579414 51.8252980516487)</t>
  </si>
  <si>
    <t>POINT (4.626173727996532 51.811969893477645)</t>
  </si>
  <si>
    <t>POINT (4.558924208052872 51.8356313470472)</t>
  </si>
  <si>
    <t>POINT (4.621745318910892 51.814805408341606)</t>
  </si>
  <si>
    <t>POINT (4.626026741964098 51.81089598422204)</t>
  </si>
  <si>
    <t>POINT (4.5621423540178645 51.83249665714102)</t>
  </si>
  <si>
    <t>POINT (4.637927503891228 51.81881416499534)</t>
  </si>
  <si>
    <t>POINT (4.639805615027605 51.82398049014803)</t>
  </si>
  <si>
    <t>POINT (4.617742364857597 51.81924245151629)</t>
  </si>
  <si>
    <t>POINT (4.617480888490044 51.82104120315851)</t>
  </si>
  <si>
    <t>POINT (4.661732623373979 51.824626251395294)</t>
  </si>
  <si>
    <t>POINT (4.6167893129478 51.82064956658252)</t>
  </si>
  <si>
    <t>POINT (4.609581288485708 51.81456170637712)</t>
  </si>
  <si>
    <t>POINT (4.624676155113291 51.811365802034615)</t>
  </si>
  <si>
    <t>POINT (4.627504954927877 51.80870747195287)</t>
  </si>
  <si>
    <t>POINT (4.599935640549235 51.81621883588476)</t>
  </si>
  <si>
    <t>POINT (4.61557148756991 51.81385828385121)</t>
  </si>
  <si>
    <t>POINT (4.656223532244795 51.82428924268153)</t>
  </si>
  <si>
    <t>POINT (4.637249782256235 51.81486479505331)</t>
  </si>
  <si>
    <t>POINT (4.633398503155765 51.806964627062044)</t>
  </si>
  <si>
    <t>POINT (4.566111713303265 51.8327764353153)</t>
  </si>
  <si>
    <t>POINT (4.641922230749918 51.80903018935369)</t>
  </si>
  <si>
    <t>POINT (4.654324079533782 51.82898184494865)</t>
  </si>
  <si>
    <t>POINT (4.613590021456155 51.81465145480993)</t>
  </si>
  <si>
    <t>POINT (4.652178775459845 51.82024998876419)</t>
  </si>
  <si>
    <t>POINT (4.636201836140351 51.81935244340372)</t>
  </si>
  <si>
    <t>POINT (4.6552288862339415 51.82339383919045)</t>
  </si>
  <si>
    <t>POINT (4.637532016216815 51.82021354341848)</t>
  </si>
  <si>
    <t>POINT (4.645518354990588 51.81528168254746)</t>
  </si>
  <si>
    <t>POINT (4.6262280337674 51.815081140172474)</t>
  </si>
  <si>
    <t>POINT (4.635380255228356 51.82064962754176)</t>
  </si>
  <si>
    <t>POINT (4.632365042663181 51.81982925481254)</t>
  </si>
  <si>
    <t>POINT (4.657536599075005 51.82622187870196)</t>
  </si>
  <si>
    <t>POINT (4.6302412945149465 51.80686153426074)</t>
  </si>
  <si>
    <t>POINT (4.638703296815043 51.82533399368121)</t>
  </si>
  <si>
    <t>POINT (4.615641388119239 51.821847178473064)</t>
  </si>
  <si>
    <t>POINT (4.656007011919015 51.81774570021769)</t>
  </si>
  <si>
    <t>POINT (4.618286416739008 51.81506061945816)</t>
  </si>
  <si>
    <t>POINT (4.632298567863136 51.81362922843135)</t>
  </si>
  <si>
    <t>POINT (4.5938828625934445 51.80866988586138)</t>
  </si>
  <si>
    <t>POINT (4.641477995548709 51.81924181822733)</t>
  </si>
  <si>
    <t>POINT (4.6368317142771565 51.81655336467636)</t>
  </si>
  <si>
    <t>POINT (4.633505579338464 51.80922489723919)</t>
  </si>
  <si>
    <t>POINT (4.645198655940357 51.81491687793418)</t>
  </si>
  <si>
    <t>POINT (4.562313253996493 51.833694611593415)</t>
  </si>
  <si>
    <t>POINT (4.6419803652501725 51.82258386735216)</t>
  </si>
  <si>
    <t>POINT (4.6359073247116624 51.810197048044344)</t>
  </si>
  <si>
    <t>POINT (4.601306876096563 51.81563031189881)</t>
  </si>
  <si>
    <t>POINT (4.567645240425838 51.8345580968412)</t>
  </si>
  <si>
    <t>POINT (4.619200240181696 51.81445503798855)</t>
  </si>
  <si>
    <t>POINT (4.603581552621729 51.814721508219804)</t>
  </si>
  <si>
    <t>POINT (4.643836266836714 51.82020408809014)</t>
  </si>
  <si>
    <t>POINT (4.618038116328453 51.81358152554298)</t>
  </si>
  <si>
    <t>POINT (4.569045536535192 51.8378135016386)</t>
  </si>
  <si>
    <t>POINT (4.645854261537399 51.81488259464976)</t>
  </si>
  <si>
    <t>POINT (4.624623744640611 51.81356763373091)</t>
  </si>
  <si>
    <t>POINT (4.60428646777208 51.81611949334655)</t>
  </si>
  <si>
    <t>POINT (4.654763853475207 51.817388666104016)</t>
  </si>
  <si>
    <t>POINT (4.628893700613767 51.82368689498246)</t>
  </si>
  <si>
    <t>POINT (4.62232839196359 51.8131714391361)</t>
  </si>
  <si>
    <t>POINT (4.641562685925021 51.82580801858591)</t>
  </si>
  <si>
    <t>POINT (4.6288854219763484 51.808972957104594)</t>
  </si>
  <si>
    <t>POINT (4.644363396617455 51.824837057804245)</t>
  </si>
  <si>
    <t>POINT (4.656534048937538 51.82844565949299)</t>
  </si>
  <si>
    <t>POINT (4.6196643126364 51.82808909356735)</t>
  </si>
  <si>
    <t>POINT (4.560371245490588 51.83310249546993)</t>
  </si>
  <si>
    <t>POINT (4.646701498317168 51.824007794735614)</t>
  </si>
  <si>
    <t>POINT (4.636073360020546 51.82556253028032)</t>
  </si>
  <si>
    <t>POINT (4.614008540997856 51.815233895703116)</t>
  </si>
  <si>
    <t>POINT (4.6505573261641056 51.8183182038539)</t>
  </si>
  <si>
    <t>POINT (4.632372923807992 51.80907555917164)</t>
  </si>
  <si>
    <t>POINT (4.630860692594956 51.81023394992884)</t>
  </si>
  <si>
    <t>POINT (4.650600771867039 51.82687996180584)</t>
  </si>
  <si>
    <t>POINT (4.605621921348145 51.81940563981887)</t>
  </si>
  <si>
    <t>POINT (4.5686456357134775 51.8377265163747)</t>
  </si>
  <si>
    <t>POINT (4.601391556995061 51.814309202531106)</t>
  </si>
  <si>
    <t>POINT (4.61921164958022 51.81345498290481)</t>
  </si>
  <si>
    <t>POINT (4.615649782331542 51.8182139860017)</t>
  </si>
  <si>
    <t>POINT (4.6451902503505105 51.82520325548994)</t>
  </si>
  <si>
    <t>POINT (4.5668344157148235 51.834500613030286)</t>
  </si>
  <si>
    <t>POINT (4.611885325538443 51.8134893873058)</t>
  </si>
  <si>
    <t>POINT (4.564223933062933 51.832326191240114)</t>
  </si>
  <si>
    <t>POINT (4.626976097349571 51.812926954006954)</t>
  </si>
  <si>
    <t>POINT (4.63670565481593 51.81455392092581)</t>
  </si>
  <si>
    <t>POINT (4.647195470985724 51.826185532936805)</t>
  </si>
  <si>
    <t>POINT (4.616774932079691 51.8191445726487)</t>
  </si>
  <si>
    <t>POINT (4.63193091642008 51.82406202647218)</t>
  </si>
  <si>
    <t>POINT (4.637457363498558 51.82052389562833)</t>
  </si>
  <si>
    <t>POINT (4.604452384257194 51.81457505983063)</t>
  </si>
  <si>
    <t>3332BW</t>
  </si>
  <si>
    <t>Ds. Kerstenplein</t>
  </si>
  <si>
    <t>POINT (4.656366364669428 51.82082046708946)</t>
  </si>
  <si>
    <t>POINT (4.6352518118986294 51.81049021379717)</t>
  </si>
  <si>
    <t>POINT (4.641852609098027 51.81815223350711)</t>
  </si>
  <si>
    <t>POINT (4.644784079290668 51.81658765409022)</t>
  </si>
  <si>
    <t>POINT (4.608240046891305 51.818865520745774)</t>
  </si>
  <si>
    <t>POINT (4.619937113721641 51.81988129322272)</t>
  </si>
  <si>
    <t>POINT (4.655650726100786 51.82616721916221)</t>
  </si>
  <si>
    <t>POINT (4.619601837200938 51.81214979399465)</t>
  </si>
  <si>
    <t>POINT (4.636070745751294 51.81010868354399)</t>
  </si>
  <si>
    <t>POINT (4.627422719304995 51.80732211077089)</t>
  </si>
  <si>
    <t>POINT (4.652287907126179 51.82420861281242)</t>
  </si>
  <si>
    <t>POINT (4.617355990384496 51.81796349317316)</t>
  </si>
  <si>
    <t>POINT (4.5630839911204015 51.83584902825233)</t>
  </si>
  <si>
    <t>POINT (4.651858881178515 51.82360003484095)</t>
  </si>
  <si>
    <t>POINT (4.6318733568158414 51.823379198266544)</t>
  </si>
  <si>
    <t>POINT (4.629795983729821 51.82216618817958)</t>
  </si>
  <si>
    <t>POINT (4.606139447254755 51.81880867432997)</t>
  </si>
  <si>
    <t>POINT (4.6439673949162845 51.82051056096786)</t>
  </si>
  <si>
    <t>POINT (4.63366667701249 51.812655196094454)</t>
  </si>
  <si>
    <t>POINT (4.643501883555269 51.8159773382203)</t>
  </si>
  <si>
    <t>POINT (4.637422308827806 51.809141620988704)</t>
  </si>
  <si>
    <t>POINT (4.628204633319616 51.80832897253124)</t>
  </si>
  <si>
    <t>POINT (4.628115082788865 51.81321237491423)</t>
  </si>
  <si>
    <t>POINT (4.659427074572176 51.82292228781365)</t>
  </si>
  <si>
    <t>POINT (4.63695372647451 51.8121318201676)</t>
  </si>
  <si>
    <t>POINT (4.6341679934001885 51.80815168228474)</t>
  </si>
  <si>
    <t>POINT (4.648114357760182 51.81280709599296)</t>
  </si>
  <si>
    <t>POINT (4.606814688887798 51.81411492945713)</t>
  </si>
  <si>
    <t>POINT (4.654965580066556 51.81696377141937)</t>
  </si>
  <si>
    <t>POINT (4.6366038385457315 51.81167036775478)</t>
  </si>
  <si>
    <t>POINT (4.614095245378605 51.8160360541217)</t>
  </si>
  <si>
    <t>POINT (4.662030411119263 51.82579379608942)</t>
  </si>
  <si>
    <t>POINT (4.633924681100283 51.80976401659331)</t>
  </si>
  <si>
    <t>POINT (4.643000788860734 51.82617582998548)</t>
  </si>
  <si>
    <t>POINT (4.628484375700465 51.81345562459978)</t>
  </si>
  <si>
    <t>POINT (4.626225515602746 51.81294408453205)</t>
  </si>
  <si>
    <t>POINT (4.641244272930182 51.81662589022583)</t>
  </si>
  <si>
    <t>POINT (4.641792729265922 51.82598315912455)</t>
  </si>
  <si>
    <t>POINT (4.622490960698177 51.812045448359285)</t>
  </si>
  <si>
    <t>POINT (4.653470931115525 51.815858598761835)</t>
  </si>
  <si>
    <t>POINT (4.59502846055098 51.813929109984386)</t>
  </si>
  <si>
    <t>POINT (4.657469346861256 51.822119641158466)</t>
  </si>
  <si>
    <t>POINT (4.60646099283457 51.81879236000458)</t>
  </si>
  <si>
    <t>POINT (4.628679666518606 51.82190654026781)</t>
  </si>
  <si>
    <t>POINT (4.647136360000602 51.82286653875088)</t>
  </si>
  <si>
    <t>POINT (4.627034697006986 51.81289273606123)</t>
  </si>
  <si>
    <t>POINT (4.625007533937157 51.81382145148358)</t>
  </si>
  <si>
    <t>POINT (4.612437677378892 51.82465483116731)</t>
  </si>
  <si>
    <t>POINT (4.6559406390994535 51.82037002632468)</t>
  </si>
  <si>
    <t>POINT (4.604368923867228 51.812929646027264)</t>
  </si>
  <si>
    <t>POINT (4.60787926766812 51.82605852375341)</t>
  </si>
  <si>
    <t>POINT (4.656960571983172 51.818385285385396)</t>
  </si>
  <si>
    <t>POINT (4.644288715075275 51.82327010896914)</t>
  </si>
  <si>
    <t>POINT (4.611845061472168 51.81324687512357)</t>
  </si>
  <si>
    <t>POINT (4.638452650828562 51.81739943275507)</t>
  </si>
  <si>
    <t>POINT (4.632525987994454 51.8118387563217)</t>
  </si>
  <si>
    <t>POINT (4.6133775915815045 51.817991854034105)</t>
  </si>
  <si>
    <t>POINT (4.659201749437502 51.82130767505205)</t>
  </si>
  <si>
    <t>POINT (4.599797345996717 51.813470060695124)</t>
  </si>
  <si>
    <t>POINT (4.657024460278799 51.82940978865477)</t>
  </si>
  <si>
    <t>POINT (4.646074850550018 51.819297588100156)</t>
  </si>
  <si>
    <t>POINT (4.5661391967684075 51.83212174331024)</t>
  </si>
  <si>
    <t>POINT (4.658015618255038 51.8233990595746)</t>
  </si>
  <si>
    <t>POINT (4.605671266359384 51.81860998982801)</t>
  </si>
  <si>
    <t>POINT (4.635510075783961 51.818805465967436)</t>
  </si>
  <si>
    <t>POINT (4.665952163499103 51.82226303221514)</t>
  </si>
  <si>
    <t>POINT (4.603886232703002 51.81472354231891)</t>
  </si>
  <si>
    <t>POINT (4.599523363321874 51.81330522023104)</t>
  </si>
  <si>
    <t>POINT (4.631769166208848 51.825600596246574)</t>
  </si>
  <si>
    <t>POINT (4.603893367748512 51.814691005792255)</t>
  </si>
  <si>
    <t>POINT (4.629369136003885 51.821630106248335)</t>
  </si>
  <si>
    <t>POINT (4.608350558418752 51.82168727457217)</t>
  </si>
  <si>
    <t>POINT (4.642602240078433 51.8254349807823)</t>
  </si>
  <si>
    <t>POINT (4.635746046199448 51.82415216783988)</t>
  </si>
  <si>
    <t>POINT (4.645715667409307 51.82219426999031)</t>
  </si>
  <si>
    <t>POINT (4.639856899297964 51.8141752206678)</t>
  </si>
  <si>
    <t>POINT (4.6362305225852385 51.81535571182836)</t>
  </si>
  <si>
    <t>POINT (4.652831268150814 51.81609692376556)</t>
  </si>
  <si>
    <t>POINT (4.652489303378211 51.82159341291397)</t>
  </si>
  <si>
    <t>POINT (4.618664436070804 51.820378814908636)</t>
  </si>
  <si>
    <t>POINT (4.634757045960017 51.810608246058834)</t>
  </si>
  <si>
    <t>POINT (4.654472583039923 51.82065509668769)</t>
  </si>
  <si>
    <t>POINT (4.617923334749456 51.81296427279757)</t>
  </si>
  <si>
    <t>POINT (4.632774224270006 51.808333389178834)</t>
  </si>
  <si>
    <t>POINT (4.560916756471394 51.83575355087003)</t>
  </si>
  <si>
    <t>POINT (4.634004298957295 51.80810730608638)</t>
  </si>
  <si>
    <t>POINT (4.634103632014219 51.82461903951031)</t>
  </si>
  <si>
    <t>POINT (4.567887235276709 51.83805522040293)</t>
  </si>
  <si>
    <t>POINT (4.632292449499962 51.81109065199942)</t>
  </si>
  <si>
    <t>POINT (4.629192974580006 51.812637583984866)</t>
  </si>
  <si>
    <t>POINT (4.629508487106011 51.82073343018231)</t>
  </si>
  <si>
    <t>POINT (4.655971099764098 51.82084201388408)</t>
  </si>
  <si>
    <t>POINT (4.647415308879258 51.82290813515841)</t>
  </si>
  <si>
    <t>POINT (4.644680108213453 51.82061489156833)</t>
  </si>
  <si>
    <t>POINT (4.647357109452576 51.82364802234559)</t>
  </si>
  <si>
    <t>POINT (4.635125427077601 51.82544185438261)</t>
  </si>
  <si>
    <t>POINT (4.659217295263221 51.82745140293864)</t>
  </si>
  <si>
    <t>POINT (4.654549783652696 51.81640431843747)</t>
  </si>
  <si>
    <t>POINT (4.645038722483791 51.82437689359468)</t>
  </si>
  <si>
    <t>POINT (4.640821635115087 51.81910040649652)</t>
  </si>
  <si>
    <t>POINT (4.643721145546202 51.816196847152185)</t>
  </si>
  <si>
    <t>POINT (4.652348979832023 51.8182146683527)</t>
  </si>
  <si>
    <t>POINT (4.635102319276189 51.80986859445304)</t>
  </si>
  <si>
    <t>POINT (4.61476142754736 51.8188021617693)</t>
  </si>
  <si>
    <t>POINT (4.612317867870817 51.81197074956561)</t>
  </si>
  <si>
    <t>POINT (4.620658025056605 51.81515341049581)</t>
  </si>
  <si>
    <t>POINT (4.609252097934732 51.82053835613368)</t>
  </si>
  <si>
    <t>POINT (4.632082795382171 51.80717909654664)</t>
  </si>
  <si>
    <t>POINT (4.595254084433737 51.81405981901054)</t>
  </si>
  <si>
    <t>POINT (4.64698324545181 51.823822894976736)</t>
  </si>
  <si>
    <t>POINT (4.6504896087533725 51.8140140128126)</t>
  </si>
  <si>
    <t>POINT (4.639045005617226 51.81743065296268)</t>
  </si>
  <si>
    <t>POINT (4.634695365506561 51.81066250188282)</t>
  </si>
  <si>
    <t>POINT (4.649871912881763 51.81368837427546)</t>
  </si>
  <si>
    <t>POINT (4.629649603817009 51.807779850155065)</t>
  </si>
  <si>
    <t>POINT (4.604203333336326 51.814035512672206)</t>
  </si>
  <si>
    <t>POINT (4.64027581450727 51.81347683205312)</t>
  </si>
  <si>
    <t>POINT (4.629491417847221 51.81363461549332)</t>
  </si>
  <si>
    <t>POINT (4.595202106282338 51.81431580012742)</t>
  </si>
  <si>
    <t>POINT (4.617741796728561 51.821246076868746)</t>
  </si>
  <si>
    <t>POINT (4.632156466255136 51.81952217147717)</t>
  </si>
  <si>
    <t>POINT (4.628793402972234 51.80707097031932)</t>
  </si>
  <si>
    <t>POINT (4.6360779027809995 51.8217153178669)</t>
  </si>
  <si>
    <t>POINT (4.64197012939149 51.81912710246014)</t>
  </si>
  <si>
    <t>POINT (4.657587758532367 51.82447308198114)</t>
  </si>
  <si>
    <t>POINT (4.602811228178315 51.81883737115629)</t>
  </si>
  <si>
    <t>POINT (4.65208831365468 51.81680800549717)</t>
  </si>
  <si>
    <t>POINT (4.640119594194122 51.818004936847956)</t>
  </si>
  <si>
    <t>POINT (4.649762580931541 51.82806729839839)</t>
  </si>
  <si>
    <t>POINT (4.6480441349413795 51.81920419243594)</t>
  </si>
  <si>
    <t>POINT (4.649006532793021 51.815724616208364)</t>
  </si>
  <si>
    <t>POINT (4.6289115554832945 51.811979365204564)</t>
  </si>
  <si>
    <t>POINT (4.618926849008838 51.81969304032239)</t>
  </si>
  <si>
    <t>POINT (4.626811617057977 51.82740913689808)</t>
  </si>
  <si>
    <t>POINT (4.616040499329814 51.81175283726413)</t>
  </si>
  <si>
    <t>POINT (4.628205040865462 51.810289503837865)</t>
  </si>
  <si>
    <t>POINT (4.62973611344556 51.81249619305652)</t>
  </si>
  <si>
    <t>POINT (4.659013593821964 51.82134721752983)</t>
  </si>
  <si>
    <t>POINT (4.640342583865954 51.816067952767725)</t>
  </si>
  <si>
    <t>POINT (4.598592567830077 51.8140389307042)</t>
  </si>
  <si>
    <t>POINT (4.6299617459372575 51.80880089752849)</t>
  </si>
  <si>
    <t>POINT (4.654111365601679 51.827478923007)</t>
  </si>
  <si>
    <t>POINT (4.620302500258273 51.81247669255947)</t>
  </si>
  <si>
    <t>POINT (4.626556081835087 51.813087251585124)</t>
  </si>
  <si>
    <t>POINT (4.636325681191358 51.8161947418192)</t>
  </si>
  <si>
    <t>POINT (4.618670639798682 51.81773852882155)</t>
  </si>
  <si>
    <t>POINT (4.63685163737834 51.81773164086634)</t>
  </si>
  <si>
    <t>POINT (4.611721830866205 51.816102740395834)</t>
  </si>
  <si>
    <t>POINT (4.651413639443024 51.820118570864416)</t>
  </si>
  <si>
    <t>POINT (4.60907278491427 51.814693553169064)</t>
  </si>
  <si>
    <t>POINT (4.639757303709002 51.81766313599599)</t>
  </si>
  <si>
    <t>POINT (4.655736489038781 51.82077137507512)</t>
  </si>
  <si>
    <t>POINT (4.630665424280619 51.812463374609905)</t>
  </si>
  <si>
    <t>POINT (4.641449892185872 51.81655006501713)</t>
  </si>
  <si>
    <t>POINT (4.620451975153534 51.813967845951254)</t>
  </si>
  <si>
    <t>POINT (4.626593957432366 51.81306513316443)</t>
  </si>
  <si>
    <t>POINT (4.635269907051888 51.80978517459239)</t>
  </si>
  <si>
    <t>POINT (4.635108239016063 51.80990403891673)</t>
  </si>
  <si>
    <t>POINT (4.6526266561535685 51.81532990596667)</t>
  </si>
  <si>
    <t>POINT (4.633392533158743 51.80930801778631)</t>
  </si>
  <si>
    <t>POINT (4.608875084074583 51.81627951632465)</t>
  </si>
  <si>
    <t>POINT (4.626715314249362 51.81204960183954)</t>
  </si>
  <si>
    <t>POINT (4.633200061826549 51.811733463102584)</t>
  </si>
  <si>
    <t>POINT (4.658173482613064 51.82564170734106)</t>
  </si>
  <si>
    <t>POINT (4.615382441267128 51.814737180303894)</t>
  </si>
  <si>
    <t>POINT (4.633046095068649 51.82462285589893)</t>
  </si>
  <si>
    <t>POINT (4.610430352333828 51.82239370150657)</t>
  </si>
  <si>
    <t>POINT (4.65718413556214 51.81919920791761)</t>
  </si>
  <si>
    <t>POINT (4.655198223551125 51.82333746873308)</t>
  </si>
  <si>
    <t>POINT (4.627981349488562 51.814722512013425)</t>
  </si>
  <si>
    <t>POINT (4.6360893665489975 51.81850319955908)</t>
  </si>
  <si>
    <t>POINT (4.64007040062301 51.82243602241292)</t>
  </si>
  <si>
    <t>POINT (4.619501579941714 51.8185731492049)</t>
  </si>
  <si>
    <t>POINT (4.6563939109920796 51.824753822616024)</t>
  </si>
  <si>
    <t>POINT (4.640346842244969 51.81963024478864)</t>
  </si>
  <si>
    <t>POINT (4.657628373035057 51.82450901947478)</t>
  </si>
  <si>
    <t>POINT (4.661699659658513 51.824366239136445)</t>
  </si>
  <si>
    <t>POINT (4.657449061293441 51.82205112918568)</t>
  </si>
  <si>
    <t>POINT (4.629949767518706 51.812635350898624)</t>
  </si>
  <si>
    <t>POINT (4.639360172807216 51.82564435347164)</t>
  </si>
  <si>
    <t>POINT (4.660850669293667 51.82813487182634)</t>
  </si>
  <si>
    <t>POINT (4.6559432786691906 51.82085640220548)</t>
  </si>
  <si>
    <t>POINT (4.636845983155718 51.81994983546194)</t>
  </si>
  <si>
    <t>POINT (4.658841290806198 51.823887498254535)</t>
  </si>
  <si>
    <t>POINT (4.605844323531186 51.81453027768442)</t>
  </si>
  <si>
    <t>POINT (4.602100418505382 51.82081165743574)</t>
  </si>
  <si>
    <t>POINT (4.5998964063018 51.81325109454173)</t>
  </si>
  <si>
    <t>POINT (4.660186429570016 51.82799805990941)</t>
  </si>
  <si>
    <t>3332JN</t>
  </si>
  <si>
    <t>Fagelstraat</t>
  </si>
  <si>
    <t>POINT (4.654179777121599 51.82926809598711)</t>
  </si>
  <si>
    <t>POINT (4.646994591298183 51.822803505978584)</t>
  </si>
  <si>
    <t>POINT (4.6409472340036055 51.81769814192584)</t>
  </si>
  <si>
    <t>POINT (4.5980409743837045 51.81531767273837)</t>
  </si>
  <si>
    <t>POINT (4.617588427143387 51.82231365827467)</t>
  </si>
  <si>
    <t>POINT (4.610820084865673 51.81839079910243)</t>
  </si>
  <si>
    <t>POINT (4.657714402423328 51.8301883442646)</t>
  </si>
  <si>
    <t>POINT (4.615226607165607 51.82013296378912)</t>
  </si>
  <si>
    <t>POINT (4.5644106052691225 51.8367987726194)</t>
  </si>
  <si>
    <t>POINT (4.6194914996721295 51.81423929991627)</t>
  </si>
  <si>
    <t>POINT (4.624757204036371 51.81121146207198)</t>
  </si>
  <si>
    <t>POINT (4.61852042359678 51.81560637436538)</t>
  </si>
  <si>
    <t>POINT (4.6454797720332675 51.81430799908005)</t>
  </si>
  <si>
    <t>POINT (4.630783154990476 51.81218220266255)</t>
  </si>
  <si>
    <t>POINT (4.645984740114399 51.81555571914964)</t>
  </si>
  <si>
    <t>POINT (4.651630458989002 51.8245868818011)</t>
  </si>
  <si>
    <t>POINT (4.632430974471495 51.80903287664669)</t>
  </si>
  <si>
    <t>POINT (4.654945730708764 51.817047350193285)</t>
  </si>
  <si>
    <t>POINT (4.606830230198639 51.81571711189228)</t>
  </si>
  <si>
    <t>POINT (4.649725581527271 51.82716529492914)</t>
  </si>
  <si>
    <t>POINT (4.658120091277326 51.82923074924855)</t>
  </si>
  <si>
    <t>POINT (4.649165634752136 51.81275929475828)</t>
  </si>
  <si>
    <t>POINT (4.558898589859357 51.83559868992575)</t>
  </si>
  <si>
    <t>POINT (4.647165934080001 51.815751369816496)</t>
  </si>
  <si>
    <t>POINT (4.615979603353458 51.817335430359925)</t>
  </si>
  <si>
    <t>POINT (4.629033483804603 51.80797034175194)</t>
  </si>
  <si>
    <t>POINT (4.609479893608729 51.81385092502346)</t>
  </si>
  <si>
    <t>POINT (4.653262638945468 51.81561099731413)</t>
  </si>
  <si>
    <t>POINT (4.619337314316467 51.815277773395756)</t>
  </si>
  <si>
    <t>POINT (4.641329662611462 51.82086952776802)</t>
  </si>
  <si>
    <t>POINT (4.567160265395893 51.83589298113243)</t>
  </si>
  <si>
    <t>POINT (4.590752078128919 51.80950498178092)</t>
  </si>
  <si>
    <t>POINT (4.630873592006366 51.81306026337632)</t>
  </si>
  <si>
    <t>POINT (4.611153440831057 51.81368228358545)</t>
  </si>
  <si>
    <t>POINT (4.563800193202684 51.83686535095679)</t>
  </si>
  <si>
    <t>POINT (4.56310152084043 51.83586873779715)</t>
  </si>
  <si>
    <t>POINT (4.611149589485117 51.8208478067835)</t>
  </si>
  <si>
    <t>POINT (4.566044671968774 51.83227078071551)</t>
  </si>
  <si>
    <t>POINT (4.657466615061124 51.826064555353625)</t>
  </si>
  <si>
    <t>POINT (4.662129179421419 51.82524314022315)</t>
  </si>
  <si>
    <t>POINT (4.655208500074122 51.81672593614871)</t>
  </si>
  <si>
    <t>POINT (4.665421386832728 51.82272377339202)</t>
  </si>
  <si>
    <t>POINT (4.606771607965807 51.8222530258067)</t>
  </si>
  <si>
    <t>POINT (4.606224107975168 51.82154097376931)</t>
  </si>
  <si>
    <t>POINT (4.658032672055011 51.830248244710376)</t>
  </si>
  <si>
    <t>POINT (4.570055597352441 51.83835775771077)</t>
  </si>
  <si>
    <t>POINT (4.632740646899497 51.82519212443193)</t>
  </si>
  <si>
    <t>POINT (4.616984963405365 51.812982099543994)</t>
  </si>
  <si>
    <t>POINT (4.6347243168023455 51.81010948647386)</t>
  </si>
  <si>
    <t>POINT (4.642251901375112 51.8215246022098)</t>
  </si>
  <si>
    <t>POINT (4.63973001452627 51.820550867964215)</t>
  </si>
  <si>
    <t>POINT (4.62092796781157 51.81477442939626)</t>
  </si>
  <si>
    <t>POINT (4.640844738733561 51.809633611082475)</t>
  </si>
  <si>
    <t>POINT (4.566923825001238 51.83875748854975)</t>
  </si>
  <si>
    <t>POINT (4.6161175662890885 51.822259492054556)</t>
  </si>
  <si>
    <t>POINT (4.65685323556168 51.82763625666033)</t>
  </si>
  <si>
    <t>POINT (4.5691563184715855 51.83628341926732)</t>
  </si>
  <si>
    <t>POINT (4.560950922476665 51.83272834841994)</t>
  </si>
  <si>
    <t>POINT (4.657565314524406 51.82755824108505)</t>
  </si>
  <si>
    <t>POINT (4.655103181155744 51.82341893357469)</t>
  </si>
  <si>
    <t>POINT (4.597239368104968 51.814680631913355)</t>
  </si>
  <si>
    <t>POINT (4.662089425175735 51.82546632597)</t>
  </si>
  <si>
    <t>POINT (4.632255024515656 51.80913318239307)</t>
  </si>
  <si>
    <t>POINT (4.614313756185383 51.81420928631229)</t>
  </si>
  <si>
    <t>POINT (4.665102277665428 51.822302516121205)</t>
  </si>
  <si>
    <t>POINT (4.615222185690491 51.821958686432396)</t>
  </si>
  <si>
    <t>POINT (4.566413114485212 51.83766245197129)</t>
  </si>
  <si>
    <t>POINT (4.644356645640762 51.82595069502142)</t>
  </si>
  <si>
    <t>POINT (4.660548591008621 51.82194149830983)</t>
  </si>
  <si>
    <t>POINT (4.634921972322574 51.82082853230024)</t>
  </si>
  <si>
    <t>POINT (4.5745474167939095 51.82722281074602)</t>
  </si>
  <si>
    <t>POINT (4.636299567806262 51.823976269124245)</t>
  </si>
  <si>
    <t>POINT (4.632413222146638 51.81981041874335)</t>
  </si>
  <si>
    <t>POINT (4.640464616810915 51.813745744040396)</t>
  </si>
  <si>
    <t>POINT (4.6295433052250985 51.81498606128917)</t>
  </si>
  <si>
    <t>POINT (4.655101894293927 51.826295903794424)</t>
  </si>
  <si>
    <t>POINT (4.632993177505579 51.80953003461943)</t>
  </si>
  <si>
    <t>POINT (4.630410054753346 51.81272116014494)</t>
  </si>
  <si>
    <t>POINT (4.6124364693228195 51.82056591951178)</t>
  </si>
  <si>
    <t>POINT (4.626892507230018 51.814155798586235)</t>
  </si>
  <si>
    <t>POINT (4.63826821974107 51.8254028222608)</t>
  </si>
  <si>
    <t>POINT (4.633594804031506 51.80883528833857)</t>
  </si>
  <si>
    <t>POINT (4.615469019457299 51.81869107812419)</t>
  </si>
  <si>
    <t>POINT (4.563042764579057 51.83391317359098)</t>
  </si>
  <si>
    <t>POINT (4.635699715181699 51.81042129926625)</t>
  </si>
  <si>
    <t>POINT (4.645538900128491 51.82087258916587)</t>
  </si>
  <si>
    <t>POINT (4.651509078980077 51.82722050453266)</t>
  </si>
  <si>
    <t>POINT (4.630283499696434 51.81321501957195)</t>
  </si>
  <si>
    <t>POINT (4.616001275040098 51.8219732015242)</t>
  </si>
  <si>
    <t>POINT (4.636389113060474 51.82411284088545)</t>
  </si>
  <si>
    <t>POINT (4.63652438025538 51.820117000077424)</t>
  </si>
  <si>
    <t>POINT (4.643360720904821 51.8237394183337)</t>
  </si>
  <si>
    <t>POINT (4.602227949753739 51.819904298483586)</t>
  </si>
  <si>
    <t>POINT (4.571813611453192 51.83168830951417)</t>
  </si>
  <si>
    <t>POINT (4.610842550584223 51.821825771131714)</t>
  </si>
  <si>
    <t>POINT (4.655935782527779 51.819592061807285)</t>
  </si>
  <si>
    <t>POINT (4.565553333883427 51.83621442713163)</t>
  </si>
  <si>
    <t>POINT (4.559725239897654 51.835534533495576)</t>
  </si>
  <si>
    <t>POINT (4.642503903776934 51.82551309779675)</t>
  </si>
  <si>
    <t>POINT (4.568805178516281 51.83657450813283)</t>
  </si>
  <si>
    <t>POINT (4.648824137051983 51.82108726120569)</t>
  </si>
  <si>
    <t>POINT (4.632339122047894 51.81159520085766)</t>
  </si>
  <si>
    <t>POINT (4.631309916601867 51.80984432543884)</t>
  </si>
  <si>
    <t>POINT (4.600426198331395 51.81530042096539)</t>
  </si>
  <si>
    <t>POINT (4.599524091101276 51.813260245475384)</t>
  </si>
  <si>
    <t>POINT (4.646338080081287 51.820258882391364)</t>
  </si>
  <si>
    <t>POINT (4.6112171654849865 51.818937899054596)</t>
  </si>
  <si>
    <t>POINT (4.652516636578999 51.82157078872032)</t>
  </si>
  <si>
    <t>POINT (4.642417638453633 51.81922969072888)</t>
  </si>
  <si>
    <t>POINT (4.652935545333234 51.81527504848644)</t>
  </si>
  <si>
    <t>POINT (4.619474865339405 51.83043849900183)</t>
  </si>
  <si>
    <t>POINT (4.627839578503644 51.81305695743161)</t>
  </si>
  <si>
    <t>POINT (4.636162557288849 51.80786059296679)</t>
  </si>
  <si>
    <t>POINT (4.6399159797452505 51.81414212297902)</t>
  </si>
  <si>
    <t>POINT (4.627204381830607 51.80853213326106)</t>
  </si>
  <si>
    <t>POINT (4.617482885154937 51.82166662387355)</t>
  </si>
  <si>
    <t>POINT (4.601250265664473 51.81903699450345)</t>
  </si>
  <si>
    <t>POINT (4.646292849950351 51.82479733456602)</t>
  </si>
  <si>
    <t>POINT (4.63610749216945 51.81008166499162)</t>
  </si>
  <si>
    <t>POINT (4.63079634087674 51.810248375501644)</t>
  </si>
  <si>
    <t>POINT (4.607529645523295 51.82596997309982)</t>
  </si>
  <si>
    <t>POINT (4.613918154076767 51.81524435627754)</t>
  </si>
  <si>
    <t>POINT (4.634461727829025 51.82443805716519)</t>
  </si>
  <si>
    <t>POINT (4.651079198163032 51.82260270724909)</t>
  </si>
  <si>
    <t>POINT (4.627648455538714 51.80902242171047)</t>
  </si>
  <si>
    <t>POINT (4.6416205607175 51.8212355349302)</t>
  </si>
  <si>
    <t>POINT (4.625124419553369 51.82261680794592)</t>
  </si>
  <si>
    <t>POINT (4.615283249974876 51.82111692647586)</t>
  </si>
  <si>
    <t>POINT (4.626643937038013 51.82760837262048)</t>
  </si>
  <si>
    <t>POINT (4.655640984568034 51.820628794646666)</t>
  </si>
  <si>
    <t>POINT (4.655872867339181 51.82471148551437)</t>
  </si>
  <si>
    <t>POINT (4.622191838894713 51.81255273653934)</t>
  </si>
  <si>
    <t>POINT (4.648940213569312 51.82455001844773)</t>
  </si>
  <si>
    <t>POINT (4.6350254175191825 51.81850789997108)</t>
  </si>
  <si>
    <t>POINT (4.6482124341077835 51.821620637975265)</t>
  </si>
  <si>
    <t>POINT (4.641636347517903 51.826013248766856)</t>
  </si>
  <si>
    <t>POINT (4.638923318846985 51.82545401130234)</t>
  </si>
  <si>
    <t>POINT (4.630467146485862 51.81272131258642)</t>
  </si>
  <si>
    <t>POINT (4.650039436187926 51.81825817052991)</t>
  </si>
  <si>
    <t>POINT (4.624144213074839 51.81421538043394)</t>
  </si>
  <si>
    <t>POINT (4.624301146632873 51.81385101852792)</t>
  </si>
  <si>
    <t>POINT (4.63721320006539 51.80948203533228)</t>
  </si>
  <si>
    <t>POINT (4.62872187964192 51.80942049991166)</t>
  </si>
  <si>
    <t>POINT (4.658977899957384 51.82999951754399)</t>
  </si>
  <si>
    <t>POINT (4.65336712287829 51.81583252070105)</t>
  </si>
  <si>
    <t>POINT (4.628939380932649 51.811458765998154)</t>
  </si>
  <si>
    <t>POINT (4.648422739151967 51.82634349175173)</t>
  </si>
  <si>
    <t>POINT (4.62114009214666 51.811482968420655)</t>
  </si>
  <si>
    <t>POINT (4.633045273805338 51.81126601738519)</t>
  </si>
  <si>
    <t>POINT (4.645232159644246 51.81788800548505)</t>
  </si>
  <si>
    <t>POINT (4.6522601983178395 51.817677622761224)</t>
  </si>
  <si>
    <t>POINT (4.652378192320059 51.821571432117324)</t>
  </si>
  <si>
    <t>POINT (4.620243003528497 51.81329990405081)</t>
  </si>
  <si>
    <t>POINT (4.639812580858025 51.825986908590345)</t>
  </si>
  <si>
    <t>POINT (4.628637525215848 51.80892590789835)</t>
  </si>
  <si>
    <t>POINT (4.6205591816417115 51.81314630342228)</t>
  </si>
  <si>
    <t>POINT (4.605978607691423 51.82165845844051)</t>
  </si>
  <si>
    <t>POINT (4.612697918332716 51.81353144512417)</t>
  </si>
  <si>
    <t>POINT (4.644666856287875 51.819833600762735)</t>
  </si>
  <si>
    <t>POINT (4.656115365365787 51.82886306611117)</t>
  </si>
  <si>
    <t>POINT (4.642146382758208 51.816226041882274)</t>
  </si>
  <si>
    <t>POINT (4.654960216141114 51.816936843810964)</t>
  </si>
  <si>
    <t>POINT (4.57503577072307 51.82992978934578)</t>
  </si>
  <si>
    <t>POINT (4.6387710555648525 51.825395072445936)</t>
  </si>
  <si>
    <t>POINT (4.631046253122731 51.81755813818183)</t>
  </si>
  <si>
    <t>POINT (4.6562769702623426 51.820173058116154)</t>
  </si>
  <si>
    <t>POINT (4.598389245622508 51.816534419339604)</t>
  </si>
  <si>
    <t>POINT (4.601320043501371 51.818517122196276)</t>
  </si>
  <si>
    <t>POINT (4.652376116223443 51.82150393210266)</t>
  </si>
  <si>
    <t>POINT (4.661010370859328 51.82313155326553)</t>
  </si>
  <si>
    <t>POINT (4.608770593948361 51.81846457540528)</t>
  </si>
  <si>
    <t>POINT (4.631270892596371 51.80987123794203)</t>
  </si>
  <si>
    <t>POINT (4.642553993303619 51.821772153170556)</t>
  </si>
  <si>
    <t>POINT (4.6362982508514685 51.820998495139875)</t>
  </si>
  <si>
    <t>POINT (4.6355367845770585 51.80901620151967)</t>
  </si>
  <si>
    <t>POINT (4.558786926574335 51.83545026171545)</t>
  </si>
  <si>
    <t>POINT (4.631117172277339 51.82285885457415)</t>
  </si>
  <si>
    <t>POINT (4.658299619032244 51.82952579361869)</t>
  </si>
  <si>
    <t>POINT (4.632503805029993 51.80823885079826)</t>
  </si>
  <si>
    <t>POINT (4.6475633935451395 51.818644970675486)</t>
  </si>
  <si>
    <t>POINT (4.656604955510505 51.820141824191424)</t>
  </si>
  <si>
    <t>POINT (4.6420048151090105 51.82621096675108)</t>
  </si>
  <si>
    <t>POINT (4.571956245969613 51.827790953166286)</t>
  </si>
  <si>
    <t>POINT (4.565571772154541 51.834386308218974)</t>
  </si>
  <si>
    <t>POINT (4.6225880602680185 51.81235866371517)</t>
  </si>
  <si>
    <t>POINT (4.644789241013171 51.81497616677567)</t>
  </si>
  <si>
    <t>POINT (4.562141883357633 51.837776905825415)</t>
  </si>
  <si>
    <t>POINT (4.647125430083597 51.8151045398028)</t>
  </si>
  <si>
    <t>POINT (4.651786544000109 51.8203889326453)</t>
  </si>
  <si>
    <t>POINT (4.625670911282218 51.814558266345884)</t>
  </si>
  <si>
    <t>POINT (4.60786840769244 51.81407555908551)</t>
  </si>
  <si>
    <t>POINT (4.601522864064064 51.8207447904901)</t>
  </si>
  <si>
    <t>POINT (4.650538573417547 51.817613489990606)</t>
  </si>
  <si>
    <t>POINT (4.633559154647912 51.81276132740982)</t>
  </si>
  <si>
    <t>POINT (4.640366178390117 51.81087584328446)</t>
  </si>
  <si>
    <t>POINT (4.638379092514961 51.81118356440638)</t>
  </si>
  <si>
    <t>POINT (4.649064210695694 51.826150333866885)</t>
  </si>
  <si>
    <t>POINT (4.625828294070675 51.81446633526117)</t>
  </si>
  <si>
    <t>POINT (4.626639453220452 51.80969515451159)</t>
  </si>
  <si>
    <t>POINT (4.617261301030059 51.820590390097664)</t>
  </si>
  <si>
    <t>POINT (4.639375050548291 51.825772321336125)</t>
  </si>
  <si>
    <t>POINT (4.656700943207541 51.823647529232915)</t>
  </si>
  <si>
    <t>POINT (4.628369581652641 51.81055255303286)</t>
  </si>
  <si>
    <t>POINT (4.633191109833032 51.81770543828305)</t>
  </si>
  <si>
    <t>POINT (4.6373740457283 51.82360017516027)</t>
  </si>
  <si>
    <t>POINT (4.637540645385767 51.823572008148105)</t>
  </si>
  <si>
    <t>POINT (4.64640547298811 51.81875204858044)</t>
  </si>
  <si>
    <t>POINT (4.605283800210295 51.81357026013743)</t>
  </si>
  <si>
    <t>POINT (4.633003056087629 51.80786101122832)</t>
  </si>
  <si>
    <t>POINT (4.6083103956660425 51.815038525568205)</t>
  </si>
  <si>
    <t>POINT (4.655842226629526 51.82779388804834)</t>
  </si>
  <si>
    <t>POINT (4.618103725581735 51.819764053188976)</t>
  </si>
  <si>
    <t>POINT (4.640482438570049 51.80967349015244)</t>
  </si>
  <si>
    <t>POINT (4.643603796111406 51.8171282581731)</t>
  </si>
  <si>
    <t>POINT (4.6320657026225245 51.82416072669808)</t>
  </si>
  <si>
    <t>POINT (4.563453055953283 51.832682662174435)</t>
  </si>
  <si>
    <t>POINT (4.661697396495559 51.8245518861217)</t>
  </si>
  <si>
    <t>POINT (4.614995803073788 51.82043157861982)</t>
  </si>
  <si>
    <t>POINT (4.6596273850545655 51.82948743382024)</t>
  </si>
  <si>
    <t>POINT (4.647308697349892 51.82361400960969)</t>
  </si>
  <si>
    <t>POINT (4.609321060055011 51.82162797641161)</t>
  </si>
  <si>
    <t>POINT (4.618126667976092 51.817414607509555)</t>
  </si>
  <si>
    <t>POINT (4.659842698442904 51.82971959714584)</t>
  </si>
  <si>
    <t>POINT (4.63711440877785 51.824880735017764)</t>
  </si>
  <si>
    <t>POINT (4.610780226868081 51.82076290134424)</t>
  </si>
  <si>
    <t>POINT (4.62968205507329 51.808821671941466)</t>
  </si>
  <si>
    <t>POINT (4.620927966211077 51.81148191602357)</t>
  </si>
  <si>
    <t>POINT (4.656970059136061 51.819566996249)</t>
  </si>
  <si>
    <t>POINT (4.631475680726221 51.82307271252434)</t>
  </si>
  <si>
    <t>POINT (4.566782024541989 51.83717295103292)</t>
  </si>
  <si>
    <t>POINT (4.633442898019243 51.8079624436049)</t>
  </si>
  <si>
    <t>POINT (4.613918084717543 51.81976657157239)</t>
  </si>
  <si>
    <t>POINT (4.639017889976848 51.8255532560374)</t>
  </si>
  <si>
    <t>POINT (4.621167420789334 51.811503002903414)</t>
  </si>
  <si>
    <t>POINT (4.639722467820541 51.82388872545639)</t>
  </si>
  <si>
    <t>POINT (4.655011141784539 51.81751696756609)</t>
  </si>
  <si>
    <t>POINT (4.629850339723291 51.80611236379949)</t>
  </si>
  <si>
    <t>POINT (4.641281072594218 51.81567283692443)</t>
  </si>
  <si>
    <t>POINT (4.63352386718061 51.824443634055406)</t>
  </si>
  <si>
    <t>POINT (4.642085031103704 51.82110738455722)</t>
  </si>
  <si>
    <t>POINT (4.65754160257321 51.82090157640616)</t>
  </si>
  <si>
    <t>POINT (4.632381661397134 51.80900664499173)</t>
  </si>
  <si>
    <t>POINT (4.590229826151138 51.810159547185236)</t>
  </si>
  <si>
    <t>POINT (4.644047105825744 51.815378450669044)</t>
  </si>
  <si>
    <t>POINT (4.63967956301776 51.819926704349626)</t>
  </si>
  <si>
    <t>POINT (4.659358612761727 51.83053260556771)</t>
  </si>
  <si>
    <t>POINT (4.619263160522432 51.81502922655012)</t>
  </si>
  <si>
    <t>POINT (4.642742869019193 51.82121315825817)</t>
  </si>
  <si>
    <t>POINT (4.628063964942362 51.815231861345225)</t>
  </si>
  <si>
    <t>POINT (4.638086474358738 51.80976485212568)</t>
  </si>
  <si>
    <t>POINT (4.648580438919698 51.82629561277979)</t>
  </si>
  <si>
    <t>POINT (4.616135889247559 51.82230679418321)</t>
  </si>
  <si>
    <t>POINT (4.620802537474911 51.814735857709735)</t>
  </si>
  <si>
    <t>POINT (4.622395834696112 51.8120203251816)</t>
  </si>
  <si>
    <t>POINT (4.644020889804125 51.81640742722172)</t>
  </si>
  <si>
    <t>POINT (4.635209236989219 51.8207371604523)</t>
  </si>
  <si>
    <t>POINT (4.653556536411594 51.822014997328885)</t>
  </si>
  <si>
    <t>POINT (4.653146437495446 51.81743713100592)</t>
  </si>
  <si>
    <t>POINT (4.642304645899549 51.81885352493108)</t>
  </si>
  <si>
    <t>POINT (4.615252382222832 51.814359400795794)</t>
  </si>
  <si>
    <t>POINT (4.66596795481642 51.82234762273711)</t>
  </si>
  <si>
    <t>POINT (4.634234746291278 51.8241990300672)</t>
  </si>
  <si>
    <t>POINT (4.653874778481211 51.82025757788221)</t>
  </si>
  <si>
    <t>POINT (4.631346742901476 51.80985249069768)</t>
  </si>
  <si>
    <t>POINT (4.604271073886711 51.81430609400282)</t>
  </si>
  <si>
    <t>POINT (4.656482565042924 51.81796426461348)</t>
  </si>
  <si>
    <t>POINT (4.566160832921709 51.83728635160041)</t>
  </si>
  <si>
    <t>POINT (4.6472878100164 51.81996744704655)</t>
  </si>
  <si>
    <t>POINT (4.635967591467638 51.825152049951186)</t>
  </si>
  <si>
    <t>POINT (4.64869670636459 51.819797868483576)</t>
  </si>
  <si>
    <t>POINT (4.646998492151579 51.820062889292345)</t>
  </si>
  <si>
    <t>POINT (4.632692489762038 51.81928256426227)</t>
  </si>
  <si>
    <t>POINT (4.565457503536042 51.831690861386726)</t>
  </si>
  <si>
    <t>POINT (4.570182140016019 51.83567435817596)</t>
  </si>
  <si>
    <t>POINT (4.6386522351612705 51.80842736551904)</t>
  </si>
  <si>
    <t>POINT (4.598436697912852 51.81608447457194)</t>
  </si>
  <si>
    <t>POINT (4.620749383113333 51.81455770476686)</t>
  </si>
  <si>
    <t>POINT (4.655288850815107 51.82119205004607)</t>
  </si>
  <si>
    <t>POINT (4.641940188450098 51.82467064173497)</t>
  </si>
  <si>
    <t>POINT (4.624806688071428 51.81413206417081)</t>
  </si>
  <si>
    <t>POINT (4.653816100297237 51.819686645693366)</t>
  </si>
  <si>
    <t>POINT (4.6329073149884135 51.82597943667375)</t>
  </si>
  <si>
    <t>POINT (4.656474234111032 51.818682183623665)</t>
  </si>
  <si>
    <t>POINT (4.648668856922865 51.82191720715697)</t>
  </si>
  <si>
    <t>POINT (4.619458041870873 51.830421148640625)</t>
  </si>
  <si>
    <t>POINT (4.615284323755276 51.812917424346566)</t>
  </si>
  <si>
    <t>POINT (4.614021809831908 51.81930628657403)</t>
  </si>
  <si>
    <t>POINT (4.656429211931521 51.81772235261095)</t>
  </si>
  <si>
    <t>POINT (4.655050827780477 51.82108051706898)</t>
  </si>
  <si>
    <t>POINT (4.6222322629749195 51.8126882083417)</t>
  </si>
  <si>
    <t>POINT (4.602181195850486 51.81654507734572)</t>
  </si>
  <si>
    <t>POINT (4.641706829263781 51.81718422294076)</t>
  </si>
  <si>
    <t>POINT (4.655918122668123 51.81778306063553)</t>
  </si>
  <si>
    <t>POINT (4.657961962599566 51.82919576284172)</t>
  </si>
  <si>
    <t>POINT (4.638375174276348 51.82533725802469)</t>
  </si>
  <si>
    <t>POINT (4.616620649682109 51.81370029767716)</t>
  </si>
  <si>
    <t>POINT (4.636145049734616 51.822128553380075)</t>
  </si>
  <si>
    <t>POINT (4.622115280326794 51.81155221560594)</t>
  </si>
  <si>
    <t>POINT (4.656053660848214 51.818769217377266)</t>
  </si>
  <si>
    <t>POINT (4.649778026825048 51.8153657391902)</t>
  </si>
  <si>
    <t>POINT (4.562407754986483 51.836733796361855)</t>
  </si>
  <si>
    <t>POINT (4.612680412838514 51.82945530790136)</t>
  </si>
  <si>
    <t>POINT (4.657086802499175 51.819101389883095)</t>
  </si>
  <si>
    <t>POINT (4.6299527854699285 51.813929492848246)</t>
  </si>
  <si>
    <t>POINT (4.659298702363965 51.821697261297494)</t>
  </si>
  <si>
    <t>POINT (4.6536091766589855 51.815812047689995)</t>
  </si>
  <si>
    <t>POINT (4.646788913739866 51.823959825297294)</t>
  </si>
  <si>
    <t>POINT (4.639494439351597 51.80863312027789)</t>
  </si>
  <si>
    <t>POINT (4.649737993700459 51.8271833592565)</t>
  </si>
  <si>
    <t>POINT (4.655016764922867 51.82692130804118)</t>
  </si>
  <si>
    <t>POINT (4.624326778126343 51.81389523884092)</t>
  </si>
  <si>
    <t>POINT (4.640901321409739 51.82559684181465)</t>
  </si>
  <si>
    <t>POINT (4.652192712426569 51.82745386375602)</t>
  </si>
  <si>
    <t>POINT (4.639376838974409 51.80972600868309)</t>
  </si>
  <si>
    <t>POINT (4.624928143634 51.81559715034054)</t>
  </si>
  <si>
    <t>POINT (4.565236520433691 51.83757966691144)</t>
  </si>
  <si>
    <t>POINT (4.644851641302917 51.81994539350882)</t>
  </si>
  <si>
    <t>POINT (4.622226599962567 51.81179634683375)</t>
  </si>
  <si>
    <t>POINT (4.63702232564692 51.81794891024789)</t>
  </si>
  <si>
    <t>POINT (4.646550241419587 51.81499749617883)</t>
  </si>
  <si>
    <t>POINT (4.633686978089337 51.82435290675566)</t>
  </si>
  <si>
    <t>POINT (4.608695490150027 51.813601446252584)</t>
  </si>
  <si>
    <t>POINT (4.64733016135015 51.826522217096354)</t>
  </si>
  <si>
    <t>POINT (4.602694432391677 51.8132443052451)</t>
  </si>
  <si>
    <t>POINT (4.6264315346811955 51.81302641760348)</t>
  </si>
  <si>
    <t>POINT (4.658724839759773 51.82573984420451)</t>
  </si>
  <si>
    <t>POINT (4.6163415821856315 51.81279444215452)</t>
  </si>
  <si>
    <t>POINT (4.650118028223894 51.81351378695562)</t>
  </si>
  <si>
    <t>POINT (4.614864822463284 51.814181292044516)</t>
  </si>
  <si>
    <t>POINT (4.630525060635717 51.807703198142185)</t>
  </si>
  <si>
    <t>POINT (4.620860782785031 51.81493106849567)</t>
  </si>
  <si>
    <t>POINT (4.611209562660097 51.819380372465716)</t>
  </si>
  <si>
    <t>POINT (4.655866844331161 51.827161913106856)</t>
  </si>
  <si>
    <t>POINT (4.657669861176292 51.82352853215234)</t>
  </si>
  <si>
    <t>POINT (4.649832630521148 51.82209358352854)</t>
  </si>
  <si>
    <t>POINT (4.642670937541297 51.81051061736258)</t>
  </si>
  <si>
    <t>POINT (4.637665477645542 51.80880724852008)</t>
  </si>
  <si>
    <t>POINT (4.617551409567432 51.82157808500966)</t>
  </si>
  <si>
    <t>POINT (4.6414329749508765 51.81652941834514)</t>
  </si>
  <si>
    <t>POINT (4.637849960675521 51.81954298574986)</t>
  </si>
  <si>
    <t>POINT (4.641411295794886 51.81857443335365)</t>
  </si>
  <si>
    <t>POINT (4.6460630472530875 51.8260005828824)</t>
  </si>
  <si>
    <t>POINT (4.643956311439716 51.819821058276666)</t>
  </si>
  <si>
    <t>POINT (4.610739712012483 51.818692647958116)</t>
  </si>
  <si>
    <t>POINT (4.631021450156736 51.8244488957731)</t>
  </si>
  <si>
    <t>POINT (4.630665769230447 51.81038164535251)</t>
  </si>
  <si>
    <t>POINT (4.6531789550079905 51.821472785403984)</t>
  </si>
  <si>
    <t>POINT (4.633380745691072 51.8257337071018)</t>
  </si>
  <si>
    <t>POINT (4.655038984952923 51.827026020864146)</t>
  </si>
  <si>
    <t>POINT (4.563101188010064 51.83543717669124)</t>
  </si>
  <si>
    <t>POINT (4.654502646263456 51.827110942901854)</t>
  </si>
  <si>
    <t>POINT (4.613217090857523 51.82009614225758)</t>
  </si>
  <si>
    <t>POINT (4.637756392786483 51.80836170168002)</t>
  </si>
  <si>
    <t>POINT (4.562790548113338 51.83522512620481)</t>
  </si>
  <si>
    <t>POINT (4.628532441763052 51.80934453412186)</t>
  </si>
  <si>
    <t>POINT (4.641060118773393 51.825520674526096)</t>
  </si>
  <si>
    <t>POINT (4.6459139668011336 51.81730639517034)</t>
  </si>
  <si>
    <t>POINT (4.656042124294713 51.82178562037448)</t>
  </si>
  <si>
    <t>POINT (4.638218147590653 51.82285040676661)</t>
  </si>
  <si>
    <t>POINT (4.637650081852292 51.81862172528045)</t>
  </si>
  <si>
    <t>POINT (4.609378088062866 51.81492760313318)</t>
  </si>
  <si>
    <t>POINT (4.6512447741251295 51.81450450887149)</t>
  </si>
  <si>
    <t>POINT (4.65358806006368 51.81993650807835)</t>
  </si>
  <si>
    <t>POINT (4.633942232452623 51.81868380089054)</t>
  </si>
  <si>
    <t>POINT (4.653298195982079 51.82214462592152)</t>
  </si>
  <si>
    <t>POINT (4.661498595445602 51.827194098673495)</t>
  </si>
  <si>
    <t>POINT (4.609117992644959 51.81610333909484)</t>
  </si>
  <si>
    <t>POINT (4.655440287372233 51.821305928081316)</t>
  </si>
  <si>
    <t>POINT (4.637355615684476 51.80824374427394)</t>
  </si>
  <si>
    <t>POINT (4.64097696366586 51.82555171415079)</t>
  </si>
  <si>
    <t>POINT (4.564601540065869 51.833721015523196)</t>
  </si>
  <si>
    <t>POINT (4.633870631841769 51.80987534534883)</t>
  </si>
  <si>
    <t>POINT (4.658479060770961 51.82428120988162)</t>
  </si>
  <si>
    <t>POINT (4.614272585143298 51.821427702380866)</t>
  </si>
  <si>
    <t>POINT (4.615470118567292 51.813409124979096)</t>
  </si>
  <si>
    <t>POINT (4.6017096597860805 51.81869449842774)</t>
  </si>
  <si>
    <t>POINT (4.607611540976091 51.813491823750475)</t>
  </si>
  <si>
    <t>POINT (4.60865272247603 51.82227099334642)</t>
  </si>
  <si>
    <t>POINT (4.638923079933757 51.82332962287051)</t>
  </si>
  <si>
    <t>POINT (4.6096715965988615 51.81620808647265)</t>
  </si>
  <si>
    <t>POINT (4.6372107618523355 51.81077848782736)</t>
  </si>
  <si>
    <t>POINT (4.6536008853558135 51.82049061460497)</t>
  </si>
  <si>
    <t>POINT (4.606864621706676 51.819741718892)</t>
  </si>
  <si>
    <t>POINT (4.628978988666038 51.809740820417765)</t>
  </si>
  <si>
    <t>POINT (4.597210574808361 51.81579406172998)</t>
  </si>
  <si>
    <t>POINT (4.654130219771201 51.81619490471582)</t>
  </si>
  <si>
    <t>POINT (4.633426471614939 51.80978730709129)</t>
  </si>
  <si>
    <t>POINT (4.632235854444895 51.809179081262556)</t>
  </si>
  <si>
    <t>POINT (4.635047991622209 51.82031549212093)</t>
  </si>
  <si>
    <t>POINT (4.6073737164933055 51.82178088646961)</t>
  </si>
  <si>
    <t>POINT (4.65174369779644 51.82368599098166)</t>
  </si>
  <si>
    <t>POINT (4.61936148364249 51.81425470089259)</t>
  </si>
  <si>
    <t>POINT (4.638686622548349 51.82537283533587)</t>
  </si>
  <si>
    <t>POINT (4.647077047491 51.82293812814975)</t>
  </si>
  <si>
    <t>POINT (4.616382421814789 51.81380961799063)</t>
  </si>
  <si>
    <t>POINT (4.608720307980021 51.82083289591572)</t>
  </si>
  <si>
    <t>POINT (4.643788489403302 51.81532493893822)</t>
  </si>
  <si>
    <t>POINT (4.615350180792883 51.81463168323554)</t>
  </si>
  <si>
    <t>POINT (4.629929835001245 51.80969334277789)</t>
  </si>
  <si>
    <t>POINT (4.641574170145302 51.81086365108286)</t>
  </si>
  <si>
    <t>POINT (4.6331170957371155 51.806544313424155)</t>
  </si>
  <si>
    <t>POINT (4.606190210921856 51.819073208768486)</t>
  </si>
  <si>
    <t>POINT (4.619432945516569 51.813267263353175)</t>
  </si>
  <si>
    <t>POINT (4.635321984098033 51.82005786988901)</t>
  </si>
  <si>
    <t>POINT (4.6388367605542 51.82290667594848)</t>
  </si>
  <si>
    <t>POINT (4.638602649817952 51.818141534683036)</t>
  </si>
  <si>
    <t>POINT (4.6410613425786424 51.824597732909574)</t>
  </si>
  <si>
    <t>POINT (4.648305725885118 51.82207207975772)</t>
  </si>
  <si>
    <t>POINT (4.631403636363975 51.82311229326545)</t>
  </si>
  <si>
    <t>POINT (4.599635726977476 51.8119462210635)</t>
  </si>
  <si>
    <t>POINT (4.655732988704064 51.82188443027696)</t>
  </si>
  <si>
    <t>POINT (4.64021390262995 51.81112598245511)</t>
  </si>
  <si>
    <t>POINT (4.615867833688147 51.81813251638801)</t>
  </si>
  <si>
    <t>POINT (4.634176717998685 51.80901762975788)</t>
  </si>
  <si>
    <t>POINT (4.655734606235706 51.823854749280684)</t>
  </si>
  <si>
    <t>POINT (4.636939317403507 51.810050447208766)</t>
  </si>
  <si>
    <t>POINT (4.64060498399528 51.81946234248532)</t>
  </si>
  <si>
    <t>POINT (4.6496564725617775 51.81855644501464)</t>
  </si>
  <si>
    <t>POINT (4.60014275318835 51.816684403279346)</t>
  </si>
  <si>
    <t>POINT (4.638569701373684 51.81762429466651)</t>
  </si>
  <si>
    <t>POINT (4.56862226224638 51.83769045236603)</t>
  </si>
  <si>
    <t>POINT (4.656463960742131 51.81752472809563)</t>
  </si>
  <si>
    <t>POINT (4.613677378104288 51.81464172957157)</t>
  </si>
  <si>
    <t>POINT (4.595971502844318 51.815559773243635)</t>
  </si>
  <si>
    <t>POINT (4.653895927916348 51.82729608698179)</t>
  </si>
  <si>
    <t>POINT (4.6342449463306385 51.8262210300605)</t>
  </si>
  <si>
    <t>POINT (4.62064595650252 51.81156277938519)</t>
  </si>
  <si>
    <t>POINT (4.647998741926293 51.82387724058496)</t>
  </si>
  <si>
    <t>POINT (4.61397836710821 51.82173054475088)</t>
  </si>
  <si>
    <t>POINT (4.632133544845291 51.810773595585886)</t>
  </si>
  <si>
    <t>POINT (4.627448046394499 51.809010859195325)</t>
  </si>
  <si>
    <t>POINT (4.561991465771038 51.832335075346315)</t>
  </si>
  <si>
    <t>POINT (4.600235102022382 51.81969055770017)</t>
  </si>
  <si>
    <t>POINT (4.635969662331892 51.817868136864114)</t>
  </si>
  <si>
    <t>POINT (4.639534344722947 51.823956083976455)</t>
  </si>
  <si>
    <t>POINT (4.6574503474348585 51.83013029010328)</t>
  </si>
  <si>
    <t>POINT (4.630317464275294 51.82238149683039)</t>
  </si>
  <si>
    <t>POINT (4.659332419753007 51.822369508645956)</t>
  </si>
  <si>
    <t>POINT (4.561516846041358 51.83304006046577)</t>
  </si>
  <si>
    <t>POINT (4.639438526573912 51.822418731086806)</t>
  </si>
  <si>
    <t>POINT (4.567889591558162 51.83700334739915)</t>
  </si>
  <si>
    <t>POINT (4.628742988749121 51.81287664360566)</t>
  </si>
  <si>
    <t>POINT (4.657891588803059 51.82326153526635)</t>
  </si>
  <si>
    <t>POINT (4.562956159348026 51.83643764876405)</t>
  </si>
  <si>
    <t>POINT (4.650049255803826 51.817852815472946)</t>
  </si>
  <si>
    <t>POINT (4.646882446783 51.820954599120846)</t>
  </si>
  <si>
    <t>POINT (4.562678054772796 51.83712642702232)</t>
  </si>
  <si>
    <t>POINT (4.661733981190513 51.824514863205074)</t>
  </si>
  <si>
    <t>POINT (4.6473714019770185 51.82725040728154)</t>
  </si>
  <si>
    <t>POINT (4.596351694571432 51.81546073627571)</t>
  </si>
  <si>
    <t>POINT (4.619046744798665 51.812781727151624)</t>
  </si>
  <si>
    <t>POINT (4.637147065714207 51.810131190506866)</t>
  </si>
  <si>
    <t>POINT (4.625321663253477 51.81264356085199)</t>
  </si>
  <si>
    <t>POINT (4.6026810076339855 51.8198017642642)</t>
  </si>
  <si>
    <t>POINT (4.634629071594775 51.811268544852986)</t>
  </si>
  <si>
    <t>POINT (4.568161200889383 51.83895719263569)</t>
  </si>
  <si>
    <t>POINT (4.616823591283447 51.81459417408038)</t>
  </si>
  <si>
    <t>POINT (4.569294444349985 51.83643240831483)</t>
  </si>
  <si>
    <t>POINT (4.6520719075370245 51.82728358980623)</t>
  </si>
  <si>
    <t>POINT (4.656000997467279 51.82097053151541)</t>
  </si>
  <si>
    <t>POINT (4.636997064366927 51.8118542833395)</t>
  </si>
  <si>
    <t>POINT (4.564377853150029 51.83320086888241)</t>
  </si>
  <si>
    <t>POINT (4.646547789243692 51.81989932816243)</t>
  </si>
  <si>
    <t>POINT (4.618743448222047 51.81281669405279)</t>
  </si>
  <si>
    <t>POINT (4.63707164219667 51.81946517827169)</t>
  </si>
  <si>
    <t>POINT (4.6501264545212315 51.82226407477282)</t>
  </si>
  <si>
    <t>POINT (4.624474508657472 51.81393925504317)</t>
  </si>
  <si>
    <t>POINT (4.620786305805075 51.814681450870346)</t>
  </si>
  <si>
    <t>POINT (4.6537171932925405 51.82200428920308)</t>
  </si>
  <si>
    <t>POINT (4.573683098312662 51.830247900087905)</t>
  </si>
  <si>
    <t>POINT (4.607307507530099 51.821131712539305)</t>
  </si>
  <si>
    <t>POINT (4.651298739987633 51.82186226610178)</t>
  </si>
  <si>
    <t>POINT (4.649260381528928 51.81421464750668)</t>
  </si>
  <si>
    <t>POINT (4.608040265257648 51.81639882108721)</t>
  </si>
  <si>
    <t>POINT (4.636163821693023 51.821702735215254)</t>
  </si>
  <si>
    <t>POINT (4.625225927754968 51.81269809401283)</t>
  </si>
  <si>
    <t>POINT (4.628913870985207 51.813775648177)</t>
  </si>
  <si>
    <t>POINT (4.621654604425941 51.81450139352998)</t>
  </si>
  <si>
    <t>POINT (4.617966911514945 51.82099953599298)</t>
  </si>
  <si>
    <t>POINT (4.638974308436362 51.822858942053166)</t>
  </si>
  <si>
    <t>POINT (4.633914023890333 51.82469818169143)</t>
  </si>
  <si>
    <t>POINT (4.641003452907201 51.81882819849755)</t>
  </si>
  <si>
    <t>POINT (4.566314934287773 51.83499742087635)</t>
  </si>
  <si>
    <t>POINT (4.649790719024454 51.81690210273528)</t>
  </si>
  <si>
    <t>POINT (4.567261120749601 51.83857810152162)</t>
  </si>
  <si>
    <t>POINT (4.61297943564318 51.81813542958547)</t>
  </si>
  <si>
    <t>POINT (4.607122978136461 51.82120715998201)</t>
  </si>
  <si>
    <t>POINT (4.611965292209746 51.813518832334104)</t>
  </si>
  <si>
    <t>POINT (4.656633825067941 51.81758561428842)</t>
  </si>
  <si>
    <t>POINT (4.644304774631735 51.82663426167478)</t>
  </si>
  <si>
    <t>POINT (4.594749215254232 51.811551419163465)</t>
  </si>
  <si>
    <t>POINT (4.646004708116874 51.81931615621884)</t>
  </si>
  <si>
    <t>POINT (4.609109415076386 51.81896807838199)</t>
  </si>
  <si>
    <t>POINT (4.644428952104323 51.8174750089091)</t>
  </si>
  <si>
    <t>POINT (4.639707074767717 51.809325131153315)</t>
  </si>
  <si>
    <t>POINT (4.612161703924344 51.83067565169047)</t>
  </si>
  <si>
    <t>POINT (4.644172525172618 51.820415042638935)</t>
  </si>
  <si>
    <t>POINT (4.651963612735773 51.828768658479966)</t>
  </si>
  <si>
    <t>POINT (4.657934798415738 51.81898271729964)</t>
  </si>
  <si>
    <t>POINT (4.642843266882226 51.82627145050189)</t>
  </si>
  <si>
    <t>POINT (4.650124820709354 51.81642377414957)</t>
  </si>
  <si>
    <t>POINT (4.5682484092930125 51.83493345163373)</t>
  </si>
  <si>
    <t>POINT (4.624860716777538 51.81419596536364)</t>
  </si>
  <si>
    <t>POINT (4.659032943232653 51.8192498478909)</t>
  </si>
  <si>
    <t>POINT (4.629744222266912 51.8081594521712)</t>
  </si>
  <si>
    <t>POINT (4.608105053254567 51.81623002047178)</t>
  </si>
  <si>
    <t>POINT (4.595445284000469 51.81450825403607)</t>
  </si>
  <si>
    <t>POINT (4.616189957870915 51.81383270408709)</t>
  </si>
  <si>
    <t>POINT (4.638500594069754 51.82402830715324)</t>
  </si>
  <si>
    <t>POINT (4.625670094049543 51.81312395013792)</t>
  </si>
  <si>
    <t>POINT (4.613472870578252 51.814341263659756)</t>
  </si>
  <si>
    <t>POINT (4.631770250303035 51.8109531529475)</t>
  </si>
  <si>
    <t>POINT (4.628570870873723 51.8116929491676)</t>
  </si>
  <si>
    <t>POINT (4.627953900310694 51.813232518585416)</t>
  </si>
  <si>
    <t>POINT (4.654560250167341 51.816413534258935)</t>
  </si>
  <si>
    <t>POINT (4.643396800025798 51.81685512834774)</t>
  </si>
  <si>
    <t>POINT (4.655930552499263 51.82181246657812)</t>
  </si>
  <si>
    <t>POINT (4.651992328513667 51.81457786815574)</t>
  </si>
  <si>
    <t>POINT (4.629984903953954 51.80762742643926)</t>
  </si>
  <si>
    <t>POINT (4.56005931430962 51.833807991399254)</t>
  </si>
  <si>
    <t>POINT (4.63953133285201 51.82207055211123)</t>
  </si>
  <si>
    <t>POINT (4.5684990120849625 51.838029061640285)</t>
  </si>
  <si>
    <t>POINT (4.6512162915812905 51.82196457963373)</t>
  </si>
  <si>
    <t>POINT (4.618369272084968 51.81509966997326)</t>
  </si>
  <si>
    <t>POINT (4.606251478633233 51.8222140336326)</t>
  </si>
  <si>
    <t>POINT (4.634593243825275 51.81879908678223)</t>
  </si>
  <si>
    <t>POINT (4.640931335767939 51.819204249357234)</t>
  </si>
  <si>
    <t>POINT (4.630866754188343 51.8123414821157)</t>
  </si>
  <si>
    <t>POINT (4.633360263191177 51.810731622122255)</t>
  </si>
  <si>
    <t>POINT (4.575588108465259 51.82928034392957)</t>
  </si>
  <si>
    <t>POINT (4.6108911370403725 51.82018808733887)</t>
  </si>
  <si>
    <t>POINT (4.611333371530027 51.81499429013581)</t>
  </si>
  <si>
    <t>POINT (4.651307705430108 51.81454330319203)</t>
  </si>
  <si>
    <t>POINT (4.639411999363831 51.81777701632664)</t>
  </si>
  <si>
    <t>POINT (4.633357410499152 51.811630780275024)</t>
  </si>
  <si>
    <t>POINT (4.634419900097605 51.810900392025026)</t>
  </si>
  <si>
    <t>POINT (4.615329100103929 51.82182072972128)</t>
  </si>
  <si>
    <t>POINT (4.609616879905792 51.815277112227676)</t>
  </si>
  <si>
    <t>POINT (4.603341642430871 51.8132431021129)</t>
  </si>
  <si>
    <t>POINT (4.6571979078364665 51.818063996348364)</t>
  </si>
  <si>
    <t>POINT (4.59853918264392 51.811909319591294)</t>
  </si>
  <si>
    <t>POINT (4.620826412039039 51.814815860389345)</t>
  </si>
  <si>
    <t>POINT (4.657991885113583 51.82337679099932)</t>
  </si>
  <si>
    <t>POINT (4.63799540499522 51.820336411610526)</t>
  </si>
  <si>
    <t>POINT (4.6028877887765685 51.8183542443022)</t>
  </si>
  <si>
    <t>POINT (4.656663546962515 51.82691577581012)</t>
  </si>
  <si>
    <t>POINT (4.6095738798709025 51.821969317496595)</t>
  </si>
  <si>
    <t>POINT (4.614983173012402 51.81131474000702)</t>
  </si>
  <si>
    <t>POINT (4.569386147453777 51.83771920109334)</t>
  </si>
  <si>
    <t>POINT (4.635984991812587 51.824394459541544)</t>
  </si>
  <si>
    <t>POINT (4.660563805191563 51.82632228428335)</t>
  </si>
  <si>
    <t>POINT (4.611684994690116 51.81598377392484)</t>
  </si>
  <si>
    <t>POINT (4.662032962033449 51.8256316562762)</t>
  </si>
  <si>
    <t>POINT (4.606492333102021 51.816087645021085)</t>
  </si>
  <si>
    <t>POINT (4.638433328674703 51.822793892559254)</t>
  </si>
  <si>
    <t>POINT (4.561391932300542 51.83264633731297)</t>
  </si>
  <si>
    <t>POINT (4.65514899674465 51.81679360034424)</t>
  </si>
  <si>
    <t>POINT (4.6248119008427855 51.81110786293885)</t>
  </si>
  <si>
    <t>POINT (4.634676577896085 51.82046052589268)</t>
  </si>
  <si>
    <t>POINT (4.645390620380375 51.81948886817826)</t>
  </si>
  <si>
    <t>POINT (4.564669787772609 51.83589870315583)</t>
  </si>
  <si>
    <t>POINT (4.6065233121386715 51.82174458139675)</t>
  </si>
  <si>
    <t>POINT (4.6111761223588115 51.814658743993526)</t>
  </si>
  <si>
    <t>POINT (4.56436778202694 51.83681730388626)</t>
  </si>
  <si>
    <t>POINT (4.658789470767325 51.83046477029278)</t>
  </si>
  <si>
    <t>POINT (4.614229750347713 51.82046785692365)</t>
  </si>
  <si>
    <t>POINT (4.642047037092548 51.81688405777819)</t>
  </si>
  <si>
    <t>POINT (4.607693195424406 51.813517435739506)</t>
  </si>
  <si>
    <t>POINT (4.634444861112272 51.81692613038942)</t>
  </si>
  <si>
    <t>POINT (4.61849403725 51.81315210158351)</t>
  </si>
  <si>
    <t>POINT (4.615294184654815 51.81295048681245)</t>
  </si>
  <si>
    <t>POINT (4.61605909534956 51.8155279708441)</t>
  </si>
  <si>
    <t>POINT (4.615856429351051 51.820801802318314)</t>
  </si>
  <si>
    <t>POINT (4.618399178007217 51.81519994627943)</t>
  </si>
  <si>
    <t>POINT (4.630361803002243 51.8126894154418)</t>
  </si>
  <si>
    <t>POINT (4.643608501186472 51.8177248945027)</t>
  </si>
  <si>
    <t>POINT (4.603107983449143 51.815344329299045)</t>
  </si>
  <si>
    <t>POINT (4.633029802803595 51.81182072801389)</t>
  </si>
  <si>
    <t>POINT (4.636271339078515 51.82212279971321)</t>
  </si>
  <si>
    <t>POINT (4.630388449750307 51.82275827546062)</t>
  </si>
  <si>
    <t>POINT (4.6614598190674705 51.82725086505401)</t>
  </si>
  <si>
    <t>POINT (4.660563090336463 51.822637329350734)</t>
  </si>
  <si>
    <t>POINT (4.621506211987791 51.811415623449406)</t>
  </si>
  <si>
    <t>POINT (4.649235945495281 51.82676987075325)</t>
  </si>
  <si>
    <t>POINT (4.64938020799913 51.81958582769666)</t>
  </si>
  <si>
    <t>POINT (4.605537385491848 51.82211248936125)</t>
  </si>
  <si>
    <t>POINT (4.637578487820368 51.808928489821135)</t>
  </si>
  <si>
    <t>POINT (4.641820338579822 51.823886705354845)</t>
  </si>
  <si>
    <t>POINT (4.6262218894464455 51.81138300904198)</t>
  </si>
  <si>
    <t>POINT (4.636192107927006 51.80781800483116)</t>
  </si>
  <si>
    <t>POINT (4.603910626741103 51.82139911209045)</t>
  </si>
  <si>
    <t>POINT (4.616831937370959 51.82049791913842)</t>
  </si>
  <si>
    <t>POINT (4.609072207399852 51.81483203865302)</t>
  </si>
  <si>
    <t>POINT (4.563938434652343 51.834663178673104)</t>
  </si>
  <si>
    <t>POINT (4.652613228863026 51.81601419358011)</t>
  </si>
  <si>
    <t>POINT (4.634365617979891 51.806150831619604)</t>
  </si>
  <si>
    <t>POINT (4.563279982632889 51.83493679667662)</t>
  </si>
  <si>
    <t>POINT (4.635833966432468 51.8083155293116)</t>
  </si>
  <si>
    <t>POINT (4.657680560327083 51.82022113442369)</t>
  </si>
  <si>
    <t>POINT (4.629096517138888 51.81205056433774)</t>
  </si>
  <si>
    <t>POINT (4.644009970825568 51.81768465135267)</t>
  </si>
  <si>
    <t>POINT (4.649793091362927 51.82678786204101)</t>
  </si>
  <si>
    <t>POINT (4.634090201478962 51.81285951358909)</t>
  </si>
  <si>
    <t>POINT (4.61413118924782 51.81487796830974)</t>
  </si>
  <si>
    <t>POINT (4.6073518242459075 51.81353014288933)</t>
  </si>
  <si>
    <t>POINT (4.653692527146519 51.81847519679698)</t>
  </si>
  <si>
    <t>POINT (4.643065952929283 51.82154311452911)</t>
  </si>
  <si>
    <t>POINT (4.66209409963697 51.82516857823693)</t>
  </si>
  <si>
    <t>POINT (4.6195589262235695 51.81359089037893)</t>
  </si>
  <si>
    <t>POINT (4.647568838298622 51.816289797567215)</t>
  </si>
  <si>
    <t>POINT (4.561644932902276 51.834781039752656)</t>
  </si>
  <si>
    <t>POINT (4.607100349285053 51.814505168807266)</t>
  </si>
  <si>
    <t>POINT (4.630736778168816 51.812898708355284)</t>
  </si>
  <si>
    <t>POINT (4.565972281466132 51.83348355751029)</t>
  </si>
  <si>
    <t>POINT (4.660689992042385 51.82750850890817)</t>
  </si>
  <si>
    <t>POINT (4.647643622359926 51.8198617805135)</t>
  </si>
  <si>
    <t>POINT (4.666062467032447 51.82280923226054)</t>
  </si>
  <si>
    <t>POINT (4.600771073759696 51.81352729569406)</t>
  </si>
  <si>
    <t>POINT (4.65623324608402 51.82176379982349)</t>
  </si>
  <si>
    <t>POINT (4.638014749985691 51.811360302870774)</t>
  </si>
  <si>
    <t>POINT (4.636005056161521 51.81012518878227)</t>
  </si>
  <si>
    <t>POINT (4.664915090235093 51.82290445008557)</t>
  </si>
  <si>
    <t>POINT (4.641777254304141 51.822377491611476)</t>
  </si>
  <si>
    <t>POINT (4.660408741324869 51.82658440458969)</t>
  </si>
  <si>
    <t>POINT (4.571103001635469 51.82795466838397)</t>
  </si>
  <si>
    <t>POINT (4.638962007785296 51.818895622889364)</t>
  </si>
  <si>
    <t>POINT (4.610853501991103 51.82121102425465)</t>
  </si>
  <si>
    <t>POINT (4.613204332918314 51.81895041905523)</t>
  </si>
  <si>
    <t>POINT (4.619665755321214 51.830192486173246)</t>
  </si>
  <si>
    <t>POINT (4.568998097189736 51.83281483695944)</t>
  </si>
  <si>
    <t>POINT (4.637078518329154 51.81759210349591)</t>
  </si>
  <si>
    <t>POINT (4.634781114032436 51.811791134496616)</t>
  </si>
  <si>
    <t>POINT (4.60732336603164 51.81393281963359)</t>
  </si>
  <si>
    <t>POINT (4.654352324796656 51.816345360227345)</t>
  </si>
  <si>
    <t>POINT (4.632991051738212 51.80839317369607)</t>
  </si>
  <si>
    <t>POINT (4.646614973297591 51.81448507278435)</t>
  </si>
  <si>
    <t>POINT (4.650165525328888 51.82518892216394)</t>
  </si>
  <si>
    <t>POINT (4.567890812442219 51.83600432014502)</t>
  </si>
  <si>
    <t>POINT (4.616072659258194 51.820206911927386)</t>
  </si>
  <si>
    <t>POINT (4.6293441615789295 51.81173062872683)</t>
  </si>
  <si>
    <t>POINT (4.642371087901392 51.81918535071815)</t>
  </si>
  <si>
    <t>POINT (4.641586912015362 51.82598245410965)</t>
  </si>
  <si>
    <t>POINT (4.656256152341375 51.82301937297422)</t>
  </si>
  <si>
    <t>POINT (4.62655071162514 51.8148203302926)</t>
  </si>
  <si>
    <t>POINT (4.607014008338603 51.81343293152679)</t>
  </si>
  <si>
    <t>POINT (4.620587379643441 51.81384188179581)</t>
  </si>
  <si>
    <t>POINT (4.633531034698902 51.825349129190776)</t>
  </si>
  <si>
    <t>POINT (4.655247693489207 51.82618716924592)</t>
  </si>
  <si>
    <t>POINT (4.641059568683089 51.81673138490736)</t>
  </si>
  <si>
    <t>POINT (4.603507734846248 51.81941320395774)</t>
  </si>
  <si>
    <t>POINT (4.604156303497303 51.820138734499764)</t>
  </si>
  <si>
    <t>POINT (4.614688069864356 51.813439700589285)</t>
  </si>
  <si>
    <t>POINT (4.641220628288444 51.81900036429458)</t>
  </si>
  <si>
    <t>POINT (4.6519602066103225 51.81676352696146)</t>
  </si>
  <si>
    <t>POINT (4.640450910474622 51.8173162372299)</t>
  </si>
  <si>
    <t>POINT (4.566268926078868 51.8391443883741)</t>
  </si>
  <si>
    <t>POINT (4.627133778554511 51.80638756107832)</t>
  </si>
  <si>
    <t>POINT (4.659324801609562 51.83059239525633)</t>
  </si>
  <si>
    <t>POINT (4.606664568593287 51.814924381857665)</t>
  </si>
  <si>
    <t>POINT (4.62042887802257 51.81153912306007)</t>
  </si>
  <si>
    <t>POINT (4.644783288854316 51.81744230294899)</t>
  </si>
  <si>
    <t>POINT (4.625155204012897 51.82240292386602)</t>
  </si>
  <si>
    <t>POINT (4.64685212295677 51.823894849329214)</t>
  </si>
  <si>
    <t>POINT (4.65836234662803 51.81875573044669)</t>
  </si>
  <si>
    <t>POINT (4.604100641954969 51.8135404022206)</t>
  </si>
  <si>
    <t>POINT (4.645735958234443 51.820505855364104)</t>
  </si>
  <si>
    <t>POINT (4.609611919481558 51.81209973500751)</t>
  </si>
  <si>
    <t>POINT (4.641498710362466 51.825831890595026)</t>
  </si>
  <si>
    <t>POINT (4.6360386483048694 51.81118228697698)</t>
  </si>
  <si>
    <t>POINT (4.627699188076361 51.81544378297044)</t>
  </si>
  <si>
    <t>POINT (4.648272634224674 51.813264430717396)</t>
  </si>
  <si>
    <t>POINT (4.626663310996371 51.814462671178205)</t>
  </si>
  <si>
    <t>POINT (4.656464306091706 51.828430924363225)</t>
  </si>
  <si>
    <t>POINT (4.6621285951453775 51.82528035869028)</t>
  </si>
  <si>
    <t>POINT (4.638785677072363 51.80757250974595)</t>
  </si>
  <si>
    <t>POINT (4.658455921760707 51.82310614773207)</t>
  </si>
  <si>
    <t>POINT (4.6090750624898345 51.814645622401805)</t>
  </si>
  <si>
    <t>POINT (4.642267004170946 51.82187457382233)</t>
  </si>
  <si>
    <t>POINT (4.611951361431316 51.81710097135647)</t>
  </si>
  <si>
    <t>POINT (4.604656110799377 51.81325034688767)</t>
  </si>
  <si>
    <t>POINT (4.6340345877401425 51.812822096232466)</t>
  </si>
  <si>
    <t>POINT (4.6271042327363885 51.80706423819983)</t>
  </si>
  <si>
    <t>POINT (4.569571626111664 51.83870120042822)</t>
  </si>
  <si>
    <t>POINT (4.606168360605018 51.819016704052096)</t>
  </si>
  <si>
    <t>POINT (4.602468043023641 51.81918264409437)</t>
  </si>
  <si>
    <t>POINT (4.656694859689355 51.82469496856145)</t>
  </si>
  <si>
    <t>POINT (4.628810242345947 51.811913218736294)</t>
  </si>
  <si>
    <t>POINT (4.648841584972345 51.82689040973639)</t>
  </si>
  <si>
    <t>POINT (4.617466448243294 51.818511459678945)</t>
  </si>
  <si>
    <t>POINT (4.6335499329522785 51.812750823309074)</t>
  </si>
  <si>
    <t>POINT (4.626707293647506 51.81308390804349)</t>
  </si>
  <si>
    <t>POINT (4.657664949623504 51.8224214384548)</t>
  </si>
  <si>
    <t>POINT (4.641994229394709 51.81911691849207)</t>
  </si>
  <si>
    <t>POINT (4.637039860789693 51.823320900363456)</t>
  </si>
  <si>
    <t>POINT (4.56725542083549 51.832593859447016)</t>
  </si>
  <si>
    <t>POINT (4.653111582593146 51.81800018889878)</t>
  </si>
  <si>
    <t>POINT (4.643523214157013 51.819008784252425)</t>
  </si>
  <si>
    <t>POINT (4.603409479792238 51.81586337515662)</t>
  </si>
  <si>
    <t>POINT (4.651098037458431 51.81684578904575)</t>
  </si>
  <si>
    <t>POINT (4.612535130605425 51.821246890812425)</t>
  </si>
  <si>
    <t>POINT (4.646296082282759 51.8155666378992)</t>
  </si>
  <si>
    <t>POINT (4.632992046193096 51.82034596525236)</t>
  </si>
  <si>
    <t>POINT (4.610923337964818 51.81502868398936)</t>
  </si>
  <si>
    <t>POINT (4.655156764479895 51.823381398493)</t>
  </si>
  <si>
    <t>POINT (4.617113564475571 51.81573388731391)</t>
  </si>
  <si>
    <t>POINT (4.609863135336995 51.81909818708294)</t>
  </si>
  <si>
    <t>POINT (4.625199430205966 51.8139483598895)</t>
  </si>
  <si>
    <t>POINT (4.568598959789548 51.83611807816137)</t>
  </si>
  <si>
    <t>POINT (4.638155713468 51.82542797377902)</t>
  </si>
  <si>
    <t>POINT (4.61883880038566 51.819099595368606)</t>
  </si>
  <si>
    <t>POINT (4.62955885182408 51.812077082675096)</t>
  </si>
  <si>
    <t>POINT (4.646015589369519 51.81448121681522)</t>
  </si>
  <si>
    <t>POINT (4.6283561130473245 51.809276338149786)</t>
  </si>
  <si>
    <t>POINT (4.63278934000104 51.82475298014411)</t>
  </si>
  <si>
    <t>POINT (4.654298858866433 51.82174539948166)</t>
  </si>
  <si>
    <t>POINT (4.648203015763605 51.824013950402595)</t>
  </si>
  <si>
    <t>POINT (4.642402935482451 51.81921539528933)</t>
  </si>
  <si>
    <t>POINT (4.629714180034621 51.80739625112953)</t>
  </si>
  <si>
    <t>POINT (4.641138622748081 51.81730644491298)</t>
  </si>
  <si>
    <t>POINT (4.613097854078256 51.815503162699535)</t>
  </si>
  <si>
    <t>POINT (4.656517519629948 51.8232861843059)</t>
  </si>
  <si>
    <t>POINT (4.657060163276289 51.81789317251364)</t>
  </si>
  <si>
    <t>POINT (4.616571015807218 51.8187502921519)</t>
  </si>
  <si>
    <t>POINT (4.6527637243632265 51.824570715760714)</t>
  </si>
  <si>
    <t>POINT (4.648500477932721 51.82743916161857)</t>
  </si>
  <si>
    <t>POINT (4.63158015816917 51.807707938797556)</t>
  </si>
  <si>
    <t>POINT (4.654154557866491 51.82185729724023)</t>
  </si>
  <si>
    <t>POINT (4.6518278712290115 51.82730971932222)</t>
  </si>
  <si>
    <t>POINT (4.613280505325136 51.820417071130656)</t>
  </si>
  <si>
    <t>POINT (4.613219531984043 51.814682180281494)</t>
  </si>
  <si>
    <t>POINT (4.600143897909643 51.81960922730308)</t>
  </si>
  <si>
    <t>POINT (4.646366632891681 51.824100691967935)</t>
  </si>
  <si>
    <t>POINT (4.657149629447935 51.8191437488561)</t>
  </si>
  <si>
    <t>POINT (4.608092710147151 51.8205633842962)</t>
  </si>
  <si>
    <t>POINT (4.6146732298043975 51.81404506528252)</t>
  </si>
  <si>
    <t>POINT (4.628394499697436 51.80924945844214)</t>
  </si>
  <si>
    <t>POINT (4.56169972603471 51.83230287575667)</t>
  </si>
  <si>
    <t>POINT (4.605366964800526 51.819472669425316)</t>
  </si>
  <si>
    <t>POINT (4.622307060095744 51.812938896830374)</t>
  </si>
  <si>
    <t>POINT (4.612908383641835 51.81421237254466)</t>
  </si>
  <si>
    <t>POINT (4.656306128066872 51.822997590031406)</t>
  </si>
  <si>
    <t>POINT (4.6586816041587715 51.82744620071329)</t>
  </si>
  <si>
    <t>POINT (4.6268530533493415 51.812141532075024)</t>
  </si>
  <si>
    <t>POINT (4.639487667790864 51.81472344453596)</t>
  </si>
  <si>
    <t>POINT (4.6265277846739545 51.814369847258455)</t>
  </si>
  <si>
    <t>POINT (4.6577486673627755 51.82652116228464)</t>
  </si>
  <si>
    <t>POINT (4.633229593020882 51.82503041365775)</t>
  </si>
  <si>
    <t>POINT (4.599069179377969 51.81337594133905)</t>
  </si>
  <si>
    <t>POINT (4.608143673847482 51.81609414260123)</t>
  </si>
  <si>
    <t>POINT (4.563687421495108 51.835265938259376)</t>
  </si>
  <si>
    <t>POINT (4.622595026398208 51.81251911275782)</t>
  </si>
  <si>
    <t>POINT (4.637603820012795 51.82389799103138)</t>
  </si>
  <si>
    <t>POINT (4.612006665549357 51.813627725401886)</t>
  </si>
  <si>
    <t>POINT (4.66165680322082 51.824803668507016)</t>
  </si>
  <si>
    <t>POINT (4.629595154849821 51.81503338000353)</t>
  </si>
  <si>
    <t>POINT (4.635040299992406 51.80988239909691)</t>
  </si>
  <si>
    <t>POINT (4.646218517418078 51.81925940343635)</t>
  </si>
  <si>
    <t>POINT (4.639130388635492 51.82252660932096)</t>
  </si>
  <si>
    <t>POINT (4.606096440385837 51.81402534224854)</t>
  </si>
  <si>
    <t>POINT (4.659440207005226 51.82500068509599)</t>
  </si>
  <si>
    <t>POINT (4.625538740259214 51.815809464170776)</t>
  </si>
  <si>
    <t>POINT (4.659363532305945 51.82317257890093)</t>
  </si>
  <si>
    <t>POINT (4.606316331374901 51.81455419241657)</t>
  </si>
  <si>
    <t>POINT (4.641164637337324 51.81674673140875)</t>
  </si>
  <si>
    <t>POINT (4.639451869995687 51.82571842918926)</t>
  </si>
  <si>
    <t>POINT (4.613848918195878 51.81462210518058)</t>
  </si>
  <si>
    <t>POINT (4.65202008983832 51.824953777884446)</t>
  </si>
  <si>
    <t>POINT (4.652164858005666 51.815216965987865)</t>
  </si>
  <si>
    <t>POINT (4.596779892609381 51.81342183817868)</t>
  </si>
  <si>
    <t>POINT (4.617622888061929 51.817037446354334)</t>
  </si>
  <si>
    <t>POINT (4.620356839432623 51.811595928446565)</t>
  </si>
  <si>
    <t>POINT (4.61922943606488 51.81504743273013)</t>
  </si>
  <si>
    <t>POINT (4.641755091909503 51.81775283073165)</t>
  </si>
  <si>
    <t>POINT (4.6510481014556 51.82273666827304)</t>
  </si>
  <si>
    <t>POINT (4.64851911594714 51.82150518533225)</t>
  </si>
  <si>
    <t>POINT (4.638633940317129 51.817555131910495)</t>
  </si>
  <si>
    <t>POINT (4.646150566940558 51.81529186062077)</t>
  </si>
  <si>
    <t>POINT (4.6349619923833805 51.82130989981341)</t>
  </si>
  <si>
    <t>POINT (4.6573430133907 51.82957539950394)</t>
  </si>
  <si>
    <t>POINT (4.652521796798804 51.82785784356455)</t>
  </si>
  <si>
    <t>POINT (4.6288509168515315 51.81323850751034)</t>
  </si>
  <si>
    <t>POINT (4.654167928912773 51.82177093662445)</t>
  </si>
  <si>
    <t>POINT (4.639264556011267 51.8182079476561)</t>
  </si>
  <si>
    <t>POINT (4.625261101618785 51.81451425821279)</t>
  </si>
  <si>
    <t>POINT (4.568425293460022 51.834728942176866)</t>
  </si>
  <si>
    <t>POINT (4.652368743752406 51.82062961083219)</t>
  </si>
  <si>
    <t>POINT (4.617981716855175 51.81430824439855)</t>
  </si>
  <si>
    <t>POINT (4.641687794512358 51.81889555835045)</t>
  </si>
  <si>
    <t>POINT (4.634113607567696 51.82580339078696)</t>
  </si>
  <si>
    <t>POINT (4.6084042507903495 51.8208396979012)</t>
  </si>
  <si>
    <t>POINT (4.650063342156677 51.81348174933736)</t>
  </si>
  <si>
    <t>POINT (4.615986254067902 51.81752484836796)</t>
  </si>
  <si>
    <t>POINT (4.6348430503954345 51.82088168892663)</t>
  </si>
  <si>
    <t>POINT (4.659239757838798 51.82938900461173)</t>
  </si>
  <si>
    <t>POINT (4.58097240696645 51.80996162008928)</t>
  </si>
  <si>
    <t>POINT (4.642664145042245 51.8178829329366)</t>
  </si>
  <si>
    <t>POINT (4.6393104339006594 51.81047027267573)</t>
  </si>
  <si>
    <t>POINT (4.641644604475628 51.82126126948162)</t>
  </si>
  <si>
    <t>POINT (4.658617853897004 51.823352310133735)</t>
  </si>
  <si>
    <t>POINT (4.645592665955336 51.820553623758904)</t>
  </si>
  <si>
    <t>POINT (4.634225234681207 51.82126499589134)</t>
  </si>
  <si>
    <t>POINT (4.6369105444262875 51.822995941515096)</t>
  </si>
  <si>
    <t>POINT (4.644715651980518 51.81466899795928)</t>
  </si>
  <si>
    <t>POINT (4.642448506957076 51.82302084866014)</t>
  </si>
  <si>
    <t>POINT (4.615172330849978 51.817693293748654)</t>
  </si>
  <si>
    <t>POINT (4.640917189112739 51.80986381414188)</t>
  </si>
  <si>
    <t>POINT (4.6435594101047695 51.822660273159684)</t>
  </si>
  <si>
    <t>POINT (4.6090470388166835 51.821079915420285)</t>
  </si>
  <si>
    <t>POINT (4.62185681397686 51.8149404628886)</t>
  </si>
  <si>
    <t>POINT (4.6415609024414035 51.82140302871566)</t>
  </si>
  <si>
    <t>POINT (4.635969270042592 51.822221288352054)</t>
  </si>
  <si>
    <t>POINT (4.654913049873022 51.82017691541667)</t>
  </si>
  <si>
    <t>POINT (4.654383568069087 51.826370108096484)</t>
  </si>
  <si>
    <t>POINT (4.606998686164519 51.815399293909714)</t>
  </si>
  <si>
    <t>POINT (4.638854721137133 51.81426619979148)</t>
  </si>
  <si>
    <t>POINT (4.633426596514892 51.812772332131026)</t>
  </si>
  <si>
    <t>POINT (4.609737819949166 51.81209913999215)</t>
  </si>
  <si>
    <t>POINT (4.65756841237937 51.82748875994498)</t>
  </si>
  <si>
    <t>POINT (4.6212837954928245 51.81273226865674)</t>
  </si>
  <si>
    <t>POINT (4.641141681041086 51.82560950682939)</t>
  </si>
  <si>
    <t>POINT (4.633995138738541 51.81988881493721)</t>
  </si>
  <si>
    <t>POINT (4.640792350519875 51.81092979939527)</t>
  </si>
  <si>
    <t>POINT (4.639975345356435 51.8141093147149)</t>
  </si>
  <si>
    <t>POINT (4.611216277387415 51.81908890368328)</t>
  </si>
  <si>
    <t>POINT (4.621750200049018 51.81471438449414)</t>
  </si>
  <si>
    <t>POINT (4.6304554664158015 51.81275104382771)</t>
  </si>
  <si>
    <t>POINT (4.639522257099705 51.809603457484926)</t>
  </si>
  <si>
    <t>POINT (4.5979148486183234 51.80857125151576)</t>
  </si>
  <si>
    <t>POINT (4.635084851631751 51.80925188403901)</t>
  </si>
  <si>
    <t>POINT (4.655150742211483 51.82799057322803)</t>
  </si>
  <si>
    <t>POINT (4.615775816509635 51.81975578608018)</t>
  </si>
  <si>
    <t>POINT (4.6352413880545456 51.818252647590604)</t>
  </si>
  <si>
    <t>POINT (4.6451661581787285 51.81733617692168)</t>
  </si>
  <si>
    <t>POINT (4.562022750834692 51.83239818058996)</t>
  </si>
  <si>
    <t>POINT (4.5951590474312844 51.81435216559977)</t>
  </si>
  <si>
    <t>POINT (4.655022834251148 51.821094778256445)</t>
  </si>
  <si>
    <t>POINT (4.635167753068132 51.8192845368343)</t>
  </si>
  <si>
    <t>POINT (4.62863468836786 51.81067959670582)</t>
  </si>
  <si>
    <t>POINT (4.627215774654533 51.81366410667566)</t>
  </si>
  <si>
    <t>POINT (4.6588547798217315 51.82940053093799)</t>
  </si>
  <si>
    <t>POINT (4.631033775779848 51.817432162000266)</t>
  </si>
  <si>
    <t>POINT (4.6060723048551315 51.81484997846094)</t>
  </si>
  <si>
    <t>POINT (4.593962605594206 51.809050487159546)</t>
  </si>
  <si>
    <t>POINT (4.620097535260594 51.81400372265346)</t>
  </si>
  <si>
    <t>POINT (4.608126011338991 51.81975282264387)</t>
  </si>
  <si>
    <t>POINT (4.637113823101151 51.814771333516234)</t>
  </si>
  <si>
    <t>POINT (4.61180716205592 51.81597318347628)</t>
  </si>
  <si>
    <t>POINT (4.648400556924999 51.816712237477596)</t>
  </si>
  <si>
    <t>POINT (4.660016060931133 51.82315951809796)</t>
  </si>
  <si>
    <t>POINT (4.644268788262639 51.81529706838498)</t>
  </si>
  <si>
    <t>POINT (4.622154276331996 51.812587925183585)</t>
  </si>
  <si>
    <t>POINT (4.658776944598705 51.81919434520692)</t>
  </si>
  <si>
    <t>POINT (4.598479690481311 51.810561786227936)</t>
  </si>
  <si>
    <t>POINT (4.655306819401969 51.82130834077107)</t>
  </si>
  <si>
    <t>POINT (4.631798404969072 51.82290767220011)</t>
  </si>
  <si>
    <t>POINT (4.6364964210123585 51.816690590167426)</t>
  </si>
  <si>
    <t>POINT (4.656048446957068 51.82888433896287)</t>
  </si>
  <si>
    <t>POINT (4.608537339616942 51.81508442692939)</t>
  </si>
  <si>
    <t>POINT (4.654124032461936 51.81619991770788)</t>
  </si>
  <si>
    <t>POINT (4.643832382172626 51.821437841968574)</t>
  </si>
  <si>
    <t>POINT (4.652266602615055 51.821549457206444)</t>
  </si>
  <si>
    <t>POINT (4.647442471117652 51.825841663914325)</t>
  </si>
  <si>
    <t>POINT (4.605003028010568 51.812943824918946)</t>
  </si>
  <si>
    <t>POINT (4.604446026648672 51.821684013196084)</t>
  </si>
  <si>
    <t>POINT (4.650084848509048 51.82703868097189)</t>
  </si>
  <si>
    <t>POINT (4.6312983193511394 51.81116748789326)</t>
  </si>
  <si>
    <t>POINT (4.6171641415438085 51.82071652048532)</t>
  </si>
  <si>
    <t>POINT (4.651584337860385 51.82123857905843)</t>
  </si>
  <si>
    <t>POINT (4.5919643296752515 51.81279872518903)</t>
  </si>
  <si>
    <t>POINT (4.660941570704168 51.82628856874409)</t>
  </si>
  <si>
    <t>POINT (4.638201756612685 51.82283295399206)</t>
  </si>
  <si>
    <t>POINT (4.645526576120875 51.82067748372961)</t>
  </si>
  <si>
    <t>POINT (4.59507134723515 51.814428283559344)</t>
  </si>
  <si>
    <t>POINT (4.573376565833824 51.829036519436514)</t>
  </si>
  <si>
    <t>POINT (4.653945605132055 51.82185968634238)</t>
  </si>
  <si>
    <t>POINT (4.640360668888175 51.811182188148)</t>
  </si>
  <si>
    <t>POINT (4.625947678041906 51.81039282235578)</t>
  </si>
  <si>
    <t>POINT (4.566382487122239 51.83801187293249)</t>
  </si>
  <si>
    <t>POINT (4.641708608837547 51.819497097031864)</t>
  </si>
  <si>
    <t>POINT (4.660600249297102 51.82749348165914)</t>
  </si>
  <si>
    <t>POINT (4.63595031831228 51.82131324592317)</t>
  </si>
  <si>
    <t>POINT (4.633155320880302 51.81992815896929)</t>
  </si>
  <si>
    <t>POINT (4.648774801530291 51.82449264584436)</t>
  </si>
  <si>
    <t>POINT (4.567350210381193 51.83353840283055)</t>
  </si>
  <si>
    <t>POINT (4.603036873691471 51.82005837071762)</t>
  </si>
  <si>
    <t>POINT (4.608533802078471 51.83545242049805)</t>
  </si>
  <si>
    <t>POINT (4.638851008645393 51.82051535210287)</t>
  </si>
  <si>
    <t>POINT (4.616162845279649 51.82152724539211)</t>
  </si>
  <si>
    <t>POINT (4.6429986774181105 51.81959651070845)</t>
  </si>
  <si>
    <t>POINT (4.624142654877883 51.81258865567001)</t>
  </si>
  <si>
    <t>POINT (4.597655222706078 51.80854920829124)</t>
  </si>
  <si>
    <t>POINT (4.6221757054397115 51.82874310222951)</t>
  </si>
  <si>
    <t>POINT (4.619337248326276 51.818218260390054)</t>
  </si>
  <si>
    <t>POINT (4.601882368429775 51.81896114534525)</t>
  </si>
  <si>
    <t>POINT (4.639108997530145 51.80916538376162)</t>
  </si>
  <si>
    <t>POINT (4.611612597684224 51.81455481646938)</t>
  </si>
  <si>
    <t>POINT (4.619377807189619 51.81413841278769)</t>
  </si>
  <si>
    <t>POINT (4.562592140453972 51.83664846716062)</t>
  </si>
  <si>
    <t>POINT (4.659974667135245 51.82310980595287)</t>
  </si>
  <si>
    <t>POINT (4.611730694568839 51.8159778287509)</t>
  </si>
  <si>
    <t>POINT (4.663439905486372 51.82068444618886)</t>
  </si>
  <si>
    <t>POINT (4.650124657789385 51.82511378983757)</t>
  </si>
  <si>
    <t>POINT (4.6156200141474 51.82212472627317)</t>
  </si>
  <si>
    <t>POINT (4.6566420842162906 51.8214431574699)</t>
  </si>
  <si>
    <t>POINT (4.636705973362792 51.808161227543444)</t>
  </si>
  <si>
    <t>POINT (4.625616430726515 51.81466610093405)</t>
  </si>
  <si>
    <t>POINT (4.632139447540554 51.819507769952814)</t>
  </si>
  <si>
    <t>POINT (4.645367220251247 51.82232694335919)</t>
  </si>
  <si>
    <t>POINT (4.609703012551518 51.821870398238175)</t>
  </si>
  <si>
    <t>POINT (4.641034242644409 51.82552051002989)</t>
  </si>
  <si>
    <t>POINT (4.645040510983419 51.81452621801068)</t>
  </si>
  <si>
    <t>POINT (4.655069187671978 51.82621790282227)</t>
  </si>
  <si>
    <t>POINT (4.632323449140019 51.819433178849984)</t>
  </si>
  <si>
    <t>POINT (4.6595350159034545 51.82519843940438)</t>
  </si>
  <si>
    <t>POINT (4.606002704094902 51.81856595848738)</t>
  </si>
  <si>
    <t>POINT (4.615332681834849 51.81294828611239)</t>
  </si>
  <si>
    <t>POINT (4.635779807165319 51.818621774392966)</t>
  </si>
  <si>
    <t>POINT (4.563513532396273 51.83152764550881)</t>
  </si>
  <si>
    <t>POINT (4.609012257270619 51.815455198068605)</t>
  </si>
  <si>
    <t>POINT (4.597894809085522 51.81344184583697)</t>
  </si>
  <si>
    <t>POINT (4.635288563636593 51.82410541809267)</t>
  </si>
  <si>
    <t>POINT (4.659842832556683 51.82738970853602)</t>
  </si>
  <si>
    <t>POINT (4.60647062739531 51.82110331708207)</t>
  </si>
  <si>
    <t>POINT (4.656998885142156 51.821104805862426)</t>
  </si>
  <si>
    <t>POINT (4.5644907945598465 51.83224387328133)</t>
  </si>
  <si>
    <t>POINT (4.633525395100658 51.810586436525476)</t>
  </si>
  <si>
    <t>POINT (4.635659240780442 51.81840142645336)</t>
  </si>
  <si>
    <t>POINT (4.65639930509675 51.82177228553604)</t>
  </si>
  <si>
    <t>POINT (4.660101404070989 51.82325520090857)</t>
  </si>
  <si>
    <t>POINT (4.56146443387732 51.83599015029373)</t>
  </si>
  <si>
    <t>POINT (4.568429156250398 51.838687916477184)</t>
  </si>
  <si>
    <t>POINT (4.634241685202565 51.8095627265123)</t>
  </si>
  <si>
    <t>POINT (4.569325806612131 51.835227551187444)</t>
  </si>
  <si>
    <t>POINT (4.616264588908266 51.81280304194295)</t>
  </si>
  <si>
    <t>POINT (4.655581282205494 51.82747107866286)</t>
  </si>
  <si>
    <t>POINT (4.601307682471135 51.815583225326584)</t>
  </si>
  <si>
    <t>POINT (4.646275926370823 51.81982225103208)</t>
  </si>
  <si>
    <t>POINT (4.614657212985742 51.813336226016396)</t>
  </si>
  <si>
    <t>POINT (4.6153934524011735 51.8131520376907)</t>
  </si>
  <si>
    <t>POINT (4.638536162179179 51.81817749680836)</t>
  </si>
  <si>
    <t>POINT (4.616427036635421 51.821963198451854)</t>
  </si>
  <si>
    <t>POINT (4.6571053413132075 51.82477039377001)</t>
  </si>
  <si>
    <t>POINT (4.647785610635249 51.81452259356273)</t>
  </si>
  <si>
    <t>POINT (4.658832979843341 51.826022768562794)</t>
  </si>
  <si>
    <t>POINT (4.63273728352262 51.82513568077842)</t>
  </si>
  <si>
    <t>POINT (4.651851023571321 51.82733462816979)</t>
  </si>
  <si>
    <t>POINT (4.635747442809224 51.822036957348146)</t>
  </si>
  <si>
    <t>POINT (4.616313125565225 51.8186279159705)</t>
  </si>
  <si>
    <t>POINT (4.617966496412343 51.82015016286484)</t>
  </si>
  <si>
    <t>POINT (4.610648337164587 51.8184981746415)</t>
  </si>
  <si>
    <t>POINT (4.644986237618312 51.81457231935348)</t>
  </si>
  <si>
    <t>POINT (4.616842095552466 51.82201332099083)</t>
  </si>
  <si>
    <t>POINT (4.63702372014442 51.81941813973227)</t>
  </si>
  <si>
    <t>POINT (4.646520697236105 51.81432147682894)</t>
  </si>
  <si>
    <t>POINT (4.627005771747149 51.81278227516152)</t>
  </si>
  <si>
    <t>POINT (4.652737845725531 51.82452178126382)</t>
  </si>
  <si>
    <t>POINT (4.561631399157355 51.83710639683083)</t>
  </si>
  <si>
    <t>POINT (4.615293325006013 51.820045016579115)</t>
  </si>
  <si>
    <t>POINT (4.626789299777427 51.81454920396138)</t>
  </si>
  <si>
    <t>POINT (4.62856039374449 51.810630730172406)</t>
  </si>
  <si>
    <t>POINT (4.6061040636084565 51.821264059327085)</t>
  </si>
  <si>
    <t>POINT (4.641646185248455 51.81089601853673)</t>
  </si>
  <si>
    <t>POINT (4.6168904266596185 51.82041093274845)</t>
  </si>
  <si>
    <t>POINT (4.610454223274309 51.82131662456437)</t>
  </si>
  <si>
    <t>POINT (4.6276552283787264 51.81112100688115)</t>
  </si>
  <si>
    <t>POINT (4.566680663796964 51.83293028307713)</t>
  </si>
  <si>
    <t>POINT (4.595750721204753 51.815301404303575)</t>
  </si>
  <si>
    <t>POINT (4.568568240351666 51.83813126998626)</t>
  </si>
  <si>
    <t>POINT (4.658326440130482 51.82536692078702)</t>
  </si>
  <si>
    <t>POINT (4.614247287358268 51.83126076167892)</t>
  </si>
  <si>
    <t>POINT (4.652614002250434 51.81528497321057)</t>
  </si>
  <si>
    <t>POINT (4.619529535625872 51.82058602156657)</t>
  </si>
  <si>
    <t>POINT (4.565943209554279 51.834599316018675)</t>
  </si>
  <si>
    <t>POINT (4.613090275516043 51.81947814050706)</t>
  </si>
  <si>
    <t>POINT (4.638115752066804 51.811973959284224)</t>
  </si>
  <si>
    <t>POINT (4.639186322562197 51.81848678176271)</t>
  </si>
  <si>
    <t>POINT (4.657524084567034 51.820954222042644)</t>
  </si>
  <si>
    <t>POINT (4.640225472902964 51.82258490936654)</t>
  </si>
  <si>
    <t>POINT (4.642389021517399 51.818935659783335)</t>
  </si>
  <si>
    <t>POINT (4.620656829583805 51.81263765851254)</t>
  </si>
  <si>
    <t>POINT (4.656842184879852 51.824632937707825)</t>
  </si>
  <si>
    <t>POINT (4.643464454024937 51.82657486419636)</t>
  </si>
  <si>
    <t>POINT (4.621491381302706 51.811389747031704)</t>
  </si>
  <si>
    <t>POINT (4.634273315381236 51.80557747855782)</t>
  </si>
  <si>
    <t>POINT (4.637799459345103 51.82094654465476)</t>
  </si>
  <si>
    <t>POINT (4.608640055068599 51.81365141536178)</t>
  </si>
  <si>
    <t>POINT (4.654116118758543 51.81618534255933)</t>
  </si>
  <si>
    <t>POINT (4.642826073257296 51.81769877504464)</t>
  </si>
  <si>
    <t>POINT (4.638215648082476 51.82374275214716)</t>
  </si>
  <si>
    <t>POINT (4.651477681610425 51.81805927825004)</t>
  </si>
  <si>
    <t>POINT (4.6534825423571675 51.82080166521003)</t>
  </si>
  <si>
    <t>POINT (4.5598672336920085 51.83358425602014)</t>
  </si>
  <si>
    <t>POINT (4.653394700874749 51.81561285684364)</t>
  </si>
  <si>
    <t>POINT (4.6446348940333335 51.81485171254355)</t>
  </si>
  <si>
    <t>POINT (4.655455219033126 51.82524200976917)</t>
  </si>
  <si>
    <t>POINT (4.614782063135943 51.81776128721055)</t>
  </si>
  <si>
    <t>POINT (4.644176985056357 51.819723903561176)</t>
  </si>
  <si>
    <t>POINT (4.622088722442412 51.81342822146376)</t>
  </si>
  <si>
    <t>POINT (4.634765060049273 51.80876900085476)</t>
  </si>
  <si>
    <t>POINT (4.566946178994099 51.838077277944784)</t>
  </si>
  <si>
    <t>POINT (4.611904727177791 51.813554459029056)</t>
  </si>
  <si>
    <t>POINT (4.64853069930458 51.82422445165037)</t>
  </si>
  <si>
    <t>POINT (4.63308991685413 51.826615912828785)</t>
  </si>
  <si>
    <t>POINT (4.609381264845116 51.813981102267405)</t>
  </si>
  <si>
    <t>POINT (4.643682485958819 51.816157816014325)</t>
  </si>
  <si>
    <t>POINT (4.640960551001401 51.8139131312373)</t>
  </si>
  <si>
    <t>POINT (4.659915826345606 51.82695038124459)</t>
  </si>
  <si>
    <t>POINT (4.607499193509735 51.82173003498101)</t>
  </si>
  <si>
    <t>POINT (4.643315637055189 51.81635167850568)</t>
  </si>
  <si>
    <t>POINT (4.613613859838513 51.83081090195827)</t>
  </si>
  <si>
    <t>POINT (4.653411035646927 51.82212647320252)</t>
  </si>
  <si>
    <t>POINT (4.656203507294437 51.81741917896534)</t>
  </si>
  <si>
    <t>POINT (4.627139722204417 51.81430423957334)</t>
  </si>
  <si>
    <t>POINT (4.615075357299123 51.81924210390955)</t>
  </si>
  <si>
    <t>POINT (4.58803525831316 51.82095735438444)</t>
  </si>
  <si>
    <t>POINT (4.61930291404312 51.82117619395925)</t>
  </si>
  <si>
    <t>POINT (4.651432057612186 51.81461482388358)</t>
  </si>
  <si>
    <t>POINT (4.652334148291001 51.82159413142305)</t>
  </si>
  <si>
    <t>POINT (4.645277412475268 51.81537292287158)</t>
  </si>
  <si>
    <t>POINT (4.61234017427806 51.81667457041087)</t>
  </si>
  <si>
    <t>POINT (4.620117568974477 51.8134970966654)</t>
  </si>
  <si>
    <t>POINT (4.634004379122445 51.80977701349193)</t>
  </si>
  <si>
    <t>POINT (4.65048184765688 51.81391298513976)</t>
  </si>
  <si>
    <t>POINT (4.66109452065092 51.82330233730158)</t>
  </si>
  <si>
    <t>POINT (4.6381880445592545 51.82545782479921)</t>
  </si>
  <si>
    <t>POINT (4.6415908178895835 51.81010863397713)</t>
  </si>
  <si>
    <t>POINT (4.618450561128004 51.81228368616981)</t>
  </si>
  <si>
    <t>POINT (4.570344105588797 51.836033866415406)</t>
  </si>
  <si>
    <t>POINT (4.641906446862623 51.81906629405496)</t>
  </si>
  <si>
    <t>POINT (4.629149695171188 51.82205941868389)</t>
  </si>
  <si>
    <t>POINT (4.629659964801613 51.81131027927159)</t>
  </si>
  <si>
    <t>POINT (4.62641813464425 51.81521011127676)</t>
  </si>
  <si>
    <t>POINT (4.61800674543036 51.81907671585114)</t>
  </si>
  <si>
    <t>POINT (4.59531738695178 51.814087931512304)</t>
  </si>
  <si>
    <t>POINT (4.64676000324044 51.823884830107325)</t>
  </si>
  <si>
    <t>POINT (4.6091105859603605 51.82082352900119)</t>
  </si>
  <si>
    <t>POINT (4.655763194557679 51.82185273568412)</t>
  </si>
  <si>
    <t>POINT (4.659698224896666 51.82887544808006)</t>
  </si>
  <si>
    <t>POINT (4.608421914275837 51.821826264249786)</t>
  </si>
  <si>
    <t>POINT (4.622256462378036 51.81293035133417)</t>
  </si>
  <si>
    <t>POINT (4.643202468054334 51.819611025135494)</t>
  </si>
  <si>
    <t>POINT (4.609110965783148 51.8188698419282)</t>
  </si>
  <si>
    <t>POINT (4.5742551142608905 51.830392303259266)</t>
  </si>
  <si>
    <t>POINT (4.644759227071398 51.815989344283615)</t>
  </si>
  <si>
    <t>POINT (4.660174815057066 51.82502221723148)</t>
  </si>
  <si>
    <t>POINT (4.570338097428682 51.835236882849166)</t>
  </si>
  <si>
    <t>POINT (4.6421004656670135 51.821101145518234)</t>
  </si>
  <si>
    <t>POINT (4.563328669433497 51.83426508560474)</t>
  </si>
  <si>
    <t>POINT (4.612783820139409 51.81368819112525)</t>
  </si>
  <si>
    <t>POINT (4.596050501468148 51.814856460668196)</t>
  </si>
  <si>
    <t>POINT (4.617622745465959 51.81840250775924)</t>
  </si>
  <si>
    <t>POINT (4.65434236231764 51.8163381520112)</t>
  </si>
  <si>
    <t>POINT (4.659257240544725 51.830711759256005)</t>
  </si>
  <si>
    <t>POINT (4.6175846802402845 51.8188047368426)</t>
  </si>
  <si>
    <t>POINT (4.633286748864557 51.811596672601034)</t>
  </si>
  <si>
    <t>POINT (4.614622861176577 51.813089735812966)</t>
  </si>
  <si>
    <t>POINT (4.628064000388136 51.80868161597274)</t>
  </si>
  <si>
    <t>POINT (4.648599742378314 51.81385851222517)</t>
  </si>
  <si>
    <t>POINT (4.570897785849776 51.83685015610721)</t>
  </si>
  <si>
    <t>POINT (4.562130403548143 51.83378627920033)</t>
  </si>
  <si>
    <t>POINT (4.644508067849975 51.81520739262174)</t>
  </si>
  <si>
    <t>POINT (4.637434370557523 51.823144348457404)</t>
  </si>
  <si>
    <t>POINT (4.561844397246677 51.837262051587956)</t>
  </si>
  <si>
    <t>POINT (4.60174923263831 51.82094399474768)</t>
  </si>
  <si>
    <t>POINT (4.64742956328263 51.82018025791331)</t>
  </si>
  <si>
    <t>POINT (4.564273761071226 51.83572571668215)</t>
  </si>
  <si>
    <t>POINT (4.619316318795313 51.82052303608347)</t>
  </si>
  <si>
    <t>POINT (4.638553413882238 51.817609449304726)</t>
  </si>
  <si>
    <t>POINT (4.628646694088351 51.81097273333066)</t>
  </si>
  <si>
    <t>POINT (4.654954980986477 51.816910024869806)</t>
  </si>
  <si>
    <t>POINT (4.603950869157678 51.81988130182333)</t>
  </si>
  <si>
    <t>POINT (4.614534629155554 51.82027865653584)</t>
  </si>
  <si>
    <t>POINT (4.6248964229612 51.82301842575244)</t>
  </si>
  <si>
    <t>POINT (4.627559000081348 51.80843800753305)</t>
  </si>
  <si>
    <t>POINT (4.62215922945598 51.811579018856996)</t>
  </si>
  <si>
    <t>POINT (4.5674400124916525 51.838007541101476)</t>
  </si>
  <si>
    <t>POINT (4.6107480049066645 51.81850844302917)</t>
  </si>
  <si>
    <t>POINT (4.655201889110414 51.82336274078637)</t>
  </si>
  <si>
    <t>POINT (4.6485701524164975 51.81785528195645)</t>
  </si>
  <si>
    <t>POINT (4.598385097019822 51.81671762681051)</t>
  </si>
  <si>
    <t>POINT (4.60720891384005 51.82247894301422)</t>
  </si>
  <si>
    <t>POINT (4.625850724300697 51.812192686939696)</t>
  </si>
  <si>
    <t>POINT (4.647035193084928 51.82684430944582)</t>
  </si>
  <si>
    <t>POINT (4.646917357401495 51.82391939540799)</t>
  </si>
  <si>
    <t>POINT (4.656811699927287 51.82371419538566)</t>
  </si>
  <si>
    <t>POINT (4.637550886108381 51.8201891427884)</t>
  </si>
  <si>
    <t>POINT (4.635404717587622 51.816681048972136)</t>
  </si>
  <si>
    <t>POINT (4.6271849164981536 51.81574315734401)</t>
  </si>
  <si>
    <t>POINT (4.6307123716138525 51.806363810887056)</t>
  </si>
  <si>
    <t>POINT (4.64023087048502 51.82293314760085)</t>
  </si>
  <si>
    <t>POINT (4.612443437173253 51.821384954487456)</t>
  </si>
  <si>
    <t>POINT (4.6598385559186815 51.82221778051628)</t>
  </si>
  <si>
    <t>POINT (4.5999815480199215 51.81614712610746)</t>
  </si>
  <si>
    <t>POINT (4.644718462303898 51.81494568776487)</t>
  </si>
  <si>
    <t>POINT (4.659593567028015 51.82197784641442)</t>
  </si>
  <si>
    <t>POINT (4.643759837623576 51.81927491046567)</t>
  </si>
  <si>
    <t>POINT (4.615072005553114 51.8203259771816)</t>
  </si>
  <si>
    <t>POINT (4.622205526843069 51.81275967412793)</t>
  </si>
  <si>
    <t>POINT (4.647258531924556 51.81664487228422)</t>
  </si>
  <si>
    <t>POINT (4.650976512504035 51.82254699851487)</t>
  </si>
  <si>
    <t>POINT (4.6271474149052905 51.8126995706492)</t>
  </si>
  <si>
    <t>POINT (4.656946303988857 51.82106910826883)</t>
  </si>
  <si>
    <t>POINT (4.6304535226757855 51.81278390300404)</t>
  </si>
  <si>
    <t>POINT (4.600677028747173 51.81305251856945)</t>
  </si>
  <si>
    <t>POINT (4.657159046554927 51.82099368643226)</t>
  </si>
  <si>
    <t>POINT (4.630683095233066 51.81203598548872)</t>
  </si>
  <si>
    <t>POINT (4.637558002469847 51.80900062815961)</t>
  </si>
  <si>
    <t>POINT (4.658209704558231 51.82584975039587)</t>
  </si>
  <si>
    <t>POINT (4.629501679786093 51.81211023244404)</t>
  </si>
  <si>
    <t>POINT (4.6431132285629175 51.82159292395786)</t>
  </si>
  <si>
    <t>POINT (4.640133412562455 51.80869163464076)</t>
  </si>
  <si>
    <t>POINT (4.650023129499183 51.82234956438676)</t>
  </si>
  <si>
    <t>POINT (4.629023470602407 51.82074455405326)</t>
  </si>
  <si>
    <t>POINT (4.609580457573471 51.81461828490439)</t>
  </si>
  <si>
    <t>POINT (4.6387152533785665 51.814774430329784)</t>
  </si>
  <si>
    <t>POINT (4.6396253006145125 51.8220973886691)</t>
  </si>
  <si>
    <t>POINT (4.637940713701714 51.81165211587209)</t>
  </si>
  <si>
    <t>POINT (4.624785421218083 51.811159313098855)</t>
  </si>
  <si>
    <t>POINT (4.60903004108819 51.813744419678706)</t>
  </si>
  <si>
    <t>POINT (4.645122773562103 51.824537810123616)</t>
  </si>
  <si>
    <t>POINT (4.629631366320816 51.82256229145293)</t>
  </si>
  <si>
    <t>POINT (4.650781212374612 51.81962197948864)</t>
  </si>
  <si>
    <t>POINT (4.627841796114202 51.80910757370002)</t>
  </si>
  <si>
    <t>POINT (4.647767348400522 51.819825239068194)</t>
  </si>
  <si>
    <t>POINT (4.6315416989171725 51.80784836450333)</t>
  </si>
  <si>
    <t>POINT (4.650227400591585 51.813577862115785)</t>
  </si>
  <si>
    <t>POINT (4.641167665084021 51.825561969028975)</t>
  </si>
  <si>
    <t>POINT (4.62224208729779 51.81170834037873)</t>
  </si>
  <si>
    <t>POINT (4.6344951114843065 51.824436833068745)</t>
  </si>
  <si>
    <t>POINT (4.611894361434449 51.815257681939734)</t>
  </si>
  <si>
    <t>POINT (4.631881271898873 51.80813474695499)</t>
  </si>
  <si>
    <t>POINT (4.632216594122339 51.80694840823231)</t>
  </si>
  <si>
    <t>POINT (4.597729873818331 51.81516776050975)</t>
  </si>
  <si>
    <t>POINT (4.570493892014379 51.83689647032215)</t>
  </si>
  <si>
    <t>POINT (4.600688570427771 51.81010825394146)</t>
  </si>
  <si>
    <t>POINT (4.613977055713263 51.81896014182479)</t>
  </si>
  <si>
    <t>POINT (4.609694673172575 51.81975223208021)</t>
  </si>
  <si>
    <t>POINT (4.563303057549657 51.83470245117352)</t>
  </si>
  <si>
    <t>POINT (4.637376364512108 51.8149518055505)</t>
  </si>
  <si>
    <t>POINT (4.613784781259549 51.81848984356122)</t>
  </si>
  <si>
    <t>POINT (4.635742099855082 51.82567903368724)</t>
  </si>
  <si>
    <t>POINT (4.634889485316042 51.80542240245005)</t>
  </si>
  <si>
    <t>POINT (4.624342727692197 51.813825140668534)</t>
  </si>
  <si>
    <t>POINT (4.634592793795622 51.826083756481005)</t>
  </si>
  <si>
    <t>POINT (4.607427516955684 51.81887821020395)</t>
  </si>
  <si>
    <t>POINT (4.5729486602169125 51.82852417757283)</t>
  </si>
  <si>
    <t>POINT (4.639590799559882 51.82383371201892)</t>
  </si>
  <si>
    <t>POINT (4.606661849324518 51.82137097873948)</t>
  </si>
  <si>
    <t>POINT (4.618278599641716 51.81922096840213)</t>
  </si>
  <si>
    <t>POINT (4.628520800577562 51.81060256424144)</t>
  </si>
  <si>
    <t>POINT (4.648212318719057 51.82693303796933)</t>
  </si>
  <si>
    <t>POINT (4.647026952857133 51.823798910159695)</t>
  </si>
  <si>
    <t>POINT (4.643254048298079 51.81884626166384)</t>
  </si>
  <si>
    <t>POINT (4.650978146696157 51.81922257138223)</t>
  </si>
  <si>
    <t>POINT (4.631501157873886 51.80799099700044)</t>
  </si>
  <si>
    <t>POINT (4.56366694020949 51.83478459094489)</t>
  </si>
  <si>
    <t>POINT (4.607651416989035 51.81490028086088)</t>
  </si>
  <si>
    <t>POINT (4.652240781481317 51.8202242020302)</t>
  </si>
  <si>
    <t>POINT (4.567655296218767 51.83650904797859)</t>
  </si>
  <si>
    <t>POINT (4.652453949452531 51.8152565108134)</t>
  </si>
  <si>
    <t>POINT (4.621760381444567 51.81474851813383)</t>
  </si>
  <si>
    <t>POINT (4.567459583527996 51.83561143187879)</t>
  </si>
  <si>
    <t>POINT (4.609527885713501 51.82197009139233)</t>
  </si>
  <si>
    <t>POINT (4.631085263203478 51.81752554479678)</t>
  </si>
  <si>
    <t>POINT (4.636057072268168 51.82131329998934)</t>
  </si>
  <si>
    <t>POINT (4.595358407947664 51.81511625046511)</t>
  </si>
  <si>
    <t>POINT (4.655161254728504 51.82953226773507)</t>
  </si>
  <si>
    <t>POINT (4.6591540084146414 51.823991208180395)</t>
  </si>
  <si>
    <t>POINT (4.660387251923458 51.82179854119123)</t>
  </si>
  <si>
    <t>POINT (4.657124147125351 51.8279193323199)</t>
  </si>
  <si>
    <t>POINT (4.635337005349486 51.82408584542474)</t>
  </si>
  <si>
    <t>POINT (4.648256264279676 51.819927445622575)</t>
  </si>
  <si>
    <t>POINT (4.59906950894896 51.81351968245204)</t>
  </si>
  <si>
    <t>POINT (4.648335784225147 51.81559030183577)</t>
  </si>
  <si>
    <t>POINT (4.652991489529313 51.82029686412254)</t>
  </si>
  <si>
    <t>POINT (4.631986255430642 51.80725947254613)</t>
  </si>
  <si>
    <t>POINT (4.567219523999872 51.838346665514656)</t>
  </si>
  <si>
    <t>POINT (4.581255648232171 51.825004980239264)</t>
  </si>
  <si>
    <t>POINT (4.604055936535046 51.81416957582211)</t>
  </si>
  <si>
    <t>POINT (4.645004909777063 51.81454280171864)</t>
  </si>
  <si>
    <t>POINT (4.6417339723058575 51.809845554282184)</t>
  </si>
  <si>
    <t>POINT (4.626864172025406 51.812864952819695)</t>
  </si>
  <si>
    <t>POINT (4.602202953903926 51.81303854733506)</t>
  </si>
  <si>
    <t>POINT (4.633763948091552 51.81265741165658)</t>
  </si>
  <si>
    <t>POINT (4.651728539506955 51.81778888892031)</t>
  </si>
  <si>
    <t>POINT (4.641327349059859 51.80890582615137)</t>
  </si>
  <si>
    <t>POINT (4.639740025094164 51.81807715314709)</t>
  </si>
  <si>
    <t>POINT (4.629159503711156 51.80708645950935)</t>
  </si>
  <si>
    <t>POINT (4.630527844341224 51.812798656323324)</t>
  </si>
  <si>
    <t>POINT (4.629026106320068 51.81327537860728)</t>
  </si>
  <si>
    <t>POINT (4.656618689621182 51.82147617107741)</t>
  </si>
  <si>
    <t>POINT (4.624544119779059 51.81161605276844)</t>
  </si>
  <si>
    <t>POINT (4.657417365065399 51.822062060087305)</t>
  </si>
  <si>
    <t>POINT (4.6258497052800225 51.81278631297493)</t>
  </si>
  <si>
    <t>POINT (4.635028059375474 51.820807639369214)</t>
  </si>
  <si>
    <t>POINT (4.6110781973592045 51.82082424267491)</t>
  </si>
  <si>
    <t>POINT (4.600558151590302 51.81992930681387)</t>
  </si>
  <si>
    <t>POINT (4.608876868635962 51.813045456077674)</t>
  </si>
  <si>
    <t>POINT (4.595051079330093 51.82446041968361)</t>
  </si>
  <si>
    <t>POINT (4.64056457297962 51.81333467062297)</t>
  </si>
  <si>
    <t>POINT (4.616189401662119 51.81800839188405)</t>
  </si>
  <si>
    <t>POINT (4.657368007627317 51.82577216997125)</t>
  </si>
  <si>
    <t>POINT (4.6285223360413 51.80665649205548)</t>
  </si>
  <si>
    <t>POINT (4.55881938369684 51.835499209798606)</t>
  </si>
  <si>
    <t>POINT (4.642454883714086 51.82391394219398)</t>
  </si>
  <si>
    <t>POINT (4.560316709362177 51.83512147943212)</t>
  </si>
  <si>
    <t>POINT (4.652709533824755 51.81534272122352)</t>
  </si>
  <si>
    <t>POINT (4.619570417951345 51.81919387459777)</t>
  </si>
  <si>
    <t>POINT (4.65818832854584 51.82165243741858)</t>
  </si>
  <si>
    <t>POINT (4.632509646581029 51.81935734316282)</t>
  </si>
  <si>
    <t>POINT (4.625969642811116 51.810858616278786)</t>
  </si>
  <si>
    <t>POINT (4.628215332204296 51.812083277110766)</t>
  </si>
  <si>
    <t>POINT (4.618339561942342 51.81523877348779)</t>
  </si>
  <si>
    <t>POINT (4.629083127378512 51.81331340968728)</t>
  </si>
  <si>
    <t>POINT (4.650432542376933 51.8139847019798)</t>
  </si>
  <si>
    <t>POINT (4.655887636426108 51.820885178828334)</t>
  </si>
  <si>
    <t>POINT (4.615525545205227 51.819001776259135)</t>
  </si>
  <si>
    <t>POINT (4.661137390894335 51.8234864927469)</t>
  </si>
  <si>
    <t>POINT (4.60540301723484 51.816403070638756)</t>
  </si>
  <si>
    <t>POINT (4.63710316982202 51.811420411670824)</t>
  </si>
  <si>
    <t>POINT (4.61644093634983 51.812954716486985)</t>
  </si>
  <si>
    <t>POINT (4.648613365432902 51.819579206600785)</t>
  </si>
  <si>
    <t>POINT (4.635096128664294 51.82143354505297)</t>
  </si>
  <si>
    <t>POINT (4.655429049322064 51.81764269206167)</t>
  </si>
  <si>
    <t>POINT (4.623388742347839 51.81263829450941)</t>
  </si>
  <si>
    <t>POINT (4.614687777679426 51.83148674307809)</t>
  </si>
  <si>
    <t>POINT (4.620123908281928 51.813033320239576)</t>
  </si>
  <si>
    <t>POINT (4.642663882124732 51.82414474033341)</t>
  </si>
  <si>
    <t>POINT (4.6396125798702 51.81388555869204)</t>
  </si>
  <si>
    <t>POINT (4.6536874296124715 51.82043647737736)</t>
  </si>
  <si>
    <t>POINT (4.635505821530483 51.82530780686498)</t>
  </si>
  <si>
    <t>POINT (4.606428073968717 51.82255253728046)</t>
  </si>
  <si>
    <t>POINT (4.656351055577714 51.82313684371585)</t>
  </si>
  <si>
    <t>POINT (4.651622900261106 51.81735218570509)</t>
  </si>
  <si>
    <t>POINT (4.640162057146642 51.81945531729218)</t>
  </si>
  <si>
    <t>POINT (4.600285004368448 51.813262051555554)</t>
  </si>
  <si>
    <t>POINT (4.632999919927844 51.80706888771672)</t>
  </si>
  <si>
    <t>POINT (4.62955724803074 51.811863581441315)</t>
  </si>
  <si>
    <t>POINT (4.6447425400301405 51.81502033839818)</t>
  </si>
  <si>
    <t>POINT (4.625238652267621 51.81337301332101)</t>
  </si>
  <si>
    <t>POINT (4.63585047191316 51.82464815825791)</t>
  </si>
  <si>
    <t>POINT (4.6575282816712305 51.82761988888366)</t>
  </si>
  <si>
    <t>POINT (4.642767877996881 51.82425948438548)</t>
  </si>
  <si>
    <t>POINT (4.640991480168602 51.819824788678936)</t>
  </si>
  <si>
    <t>POINT (4.656426357662106 51.829909557906625)</t>
  </si>
  <si>
    <t>POINT (4.610881633306778 51.81839197928401)</t>
  </si>
  <si>
    <t>POINT (4.6096158705872545 51.81586953445402)</t>
  </si>
  <si>
    <t>POINT (4.633956172170659 51.81276934157772)</t>
  </si>
  <si>
    <t>POINT (4.662909603115907 51.823527976857136)</t>
  </si>
  <si>
    <t>POINT (4.624961625987126 51.813726717882474)</t>
  </si>
  <si>
    <t>POINT (4.615301955443644 51.81831717239285)</t>
  </si>
  <si>
    <t>POINT (4.646880944052698 51.81908118540482)</t>
  </si>
  <si>
    <t>POINT (4.599893305795936 51.813398740707676)</t>
  </si>
  <si>
    <t>POINT (4.6388291493389415 51.822633874564275)</t>
  </si>
  <si>
    <t>POINT (4.651813383480905 51.81451818564762)</t>
  </si>
  <si>
    <t>POINT (4.621858535315628 51.81241296394924)</t>
  </si>
  <si>
    <t>POINT (4.612647558464437 51.82185114423679)</t>
  </si>
  <si>
    <t>POINT (4.637240398039527 51.80806829442471)</t>
  </si>
  <si>
    <t>POINT (4.638495939005403 51.825351978869165)</t>
  </si>
  <si>
    <t>POINT (4.645947674147991 51.81551846959914)</t>
  </si>
  <si>
    <t>POINT (4.64668705073761 51.82407577488247)</t>
  </si>
  <si>
    <t>POINT (4.566931593411451 51.83598472260556)</t>
  </si>
  <si>
    <t>POINT (4.637799691765789 51.82407838642942)</t>
  </si>
  <si>
    <t>POINT (4.602793115849809 51.815720830484665)</t>
  </si>
  <si>
    <t>POINT (4.616119235849104 51.813868814522166)</t>
  </si>
  <si>
    <t>POINT (4.65426401839098 51.8179017477052)</t>
  </si>
  <si>
    <t>POINT (4.604796842742055 51.82213603125083)</t>
  </si>
  <si>
    <t>POINT (4.6563036776590065 51.81947594561629)</t>
  </si>
  <si>
    <t>POINT (4.655849332939658 51.82712717064603)</t>
  </si>
  <si>
    <t>POINT (4.646305526307892 51.81852263754793)</t>
  </si>
  <si>
    <t>POINT (4.634316581218221 51.81748871931127)</t>
  </si>
  <si>
    <t>POINT (4.626846406553511 51.813590712183064)</t>
  </si>
  <si>
    <t>POINT (4.662393732560693 51.827597692617644)</t>
  </si>
  <si>
    <t>POINT (4.599877436662822 51.8145324554329)</t>
  </si>
  <si>
    <t>POINT (4.647512408588503 51.82608717205925)</t>
  </si>
  <si>
    <t>POINT (4.653500725964111 51.822036994312995)</t>
  </si>
  <si>
    <t>POINT (4.607919203807622 51.820846284947315)</t>
  </si>
  <si>
    <t>POINT (4.615333730998295 51.81457769664627)</t>
  </si>
  <si>
    <t>POINT (4.601574712842438 51.81903082530516)</t>
  </si>
  <si>
    <t>POINT (4.633856904628119 51.824765589840645)</t>
  </si>
  <si>
    <t>POINT (4.619281756548117 51.815509201901214)</t>
  </si>
  <si>
    <t>POINT (4.6107409804402355 51.81866532164929)</t>
  </si>
  <si>
    <t>POINT (4.615610514487034 51.8221712613088)</t>
  </si>
  <si>
    <t>POINT (4.636230893591614 51.81096293456463)</t>
  </si>
  <si>
    <t>POINT (4.6177517706246185 51.81337494825276)</t>
  </si>
  <si>
    <t>POINT (4.654725807567663 51.825127339873774)</t>
  </si>
  <si>
    <t>POINT (4.63683382880644 51.81057805696473)</t>
  </si>
  <si>
    <t>POINT (4.636385742671406 51.816175332972044)</t>
  </si>
  <si>
    <t>POINT (4.6330321129079435 51.809501404135005)</t>
  </si>
  <si>
    <t>POINT (4.631178597334132 51.80646616801699)</t>
  </si>
  <si>
    <t>POINT (4.636905083508556 51.817674104336824)</t>
  </si>
  <si>
    <t>POINT (4.656450658055761 51.82418928269495)</t>
  </si>
  <si>
    <t>POINT (4.6429190207321005 51.82316101864833)</t>
  </si>
  <si>
    <t>POINT (4.655500203787491 51.81765251090234)</t>
  </si>
  <si>
    <t>POINT (4.611669379181514 51.81447703476603)</t>
  </si>
  <si>
    <t>POINT (4.6576516246799 51.8200445607466)</t>
  </si>
  <si>
    <t>POINT (4.642614937539891 51.81916293418049)</t>
  </si>
  <si>
    <t>POINT (4.559670702335356 51.834060326294534)</t>
  </si>
  <si>
    <t>POINT (4.618832872169086 51.81449695658872)</t>
  </si>
  <si>
    <t>POINT (4.6210310812583115 51.81512005359516)</t>
  </si>
  <si>
    <t>POINT (4.618728069910728 51.81382012994688)</t>
  </si>
  <si>
    <t>POINT (4.6260137543542 51.81341748598018)</t>
  </si>
  <si>
    <t>POINT (4.611934947480433 51.81365579981808)</t>
  </si>
  <si>
    <t>POINT (4.64315363113396 51.82639085547745)</t>
  </si>
  <si>
    <t>POINT (4.617454635668131 51.813334132384824)</t>
  </si>
  <si>
    <t>POINT (4.62883341747073 51.81230023367025)</t>
  </si>
  <si>
    <t>POINT (4.567877023402301 51.836413885846284)</t>
  </si>
  <si>
    <t>POINT (4.649687594838678 51.81538478423391)</t>
  </si>
  <si>
    <t>POINT (4.626123197145865 51.81050902541576)</t>
  </si>
  <si>
    <t>POINT (4.662315074803297 51.82282058353062)</t>
  </si>
  <si>
    <t>POINT (4.601246644488354 51.81345091351026)</t>
  </si>
  <si>
    <t>POINT (4.630074960012506 51.81385829058156)</t>
  </si>
  <si>
    <t>POINT (4.6080761713437255 51.82115264697474)</t>
  </si>
  <si>
    <t>POINT (4.6146185334588505 51.82038296564009)</t>
  </si>
  <si>
    <t>POINT (4.657584721342559 51.82215536033889)</t>
  </si>
  <si>
    <t>POINT (4.569633789311382 51.83677425892133)</t>
  </si>
  <si>
    <t>POINT (4.620508808810097 51.8136779805802)</t>
  </si>
  <si>
    <t>POINT (4.6312685970705685 51.80681656168896)</t>
  </si>
  <si>
    <t>POINT (4.61677588717039 51.814437475160915)</t>
  </si>
  <si>
    <t>POINT (4.643050106230031 51.815258300096424)</t>
  </si>
  <si>
    <t>POINT (4.658650370147195 51.82624025769339)</t>
  </si>
  <si>
    <t>POINT (4.566419661332633 51.83312503328514)</t>
  </si>
  <si>
    <t>POINT (4.6361112105396245 51.8101187312546)</t>
  </si>
  <si>
    <t>POINT (4.630114822371508 51.813884471192154)</t>
  </si>
  <si>
    <t>POINT (4.633711930789694 51.80573371224897)</t>
  </si>
  <si>
    <t>POINT (4.612908430170473 51.8161728402602)</t>
  </si>
  <si>
    <t>POINT (4.652372778029 51.824287894000136)</t>
  </si>
  <si>
    <t>POINT (4.598593672052729 51.81389538799026)</t>
  </si>
  <si>
    <t>POINT (4.647336949352099 51.8250607812918)</t>
  </si>
  <si>
    <t>POINT (4.621929789467824 51.81254672233324)</t>
  </si>
  <si>
    <t>POINT (4.628916880759591 51.81399936065518)</t>
  </si>
  <si>
    <t>POINT (4.6609678817557585 51.827389717508545)</t>
  </si>
  <si>
    <t>POINT (4.602443693892873 51.82053789149379)</t>
  </si>
  <si>
    <t>POINT (4.645907124233658 51.81959752405075)</t>
  </si>
  <si>
    <t>POINT (4.652194690035623 51.81530770487217)</t>
  </si>
  <si>
    <t>POINT (4.601723805831489 51.80955660995746)</t>
  </si>
  <si>
    <t>POINT (4.605617301044838 51.814794544671194)</t>
  </si>
  <si>
    <t>POINT (4.646480573217338 51.82191631582264)</t>
  </si>
  <si>
    <t>POINT (4.640389758002842 51.82182855875464)</t>
  </si>
  <si>
    <t>POINT (4.639026757513496 51.82380539003032)</t>
  </si>
  <si>
    <t>POINT (4.655457587399724 51.82893871489575)</t>
  </si>
  <si>
    <t>POINT (4.641886999311794 51.821647704731504)</t>
  </si>
  <si>
    <t>POINT (4.597437471003163 51.81605833865164)</t>
  </si>
  <si>
    <t>POINT (4.570148922919827 51.836216273885896)</t>
  </si>
  <si>
    <t>POINT (4.6476587597911605 51.82146925070128)</t>
  </si>
  <si>
    <t>POINT (4.63002483272961 51.81227336552434)</t>
  </si>
  <si>
    <t>POINT (4.630768004578386 51.8129192421026)</t>
  </si>
  <si>
    <t>POINT (4.635040992004123 51.81978318152683)</t>
  </si>
  <si>
    <t>POINT (4.605444967460238 51.81386863618284)</t>
  </si>
  <si>
    <t>POINT (4.648170238668339 51.82401272830493)</t>
  </si>
  <si>
    <t>POINT (4.644078269082855 51.81980574079535)</t>
  </si>
  <si>
    <t>POINT (4.632388849128745 51.81981943046699)</t>
  </si>
  <si>
    <t>POINT (4.641429025106272 51.82582034682392)</t>
  </si>
  <si>
    <t>POINT (4.636785347988628 51.814608713319956)</t>
  </si>
  <si>
    <t>POINT (4.63559234907529 51.822738430739385)</t>
  </si>
  <si>
    <t>POINT (4.629885550935657 51.80606282053606)</t>
  </si>
  <si>
    <t>POINT (4.566594848074736 51.83829046250321)</t>
  </si>
  <si>
    <t>POINT (4.631914190284639 51.823765201973)</t>
  </si>
  <si>
    <t>POINT (4.651961086260517 51.817299150299704)</t>
  </si>
  <si>
    <t>POINT (4.608242175425205 51.818729760209045)</t>
  </si>
  <si>
    <t>POINT (4.656849116554305 51.823813123867225)</t>
  </si>
  <si>
    <t>POINT (4.655915530316028 51.82785998902803)</t>
  </si>
  <si>
    <t>POINT (4.647376610425342 51.823607031031585)</t>
  </si>
  <si>
    <t>POINT (4.630659500951366 51.80833105479868)</t>
  </si>
  <si>
    <t>POINT (4.629952517150806 51.81150808544197)</t>
  </si>
  <si>
    <t>POINT (4.658601346193969 51.828300830570846)</t>
  </si>
  <si>
    <t>POINT (4.613679965181864 51.83078171981072)</t>
  </si>
  <si>
    <t>POINT (4.604234821769225 51.81430585213599)</t>
  </si>
  <si>
    <t>POINT (4.570707169767036 51.83510324411427)</t>
  </si>
  <si>
    <t>POINT (4.638104059298429 51.81436131993567)</t>
  </si>
  <si>
    <t>POINT (4.649821138807725 51.81831501889433)</t>
  </si>
  <si>
    <t>POINT (4.638282104636919 51.80949351833162)</t>
  </si>
  <si>
    <t>POINT (4.633257318534627 51.81034136312437)</t>
  </si>
  <si>
    <t>POINT (4.631585970652204 51.82302562971107)</t>
  </si>
  <si>
    <t>POINT (4.628744969485921 51.811869291512224)</t>
  </si>
  <si>
    <t>POINT (4.635875008950388 51.81871672028726)</t>
  </si>
  <si>
    <t>POINT (4.6182234756854434 51.81379374151314)</t>
  </si>
  <si>
    <t>POINT (4.568447265894853 51.83475498301368)</t>
  </si>
  <si>
    <t>POINT (4.620869722409183 51.814579218639885)</t>
  </si>
  <si>
    <t>POINT (4.635702014731129 51.81899461289198)</t>
  </si>
  <si>
    <t>POINT (4.652757113471668 51.82096091067908)</t>
  </si>
  <si>
    <t>POINT (4.606703010616605 51.82228083018651)</t>
  </si>
  <si>
    <t>POINT (4.665127402913079 51.8225685465392)</t>
  </si>
  <si>
    <t>POINT (4.616910381657366 51.81896741327111)</t>
  </si>
  <si>
    <t>POINT (4.632264512925777 51.80915800733844)</t>
  </si>
  <si>
    <t>POINT (4.650317264902292 51.81576620167262)</t>
  </si>
  <si>
    <t>POINT (4.64288772341017 51.81636390454834)</t>
  </si>
  <si>
    <t>POINT (4.65527170492134 51.82124662125406)</t>
  </si>
  <si>
    <t>POINT (4.630202630637628 51.81238791416774)</t>
  </si>
  <si>
    <t>POINT (4.648836433275108 51.81839662037489)</t>
  </si>
  <si>
    <t>POINT (4.614344434390902 51.81821280375325)</t>
  </si>
  <si>
    <t>POINT (4.648008782447607 51.82387088590044)</t>
  </si>
  <si>
    <t>POINT (4.600779772776194 51.8194574096337)</t>
  </si>
  <si>
    <t>POINT (4.650094802512415 51.81638365786)</t>
  </si>
  <si>
    <t>POINT (4.635890693170946 51.82517915302973)</t>
  </si>
  <si>
    <t>POINT (4.6455847826654155 51.81974391784441)</t>
  </si>
  <si>
    <t>POINT (4.611005438266585 51.822106406595076)</t>
  </si>
  <si>
    <t>POINT (4.628750966045552 51.80945857534625)</t>
  </si>
  <si>
    <t>POINT (4.638025492333184 51.82338427401347)</t>
  </si>
  <si>
    <t>POINT (4.615455799996319 51.813361120924995)</t>
  </si>
  <si>
    <t>POINT (4.644214159171412 51.81670130484154)</t>
  </si>
  <si>
    <t>POINT (4.628976849084778 51.81192118969183)</t>
  </si>
  <si>
    <t>POINT (4.6271378391762825 51.811421565289024)</t>
  </si>
  <si>
    <t>POINT (4.646395544014987 51.81583840070556)</t>
  </si>
  <si>
    <t>POINT (4.615289087712952 51.81559347900868)</t>
  </si>
  <si>
    <t>POINT (4.599893812849633 51.81656515185554)</t>
  </si>
  <si>
    <t>POINT (4.641932961952163 51.82619801627307)</t>
  </si>
  <si>
    <t>POINT (4.656570667443621 51.824391241277866)</t>
  </si>
  <si>
    <t>POINT (4.656762861149974 51.82132884513199)</t>
  </si>
  <si>
    <t>POINT (4.56547797339495 51.837498238368816)</t>
  </si>
  <si>
    <t>POINT (4.6395579879498685 51.819423902386404)</t>
  </si>
  <si>
    <t>POINT (4.625393402190055 51.813475320811875)</t>
  </si>
  <si>
    <t>POINT (4.662058436070448 51.825131207743766)</t>
  </si>
  <si>
    <t>POINT (4.666089230336398 51.82294695926575)</t>
  </si>
  <si>
    <t>POINT (4.612751704593786 51.81809704629991)</t>
  </si>
  <si>
    <t>POINT (4.64099887863553 51.81072393227366)</t>
  </si>
  <si>
    <t>POINT (4.6259462659179995 51.814115444199615)</t>
  </si>
  <si>
    <t>POINT (4.638205841912246 51.82413294256782)</t>
  </si>
  <si>
    <t>POINT (4.630058745128683 51.80834989448298)</t>
  </si>
  <si>
    <t>POINT (4.6522073385692515 51.81825546191715)</t>
  </si>
  <si>
    <t>POINT (4.619522311628041 51.81861965758831)</t>
  </si>
  <si>
    <t>POINT (4.608512829114422 51.81590729007061)</t>
  </si>
  <si>
    <t>POINT (4.626753151384019 51.81305713121453)</t>
  </si>
  <si>
    <t>POINT (4.602231301242754 51.81393249581045)</t>
  </si>
  <si>
    <t>POINT (4.6617718220120405 51.82436645145647)</t>
  </si>
  <si>
    <t>POINT (4.629131448735525 51.81342379758899)</t>
  </si>
  <si>
    <t>POINT (4.621213887353848 51.811497679285374)</t>
  </si>
  <si>
    <t>POINT (4.645280523358923 51.82696367529292)</t>
  </si>
  <si>
    <t>POINT (4.640083057625744 51.8187654894316)</t>
  </si>
  <si>
    <t>POINT (4.6418138033001055 51.82314692179266)</t>
  </si>
  <si>
    <t>POINT (4.645787417788421 51.82056507433554)</t>
  </si>
  <si>
    <t>POINT (4.65522347954026 51.82434748601519)</t>
  </si>
  <si>
    <t>POINT (4.617441958561746 51.822272671012186)</t>
  </si>
  <si>
    <t>POINT (4.64112847676179 51.81675923851501)</t>
  </si>
  <si>
    <t>POINT (4.619452031914675 51.83042137000428)</t>
  </si>
  <si>
    <t>POINT (4.614691917062017 51.82173417389217)</t>
  </si>
  <si>
    <t>POINT (4.635140390211341 51.8241670390522)</t>
  </si>
  <si>
    <t>POINT (4.630671661472389 51.81247279903284)</t>
  </si>
  <si>
    <t>POINT (4.611981818361738 51.813705592388295)</t>
  </si>
  <si>
    <t>POINT (4.602093433884211 51.82124761788111)</t>
  </si>
  <si>
    <t>POINT (4.631893876440368 51.81148455228008)</t>
  </si>
  <si>
    <t>POINT (4.658344018059101 51.826292791163524)</t>
  </si>
  <si>
    <t>POINT (4.6317014989349605 51.80804621934028)</t>
  </si>
  <si>
    <t>POINT (4.62087640442572 51.81460161721135)</t>
  </si>
  <si>
    <t>POINT (4.617640513702725 51.82083299270539)</t>
  </si>
  <si>
    <t>POINT (4.638907748480466 51.81931761978475)</t>
  </si>
  <si>
    <t>POINT (4.64107701181724 51.82560168009153)</t>
  </si>
  <si>
    <t>POINT (4.645447863381993 51.81431965348897)</t>
  </si>
  <si>
    <t>POINT (4.6463337872036865 51.81473461285154)</t>
  </si>
  <si>
    <t>POINT (4.648250880916619 51.81652040232871)</t>
  </si>
  <si>
    <t>POINT (4.608356360873596 51.81503901939988)</t>
  </si>
  <si>
    <t>POINT (4.639840626970785 51.81817224704381)</t>
  </si>
  <si>
    <t>POINT (4.620346537681751 51.81317183525373)</t>
  </si>
  <si>
    <t>POINT (4.629552810725572 51.81500553826707)</t>
  </si>
  <si>
    <t>POINT (4.657791799556962 51.83020810591962)</t>
  </si>
  <si>
    <t>POINT (4.561862629547061 51.832253585380904)</t>
  </si>
  <si>
    <t>POINT (4.562247331497551 51.83680765324093)</t>
  </si>
  <si>
    <t>POINT (4.658476367233445 51.81877781355419)</t>
  </si>
  <si>
    <t>POINT (4.6278518979432 51.8123281155313)</t>
  </si>
  <si>
    <t>POINT (4.564666051381459 51.83585063212793)</t>
  </si>
  <si>
    <t>POINT (4.645986356077588 51.82209571099121)</t>
  </si>
  <si>
    <t>POINT (4.66077683183245 51.82282850218409)</t>
  </si>
  <si>
    <t>POINT (4.63481430676968 51.810120157818005)</t>
  </si>
  <si>
    <t>POINT (4.661995803526967 51.825688972151404)</t>
  </si>
  <si>
    <t>POINT (4.641307383513742 51.810076801451096)</t>
  </si>
  <si>
    <t>POINT (4.615604589626447 51.81729204870059)</t>
  </si>
  <si>
    <t>POINT (4.613424406884837 51.82245651685835)</t>
  </si>
  <si>
    <t>POINT (4.63350525104915 51.8101614737756)</t>
  </si>
  <si>
    <t>POINT (4.6093051973741614 51.81949210636802)</t>
  </si>
  <si>
    <t>POINT (4.64968243464697 51.82233273652254)</t>
  </si>
  <si>
    <t>POINT (4.637904202562565 51.824215501998424)</t>
  </si>
  <si>
    <t>POINT (4.64687632897652 51.823911855793256)</t>
  </si>
  <si>
    <t>POINT (4.638699730680181 51.82427439322297)</t>
  </si>
  <si>
    <t>POINT (4.621260353907479 51.811492355648866)</t>
  </si>
  <si>
    <t>POINT (4.650470705839484 51.825087513251624)</t>
  </si>
  <si>
    <t>POINT (4.631828491068384 51.81001210423384)</t>
  </si>
  <si>
    <t>POINT (4.633807024498743 51.81260153576634)</t>
  </si>
  <si>
    <t>POINT (4.634825744311289 51.82387095741149)</t>
  </si>
  <si>
    <t>POINT (4.634963765549985 51.81309034652214)</t>
  </si>
  <si>
    <t>POINT (4.654581570700052 51.823661456273584)</t>
  </si>
  <si>
    <t>POINT (4.6082422496631175 51.820260531154204)</t>
  </si>
  <si>
    <t>POINT (4.634948009505174 51.82035305328646)</t>
  </si>
  <si>
    <t>POINT (4.564428836561835 51.836815871151515)</t>
  </si>
  <si>
    <t>POINT (4.658439392466012 51.829120625398595)</t>
  </si>
  <si>
    <t>POINT (4.655911814885428 51.82474548964328)</t>
  </si>
  <si>
    <t>POINT (4.608592725241376 51.81296336471887)</t>
  </si>
  <si>
    <t>POINT (4.6310737632912335 51.81756091316459)</t>
  </si>
  <si>
    <t>POINT (4.623420333600266 51.81258315660364)</t>
  </si>
  <si>
    <t>POINT (4.597770397508034 51.81635189461274)</t>
  </si>
  <si>
    <t>POINT (4.65726902837425 51.82103977229745)</t>
  </si>
  <si>
    <t>POINT (4.637872152822233 51.808201902640945)</t>
  </si>
  <si>
    <t>POINT (4.60951635239219 51.81375341423062)</t>
  </si>
  <si>
    <t>POINT (4.636829426044399 51.81467464864594)</t>
  </si>
  <si>
    <t>POINT (4.642099602753551 51.818660548455554)</t>
  </si>
  <si>
    <t>POINT (4.616443802053496 51.81471688417708)</t>
  </si>
  <si>
    <t>POINT (4.649874580580505 51.8171271131324)</t>
  </si>
  <si>
    <t>POINT (4.596613964838893 51.816298473956785)</t>
  </si>
  <si>
    <t>POINT (4.649774406094706 51.816461266865495)</t>
  </si>
  <si>
    <t>POINT (4.657552913387143 51.82905796839526)</t>
  </si>
  <si>
    <t>POINT (4.57656023015898 51.829378144586386)</t>
  </si>
  <si>
    <t>POINT (4.626864234601054 51.813602468076596)</t>
  </si>
  <si>
    <t>POINT (4.636216785169451 51.81904715704947)</t>
  </si>
  <si>
    <t>POINT (4.616938521111825 51.8210247280838)</t>
  </si>
  <si>
    <t>POINT (4.645559632703056 51.816426653457626)</t>
  </si>
  <si>
    <t>POINT (4.615901801249648 51.804632422109975)</t>
  </si>
  <si>
    <t>POINT (4.637530968627481 51.82310990959502)</t>
  </si>
  <si>
    <t>POINT (4.6445311107612754 51.81472156466579)</t>
  </si>
  <si>
    <t>POINT (4.6127436725021616 51.820273998045344)</t>
  </si>
  <si>
    <t>POINT (4.642211617499496 51.816044389985656)</t>
  </si>
  <si>
    <t>POINT (4.566712653914213 51.83565992135298)</t>
  </si>
  <si>
    <t>POINT (4.651693733769908 51.82450595775201)</t>
  </si>
  <si>
    <t>POINT (4.660744427963165 51.82686374712454)</t>
  </si>
  <si>
    <t>POINT (4.567469794255615 51.838975252142596)</t>
  </si>
  <si>
    <t>POINT (4.6577851547271605 51.81888003550546)</t>
  </si>
  <si>
    <t>POINT (4.656097928150309 51.82024552427068)</t>
  </si>
  <si>
    <t>POINT (4.653724407541509 51.819947643321704)</t>
  </si>
  <si>
    <t>POINT (4.618182101863825 51.82021405635403)</t>
  </si>
  <si>
    <t>POINT (4.6083861596667655 51.81974192911258)</t>
  </si>
  <si>
    <t>POINT (4.636897872337681 51.8102003835053)</t>
  </si>
  <si>
    <t>POINT (4.62852222581206 51.80936392863947)</t>
  </si>
  <si>
    <t>POINT (4.651940258395583 51.81457912394195)</t>
  </si>
  <si>
    <t>POINT (4.6628042249784984 51.82062438117159)</t>
  </si>
  <si>
    <t>POINT (4.635462873573596 51.818758017906895)</t>
  </si>
  <si>
    <t>POINT (4.634524300831954 51.82397625981625)</t>
  </si>
  <si>
    <t>POINT (4.646618283564189 51.822590716015995)</t>
  </si>
  <si>
    <t>POINT (4.638479466302703 51.818892698266524)</t>
  </si>
  <si>
    <t>POINT (4.636874475663209 51.81864422063609)</t>
  </si>
  <si>
    <t>POINT (4.645577045011788 51.82489603995335)</t>
  </si>
  <si>
    <t>POINT (4.606872456163661 51.82130914354121)</t>
  </si>
  <si>
    <t>POINT (4.615162499001394 51.81797604110312)</t>
  </si>
  <si>
    <t>POINT (4.655444102495744 51.8239316792856)</t>
  </si>
  <si>
    <t>POINT (4.647654069127068 51.815737503235894)</t>
  </si>
  <si>
    <t>POINT (4.558199790371742 51.83260119404109)</t>
  </si>
  <si>
    <t>POINT (4.64086154117239 51.82558484964849)</t>
  </si>
  <si>
    <t>POINT (4.643938641016909 51.81980988129398)</t>
  </si>
  <si>
    <t>POINT (4.567550023322089 51.83826145916402)</t>
  </si>
  <si>
    <t>POINT (4.638890113106251 51.81892436877529)</t>
  </si>
  <si>
    <t>POINT (4.629668612959572 51.82393809045803)</t>
  </si>
  <si>
    <t>POINT (4.604682810596098 51.81992083590457)</t>
  </si>
  <si>
    <t>POINT (4.636474404253635 51.812106256020165)</t>
  </si>
  <si>
    <t>POINT (4.638766537450008 51.81754429228934)</t>
  </si>
  <si>
    <t>POINT (4.569158130279741 51.83320298970279)</t>
  </si>
  <si>
    <t>POINT (4.594659962704204 51.81383375020055)</t>
  </si>
  <si>
    <t>POINT (4.64878377050131 51.827355578665255)</t>
  </si>
  <si>
    <t>POINT (4.634338992469925 51.818920511357774)</t>
  </si>
  <si>
    <t>POINT (4.652999280588439 51.816050047316736)</t>
  </si>
  <si>
    <t>POINT (4.596053869136944 51.814897606851325)</t>
  </si>
  <si>
    <t>POINT (4.612862680846198 51.818103324616274)</t>
  </si>
  <si>
    <t>POINT (4.635224289879591 51.809778904783826)</t>
  </si>
  <si>
    <t>POINT (4.602880848548142 51.81572142585435)</t>
  </si>
  <si>
    <t>POINT (4.65078673569508 51.82366420655266)</t>
  </si>
  <si>
    <t>POINT (4.6543149442502125 51.82168566228912)</t>
  </si>
  <si>
    <t>POINT (4.564776773243483 51.8355247658472)</t>
  </si>
  <si>
    <t>POINT (4.635278689175844 51.825387618781875)</t>
  </si>
  <si>
    <t>POINT (4.568439045824783 51.838787275065435)</t>
  </si>
  <si>
    <t>POINT (4.608959666199819 51.81309473310258)</t>
  </si>
  <si>
    <t>POINT (4.597182685829485 51.81646933257664)</t>
  </si>
  <si>
    <t>POINT (4.641488961007695 51.82459145283949)</t>
  </si>
  <si>
    <t>POINT (4.611169165248568 51.813679529155806)</t>
  </si>
  <si>
    <t>POINT (4.6513798552381465 51.826238679386314)</t>
  </si>
  <si>
    <t>POINT (4.638544178730075 51.82300951031369)</t>
  </si>
  <si>
    <t>POINT (4.619439669863425 51.830292885559885)</t>
  </si>
  <si>
    <t>POINT (4.637676598613974 51.81715521781883)</t>
  </si>
  <si>
    <t>POINT (4.6478949392215565 51.82003942529536)</t>
  </si>
  <si>
    <t>POINT (4.617201979278616 51.81572851692977)</t>
  </si>
  <si>
    <t>POINT (4.633779582790855 51.810362865694636)</t>
  </si>
  <si>
    <t>POINT (4.63624167805009 51.82209222814791)</t>
  </si>
  <si>
    <t>POINT (4.6584374900222105 51.82564731082364)</t>
  </si>
  <si>
    <t>POINT (4.619716443636156 51.83033395817843)</t>
  </si>
  <si>
    <t>POINT (4.6545087427062235 51.816431801297384)</t>
  </si>
  <si>
    <t>POINT (4.616032512300606 51.812829364133)</t>
  </si>
  <si>
    <t>POINT (4.6192436767405995 51.820724150608214)</t>
  </si>
  <si>
    <t>POINT (4.656413420507284 51.818660645613285)</t>
  </si>
  <si>
    <t>POINT (4.65545116375509 51.821346265172686)</t>
  </si>
  <si>
    <t>POINT (4.648745581827561 51.813769722875044)</t>
  </si>
  <si>
    <t>POINT (4.628370223494888 51.812089438330375)</t>
  </si>
  <si>
    <t>POINT (4.654370553741904 51.821663483892074)</t>
  </si>
  <si>
    <t>POINT (4.561918224623258 51.8369768722839)</t>
  </si>
  <si>
    <t>POINT (4.609190887216116 51.82082163439434)</t>
  </si>
  <si>
    <t>POINT (4.569180988985392 51.83669553619348)</t>
  </si>
  <si>
    <t>POINT (4.611176663661088 51.81594579805687)</t>
  </si>
  <si>
    <t>POINT (4.633486581825326 51.809238860526875)</t>
  </si>
  <si>
    <t>POINT (4.616093077040818 51.81724056301131)</t>
  </si>
  <si>
    <t>POINT (4.604453664195922 51.81450217874619)</t>
  </si>
  <si>
    <t>POINT (4.649273613301764 51.818791330699796)</t>
  </si>
  <si>
    <t>POINT (4.634903198077924 51.8189890906458)</t>
  </si>
  <si>
    <t>POINT (4.634707216232222 51.80816602679282)</t>
  </si>
  <si>
    <t>POINT (4.61606347683316 51.81805608562495)</t>
  </si>
  <si>
    <t>POINT (4.6291190363369585 51.812039473926134)</t>
  </si>
  <si>
    <t>POINT (4.63665206496133 51.82139728559769)</t>
  </si>
  <si>
    <t>POINT (4.615000541341973 51.82103380875686)</t>
  </si>
  <si>
    <t>POINT (4.657543145472956 51.8244332544862)</t>
  </si>
  <si>
    <t>POINT (4.619401537083045 51.818354877991126)</t>
  </si>
  <si>
    <t>POINT (4.566007631245485 51.834222724752216)</t>
  </si>
  <si>
    <t>POINT (4.643050685574913 51.80985933183615)</t>
  </si>
  <si>
    <t>POINT (4.645327047573655 51.823159329379585)</t>
  </si>
  <si>
    <t>POINT (4.62060543338621 51.81246630341381)</t>
  </si>
  <si>
    <t>POINT (4.647737096945205 51.824841426332746)</t>
  </si>
  <si>
    <t>POINT (4.605862827423952 51.82259571477172)</t>
  </si>
  <si>
    <t>POINT (4.634467989044461 51.80909877897902)</t>
  </si>
  <si>
    <t>POINT (4.614378482053087 51.822443836809114)</t>
  </si>
  <si>
    <t>POINT (4.64252835259093 51.82559700948218)</t>
  </si>
  <si>
    <t>POINT (4.652520909786365 51.82152575521243)</t>
  </si>
  <si>
    <t>POINT (4.636534661496408 51.81042685913383)</t>
  </si>
  <si>
    <t>POINT (4.6318938745210785 51.808118198957)</t>
  </si>
  <si>
    <t>POINT (4.655717844015285 51.817471055791145)</t>
  </si>
  <si>
    <t>POINT (4.638757850197083 51.81937867695899)</t>
  </si>
  <si>
    <t>POINT (4.648266125989725 51.81588233727015)</t>
  </si>
  <si>
    <t>POINT (4.633397469330061 51.812789241555926)</t>
  </si>
  <si>
    <t>POINT (4.562689524346647 51.835689467552434)</t>
  </si>
  <si>
    <t>POINT (4.603837717938102 51.81936070160553)</t>
  </si>
  <si>
    <t>POINT (4.6359699201830535 51.82035123934272)</t>
  </si>
  <si>
    <t>POINT (4.609126851432438 51.81126010946279)</t>
  </si>
  <si>
    <t>POINT (4.623266333925781 51.81282984724071)</t>
  </si>
  <si>
    <t>POINT (4.646531914714998 51.822215019246855)</t>
  </si>
  <si>
    <t>POINT (4.600319610469449 51.81382017850629)</t>
  </si>
  <si>
    <t>POINT (4.647017209376575 51.81904495755656)</t>
  </si>
  <si>
    <t>POINT (4.624988537517251 51.8230635360562)</t>
  </si>
  <si>
    <t>POINT (4.648208321422353 51.81446652406606)</t>
  </si>
  <si>
    <t>POINT (4.605724850842997 51.820998039510755)</t>
  </si>
  <si>
    <t>POINT (4.641301970537627 51.816516972388044)</t>
  </si>
  <si>
    <t>POINT (4.6516733571589155 51.82129699711405)</t>
  </si>
  <si>
    <t>POINT (4.5655494642785746 51.837474379274056)</t>
  </si>
  <si>
    <t>POINT (4.601289109925091 51.81313379667631)</t>
  </si>
  <si>
    <t>POINT (4.634310108514195 51.82063156755135)</t>
  </si>
  <si>
    <t>POINT (4.643159960825045 51.815276992002055)</t>
  </si>
  <si>
    <t>POINT (4.619630199901325 51.83036947489749)</t>
  </si>
  <si>
    <t>POINT (4.648983284881196 51.81763669671667)</t>
  </si>
  <si>
    <t>POINT (4.611789162828008 51.813345948050966)</t>
  </si>
  <si>
    <t>POINT (4.565958276488758 51.83232241890819)</t>
  </si>
  <si>
    <t>POINT (4.60658828577118 51.81906838756914)</t>
  </si>
  <si>
    <t>POINT (4.619428387512254 51.83037691004793)</t>
  </si>
  <si>
    <t>POINT (4.654586525335021 51.820213672786)</t>
  </si>
  <si>
    <t>POINT (4.619444360412948 51.830394794172406)</t>
  </si>
  <si>
    <t>POINT (4.608951295213487 51.820826949222344)</t>
  </si>
  <si>
    <t>POINT (4.649893769132646 51.82713437879753)</t>
  </si>
  <si>
    <t>POINT (4.654349138125327 51.816342436982715)</t>
  </si>
  <si>
    <t>POINT (4.6090950607195795 51.813465130589094)</t>
  </si>
  <si>
    <t>POINT (4.610697345925425 51.81849984722333)</t>
  </si>
  <si>
    <t>POINT (4.643411606889264 51.82271274737624)</t>
  </si>
  <si>
    <t>POINT (4.632901795408127 51.82029594739921)</t>
  </si>
  <si>
    <t>POINT (4.595355613868803 51.81505734638202)</t>
  </si>
  <si>
    <t>POINT (4.641226372397449 51.81660419458511)</t>
  </si>
  <si>
    <t>POINT (4.619882191539449 51.812117101836954)</t>
  </si>
  <si>
    <t>POINT (4.638583441187111 51.819121746319176)</t>
  </si>
  <si>
    <t>POINT (4.634139454872025 51.8106392324429)</t>
  </si>
  <si>
    <t>POINT (4.613600296892826 51.81432901615763)</t>
  </si>
  <si>
    <t>POINT (4.64072660566403 51.82560585205083)</t>
  </si>
  <si>
    <t>POINT (4.613807791792222 51.83097285297638)</t>
  </si>
  <si>
    <t>POINT (4.649593793903049 51.822246787005724)</t>
  </si>
  <si>
    <t>POINT (4.561004635897274 51.834337533344055)</t>
  </si>
  <si>
    <t>POINT (4.625639341350109 51.81431604040508)</t>
  </si>
  <si>
    <t>POINT (4.653888862272632 51.825409715573045)</t>
  </si>
  <si>
    <t>POINT (4.632365927455987 51.810081611622046)</t>
  </si>
  <si>
    <t>POINT (4.640158074739755 51.80912157759146)</t>
  </si>
  <si>
    <t>POINT (4.654461887975839 51.82160029743724)</t>
  </si>
  <si>
    <t>POINT (4.658894544847967 51.82297073235648)</t>
  </si>
  <si>
    <t>POINT (4.612692616963215 51.813233083344414)</t>
  </si>
  <si>
    <t>POINT (4.637794332490286 51.81172289303146)</t>
  </si>
  <si>
    <t>POINT (4.645705347329821 51.8205415178485)</t>
  </si>
  <si>
    <t>POINT (4.645891785498954 51.82004425486768)</t>
  </si>
  <si>
    <t>POINT (4.636693625300311 51.81200098030457)</t>
  </si>
  <si>
    <t>POINT (4.647829145004954 51.814488243409144)</t>
  </si>
  <si>
    <t>POINT (4.609163330210455 51.81315378223324)</t>
  </si>
  <si>
    <t>POINT (4.655142801050638 51.816762514783775)</t>
  </si>
  <si>
    <t>POINT (4.601813133635556 51.82051151629822)</t>
  </si>
  <si>
    <t>POINT (4.61123243383852 51.816816643760944)</t>
  </si>
  <si>
    <t>POINT (4.637523456633062 51.8227827810738)</t>
  </si>
  <si>
    <t>POINT (4.655073099966554 51.82709861943858)</t>
  </si>
  <si>
    <t>POINT (4.65671131096672 51.81781065184816)</t>
  </si>
  <si>
    <t>POINT (4.65653732252676 51.82333878347311)</t>
  </si>
  <si>
    <t>POINT (4.630173281461371 51.822881650963296)</t>
  </si>
  <si>
    <t>POINT (4.639972631144683 51.82417654518544)</t>
  </si>
  <si>
    <t>POINT (4.6286341160017 51.81412157739752)</t>
  </si>
  <si>
    <t>POINT (4.650786950034501 51.81490010546837)</t>
  </si>
  <si>
    <t>POINT (4.600545275944134 51.81921433786415)</t>
  </si>
  <si>
    <t>POINT (4.62936797137186 51.8205494140942)</t>
  </si>
  <si>
    <t>POINT (4.646279587823648 51.822693125796214)</t>
  </si>
  <si>
    <t>POINT (4.634743031631008 51.81118643571684)</t>
  </si>
  <si>
    <t>POINT (4.635723007756915 51.82267951953157)</t>
  </si>
  <si>
    <t>POINT (4.65513563778804 51.82336485339999)</t>
  </si>
  <si>
    <t>POINT (4.600843648390086 51.815681213163536)</t>
  </si>
  <si>
    <t>POINT (4.6349468693433415 51.824247047699444)</t>
  </si>
  <si>
    <t>POINT (4.607078445546763 51.820496683025006)</t>
  </si>
  <si>
    <t>POINT (4.599411698553633 51.81323703715274)</t>
  </si>
  <si>
    <t>POINT (4.661175685044905 51.827055033611416)</t>
  </si>
  <si>
    <t>POINT (4.653481143545025 51.8220183282507)</t>
  </si>
  <si>
    <t>POINT (4.659633467952632 51.823468703455774)</t>
  </si>
  <si>
    <t>POINT (4.607232992561009 51.81599204001591)</t>
  </si>
  <si>
    <t>POINT (4.63022756853307 51.818909148025774)</t>
  </si>
  <si>
    <t>POINT (4.657487816712247 51.826121396693416)</t>
  </si>
  <si>
    <t>POINT (4.615613603462507 51.82242124872962)</t>
  </si>
  <si>
    <t>POINT (4.625458831640873 51.812958894512974)</t>
  </si>
  <si>
    <t>POINT (4.64722598806269 51.8237199771195)</t>
  </si>
  <si>
    <t>POINT (4.626287098305992 51.81106622014382)</t>
  </si>
  <si>
    <t>POINT (4.609141814601183 51.82138396699417)</t>
  </si>
  <si>
    <t>POINT (4.614757671078839 51.820423809350494)</t>
  </si>
  <si>
    <t>POINT (4.636118978126587 51.8199641333335)</t>
  </si>
  <si>
    <t>POINT (4.607575078199763 51.81719615073068)</t>
  </si>
  <si>
    <t>POINT (4.636711978971845 51.821949889175045)</t>
  </si>
  <si>
    <t>POINT (4.6560689195038085 51.82029470040026)</t>
  </si>
  <si>
    <t>POINT (4.651573211886826 51.82179231098924)</t>
  </si>
  <si>
    <t>POINT (4.561917056141664 51.83593412435134)</t>
  </si>
  <si>
    <t>POINT (4.598040175275356 51.81536332115652)</t>
  </si>
  <si>
    <t>POINT (4.618759411639035 51.81939103797742)</t>
  </si>
  <si>
    <t>POINT (4.63898347860808 51.825438970226294)</t>
  </si>
  <si>
    <t>POINT (4.599152349540062 51.81341245483661)</t>
  </si>
  <si>
    <t>POINT (4.65711048416902 51.82105374332361)</t>
  </si>
  <si>
    <t>POINT (4.642020004963876 51.81939228894983)</t>
  </si>
  <si>
    <t>POINT (4.6349922068739176 51.8242274912323)</t>
  </si>
  <si>
    <t>POINT (4.563726641760119 51.83582073820336)</t>
  </si>
  <si>
    <t>POINT (4.636228634690749 51.811847291910404)</t>
  </si>
  <si>
    <t>POINT (4.610850803631801 51.821160525763446)</t>
  </si>
  <si>
    <t>POINT (4.634608486449783 51.81629377295145)</t>
  </si>
  <si>
    <t>POINT (4.627274851351729 51.808085805470604)</t>
  </si>
  <si>
    <t>POINT (4.567100019192101 51.83901608516047)</t>
  </si>
  <si>
    <t>POINT (4.625742670193316 51.81475230389008)</t>
  </si>
  <si>
    <t>POINT (4.661383315558035 51.8241602315304)</t>
  </si>
  <si>
    <t>POINT (4.642408110585296 51.820393575923255)</t>
  </si>
  <si>
    <t>POINT (4.632481506043215 51.80952949538481)</t>
  </si>
  <si>
    <t>POINT (4.616971888425992 51.821382536036886)</t>
  </si>
  <si>
    <t>POINT (4.666248732126006 51.822612194403526)</t>
  </si>
  <si>
    <t>POINT (4.650212701357606 51.8269992504867)</t>
  </si>
  <si>
    <t>POINT (4.5764153586576635 51.82895083491529)</t>
  </si>
  <si>
    <t>POINT (4.60965818458686 51.81481461033867)</t>
  </si>
  <si>
    <t>POINT (4.562792094705603 51.83546094789223)</t>
  </si>
  <si>
    <t>POINT (4.6034954221353495 51.814637203015245)</t>
  </si>
  <si>
    <t>POINT (4.641151231606907 51.82567927479726)</t>
  </si>
  <si>
    <t>POINT (4.651219384123058 51.82191109839388)</t>
  </si>
  <si>
    <t>POINT (4.655120155991216 51.816832512224835)</t>
  </si>
  <si>
    <t>POINT (4.566327351883111 51.837685978088835)</t>
  </si>
  <si>
    <t>POINT (4.637316688909674 51.817299551303066)</t>
  </si>
  <si>
    <t>POINT (4.647201782013323 51.82370297072712)</t>
  </si>
  <si>
    <t>POINT (4.618307749458845 51.81513209369632)</t>
  </si>
  <si>
    <t>POINT (4.62816942591566 51.823133075660095)</t>
  </si>
  <si>
    <t>POINT (4.633365691194061 51.811529288033285)</t>
  </si>
  <si>
    <t>POINT (4.639794712352393 51.821532710378435)</t>
  </si>
  <si>
    <t>POINT (4.640595424512757 51.82477151469656)</t>
  </si>
  <si>
    <t>POINT (4.6043112925781084 51.814081266500324)</t>
  </si>
  <si>
    <t>POINT (4.639663819011782 51.81757448730215)</t>
  </si>
  <si>
    <t>POINT (4.605806185754665 51.815530739002185)</t>
  </si>
  <si>
    <t>POINT (4.599467348936667 51.81328237239397)</t>
  </si>
  <si>
    <t>POINT (4.641063653845429 51.81678424643454)</t>
  </si>
  <si>
    <t>POINT (4.5594067504432045 51.83608455689564)</t>
  </si>
  <si>
    <t>POINT (4.604169934845892 51.81040753567324)</t>
  </si>
  <si>
    <t>POINT (4.640419790629535 51.823366265315116)</t>
  </si>
  <si>
    <t>POINT (4.568877749116631 51.83849764263204)</t>
  </si>
  <si>
    <t>POINT (4.634553038106504 51.81930468597247)</t>
  </si>
  <si>
    <t>POINT (4.61045410288278 51.819428992665856)</t>
  </si>
  <si>
    <t>POINT (4.639915917607589 51.81070307235112)</t>
  </si>
  <si>
    <t>POINT (4.657521423082731 51.82978247501563)</t>
  </si>
  <si>
    <t>POINT (4.644847259638706 51.82713256578635)</t>
  </si>
  <si>
    <t>POINT (4.646930750995178 51.823972081656656)</t>
  </si>
  <si>
    <t>POINT (4.650967602617133 51.82342012103666)</t>
  </si>
  <si>
    <t>POINT (4.657508955245634 51.82093367874092)</t>
  </si>
  <si>
    <t>POINT (4.620046338387889 51.81383262032179)</t>
  </si>
  <si>
    <t>POINT (4.627109673024038 51.80649375945623)</t>
  </si>
  <si>
    <t>POINT (4.6563044346498454 51.821819334767746)</t>
  </si>
  <si>
    <t>POINT (4.626224461605081 51.81298934485644)</t>
  </si>
  <si>
    <t>POINT (4.657063407306825 51.82101671374329)</t>
  </si>
  <si>
    <t>POINT (4.607285226024596 51.8143485375766)</t>
  </si>
  <si>
    <t>POINT (4.632063458737712 51.825867701405926)</t>
  </si>
  <si>
    <t>POINT (4.651572999720664 51.816093348920084)</t>
  </si>
  <si>
    <t>POINT (4.655696626650664 51.82060001813958)</t>
  </si>
  <si>
    <t>POINT (4.655756289517704 51.82192696609496)</t>
  </si>
  <si>
    <t>POINT (4.657948168077898 51.82075440586987)</t>
  </si>
  <si>
    <t>POINT (4.6160571650932365 51.82211040392998)</t>
  </si>
  <si>
    <t>POINT (4.6422227466739505 51.81665838852427)</t>
  </si>
  <si>
    <t>POINT (4.616603810937498 51.8138106854521)</t>
  </si>
  <si>
    <t>POINT (4.640628092107358 51.817452392680565)</t>
  </si>
  <si>
    <t>POINT (4.618373295916223 51.81535184784646)</t>
  </si>
  <si>
    <t>POINT (4.650322710574368 51.82052315653891)</t>
  </si>
  <si>
    <t>POINT (4.618062095154358 51.82134014884224)</t>
  </si>
  <si>
    <t>POINT (4.63695443542595 51.814661758107164)</t>
  </si>
  <si>
    <t>POINT (4.648292693005704 51.821255879101486)</t>
  </si>
  <si>
    <t>POINT (4.6183877231039805 51.81516154334353)</t>
  </si>
  <si>
    <t>POINT (4.617321314985894 51.81862739695016)</t>
  </si>
  <si>
    <t>POINT (4.562482715916132 51.83554309819676)</t>
  </si>
  <si>
    <t>POINT (4.634920816135716 51.810002045906764)</t>
  </si>
  <si>
    <t>POINT (4.618584961801874 51.81567951579805)</t>
  </si>
  <si>
    <t>POINT (4.6519246537363905 51.81472316878448)</t>
  </si>
  <si>
    <t>POINT (4.636739497497745 51.81539674722787)</t>
  </si>
  <si>
    <t>POINT (4.655857110647371 51.817829268787364)</t>
  </si>
  <si>
    <t>POINT (4.614754287670675 51.822220855846695)</t>
  </si>
  <si>
    <t>POINT (4.56782179406499 51.83263900073688)</t>
  </si>
  <si>
    <t>POINT (4.633216832380658 51.8110150674285)</t>
  </si>
  <si>
    <t>POINT (4.569059444954777 51.83811189887932)</t>
  </si>
  <si>
    <t>POINT (4.630968677065643 51.813122817354014)</t>
  </si>
  <si>
    <t>POINT (4.607847923027444 51.82071152013118)</t>
  </si>
  <si>
    <t>POINT (4.658741351254528 51.826225146134384)</t>
  </si>
  <si>
    <t>POINT (4.662809658744713 51.823514569187004)</t>
  </si>
  <si>
    <t>POINT (4.639430134224255 51.825706524524165)</t>
  </si>
  <si>
    <t>POINT (4.630456059442384 51.82271588923878)</t>
  </si>
  <si>
    <t>POINT (4.622386595556221 51.811990494333614)</t>
  </si>
  <si>
    <t>POINT (4.646225648966622 51.82198074656512)</t>
  </si>
  <si>
    <t>POINT (4.6116221558575585 51.814317882921905)</t>
  </si>
  <si>
    <t>POINT (4.642331633961778 51.80916343965007)</t>
  </si>
  <si>
    <t>POINT (4.645077710565094 51.82137484713119)</t>
  </si>
  <si>
    <t>POINT (4.63306240160918 51.813246942020015)</t>
  </si>
  <si>
    <t>POINT (4.602164952935077 51.81993453766374)</t>
  </si>
  <si>
    <t>POINT (4.657478157998516 51.8182488116578)</t>
  </si>
  <si>
    <t>POINT (4.604468171682837 51.81441168707691)</t>
  </si>
  <si>
    <t>POINT (4.65699737621137 51.81792994108413)</t>
  </si>
  <si>
    <t>POINT (4.609642659015289 51.819149481361094)</t>
  </si>
  <si>
    <t>POINT (4.633830894119014 51.82562043638535)</t>
  </si>
  <si>
    <t>POINT (4.65186495781433 51.81466824239826)</t>
  </si>
  <si>
    <t>POINT (4.64663758824721 51.8159334826493)</t>
  </si>
  <si>
    <t>POINT (4.627889025279767 51.82349027066157)</t>
  </si>
  <si>
    <t>POINT (4.617545722793027 51.81368248543681)</t>
  </si>
  <si>
    <t>POINT (4.646325239720337 51.82325233038845)</t>
  </si>
  <si>
    <t>POINT (4.614395393011445 51.83138801015884)</t>
  </si>
  <si>
    <t>POINT (4.6413437922718 51.82088254330082)</t>
  </si>
  <si>
    <t>POINT (4.659192320136646 51.82210969400029)</t>
  </si>
  <si>
    <t>POINT (4.6069958101522746 51.82125855712639)</t>
  </si>
  <si>
    <t>POINT (4.634859246677464 51.81834715959124)</t>
  </si>
  <si>
    <t>POINT (4.651802231941361 51.81497510069902)</t>
  </si>
  <si>
    <t>POINT (4.6316921350941636 51.80959856364812)</t>
  </si>
  <si>
    <t>POINT (4.601900603532725 51.8190716669322)</t>
  </si>
  <si>
    <t>POINT (4.628913895759632 51.813201665261914)</t>
  </si>
  <si>
    <t>POINT (4.628634310204528 51.80786031980372)</t>
  </si>
  <si>
    <t>POINT (4.653371126925299 51.81562307339361)</t>
  </si>
  <si>
    <t>POINT (4.656991752906413 51.82982657850227)</t>
  </si>
  <si>
    <t>POINT (4.609700158841609 51.821818047013515)</t>
  </si>
  <si>
    <t>POINT (4.654481714547962 51.82161912665632)</t>
  </si>
  <si>
    <t>POINT (4.627497358957349 51.81483319488536)</t>
  </si>
  <si>
    <t>POINT (4.609560049858204 51.81550457288837)</t>
  </si>
  <si>
    <t>POINT (4.6486264437515175 51.81786750129197)</t>
  </si>
  <si>
    <t>POINT (4.618928497273138 51.820694932952286)</t>
  </si>
  <si>
    <t>POINT (4.604278211330262 51.81390095655446)</t>
  </si>
  <si>
    <t>POINT (4.598340271127298 51.810227151020165)</t>
  </si>
  <si>
    <t>POINT (4.617865841384272 51.81360121413841)</t>
  </si>
  <si>
    <t>POINT (4.654001186159216 51.82183749895261)</t>
  </si>
  <si>
    <t>POINT (4.567412567969341 51.835559076705984)</t>
  </si>
  <si>
    <t>POINT (4.637426172910682 51.815532182620515)</t>
  </si>
  <si>
    <t>POINT (4.648423828027047 51.821194053486806)</t>
  </si>
  <si>
    <t>POINT (4.627642661883599 51.81314948923885)</t>
  </si>
  <si>
    <t>POINT (4.622159381445324 51.812604992084694)</t>
  </si>
  <si>
    <t>POINT (4.647960666375159 51.823841774133804)</t>
  </si>
  <si>
    <t>POINT (4.654745623183353 51.81816965988314)</t>
  </si>
  <si>
    <t>POINT (4.6362084810346875 51.81058121155124)</t>
  </si>
  <si>
    <t>POINT (4.640631464244343 51.817801364274786)</t>
  </si>
  <si>
    <t>POINT (4.591587219464845 51.812285868957126)</t>
  </si>
  <si>
    <t>POINT (4.596039438424933 51.81465881360508)</t>
  </si>
  <si>
    <t>POINT (4.639409890376446 51.82238744776776)</t>
  </si>
  <si>
    <t>POINT (4.639926631995771 51.81364821680479)</t>
  </si>
  <si>
    <t>POINT (4.656650601161245 51.817845419699054)</t>
  </si>
  <si>
    <t>POINT (4.607807027744197 51.8216035768824)</t>
  </si>
  <si>
    <t>POINT (4.618633808333604 51.81226231579882)</t>
  </si>
  <si>
    <t>POINT (4.628032582114538 51.81357654919024)</t>
  </si>
  <si>
    <t>POINT (4.6023327129484795 51.81438169394646)</t>
  </si>
  <si>
    <t>POINT (4.628749480573291 51.81184078150786)</t>
  </si>
  <si>
    <t>POINT (4.638555947160768 51.82320833433388)</t>
  </si>
  <si>
    <t>POINT (4.648931206530549 51.82540625942811)</t>
  </si>
  <si>
    <t>POINT (4.652594092079088 51.8279543669885)</t>
  </si>
  <si>
    <t>POINT (4.661228120715383 51.82695271634051)</t>
  </si>
  <si>
    <t>POINT (4.608660043899217 51.81450939620795)</t>
  </si>
  <si>
    <t>POINT (4.6356494219894016 51.82259868044266)</t>
  </si>
  <si>
    <t>POINT (4.617230019857595 51.81950750330389)</t>
  </si>
  <si>
    <t>POINT (4.641061153416987 51.81384918711757)</t>
  </si>
  <si>
    <t>POINT (4.650988494218558 51.82574556937419)</t>
  </si>
  <si>
    <t>POINT (4.563197690536544 51.83555693705717)</t>
  </si>
  <si>
    <t>POINT (4.6427258608711 51.816262492114426)</t>
  </si>
  <si>
    <t>POINT (4.65306566782846 51.82453917583417)</t>
  </si>
  <si>
    <t>POINT (4.6009597091148695 51.81532153359566)</t>
  </si>
  <si>
    <t>POINT (4.564717389170091 51.83548645323353)</t>
  </si>
  <si>
    <t>POINT (4.619080092141411 51.81399677980849)</t>
  </si>
  <si>
    <t>POINT (4.606151471739459 51.81957285887963)</t>
  </si>
  <si>
    <t>POINT (4.666198404243512 51.82316319619053)</t>
  </si>
  <si>
    <t>POINT (4.612948499697667 51.81729859138593)</t>
  </si>
  <si>
    <t>POINT (4.565053231278317 51.8315963363002)</t>
  </si>
  <si>
    <t>POINT (4.630793032841259 51.812413725608984)</t>
  </si>
  <si>
    <t>POINT (4.631064732678629 51.817462905074244)</t>
  </si>
  <si>
    <t>POINT (4.633503079494079 51.82491468791607)</t>
  </si>
  <si>
    <t>POINT (4.6504267181215315 51.81744247917693)</t>
  </si>
  <si>
    <t>POINT (4.618717583573133 51.818470427692944)</t>
  </si>
  <si>
    <t>POINT (4.648903808824013 51.82619585943247)</t>
  </si>
  <si>
    <t>POINT (4.63001466556518 51.812601567621314)</t>
  </si>
  <si>
    <t>POINT (4.637292973660325 51.80936757960199)</t>
  </si>
  <si>
    <t>POINT (4.62776344276346 51.80905796127504)</t>
  </si>
  <si>
    <t>POINT (4.624893150064707 51.81174183457741)</t>
  </si>
  <si>
    <t>POINT (4.6378128500728915 51.80828278184651)</t>
  </si>
  <si>
    <t>POINT (4.629593401071056 51.807538158259355)</t>
  </si>
  <si>
    <t>POINT (4.6146319662719435 51.81335898105331)</t>
  </si>
  <si>
    <t>POINT (4.653370834451322 51.82136167171466)</t>
  </si>
  <si>
    <t>POINT (4.635894913500831 51.819183702714604)</t>
  </si>
  <si>
    <t>POINT (4.65582995932045 51.819531331052545)</t>
  </si>
  <si>
    <t>POINT (4.637815973725307 51.82478375203767)</t>
  </si>
  <si>
    <t>POINT (4.651157408488951 51.81919642409334)</t>
  </si>
  <si>
    <t>POINT (4.656119344290647 51.82179122494748)</t>
  </si>
  <si>
    <t>POINT (4.640159099135127 51.822958488346806)</t>
  </si>
  <si>
    <t>POINT (4.64260664476854 51.81006068446925)</t>
  </si>
  <si>
    <t>POINT (4.634114925087092 51.81287614855149)</t>
  </si>
  <si>
    <t>POINT (4.645630119359359 51.81641246528581)</t>
  </si>
  <si>
    <t>POINT (4.654996385200381 51.81827544839944)</t>
  </si>
  <si>
    <t>POINT (4.6292140954490355 51.80904289151636)</t>
  </si>
  <si>
    <t>POINT (4.632324345139333 51.82539270910152)</t>
  </si>
  <si>
    <t>POINT (4.644228392122434 51.82186368076562)</t>
  </si>
  <si>
    <t>POINT (4.616754466012204 51.820694101624845)</t>
  </si>
  <si>
    <t>POINT (4.659696261436508 51.82918128427963)</t>
  </si>
  <si>
    <t>POINT (4.641027678650382 51.81881918405706)</t>
  </si>
  <si>
    <t>POINT (4.616456139717753 51.813004461053545)</t>
  </si>
  <si>
    <t>POINT (4.620826870954232 51.81151887362434)</t>
  </si>
  <si>
    <t>POINT (4.640766671701329 51.81830119573785)</t>
  </si>
  <si>
    <t>POINT (4.650006899147272 51.828173245542494)</t>
  </si>
  <si>
    <t>POINT (4.659557031472822 51.8233613542928)</t>
  </si>
  <si>
    <t>POINT (4.6440371211049385 51.825586266626026)</t>
  </si>
  <si>
    <t>POINT (4.602395682989876 51.81356945265379)</t>
  </si>
  <si>
    <t>POINT (4.618043025983869 51.81807932317155)</t>
  </si>
  <si>
    <t>POINT (4.630563507674847 51.812043259373674)</t>
  </si>
  <si>
    <t>POINT (4.634153944583416 51.809595439681544)</t>
  </si>
  <si>
    <t>POINT (4.617580992029871 51.81287037011344)</t>
  </si>
  <si>
    <t>POINT (4.632490438124517 51.81994583569999)</t>
  </si>
  <si>
    <t>POINT (4.654194752532486 51.820472060145825)</t>
  </si>
  <si>
    <t>POINT (4.6466461106803685 51.826983121382135)</t>
  </si>
  <si>
    <t>POINT (4.655941672609878 51.82190665630459)</t>
  </si>
  <si>
    <t>POINT (4.656077477965231 51.81763254925033)</t>
  </si>
  <si>
    <t>POINT (4.637743044225629 51.80870329517525)</t>
  </si>
  <si>
    <t>POINT (4.646053629695148 51.82207103941449)</t>
  </si>
  <si>
    <t>POINT (4.658345552616761 51.82340743690647)</t>
  </si>
  <si>
    <t>POINT (4.650694276625012 51.81828232661413)</t>
  </si>
  <si>
    <t>POINT (4.638043300585979 51.81037166469341)</t>
  </si>
  <si>
    <t>POINT (4.633045949164316 51.81175534904181)</t>
  </si>
  <si>
    <t>POINT (4.6102409998769955 51.8193192140503)</t>
  </si>
  <si>
    <t>POINT (4.650087468081271 51.81743623208463)</t>
  </si>
  <si>
    <t>POINT (4.563571304264183 51.83443569585475)</t>
  </si>
  <si>
    <t>POINT (4.64035404028424 51.81037161664651)</t>
  </si>
  <si>
    <t>POINT (4.636654957206136 51.820457059593515)</t>
  </si>
  <si>
    <t>POINT (4.655267491051774 51.82624008318039)</t>
  </si>
  <si>
    <t>POINT (4.660898787511864 51.822967367873794)</t>
  </si>
  <si>
    <t>POINT (4.63605399829586 51.81087196924721)</t>
  </si>
  <si>
    <t>POINT (4.601663175749184 51.815684094989024)</t>
  </si>
  <si>
    <t>POINT (4.645628398616528 51.825701633544526)</t>
  </si>
  <si>
    <t>POINT (4.6562785294761 51.82683976166824)</t>
  </si>
  <si>
    <t>POINT (4.625618585099583 51.811533017923026)</t>
  </si>
  <si>
    <t>POINT (4.637717492096259 51.82402321032366)</t>
  </si>
  <si>
    <t>POINT (4.564751699489988 51.83261738641503)</t>
  </si>
  <si>
    <t>POINT (4.624280830881286 51.81518691485352)</t>
  </si>
  <si>
    <t>POINT (4.627996475043664 51.8139776435553)</t>
  </si>
  <si>
    <t>POINT (4.653376156349881 51.81575423179825)</t>
  </si>
  <si>
    <t>POINT (4.6492733827326145 51.82821062254595)</t>
  </si>
  <si>
    <t>POINT (4.650830773031156 51.81823516556578)</t>
  </si>
  <si>
    <t>POINT (4.566545349277988 51.833166478274876)</t>
  </si>
  <si>
    <t>POINT (4.629620258811191 51.81514644922367)</t>
  </si>
  <si>
    <t>POINT (4.601839280976876 51.8150067142179)</t>
  </si>
  <si>
    <t>POINT (4.641971059943837 51.826094232115814)</t>
  </si>
  <si>
    <t>POINT (4.646886649672915 51.82656065169428)</t>
  </si>
  <si>
    <t>POINT (4.63738312842643 51.80820593380292)</t>
  </si>
  <si>
    <t>POINT (4.641590911135622 51.80954967208748)</t>
  </si>
  <si>
    <t>POINT (4.604177664074111 51.81682928155077)</t>
  </si>
  <si>
    <t>POINT (4.626718093714548 51.815053764270665)</t>
  </si>
  <si>
    <t>POINT (4.6121408906017605 51.816261741758304)</t>
  </si>
  <si>
    <t>POINT (4.633952635416312 51.810774589857175)</t>
  </si>
  <si>
    <t>POINT (4.621809289876974 51.81501982891125)</t>
  </si>
  <si>
    <t>POINT (4.636527844077221 51.820504722673626)</t>
  </si>
  <si>
    <t>POINT (4.608279379837336 51.82089261278631)</t>
  </si>
  <si>
    <t>POINT (4.634372633462109 51.8169618016661)</t>
  </si>
  <si>
    <t>POINT (4.651367485404354 51.81457703506413)</t>
  </si>
  <si>
    <t>POINT (4.642820326490521 51.817999356450095)</t>
  </si>
  <si>
    <t>POINT (4.5979275545953415 51.81403995199899)</t>
  </si>
  <si>
    <t>POINT (4.640136042357991 51.81400454980945)</t>
  </si>
  <si>
    <t>POINT (4.6254688615873425 51.81352399014899)</t>
  </si>
  <si>
    <t>POINT (4.624603550281514 51.81876001128475)</t>
  </si>
  <si>
    <t>POINT (4.640511689863427 51.819374999082555)</t>
  </si>
  <si>
    <t>POINT (4.656564077101382 51.81750690664775)</t>
  </si>
  <si>
    <t>POINT (4.647749126781644 51.81658419868916)</t>
  </si>
  <si>
    <t>POINT (4.561501585747379 51.83703872440143)</t>
  </si>
  <si>
    <t>POINT (4.6091128800231775 51.81365021878546)</t>
  </si>
  <si>
    <t>POINT (4.65054168857144 51.813973962545205)</t>
  </si>
  <si>
    <t>POINT (4.633924183409431 51.82044603638151)</t>
  </si>
  <si>
    <t>POINT (4.639198328388442 51.82278020881789)</t>
  </si>
  <si>
    <t>POINT (4.6551540835612135 51.82335802020161)</t>
  </si>
  <si>
    <t>POINT (4.643569915553047 51.81529605771531)</t>
  </si>
  <si>
    <t>POINT (4.642783861029887 51.82598793918473)</t>
  </si>
  <si>
    <t>POINT (4.594861319503489 51.839980017651655)</t>
  </si>
  <si>
    <t>POINT (4.610698728773919 51.81840020740787)</t>
  </si>
  <si>
    <t>POINT (4.661691142662773 51.824942180437404)</t>
  </si>
  <si>
    <t>POINT (4.600845845694656 51.809857416547835)</t>
  </si>
  <si>
    <t>POINT (4.6451396010752894 51.81456357243192)</t>
  </si>
  <si>
    <t>POINT (4.6481536393032075 51.82400153175222)</t>
  </si>
  <si>
    <t>POINT (4.613527710153065 51.82160994856457)</t>
  </si>
  <si>
    <t>POINT (4.660923996827891 51.8230358287881)</t>
  </si>
  <si>
    <t>POINT (4.638192199242924 51.81087794220609)</t>
  </si>
  <si>
    <t>POINT (4.599955859605774 51.81539822819034)</t>
  </si>
  <si>
    <t>POINT (4.6595901812834715 51.824715990880556)</t>
  </si>
  <si>
    <t>POINT (4.632588550329359 51.80828365623506)</t>
  </si>
  <si>
    <t>POINT (4.609774154552782 51.81920237022357)</t>
  </si>
  <si>
    <t>POINT (4.616712597694405 51.81422959998255)</t>
  </si>
  <si>
    <t>POINT (4.6308827005480655 51.81009851503537)</t>
  </si>
  <si>
    <t>POINT (4.626378056940367 51.82699399786574)</t>
  </si>
  <si>
    <t>POINT (4.647870163888787 51.82553439302651)</t>
  </si>
  <si>
    <t>POINT (4.660233057393138 51.821589489433244)</t>
  </si>
  <si>
    <t>POINT (4.630272698486585 51.808052040500705)</t>
  </si>
  <si>
    <t>POINT (4.618059273156948 51.81904051199903)</t>
  </si>
  <si>
    <t>POINT (4.564470309744592 51.83679975736187)</t>
  </si>
  <si>
    <t>POINT (4.603602733950008 51.81670681983946)</t>
  </si>
  <si>
    <t>POINT (4.591343104939136 51.80903781957284)</t>
  </si>
  <si>
    <t>POINT (4.624629845586064 51.811454471418486)</t>
  </si>
  <si>
    <t>POINT (4.650953412016243 51.814586599717565)</t>
  </si>
  <si>
    <t>POINT (4.639415998541344 51.82577074852821)</t>
  </si>
  <si>
    <t>POINT (4.639182693666355 51.814904295216415)</t>
  </si>
  <si>
    <t>POINT (4.654830937790682 51.81983341298828)</t>
  </si>
  <si>
    <t>POINT (4.619026340249713 51.81869348151859)</t>
  </si>
  <si>
    <t>POINT (4.63722731990747 51.809417766433704)</t>
  </si>
  <si>
    <t>POINT (4.564299012015551 51.81986647578418)</t>
  </si>
  <si>
    <t>POINT (4.645042270389479 51.82434818819358)</t>
  </si>
  <si>
    <t>POINT (4.638113836751087 51.82288641493034)</t>
  </si>
  <si>
    <t>POINT (4.6287077651097475 51.82185208853366)</t>
  </si>
  <si>
    <t>POINT (4.565698830695037 51.836732765631716)</t>
  </si>
  <si>
    <t>POINT (4.6147085666648975 51.814281521520606)</t>
  </si>
  <si>
    <t>POINT (4.629526020289142 51.8136838004073)</t>
  </si>
  <si>
    <t>POINT (4.620157768994846 51.81959056648394)</t>
  </si>
  <si>
    <t>POINT (4.641893202250727 51.8211208270997)</t>
  </si>
  <si>
    <t>POINT (4.630298214263753 51.80623743734407)</t>
  </si>
  <si>
    <t>POINT (4.6008968475264505 51.82028627623078)</t>
  </si>
  <si>
    <t>POINT (4.6126696168467465 51.813436499196825)</t>
  </si>
  <si>
    <t>POINT (4.618721551413151 51.81962014607551)</t>
  </si>
  <si>
    <t>POINT (4.638187550564444 51.818404448244436)</t>
  </si>
  <si>
    <t>POINT (4.602306937724808 51.8135689490053)</t>
  </si>
  <si>
    <t>POINT (4.605524203605693 51.811623985449636)</t>
  </si>
  <si>
    <t>POINT (4.615727648818518 51.821592960437464)</t>
  </si>
  <si>
    <t>POINT (4.645463159499892 51.815717869595254)</t>
  </si>
  <si>
    <t>POINT (4.602626314139971 51.81834171908573)</t>
  </si>
  <si>
    <t>POINT (4.60796058008333 51.82028615782435)</t>
  </si>
  <si>
    <t>POINT (4.6592532253306125 51.82838827195927)</t>
  </si>
  <si>
    <t>POINT (4.56166855477488 51.8341047484709)</t>
  </si>
  <si>
    <t>POINT (4.5634254812357655 51.83219588959743)</t>
  </si>
  <si>
    <t>POINT (4.625132155126754 51.813813577727345)</t>
  </si>
  <si>
    <t>POINT (4.60031724066137 51.8139667509186)</t>
  </si>
  <si>
    <t>POINT (4.595477547549734 51.81069581604912)</t>
  </si>
  <si>
    <t>POINT (4.647084312436842 51.815052568548694)</t>
  </si>
  <si>
    <t>POINT (4.569322760814978 51.834205231263034)</t>
  </si>
  <si>
    <t>POINT (4.65753253637313 51.82083174094072)</t>
  </si>
  <si>
    <t>POINT (4.662125673748418 51.82546645102333)</t>
  </si>
  <si>
    <t>POINT (4.626267075440576 51.827534757594904)</t>
  </si>
  <si>
    <t>POINT (4.633782233356616 51.824312350027185)</t>
  </si>
  <si>
    <t>POINT (4.632383811751561 51.80903411034975)</t>
  </si>
  <si>
    <t>POINT (4.657671563457846 51.82454713024608)</t>
  </si>
  <si>
    <t>POINT (4.640689166906131 51.82487188538589)</t>
  </si>
  <si>
    <t>POINT (4.657038577448796 51.81845934306762)</t>
  </si>
  <si>
    <t>POINT (4.619541823820389 51.8135332237394)</t>
  </si>
  <si>
    <t>POINT (4.634380780257975 51.81005592156635)</t>
  </si>
  <si>
    <t>POINT (4.594539030184512 51.814771393890894)</t>
  </si>
  <si>
    <t>POINT (4.638109338757276 51.82416767922154)</t>
  </si>
  <si>
    <t>POINT (4.647121902851504 51.815697501572956)</t>
  </si>
  <si>
    <t>POINT (4.644374442788618 51.81528640245143)</t>
  </si>
  <si>
    <t>POINT (4.628597831194771 51.8122228911789)</t>
  </si>
  <si>
    <t>POINT (4.642579796788425 51.81603879860771)</t>
  </si>
  <si>
    <t>POINT (4.566939309963658 51.838859367268626)</t>
  </si>
  <si>
    <t>POINT (4.6395173205022795 51.81844705756166)</t>
  </si>
  <si>
    <t>POINT (4.644619939130739 51.81516355258522)</t>
  </si>
  <si>
    <t>POINT (4.619520742332563 51.830259456493714)</t>
  </si>
  <si>
    <t>POINT (4.6182924666668255 51.81508089270199)</t>
  </si>
  <si>
    <t>POINT (4.566002085930842 51.83733692648962)</t>
  </si>
  <si>
    <t>POINT (4.629109932699157 51.807630379073096)</t>
  </si>
  <si>
    <t>POINT (4.610792139688001 51.81846047457246)</t>
  </si>
  <si>
    <t>POINT (4.608683024901356 51.818871561216184)</t>
  </si>
  <si>
    <t>POINT (4.658677286843896 51.82254528039836)</t>
  </si>
  <si>
    <t>POINT (4.6404713206587465 51.80864616329131)</t>
  </si>
  <si>
    <t>POINT (4.628215079352658 51.81198975691251)</t>
  </si>
  <si>
    <t>POINT (4.641148816658148 51.81839496873095)</t>
  </si>
  <si>
    <t>POINT (4.655857739101773 51.820756661167536)</t>
  </si>
  <si>
    <t>POINT (4.636682211392943 51.81453780706426)</t>
  </si>
  <si>
    <t>POINT (4.638394013704098 51.8236585875527)</t>
  </si>
  <si>
    <t>POINT (4.644490686027737 51.82489688303388)</t>
  </si>
  <si>
    <t>POINT (4.625253110772881 51.81166287843266)</t>
  </si>
  <si>
    <t>POINT (4.629819788498423 51.8086814921288)</t>
  </si>
  <si>
    <t>POINT (4.640817144150621 51.825600243604974)</t>
  </si>
  <si>
    <t>POINT (4.665309245466849 51.8220962948425)</t>
  </si>
  <si>
    <t>POINT (4.636749475589816 51.81197633989428)</t>
  </si>
  <si>
    <t>POINT (4.656602903614988 51.821610696231986)</t>
  </si>
  <si>
    <t>POINT (4.611479664474822 51.82028605467372)</t>
  </si>
  <si>
    <t>POINT (4.655157229291194 51.82729473766737)</t>
  </si>
  <si>
    <t>POINT (4.640675467035915 51.82209879666375)</t>
  </si>
  <si>
    <t>POINT (4.632452291836255 51.80901721160584)</t>
  </si>
  <si>
    <t>POINT (4.655166782287351 51.82339155525767)</t>
  </si>
  <si>
    <t>POINT (4.614332384137373 51.81427402892156)</t>
  </si>
  <si>
    <t>POINT (4.631997962608901 51.82372867163994)</t>
  </si>
  <si>
    <t>POINT (4.609098054127185 51.82254929801481)</t>
  </si>
  <si>
    <t>POINT (4.614745644261351 51.814516281340694)</t>
  </si>
  <si>
    <t>POINT (4.6551630961623935 51.82336755047845)</t>
  </si>
  <si>
    <t>POINT (4.657281705684138 51.82195782874074)</t>
  </si>
  <si>
    <t>POINT (4.605442366838707 51.81945708189411)</t>
  </si>
  <si>
    <t>POINT (4.643784304115703 51.816788856116595)</t>
  </si>
  <si>
    <t>POINT (4.609894919248033 51.81855705183506)</t>
  </si>
  <si>
    <t>POINT (4.562953194256727 51.8369962515899)</t>
  </si>
  <si>
    <t>POINT (4.563285266244384 51.83374259755504)</t>
  </si>
  <si>
    <t>POINT (4.567797291002661 51.8347466365463)</t>
  </si>
  <si>
    <t>POINT (4.629260590160769 51.80580939331505)</t>
  </si>
  <si>
    <t>POINT (4.597959440064293 51.814975507485386)</t>
  </si>
  <si>
    <t>POINT (4.6526822891275215 51.815248888583106)</t>
  </si>
  <si>
    <t>POINT (4.653917265259863 51.81876752889501)</t>
  </si>
  <si>
    <t>POINT (4.6074330840697595 51.81327169060126)</t>
  </si>
  <si>
    <t>POINT (4.564693442328383 51.83675681768866)</t>
  </si>
  <si>
    <t>POINT (4.619149694967629 51.82130336140046)</t>
  </si>
  <si>
    <t>POINT (4.629745359903923 51.81507047520434)</t>
  </si>
  <si>
    <t>POINT (4.624419644215025 51.81387337071746)</t>
  </si>
  <si>
    <t>POINT (4.637346853036266 51.814963922518096)</t>
  </si>
  <si>
    <t>POINT (4.658430586198112 51.823503235873105)</t>
  </si>
  <si>
    <t>POINT (4.5699049935034175 51.838242651205945)</t>
  </si>
  <si>
    <t>POINT (4.61047926896094 51.82159882933523)</t>
  </si>
  <si>
    <t>POINT (4.613472767847059 51.81802801396133)</t>
  </si>
  <si>
    <t>POINT (4.662889877096719 51.82354684818661)</t>
  </si>
  <si>
    <t>POINT (4.5683670644195775 51.83355081275832)</t>
  </si>
  <si>
    <t>POINT (4.650661140254696 51.816685152618255)</t>
  </si>
  <si>
    <t>POINT (4.612895760793359 51.82148422664851)</t>
  </si>
  <si>
    <t>POINT (4.646589193594369 51.82590403968434)</t>
  </si>
  <si>
    <t>POINT (4.633947918008382 51.8126774869367)</t>
  </si>
  <si>
    <t>POINT (4.634799806585127 51.815240912540034)</t>
  </si>
  <si>
    <t>POINT (4.6306967098489995 51.81207070675769)</t>
  </si>
  <si>
    <t>POINT (4.647182449855317 51.822916482848576)</t>
  </si>
  <si>
    <t>POINT (4.6359877101912526 51.81016973363795)</t>
  </si>
  <si>
    <t>POINT (4.654300301436311 51.826873214611304)</t>
  </si>
  <si>
    <t>POINT (4.652810885297741 51.82455363573832)</t>
  </si>
  <si>
    <t>POINT (4.652815705991118 51.82092567315329)</t>
  </si>
  <si>
    <t>POINT (4.611311724034758 51.82047610761814)</t>
  </si>
  <si>
    <t>POINT (4.637340564409685 51.82095688093693)</t>
  </si>
  <si>
    <t>POINT (4.615661487247473 51.818614770961425)</t>
  </si>
  <si>
    <t>POINT (4.6344575238315455 51.82416084585642)</t>
  </si>
  <si>
    <t>POINT (4.654918381516364 51.82717843550086)</t>
  </si>
  <si>
    <t>POINT (4.612664348295297 51.82064198502094)</t>
  </si>
  <si>
    <t>POINT (4.639809413035939 51.819662068234585)</t>
  </si>
  <si>
    <t>POINT (4.656913096100835 51.82949430843567)</t>
  </si>
  <si>
    <t>POINT (4.6542177637022055 51.81852182176635)</t>
  </si>
  <si>
    <t>POINT (4.570947694963457 51.83533601736224)</t>
  </si>
  <si>
    <t>POINT (4.6206736247977815 51.813830813770274)</t>
  </si>
  <si>
    <t>POINT (4.638506528682098 51.82272712410958)</t>
  </si>
  <si>
    <t>POINT (4.64456723266814 51.814707725947635)</t>
  </si>
  <si>
    <t>POINT (4.639649849638932 51.81951093181501)</t>
  </si>
  <si>
    <t>POINT (4.640886273815575 51.82553405903588)</t>
  </si>
  <si>
    <t>POINT (4.63249605344999 51.82485563319495)</t>
  </si>
  <si>
    <t>POINT (4.568347563336173 51.83469646297849)</t>
  </si>
  <si>
    <t>POINT (4.627630996633229 51.81492469308903)</t>
  </si>
  <si>
    <t>POINT (4.627264183816092 51.808139722621206)</t>
  </si>
  <si>
    <t>POINT (4.627334366253269 51.80783082142406)</t>
  </si>
  <si>
    <t>POINT (4.634942567537117 51.809954257555376)</t>
  </si>
  <si>
    <t>POINT (4.613732727869823 51.818850712158365)</t>
  </si>
  <si>
    <t>POINT (4.654214370027999 51.82072045001661)</t>
  </si>
  <si>
    <t>POINT (4.64201010498573 51.8162255721311)</t>
  </si>
  <si>
    <t>POINT (4.6008819177603 51.81873285636983)</t>
  </si>
  <si>
    <t>POINT (4.645050770311611 51.8245032517987)</t>
  </si>
  <si>
    <t>POINT (4.619951260776111 51.812350756785946)</t>
  </si>
  <si>
    <t>POINT (4.6028001000602625 51.81986691059002)</t>
  </si>
  <si>
    <t>POINT (4.611855550154936 51.81328208135303)</t>
  </si>
  <si>
    <t>POINT (4.612704982847818 51.81982951130992)</t>
  </si>
  <si>
    <t>POINT (4.622602263814787 51.81240447287506)</t>
  </si>
  <si>
    <t>POINT (4.616463154647128 51.82205222614236)</t>
  </si>
  <si>
    <t>POINT (4.625545683905123 51.81463108918101)</t>
  </si>
  <si>
    <t>POINT (4.637108368994281 51.81486640810546)</t>
  </si>
  <si>
    <t>POINT (4.651250252709714 51.81793560617573)</t>
  </si>
  <si>
    <t>POINT (4.6498323053118895 51.822394522571635)</t>
  </si>
  <si>
    <t>POINT (4.637393561194301 51.82054900693753)</t>
  </si>
  <si>
    <t>POINT (4.615814768420005 51.814684445614745)</t>
  </si>
  <si>
    <t>POINT (4.635309916428397 51.81659109394572)</t>
  </si>
  <si>
    <t>POINT (4.659305309930004 51.82348142819098)</t>
  </si>
  <si>
    <t>POINT (4.6114415350521085 51.8217269907632)</t>
  </si>
  <si>
    <t>POINT (4.649095911902415 51.814851378799275)</t>
  </si>
  <si>
    <t>POINT (4.651433461053359 51.821877393747386)</t>
  </si>
  <si>
    <t>POINT (4.6374296442379315 51.81023875747528)</t>
  </si>
  <si>
    <t>POINT (4.638901446194509 51.81470579349865)</t>
  </si>
  <si>
    <t>POINT (4.656532719377786 51.82170973701387)</t>
  </si>
  <si>
    <t>POINT (4.650835053278829 51.814195253591414)</t>
  </si>
  <si>
    <t>POINT (4.660128047030172 51.82708225640604)</t>
  </si>
  <si>
    <t>POINT (4.652996294205577 51.81994935578211)</t>
  </si>
  <si>
    <t>POINT (4.641665231012533 51.816855520760136)</t>
  </si>
  <si>
    <t>POINT (4.636015200571362 51.82070299618264)</t>
  </si>
  <si>
    <t>POINT (4.599952948790572 51.81548933645358)</t>
  </si>
  <si>
    <t>POINT (4.639361058906659 51.81907723015069)</t>
  </si>
  <si>
    <t>POINT (4.635119512287413 51.82142299834883)</t>
  </si>
  <si>
    <t>POINT (4.652381129025439 51.82161639390802)</t>
  </si>
  <si>
    <t>POINT (4.6575391708292635 51.820974738108546)</t>
  </si>
  <si>
    <t>POINT (4.618776774060078 51.814275017366306)</t>
  </si>
  <si>
    <t>POINT (4.634842324405324 51.82388571526375)</t>
  </si>
  <si>
    <t>POINT (4.6591165352450155 51.82133724953244)</t>
  </si>
  <si>
    <t>POINT (4.625613002448234 51.81057405651462)</t>
  </si>
  <si>
    <t>POINT (4.662396659647642 51.82297885652686)</t>
  </si>
  <si>
    <t>POINT (4.659797612872163 51.819709893148136)</t>
  </si>
  <si>
    <t>POINT (4.659700807454011 51.82390780402844)</t>
  </si>
  <si>
    <t>POINT (4.639810056881417 51.82596153543235)</t>
  </si>
  <si>
    <t>POINT (4.655723743263412 51.82416924926546)</t>
  </si>
  <si>
    <t>POINT (4.639783243969561 51.82589888433145)</t>
  </si>
  <si>
    <t>POINT (4.641301862525855 51.8257731032399)</t>
  </si>
  <si>
    <t>POINT (4.638409347681847 51.81824523556701)</t>
  </si>
  <si>
    <t>POINT (4.633224943851441 51.809391425978845)</t>
  </si>
  <si>
    <t>POINT (4.6016547511334664 51.81885826510777)</t>
  </si>
  <si>
    <t>POINT (4.644298452419819 51.81807063654523)</t>
  </si>
  <si>
    <t>POINT (4.643637082352761 51.81540394315358)</t>
  </si>
  <si>
    <t>POINT (4.633708281206704 51.82640866776364)</t>
  </si>
  <si>
    <t>POINT (4.652983333756868 51.819941841063695)</t>
  </si>
  <si>
    <t>POINT (4.644493646570268 51.81664700245976)</t>
  </si>
  <si>
    <t>POINT (4.633495071504994 51.808807322108805)</t>
  </si>
  <si>
    <t>POINT (4.6524963535877975 51.820584270830956)</t>
  </si>
  <si>
    <t>POINT (4.603869672307552 51.813099239734555)</t>
  </si>
  <si>
    <t>POINT (4.633538419094547 51.826488017013915)</t>
  </si>
  <si>
    <t>POINT (4.602102172787037 51.815009192372806)</t>
  </si>
  <si>
    <t>POINT (4.647329083770995 51.81610533946824)</t>
  </si>
  <si>
    <t>POINT (4.5692038830314035 51.83406009764639)</t>
  </si>
  <si>
    <t>POINT (4.634802859719375 51.82436157540527)</t>
  </si>
  <si>
    <t>POINT (4.617465746436616 51.81432269481294)</t>
  </si>
  <si>
    <t>POINT (4.561463670097155 51.83697941961073)</t>
  </si>
  <si>
    <t>POINT (4.622150945173235 51.81166727001526)</t>
  </si>
  <si>
    <t>POINT (4.636818720173621 51.82304856754872)</t>
  </si>
  <si>
    <t>POINT (4.565652333000881 51.83389420783262)</t>
  </si>
  <si>
    <t>POINT (4.609011798940912 51.81549771170366)</t>
  </si>
  <si>
    <t>POINT (4.630612405963178 51.81360056292401)</t>
  </si>
  <si>
    <t>POINT (4.619267189504001 51.81528139541702)</t>
  </si>
  <si>
    <t>POINT (4.6028923692620625 51.81428650568745)</t>
  </si>
  <si>
    <t>POINT (4.62598130306492 51.814139536507675)</t>
  </si>
  <si>
    <t>POINT (4.608302271977461 51.83553829965798)</t>
  </si>
  <si>
    <t>POINT (4.639048456624555 51.822832880107526)</t>
  </si>
  <si>
    <t>POINT (4.5688056716541015 51.838396448321596)</t>
  </si>
  <si>
    <t>POINT (4.648603149981101 51.8242796396705)</t>
  </si>
  <si>
    <t>POINT (4.651995728011868 51.827194097824034)</t>
  </si>
  <si>
    <t>POINT (4.628561869731281 51.812982834023686)</t>
  </si>
  <si>
    <t>POINT (4.6558647332134475 51.827092660213516)</t>
  </si>
  <si>
    <t>POINT (4.619289921524597 51.81811360075054)</t>
  </si>
  <si>
    <t>POINT (4.644548545653149 51.8147372434198)</t>
  </si>
  <si>
    <t>POINT (4.657545700623924 51.82085271246825)</t>
  </si>
  <si>
    <t>POINT (4.635092376322315 51.818654260628506)</t>
  </si>
  <si>
    <t>POINT (4.648490447017186 51.82429785157447)</t>
  </si>
  <si>
    <t>POINT (4.618736679508315 51.81811258617852)</t>
  </si>
  <si>
    <t>POINT (4.655926562684199 51.82723107547846)</t>
  </si>
  <si>
    <t>POINT (4.635666708727261 51.80787233053722)</t>
  </si>
  <si>
    <t>POINT (4.64949913624664 51.82254088604339)</t>
  </si>
  <si>
    <t>POINT (4.627761302494601 51.81334498852987)</t>
  </si>
  <si>
    <t>POINT (4.633410974535019 51.81283151230745)</t>
  </si>
  <si>
    <t>POINT (4.638664886996787 51.825360939517005)</t>
  </si>
  <si>
    <t>POINT (4.637389021681595 51.819840111432555)</t>
  </si>
  <si>
    <t>POINT (4.632515817385989 51.825565552531515)</t>
  </si>
  <si>
    <t>POINT (4.639650289958675 51.82582657756685)</t>
  </si>
  <si>
    <t>POINT (4.599894249893979 51.813344679790404)</t>
  </si>
  <si>
    <t>POINT (4.656778646430216 51.821194328938034)</t>
  </si>
  <si>
    <t>POINT (4.6195255961267785 51.81347784595339)</t>
  </si>
  <si>
    <t>POINT (4.638301873110682 51.819271984744525)</t>
  </si>
  <si>
    <t>POINT (4.639348603150564 51.82292876972986)</t>
  </si>
  <si>
    <t>POINT (4.568054141335501 51.835568894707066)</t>
  </si>
  <si>
    <t>POINT (4.595713719427118 51.81479533145194)</t>
  </si>
  <si>
    <t>POINT (4.641668290506052 51.818812019381966)</t>
  </si>
  <si>
    <t>POINT (4.633672226923478 51.824844763279714)</t>
  </si>
  <si>
    <t>POINT (4.664110610527095 51.82309290583334)</t>
  </si>
  <si>
    <t>POINT (4.5638377899891935 51.83461287287406)</t>
  </si>
  <si>
    <t>POINT (4.6204179312054485 51.820486652251134)</t>
  </si>
  <si>
    <t>POINT (4.62342952225673 51.8151335664457)</t>
  </si>
  <si>
    <t>POINT (4.61294369439575 51.81472594253303)</t>
  </si>
  <si>
    <t>POINT (4.607993566757476 51.81520223735704)</t>
  </si>
  <si>
    <t>POINT (4.6502434776230706 51.81417351778524)</t>
  </si>
  <si>
    <t>POINT (4.636791486476289 51.80804164034212)</t>
  </si>
  <si>
    <t>POINT (4.654408066328008 51.81846037700758)</t>
  </si>
  <si>
    <t>POINT (4.651684652684331 51.824534430910695)</t>
  </si>
  <si>
    <t>POINT (4.628701849618174 51.809433682727864)</t>
  </si>
  <si>
    <t>POINT (4.630463206377396 51.812681305398236)</t>
  </si>
  <si>
    <t>POINT (4.566986396079098 51.83462188154568)</t>
  </si>
  <si>
    <t>POINT (4.648885453911301 51.81552677750287)</t>
  </si>
  <si>
    <t>POINT (4.643105746999113 51.825652760729284)</t>
  </si>
  <si>
    <t>POINT (4.634542925787922 51.820219526806234)</t>
  </si>
  <si>
    <t>POINT (4.641226491715967 51.82000274867979)</t>
  </si>
  <si>
    <t>POINT (4.646856816883773 51.81934477030968)</t>
  </si>
  <si>
    <t>POINT (4.629761599342901 51.81490755182615)</t>
  </si>
  <si>
    <t>POINT (4.648791086170292 51.8180881219625)</t>
  </si>
  <si>
    <t>POINT (4.640339468643853 51.80884649137713)</t>
  </si>
  <si>
    <t>POINT (4.628982269384276 51.82371804673092)</t>
  </si>
  <si>
    <t>POINT (4.56986701621503 51.83442548894217)</t>
  </si>
  <si>
    <t>POINT (4.6324759378913765 51.819867630650414)</t>
  </si>
  <si>
    <t>POINT (4.628757060615011 51.810790202806395)</t>
  </si>
  <si>
    <t>POINT (4.634440367210117 51.82075267185757)</t>
  </si>
  <si>
    <t>POINT (4.611160644524405 51.813692623314815)</t>
  </si>
  <si>
    <t>POINT (4.611826147860464 51.814531238982724)</t>
  </si>
  <si>
    <t>POINT (4.608030729031667 51.815732189782544)</t>
  </si>
  <si>
    <t>POINT (4.6165070963470205 51.818730816339674)</t>
  </si>
  <si>
    <t>POINT (4.651024242065345 51.822673516957934)</t>
  </si>
  <si>
    <t>POINT (4.639506179652445 51.821980585856146)</t>
  </si>
  <si>
    <t>POINT (4.626866333398158 51.81220107845962)</t>
  </si>
  <si>
    <t>POINT (4.598314567688154 51.81315313667049)</t>
  </si>
  <si>
    <t>POINT (4.6177810812357185 51.81364421777144)</t>
  </si>
  <si>
    <t>POINT (4.640787250950804 51.817575165917816)</t>
  </si>
  <si>
    <t>POINT (4.608364389766899 51.81913244813943)</t>
  </si>
  <si>
    <t>POINT (4.612880637451683 51.82031370606463)</t>
  </si>
  <si>
    <t>POINT (4.629562323518489 51.81238136396465)</t>
  </si>
  <si>
    <t>POINT (4.613307912171132 51.814671976677175)</t>
  </si>
  <si>
    <t>POINT (4.6046329057989785 51.81527306119653)</t>
  </si>
  <si>
    <t>POINT (4.6433623685959695 51.82300325532487)</t>
  </si>
  <si>
    <t>POINT (4.643181703313266 51.82589250303182)</t>
  </si>
  <si>
    <t>POINT (4.639137356615798 51.814574902965354)</t>
  </si>
  <si>
    <t>POINT (4.607844481017538 51.82142312534196)</t>
  </si>
  <si>
    <t>POINT (4.629514205775818 51.80751626275486)</t>
  </si>
  <si>
    <t>POINT (4.643120841102144 51.82281524506473)</t>
  </si>
  <si>
    <t>POINT (4.630682526234362 51.812900426027284)</t>
  </si>
  <si>
    <t>POINT (4.631096817264565 51.81746187134788)</t>
  </si>
  <si>
    <t>POINT (4.635706411142561 51.81661510756259)</t>
  </si>
  <si>
    <t>POINT (4.639681635375949 51.82281207875827)</t>
  </si>
  <si>
    <t>POINT (4.612403821721485 51.82231160039196)</t>
  </si>
  <si>
    <t>POINT (4.617422443968919 51.81682044749872)</t>
  </si>
  <si>
    <t>POINT (4.651348883305439 51.81363840034029)</t>
  </si>
  <si>
    <t>POINT (4.6265779819378645 51.811257965594045)</t>
  </si>
  <si>
    <t>POINT (4.6475419881194835 51.81560417772713)</t>
  </si>
  <si>
    <t>POINT (4.63352010513299 51.80981331061036)</t>
  </si>
  <si>
    <t>POINT (4.633850717913026 51.8126710203248)</t>
  </si>
  <si>
    <t>POINT (4.6090889650379605 51.81313266902091)</t>
  </si>
  <si>
    <t>POINT (4.650730813036584 51.81793779484237)</t>
  </si>
  <si>
    <t>POINT (4.608459203197457 51.81322874286458)</t>
  </si>
  <si>
    <t>POINT (4.63740183068049 51.81914245471034)</t>
  </si>
  <si>
    <t>POINT (4.643815911191232 51.825343052228206)</t>
  </si>
  <si>
    <t>POINT (4.643498764110379 51.820404554996614)</t>
  </si>
  <si>
    <t>POINT (4.653561295639535 51.81753598491941)</t>
  </si>
  <si>
    <t>POINT (4.563483297641404 51.832404573681096)</t>
  </si>
  <si>
    <t>POINT (4.6147682665105 51.822067052080044)</t>
  </si>
  <si>
    <t>POINT (4.567780725958047 51.83370770965818)</t>
  </si>
  <si>
    <t>POINT (4.6196677109813855 51.8288656587825)</t>
  </si>
  <si>
    <t>POINT (4.641389951560101 51.81918948389012)</t>
  </si>
  <si>
    <t>POINT (4.649567245994336 51.81696009560669)</t>
  </si>
  <si>
    <t>POINT (4.639451744991883 51.82243508483287)</t>
  </si>
  <si>
    <t>POINT (4.604805262429979 51.813585632353494)</t>
  </si>
  <si>
    <t>POINT (4.64462063769926 51.81978302560977)</t>
  </si>
  <si>
    <t>POINT (4.561671902680202 51.83201918380473)</t>
  </si>
  <si>
    <t>POINT (4.654882970230956 51.81691549908847)</t>
  </si>
  <si>
    <t>POINT (4.652300192740142 51.82759529039181)</t>
  </si>
  <si>
    <t>POINT (4.628956334877721 51.80615472468521)</t>
  </si>
  <si>
    <t>POINT (4.643658965684426 51.82034739523212)</t>
  </si>
  <si>
    <t>POINT (4.637829010528639 51.823005144081954)</t>
  </si>
  <si>
    <t>POINT (4.633960079196553 51.81716618226951)</t>
  </si>
  <si>
    <t>POINT (4.6269643848136806 51.8146569714004)</t>
  </si>
  <si>
    <t>POINT (4.6279907228749515 51.80909273518604)</t>
  </si>
  <si>
    <t>POINT (4.622499906236313 51.81221229230343)</t>
  </si>
  <si>
    <t>POINT (4.6544622088639285 51.8270150509922)</t>
  </si>
  <si>
    <t>POINT (4.6133929209930855 51.81466216425738)</t>
  </si>
  <si>
    <t>POINT (4.601000684653035 51.8148946455054)</t>
  </si>
  <si>
    <t>POINT (4.62558420918891 51.81366754250134)</t>
  </si>
  <si>
    <t>POINT (4.641218164986341 51.825609040154774)</t>
  </si>
  <si>
    <t>POINT (4.640901246839045 51.81824807447092)</t>
  </si>
  <si>
    <t>POINT (4.653250080760535 51.8155601416854)</t>
  </si>
  <si>
    <t>POINT (4.645402539826885 51.81708118794205)</t>
  </si>
  <si>
    <t>POINT (4.59991738990481 51.81667340853105)</t>
  </si>
  <si>
    <t>POINT (4.6587105693396955 51.83044467637246)</t>
  </si>
  <si>
    <t>POINT (4.569411682510438 51.83872011325555)</t>
  </si>
  <si>
    <t>POINT (4.656018852671312 51.82091330397346)</t>
  </si>
  <si>
    <t>POINT (4.645277321193052 51.814450538453464)</t>
  </si>
  <si>
    <t>POINT (4.634194472070209 51.80569608205676)</t>
  </si>
  <si>
    <t>POINT (4.659671357629524 51.828927568633596)</t>
  </si>
  <si>
    <t>POINT (4.629122516612348 51.807138040510345)</t>
  </si>
  <si>
    <t>POINT (4.617498321383803 51.81443128546398)</t>
  </si>
  <si>
    <t>POINT (4.608481382320128 51.82083741420852)</t>
  </si>
  <si>
    <t>POINT (4.624863612444537 51.81372626997336)</t>
  </si>
  <si>
    <t>POINT (4.619247913696871 51.81415344590149)</t>
  </si>
  <si>
    <t>POINT (4.6401464063306275 51.82205627560533)</t>
  </si>
  <si>
    <t>POINT (4.564817859844214 51.83643273723825)</t>
  </si>
  <si>
    <t>POINT (4.658291312465944 51.82164258725846)</t>
  </si>
  <si>
    <t>POINT (4.662668948463131 51.82343113973428)</t>
  </si>
  <si>
    <t>POINT (4.561320079366214 51.832896833723794)</t>
  </si>
  <si>
    <t>POINT (4.6141413701252585 51.81794284745497)</t>
  </si>
  <si>
    <t>POINT (4.650867812181881 51.82256735911904)</t>
  </si>
  <si>
    <t>POINT (4.577150813203997 51.81842809438161)</t>
  </si>
  <si>
    <t>POINT (4.625716081464393 51.81183683998415)</t>
  </si>
  <si>
    <t>POINT (4.650054290448948 51.81379764498075)</t>
  </si>
  <si>
    <t>POINT (4.613393624918567 51.81411336240347)</t>
  </si>
  <si>
    <t>POINT (4.654945946717023 51.82673276929277)</t>
  </si>
  <si>
    <t>POINT (4.641101021439997 51.82564799860677)</t>
  </si>
  <si>
    <t>POINT (4.6275495496825885 51.81060240209315)</t>
  </si>
  <si>
    <t>POINT (4.611288498300752 51.820894262060406)</t>
  </si>
  <si>
    <t>POINT (4.661010114073326 51.827323786251505)</t>
  </si>
  <si>
    <t>POINT (4.641448722130939 51.822911786649605)</t>
  </si>
  <si>
    <t>POINT (4.617013746555082 51.82167808992975)</t>
  </si>
  <si>
    <t>POINT (4.628756875079321 51.81085640347919)</t>
  </si>
  <si>
    <t>POINT (4.637599887582356 51.81761152452835)</t>
  </si>
  <si>
    <t>POINT (4.651813364063453 51.81676246309511)</t>
  </si>
  <si>
    <t>POINT (4.607114429174916 51.8154313980501)</t>
  </si>
  <si>
    <t>POINT (4.624805287191872 51.81362403995365)</t>
  </si>
  <si>
    <t>POINT (4.629354478702043 51.806264774927655)</t>
  </si>
  <si>
    <t>POINT (4.653727880555146 51.82156414440205)</t>
  </si>
  <si>
    <t>POINT (4.645926646381769 51.81510561194402)</t>
  </si>
  <si>
    <t>POINT (4.633261434764872 51.81937402218839)</t>
  </si>
  <si>
    <t>POINT (4.645300252239161 51.81450502008249)</t>
  </si>
  <si>
    <t>POINT (4.568328765336356 51.834905293172014)</t>
  </si>
  <si>
    <t>POINT (4.613328993203284 51.81817075066996)</t>
  </si>
  <si>
    <t>POINT (4.6308296530519355 51.81026116543348)</t>
  </si>
  <si>
    <t>POINT (4.658802174888832 51.823833305496535)</t>
  </si>
  <si>
    <t>POINT (4.638383418480923 51.82537713051384)</t>
  </si>
  <si>
    <t>POINT (4.633381358288808 51.81025137404349)</t>
  </si>
  <si>
    <t>POINT (4.639435196229794 51.82575727094946)</t>
  </si>
  <si>
    <t>POINT (4.640701457055604 51.819553058813916)</t>
  </si>
  <si>
    <t>POINT (4.635782017475539 51.81036079298989)</t>
  </si>
  <si>
    <t>POINT (4.647430257099982 51.81919324151005)</t>
  </si>
  <si>
    <t>POINT (4.613843634848995 51.814189515045754)</t>
  </si>
  <si>
    <t>POINT (4.662091178107073 51.825354670571365)</t>
  </si>
  <si>
    <t>POINT (4.570308462600266 51.835987065702)</t>
  </si>
  <si>
    <t>POINT (4.564180317421106 51.82027188164344)</t>
  </si>
  <si>
    <t>POINT (4.599665508880096 51.80933716954939)</t>
  </si>
  <si>
    <t>POINT (4.645724427416429 51.81939045706858)</t>
  </si>
  <si>
    <t>POINT (4.657199478119767 51.826396194185634)</t>
  </si>
  <si>
    <t>POINT (4.64876682931396 51.82445244325076)</t>
  </si>
  <si>
    <t>POINT (4.629457109083091 51.82139363321819)</t>
  </si>
  <si>
    <t>POINT (4.612366137235216 51.81950191905807)</t>
  </si>
  <si>
    <t>POINT (4.6210556016302835 51.81520219975227)</t>
  </si>
  <si>
    <t>POINT (4.640139232246201 51.81109724662924)</t>
  </si>
  <si>
    <t>POINT (4.594036762944883 51.809406592245956)</t>
  </si>
  <si>
    <t>POINT (4.633462860102034 51.82528818851678)</t>
  </si>
  <si>
    <t>POINT (4.653870269396703 51.82186308977937)</t>
  </si>
  <si>
    <t>POINT (4.638938861808132 51.823709684423555)</t>
  </si>
  <si>
    <t>POINT (4.607839726712421 51.82598368183187)</t>
  </si>
  <si>
    <t>POINT (4.599523727211787 51.81328273285325)</t>
  </si>
  <si>
    <t>POINT (4.5612686670192 51.836856205304045)</t>
  </si>
  <si>
    <t>POINT (4.604874119680324 51.8211293958882)</t>
  </si>
  <si>
    <t>POINT (4.650868864967395 51.81866281656074)</t>
  </si>
  <si>
    <t>POINT (4.56403011039271 51.83261156432723)</t>
  </si>
  <si>
    <t>POINT (4.602578096286648 51.81501246525101)</t>
  </si>
  <si>
    <t>POINT (4.657404875595887 51.81854772396986)</t>
  </si>
  <si>
    <t>POINT (4.627253646825542 51.815171857586144)</t>
  </si>
  <si>
    <t>POINT (4.659184036770676 51.821288068746675)</t>
  </si>
  <si>
    <t>POINT (4.5670894439063865 51.83471093391876)</t>
  </si>
  <si>
    <t>POINT (4.589728110419153 51.81113204706299)</t>
  </si>
  <si>
    <t>POINT (4.654301510655852 51.82484000193684)</t>
  </si>
  <si>
    <t>POINT (4.637548228320334 51.8204911010269)</t>
  </si>
  <si>
    <t>POINT (4.6269412176916545 51.81290558659083)</t>
  </si>
  <si>
    <t>POINT (4.6112608930088035 51.81636312614653)</t>
  </si>
  <si>
    <t>POINT (4.63507252743491 51.816760618787534)</t>
  </si>
  <si>
    <t>POINT (4.6344135142938665 51.8188701133442)</t>
  </si>
  <si>
    <t>POINT (4.627586389155948 51.8090312064118)</t>
  </si>
  <si>
    <t>POINT (4.561814491737244 51.83230501313239)</t>
  </si>
  <si>
    <t>POINT (4.61534107027631 51.81589309136108)</t>
  </si>
  <si>
    <t>POINT (4.594426095752868 51.81444327906401)</t>
  </si>
  <si>
    <t>POINT (4.620498365159571 51.81150357725937)</t>
  </si>
  <si>
    <t>POINT (4.599798510231642 51.81341585743584)</t>
  </si>
  <si>
    <t>POINT (4.5991523118787585 51.813376445701806)</t>
  </si>
  <si>
    <t>POINT (4.618382865819687 51.82141171529499)</t>
  </si>
  <si>
    <t>POINT (4.619112793972666 51.812612776045285)</t>
  </si>
  <si>
    <t>POINT (4.629616381201433 51.81128046100106)</t>
  </si>
  <si>
    <t>POINT (4.566335222532566 51.83858071856435)</t>
  </si>
  <si>
    <t>POINT (4.627540417453184 51.809061578307116)</t>
  </si>
  <si>
    <t>POINT (4.655656883542904 51.82183157891995)</t>
  </si>
  <si>
    <t>POINT (4.6327285817511665 51.81930907924854)</t>
  </si>
  <si>
    <t>POINT (4.636197992720352 51.82507091831018)</t>
  </si>
  <si>
    <t>POINT (4.628548626017483 51.80858519119494)</t>
  </si>
  <si>
    <t>POINT (4.639261603006383 51.82568634975811)</t>
  </si>
  <si>
    <t>POINT (4.612777536199806 51.81351791220121)</t>
  </si>
  <si>
    <t>POINT (4.63385299943963 51.80988831072373)</t>
  </si>
  <si>
    <t>POINT (4.617543526203095 51.8203612762542)</t>
  </si>
  <si>
    <t>POINT (4.625758289921316 51.812245911618255)</t>
  </si>
  <si>
    <t>POINT (4.563735486363923 51.832290864625286)</t>
  </si>
  <si>
    <t>POINT (4.632646267821196 51.80735356977793)</t>
  </si>
  <si>
    <t>POINT (4.620967794360107 51.81152588823492)</t>
  </si>
  <si>
    <t>POINT (4.630605979640377 51.82426638145946)</t>
  </si>
  <si>
    <t>POINT (4.6208519700536606 51.81466289552566)</t>
  </si>
  <si>
    <t>POINT (4.6440674430924735 51.81580400537531)</t>
  </si>
  <si>
    <t>POINT (4.603606154931221 51.8205573619377)</t>
  </si>
  <si>
    <t>POINT (4.657319244451466 51.82093132159816)</t>
  </si>
  <si>
    <t>POINT (4.620843905635626 51.81487452712533)</t>
  </si>
  <si>
    <t>POINT (4.6411727981098085 51.81659890126095)</t>
  </si>
  <si>
    <t>POINT (4.64487941027728 51.82351620830808)</t>
  </si>
  <si>
    <t>POINT (4.656707472757057 51.818827939865365)</t>
  </si>
  <si>
    <t>POINT (4.603578607987049 51.815094484966316)</t>
  </si>
  <si>
    <t>POINT (4.565405628010049 51.83793642755989)</t>
  </si>
  <si>
    <t>POINT (4.642851570512158 51.82290106951438)</t>
  </si>
  <si>
    <t>POINT (4.6115366197611225 51.819867368048904)</t>
  </si>
  <si>
    <t>POINT (4.6306971008888915 51.80827833570807)</t>
  </si>
  <si>
    <t>POINT (4.638961728590749 51.82542706538208)</t>
  </si>
  <si>
    <t>POINT (4.64599932408355 51.82572963915377)</t>
  </si>
  <si>
    <t>POINT (4.628871991372004 51.806131312324794)</t>
  </si>
  <si>
    <t>POINT (4.634732678521784 51.82391080992214)</t>
  </si>
  <si>
    <t>POINT (4.6499040892646555 51.82535177304158)</t>
  </si>
  <si>
    <t>POINT (4.617950829709736 51.814202667180936)</t>
  </si>
  <si>
    <t>POINT (4.655172217707376 51.81750981065735)</t>
  </si>
  <si>
    <t>POINT (4.618467543485059 51.815285885824416)</t>
  </si>
  <si>
    <t>POINT (4.646497756759868 51.824028738162326)</t>
  </si>
  <si>
    <t>POINT (4.633160484988704 51.81170669211304)</t>
  </si>
  <si>
    <t>POINT (4.638532555299957 51.82275830111683)</t>
  </si>
  <si>
    <t>POINT (4.6113967329277585 51.81982060096526)</t>
  </si>
  <si>
    <t>POINT (4.650321684976244 51.826941831915974)</t>
  </si>
  <si>
    <t>POINT (4.603901465323035 51.81597526185073)</t>
  </si>
  <si>
    <t>POINT (4.654344908317345 51.81848231052677)</t>
  </si>
  <si>
    <t>POINT (4.652793053258837 51.82002723851305)</t>
  </si>
  <si>
    <t>POINT (4.633475626461905 51.812768071802054)</t>
  </si>
  <si>
    <t>POINT (4.613599103868869 51.81609302703736)</t>
  </si>
  <si>
    <t>POINT (4.648579208972777 51.81783276835934)</t>
  </si>
  <si>
    <t>POINT (4.634574152173061 51.81130776991092)</t>
  </si>
  <si>
    <t>POINT (4.61650134415101 51.817277339055735)</t>
  </si>
  <si>
    <t>POINT (4.635169972964759 51.80985865507573)</t>
  </si>
  <si>
    <t>POINT (4.604991310306008 51.81554995747545)</t>
  </si>
  <si>
    <t>POINT (4.62022581138834 51.81418089276269)</t>
  </si>
  <si>
    <t>POINT (4.612162087897869 51.814816243390226)</t>
  </si>
  <si>
    <t>POINT (4.61235459418952 51.833635566410294)</t>
  </si>
  <si>
    <t>POINT (4.603818353614996 51.814723089214425)</t>
  </si>
  <si>
    <t>POINT (4.570136314062237 51.838472395601066)</t>
  </si>
  <si>
    <t>POINT (4.609285579045711 51.8150458838256)</t>
  </si>
  <si>
    <t>POINT (4.6259033681111825 51.81212556817599)</t>
  </si>
  <si>
    <t>POINT (4.651211884646451 51.81946919477253)</t>
  </si>
  <si>
    <t>POINT (4.616789157256073 51.81879938251117)</t>
  </si>
  <si>
    <t>POINT (4.608889745164337 51.82108354655499)</t>
  </si>
  <si>
    <t>POINT (4.656327408080579 51.81802312712782)</t>
  </si>
  <si>
    <t>POINT (4.627295846338033 51.80624117779871)</t>
  </si>
  <si>
    <t>POINT (4.6541201115642385 51.816190419141705)</t>
  </si>
  <si>
    <t>POINT (4.643972340967141 51.81983323159864)</t>
  </si>
  <si>
    <t>POINT (4.629275452637025 51.806243302810934)</t>
  </si>
  <si>
    <t>POINT (4.6620946839396 51.82513135976951)</t>
  </si>
  <si>
    <t>POINT (4.635059700059974 51.80989992558567)</t>
  </si>
  <si>
    <t>POINT (4.6166397940029835 51.817571765752874)</t>
  </si>
  <si>
    <t>POINT (4.652851837729962 51.821179353071095)</t>
  </si>
  <si>
    <t>POINT (4.653464538761574 51.81752910593237)</t>
  </si>
  <si>
    <t>POINT (4.604272406702468 51.81585020505712)</t>
  </si>
  <si>
    <t>POINT (4.621790624553346 51.81484986540293)</t>
  </si>
  <si>
    <t>POINT (4.640683723819798 51.817841462692705)</t>
  </si>
  <si>
    <t>POINT (4.641576814923137 51.81760896673751)</t>
  </si>
  <si>
    <t>POINT (4.6306838676451365 51.80749842547989)</t>
  </si>
  <si>
    <t>POINT (4.604371917200324 51.82197653331874)</t>
  </si>
  <si>
    <t>POINT (4.61255539076054 51.815645613992835)</t>
  </si>
  <si>
    <t>POINT (4.645579495017438 51.821214838276326)</t>
  </si>
  <si>
    <t>POINT (4.665804694973464 51.822080635699336)</t>
  </si>
  <si>
    <t>POINT (4.640850407435695 51.8255450129027)</t>
  </si>
  <si>
    <t>POINT (4.658272693059769 51.82957334724914)</t>
  </si>
  <si>
    <t>POINT (4.562453220575755 51.83722961148348)</t>
  </si>
  <si>
    <t>POINT (4.634059419905679 51.821337720184204)</t>
  </si>
  <si>
    <t>POINT (4.615318816295597 51.8145263808127)</t>
  </si>
  <si>
    <t>POINT (4.561366996118461 51.833553261812106)</t>
  </si>
  <si>
    <t>POINT (4.633607337999584 51.81271748431306)</t>
  </si>
  <si>
    <t>POINT (4.655238319236075 51.82337748469487)</t>
  </si>
  <si>
    <t>POINT (4.634032990881729 51.80971617278831)</t>
  </si>
  <si>
    <t>POINT (4.648784022861783 51.81554790994035)</t>
  </si>
  <si>
    <t>POINT (4.654717470334919 51.81661755204518)</t>
  </si>
  <si>
    <t>POINT (4.6246551433430865 51.81352382901957)</t>
  </si>
  <si>
    <t>POINT (4.654128451859101 51.82398500593697)</t>
  </si>
  <si>
    <t>POINT (4.635305170952165 51.80975924341195)</t>
  </si>
  <si>
    <t>POINT (4.645964730189109 51.814427340948434)</t>
  </si>
  <si>
    <t>POINT (4.635025635854617 51.822215775001844)</t>
  </si>
  <si>
    <t>POINT (4.596706504447932 51.813431321344055)</t>
  </si>
  <si>
    <t>POINT (4.621953595708244 51.81251887772373)</t>
  </si>
  <si>
    <t>POINT (4.650529115130279 51.8195146095583)</t>
  </si>
  <si>
    <t>POINT (4.6304220373181595 51.80658165890496)</t>
  </si>
  <si>
    <t>POINT (4.640766549936765 51.817049905671944)</t>
  </si>
  <si>
    <t>POINT (4.619233495674208 51.8193441189611)</t>
  </si>
  <si>
    <t>POINT (4.604721095547361 51.81358537678564)</t>
  </si>
  <si>
    <t>POINT (4.639587591552023 51.82581624572808)</t>
  </si>
  <si>
    <t>POINT (4.653529743168896 51.81982571758602)</t>
  </si>
  <si>
    <t>POINT (4.659577061813954 51.821190668771074)</t>
  </si>
  <si>
    <t>POINT (4.636621013654956 51.82198589146008)</t>
  </si>
  <si>
    <t>POINT (4.653759078381826 51.821907446251046)</t>
  </si>
  <si>
    <t>POINT (4.636894143076703 51.81061009186021)</t>
  </si>
  <si>
    <t>POINT (4.656140763078554 51.821810306494584)</t>
  </si>
  <si>
    <t>POINT (4.617043325846554 51.821403678873494)</t>
  </si>
  <si>
    <t>POINT (4.646784209367617 51.823901827602555)</t>
  </si>
  <si>
    <t>POINT (4.629062022181207 51.81202699780236)</t>
  </si>
  <si>
    <t>POINT (4.629512110202796 51.80459825086968)</t>
  </si>
  <si>
    <t>POINT (4.6573208717754 51.82794008812631)</t>
  </si>
  <si>
    <t>POINT (4.608884605840285 51.81620011015347)</t>
  </si>
  <si>
    <t>POINT (4.653854211196242 51.821922898991836)</t>
  </si>
  <si>
    <t>POINT (4.621816306053208 51.81238646843621)</t>
  </si>
  <si>
    <t>POINT (4.632502718463562 51.80770252327398)</t>
  </si>
  <si>
    <t>POINT (4.6098625986245665 51.81858515223666)</t>
  </si>
  <si>
    <t>POINT (4.6058405911897085 51.821107214117816)</t>
  </si>
  <si>
    <t>POINT (4.646481909785531 51.81989674612227)</t>
  </si>
  <si>
    <t>POINT (4.658427086829318 51.82422291024388)</t>
  </si>
  <si>
    <t>POINT (4.637629795625023 51.82388862891079)</t>
  </si>
  <si>
    <t>POINT (4.649478640351665 51.81907581719951)</t>
  </si>
  <si>
    <t>POINT (4.635161258637196 51.82149418666381)</t>
  </si>
  <si>
    <t>POINT (4.622641192625496 51.819151924412445)</t>
  </si>
  <si>
    <t>POINT (4.640915477368413 51.825534766064955)</t>
  </si>
  <si>
    <t>POINT (4.645882797976623 51.814272577423075)</t>
  </si>
  <si>
    <t>POINT (4.608241487150951 51.81881826759873)</t>
  </si>
  <si>
    <t>POINT (4.562454507554774 51.83406658782569)</t>
  </si>
  <si>
    <t>POINT (4.605881510835119 51.81358120747962)</t>
  </si>
  <si>
    <t>POINT (4.644057316833902 51.81979655651728)</t>
  </si>
  <si>
    <t>POINT (4.63042797681558 51.81276709117561)</t>
  </si>
  <si>
    <t>POINT (4.643800458072623 51.82642146157435)</t>
  </si>
  <si>
    <t>POINT (4.601248633398229 51.820069734588934)</t>
  </si>
  <si>
    <t>POINT (4.638272246635814 51.81148818388565)</t>
  </si>
  <si>
    <t>POINT (4.6563775493380914 51.81862773940369)</t>
  </si>
  <si>
    <t>POINT (4.631016592774678 51.817556445960214)</t>
  </si>
  <si>
    <t>POINT (4.614892398135594 51.81863371223605)</t>
  </si>
  <si>
    <t>POINT (4.624902367326068 51.81416855068848)</t>
  </si>
  <si>
    <t>POINT (4.5643491255736715 51.83213554560156)</t>
  </si>
  <si>
    <t>POINT (4.637823778922411 51.82406919198205)</t>
  </si>
  <si>
    <t>POINT (4.619314449375842 51.81817052496753)</t>
  </si>
  <si>
    <t>POINT (4.570033475585811 51.838406196843906)</t>
  </si>
  <si>
    <t>POINT (4.654723857812174 51.82030974705131)</t>
  </si>
  <si>
    <t>POINT (4.640902624104806 51.82550415876084)</t>
  </si>
  <si>
    <t>POINT (4.64004905525381 51.817353490490234)</t>
  </si>
  <si>
    <t>POINT (4.619098102209569 51.813777285319304)</t>
  </si>
  <si>
    <t>POINT (4.604288993413925 51.82038236026164)</t>
  </si>
  <si>
    <t>POINT (4.5621231543129825 51.835963195528066)</t>
  </si>
  <si>
    <t>POINT (4.627744518104834 51.82371173412278)</t>
  </si>
  <si>
    <t>POINT (4.65200323310304 51.82360575706481)</t>
  </si>
  <si>
    <t>POINT (4.629372126347998 51.81218496396632)</t>
  </si>
  <si>
    <t>POINT (4.615405809326013 51.81992031882273)</t>
  </si>
  <si>
    <t>POINT (4.644634777269539 51.8197127156556)</t>
  </si>
  <si>
    <t>POINT (4.6069464800890145 51.81341315678584)</t>
  </si>
  <si>
    <t>POINT (4.660004091286713 51.82467094303493)</t>
  </si>
  <si>
    <t>POINT (4.608772144797857 51.82250099780325)</t>
  </si>
  <si>
    <t>POINT (4.6323648001903655 51.80825200605057)</t>
  </si>
  <si>
    <t>POINT (4.623202164559316 51.81294354123673)</t>
  </si>
  <si>
    <t>POINT (4.653398485601461 51.8157447535253)</t>
  </si>
  <si>
    <t>POINT (4.600960374518547 51.81527506630058)</t>
  </si>
  <si>
    <t>POINT (4.640998896186408 51.81846124204948)</t>
  </si>
  <si>
    <t>POINT (4.632681106843823 51.81343783815831)</t>
  </si>
  <si>
    <t>POINT (4.636127424739024 51.81647499027934)</t>
  </si>
  <si>
    <t>POINT (4.646541464622907 51.8240047535276)</t>
  </si>
  <si>
    <t>POINT (4.638934435870958 51.8178960658987)</t>
  </si>
  <si>
    <t>POINT (4.635179183276712 51.80978027863169)</t>
  </si>
  <si>
    <t>POINT (4.609862227595726 51.819175214412866)</t>
  </si>
  <si>
    <t>POINT (4.656796760196889 51.819662087744014)</t>
  </si>
  <si>
    <t>POINT (4.634001135467113 51.80850242053099)</t>
  </si>
  <si>
    <t>POINT (4.635200354299729 51.82369250564192)</t>
  </si>
  <si>
    <t>POINT (4.61279995836803 51.819465564613004)</t>
  </si>
  <si>
    <t>POINT (4.646665657603973 51.81453287090498)</t>
  </si>
  <si>
    <t>POINT (4.628967267031467 51.8089909061184)</t>
  </si>
  <si>
    <t>POINT (4.630099109963482 51.820295788572274)</t>
  </si>
  <si>
    <t>POINT (4.631933508245532 51.807384723359135)</t>
  </si>
  <si>
    <t>POINT (4.565655901153062 51.83786872328038)</t>
  </si>
  <si>
    <t>POINT (4.630560839772182 51.807653541491966)</t>
  </si>
  <si>
    <t>POINT (4.629920759202585 51.80601344802872)</t>
  </si>
  <si>
    <t>POINT (4.634363756097899 51.81911905979594)</t>
  </si>
  <si>
    <t>POINT (4.637119641498275 51.81951193863496)</t>
  </si>
  <si>
    <t>POINT (4.629156503496073 51.809944770654795)</t>
  </si>
  <si>
    <t>POINT (4.641584848398059 51.81650072065548)</t>
  </si>
  <si>
    <t>POINT (4.647473653072265 51.824986551479945)</t>
  </si>
  <si>
    <t>POINT (4.645367149528414 51.814353605952014)</t>
  </si>
  <si>
    <t>POINT (4.634511914700546 51.82172395494077)</t>
  </si>
  <si>
    <t>POINT (4.634748385357221 51.82392574196304)</t>
  </si>
  <si>
    <t>POINT (4.60441741207551 51.81450192794777)</t>
  </si>
  <si>
    <t>POINT (4.659009246460116 51.82372972852497)</t>
  </si>
  <si>
    <t>POINT (4.6510364853074915 51.82264415582082)</t>
  </si>
  <si>
    <t>POINT (4.644711556116921 51.8147239648806)</t>
  </si>
  <si>
    <t>POINT (4.6280816582885596 51.81036050757919)</t>
  </si>
  <si>
    <t>POINT (4.639177169200917 51.82566411300022)</t>
  </si>
  <si>
    <t>POINT (4.653562579401205 51.826720463625726)</t>
  </si>
  <si>
    <t>POINT (4.635809893243181 51.81030048647566)</t>
  </si>
  <si>
    <t>POINT (4.6441483568171495 51.81968852260319)</t>
  </si>
  <si>
    <t>POINT (4.651522276290119 51.81784357766578)</t>
  </si>
  <si>
    <t>POINT (4.625389839659458 51.81443880679958)</t>
  </si>
  <si>
    <t>POINT (4.653559502246994 51.82477260742343)</t>
  </si>
  <si>
    <t>POINT (4.6127002276769815 51.81816560513185)</t>
  </si>
  <si>
    <t>POINT (4.629919822730852 51.814867027134305)</t>
  </si>
  <si>
    <t>POINT (4.638981677362118 51.82375627609501)</t>
  </si>
  <si>
    <t>POINT (4.615544257276693 51.823774088349104)</t>
  </si>
  <si>
    <t>POINT (4.633934761377152 51.80859471302255)</t>
  </si>
  <si>
    <t>POINT (4.615944899845906 51.8158449896174)</t>
  </si>
  <si>
    <t>POINT (4.644866349972903 51.814665376062706)</t>
  </si>
  <si>
    <t>POINT (4.630200356821148 51.820269520499046)</t>
  </si>
  <si>
    <t>POINT (4.602708471617731 51.815720273672724)</t>
  </si>
  <si>
    <t>POINT (4.603002196583595 51.80993447162201)</t>
  </si>
  <si>
    <t>POINT (4.656126690359887 51.8249716799025)</t>
  </si>
  <si>
    <t>POINT (4.646721000043129 51.823966803533786)</t>
  </si>
  <si>
    <t>POINT (4.641513354494886 51.81756557959759)</t>
  </si>
  <si>
    <t>POINT (4.654391632145314 51.828866321828805)</t>
  </si>
  <si>
    <t>POINT (4.622250680922482 51.81173603670573)</t>
  </si>
  <si>
    <t>POINT (4.569528219832614 51.83547332921404)</t>
  </si>
  <si>
    <t>POINT (4.598850742577266 51.81840679042228)</t>
  </si>
  <si>
    <t>POINT (4.631477831235646 51.808024464559686)</t>
  </si>
  <si>
    <t>POINT (4.621797516744938 51.81498035458781)</t>
  </si>
  <si>
    <t>POINT (4.6266278303364645 51.81308857953987)</t>
  </si>
  <si>
    <t>POINT (4.606974602745273 51.820009298329104)</t>
  </si>
  <si>
    <t>POINT (4.634400060970758 51.82068221160468)</t>
  </si>
  <si>
    <t>POINT (4.6579714893408894 51.81854814489922)</t>
  </si>
  <si>
    <t>POINT (4.633395622552751 51.824938806636254)</t>
  </si>
  <si>
    <t>POINT (4.646392222659641 51.824177356168406)</t>
  </si>
  <si>
    <t>POINT (4.634062394522943 51.812840809407966)</t>
  </si>
  <si>
    <t>POINT (4.643743557924921 51.816491135158984)</t>
  </si>
  <si>
    <t>POINT (4.658289676538819 51.828393348491566)</t>
  </si>
  <si>
    <t>POINT (4.626064997881539 51.81283810029375)</t>
  </si>
  <si>
    <t>POINT (4.649583283633267 51.81506877843842)</t>
  </si>
  <si>
    <t>POINT (4.638075537163747 51.808257753710144)</t>
  </si>
  <si>
    <t>POINT (4.636583263857628 51.812055177444584)</t>
  </si>
  <si>
    <t>POINT (4.641299342954042 51.82564399171812)</t>
  </si>
  <si>
    <t>POINT (4.656541333532032 51.82327479109608)</t>
  </si>
  <si>
    <t>POINT (4.6351014739485725 51.808275358288974)</t>
  </si>
  <si>
    <t>POINT (4.641296804991846 51.82296635340638)</t>
  </si>
  <si>
    <t>POINT (4.608160443401219 51.82132638307818)</t>
  </si>
  <si>
    <t>POINT (4.612849170900844 51.81821011135389)</t>
  </si>
  <si>
    <t>POINT (4.570269780320539 51.83564857716873)</t>
  </si>
  <si>
    <t>POINT (4.608128994754138 51.81590459875797)</t>
  </si>
  <si>
    <t>POINT (4.64114199553318 51.82570530125852)</t>
  </si>
  <si>
    <t>POINT (4.656066605729146 51.8209845940431)</t>
  </si>
  <si>
    <t>POINT (4.641050933230576 51.82557080895922)</t>
  </si>
  <si>
    <t>POINT (4.661156683415347 51.82404745122699)</t>
  </si>
  <si>
    <t>POINT (4.620955412667169 51.81500958261741)</t>
  </si>
  <si>
    <t>POINT (4.563175816861808 51.83677507335837)</t>
  </si>
  <si>
    <t>POINT (4.642543045383095 51.81605201250494)</t>
  </si>
  <si>
    <t>POINT (4.637181023862881 51.81010001899398)</t>
  </si>
  <si>
    <t>POINT (4.6531459748157875 51.815382278598214)</t>
  </si>
  <si>
    <t>POINT (4.646168926619678 51.819008045236785)</t>
  </si>
  <si>
    <t>POINT (4.640919097909839 51.82556841576163)</t>
  </si>
  <si>
    <t>POINT (4.6373998082490555 51.81496792826119)</t>
  </si>
  <si>
    <t>POINT (4.6132595077431064 51.822171278342)</t>
  </si>
  <si>
    <t>POINT (4.64684649341179 51.82650782362243)</t>
  </si>
  <si>
    <t>POINT (4.614657616839896 51.8139913897155)</t>
  </si>
  <si>
    <t>POINT (4.602827593927617 51.81429107947448)</t>
  </si>
  <si>
    <t>POINT (4.650130941503614 51.82508524529808)</t>
  </si>
  <si>
    <t>POINT (4.565329007082848 51.83603271334753)</t>
  </si>
  <si>
    <t>POINT (4.642089291184669 51.8261360340466)</t>
  </si>
  <si>
    <t>POINT (4.6450463158846675 51.82457907913818)</t>
  </si>
  <si>
    <t>POINT (4.56399200976497 51.83678693909237)</t>
  </si>
  <si>
    <t>POINT (4.600507750644919 51.81500606529616)</t>
  </si>
  <si>
    <t>POINT (4.627892909423237 51.81234876730242)</t>
  </si>
  <si>
    <t>POINT (4.628998711481774 51.80579119813407)</t>
  </si>
  <si>
    <t>POINT (4.60879049680798 51.821993544532745)</t>
  </si>
  <si>
    <t>POINT (4.612496212859263 51.80998310818466)</t>
  </si>
  <si>
    <t>POINT (4.614831765957503 51.814880801527586)</t>
  </si>
  <si>
    <t>POINT (4.601759383238077 51.815005999716384)</t>
  </si>
  <si>
    <t>POINT (4.648703166189366 51.82579964362892)</t>
  </si>
  <si>
    <t>POINT (4.649328216226827 51.81702747331169)</t>
  </si>
  <si>
    <t>POINT (4.60383623993683 51.81879978618683)</t>
  </si>
  <si>
    <t>POINT (4.6299284630790085 51.82402891720086)</t>
  </si>
  <si>
    <t>POINT (4.64656287933972 51.82019293100674)</t>
  </si>
  <si>
    <t>POINT (4.640422925438885 51.81340413286615)</t>
  </si>
  <si>
    <t>POINT (4.603673918120145 51.81641632993676)</t>
  </si>
  <si>
    <t>POINT (4.602496673510207 51.818582810939006)</t>
  </si>
  <si>
    <t>POINT (4.566085694327735 51.837311354087326)</t>
  </si>
  <si>
    <t>POINT (4.656809649940827 51.82126281785271)</t>
  </si>
  <si>
    <t>POINT (4.648440012057154 51.82535969958564)</t>
  </si>
  <si>
    <t>POINT (4.642856360322211 51.816328335116786)</t>
  </si>
  <si>
    <t>POINT (4.64430668460786 51.819632204026526)</t>
  </si>
  <si>
    <t>POINT (4.560739009067127 51.835222358837655)</t>
  </si>
  <si>
    <t>POINT (4.608036266882519 51.81540675373984)</t>
  </si>
  <si>
    <t>POINT (4.651553149886606 51.8217790887357)</t>
  </si>
  <si>
    <t>POINT (4.564115728259994 51.835667494229405)</t>
  </si>
  <si>
    <t>POINT (4.56611515331478 51.83440924730831)</t>
  </si>
  <si>
    <t>POINT (4.616792673475329 51.816903199905774)</t>
  </si>
  <si>
    <t>POINT (4.562229993076808 51.83792723261282)</t>
  </si>
  <si>
    <t>POINT (4.645133935239909 51.82680859275292)</t>
  </si>
  <si>
    <t>POINT (4.6343668236265465 51.81047492158212)</t>
  </si>
  <si>
    <t>POINT (4.645427311410641 51.815358949206725)</t>
  </si>
  <si>
    <t>POINT (4.632322876730958 51.809049862093346)</t>
  </si>
  <si>
    <t>POINT (4.660117859504183 51.82034058148945)</t>
  </si>
  <si>
    <t>POINT (4.6481391734024555 51.821656715677626)</t>
  </si>
  <si>
    <t>POINT (4.631340088424906 51.80736635854539)</t>
  </si>
  <si>
    <t>POINT (4.640979067251402 51.81883811078569)</t>
  </si>
  <si>
    <t>POINT (4.638564347300754 51.82107569480892)</t>
  </si>
  <si>
    <t>POINT (4.654636947545092 51.81841594563465)</t>
  </si>
  <si>
    <t>POINT (4.64413484942367 51.81785164300797)</t>
  </si>
  <si>
    <t>POINT (4.656968174039946 51.82580624007593)</t>
  </si>
  <si>
    <t>POINT (4.618011190776284 51.818025748521784)</t>
  </si>
  <si>
    <t>POINT (4.638696762519471 51.82341024654029)</t>
  </si>
  <si>
    <t>POINT (4.640581997502319 51.82563017251718)</t>
  </si>
  <si>
    <t>POINT (4.630747188384987 51.80631526257431)</t>
  </si>
  <si>
    <t>POINT (4.652985495443484 51.82452932612557)</t>
  </si>
  <si>
    <t>POINT (4.603419347628571 51.8129551726674)</t>
  </si>
  <si>
    <t>POINT (4.644619349925134 51.8151966811847)</t>
  </si>
  <si>
    <t>POINT (4.653242941417663 51.82143412075729)</t>
  </si>
  <si>
    <t>POINT (4.6509518746741465 51.814966676802776)</t>
  </si>
  <si>
    <t>POINT (4.648399619147333 51.814551781791394)</t>
  </si>
  <si>
    <t>POINT (4.618347515181355 51.81924523998993)</t>
  </si>
  <si>
    <t>POINT (4.6394374403345155 51.821953505446544)</t>
  </si>
  <si>
    <t>POINT (4.653206929628799 51.82220792875563)</t>
  </si>
  <si>
    <t>POINT (4.612821126666751 51.820935018036835)</t>
  </si>
  <si>
    <t>POINT (4.65039794718673 51.824772335919555)</t>
  </si>
  <si>
    <t>POINT (4.65265740939669 51.81725290429621)</t>
  </si>
  <si>
    <t>POINT (4.654871759172647 51.81812875752532)</t>
  </si>
  <si>
    <t>POINT (4.604169456112598 51.81390022194122)</t>
  </si>
  <si>
    <t>POINT (4.660707853695147 51.82057101032041)</t>
  </si>
  <si>
    <t>POINT (4.601509328901396 51.81339403902904)</t>
  </si>
  <si>
    <t>POINT (4.657619755583298 51.81817098710694)</t>
  </si>
  <si>
    <t>POINT (4.641881894420661 51.826038700147905)</t>
  </si>
  <si>
    <t>POINT (4.608284439061183 51.81913185461771)</t>
  </si>
  <si>
    <t>POINT (4.619593370706995 51.81370493084107)</t>
  </si>
  <si>
    <t>POINT (4.608830953856035 51.81338822434359)</t>
  </si>
  <si>
    <t>POINT (4.641333731180428 51.81656701656614)</t>
  </si>
  <si>
    <t>POINT (4.641711176766009 51.81888492044651)</t>
  </si>
  <si>
    <t>POINT (4.6403898993043 51.81392881782063)</t>
  </si>
  <si>
    <t>POINT (4.650994014531421 51.822685875556004)</t>
  </si>
  <si>
    <t>POINT (4.645609819080207 51.82057336343931)</t>
  </si>
  <si>
    <t>POINT (4.640503864805331 51.814158736874255)</t>
  </si>
  <si>
    <t>POINT (4.633202158305303 51.809408178347894)</t>
  </si>
  <si>
    <t>POINT (4.619508239606977 51.81342148100967)</t>
  </si>
  <si>
    <t>POINT (4.616537755291211 51.82007131597757)</t>
  </si>
  <si>
    <t>POINT (4.658412375257109 51.82861499790027)</t>
  </si>
  <si>
    <t>POINT (4.639594867772232 51.82199428329293)</t>
  </si>
  <si>
    <t>POINT (4.639948379666369 51.819793190301745)</t>
  </si>
  <si>
    <t>POINT (4.648735720045462 51.82546576618793)</t>
  </si>
  <si>
    <t>POINT (4.659051302443477 51.823771642949204)</t>
  </si>
  <si>
    <t>POINT (4.633125644952461 51.82456736744006)</t>
  </si>
  <si>
    <t>POINT (4.660739849412421 51.8221918842498)</t>
  </si>
  <si>
    <t>POINT (4.65761142487866 51.82189908840258)</t>
  </si>
  <si>
    <t>POINT (4.59777873058646 51.815514955530325)</t>
  </si>
  <si>
    <t>POINT (4.654713911795134 51.82832614571707)</t>
  </si>
  <si>
    <t>POINT (4.633730443316824 51.8197269642437)</t>
  </si>
  <si>
    <t>POINT (4.619398276537498 51.83035947276594)</t>
  </si>
  <si>
    <t>POINT (4.632633736285878 51.81375621019575)</t>
  </si>
  <si>
    <t>POINT (4.61847312787519 51.82280227576262)</t>
  </si>
  <si>
    <t>POINT (4.632685343973868 51.81817490359224)</t>
  </si>
  <si>
    <t>POINT (4.63881153335963 51.82261768146974)</t>
  </si>
  <si>
    <t>POINT (4.596055682352507 51.81493973131585)</t>
  </si>
  <si>
    <t>POINT (4.569443373695151 51.83696788941289)</t>
  </si>
  <si>
    <t>POINT (4.631724934759907 51.81058785664861)</t>
  </si>
  <si>
    <t>POINT (4.6142812417312395 51.81410354456206)</t>
  </si>
  <si>
    <t>POINT (4.641712327587956 51.825996805672524)</t>
  </si>
  <si>
    <t>POINT (4.631390834514073 51.80798084829806)</t>
  </si>
  <si>
    <t>POINT (4.596124037227775 51.81465771201507)</t>
  </si>
  <si>
    <t>POINT (4.635175737892585 51.82418284294375)</t>
  </si>
  <si>
    <t>POINT (4.642085922186879 51.81008539695947)</t>
  </si>
  <si>
    <t>POINT (4.60907030922457 51.815206676187074)</t>
  </si>
  <si>
    <t>POINT (4.569879218900877 51.83860039432682)</t>
  </si>
  <si>
    <t>POINT (4.613948467528459 51.82068413319593)</t>
  </si>
  <si>
    <t>POINT (4.638909182523051 51.82551823524604)</t>
  </si>
  <si>
    <t>POINT (4.622539876711788 51.81234119928306)</t>
  </si>
  <si>
    <t>POINT (4.628705963238003 51.81079763878672)</t>
  </si>
  <si>
    <t>POINT (4.6120835979733315 51.820822626401984)</t>
  </si>
  <si>
    <t>POINT (4.604236151012107 51.81450070075066)</t>
  </si>
  <si>
    <t>POINT (4.655336150740243 51.819648404458036)</t>
  </si>
  <si>
    <t>POINT (4.627035390375039 51.81563998726292)</t>
  </si>
  <si>
    <t>POINT (4.639600859790056 51.822107003697916)</t>
  </si>
  <si>
    <t>POINT (4.597732458581303 51.81507068156263)</t>
  </si>
  <si>
    <t>POINT (4.598037322841805 51.81551383634075)</t>
  </si>
  <si>
    <t>POINT (4.616937650645511 51.8128229313255)</t>
  </si>
  <si>
    <t>POINT (4.61770741952884 51.82067009749409)</t>
  </si>
  <si>
    <t>POINT (4.655523714523687 51.81763460820706)</t>
  </si>
  <si>
    <t>POINT (4.638283627947277 51.82464582123479)</t>
  </si>
  <si>
    <t>POINT (4.634217128614109 51.80879726118303)</t>
  </si>
  <si>
    <t>POINT (4.6221938691656455 51.81155279987451)</t>
  </si>
  <si>
    <t>POINT (4.626335362380045 51.81064840502644)</t>
  </si>
  <si>
    <t>POINT (4.621690964763453 51.80359008708467)</t>
  </si>
  <si>
    <t>POINT (4.639596802441766 51.824023618344135)</t>
  </si>
  <si>
    <t>POINT (4.639410922051378 51.82572000200978)</t>
  </si>
  <si>
    <t>POINT (4.607708733474656 51.81457558423742)</t>
  </si>
  <si>
    <t>POINT (4.607576976168569 51.81711240639406)</t>
  </si>
  <si>
    <t>POINT (4.6282645731451515 51.812426568875736)</t>
  </si>
  <si>
    <t>POINT (4.6156709037047765 51.81430387921882)</t>
  </si>
  <si>
    <t>POINT (4.635012196499514 51.82079342545148)</t>
  </si>
  <si>
    <t>POINT (4.632425331018839 51.8090035820904)</t>
  </si>
  <si>
    <t>POINT (4.652343137734238 51.81737107065517)</t>
  </si>
  <si>
    <t>POINT (4.638403219162817 51.811834293777125)</t>
  </si>
  <si>
    <t>POINT (4.644833705644216 51.819950304738256)</t>
  </si>
  <si>
    <t>POINT (4.559632800148253 51.8354294864906)</t>
  </si>
  <si>
    <t>POINT (4.564327167453482 51.83327751120878)</t>
  </si>
  <si>
    <t>POINT (4.6569398999724765 51.817657675860744)</t>
  </si>
  <si>
    <t>POINT (4.661770464295328 51.8244778396493)</t>
  </si>
  <si>
    <t>POINT (4.5998752221047505 51.81477551395699)</t>
  </si>
  <si>
    <t>POINT (4.618449555008782 51.8198667049073)</t>
  </si>
  <si>
    <t>POINT (4.605661552937807 51.82174334044743)</t>
  </si>
  <si>
    <t>POINT (4.616736614286022 51.81430848986449)</t>
  </si>
  <si>
    <t>POINT (4.605291561151328 51.81948834678477)</t>
  </si>
  <si>
    <t>POINT (4.6370397760404325 51.814752828874525)</t>
  </si>
  <si>
    <t>POINT (4.642252050270779 51.82045719617592)</t>
  </si>
  <si>
    <t>POINT (4.64040056860686 51.819270265897615)</t>
  </si>
  <si>
    <t>POINT (4.622123199337327 51.81157778620739)</t>
  </si>
  <si>
    <t>POINT (4.609896020603024 51.818477203323155)</t>
  </si>
  <si>
    <t>POINT (4.641181646923487 51.82431770900424)</t>
  </si>
  <si>
    <t>POINT (4.65764450857919 51.82637707371625)</t>
  </si>
  <si>
    <t>POINT (4.636694944416088 51.82193629720733)</t>
  </si>
  <si>
    <t>POINT (4.64307943378605 51.81762686323267)</t>
  </si>
  <si>
    <t>POINT (4.636935372215921 51.81471183813336)</t>
  </si>
  <si>
    <t>POINT (4.612746267661186 51.818179661700356)</t>
  </si>
  <si>
    <t>POINT (4.634857095187129 51.80731076818536)</t>
  </si>
  <si>
    <t>POINT (4.643536844175089 51.822296070354824)</t>
  </si>
  <si>
    <t>POINT (4.6564386524532155 51.82321560859316)</t>
  </si>
  <si>
    <t>POINT (4.630831862698013 51.812961262443984)</t>
  </si>
  <si>
    <t>POINT (4.618540524705551 51.81227297666338)</t>
  </si>
  <si>
    <t>POINT (4.6368223933772 51.80800204497548)</t>
  </si>
  <si>
    <t>POINT (4.60618145113942 51.813582655783755)</t>
  </si>
  <si>
    <t>POINT (4.653890024050238 51.82188187370563)</t>
  </si>
  <si>
    <t>POINT (4.655650950090251 51.820671633886604)</t>
  </si>
  <si>
    <t>POINT (4.635846503487983 51.819136444833546)</t>
  </si>
  <si>
    <t>POINT (4.613601294212162 51.8183925807673)</t>
  </si>
  <si>
    <t>POINT (4.618687533586792 51.81814704169907)</t>
  </si>
  <si>
    <t>POINT (4.560971430119487 51.83512050746756)</t>
  </si>
  <si>
    <t>POINT (4.629674557770518 51.808894198421385)</t>
  </si>
  <si>
    <t>POINT (4.629171337248319 51.8210960146268)</t>
  </si>
  <si>
    <t>POINT (4.65437719559003 51.818259161352714)</t>
  </si>
  <si>
    <t>POINT (4.644463390583742 51.81525369827333)</t>
  </si>
  <si>
    <t>POINT (4.602693489552501 51.81328515273907)</t>
  </si>
  <si>
    <t>POINT (4.640329701282009 51.813962007509225)</t>
  </si>
  <si>
    <t>POINT (4.582772963877575 51.818378091861796)</t>
  </si>
  <si>
    <t>POINT (4.62667113971627 51.81306328734137)</t>
  </si>
  <si>
    <t>POINT (4.648175320369064 51.82400978504804)</t>
  </si>
  <si>
    <t>POINT (4.644683511587426 51.814682367536335)</t>
  </si>
  <si>
    <t>POINT (4.61564215231082 51.82202538473453)</t>
  </si>
  <si>
    <t>POINT (4.656990165592386 51.81843237245082)</t>
  </si>
  <si>
    <t>POINT (4.616188042010289 51.818506771329695)</t>
  </si>
  <si>
    <t>POINT (4.601755361662199 51.81534502781138)</t>
  </si>
  <si>
    <t>POINT (4.6185535340562875 51.81931822951604)</t>
  </si>
  <si>
    <t>POINT (4.618084546406106 51.81855556570817)</t>
  </si>
  <si>
    <t>POINT (4.629585538832808 51.80714653206049)</t>
  </si>
  <si>
    <t>POINT (4.567524598209042 51.83618734520664)</t>
  </si>
  <si>
    <t>POINT (4.562656307129914 51.83544001220274)</t>
  </si>
  <si>
    <t>POINT (4.658215921741299 51.820433330804335)</t>
  </si>
  <si>
    <t>POINT (4.646614082708423 51.82405576410819)</t>
  </si>
  <si>
    <t>POINT (4.656638279869573 51.82139240169434)</t>
  </si>
  <si>
    <t>POINT (4.565168095287896 51.836660960605904)</t>
  </si>
  <si>
    <t>POINT (4.658312016004044 51.82923651640731)</t>
  </si>
  <si>
    <t>POINT (4.613697484820348 51.82116564977711)</t>
  </si>
  <si>
    <t>POINT (4.638085205660848 51.82285486165889)</t>
  </si>
  <si>
    <t>POINT (4.650946640587079 51.822955823078296)</t>
  </si>
  <si>
    <t>POINT (4.639530575385602 51.82197018854373)</t>
  </si>
  <si>
    <t>POINT (4.651237425495924 51.82234654234842)</t>
  </si>
  <si>
    <t>POINT (4.636395340969869 51.824653271891755)</t>
  </si>
  <si>
    <t>POINT (4.60079539954992 51.82001574138958)</t>
  </si>
  <si>
    <t>POINT (4.630240180513994 51.813352429201295)</t>
  </si>
  <si>
    <t>POINT (4.649898229795981 51.81338361623679)</t>
  </si>
  <si>
    <t>POINT (4.619398103423745 51.8156128120621)</t>
  </si>
  <si>
    <t>POINT (4.639023049856551 51.82198402386226)</t>
  </si>
  <si>
    <t>POINT (4.64633213646288 51.82408934623582)</t>
  </si>
  <si>
    <t>POINT (4.659256070185776 51.82239434724286)</t>
  </si>
  <si>
    <t>POINT (4.627174223802743 51.81391196196864)</t>
  </si>
  <si>
    <t>POINT (4.616380951646337 51.81465642671788)</t>
  </si>
  <si>
    <t>POINT (4.63504000095869 51.807597637958814)</t>
  </si>
  <si>
    <t>POINT (4.620546560816115 51.811498058461915)</t>
  </si>
  <si>
    <t>POINT (4.56993647791814 51.83858594356499)</t>
  </si>
  <si>
    <t>POINT (4.641043760399809 51.81889910590191)</t>
  </si>
  <si>
    <t>POINT (4.658915708539934 51.8225317310004)</t>
  </si>
  <si>
    <t>POINT (4.618185821475059 51.82170226983993)</t>
  </si>
  <si>
    <t>POINT (4.660964573129964 51.82038075384551)</t>
  </si>
  <si>
    <t>POINT (4.636215744769281 51.823922879309535)</t>
  </si>
  <si>
    <t>POINT (4.636135716537858 51.8185495902357)</t>
  </si>
  <si>
    <t>POINT (4.619244829739886 51.81965873514113)</t>
  </si>
  <si>
    <t>POINT (4.65668284573992 51.818844011145686)</t>
  </si>
  <si>
    <t>POINT (4.570415027935596 51.83559691386034)</t>
  </si>
  <si>
    <t>POINT (4.642522789106508 51.80922545247963)</t>
  </si>
  <si>
    <t>POINT (4.587128059641697 51.816413368343945)</t>
  </si>
  <si>
    <t>POINT (4.597646529319808 51.816752462274714)</t>
  </si>
  <si>
    <t>POINT (4.650566996587922 51.81480108089858)</t>
  </si>
  <si>
    <t>POINT (4.65352052244028 51.822055877438316)</t>
  </si>
  <si>
    <t>POINT (4.61957696279735 51.81364905750553)</t>
  </si>
  <si>
    <t>POINT (4.6006600747381485 51.81567926384621)</t>
  </si>
  <si>
    <t>POINT (4.567133566086653 51.83475000163208)</t>
  </si>
  <si>
    <t>POINT (4.614182409922678 51.83128938594378)</t>
  </si>
  <si>
    <t>POINT (4.645138085791964 51.824411301317696)</t>
  </si>
  <si>
    <t>POINT (4.659500137508088 51.82124315312267)</t>
  </si>
  <si>
    <t>POINT (4.639116125221623 51.82251204661618)</t>
  </si>
  <si>
    <t>POINT (4.597976865976335 51.813602379294686)</t>
  </si>
  <si>
    <t>POINT (4.62991447292332 51.81153006003012)</t>
  </si>
  <si>
    <t>POINT (4.567101189414021 51.83697823780791)</t>
  </si>
  <si>
    <t>POINT (4.656735662252981 51.821311102991224)</t>
  </si>
  <si>
    <t>POINT (4.625103481936514 51.81388490572572)</t>
  </si>
  <si>
    <t>POINT (4.6489524818286725 51.820981408850976)</t>
  </si>
  <si>
    <t>POINT (4.6358942194016075 51.82005289632331)</t>
  </si>
  <si>
    <t>POINT (4.623396378912899 51.81349206545069)</t>
  </si>
  <si>
    <t>POINT (4.662033599758677 51.82559112132238)</t>
  </si>
  <si>
    <t>POINT (4.61838221343549 51.81538171285543)</t>
  </si>
  <si>
    <t>POINT (4.60004978019281 51.81942981024592)</t>
  </si>
  <si>
    <t>POINT (4.655869402154544 51.81922432577293)</t>
  </si>
  <si>
    <t>POINT (4.652363858826447 51.81531075076334)</t>
  </si>
  <si>
    <t>POINT (4.649030166525011 51.82568613314062)</t>
  </si>
  <si>
    <t>POINT (4.640772747098573 51.825615637544615)</t>
  </si>
  <si>
    <t>POINT (4.619314224577811 51.80740027572455)</t>
  </si>
  <si>
    <t>POINT (4.628611591612283 51.814653473511044)</t>
  </si>
  <si>
    <t>POINT (4.639751393853278 51.8106395979749)</t>
  </si>
  <si>
    <t>POINT (4.608132994580907 51.82252168265912)</t>
  </si>
  <si>
    <t>POINT (4.569448960311652 51.83489987962488)</t>
  </si>
  <si>
    <t>POINT (4.629303143499801 51.80688797268733)</t>
  </si>
  <si>
    <t>POINT (4.635099083300011 51.80983917164727)</t>
  </si>
  <si>
    <t>POINT (4.641767939772373 51.82069459684152)</t>
  </si>
  <si>
    <t>POINT (4.638834408861486 51.819347740684485)</t>
  </si>
  <si>
    <t>POINT (4.567843082246619 51.83596009497602)</t>
  </si>
  <si>
    <t>POINT (4.61380891681505 51.82216273825096)</t>
  </si>
  <si>
    <t>POINT (4.64276470175698 51.817957394965866)</t>
  </si>
  <si>
    <t>POINT (4.646719718925884 51.81520592581414)</t>
  </si>
  <si>
    <t>POINT (4.658115698931039 51.82095415038858)</t>
  </si>
  <si>
    <t>POINT (4.66058768302969 51.82198640504839)</t>
  </si>
  <si>
    <t>POINT (4.633246980746602 51.80937521710659)</t>
  </si>
  <si>
    <t>POINT (4.564507805633093 51.83675830337789)</t>
  </si>
  <si>
    <t>POINT (4.65267250822816 51.82526340566459)</t>
  </si>
  <si>
    <t>POINT (4.640283645171859 51.820110926462725)</t>
  </si>
  <si>
    <t>POINT (4.63801263777458 51.82420209094077)</t>
  </si>
  <si>
    <t>POINT (4.651211844150815 51.81878590168766)</t>
  </si>
  <si>
    <t>POINT (4.646334016702084 51.81547781741839)</t>
  </si>
  <si>
    <t>POINT (4.653425562185887 51.82204050640495)</t>
  </si>
  <si>
    <t>POINT (4.607711001265617 51.81448720414708)</t>
  </si>
  <si>
    <t>POINT (4.61985903182717 51.83010779086981)</t>
  </si>
  <si>
    <t>POINT (4.636322032630776 51.81641030346937)</t>
  </si>
  <si>
    <t>POINT (4.635697528061228 51.819801364736406)</t>
  </si>
  <si>
    <t>POINT (4.6370891125684555 51.817912447521365)</t>
  </si>
  <si>
    <t>POINT (4.614646966946623 51.81565462860599)</t>
  </si>
  <si>
    <t>POINT (4.648733851892083 51.812906348037856)</t>
  </si>
  <si>
    <t>POINT (4.617173774997164 51.8199165971812)</t>
  </si>
  <si>
    <t>POINT (4.655021572469229 51.82611645626803)</t>
  </si>
  <si>
    <t>POINT (4.603095885200574 51.81508684714114)</t>
  </si>
  <si>
    <t>POINT (4.613231124261423 51.8195196085704)</t>
  </si>
  <si>
    <t>POINT (4.637802791698495 51.80947776622052)</t>
  </si>
  <si>
    <t>POINT (4.657232634978517 51.81917067389817)</t>
  </si>
  <si>
    <t>POINT (4.601668521557379 51.81876969245323)</t>
  </si>
  <si>
    <t>POINT (4.644266729772539 51.823165979696945)</t>
  </si>
  <si>
    <t>POINT (4.6379925760383856 51.82553893163748)</t>
  </si>
  <si>
    <t>POINT (4.656150131841169 51.82027667163228)</t>
  </si>
  <si>
    <t>POINT (4.650465570178607 51.81399587553295)</t>
  </si>
  <si>
    <t>POINT (4.605331511536371 51.822604374177246)</t>
  </si>
  <si>
    <t>POINT (4.635844423269903 51.81027508975761)</t>
  </si>
  <si>
    <t>POINT (4.625927592458249 51.814103943355555)</t>
  </si>
  <si>
    <t>POINT (4.638444587928113 51.81115172186968)</t>
  </si>
  <si>
    <t>POINT (4.6315820742189615 51.808034034702544)</t>
  </si>
  <si>
    <t>POINT (4.5660486244646865 51.833970077178144)</t>
  </si>
  <si>
    <t>POINT (4.564889944540958 51.83640170968993)</t>
  </si>
  <si>
    <t>POINT (4.63057604536701 51.810683510049266)</t>
  </si>
  <si>
    <t>POINT (4.61238138771718 51.80889317673039)</t>
  </si>
  <si>
    <t>POINT (4.5612201833081185 51.83681856087002)</t>
  </si>
  <si>
    <t>POINT (4.619987615102614 51.81989934011696)</t>
  </si>
  <si>
    <t>POINT (4.611970684580765 51.81366825158331)</t>
  </si>
  <si>
    <t>POINT (4.658511705124936 51.821514779538234)</t>
  </si>
  <si>
    <t>POINT (4.6386866729204845 51.8095481352928)</t>
  </si>
  <si>
    <t>POINT (4.640839937276918 51.82270855676496)</t>
  </si>
  <si>
    <t>POINT (4.5665602544541315 51.838237151151716)</t>
  </si>
  <si>
    <t>POINT (4.617495305658448 51.81915305666255)</t>
  </si>
  <si>
    <t>POINT (4.638936840322886 51.8228721143156)</t>
  </si>
  <si>
    <t>POINT (4.59834481857661 51.81324516898004)</t>
  </si>
  <si>
    <t>POINT (4.65925153814893 51.821238887921474)</t>
  </si>
  <si>
    <t>POINT (4.6520346609732055 51.82363543678806)</t>
  </si>
  <si>
    <t>POINT (4.563364260839356 51.83260824137054)</t>
  </si>
  <si>
    <t>POINT (4.65438802291849 51.82560547836538)</t>
  </si>
  <si>
    <t>POINT (4.563409628285995 51.83264477544272)</t>
  </si>
  <si>
    <t>POINT (4.641408565143003 51.81965642993234)</t>
  </si>
  <si>
    <t>POINT (4.655374970185617 51.82520013457803)</t>
  </si>
  <si>
    <t>POINT (4.63023813633812 51.80737271113665)</t>
  </si>
  <si>
    <t>POINT (4.6512665535207125 51.8172383032052)</t>
  </si>
  <si>
    <t>POINT (4.654981671880873 51.817044554242784)</t>
  </si>
  <si>
    <t>POINT (4.652535849667251 51.8176021628015)</t>
  </si>
  <si>
    <t>POINT (4.653780303323921 51.822001672380125)</t>
  </si>
  <si>
    <t>POINT (4.612835075740893 51.81966211892142)</t>
  </si>
  <si>
    <t>POINT (4.6422488926937415 51.81757922152624)</t>
  </si>
  <si>
    <t>POINT (4.625090896439364 51.82251396624112)</t>
  </si>
  <si>
    <t>POINT (4.633554205365989 51.81736720660489)</t>
  </si>
  <si>
    <t>POINT (4.625647642970377 51.81052358497087)</t>
  </si>
  <si>
    <t>POINT (4.622291466251113 51.81304769348976)</t>
  </si>
  <si>
    <t>POINT (4.612329233721621 51.82052984994224)</t>
  </si>
  <si>
    <t>POINT (4.618535327605054 51.81551310617997)</t>
  </si>
  <si>
    <t>POINT (4.647449338841997 51.82724643111803)</t>
  </si>
  <si>
    <t>POINT (4.5972367099823055 51.81483563379058)</t>
  </si>
  <si>
    <t>POINT (4.568342904770148 51.83269994935947)</t>
  </si>
  <si>
    <t>POINT (4.635924570848662 51.810255971571756)</t>
  </si>
  <si>
    <t>POINT (4.658695987229342 51.82596328528445)</t>
  </si>
  <si>
    <t>POINT (4.640864611385951 51.8255580019864)</t>
  </si>
  <si>
    <t>POINT (4.658735110213517 51.82576317062685)</t>
  </si>
  <si>
    <t>POINT (4.639006777320784 51.811540788212646)</t>
  </si>
  <si>
    <t>POINT (4.611439011244487 51.82167726647525)</t>
  </si>
  <si>
    <t>POINT (4.646199461119582 51.81632737908412)</t>
  </si>
  <si>
    <t>POINT (4.601337052573247 51.815425894460034)</t>
  </si>
  <si>
    <t>POINT (4.6394807880972495 51.822090355794444)</t>
  </si>
  <si>
    <t>POINT (4.609689989414276 51.82165753101467)</t>
  </si>
  <si>
    <t>POINT (4.621025511309661 51.81222815819656)</t>
  </si>
  <si>
    <t>POINT (4.647353247952361 51.81455962556136)</t>
  </si>
  <si>
    <t>POINT (4.637571322225688 51.82025371327662)</t>
  </si>
  <si>
    <t>POINT (4.644780531668349 51.81590482354692)</t>
  </si>
  <si>
    <t>POINT (4.6205808562699175 51.813948328513675)</t>
  </si>
  <si>
    <t>POINT (4.656829239739688 51.82117904843481)</t>
  </si>
  <si>
    <t>POINT (4.636099793649367 51.81192089380432)</t>
  </si>
  <si>
    <t>POINT (4.638608466975068 51.82028815316075)</t>
  </si>
  <si>
    <t>POINT (4.634656425480897 51.82091783148599)</t>
  </si>
  <si>
    <t>POINT (4.597076310708617 51.8137276267709)</t>
  </si>
  <si>
    <t>POINT (4.642168167969787 51.8262488573454)</t>
  </si>
  <si>
    <t>POINT (4.558121656034176 51.83262518150667)</t>
  </si>
  <si>
    <t>POINT (4.619149679732619 51.8150664971873)</t>
  </si>
  <si>
    <t>POINT (4.611446428341621 51.81488595038305)</t>
  </si>
  <si>
    <t>POINT (4.641652254644299 51.8258715712703)</t>
  </si>
  <si>
    <t>POINT (4.630117868720856 51.824095064451875)</t>
  </si>
  <si>
    <t>POINT (4.628201659872587 51.81188239882341)</t>
  </si>
  <si>
    <t>POINT (4.660167017258949 51.82036831046209)</t>
  </si>
  <si>
    <t>POINT (4.659120965940297 51.82395252270959)</t>
  </si>
  <si>
    <t>POINT (4.64264359811849 51.82205790577874)</t>
  </si>
  <si>
    <t>POINT (4.649225021007896 51.812687489025414)</t>
  </si>
  <si>
    <t>POINT (4.636547306961932 51.811390160781755)</t>
  </si>
  <si>
    <t>POINT (4.605223243729038 51.82191386731204)</t>
  </si>
  <si>
    <t>POINT (4.6437343712992565 51.82006792916833)</t>
  </si>
  <si>
    <t>POINT (4.658950730231786 51.82838081364374)</t>
  </si>
  <si>
    <t>POINT (4.644807417111074 51.81499704564435)</t>
  </si>
  <si>
    <t>POINT (4.643169859503924 51.822213026086104)</t>
  </si>
  <si>
    <t>POINT (4.5660626331512635 51.838305113999795)</t>
  </si>
  <si>
    <t>POINT (4.657571815212791 51.8205046534562)</t>
  </si>
  <si>
    <t>POINT (4.618425537192797 51.81514507205103)</t>
  </si>
  <si>
    <t>POINT (4.655877670632581 51.82084233960906)</t>
  </si>
  <si>
    <t>POINT (4.629511224132843 51.8094954866065)</t>
  </si>
  <si>
    <t>POINT (4.63890410678022 51.82546747971758)</t>
  </si>
  <si>
    <t>POINT (4.657460909255644 51.824298182786414)</t>
  </si>
  <si>
    <t>POINT (4.624322366333189 51.8138371430694)</t>
  </si>
  <si>
    <t>POINT (4.6389399929402115 51.82541516961405)</t>
  </si>
  <si>
    <t>POINT (4.593311080338636 51.83110560692581)</t>
  </si>
  <si>
    <t>POINT (4.63110303213049 51.81742770936934)</t>
  </si>
  <si>
    <t>POINT (4.562027411590595 51.83459396750945)</t>
  </si>
  <si>
    <t>POINT (4.638525076922688 51.82528153161307)</t>
  </si>
  <si>
    <t>POINT (4.6471836078875475 51.81900113535267)</t>
  </si>
  <si>
    <t>POINT (4.63459087949361 51.820921285316196)</t>
  </si>
  <si>
    <t>POINT (4.608146969407952 51.818467214829234)</t>
  </si>
  <si>
    <t>POINT (4.632171448090029 51.80926096751286)</t>
  </si>
  <si>
    <t>POINT (4.631715719061571 51.82506880463777)</t>
  </si>
  <si>
    <t>POINT (4.6373584917881585 51.8150027022318)</t>
  </si>
  <si>
    <t>POINT (4.62943222917828 51.80772027162035)</t>
  </si>
  <si>
    <t>POINT (4.608206984612808 51.82141728931293)</t>
  </si>
  <si>
    <t>POINT (4.652710631703618 51.82051017899302)</t>
  </si>
  <si>
    <t>POINT (4.618112523903725 51.819002730848084)</t>
  </si>
  <si>
    <t>POINT (4.629385831974336 51.8135652869304)</t>
  </si>
  <si>
    <t>POINT (4.647943736444556 51.82472889534372)</t>
  </si>
  <si>
    <t>POINT (4.624454793370006 51.812742171728914)</t>
  </si>
  <si>
    <t>POINT (4.608325503677433 51.82164054673328)</t>
  </si>
  <si>
    <t>POINT (4.626907806159483 51.810201834622)</t>
  </si>
  <si>
    <t>POINT (4.658673444875448 51.823744066984126)</t>
  </si>
  <si>
    <t>POINT (4.603155866978228 51.820895584663425)</t>
  </si>
  <si>
    <t>POINT (4.632152281084087 51.80972752010687)</t>
  </si>
  <si>
    <t>POINT (4.656595294991699 51.821509184680075)</t>
  </si>
  <si>
    <t>POINT (4.634518128716942 51.81885029008694)</t>
  </si>
  <si>
    <t>POINT (4.6313923156523025 51.809818995668984)</t>
  </si>
  <si>
    <t>POINT (4.628735294070665 51.82179786681781)</t>
  </si>
  <si>
    <t>POINT (4.629927432693463 51.80919487614451)</t>
  </si>
  <si>
    <t>POINT (4.66041701629891 51.82359669376439)</t>
  </si>
  <si>
    <t>POINT (4.633905129952495 51.805443520641525)</t>
  </si>
  <si>
    <t>POINT (4.6152604351710735 51.81438626712441)</t>
  </si>
  <si>
    <t>POINT (4.605902786900835 51.819688910947825)</t>
  </si>
  <si>
    <t>POINT (4.611932268552853 51.819514011035245)</t>
  </si>
  <si>
    <t>POINT (4.6118753518556534 51.81363504662831)</t>
  </si>
  <si>
    <t>POINT (4.641502358150106 51.82075268452371)</t>
  </si>
  <si>
    <t>POINT (4.6144000913177425 51.81867267352549)</t>
  </si>
  <si>
    <t>POINT (4.6502190207727185 51.82526004391632)</t>
  </si>
  <si>
    <t>POINT (4.6080352537313924 51.81549893539704)</t>
  </si>
  <si>
    <t>POINT (4.611910913263983 51.81333641543869)</t>
  </si>
  <si>
    <t>POINT (4.636664894606084 51.81049582656007)</t>
  </si>
  <si>
    <t>POINT (4.638416287709072 51.80841652086727)</t>
  </si>
  <si>
    <t>POINT (4.564553676927656 51.836565690413124)</t>
  </si>
  <si>
    <t>POINT (4.567827998801062 51.834350573107656)</t>
  </si>
  <si>
    <t>POINT (4.624551949291813 51.81399081423363)</t>
  </si>
  <si>
    <t>POINT (4.631041980988026 51.81737705119084)</t>
  </si>
  <si>
    <t>POINT (4.641255990481054 51.816894151431015)</t>
  </si>
  <si>
    <t>POINT (4.605152986317349 51.820461522581425)</t>
  </si>
  <si>
    <t>POINT (4.5677282305602835 51.83647986732007)</t>
  </si>
  <si>
    <t>POINT (4.638345249172383 51.81145316236953)</t>
  </si>
  <si>
    <t>POINT (4.653682239927552 51.8199728267422)</t>
  </si>
  <si>
    <t>POINT (4.627095260566105 51.8156811478412)</t>
  </si>
  <si>
    <t>POINT (4.624456444349334 51.8139534926091)</t>
  </si>
  <si>
    <t>POINT (4.644702874558165 51.814882128958665)</t>
  </si>
  <si>
    <t>POINT (4.6111930351827795 51.814710819651246)</t>
  </si>
  <si>
    <t>POINT (4.618595384036719 51.81870376547964)</t>
  </si>
  <si>
    <t>POINT (4.6062424062959835 51.818540219093094)</t>
  </si>
  <si>
    <t>POINT (4.632411506713985 51.80904719628549)</t>
  </si>
  <si>
    <t>POINT (4.645073658474921 51.82432189700776)</t>
  </si>
  <si>
    <t>POINT (4.6585436685341435 51.81882785791473)</t>
  </si>
  <si>
    <t>POINT (4.612343795138527 51.819438967372875)</t>
  </si>
  <si>
    <t>POINT (4.5989478377121324 51.80882819019471)</t>
  </si>
  <si>
    <t>POINT (4.6637986024965965 51.82094015613812)</t>
  </si>
  <si>
    <t>POINT (4.636878936459823 51.807921526141314)</t>
  </si>
  <si>
    <t>POINT (4.630899787369814 51.81020630993118)</t>
  </si>
  <si>
    <t>POINT (4.659482337862218 51.821223537334696)</t>
  </si>
  <si>
    <t>POINT (4.641150280447647 51.82003376062814)</t>
  </si>
  <si>
    <t>POINT (4.621864792003134 51.815098410683625)</t>
  </si>
  <si>
    <t>POINT (4.591919117843025 51.81271455380419)</t>
  </si>
  <si>
    <t>POINT (4.650141972867308 51.825059103582916)</t>
  </si>
  <si>
    <t>POINT (4.613902807435567 51.81689400005436)</t>
  </si>
  <si>
    <t>POINT (4.631362018405542 51.81125001905656)</t>
  </si>
  <si>
    <t>POINT (4.65826387865446 51.825973914780015)</t>
  </si>
  <si>
    <t>POINT (4.6565795089036275 51.82164370983078)</t>
  </si>
  <si>
    <t>POINT (4.650903342314816 51.814232724459735)</t>
  </si>
  <si>
    <t>POINT (4.637107273864603 51.82075979618335)</t>
  </si>
  <si>
    <t>POINT (4.568786404259538 51.8350616348737)</t>
  </si>
  <si>
    <t>POINT (4.616679443332481 51.82137402772721)</t>
  </si>
  <si>
    <t>POINT (4.6042726519246875 51.814216064405386)</t>
  </si>
  <si>
    <t>POINT (4.653517066195469 51.81508664217937)</t>
  </si>
  <si>
    <t>POINT (4.5946724278706546 51.81472921182517)</t>
  </si>
  <si>
    <t>POINT (4.621821708571102 51.815061428780275)</t>
  </si>
  <si>
    <t>POINT (4.644619174081399 51.814885113939475)</t>
  </si>
  <si>
    <t>POINT (4.616405427916365 51.82061269115584)</t>
  </si>
  <si>
    <t>POINT (4.619711441969455 51.81914867583099)</t>
  </si>
  <si>
    <t>POINT (4.6569578676946 51.81767213359644)</t>
  </si>
  <si>
    <t>POINT (4.634688938385485 51.810099668653)</t>
  </si>
  <si>
    <t>POINT (4.651655249464647 51.81442120440238)</t>
  </si>
  <si>
    <t>POINT (4.632078996728796 51.80819040123941)</t>
  </si>
  <si>
    <t>POINT (4.65621010456153 51.82298320339908)</t>
  </si>
  <si>
    <t>POINT (4.654101111012938 51.82453688372753)</t>
  </si>
  <si>
    <t>POINT (4.607921649288598 51.81881804990062)</t>
  </si>
  <si>
    <t>POINT (4.6565876085498905 51.81788322047049)</t>
  </si>
  <si>
    <t>POINT (4.633347162648772 51.81155503850824)</t>
  </si>
  <si>
    <t>POINT (4.63566269425204 51.81973318712971)</t>
  </si>
  <si>
    <t>POINT (4.638847639890591 51.82335655739414)</t>
  </si>
  <si>
    <t>POINT (4.6248356418539975 51.81245590205013)</t>
  </si>
  <si>
    <t>POINT (4.639785146363269 51.82395782516181)</t>
  </si>
  <si>
    <t>POINT (4.640552378842432 51.823631906642966)</t>
  </si>
  <si>
    <t>POINT (4.657623516979032 51.83017194138396)</t>
  </si>
  <si>
    <t>POINT (4.642285318356272 51.81924107557183)</t>
  </si>
  <si>
    <t>POINT (4.657202395525919 51.8210316276098)</t>
  </si>
  <si>
    <t>POINT (4.649333629333753 51.828017520020644)</t>
  </si>
  <si>
    <t>POINT (4.644356985806298 51.821598303735364)</t>
  </si>
  <si>
    <t>POINT (4.656223951810801 51.82505578145702)</t>
  </si>
  <si>
    <t>POINT (4.619422468790494 51.83037262866783)</t>
  </si>
  <si>
    <t>POINT (4.632407352968018 51.809089164828315)</t>
  </si>
  <si>
    <t>POINT (4.567957909188382 51.838156054938516)</t>
  </si>
  <si>
    <t>POINT (4.648503839770942 51.824240965601824)</t>
  </si>
  <si>
    <t>POINT (4.604093781431501 51.81407978824497)</t>
  </si>
  <si>
    <t>POINT (4.658705574685634 51.82568874988321)</t>
  </si>
  <si>
    <t>POINT (4.66298854975257 51.82679711219525)</t>
  </si>
  <si>
    <t>POINT (4.6431403345431095 51.81918033359756)</t>
  </si>
  <si>
    <t>3335LA</t>
  </si>
  <si>
    <t>Burgemeester Pijl Hogeweglaan</t>
  </si>
  <si>
    <t>POINT (4.621539388549166 51.82018443860264)</t>
  </si>
  <si>
    <t>POINT (4.660508522155796 51.82073724429337)</t>
  </si>
  <si>
    <t>POINT (4.655760474294802 51.8218272987509)</t>
  </si>
  <si>
    <t>POINT (4.634248860907977 51.80817436737893)</t>
  </si>
  <si>
    <t>POINT (4.629814410770633 51.80616233387802)</t>
  </si>
  <si>
    <t>POINT (4.611209045228234 51.814763950006004)</t>
  </si>
  <si>
    <t>POINT (4.656805845419573 51.821212062081216)</t>
  </si>
  <si>
    <t>POINT (4.565569419561171 51.83789184831104)</t>
  </si>
  <si>
    <t>POINT (4.567858617372832 51.837611839793254)</t>
  </si>
  <si>
    <t>POINT (4.6543748873288555 51.8262955377915)</t>
  </si>
  <si>
    <t>POINT (4.6449169518543965 51.81461414597352)</t>
  </si>
  <si>
    <t>POINT (4.64615662828619 51.826428369809726)</t>
  </si>
  <si>
    <t>POINT (4.6153519227079425 51.821137665650106)</t>
  </si>
  <si>
    <t>POINT (4.638180341884746 51.81801604558776)</t>
  </si>
  <si>
    <t>POINT (4.627750600625963 51.81243239423667)</t>
  </si>
  <si>
    <t>POINT (4.659719265129782 51.82356320285152)</t>
  </si>
  <si>
    <t>POINT (4.635007401085083 51.82377252700974)</t>
  </si>
  <si>
    <t>POINT (4.6400096724888655 51.808866998439946)</t>
  </si>
  <si>
    <t>POINT (4.60834187912093 51.81485229034358)</t>
  </si>
  <si>
    <t>POINT (4.641672789106424 51.81646516276325)</t>
  </si>
  <si>
    <t>POINT (4.661772274582486 51.824329322058524)</t>
  </si>
  <si>
    <t>POINT (4.628876341667762 51.80756514869423)</t>
  </si>
  <si>
    <t>POINT (4.610017079500482 51.819240464382816)</t>
  </si>
  <si>
    <t>POINT (4.567237626501994 51.83692399101422)</t>
  </si>
  <si>
    <t>POINT (4.616744547091291 51.818532700084)</t>
  </si>
  <si>
    <t>POINT (4.603273399757095 51.814048486193094)</t>
  </si>
  <si>
    <t>POINT (4.64506677299455 51.814560702928134)</t>
  </si>
  <si>
    <t>POINT (4.610847247285921 51.82211140970846)</t>
  </si>
  <si>
    <t>POINT (4.6400718864449315 51.817958871695836)</t>
  </si>
  <si>
    <t>POINT (4.6436164440163 51.81999802309306)</t>
  </si>
  <si>
    <t>POINT (4.628359706995588 51.82355263117957)</t>
  </si>
  <si>
    <t>POINT (4.658765796619655 51.822859426618706)</t>
  </si>
  <si>
    <t>POINT (4.603030607139296 51.81966656417352)</t>
  </si>
  <si>
    <t>POINT (4.612975633908095 51.81866076818408)</t>
  </si>
  <si>
    <t>POINT (4.610447798842353 51.81882688641936)</t>
  </si>
  <si>
    <t>POINT (4.6291904078115005 51.807652912327804)</t>
  </si>
  <si>
    <t>POINT (4.637227514260976 51.81484948880883)</t>
  </si>
  <si>
    <t>POINT (4.649735151865794 51.82234212836604)</t>
  </si>
  <si>
    <t>POINT (4.569802747428183 51.82206233813297)</t>
  </si>
  <si>
    <t>POINT (4.653551205181122 51.82209390258648)</t>
  </si>
  <si>
    <t>POINT (4.656987464502831 51.82101113570945)</t>
  </si>
  <si>
    <t>POINT (4.566101555560134 51.8383629141934)</t>
  </si>
  <si>
    <t>POINT (4.656683658888667 51.82499670255649)</t>
  </si>
  <si>
    <t>POINT (4.621898515438356 51.8150802037442)</t>
  </si>
  <si>
    <t>POINT (4.631342880562276 51.81036141565586)</t>
  </si>
  <si>
    <t>POINT (4.595939725381961 51.81428575583156)</t>
  </si>
  <si>
    <t>POINT (4.652074998327571 51.82420563458512)</t>
  </si>
  <si>
    <t>POINT (4.65759028055483 51.82007626000215)</t>
  </si>
  <si>
    <t>POINT (4.623320838832845 51.81010168590032)</t>
  </si>
  <si>
    <t>POINT (4.619631146346042 51.81989998456307)</t>
  </si>
  <si>
    <t>POINT (4.613493659927967 51.82014939928731)</t>
  </si>
  <si>
    <t>POINT (4.659896514438596 51.82760588606025)</t>
  </si>
  <si>
    <t>POINT (4.628296307069664 51.805644311936675)</t>
  </si>
  <si>
    <t>POINT (4.628438573648185 51.81062351561525)</t>
  </si>
  <si>
    <t>POINT (4.64244122206945 51.8103948054024)</t>
  </si>
  <si>
    <t>POINT (4.605667394743382 51.82223542200138)</t>
  </si>
  <si>
    <t>POINT (4.603061593914486 51.81969541828577)</t>
  </si>
  <si>
    <t>POINT (4.656053074253267 51.82276749480704)</t>
  </si>
  <si>
    <t>POINT (4.645745700196221 51.814873441452924)</t>
  </si>
  <si>
    <t>POINT (4.644110426747923 51.823513993936295)</t>
  </si>
  <si>
    <t>POINT (4.628265829349644 51.81192464731552)</t>
  </si>
  <si>
    <t>POINT (4.607231836884099 51.82181732776556)</t>
  </si>
  <si>
    <t>POINT (4.567025711570172 51.83700918008135)</t>
  </si>
  <si>
    <t>POINT (4.569319731190646 51.83731577318577)</t>
  </si>
  <si>
    <t>POINT (4.627027076401807 51.815057950400266)</t>
  </si>
  <si>
    <t>POINT (4.59898136979872 51.81520896394446)</t>
  </si>
  <si>
    <t>POINT (4.657178980716558 51.82106145022174)</t>
  </si>
  <si>
    <t>POINT (4.66045660176118 51.822865323884876)</t>
  </si>
  <si>
    <t>POINT (4.6019024524185905 51.82007029105867)</t>
  </si>
  <si>
    <t>POINT (4.6484110515317925 51.82425927579773)</t>
  </si>
  <si>
    <t>POINT (4.648584821063579 51.81537472069755)</t>
  </si>
  <si>
    <t>POINT (4.561609948181344 51.83410976550351)</t>
  </si>
  <si>
    <t>POINT (4.641575623933588 51.82418078894399)</t>
  </si>
  <si>
    <t>POINT (4.629500927849012 51.811204929504356)</t>
  </si>
  <si>
    <t>POINT (4.615373085790914 51.813215049515456)</t>
  </si>
  <si>
    <t>POINT (4.628077461459921 51.80910510752342)</t>
  </si>
  <si>
    <t>POINT (4.6551543776536946 51.82437497387655)</t>
  </si>
  <si>
    <t>POINT (4.652339192154701 51.82501949691435)</t>
  </si>
  <si>
    <t>POINT (4.618509801233122 51.81338343966024)</t>
  </si>
  <si>
    <t>POINT (4.566633649694388 51.83482585181245)</t>
  </si>
  <si>
    <t>POINT (4.659098822603769 51.82131764321434)</t>
  </si>
  <si>
    <t>POINT (4.621815428290087 51.81480178474261)</t>
  </si>
  <si>
    <t>POINT (4.59655986527133 51.81483830256986)</t>
  </si>
  <si>
    <t>POINT (4.5619070823100705 51.83228927765787)</t>
  </si>
  <si>
    <t>POINT (4.648827265734972 51.824464499760076)</t>
  </si>
  <si>
    <t>POINT (4.6291652634353415 51.8237624823615)</t>
  </si>
  <si>
    <t>POINT (4.609946108503003 51.818401148898076)</t>
  </si>
  <si>
    <t>POINT (4.641945762077528 51.816271626118535)</t>
  </si>
  <si>
    <t>POINT (4.64793390814589 51.8238291203194)</t>
  </si>
  <si>
    <t>POINT (4.642192856594067 51.821571732652075)</t>
  </si>
  <si>
    <t>POINT (4.612051243656303 51.82110653708674)</t>
  </si>
  <si>
    <t>POINT (4.636694592359177 51.82534599362554)</t>
  </si>
  <si>
    <t>POINT (4.660569248432309 51.82302192086196)</t>
  </si>
  <si>
    <t>POINT (4.606169202335912 51.82025971538678)</t>
  </si>
  <si>
    <t>POINT (4.649557154606622 51.81346508564171)</t>
  </si>
  <si>
    <t>POINT (4.615725595204801 51.818589304893145)</t>
  </si>
  <si>
    <t>POINT (4.63708305992011 51.814813356815634)</t>
  </si>
  <si>
    <t>POINT (4.562646648095713 51.83533592655898)</t>
  </si>
  <si>
    <t>POINT (4.648550492683973 51.82705885079344)</t>
  </si>
  <si>
    <t>POINT (4.6551849503064995 51.81679092126249)</t>
  </si>
  <si>
    <t>POINT (4.562022286096544 51.834353347583104)</t>
  </si>
  <si>
    <t>POINT (4.608535152078891 51.81615230007118)</t>
  </si>
  <si>
    <t>POINT (4.6376915896703546 51.80881532537118)</t>
  </si>
  <si>
    <t>POINT (4.645221944796802 51.814505522749805)</t>
  </si>
  <si>
    <t>POINT (4.622217690834408 51.811767587779705)</t>
  </si>
  <si>
    <t>POINT (4.657161542648454 51.82785594310124)</t>
  </si>
  <si>
    <t>POINT (4.657414024066621 51.82090851345145)</t>
  </si>
  <si>
    <t>POINT (4.595021853733667 51.81517744856114)</t>
  </si>
  <si>
    <t>POINT (4.631527521828529 51.80971958837425)</t>
  </si>
  <si>
    <t>POINT (4.622533592619916 51.812320960687664)</t>
  </si>
  <si>
    <t>POINT (4.613084211774264 51.821256796845866)</t>
  </si>
  <si>
    <t>POINT (4.6547263880196175 51.81660873587266)</t>
  </si>
  <si>
    <t>POINT (4.557374059669506 51.83266313476128)</t>
  </si>
  <si>
    <t>POINT (4.634979622494753 51.82594096096438)</t>
  </si>
  <si>
    <t>POINT (4.616720761307347 51.81692383331443)</t>
  </si>
  <si>
    <t>POINT (4.641762617778097 51.816434704399455)</t>
  </si>
  <si>
    <t>POINT (4.610614529235441 51.81863368062628)</t>
  </si>
  <si>
    <t>POINT (4.56639212883889 51.83496367759285)</t>
  </si>
  <si>
    <t>POINT (4.666464531582273 51.82303083663209)</t>
  </si>
  <si>
    <t>POINT (4.635833445609416 51.810322965233105)</t>
  </si>
  <si>
    <t>POINT (4.55951208762855 51.83530439290149)</t>
  </si>
  <si>
    <t>POINT (4.614581829110284 51.81295212696246)</t>
  </si>
  <si>
    <t>POINT (4.642901668387169 51.8190451943553)</t>
  </si>
  <si>
    <t>POINT (4.634722009460686 51.82088603650086)</t>
  </si>
  <si>
    <t>POINT (4.641155625200744 51.82377255945034)</t>
  </si>
  <si>
    <t>POINT (4.617661332006991 51.817089536374404)</t>
  </si>
  <si>
    <t>POINT (4.627374802873421 51.81404896340955)</t>
  </si>
  <si>
    <t>POINT (4.634237174851341 51.818565370809736)</t>
  </si>
  <si>
    <t>POINT (4.64934607907033 51.82597420217903)</t>
  </si>
  <si>
    <t>POINT (4.647094866254209 51.823791931745454)</t>
  </si>
  <si>
    <t>POINT (4.653511150842869 51.82662086226196)</t>
  </si>
  <si>
    <t>POINT (4.625747566537943 51.813173621121244)</t>
  </si>
  <si>
    <t>POINT (4.629810925912932 51.8096718114226)</t>
  </si>
  <si>
    <t>POINT (4.65480687353164 51.82037090276005)</t>
  </si>
  <si>
    <t>POINT (4.656239132068466 51.81743680294355)</t>
  </si>
  <si>
    <t>POINT (4.64008453270854 51.820464263060224)</t>
  </si>
  <si>
    <t>POINT (4.612745092991266 51.81340910531289)</t>
  </si>
  <si>
    <t>POINT (4.638722509033815 51.82532051631086)</t>
  </si>
  <si>
    <t>POINT (4.618742709769726 51.81416088926716)</t>
  </si>
  <si>
    <t>POINT (4.606644974272073 51.8210128457067)</t>
  </si>
  <si>
    <t>POINT (4.64882791767341 51.81369761231894)</t>
  </si>
  <si>
    <t>POINT (4.640827914330407 51.823241006228606)</t>
  </si>
  <si>
    <t>POINT (4.649843716819458 51.81604717999283)</t>
  </si>
  <si>
    <t>POINT (4.64121220284514 51.81663836942553)</t>
  </si>
  <si>
    <t>POINT (4.565587484177128 51.83663162704677)</t>
  </si>
  <si>
    <t>POINT (4.656724637668933 51.82370347839472)</t>
  </si>
  <si>
    <t>POINT (4.6366458777756066 51.814512828795216)</t>
  </si>
  <si>
    <t>POINT (4.632079772596486 51.82369324322087)</t>
  </si>
  <si>
    <t>POINT (4.611776113426901 51.83398390601088)</t>
  </si>
  <si>
    <t>POINT (4.627898894136595 51.811379472229675)</t>
  </si>
  <si>
    <t>POINT (4.651754525866754 51.81497996124964)</t>
  </si>
  <si>
    <t>POINT (4.6307032886729855 51.812948226998415)</t>
  </si>
  <si>
    <t>POINT (4.562051338560228 51.832384377076195)</t>
  </si>
  <si>
    <t>POINT (4.641703564182326 51.825927627021244)</t>
  </si>
  <si>
    <t>POINT (4.612540292782618 51.81441511990808)</t>
  </si>
  <si>
    <t>POINT (4.662091992792564 51.82234314753053)</t>
  </si>
  <si>
    <t>POINT (4.611795641529483 51.821643623373134)</t>
  </si>
  <si>
    <t>POINT (4.635637761813713 51.807912594333516)</t>
  </si>
  <si>
    <t>POINT (4.630055135643849 51.81384531781343)</t>
  </si>
  <si>
    <t>POINT (4.647065763851415 51.82504647841595)</t>
  </si>
  <si>
    <t>POINT (4.603714880685385 51.82041886144181)</t>
  </si>
  <si>
    <t>POINT (4.6358895470514065 51.82429769658367)</t>
  </si>
  <si>
    <t>POINT (4.628999112685856 51.822265006349596)</t>
  </si>
  <si>
    <t>POINT (4.6354872520166985 51.824073828116525)</t>
  </si>
  <si>
    <t>POINT (4.654076535468574 51.82183414944867)</t>
  </si>
  <si>
    <t>POINT (4.572636010745391 51.828481163410856)</t>
  </si>
  <si>
    <t>POINT (4.619552514612448 51.83040504752407)</t>
  </si>
  <si>
    <t>POINT (4.628328569456396 51.81445640890531)</t>
  </si>
  <si>
    <t>POINT (4.630420592553165 51.8270361674936)</t>
  </si>
  <si>
    <t>POINT (4.609289088625737 51.80622343173349)</t>
  </si>
  <si>
    <t>POINT (4.642105238021874 51.82627351833781)</t>
  </si>
  <si>
    <t>POINT (4.6308001560753675 51.810974373378684)</t>
  </si>
  <si>
    <t>POINT (4.634364437227582 51.809512269472286)</t>
  </si>
  <si>
    <t>POINT (4.63616422723292 51.81646232702022)</t>
  </si>
  <si>
    <t>POINT (4.6441141584050145 51.82141896133016)</t>
  </si>
  <si>
    <t>POINT (4.65243512159539 51.82060615246961)</t>
  </si>
  <si>
    <t>POINT (4.640391627572897 51.82569619679488)</t>
  </si>
  <si>
    <t>POINT (4.638945054362569 51.82546591606116)</t>
  </si>
  <si>
    <t>POINT (4.604951251734966 51.818745210241644)</t>
  </si>
  <si>
    <t>POINT (4.622150461961725 51.81257512734907)</t>
  </si>
  <si>
    <t>3333GB</t>
  </si>
  <si>
    <t>Anemoonlaan</t>
  </si>
  <si>
    <t>POINT (4.6243966511500965 51.8144986020117)</t>
  </si>
  <si>
    <t>POINT (4.6180475898072935 51.82092028992984)</t>
  </si>
  <si>
    <t>POINT (4.607646208097616 51.81735017763422)</t>
  </si>
  <si>
    <t>POINT (4.647294966620508 51.82698798637956)</t>
  </si>
  <si>
    <t>POINT (4.630753696141595 51.81019286497304)</t>
  </si>
  <si>
    <t>POINT (4.56174663489479 51.834927156973045)</t>
  </si>
  <si>
    <t>POINT (4.566507299713383 51.834027954415156)</t>
  </si>
  <si>
    <t>POINT (4.656486265033258 51.82442664358406)</t>
  </si>
  <si>
    <t>POINT (4.640308078622045 51.819183457777406)</t>
  </si>
  <si>
    <t>POINT (4.633579538338588 51.82486187591085)</t>
  </si>
  <si>
    <t>POINT (4.640042909218998 51.816953391452124)</t>
  </si>
  <si>
    <t>POINT (4.628846550139189 51.82158300072588)</t>
  </si>
  <si>
    <t>POINT (4.626732264326004 51.8079882413655)</t>
  </si>
  <si>
    <t>POINT (4.645128101476618 51.823364065411475)</t>
  </si>
  <si>
    <t>POINT (4.631660768495713 51.823497568404335)</t>
  </si>
  <si>
    <t>POINT (4.653328059575345 51.81584808753032)</t>
  </si>
  <si>
    <t>POINT (4.646177673914446 51.82029607164223)</t>
  </si>
  <si>
    <t>POINT (4.657056960032163 51.827856128548625)</t>
  </si>
  <si>
    <t>POINT (4.662728783550971 51.823428407989745)</t>
  </si>
  <si>
    <t>POINT (4.560831400834589 51.836690728276935)</t>
  </si>
  <si>
    <t>POINT (4.632442581145502 51.808984870682835)</t>
  </si>
  <si>
    <t>POINT (4.602690862617056 51.81332610582789)</t>
  </si>
  <si>
    <t>POINT (4.6487905036314725 51.82440280388867)</t>
  </si>
  <si>
    <t>POINT (4.654727492842303 51.823793727533356)</t>
  </si>
  <si>
    <t>POINT (4.655895525941533 51.8207851120852)</t>
  </si>
  <si>
    <t>POINT (4.646754710402901 51.82183454971352)</t>
  </si>
  <si>
    <t>POINT (4.641352763335738 51.824028893344966)</t>
  </si>
  <si>
    <t>POINT (4.632065757060388 51.81407114348691)</t>
  </si>
  <si>
    <t>POINT (4.631871734503006 51.80736843368721)</t>
  </si>
  <si>
    <t>POINT (4.61845423067062 51.815384494736875)</t>
  </si>
  <si>
    <t>POINT (4.570019006023626 51.834376282059935)</t>
  </si>
  <si>
    <t>POINT (4.632057707625892 51.81823042594396)</t>
  </si>
  <si>
    <t>POINT (4.641551787217865 51.81648983203034)</t>
  </si>
  <si>
    <t>POINT (4.602014572652202 51.820424082486866)</t>
  </si>
  <si>
    <t>POINT (4.632777575104048 51.820061370870256)</t>
  </si>
  <si>
    <t>POINT (4.607377991240574 51.81843272355483)</t>
  </si>
  <si>
    <t>POINT (4.648877817095295 51.81524391828754)</t>
  </si>
  <si>
    <t>POINT (4.615614749452366 51.81940398758664)</t>
  </si>
  <si>
    <t>POINT (4.634938448276209 51.80998908037104)</t>
  </si>
  <si>
    <t>POINT (4.658816085169774 51.81954476004624)</t>
  </si>
  <si>
    <t>POINT (4.626067508737096 51.82719790658911)</t>
  </si>
  <si>
    <t>POINT (4.644140616384877 51.81976389769479)</t>
  </si>
  <si>
    <t>POINT (4.659213270326139 51.82332444545707)</t>
  </si>
  <si>
    <t>POINT (4.63590590987328 51.81946812157229)</t>
  </si>
  <si>
    <t>POINT (4.615380932986111 51.82197195513827)</t>
  </si>
  <si>
    <t>POINT (4.629434849433108 51.80672394327336)</t>
  </si>
  <si>
    <t>POINT (4.632672426238022 51.807749582931514)</t>
  </si>
  <si>
    <t>POINT (4.662681321964886 51.8218348551303)</t>
  </si>
  <si>
    <t>POINT (4.601608041814787 51.820227609965904)</t>
  </si>
  <si>
    <t>POINT (4.634650252852098 51.81013073722543)</t>
  </si>
  <si>
    <t>POINT (4.644567955503211 51.81475452566788)</t>
  </si>
  <si>
    <t>POINT (4.608759814928182 51.821393281077064)</t>
  </si>
  <si>
    <t>POINT (4.6154013926025135 51.81317870552062)</t>
  </si>
  <si>
    <t>POINT (4.6428971510897945 51.821149301355646)</t>
  </si>
  <si>
    <t>POINT (4.575267752309793 51.81988501258307)</t>
  </si>
  <si>
    <t>POINT (4.6035827738769175 51.82003924847351)</t>
  </si>
  <si>
    <t>POINT (4.609665819579183 51.82125084708426)</t>
  </si>
  <si>
    <t>POINT (4.564794517956755 51.831722937261155)</t>
  </si>
  <si>
    <t>POINT (4.605624008863843 51.82219450406668)</t>
  </si>
  <si>
    <t>POINT (4.645725861721617 51.81909076525577)</t>
  </si>
  <si>
    <t>POINT (4.603623983276386 51.821060337232446)</t>
  </si>
  <si>
    <t>POINT (4.63336034239761 51.811092024914714)</t>
  </si>
  <si>
    <t>POINT (4.603965793586433 51.82097145517057)</t>
  </si>
  <si>
    <t>POINT (4.62982569973599 51.80497568028282)</t>
  </si>
  <si>
    <t>POINT (4.631430082844622 51.80722932100143)</t>
  </si>
  <si>
    <t>POINT (4.642184503470309 51.826290893247176)</t>
  </si>
  <si>
    <t>POINT (4.633412053015219 51.8249538333889)</t>
  </si>
  <si>
    <t>POINT (4.62832639328431 51.823707380974525)</t>
  </si>
  <si>
    <t>POINT (4.652744439131759 51.82032873828944)</t>
  </si>
  <si>
    <t>POINT (4.63259147021138 51.81820556273989)</t>
  </si>
  <si>
    <t>POINT (4.636729392425025 51.814507061817075)</t>
  </si>
  <si>
    <t>POINT (4.617139565833646 51.81349940831845)</t>
  </si>
  <si>
    <t>POINT (4.660609234014461 51.822686639238654)</t>
  </si>
  <si>
    <t>POINT (4.632332390120964 51.81054303807681)</t>
  </si>
  <si>
    <t>POINT (4.559234816829334 51.834944208835026)</t>
  </si>
  <si>
    <t>POINT (4.635628571668194 51.82101851406583)</t>
  </si>
  <si>
    <t>POINT (4.568077254021561 51.83711713312319)</t>
  </si>
  <si>
    <t>POINT (4.649070223479287 51.81944332244794)</t>
  </si>
  <si>
    <t>POINT (4.638300565393577 51.82543267334273)</t>
  </si>
  <si>
    <t>POINT (4.6395910400874385 51.818984197233355)</t>
  </si>
  <si>
    <t>POINT (4.651639670364639 51.8245584274404)</t>
  </si>
  <si>
    <t>POINT (4.649704594738644 51.82235423287898)</t>
  </si>
  <si>
    <t>POINT (4.632258546324867 51.82604473925478)</t>
  </si>
  <si>
    <t>POINT (4.614771190363662 51.815959004389164)</t>
  </si>
  <si>
    <t>POINT (4.601571266759201 51.81989177862495)</t>
  </si>
  <si>
    <t>POINT (4.627120664265831 51.81371941845296)</t>
  </si>
  <si>
    <t>POINT (4.635249324266799 51.8098003055258)</t>
  </si>
  <si>
    <t>POINT (4.635750979579418 51.81904163169245)</t>
  </si>
  <si>
    <t>POINT (4.652273928808889 51.82425277655029)</t>
  </si>
  <si>
    <t>POINT (4.6340102513489185 51.81280572441053)</t>
  </si>
  <si>
    <t>POINT (4.634892996593936 51.82124626703879)</t>
  </si>
  <si>
    <t>POINT (4.61157334748265 51.82245234351325)</t>
  </si>
  <si>
    <t>POINT (4.614227845371255 51.81794428895331)</t>
  </si>
  <si>
    <t>POINT (4.65038508580174 51.826926301986546)</t>
  </si>
  <si>
    <t>POINT (4.642898282636076 51.816434119290676)</t>
  </si>
  <si>
    <t>POINT (4.628374394962186 51.81505191958167)</t>
  </si>
  <si>
    <t>POINT (4.6222271802255515 51.81283221040857)</t>
  </si>
  <si>
    <t>POINT (4.611815339520283 51.821944605861496)</t>
  </si>
  <si>
    <t>POINT (4.617595363229077 51.81774238569781)</t>
  </si>
  <si>
    <t>POINT (4.626299596041421 51.8119342244969)</t>
  </si>
  <si>
    <t>POINT (4.612031415401929 51.82112932735589)</t>
  </si>
  <si>
    <t>POINT (4.609342958453857 51.81150104688916)</t>
  </si>
  <si>
    <t>POINT (4.648187023205344 51.82402413276087)</t>
  </si>
  <si>
    <t>POINT (4.643422566063242 51.820683575439)</t>
  </si>
  <si>
    <t>POINT (4.606956355442324 51.82088579320837)</t>
  </si>
  <si>
    <t>POINT (4.600353233679249 51.81500549678098)</t>
  </si>
  <si>
    <t>POINT (4.603529576579282 51.815497293160675)</t>
  </si>
  <si>
    <t>POINT (4.6305696397070495 51.81045342064688)</t>
  </si>
  <si>
    <t>POINT (4.613078833836465 51.820055680042344)</t>
  </si>
  <si>
    <t>POINT (4.638105097183632 51.825513780369306)</t>
  </si>
  <si>
    <t>POINT (4.6379011846673235 51.81141550549838)</t>
  </si>
  <si>
    <t>POINT (4.57056821247995 51.83554361570477)</t>
  </si>
  <si>
    <t>POINT (4.619008020824232 51.81378793157219)</t>
  </si>
  <si>
    <t>POINT (4.607711423479822 51.82193250440974)</t>
  </si>
  <si>
    <t>POINT (4.654802815636691 51.81836399257384)</t>
  </si>
  <si>
    <t>POINT (4.645989458511742 51.822410694131754)</t>
  </si>
  <si>
    <t>POINT (4.608573726372531 51.8142204381784)</t>
  </si>
  <si>
    <t>POINT (4.631615681836696 51.81015174905353)</t>
  </si>
  <si>
    <t>POINT (4.6148191475133755 51.81526262227476)</t>
  </si>
  <si>
    <t>POINT (4.627098393492921 51.8128555398812)</t>
  </si>
  <si>
    <t>POINT (4.643400867765084 51.81916556271056)</t>
  </si>
  <si>
    <t>POINT (4.657728343033063 51.822399540559765)</t>
  </si>
  <si>
    <t>POINT (4.640591933171991 51.81986847648691)</t>
  </si>
  <si>
    <t>POINT (4.65476144209168 51.81986680370981)</t>
  </si>
  <si>
    <t>POINT (4.65449875880365 51.816421446921424)</t>
  </si>
  <si>
    <t>POINT (4.626744845941209 51.8082464609005)</t>
  </si>
  <si>
    <t>POINT (4.618346993121686 51.81502499855211)</t>
  </si>
  <si>
    <t>POINT (4.606141450065421 51.8185499561902)</t>
  </si>
  <si>
    <t>POINT (4.632372219850791 51.82543573126947)</t>
  </si>
  <si>
    <t>POINT (4.621876249854923 51.81513681328624)</t>
  </si>
  <si>
    <t>POINT (4.63949535622676 51.82574222961204)</t>
  </si>
  <si>
    <t>POINT (4.611210158272275 51.81932892497103)</t>
  </si>
  <si>
    <t>POINT (4.563978180123397 51.834994036588675)</t>
  </si>
  <si>
    <t>POINT (4.595420708279909 51.815515285433214)</t>
  </si>
  <si>
    <t>POINT (4.602201929208328 51.81876580088777)</t>
  </si>
  <si>
    <t>POINT (4.643291671307905 51.82302777782705)</t>
  </si>
  <si>
    <t>POINT (4.6118162539121315 51.819960631127785)</t>
  </si>
  <si>
    <t>POINT (4.649654792320192 51.822222559324416)</t>
  </si>
  <si>
    <t>POINT (4.651710980551515 51.82456732366905)</t>
  </si>
  <si>
    <t>POINT (4.641145396851739 51.825594474398244)</t>
  </si>
  <si>
    <t>POINT (4.631960002894579 51.81156943579704)</t>
  </si>
  <si>
    <t>POINT (4.608373119620265 51.82173225103536)</t>
  </si>
  <si>
    <t>POINT (4.639674185220371 51.810918834614874)</t>
  </si>
  <si>
    <t>POINT (4.632755338207561 51.825207050210565)</t>
  </si>
  <si>
    <t>POINT (4.634246870100275 51.809598714619966)</t>
  </si>
  <si>
    <t>POINT (4.608470287744127 51.819729984044685)</t>
  </si>
  <si>
    <t>POINT (4.630588741641034 51.8104393686134)</t>
  </si>
  <si>
    <t>POINT (4.613789204589617 51.819883789127665)</t>
  </si>
  <si>
    <t>POINT (4.6238727411508185 51.813246671964166)</t>
  </si>
  <si>
    <t>POINT (4.643653574845262 51.82682892302274)</t>
  </si>
  <si>
    <t>POINT (4.647510548429817 51.821517961219364)</t>
  </si>
  <si>
    <t>POINT (4.648913995485149 51.824563678126815)</t>
  </si>
  <si>
    <t>POINT (4.629207099325552 51.811581825231976)</t>
  </si>
  <si>
    <t>POINT (4.63932725999781 51.81402898015321)</t>
  </si>
  <si>
    <t>POINT (4.6129973840337515 51.81583637702545)</t>
  </si>
  <si>
    <t>POINT (4.618545822188066 51.815548302825576)</t>
  </si>
  <si>
    <t>POINT (4.648499175931704 51.826320305637374)</t>
  </si>
  <si>
    <t>POINT (4.635229629699647 51.81996776874292)</t>
  </si>
  <si>
    <t>POINT (4.661415755821947 51.82659643334919)</t>
  </si>
  <si>
    <t>POINT (4.56298545359365 51.83590948689078)</t>
  </si>
  <si>
    <t>POINT (4.649933203276786 51.81372715903723)</t>
  </si>
  <si>
    <t>POINT (4.56956379528969 51.83383684383578)</t>
  </si>
  <si>
    <t>POINT (4.658139895305056 51.819133590123876)</t>
  </si>
  <si>
    <t>POINT (4.627761420850132 51.81540756571298)</t>
  </si>
  <si>
    <t>POINT (4.641988743560897 51.819361888449116)</t>
  </si>
  <si>
    <t>POINT (4.654996855890617 51.82100463052316)</t>
  </si>
  <si>
    <t>POINT (4.641141179614328 51.82555129290903)</t>
  </si>
  <si>
    <t>POINT (4.646025002845876 51.82278515352252)</t>
  </si>
  <si>
    <t>POINT (4.6357017314691324 51.82145097925909)</t>
  </si>
  <si>
    <t>POINT (4.6572240045561974 51.82105061126828)</t>
  </si>
  <si>
    <t>POINT (4.658384057351835 51.82225877960634)</t>
  </si>
  <si>
    <t>POINT (4.631959041961959 51.80729909043097)</t>
  </si>
  <si>
    <t>POINT (4.65658768625587 51.821407682114256)</t>
  </si>
  <si>
    <t>POINT (4.634136722211923 51.81150695781505)</t>
  </si>
  <si>
    <t>POINT (4.649668147475337 51.81579693725517)</t>
  </si>
  <si>
    <t>POINT (4.6538534612641085 51.8219725567587)</t>
  </si>
  <si>
    <t>POINT (4.63236581210803 51.809047351790625)</t>
  </si>
  <si>
    <t>POINT (4.631068363541637 51.81742975116109)</t>
  </si>
  <si>
    <t>POINT (4.5986040494480696 51.81570724541089)</t>
  </si>
  <si>
    <t>POINT (4.613969396264541 51.822170600084)</t>
  </si>
  <si>
    <t>POINT (4.602348267083396 51.81837053847591)</t>
  </si>
  <si>
    <t>POINT (4.562505350864363 51.83720446765542)</t>
  </si>
  <si>
    <t>POINT (4.658218217124689 51.826313555768884)</t>
  </si>
  <si>
    <t>POINT (4.636511016609719 51.81891633029939)</t>
  </si>
  <si>
    <t>POINT (4.629675562602235 51.8150098003395)</t>
  </si>
  <si>
    <t>POINT (4.634289199909409 51.80902895820736)</t>
  </si>
  <si>
    <t>POINT (4.635753546161136 51.80775171885885)</t>
  </si>
  <si>
    <t>POINT (4.560818219079308 51.83356573230443)</t>
  </si>
  <si>
    <t>POINT (4.566903661239524 51.83872131179538)</t>
  </si>
  <si>
    <t>POINT (4.6167648614713785 51.822025757768955)</t>
  </si>
  <si>
    <t>POINT (4.654326885418347 51.81633828007948)</t>
  </si>
  <si>
    <t>POINT (4.636680122793521 51.821920472214416)</t>
  </si>
  <si>
    <t>POINT (4.636639555745147 51.81454412297725)</t>
  </si>
  <si>
    <t>POINT (4.560427820321377 51.83597387424803)</t>
  </si>
  <si>
    <t>POINT (4.634705312737921 51.82177493851434)</t>
  </si>
  <si>
    <t>POINT (4.57057866141305 51.83686749607925)</t>
  </si>
  <si>
    <t>POINT (4.637036539191322 51.81145852032272)</t>
  </si>
  <si>
    <t>POINT (4.620892391963858 51.814798367751536)</t>
  </si>
  <si>
    <t>POINT (4.65412332989862 51.82406090129906)</t>
  </si>
  <si>
    <t>POINT (4.656201529131739 51.822935977418055)</t>
  </si>
  <si>
    <t>POINT (4.604867569822164 51.820596716390135)</t>
  </si>
  <si>
    <t>POINT (4.658785198382592 51.82833997572187)</t>
  </si>
  <si>
    <t>POINT (4.566925098721702 51.83556762647107)</t>
  </si>
  <si>
    <t>POINT (4.570260152695349 51.83228503951273)</t>
  </si>
  <si>
    <t>POINT (4.632380606749724 51.813980055032765)</t>
  </si>
  <si>
    <t>POINT (4.645766073216824 51.81638504586021)</t>
  </si>
  <si>
    <t>POINT (4.623825162147938 51.81341181774362)</t>
  </si>
  <si>
    <t>POINT (4.608151107605957 51.813715316238884)</t>
  </si>
  <si>
    <t>POINT (4.641665117680277 51.82596739146406)</t>
  </si>
  <si>
    <t>POINT (4.639628539577963 51.825814672846086)</t>
  </si>
  <si>
    <t>POINT (4.628673674728207 51.81224708467724)</t>
  </si>
  <si>
    <t>POINT (4.654643796290743 51.81717789618105)</t>
  </si>
  <si>
    <t>POINT (4.6521750363772085 51.82421764975707)</t>
  </si>
  <si>
    <t>POINT (4.639200302818223 51.810283738247044)</t>
  </si>
  <si>
    <t>POINT (4.6627042393675575 51.8221064904348)</t>
  </si>
  <si>
    <t>POINT (4.654528666953698 51.82716116324659)</t>
  </si>
  <si>
    <t>POINT (4.6435312929693575 51.815375282028995)</t>
  </si>
  <si>
    <t>POINT (4.638482922297612 51.81688232632572)</t>
  </si>
  <si>
    <t>POINT (4.620827865262123 51.81316832796275)</t>
  </si>
  <si>
    <t>POINT (4.6550750253509525 51.82698903256186)</t>
  </si>
  <si>
    <t>POINT (4.641890337853738 51.819401083473686)</t>
  </si>
  <si>
    <t>POINT (4.660428923382664 51.825154818774095)</t>
  </si>
  <si>
    <t>POINT (4.599410970662592 51.81328201190759)</t>
  </si>
  <si>
    <t>POINT (4.563020457298223 51.83161974389884)</t>
  </si>
  <si>
    <t>POINT (4.651137304375885 51.82063986263935)</t>
  </si>
  <si>
    <t>POINT (4.61455527544106 51.81566500917597)</t>
  </si>
  <si>
    <t>POINT (4.562182898408982 51.83283535963148)</t>
  </si>
  <si>
    <t>POINT (4.645422302713485 51.81645395608256)</t>
  </si>
  <si>
    <t>POINT (4.646702967814735 51.81457819362167)</t>
  </si>
  <si>
    <t>POINT (4.652527052240725 51.81533339029685)</t>
  </si>
  <si>
    <t>POINT (4.656964031067334 51.82686855845738)</t>
  </si>
  <si>
    <t>POINT (4.650884746004718 51.82271524825989)</t>
  </si>
  <si>
    <t>POINT (4.604758772291791 51.815935048510596)</t>
  </si>
  <si>
    <t>POINT (4.637091555198206 51.814756027246)</t>
  </si>
  <si>
    <t>POINT (4.6512785808081265 51.82190030564262)</t>
  </si>
  <si>
    <t>POINT (4.630925207949977 51.81306008367397)</t>
  </si>
  <si>
    <t>POINT (4.634900614901029 51.82552076359247)</t>
  </si>
  <si>
    <t>POINT (4.582381624922316 51.824431161985764)</t>
  </si>
  <si>
    <t>POINT (4.61410561614249 51.82155056602878)</t>
  </si>
  <si>
    <t>POINT (4.66343363704368 51.82096733497895)</t>
  </si>
  <si>
    <t>POINT (4.612416491747979 51.82017636042272)</t>
  </si>
  <si>
    <t>POINT (4.611060142929865 51.81546078695597)</t>
  </si>
  <si>
    <t>POINT (4.5661196040726875 51.837113919818236)</t>
  </si>
  <si>
    <t>POINT (4.64669138260748 51.820776837992206)</t>
  </si>
  <si>
    <t>POINT (4.646303870984124 51.81861099490334)</t>
  </si>
  <si>
    <t>POINT (4.631678182958232 51.80807905779723)</t>
  </si>
  <si>
    <t>POINT (4.657514004372185 51.81955019979861)</t>
  </si>
  <si>
    <t>POINT (4.611368142683712 51.81510589929934)</t>
  </si>
  <si>
    <t>POINT (4.612598992230637 51.81476579794044)</t>
  </si>
  <si>
    <t>POINT (4.640782943826732 51.82319131840928)</t>
  </si>
  <si>
    <t>POINT (4.61941655925826 51.83036780802551)</t>
  </si>
  <si>
    <t>POINT (4.654084814072996 51.82063672025099)</t>
  </si>
  <si>
    <t>POINT (4.651982151732985 51.819964696848274)</t>
  </si>
  <si>
    <t>POINT (4.65673236747389 51.824572614462)</t>
  </si>
  <si>
    <t>POINT (4.622056819499145 51.811363655616525)</t>
  </si>
  <si>
    <t>POINT (4.568533059303385 51.8361419151652)</t>
  </si>
  <si>
    <t>POINT (4.620924855834158 51.81490717240994)</t>
  </si>
  <si>
    <t>POINT (4.646334089685516 51.81650499168033)</t>
  </si>
  <si>
    <t>POINT (4.607338426559943 51.82525475593232)</t>
  </si>
  <si>
    <t>POINT (4.647030233633356 51.826238297306716)</t>
  </si>
  <si>
    <t>POINT (4.624126960079452 51.81127109547518)</t>
  </si>
  <si>
    <t>POINT (4.637380405646426 51.81166659532397)</t>
  </si>
  <si>
    <t>POINT (4.65191679446991 51.81797926236951)</t>
  </si>
  <si>
    <t>POINT (4.625621443520451 51.81362592371155)</t>
  </si>
  <si>
    <t>POINT (4.626458899757219 51.811179504204134)</t>
  </si>
  <si>
    <t>POINT (4.6274446690667785 51.80664246309337)</t>
  </si>
  <si>
    <t>POINT (4.639749896695505 51.82597657693035)</t>
  </si>
  <si>
    <t>POINT (4.646978540695194 51.8237649062761)</t>
  </si>
  <si>
    <t>POINT (4.655176902131879 51.82333291332748)</t>
  </si>
  <si>
    <t>POINT (4.638641585001346 51.814104221364055)</t>
  </si>
  <si>
    <t>POINT (4.653055484168035 51.81549674077548)</t>
  </si>
  <si>
    <t>POINT (4.632747869809441 51.80779042734542)</t>
  </si>
  <si>
    <t>POINT (4.659026539256641 51.82910559976628)</t>
  </si>
  <si>
    <t>POINT (4.6151568844151445 51.814142530889896)</t>
  </si>
  <si>
    <t>POINT (4.610854110616034 51.82078663492545)</t>
  </si>
  <si>
    <t>POINT (4.626811494360211 51.81161168373305)</t>
  </si>
  <si>
    <t>POINT (4.62951330922755 51.813622954662634)</t>
  </si>
  <si>
    <t>POINT (4.656332890317647 51.818701195446735)</t>
  </si>
  <si>
    <t>POINT (4.642791280003005 51.82168775351617)</t>
  </si>
  <si>
    <t>POINT (4.568311449006951 51.8346446336402)</t>
  </si>
  <si>
    <t>POINT (4.6463475860998935 51.82593886516958)</t>
  </si>
  <si>
    <t>POINT (4.621832311226035 51.81498960618836)</t>
  </si>
  <si>
    <t>POINT (4.637480274172077 51.820170237949576)</t>
  </si>
  <si>
    <t>POINT (4.5948487491427175 51.81384644972985)</t>
  </si>
  <si>
    <t>POINT (4.606908071749222 51.81379141682465)</t>
  </si>
  <si>
    <t>POINT (4.5966601881259965 51.81586915967436)</t>
  </si>
  <si>
    <t>POINT (4.611064436631883 51.818391309720475)</t>
  </si>
  <si>
    <t>POINT (4.652320266236566 51.8157838849929)</t>
  </si>
  <si>
    <t>POINT (4.641493105436842 51.82420946894634)</t>
  </si>
  <si>
    <t>POINT (4.629192495494552 51.80622106817091)</t>
  </si>
  <si>
    <t>POINT (4.562350548172908 51.83676203255943)</t>
  </si>
  <si>
    <t>POINT (4.626298669969262 51.827493587437715)</t>
  </si>
  <si>
    <t>POINT (4.6147503293994685 51.81771895720992)</t>
  </si>
  <si>
    <t>POINT (4.616766796581469 51.81440762686206)</t>
  </si>
  <si>
    <t>POINT (4.659170355897654 51.822425123147866)</t>
  </si>
  <si>
    <t>POINT (4.633482608257751 51.80882423071939)</t>
  </si>
  <si>
    <t>POINT (4.656038784576369 51.820998982386776)</t>
  </si>
  <si>
    <t>POINT (4.646716295609957 51.82390881482425)</t>
  </si>
  <si>
    <t>POINT (4.635527969375356 51.82105840881678)</t>
  </si>
  <si>
    <t>POINT (4.634738161355023 51.81728934810148)</t>
  </si>
  <si>
    <t>POINT (4.636381609019223 51.82545490339349)</t>
  </si>
  <si>
    <t>POINT (4.658762154353648 51.82409266797431)</t>
  </si>
  <si>
    <t>POINT (4.632493429548959 51.80898695052981)</t>
  </si>
  <si>
    <t>POINT (4.643646442381335 51.819985503142235)</t>
  </si>
  <si>
    <t>POINT (4.657276675072595 51.826495073259345)</t>
  </si>
  <si>
    <t>POINT (4.636360697594117 51.82208750651365)</t>
  </si>
  <si>
    <t>POINT (4.633449443365761 51.826053094073295)</t>
  </si>
  <si>
    <t>POINT (4.56833210691602 51.83577997511257)</t>
  </si>
  <si>
    <t>POINT (4.605138664779707 51.81462341048081)</t>
  </si>
  <si>
    <t>POINT (4.61887203480688 51.81858191024347)</t>
  </si>
  <si>
    <t>POINT (4.62973426368383 51.8075584832769)</t>
  </si>
  <si>
    <t>POINT (4.616786597953834 51.814472655417646)</t>
  </si>
  <si>
    <t>POINT (4.614788910115982 51.8151618394706)</t>
  </si>
  <si>
    <t>POINT (4.607995106695249 51.81590353007842)</t>
  </si>
  <si>
    <t>POINT (4.624041869181798 51.81144991196666)</t>
  </si>
  <si>
    <t>POINT (4.632769361099894 51.82579829977696)</t>
  </si>
  <si>
    <t>POINT (4.638397959333438 51.82406543187614)</t>
  </si>
  <si>
    <t>POINT (4.567895901207016 51.83720532351478)</t>
  </si>
  <si>
    <t>POINT (4.644690588618526 51.816337770209564)</t>
  </si>
  <si>
    <t>POINT (4.652193408297613 51.817693707711406)</t>
  </si>
  <si>
    <t>POINT (4.647158074794042 51.82372695560995)</t>
  </si>
  <si>
    <t>POINT (4.641784654430961 51.82610563261359)</t>
  </si>
  <si>
    <t>POINT (4.636121101348565 51.818197643087274)</t>
  </si>
  <si>
    <t>POINT (4.602697422513799 51.81316414572479)</t>
  </si>
  <si>
    <t>POINT (4.639244135007185 51.809867939492456)</t>
  </si>
  <si>
    <t>POINT (4.6353739785107395 51.824098990027466)</t>
  </si>
  <si>
    <t>POINT (4.646974709362197 51.81843131937493)</t>
  </si>
  <si>
    <t>POINT (4.620870098455077 51.81146096295685)</t>
  </si>
  <si>
    <t>POINT (4.652309222728232 51.82425712334143)</t>
  </si>
  <si>
    <t>POINT (4.65561941019066 51.81742272131474)</t>
  </si>
  <si>
    <t>POINT (4.6487555851223865 51.82691640330085)</t>
  </si>
  <si>
    <t>POINT (4.642850971829054 51.81637711854116)</t>
  </si>
  <si>
    <t>POINT (4.634633580996438 51.82432143426643)</t>
  </si>
  <si>
    <t>POINT (4.643384952603985 51.81953234426136)</t>
  </si>
  <si>
    <t>POINT (4.596430824351418 51.80910670597156)</t>
  </si>
  <si>
    <t>POINT (4.631147281142959 51.8076230475605)</t>
  </si>
  <si>
    <t>POINT (4.65503471461639 51.821033100144504)</t>
  </si>
  <si>
    <t>POINT (4.618446903831442 51.821430462749134)</t>
  </si>
  <si>
    <t>POINT (4.612743166649996 51.818947700340566)</t>
  </si>
  <si>
    <t>POINT (4.628922479558693 51.8064874480089)</t>
  </si>
  <si>
    <t>POINT (4.658879430612331 51.82362509489292)</t>
  </si>
  <si>
    <t>POINT (4.6536676991764265 51.82197062289373)</t>
  </si>
  <si>
    <t>POINT (4.564184349521273 51.83482365334453)</t>
  </si>
  <si>
    <t>POINT (4.612673529458664 51.81316908348521)</t>
  </si>
  <si>
    <t>POINT (4.633948621068186 51.805377148527796)</t>
  </si>
  <si>
    <t>POINT (4.647894107261953 51.82379537779467)</t>
  </si>
  <si>
    <t>POINT (4.60807095101781 51.82246239469261)</t>
  </si>
  <si>
    <t>POINT (4.628581663231183 51.81299586977052)</t>
  </si>
  <si>
    <t>POINT (4.638317734547668 51.82248149013733)</t>
  </si>
  <si>
    <t>POINT (4.628502528854455 51.80930647126498)</t>
  </si>
  <si>
    <t>POINT (4.607419556848623 51.82207572445327)</t>
  </si>
  <si>
    <t>POINT (4.617046806879452 51.811504570746514)</t>
  </si>
  <si>
    <t>POINT (4.632794943676306 51.80718861207046)</t>
  </si>
  <si>
    <t>POINT (4.654758598496642 51.81732736644224)</t>
  </si>
  <si>
    <t>POINT (4.634792433650813 51.82043654976816)</t>
  </si>
  <si>
    <t>POINT (4.644559589337047 51.81521925116336)</t>
  </si>
  <si>
    <t>POINT (4.609225144597386 51.821382290189874)</t>
  </si>
  <si>
    <t>POINT (4.632411695270558 51.809709863277725)</t>
  </si>
  <si>
    <t>POINT (4.641373513414697 51.819942775690926)</t>
  </si>
  <si>
    <t>POINT (4.659075056785315 51.82076767646332)</t>
  </si>
  <si>
    <t>POINT (4.56550259172851 51.838497707214216)</t>
  </si>
  <si>
    <t>POINT (4.621850646509589 51.81249923115372)</t>
  </si>
  <si>
    <t>POINT (4.6529180376933015 51.82113835640505)</t>
  </si>
  <si>
    <t>POINT (4.651303070854087 51.822464085462386)</t>
  </si>
  <si>
    <t>POINT (4.602621684724931 51.81982761478144)</t>
  </si>
  <si>
    <t>POINT (4.599412062498518 51.81321454977523)</t>
  </si>
  <si>
    <t>POINT (4.613364796454115 51.81808073102245)</t>
  </si>
  <si>
    <t>POINT (4.654251447115563 51.81764910517075)</t>
  </si>
  <si>
    <t>POINT (4.6214670515378184 51.80969122357164)</t>
  </si>
  <si>
    <t>POINT (4.65283762935005 51.81806213286972)</t>
  </si>
  <si>
    <t>POINT (4.6041407687599705 51.81342774453864)</t>
  </si>
  <si>
    <t>POINT (4.653616356919401 51.820718160890365)</t>
  </si>
  <si>
    <t>POINT (4.643319307913053 51.819461088330875)</t>
  </si>
  <si>
    <t>POINT (4.659948142467431 51.828549845237895)</t>
  </si>
  <si>
    <t>POINT (4.6380937862200895 51.82415211941268)</t>
  </si>
  <si>
    <t>POINT (4.611909943312717 51.813464498370514)</t>
  </si>
  <si>
    <t>POINT (4.6396711485819955 51.81895165607599)</t>
  </si>
  <si>
    <t>POINT (4.620004685149105 51.8302042478812)</t>
  </si>
  <si>
    <t>POINT (4.632486720975882 51.809030817239275)</t>
  </si>
  <si>
    <t>POINT (4.569352653433969 51.83339292002058)</t>
  </si>
  <si>
    <t>POINT (4.644332721032391 51.820359059440314)</t>
  </si>
  <si>
    <t>POINT (4.629940182849015 51.81488093820462)</t>
  </si>
  <si>
    <t>POINT (4.614448456172691 51.8315923041971)</t>
  </si>
  <si>
    <t>POINT (4.619084883246537 51.81347044078823)</t>
  </si>
  <si>
    <t>POINT (4.657494147140726 51.82098557718336)</t>
  </si>
  <si>
    <t>POINT (4.652458562690624 51.815905118421774)</t>
  </si>
  <si>
    <t>POINT (4.606702400179867 51.81373189200573)</t>
  </si>
  <si>
    <t>POINT (4.655847773364494 51.820713821945176)</t>
  </si>
  <si>
    <t>POINT (4.665419277924311 51.822539348898786)</t>
  </si>
  <si>
    <t>POINT (4.651016234765487 51.8169250864827)</t>
  </si>
  <si>
    <t>POINT (4.6555524478658326 51.8206324494513)</t>
  </si>
  <si>
    <t>POINT (4.599524454990342 51.81323775809748)</t>
  </si>
  <si>
    <t>POINT (4.660569772855886 51.82718835244905)</t>
  </si>
  <si>
    <t>POINT (4.642098579127644 51.816241046134415)</t>
  </si>
  <si>
    <t>POINT (4.65428740895471 51.82053348317295)</t>
  </si>
  <si>
    <t>POINT (4.643108991614891 51.81872957670896)</t>
  </si>
  <si>
    <t>POINT (4.6575344774947 51.82748092660604)</t>
  </si>
  <si>
    <t>POINT (4.644826226249154 51.81501735323816)</t>
  </si>
  <si>
    <t>POINT (4.649535710545837 51.82214873296033)</t>
  </si>
  <si>
    <t>POINT (4.634843550300314 51.818409054030006)</t>
  </si>
  <si>
    <t>POINT (4.55924786515607 51.834493928410375)</t>
  </si>
  <si>
    <t>POINT (4.609029308902336 51.81311553643138)</t>
  </si>
  <si>
    <t>POINT (4.658225826634868 51.829390873895555)</t>
  </si>
  <si>
    <t>POINT (4.647105536616143 51.82296899516385)</t>
  </si>
  <si>
    <t>POINT (4.568995432787636 51.83808834269848)</t>
  </si>
  <si>
    <t>POINT (4.635011829401672 51.8076383380318)</t>
  </si>
  <si>
    <t>POINT (4.64396090949785 51.82279066244192)</t>
  </si>
  <si>
    <t>POINT (4.634297326888237 51.821364630680144)</t>
  </si>
  <si>
    <t>POINT (4.637537143954442 51.82279707063316)</t>
  </si>
  <si>
    <t>POINT (4.6191537349097205 51.81329962936991)</t>
  </si>
  <si>
    <t>POINT (4.597067856906153 51.81338582697762)</t>
  </si>
  <si>
    <t>POINT (4.658919040431947 51.82600780610711)</t>
  </si>
  <si>
    <t>POINT (4.6429255701051115 51.81523287233087)</t>
  </si>
  <si>
    <t>POINT (4.646922612594403 51.81932767537659)</t>
  </si>
  <si>
    <t>POINT (4.606249272986584 51.815567917510116)</t>
  </si>
  <si>
    <t>POINT (4.644436402605589 51.815983301565645)</t>
  </si>
  <si>
    <t>POINT (4.652139742501911 51.82421330292564)</t>
  </si>
  <si>
    <t>POINT (4.653827277016951 51.8184309247037)</t>
  </si>
  <si>
    <t>POINT (4.641314282195847 51.820854086326655)</t>
  </si>
  <si>
    <t>POINT (4.639152964269824 51.80996599139486)</t>
  </si>
  <si>
    <t>POINT (4.629688848027063 51.81323781609251)</t>
  </si>
  <si>
    <t>POINT (4.638000490407433 51.82551398461064)</t>
  </si>
  <si>
    <t>POINT (4.62609125467215 51.81223200882122)</t>
  </si>
  <si>
    <t>POINT (4.620448813799848 51.81229740686172)</t>
  </si>
  <si>
    <t>POINT (4.643682390651624 51.820059842635565)</t>
  </si>
  <si>
    <t>POINT (4.633348384998371 51.80930066005877)</t>
  </si>
  <si>
    <t>POINT (4.638727570201102 51.82537126276743)</t>
  </si>
  <si>
    <t>POINT (4.612742376862413 51.821024736140274)</t>
  </si>
  <si>
    <t>POINT (4.657800787692095 51.82183356940075)</t>
  </si>
  <si>
    <t>POINT (4.634336182317704 51.80946145479556)</t>
  </si>
  <si>
    <t>POINT (4.6340759738267705 51.810685773066204)</t>
  </si>
  <si>
    <t>POINT (4.638176163315602 51.82410327026746)</t>
  </si>
  <si>
    <t>POINT (4.652777931879408 51.82452670620951)</t>
  </si>
  <si>
    <t>POINT (4.609072253428701 51.814789881829896)</t>
  </si>
  <si>
    <t>POINT (4.633929914252938 51.8127516720199)</t>
  </si>
  <si>
    <t>POINT (4.65487384849734 51.817052933073434)</t>
  </si>
  <si>
    <t>POINT (4.656269614457185 51.828351798376325)</t>
  </si>
  <si>
    <t>POINT (4.626593600944122 51.8140249275613)</t>
  </si>
  <si>
    <t>POINT (4.5640442652755695 51.83546123173104)</t>
  </si>
  <si>
    <t>POINT (4.639124059266346 51.825587388647534)</t>
  </si>
  <si>
    <t>POINT (4.565464999869408 51.833142929410705)</t>
  </si>
  <si>
    <t>POINT (4.636505795233982 51.824240058128275)</t>
  </si>
  <si>
    <t>POINT (4.616460513885321 51.815104263943184)</t>
  </si>
  <si>
    <t>POINT (4.650289921895924 51.81413490638366)</t>
  </si>
  <si>
    <t>POINT (4.648671649993394 51.81793575823488)</t>
  </si>
  <si>
    <t>POINT (4.563868827812742 51.83683580994023)</t>
  </si>
  <si>
    <t>POINT (4.617617592175958 51.81403868536519)</t>
  </si>
  <si>
    <t>POINT (4.619445116886612 51.83040063278692)</t>
  </si>
  <si>
    <t>POINT (4.601975520282216 51.81968759947009)</t>
  </si>
  <si>
    <t>POINT (4.635641005939278 51.80887240255009)</t>
  </si>
  <si>
    <t>POINT (4.6383305100046535 51.81895297888717)</t>
  </si>
  <si>
    <t>POINT (4.641313185886577 51.816600854270334)</t>
  </si>
  <si>
    <t>POINT (4.647403598131518 51.81544443029216)</t>
  </si>
  <si>
    <t>POINT (4.606520319003811 51.81882557249209)</t>
  </si>
  <si>
    <t>POINT (4.655877040683427 51.827191522400256)</t>
  </si>
  <si>
    <t>POINT (4.656382975419084 51.81739129918978)</t>
  </si>
  <si>
    <t>POINT (4.619301169726343 51.81557427240873)</t>
  </si>
  <si>
    <t>POINT (4.625088667048623 51.813838194048685)</t>
  </si>
  <si>
    <t>POINT (4.635983005387839 51.810141398079566)</t>
  </si>
  <si>
    <t>POINT (4.607871788263352 51.81734221071992)</t>
  </si>
  <si>
    <t>POINT (4.632746613042504 51.81783575825179)</t>
  </si>
  <si>
    <t>POINT (4.6369954435840715 51.81468995715088)</t>
  </si>
  <si>
    <t>POINT (4.624397376464476 51.813886619159746)</t>
  </si>
  <si>
    <t>POINT (4.6179588234012865 51.81972182735741)</t>
  </si>
  <si>
    <t>POINT (4.639693761894355 51.82585037782382)</t>
  </si>
  <si>
    <t>POINT (4.655222160647818 51.82613547795567)</t>
  </si>
  <si>
    <t>POINT (4.635935595041371 51.82358109814298)</t>
  </si>
  <si>
    <t>POINT (4.567460781307875 51.83478643533754)</t>
  </si>
  <si>
    <t>POINT (4.651082793508765 51.815021547059715)</t>
  </si>
  <si>
    <t>POINT (4.626967850543465 51.81558923095974)</t>
  </si>
  <si>
    <t>POINT (4.6454454567057075 51.81435310318726)</t>
  </si>
  <si>
    <t>POINT (4.610498703729904 51.822035782678654)</t>
  </si>
  <si>
    <t>POINT (4.640171499111025 51.82253328536634)</t>
  </si>
  <si>
    <t>POINT (4.6371204416985545 51.80823354913973)</t>
  </si>
  <si>
    <t>POINT (4.612769298577296 51.819745720424635)</t>
  </si>
  <si>
    <t>POINT (4.630478387643188 51.813597280843986)</t>
  </si>
  <si>
    <t>POINT (4.631087965472875 51.80725003819821)</t>
  </si>
  <si>
    <t>POINT (4.561402274578785 51.835065588685005)</t>
  </si>
  <si>
    <t>POINT (4.565029175204181 51.83634311649389)</t>
  </si>
  <si>
    <t>POINT (4.639883105435992 51.80905801141835)</t>
  </si>
  <si>
    <t>POINT (4.565759251102733 51.83678758831667)</t>
  </si>
  <si>
    <t>POINT (4.615393122911193 51.81328225514835)</t>
  </si>
  <si>
    <t>POINT (4.657576001939164 51.82185978543586)</t>
  </si>
  <si>
    <t>POINT (4.662057267404199 51.82520564467794)</t>
  </si>
  <si>
    <t>POINT (4.6539834308672745 51.818410039902716)</t>
  </si>
  <si>
    <t>POINT (4.630674730840181 51.8064156038861)</t>
  </si>
  <si>
    <t>POINT (4.610645654274481 51.818691791922404)</t>
  </si>
  <si>
    <t>POINT (4.64105081134279 51.825616722394855)</t>
  </si>
  <si>
    <t>POINT (4.600861362839693 51.81050257942139)</t>
  </si>
  <si>
    <t>POINT (4.660172099855113 51.823294964281885)</t>
  </si>
  <si>
    <t>POINT (4.648227317741228 51.824050795210226)</t>
  </si>
  <si>
    <t>POINT (4.63963895084803 51.824069387549486)</t>
  </si>
  <si>
    <t>POINT (4.640162537782201 51.823725056699764)</t>
  </si>
  <si>
    <t>POINT (4.607920892581593 51.81886181995944)</t>
  </si>
  <si>
    <t>POINT (4.563438231448515 51.83462828984906)</t>
  </si>
  <si>
    <t>POINT (4.604878142395091 51.82260991932272)</t>
  </si>
  <si>
    <t>POINT (4.644490045756045 51.817558334218916)</t>
  </si>
  <si>
    <t>POINT (4.6409615352692075 51.82293714829265)</t>
  </si>
  <si>
    <t>POINT (4.640548895573294 51.8137296242317)</t>
  </si>
  <si>
    <t>POINT (4.63502854532044 51.82137216858596)</t>
  </si>
  <si>
    <t>POINT (4.611758395622683 51.81850040889241)</t>
  </si>
  <si>
    <t>POINT (4.620260534456578 51.81972250922326)</t>
  </si>
  <si>
    <t>POINT (4.635750650616633 51.816386008182675)</t>
  </si>
  <si>
    <t>POINT (4.653783051590198 51.827088408545656)</t>
  </si>
  <si>
    <t>POINT (4.659114958543596 51.829764783799966)</t>
  </si>
  <si>
    <t>POINT (4.648040530905631 51.82548528222731)</t>
  </si>
  <si>
    <t>POINT (4.62905170865804 51.80723570386306)</t>
  </si>
  <si>
    <t>POINT (4.626842332746221 51.81365942246719)</t>
  </si>
  <si>
    <t>POINT (4.621675388478626 51.814463704596626)</t>
  </si>
  <si>
    <t>POINT (4.608684769213199 51.816482163200355)</t>
  </si>
  <si>
    <t>POINT (4.601752683150658 51.815684379487685)</t>
  </si>
  <si>
    <t>POINT (4.603219918152007 51.81356543394347)</t>
  </si>
  <si>
    <t>POINT (4.5706264706860775 51.8357571979409)</t>
  </si>
  <si>
    <t>POINT (4.597026407602359 51.81433580140302)</t>
  </si>
  <si>
    <t>POINT (4.607252213937359 51.81439405282773)</t>
  </si>
  <si>
    <t>POINT (4.639950870354136 51.82018451994028)</t>
  </si>
  <si>
    <t>POINT (4.608456558657458 51.81354891282325)</t>
  </si>
  <si>
    <t>POINT (4.620242172610078 51.813486845978126)</t>
  </si>
  <si>
    <t>POINT (4.65610728889651 51.82285726985129)</t>
  </si>
  <si>
    <t>POINT (4.644350795488167 51.8196143800125)</t>
  </si>
  <si>
    <t>POINT (4.636438718211265 51.822036230733175)</t>
  </si>
  <si>
    <t>POINT (4.620049801077528 51.82033787437208)</t>
  </si>
  <si>
    <t>POINT (4.655282352074362 51.82626468796212)</t>
  </si>
  <si>
    <t>POINT (4.597493464962861 51.81335457961997)</t>
  </si>
  <si>
    <t>POINT (4.616601724476212 51.82239137228101)</t>
  </si>
  <si>
    <t>POINT (4.656920011999177 51.82570159992281)</t>
  </si>
  <si>
    <t>POINT (4.630366304228543 51.80941669059773)</t>
  </si>
  <si>
    <t>POINT (4.60234914945978 51.81536352631004)</t>
  </si>
  <si>
    <t>POINT (4.641185182660886 51.81671290271924)</t>
  </si>
  <si>
    <t>POINT (4.629117856331344 51.82457761293101)</t>
  </si>
  <si>
    <t>POINT (4.649276607577644 51.81727413100886)</t>
  </si>
  <si>
    <t>POINT (4.6372982769445406 51.80832417734966)</t>
  </si>
  <si>
    <t>POINT (4.639331357893405 51.82273024348124)</t>
  </si>
  <si>
    <t>POINT (4.633205544716583 51.80937389918748)</t>
  </si>
  <si>
    <t>POINT (4.6485276277005045 51.82432424263707)</t>
  </si>
  <si>
    <t>POINT (4.653908587052302 51.82497663856853)</t>
  </si>
  <si>
    <t>POINT (4.614206260893026 51.820491081867026)</t>
  </si>
  <si>
    <t>POINT (4.629850066001208 51.81498263917106)</t>
  </si>
  <si>
    <t>POINT (4.567027219472415 51.839000960881144)</t>
  </si>
  <si>
    <t>POINT (4.63730559345205 51.81905196185543)</t>
  </si>
  <si>
    <t>POINT (4.661054227036982 51.82317795446585)</t>
  </si>
  <si>
    <t>POINT (4.654992054169751 51.826726153624)</t>
  </si>
  <si>
    <t>POINT (4.635759966506189 51.810377002244394)</t>
  </si>
  <si>
    <t>POINT (4.622305476490255 51.813094634000535)</t>
  </si>
  <si>
    <t>POINT (4.617331771357966 51.817328155660896)</t>
  </si>
  <si>
    <t>POINT (4.612682205557721 51.81475668429195)</t>
  </si>
  <si>
    <t>POINT (4.633825326402855 51.824736892994935)</t>
  </si>
  <si>
    <t>POINT (4.657365383402136 51.822004478992994)</t>
  </si>
  <si>
    <t>POINT (4.604220956351315 51.82232096295305)</t>
  </si>
  <si>
    <t>POINT (4.617292460940132 51.82055023518944)</t>
  </si>
  <si>
    <t>POINT (4.639804979927153 51.82591078893121)</t>
  </si>
  <si>
    <t>POINT (4.641854181262501 51.82611713921003)</t>
  </si>
  <si>
    <t>POINT (4.65048574152862 51.813945377859696)</t>
  </si>
  <si>
    <t>POINT (4.616081923573313 51.82153991816512)</t>
  </si>
  <si>
    <t>POINT (4.651844322359757 51.821686514282405)</t>
  </si>
  <si>
    <t>POINT (4.652252098915288 51.81577342673877)</t>
  </si>
  <si>
    <t>POINT (4.637162020542144 51.811105517989155)</t>
  </si>
  <si>
    <t>POINT (4.636033813356803 51.82444348172761)</t>
  </si>
  <si>
    <t>POINT (4.632039509468462 51.80982605676852)</t>
  </si>
  <si>
    <t>POINT (4.616655994766882 51.82081711289167)</t>
  </si>
  <si>
    <t>POINT (4.636177905975525 51.82215887575489)</t>
  </si>
  <si>
    <t>POINT (4.649808038255745 51.818489020474594)</t>
  </si>
  <si>
    <t>POINT (4.659671785627769 51.82115780013065)</t>
  </si>
  <si>
    <t>POINT (4.562422961852083 51.83502102532745)</t>
  </si>
  <si>
    <t>POINT (4.629378407832563 51.82426800789495)</t>
  </si>
  <si>
    <t>POINT (4.612071172351829 51.81439609421739)</t>
  </si>
  <si>
    <t>POINT (4.600893596145617 51.814483088927624)</t>
  </si>
  <si>
    <t>POINT (4.611845877688511 51.813357100271894)</t>
  </si>
  <si>
    <t>POINT (4.638020913476412 51.82085941983602)</t>
  </si>
  <si>
    <t>POINT (4.645174148688407 51.81582691811048)</t>
  </si>
  <si>
    <t>POINT (4.656387735155773 51.82713133304628)</t>
  </si>
  <si>
    <t>POINT (4.568947887550589 51.83604932899356)</t>
  </si>
  <si>
    <t>POINT (4.628955370452801 51.80794874949176)</t>
  </si>
  <si>
    <t>POINT (4.62978697488559 51.808727158729305)</t>
  </si>
  <si>
    <t>POINT (4.65577427581409 51.82079982603168)</t>
  </si>
  <si>
    <t>POINT (4.615292618211242 51.81449372325415)</t>
  </si>
  <si>
    <t>POINT (4.639626123537332 51.81465439453309)</t>
  </si>
  <si>
    <t>POINT (4.596702194653309 51.816488299182055)</t>
  </si>
  <si>
    <t>POINT (4.656410162365151 51.81742841196634)</t>
  </si>
  <si>
    <t>POINT (4.615369282812375 51.81829171870534)</t>
  </si>
  <si>
    <t>POINT (4.628021787429819 51.808787634438836)</t>
  </si>
  <si>
    <t>POINT (4.613625136866852 51.82125936569107)</t>
  </si>
  <si>
    <t>POINT (4.63466084941677 51.81009186609623)</t>
  </si>
  <si>
    <t>POINT (4.628835778001577 51.81317635162112)</t>
  </si>
  <si>
    <t>POINT (4.569151742153152 51.83823349455606)</t>
  </si>
  <si>
    <t>POINT (4.569547882733125 51.837933954080995)</t>
  </si>
  <si>
    <t>POINT (4.634786785102161 51.8100687996475)</t>
  </si>
  <si>
    <t>POINT (4.6290471553515395 51.81153128216026)</t>
  </si>
  <si>
    <t>POINT (4.600613261056122 51.813526399794)</t>
  </si>
  <si>
    <t>POINT (4.63543933051468 51.80412849111343)</t>
  </si>
  <si>
    <t>POINT (4.618359193456008 51.818830127807296)</t>
  </si>
  <si>
    <t>POINT (4.642330338739932 51.82042511805404)</t>
  </si>
  <si>
    <t>POINT (4.662130347970152 51.825168703288384)</t>
  </si>
  <si>
    <t>POINT (4.601109884365288 51.81357173192174)</t>
  </si>
  <si>
    <t>POINT (4.625218288313078 51.81338519563338)</t>
  </si>
  <si>
    <t>POINT (4.6564403653915685 51.82665090161485)</t>
  </si>
  <si>
    <t>POINT (4.632864591324327 51.813697703726206)</t>
  </si>
  <si>
    <t>POINT (4.620915936721385 51.814877307589356)</t>
  </si>
  <si>
    <t>POINT (4.649653637752541 51.81755162682164)</t>
  </si>
  <si>
    <t>POINT (4.6420293493579745 51.82195918581465)</t>
  </si>
  <si>
    <t>POINT (4.6583019371075185 51.82531863428796)</t>
  </si>
  <si>
    <t>POINT (4.644793770673687 51.819911841211166)</t>
  </si>
  <si>
    <t>POINT (4.641497099992208 51.81932319739889)</t>
  </si>
  <si>
    <t>POINT (4.563176841670398 51.83517926329156)</t>
  </si>
  <si>
    <t>POINT (4.658259292206942 51.83008429671227)</t>
  </si>
  <si>
    <t>POINT (4.633174713543563 51.80790774111363)</t>
  </si>
  <si>
    <t>POINT (4.632789287075442 51.811129451437374)</t>
  </si>
  <si>
    <t>POINT (4.655924942337715 51.8218864713603)</t>
  </si>
  <si>
    <t>POINT (4.655634395824006 51.8205888078878)</t>
  </si>
  <si>
    <t>POINT (4.647174843161175 51.82731011145269)</t>
  </si>
  <si>
    <t>POINT (4.637230218650437 51.81783746673377)</t>
  </si>
  <si>
    <t>POINT (4.654088793317089 51.818373044515745)</t>
  </si>
  <si>
    <t>POINT (4.632224776525531 51.80921627718785)</t>
  </si>
  <si>
    <t>POINT (4.653112969174497 51.82036956042801)</t>
  </si>
  <si>
    <t>POINT (4.645850043601189 51.81423424945772)</t>
  </si>
  <si>
    <t>POINT (4.566525317392214 51.83819473174332)</t>
  </si>
  <si>
    <t>POINT (4.652420795821051 51.81780843395467)</t>
  </si>
  <si>
    <t>POINT (4.648383897686715 51.824978630821214)</t>
  </si>
  <si>
    <t>POINT (4.625637516768619 51.812278646811606)</t>
  </si>
  <si>
    <t>POINT (4.6295903552112625 51.815113591213404)</t>
  </si>
  <si>
    <t>POINT (4.653663616813966 51.82069116663999)</t>
  </si>
  <si>
    <t>POINT (4.633320133915143 51.81983879144104)</t>
  </si>
  <si>
    <t>POINT (4.629858096299276 51.81350753606498)</t>
  </si>
  <si>
    <t>POINT (4.637663819374391 51.81087317520024)</t>
  </si>
  <si>
    <t>POINT (4.616320288511569 51.81384469732515)</t>
  </si>
  <si>
    <t>POINT (4.643837451788202 51.82089475053641)</t>
  </si>
  <si>
    <t>POINT (4.570290366792003 51.836424907153756)</t>
  </si>
  <si>
    <t>POINT (4.641853986987587 51.826085030392754)</t>
  </si>
  <si>
    <t>POINT (4.639709361745202 51.8185863472197)</t>
  </si>
  <si>
    <t>POINT (4.645661499810132 51.81426672089121)</t>
  </si>
  <si>
    <t>POINT (4.640417569592218 51.82573878845372)</t>
  </si>
  <si>
    <t>POINT (4.619277068183092 51.81531446662839)</t>
  </si>
  <si>
    <t>POINT (4.564366870667024 51.83522271190954)</t>
  </si>
  <si>
    <t>POINT (4.641112864606641 51.81673685628676)</t>
  </si>
  <si>
    <t>POINT (4.639801803598659 51.8177058190791)</t>
  </si>
  <si>
    <t>POINT (4.616101926407019 51.81842319475375)</t>
  </si>
  <si>
    <t>POINT (4.652989197094024 51.81525419782394)</t>
  </si>
  <si>
    <t>POINT (4.638939602102644 51.80940286395863)</t>
  </si>
  <si>
    <t>POINT (4.638333922147261 51.80941285180054)</t>
  </si>
  <si>
    <t>POINT (4.616650022056927 51.816942874388744)</t>
  </si>
  <si>
    <t>POINT (4.651658984959879 51.818434802403786)</t>
  </si>
  <si>
    <t>POINT (4.654633054425315 51.81712403185815)</t>
  </si>
  <si>
    <t>POINT (4.56524728572019 51.836628571363356)</t>
  </si>
  <si>
    <t>POINT (4.6516974156986715 51.81639147449935)</t>
  </si>
  <si>
    <t>POINT (4.626262662083698 51.8129686039219)</t>
  </si>
  <si>
    <t>POINT (4.638764801676084 51.82461427503115)</t>
  </si>
  <si>
    <t>POINT (4.572055426743271 51.83223803268753)</t>
  </si>
  <si>
    <t>POINT (4.614720847476537 51.813549578777646)</t>
  </si>
  <si>
    <t>POINT (4.564074340004526 51.832211668354844)</t>
  </si>
  <si>
    <t>POINT (4.648515895462136 51.81866063250809)</t>
  </si>
  <si>
    <t>POINT (4.640070106503522 51.822087124503035)</t>
  </si>
  <si>
    <t>POINT (4.653558777195413 51.81584334584339)</t>
  </si>
  <si>
    <t>POINT (4.565219163986105 51.83425638822037)</t>
  </si>
  <si>
    <t>POINT (4.600844862162566 51.81414167584778)</t>
  </si>
  <si>
    <t>POINT (4.638851154785489 51.81866494031527)</t>
  </si>
  <si>
    <t>POINT (4.60735928954847 51.82111074436356)</t>
  </si>
  <si>
    <t>POINT (4.632851870752162 51.82031504211336)</t>
  </si>
  <si>
    <t>POINT (4.638193390318121 51.80893819611041)</t>
  </si>
  <si>
    <t>POINT (4.647925483966656 51.823835979555824)</t>
  </si>
  <si>
    <t>POINT (4.61651102316724 51.81382181538744)</t>
  </si>
  <si>
    <t>POINT (4.638489222627482 51.82271236214545)</t>
  </si>
  <si>
    <t>POINT (4.614736252511353 51.81333269240965)</t>
  </si>
  <si>
    <t>POINT (4.61816836446069 51.83003360784101)</t>
  </si>
  <si>
    <t>POINT (4.6585554715312165 51.81889714401834)</t>
  </si>
  <si>
    <t>POINT (4.64435050501761 51.82482096736736)</t>
  </si>
  <si>
    <t>POINT (4.636884514870193 51.81471251072817)</t>
  </si>
  <si>
    <t>POINT (4.641163558321536 51.82259487589336)</t>
  </si>
  <si>
    <t>POINT (4.624445982479875 51.81229521351875)</t>
  </si>
  <si>
    <t>POINT (4.63240329774206 51.82489404767437)</t>
  </si>
  <si>
    <t>POINT (4.612632402162324 51.81331168781786)</t>
  </si>
  <si>
    <t>POINT (4.634878950023884 51.8189993621023)</t>
  </si>
  <si>
    <t>POINT (4.633062819896443 51.824637614932605)</t>
  </si>
  <si>
    <t>POINT (4.6473062825204146 51.81532258629844)</t>
  </si>
  <si>
    <t>POINT (4.615336724642894 51.821560997051016)</t>
  </si>
  <si>
    <t>POINT (4.613314105758243 51.82037351764333)</t>
  </si>
  <si>
    <t>POINT (4.636937526944981 51.82128525096447)</t>
  </si>
  <si>
    <t>POINT (4.610814174185884 51.8147609877126)</t>
  </si>
  <si>
    <t>POINT (4.614004542943295 51.83140432157515)</t>
  </si>
  <si>
    <t>POINT (4.6120944903933 51.81593980083401)</t>
  </si>
  <si>
    <t>POINT (4.639642587957942 51.82430661323482)</t>
  </si>
  <si>
    <t>POINT (4.5909973803623005 51.818812432650304)</t>
  </si>
  <si>
    <t>POINT (4.635695654091013 51.80783215661104)</t>
  </si>
  <si>
    <t>POINT (4.60089347753432 51.814437506259544)</t>
  </si>
  <si>
    <t>POINT (4.657765141669239 51.823632844648714)</t>
  </si>
  <si>
    <t>POINT (4.611401636012129 51.81521845280762)</t>
  </si>
  <si>
    <t>POINT (4.635017765929054 51.819102902809355)</t>
  </si>
  <si>
    <t>POINT (4.648455506010471 51.82708879653607)</t>
  </si>
  <si>
    <t>POINT (4.636770414802711 51.81453526103211)</t>
  </si>
  <si>
    <t>POINT (4.634646263199975 51.81939546740574)</t>
  </si>
  <si>
    <t>POINT (4.639340960640073 51.82565783094589)</t>
  </si>
  <si>
    <t>POINT (4.658797705506301 51.82950120939785)</t>
  </si>
  <si>
    <t>POINT (4.631399529462734 51.80601914427095)</t>
  </si>
  <si>
    <t>POINT (4.658069814340399 51.820910620819184)</t>
  </si>
  <si>
    <t>POINT (4.645351188214889 51.8164683918447)</t>
  </si>
  <si>
    <t>POINT (4.628035583194519 51.81222018101954)</t>
  </si>
  <si>
    <t>POINT (4.653935081362643 51.81778107831048)</t>
  </si>
  <si>
    <t>POINT (4.603131754469667 51.813564844916904)</t>
  </si>
  <si>
    <t>POINT (4.643503199014791 51.8206553046221)</t>
  </si>
  <si>
    <t>POINT (4.600680978996559 51.815008134292654)</t>
  </si>
  <si>
    <t>POINT (4.638813212571616 51.82097731871416)</t>
  </si>
  <si>
    <t>POINT (4.619539921217297 51.813944750772606)</t>
  </si>
  <si>
    <t>POINT (4.636283793665241 51.81642301151856)</t>
  </si>
  <si>
    <t>POINT (4.611545360573609 51.8210046964556)</t>
  </si>
  <si>
    <t>POINT (4.5979221200017815 51.814229425004754)</t>
  </si>
  <si>
    <t>POINT (4.6136560369405 51.820053876882966)</t>
  </si>
  <si>
    <t>POINT (4.63319759792432 51.82500063532192)</t>
  </si>
  <si>
    <t>POINT (4.6379546707352715 51.824198745662976)</t>
  </si>
  <si>
    <t>POINT (4.6377006475231735 51.81176851462446)</t>
  </si>
  <si>
    <t>POINT (4.647194135362977 51.81925572542192)</t>
  </si>
  <si>
    <t>POINT (4.622922895067465 51.81371963316585)</t>
  </si>
  <si>
    <t>POINT (4.659271636604663 51.82980083828253)</t>
  </si>
  <si>
    <t>POINT (4.653531603486191 51.81574145999577)</t>
  </si>
  <si>
    <t>POINT (4.653462062036325 51.82210610925845)</t>
  </si>
  <si>
    <t>POINT (4.632936746367116 51.82667293267658)</t>
  </si>
  <si>
    <t>POINT (4.6284632454548875 51.808567138125184)</t>
  </si>
  <si>
    <t>POINT (4.652737920078649 51.82004607535235)</t>
  </si>
  <si>
    <t>POINT (4.632355291290263 51.80908852432245)</t>
  </si>
  <si>
    <t>POINT (4.619788695402513 51.81212835555736)</t>
  </si>
  <si>
    <t>POINT (4.6528902064620725 51.81769522914811)</t>
  </si>
  <si>
    <t>POINT (4.577187214843491 51.83772186316715)</t>
  </si>
  <si>
    <t>POINT (4.649599676921722 51.817974016671144)</t>
  </si>
  <si>
    <t>POINT (4.632257868616462 51.80693585588605)</t>
  </si>
  <si>
    <t>POINT (4.656360261260364 51.82876193155057)</t>
  </si>
  <si>
    <t>POINT (4.645012517056604 51.81456081823082)</t>
  </si>
  <si>
    <t>POINT (4.660854054784546 51.830282932119594)</t>
  </si>
  <si>
    <t>POINT (4.621887648185644 51.812407392049536)</t>
  </si>
  <si>
    <t>POINT (4.64441417847204 51.8237089037232)</t>
  </si>
  <si>
    <t>POINT (4.607963713497378 51.81515898312893)</t>
  </si>
  <si>
    <t>POINT (4.653140090945834 51.82193804810377)</t>
  </si>
  <si>
    <t>POINT (4.56696387077809 51.83512515678767)</t>
  </si>
  <si>
    <t>POINT (4.637295165275788 51.81131173386751)</t>
  </si>
  <si>
    <t>POINT (4.62981413350163 51.8148761517585)</t>
  </si>
  <si>
    <t>POINT (4.6396093275670784 51.8258281413763)</t>
  </si>
  <si>
    <t>POINT (4.63825239147946 51.82545270736359)</t>
  </si>
  <si>
    <t>POINT (4.596197397798083 51.83965961813849)</t>
  </si>
  <si>
    <t>POINT (4.645748990346054 51.82511867932555)</t>
  </si>
  <si>
    <t>POINT (4.561471619545053 51.83383744011863)</t>
  </si>
  <si>
    <t>POINT (4.632587836201878 51.807726746961386)</t>
  </si>
  <si>
    <t>POINT (4.6466796090161475 51.81515707985205)</t>
  </si>
  <si>
    <t>POINT (4.61060460911674 51.818444231613)</t>
  </si>
  <si>
    <t>POINT (4.665659627099036 51.823383819954074)</t>
  </si>
  <si>
    <t>POINT (4.6564783213286685 51.82167425262046)</t>
  </si>
  <si>
    <t>POINT (4.634728998798842 51.821764537645464)</t>
  </si>
  <si>
    <t>POINT (4.6319787317635415 51.81034572547685)</t>
  </si>
  <si>
    <t>POINT (4.562473485685713 51.83268738835599)</t>
  </si>
  <si>
    <t>POINT (4.605031917982014 51.820305174892404)</t>
  </si>
  <si>
    <t>POINT (4.626432559788283 51.81385343073532)</t>
  </si>
  <si>
    <t>POINT (4.612566648806425 51.81450430022903)</t>
  </si>
  <si>
    <t>POINT (4.597928418616112 51.81399060065064)</t>
  </si>
  <si>
    <t>POINT (4.61210832004309 51.8192289370948)</t>
  </si>
  <si>
    <t>POINT (4.611399550397015 51.82211927748511)</t>
  </si>
  <si>
    <t>POINT (4.612333527730447 51.821512740577425)</t>
  </si>
  <si>
    <t>POINT (4.596652942325638 51.8163757879801)</t>
  </si>
  <si>
    <t>POINT (4.566541250496266 51.83401203000812)</t>
  </si>
  <si>
    <t>POINT (4.611209470452314 51.809518832523885)</t>
  </si>
  <si>
    <t>POINT (4.646991156437375 51.82372894121915)</t>
  </si>
  <si>
    <t>POINT (4.651565386754069 51.827994081252534)</t>
  </si>
  <si>
    <t>POINT (4.658427665771158 51.82231310828121)</t>
  </si>
  <si>
    <t>POINT (4.61843833139787 51.81533115939981)</t>
  </si>
  <si>
    <t>POINT (4.65838672837519 51.829762152184195)</t>
  </si>
  <si>
    <t>POINT (4.647121850945786 51.81861591321674)</t>
  </si>
  <si>
    <t>POINT (4.633627227932726 51.81733091172309)</t>
  </si>
  <si>
    <t>POINT (4.63416444401295 51.818594530916556)</t>
  </si>
  <si>
    <t>POINT (4.636052483731149 51.822164814644964)</t>
  </si>
  <si>
    <t>POINT (4.653090409126583 51.815405769022675)</t>
  </si>
  <si>
    <t>POINT (4.607424533984649 51.81903387508085)</t>
  </si>
  <si>
    <t>POINT (4.561068825736859 51.83331905616989)</t>
  </si>
  <si>
    <t>POINT (4.606178625172746 51.81404881051305)</t>
  </si>
  <si>
    <t>POINT (4.6275485416694275 51.81369695769508)</t>
  </si>
  <si>
    <t>POINT (4.612164563214069 51.81994363302497)</t>
  </si>
  <si>
    <t>POINT (4.621891353935408 51.81252055720476)</t>
  </si>
  <si>
    <t>POINT (4.611948441091238 51.81346229878225)</t>
  </si>
  <si>
    <t>POINT (4.6420318339708295 51.826259605275325)</t>
  </si>
  <si>
    <t>POINT (4.6610149095813025 51.8278661201767)</t>
  </si>
  <si>
    <t>POINT (4.656852101480676 51.81832511434126)</t>
  </si>
  <si>
    <t>POINT (4.569988134079618 51.84143837528122)</t>
  </si>
  <si>
    <t>POINT (4.6351085587989225 51.81922474221774)</t>
  </si>
  <si>
    <t>POINT (4.641179580741658 51.81787781998855)</t>
  </si>
  <si>
    <t>POINT (4.655474810067965 51.81766757940657)</t>
  </si>
  <si>
    <t>POINT (4.631038864817065 51.80675302337651)</t>
  </si>
  <si>
    <t>POINT (4.641096156495001 51.80919194997654)</t>
  </si>
  <si>
    <t>POINT (4.656617781834175 51.829251987930036)</t>
  </si>
  <si>
    <t>POINT (4.6485242537054265 51.81792931154854)</t>
  </si>
  <si>
    <t>POINT (4.626943685561498 51.81104872313127)</t>
  </si>
  <si>
    <t>POINT (4.613851654411322 51.821888504518554)</t>
  </si>
  <si>
    <t>POINT (4.613559444684364 51.8143323153709)</t>
  </si>
  <si>
    <t>POINT (4.625023063588516 51.81160585221153)</t>
  </si>
  <si>
    <t>POINT (4.654664771852229 51.826247046681246)</t>
  </si>
  <si>
    <t>POINT (4.613300380287902 51.81809876909057)</t>
  </si>
  <si>
    <t>POINT (4.649712991618378 51.82232064100308)</t>
  </si>
  <si>
    <t>POINT (4.6568810857893395 51.826880914179085)</t>
  </si>
  <si>
    <t>POINT (4.639601659906643 51.81089108288761)</t>
  </si>
  <si>
    <t>POINT (4.654674989956222 51.82374956209429)</t>
  </si>
  <si>
    <t>POINT (4.6558759484054 51.819507411116454)</t>
  </si>
  <si>
    <t>POINT (4.651179867789082 51.81688825247963)</t>
  </si>
  <si>
    <t>POINT (4.62112784126082 51.8115075445014)</t>
  </si>
  <si>
    <t>POINT (4.6468946971718585 51.82034119852906)</t>
  </si>
  <si>
    <t>POINT (4.653606532224351 51.819924416911746)</t>
  </si>
  <si>
    <t>POINT (4.632061039738029 51.8071179411499)</t>
  </si>
  <si>
    <t>POINT (4.615913384305823 51.81979592597767)</t>
  </si>
  <si>
    <t>POINT (4.641736241037042 51.82317424917821)</t>
  </si>
  <si>
    <t>POINT (4.639881111397115 51.81884734910527)</t>
  </si>
  <si>
    <t>POINT (4.638734538007469 51.81751487494961)</t>
  </si>
  <si>
    <t>POINT (4.6381431004346885 51.810640353964324)</t>
  </si>
  <si>
    <t>POINT (4.637066950254965 51.81473910604409)</t>
  </si>
  <si>
    <t>POINT (4.6368293672905745 51.81540310162579)</t>
  </si>
  <si>
    <t>POINT (4.656009290034296 51.822797468943776)</t>
  </si>
  <si>
    <t>POINT (4.626627197020725 51.81201720172222)</t>
  </si>
  <si>
    <t>POINT (4.568861053798522 51.835429120714906)</t>
  </si>
  <si>
    <t>POINT (4.612626029130581 51.82205732014766)</t>
  </si>
  <si>
    <t>POINT (4.5682173014864835 51.83527826752281)</t>
  </si>
  <si>
    <t>POINT (4.638642925167763 51.82393647866675)</t>
  </si>
  <si>
    <t>POINT (4.632988001619758 51.82044032060227)</t>
  </si>
  <si>
    <t>POINT (4.617173938263521 51.81276484187165)</t>
  </si>
  <si>
    <t>POINT (4.633727161941476 51.80987079277683)</t>
  </si>
  <si>
    <t>POINT (4.619387399101682 51.830344803965446)</t>
  </si>
  <si>
    <t>POINT (4.6490178142090866 51.82798566494501)</t>
  </si>
  <si>
    <t>POINT (4.630357488412684 51.813743772186626)</t>
  </si>
  <si>
    <t>POINT (4.632661005276428 51.809869649964554)</t>
  </si>
  <si>
    <t>POINT (4.644600998115718 51.81486423504163)</t>
  </si>
  <si>
    <t>POINT (4.621241187067431 51.81144601054919)</t>
  </si>
  <si>
    <t>POINT (4.643055875835802 51.822072655191015)</t>
  </si>
  <si>
    <t>POINT (4.643199596890183 51.81880606062895)</t>
  </si>
  <si>
    <t>POINT (4.634606915507006 51.81881418558233)</t>
  </si>
  <si>
    <t>POINT (4.637724702070309 51.82003326532678)</t>
  </si>
  <si>
    <t>POINT (4.642699128077724 51.81617577038288)</t>
  </si>
  <si>
    <t>POINT (4.657014353185332 51.81841565118771)</t>
  </si>
  <si>
    <t>POINT (4.640948592734043 51.82555153377466)</t>
  </si>
  <si>
    <t>POINT (4.632826089938412 51.80958336025693)</t>
  </si>
  <si>
    <t>POINT (4.603578896586688 51.81463902785765)</t>
  </si>
  <si>
    <t>POINT (4.603954613209845 51.814664250632184)</t>
  </si>
  <si>
    <t>POINT (4.614537041168971 51.818713062677475)</t>
  </si>
  <si>
    <t>POINT (4.648905331692919 51.82170638221911)</t>
  </si>
  <si>
    <t>POINT (4.59576340145153 51.814698093760725)</t>
  </si>
  <si>
    <t>POINT (4.630431340575209 51.81273516699409)</t>
  </si>
  <si>
    <t>POINT (4.624505077254336 51.81265869676192)</t>
  </si>
  <si>
    <t>POINT (4.653470266961684 51.815763071842376)</t>
  </si>
  <si>
    <t>POINT (4.649686328678575 51.81634600873469)</t>
  </si>
  <si>
    <t>POINT (4.645457992561881 51.82058354997331)</t>
  </si>
  <si>
    <t>POINT (4.64462214516312 51.819691521298864)</t>
  </si>
  <si>
    <t>POINT (4.646873192719452 51.81334306153871)</t>
  </si>
  <si>
    <t>POINT (4.624464106808618 51.81048756563417)</t>
  </si>
  <si>
    <t>POINT (4.604438738152341 51.82194917687351)</t>
  </si>
  <si>
    <t>POINT (4.65069842790874 51.818935470555246)</t>
  </si>
  <si>
    <t>POINT (4.569190432535082 51.835963666785226)</t>
  </si>
  <si>
    <t>POINT (4.616871859590388 51.82100424573636)</t>
  </si>
  <si>
    <t>POINT (4.662941694177993 51.820671584152116)</t>
  </si>
  <si>
    <t>POINT (4.594356843120578 51.81416718944269)</t>
  </si>
  <si>
    <t>POINT (4.637204668527861 51.81014662375176)</t>
  </si>
  <si>
    <t>POINT (4.638662114473513 51.822360110454106)</t>
  </si>
  <si>
    <t>POINT (4.648158299440068 51.82399775888291)</t>
  </si>
  <si>
    <t>POINT (4.636759836877808 51.825322689637986)</t>
  </si>
  <si>
    <t>POINT (4.621799197390037 51.812328172877514)</t>
  </si>
  <si>
    <t>POINT (4.629805413381234 51.81503349674195)</t>
  </si>
  <si>
    <t>POINT (4.619918405771941 51.830241885910766)</t>
  </si>
  <si>
    <t>POINT (4.6607971998324444 51.820495492183184)</t>
  </si>
  <si>
    <t>POINT (4.648869085497434 51.813661557018825)</t>
  </si>
  <si>
    <t>POINT (4.621728212386653 51.81450949611544)</t>
  </si>
  <si>
    <t>POINT (4.62247840714522 51.812004971256194)</t>
  </si>
  <si>
    <t>POINT (4.628921894025932 51.82410622016849)</t>
  </si>
  <si>
    <t>POINT (4.639372512324892 51.825746948076166)</t>
  </si>
  <si>
    <t>POINT (4.600839581257192 51.813086713465644)</t>
  </si>
  <si>
    <t>POINT (4.650729973894603 51.825927046933174)</t>
  </si>
  <si>
    <t>POINT (4.567497842696242 51.83716981669075)</t>
  </si>
  <si>
    <t>POINT (4.619966669802739 51.830224161064535)</t>
  </si>
  <si>
    <t>POINT (4.635708783203847 51.82096626404205)</t>
  </si>
  <si>
    <t>POINT (4.627866176359589 51.81508632193904)</t>
  </si>
  <si>
    <t>POINT (4.655300117045734 51.82468041907092)</t>
  </si>
  <si>
    <t>POINT (4.6328961978928955 51.81185631850392)</t>
  </si>
  <si>
    <t>POINT (4.563762501167705 51.83537185800588)</t>
  </si>
  <si>
    <t>POINT (4.6548519978569685 51.82013604945619)</t>
  </si>
  <si>
    <t>POINT (4.639913982676245 51.8188767716715)</t>
  </si>
  <si>
    <t>POINT (4.6111946315156045 51.81600485593015)</t>
  </si>
  <si>
    <t>POINT (4.65580308491406 51.826388031585246)</t>
  </si>
  <si>
    <t>POINT (4.644201237769993 51.819729081779336)</t>
  </si>
  <si>
    <t>POINT (4.648584516121385 51.81864098366471)</t>
  </si>
  <si>
    <t>POINT (4.6418832021549195 51.81907738230589)</t>
  </si>
  <si>
    <t>POINT (4.624959560038761 51.813789724333105)</t>
  </si>
  <si>
    <t>POINT (4.654942203740557 51.817478758018105)</t>
  </si>
  <si>
    <t>POINT (4.6401439298552205 51.810790105591884)</t>
  </si>
  <si>
    <t>POINT (4.6600359790704005 51.82958304334564)</t>
  </si>
  <si>
    <t>POINT (4.655791980094609 51.82189426298922)</t>
  </si>
  <si>
    <t>POINT (4.630013145973446 51.814859341719966)</t>
  </si>
  <si>
    <t>POINT (4.661181548536528 51.823534019344386)</t>
  </si>
  <si>
    <t>POINT (4.587806870562863 51.841613956266016)</t>
  </si>
  <si>
    <t>POINT (4.6041364143173995 51.813218394860634)</t>
  </si>
  <si>
    <t>POINT (4.611109140331986 51.81562551476099)</t>
  </si>
  <si>
    <t>POINT (4.637984332150935 51.825499059122315)</t>
  </si>
  <si>
    <t>POINT (4.640048339514848 51.80948520012682)</t>
  </si>
  <si>
    <t>POINT (4.622020090958677 51.82725544666662)</t>
  </si>
  <si>
    <t>POINT (4.628406856168222 51.80930277850416)</t>
  </si>
  <si>
    <t>POINT (4.654864719923709 51.82040018929682)</t>
  </si>
  <si>
    <t>POINT (4.6372735424073195 51.82088777907884)</t>
  </si>
  <si>
    <t>POINT (4.6307635094148765 51.810309790475756)</t>
  </si>
  <si>
    <t>POINT (4.615920530080823 51.817705044724995)</t>
  </si>
  <si>
    <t>POINT (4.626589937338637 51.813717732566865)</t>
  </si>
  <si>
    <t>POINT (4.644275606017829 51.820727575734274)</t>
  </si>
  <si>
    <t>POINT (4.632200207592583 51.809205287714164)</t>
  </si>
  <si>
    <t>POINT (4.613588099519152 51.81959408765457)</t>
  </si>
  <si>
    <t>POINT (4.615403614528827 51.81331745207831)</t>
  </si>
  <si>
    <t>POINT (4.657445012990177 51.820852526904424)</t>
  </si>
  <si>
    <t>POINT (4.629755967556718 51.81498724531537)</t>
  </si>
  <si>
    <t>POINT (4.659387613772566 51.82125640582141)</t>
  </si>
  <si>
    <t>POINT (4.615819871999051 51.814809116761644)</t>
  </si>
  <si>
    <t>POINT (4.6291740685575045 51.81339891349858)</t>
  </si>
  <si>
    <t>POINT (4.647601809567652 51.81423239493848)</t>
  </si>
  <si>
    <t>POINT (4.615242456912799 51.81413274781036)</t>
  </si>
  <si>
    <t>POINT (4.635146394165384 51.82216598743345)</t>
  </si>
  <si>
    <t>POINT (4.6545425908437466 51.82360189668044)</t>
  </si>
  <si>
    <t>POINT (4.6620310488498005 51.82575326113642)</t>
  </si>
  <si>
    <t>POINT (4.6464354763075395 51.814175232197464)</t>
  </si>
  <si>
    <t>POINT (4.645689426498811 51.820623205332026)</t>
  </si>
  <si>
    <t>POINT (4.63532359636073 51.80741687678132)</t>
  </si>
  <si>
    <t>POINT (4.635077032341868 51.80985538077447)</t>
  </si>
  <si>
    <t>POINT (4.6416772408494085 51.825943082163)</t>
  </si>
  <si>
    <t>POINT (4.611533588296378 51.81487591083132)</t>
  </si>
  <si>
    <t>POINT (4.639843746400548 51.822548726768076)</t>
  </si>
  <si>
    <t>POINT (4.621842626439197 51.812471925055085)</t>
  </si>
  <si>
    <t>POINT (4.597053817025987 51.81198836987942)</t>
  </si>
  <si>
    <t>POINT (4.649716481953303 51.81716684749218)</t>
  </si>
  <si>
    <t>POINT (4.63969190538295 51.818032334644435)</t>
  </si>
  <si>
    <t>POINT (4.60065773703555 51.81916634574303)</t>
  </si>
  <si>
    <t>POINT (4.633777022410886 51.8177568143389)</t>
  </si>
  <si>
    <t>POINT (4.614510341660742 51.81313020828075)</t>
  </si>
  <si>
    <t>POINT (4.636493517909983 51.81537654040676)</t>
  </si>
  <si>
    <t>POINT (4.641361210880157 51.819611608012806)</t>
  </si>
  <si>
    <t>POINT (4.647467273723771 51.819914286655376)</t>
  </si>
  <si>
    <t>POINT (4.621919489126827 51.81240684464921)</t>
  </si>
  <si>
    <t>POINT (4.632417525068986 51.80767935970583)</t>
  </si>
  <si>
    <t>POINT (4.6491262700582165 51.82650188482941)</t>
  </si>
  <si>
    <t>POINT (4.648668436659512 51.81789287096074)</t>
  </si>
  <si>
    <t>POINT (4.65425936371059 51.82170784084075)</t>
  </si>
  <si>
    <t>POINT (4.644494319714608 51.82494133709285)</t>
  </si>
  <si>
    <t>POINT (4.6553754452996134 51.82128932618661)</t>
  </si>
  <si>
    <t>POINT (4.636061636676768 51.81008358269767)</t>
  </si>
  <si>
    <t>POINT (4.620834685588446 51.814843599664485)</t>
  </si>
  <si>
    <t>POINT (4.6335328365716295 51.820079220982706)</t>
  </si>
  <si>
    <t>POINT (4.658308980188557 51.82505446500363)</t>
  </si>
  <si>
    <t>POINT (4.5817878386294355 51.812276655999)</t>
  </si>
  <si>
    <t>POINT (4.6564565460460905 51.817951707218434)</t>
  </si>
  <si>
    <t>POINT (4.630385928793864 51.81270529228969)</t>
  </si>
  <si>
    <t>POINT (4.659406622644498 51.82233657587041)</t>
  </si>
  <si>
    <t>POINT (4.645769504344954 51.819047553695015)</t>
  </si>
  <si>
    <t>POINT (4.633090712093632 51.810461999694766)</t>
  </si>
  <si>
    <t>POINT (4.649283384310858 51.82516083593433)</t>
  </si>
  <si>
    <t>POINT (4.637294899356733 51.810196907957824)</t>
  </si>
  <si>
    <t>POINT (4.619356867488926 51.83032736392111)</t>
  </si>
  <si>
    <t>POINT (4.605731292222046 51.813579757792574)</t>
  </si>
  <si>
    <t>POINT (4.653793466069193 51.81743891106532)</t>
  </si>
  <si>
    <t>POINT (4.662142045483561 51.82243718162526)</t>
  </si>
  <si>
    <t>POINT (4.6384676083017204 51.82015319723827)</t>
  </si>
  <si>
    <t>POINT (4.563832055692818 51.83199622561871)</t>
  </si>
  <si>
    <t>POINT (4.654098844691853 51.81795744363235)</t>
  </si>
  <si>
    <t>POINT (4.649468288777144 51.81827708036803)</t>
  </si>
  <si>
    <t>POINT (4.6328585767975206 51.81953992671228)</t>
  </si>
  <si>
    <t>POINT (4.645413532856958 51.81618750276966)</t>
  </si>
  <si>
    <t>POINT (4.635724490840526 51.820981106078804)</t>
  </si>
  <si>
    <t>POINT (4.659686319536397 51.82999029248601)</t>
  </si>
  <si>
    <t>POINT (4.600369435849136 51.8131773145912)</t>
  </si>
  <si>
    <t>POINT (4.61099332747411 51.82139296389683)</t>
  </si>
  <si>
    <t>POINT (4.569346712250228 51.836484943126)</t>
  </si>
  <si>
    <t>POINT (4.637693252428668 51.824032853209935)</t>
  </si>
  <si>
    <t>POINT (4.594602682197442 51.81077401777138)</t>
  </si>
  <si>
    <t>POINT (4.622201178136793 51.811714320855096)</t>
  </si>
  <si>
    <t>POINT (4.625260031253234 51.813360837595496)</t>
  </si>
  <si>
    <t>POINT (4.62524331591886 51.81450257426129)</t>
  </si>
  <si>
    <t>POINT (4.633748974630616 51.81727075900002)</t>
  </si>
  <si>
    <t>POINT (4.63858218053339 51.81471135274393)</t>
  </si>
  <si>
    <t>POINT (4.6014767369882374 51.8207024953421)</t>
  </si>
  <si>
    <t>POINT (4.6189254792497225 51.81448626407859)</t>
  </si>
  <si>
    <t>POINT (4.657208650928991 51.819185553792956)</t>
  </si>
  <si>
    <t>POINT (4.660249101669376 51.827836031836476)</t>
  </si>
  <si>
    <t>POINT (4.636290508935372 51.81965400629902)</t>
  </si>
  <si>
    <t>POINT (4.614826474828197 51.818718536382214)</t>
  </si>
  <si>
    <t>POINT (4.647262572007357 51.819237658195384)</t>
  </si>
  <si>
    <t>POINT (4.659387073277729 51.821795606110975)</t>
  </si>
  <si>
    <t>POINT (4.6050319628448975 51.82260949734494)</t>
  </si>
  <si>
    <t>POINT (4.6541443311666555 51.81620382873885)</t>
  </si>
  <si>
    <t>POINT (4.648820009779127 51.824423960106124)</t>
  </si>
  <si>
    <t>POINT (4.632529145186375 51.81351366052422)</t>
  </si>
  <si>
    <t>POINT (4.607453282400347 51.82135459468411)</t>
  </si>
  <si>
    <t>POINT (4.631516008462931 51.80784118786142)</t>
  </si>
  <si>
    <t>POINT (4.657582284560573 51.82967747019097)</t>
  </si>
  <si>
    <t>POINT (4.563059664007836 51.83730183445392)</t>
  </si>
  <si>
    <t>POINT (4.626607764156096 51.81372956040098)</t>
  </si>
  <si>
    <t>POINT (4.6185902261302765 51.82050160013028)</t>
  </si>
  <si>
    <t>POINT (4.649466604433638 51.81501679149992)</t>
  </si>
  <si>
    <t>POINT (4.658426433239054 51.82154428125278)</t>
  </si>
  <si>
    <t>POINT (4.604967450238199 51.82173324221534)</t>
  </si>
  <si>
    <t>POINT (4.65182450858898 51.81920343736159)</t>
  </si>
  <si>
    <t>POINT (4.645960900415775 51.82605225198271)</t>
  </si>
  <si>
    <t>POINT (4.655203570742487 51.8233217179656)</t>
  </si>
  <si>
    <t>POINT (4.631272594858726 51.82473476307274)</t>
  </si>
  <si>
    <t>POINT (4.651903160648544 51.81775166433792)</t>
  </si>
  <si>
    <t>POINT (4.637213270795619 51.81820230855558)</t>
  </si>
  <si>
    <t>POINT (4.611383933176094 51.82192181798423)</t>
  </si>
  <si>
    <t>POINT (4.661271513724228 51.82756395340908)</t>
  </si>
  <si>
    <t>POINT (4.639342392963696 51.81874149130972)</t>
  </si>
  <si>
    <t>POINT (4.652027177311597 51.825112427491604)</t>
  </si>
  <si>
    <t>POINT (4.659789009216096 51.82952530701768)</t>
  </si>
  <si>
    <t>POINT (4.657100319810699 51.82627218994952)</t>
  </si>
  <si>
    <t>POINT (4.617997388125601 51.81436129067455)</t>
  </si>
  <si>
    <t>POINT (4.6079091680457065 51.81843594626529)</t>
  </si>
  <si>
    <t>POINT (4.645245835602811 51.82237138916935)</t>
  </si>
  <si>
    <t>POINT (4.643893111996724 51.826133754324886)</t>
  </si>
  <si>
    <t>POINT (4.657060945628857 51.819115485070576)</t>
  </si>
  <si>
    <t>POINT (4.605394270933466 51.81329640839009)</t>
  </si>
  <si>
    <t>POINT (4.631468346679868 51.81042880313474)</t>
  </si>
  <si>
    <t>POINT (4.618257116475698 51.8217233211116)</t>
  </si>
  <si>
    <t>POINT (4.635301672191752 51.82069991026183)</t>
  </si>
  <si>
    <t>POINT (4.6395167434562525 51.822026675254264)</t>
  </si>
  <si>
    <t>POINT (4.619857976353226 51.812361472624474)</t>
  </si>
  <si>
    <t>POINT (4.599598523023446 51.8132382822009)</t>
  </si>
  <si>
    <t>POINT (4.6417382441854835 51.82591736647642)</t>
  </si>
  <si>
    <t>POINT (4.608262665920791 51.815905629890175)</t>
  </si>
  <si>
    <t>POINT (4.626319395365164 51.81466817095831)</t>
  </si>
  <si>
    <t>POINT (4.56321758787765 51.83582798858807)</t>
  </si>
  <si>
    <t>POINT (4.612892090557256 51.81415957314187)</t>
  </si>
  <si>
    <t>POINT (4.600493861536389 51.816646290218)</t>
  </si>
  <si>
    <t>POINT (4.598416238455354 51.81356033579224)</t>
  </si>
  <si>
    <t>POINT (4.6357926307251995 51.82211235619298)</t>
  </si>
  <si>
    <t>POINT (4.627208629943311 51.815730187398735)</t>
  </si>
  <si>
    <t>POINT (4.610695448425648 51.818636939633606)</t>
  </si>
  <si>
    <t>POINT (4.627957183017315 51.81451614567433)</t>
  </si>
  <si>
    <t>POINT (4.607612829610281 51.81332337453089)</t>
  </si>
  <si>
    <t>POINT (4.633445011038817 51.81149135284601)</t>
  </si>
  <si>
    <t>POINT (4.625545577174877 51.81432666777511)</t>
  </si>
  <si>
    <t>POINT (4.628461119517619 51.810610807534516)</t>
  </si>
  <si>
    <t>POINT (4.651878926623854 51.814700077973285)</t>
  </si>
  <si>
    <t>POINT (4.620075064838887 51.819449163825034)</t>
  </si>
  <si>
    <t>POINT (4.641127508483991 51.82558672929976)</t>
  </si>
  <si>
    <t>POINT (4.659329833865044 51.82840730863062)</t>
  </si>
  <si>
    <t>POINT (4.652129776698505 51.817257277036056)</t>
  </si>
  <si>
    <t>POINT (4.64213056496295 51.82271817711937)</t>
  </si>
  <si>
    <t>POINT (4.650384485738697 51.824792745603816)</t>
  </si>
  <si>
    <t>POINT (4.589204565203796 51.81219613550318)</t>
  </si>
  <si>
    <t>POINT (4.65452202158274 51.81640986192246)</t>
  </si>
  <si>
    <t>POINT (4.632864217989017 51.82518464906932)</t>
  </si>
  <si>
    <t>POINT (4.655303258931447 51.82127035038943)</t>
  </si>
  <si>
    <t>POINT (4.634903482042507 51.82432096228903)</t>
  </si>
  <si>
    <t>POINT (4.63955439895788 51.814694305857)</t>
  </si>
  <si>
    <t>POINT (4.61112544615094 51.81567916842234)</t>
  </si>
  <si>
    <t>POINT (4.613368641844244 51.820917640659054)</t>
  </si>
  <si>
    <t>POINT (4.641618528109774 51.818830399741096)</t>
  </si>
  <si>
    <t>POINT (4.648968257143791 51.82139355835425)</t>
  </si>
  <si>
    <t>POINT (4.619438523473671 51.83041040532243)</t>
  </si>
  <si>
    <t>POINT (4.633333698035575 51.81985164252234)</t>
  </si>
  <si>
    <t>POINT (4.642418601086904 51.821457247249135)</t>
  </si>
  <si>
    <t>POINT (4.650380120314127 51.824812214644616)</t>
  </si>
  <si>
    <t>POINT (4.647150921339515 51.82292760979786)</t>
  </si>
  <si>
    <t>POINT (4.652132753200118 51.82423538927971)</t>
  </si>
  <si>
    <t>POINT (4.660062616392 51.82820556938949)</t>
  </si>
  <si>
    <t>POINT (4.607591618813224 51.82026502893166)</t>
  </si>
  <si>
    <t>POINT (4.646054480257144 51.82332923599491)</t>
  </si>
  <si>
    <t>POINT (4.6026574171383245 51.815012995563535)</t>
  </si>
  <si>
    <t>POINT (4.596314625186023 51.80874400002831)</t>
  </si>
  <si>
    <t>POINT (4.647470060498544 51.814179906522725)</t>
  </si>
  <si>
    <t>POINT (4.6407648889866016 51.819612302247286)</t>
  </si>
  <si>
    <t>POINT (4.658523397451362 51.829137164718496)</t>
  </si>
  <si>
    <t>POINT (4.612269920289511 51.81981384849671)</t>
  </si>
  <si>
    <t>POINT (4.642908222728931 51.80996853991103)</t>
  </si>
  <si>
    <t>POINT (4.666224890132469 51.82330198211487)</t>
  </si>
  <si>
    <t>POINT (4.643631502426155 51.815419548128546)</t>
  </si>
  <si>
    <t>POINT (4.64667296905535 51.819608381221215)</t>
  </si>
  <si>
    <t>POINT (4.657619423256306 51.82054649507976)</t>
  </si>
  <si>
    <t>POINT (4.621741428239921 51.81497134161107)</t>
  </si>
  <si>
    <t>POINT (4.6480852576943175 51.82514358054172)</t>
  </si>
  <si>
    <t>POINT (4.597415009216277 51.81610697834789)</t>
  </si>
  <si>
    <t>POINT (4.637708508874652 51.82347393492698)</t>
  </si>
  <si>
    <t>POINT (4.6412351478924725 51.819078298667804)</t>
  </si>
  <si>
    <t>POINT (4.564960910704918 51.83637233718102)</t>
  </si>
  <si>
    <t>POINT (4.609656945692662 51.814867941231114)</t>
  </si>
  <si>
    <t>POINT (4.6568720891292825 51.81771718143363)</t>
  </si>
  <si>
    <t>POINT (4.641696184768332 51.817711225409845)</t>
  </si>
  <si>
    <t>POINT (4.649219042207493 51.81263989225155)</t>
  </si>
  <si>
    <t>POINT (4.655136658211841 51.818230337365485)</t>
  </si>
  <si>
    <t>POINT (4.642595929446499 51.81948827613896)</t>
  </si>
  <si>
    <t>POINT (4.65767758705188 51.82448865142313)</t>
  </si>
  <si>
    <t>POINT (4.648300203153478 51.81328033452018)</t>
  </si>
  <si>
    <t>POINT (4.62673362838417 51.80793487519866)</t>
  </si>
  <si>
    <t>POINT (4.655538646865809 51.82747823755151)</t>
  </si>
  <si>
    <t>POINT (4.654558770857267 51.81639122409764)</t>
  </si>
  <si>
    <t>POINT (4.595773675291398 51.81424918450542)</t>
  </si>
  <si>
    <t>POINT (4.6277780361279905 51.807704211189325)</t>
  </si>
  <si>
    <t>POINT (4.6413392437564545 51.8242629447717)</t>
  </si>
  <si>
    <t>POINT (4.655189431336078 51.82736992199973)</t>
  </si>
  <si>
    <t>POINT (4.65249087043729 51.81779104810076)</t>
  </si>
  <si>
    <t>POINT (4.6551663649278465 51.81669755673215)</t>
  </si>
  <si>
    <t>POINT (4.605111497023479 51.82040588455713)</t>
  </si>
  <si>
    <t>POINT (4.567059774014455 51.83521459970234)</t>
  </si>
  <si>
    <t>POINT (4.632384200028743 51.8181239787071)</t>
  </si>
  <si>
    <t>POINT (4.638354800568895 51.81424823337746)</t>
  </si>
  <si>
    <t>POINT (4.62817351220307 51.82419532372772)</t>
  </si>
  <si>
    <t>POINT (4.638249974453782 51.809537807360456)</t>
  </si>
  <si>
    <t>POINT (4.564567693508472 51.837447719340936)</t>
  </si>
  <si>
    <t>POINT (4.635155290610867 51.80881581680666)</t>
  </si>
  <si>
    <t>POINT (4.654501412944213 51.82163781125287)</t>
  </si>
  <si>
    <t>POINT (4.647259916027328 51.82238232431402)</t>
  </si>
  <si>
    <t>POINT (4.651145456318902 51.814701978721494)</t>
  </si>
  <si>
    <t>POINT (4.646454048850318 51.82405272278063)</t>
  </si>
  <si>
    <t>POINT (4.645106757209655 51.82435380937139)</t>
  </si>
  <si>
    <t>POINT (4.612862259987703 51.81938415138548)</t>
  </si>
  <si>
    <t>POINT (4.652330515393962 51.820531412819776)</t>
  </si>
  <si>
    <t>POINT (4.6268805897935685 51.81157069346473)</t>
  </si>
  <si>
    <t>POINT (4.562770553998531 51.83209154340016)</t>
  </si>
  <si>
    <t>POINT (4.658721620609012 51.82614181555779)</t>
  </si>
  <si>
    <t>POINT (4.658357124570704 51.820553388630465)</t>
  </si>
  <si>
    <t>POINT (4.638754594682268 51.82042467058755)</t>
  </si>
  <si>
    <t>POINT (4.651831703510871 51.81710875029896)</t>
  </si>
  <si>
    <t>POINT (4.637482420215649 51.819831926144445)</t>
  </si>
  <si>
    <t>POINT (4.569013110267752 51.83744657101088)</t>
  </si>
  <si>
    <t>POINT (4.651693499731009 51.82169815337226)</t>
  </si>
  <si>
    <t>POINT (4.639505773888545 51.8143697646789)</t>
  </si>
  <si>
    <t>POINT (4.652242472764384 51.82067644221209)</t>
  </si>
  <si>
    <t>POINT (4.641846348169159 51.82351298606013)</t>
  </si>
  <si>
    <t>POINT (4.601176366341949 51.82011167740598)</t>
  </si>
  <si>
    <t>POINT (4.607407785988737 51.819519064982906)</t>
  </si>
  <si>
    <t>POINT (4.607053789647592 51.81418456390986)</t>
  </si>
  <si>
    <t>POINT (4.655457724066417 51.82749280710426)</t>
  </si>
  <si>
    <t>POINT (4.657887957305917 51.81895092989936)</t>
  </si>
  <si>
    <t>POINT (4.656005442359105 51.82181864996054)</t>
  </si>
  <si>
    <t>POINT (4.6349938772366155 51.81715428722224)</t>
  </si>
  <si>
    <t>POINT (4.614250228451793 51.81399991604961)</t>
  </si>
  <si>
    <t>POINT (4.639798985345661 51.81420705834961)</t>
  </si>
  <si>
    <t>POINT (4.627520647519744 51.813220537216075)</t>
  </si>
  <si>
    <t>POINT (4.637405161452941 51.821014821282056)</t>
  </si>
  <si>
    <t>POINT (4.658152277904494 51.82046462056695)</t>
  </si>
  <si>
    <t>POINT (4.6425688751664005 51.82584680145221)</t>
  </si>
  <si>
    <t>POINT (4.632724347522287 51.820108830611964)</t>
  </si>
  <si>
    <t>POINT (4.648965591761719 51.82539792746777)</t>
  </si>
  <si>
    <t>POINT (4.637898987376209 51.82262802082793)</t>
  </si>
  <si>
    <t>POINT (4.6325761922704 51.80955578508354)</t>
  </si>
  <si>
    <t>POINT (4.63437069475387 51.81746174079801)</t>
  </si>
  <si>
    <t>POINT (4.6434915871415345 51.81750340935749)</t>
  </si>
  <si>
    <t>POINT (4.604346202290671 51.814428554318184)</t>
  </si>
  <si>
    <t>POINT (4.608111754022418 51.822155269319474)</t>
  </si>
  <si>
    <t>POINT (4.649722138977674 51.8186543849155)</t>
  </si>
  <si>
    <t>POINT (4.615537047221842 51.815408602771406)</t>
  </si>
  <si>
    <t>POINT (4.646515005592942 51.82045300419178)</t>
  </si>
  <si>
    <t>POINT (4.633921272991371 51.81265955421927)</t>
  </si>
  <si>
    <t>POINT (4.643338994177198 51.82480094331636)</t>
  </si>
  <si>
    <t>POINT (4.653798629991522 51.82194508631139)</t>
  </si>
  <si>
    <t>POINT (4.611550600005841 51.816329904371365)</t>
  </si>
  <si>
    <t>POINT (4.645934938848712 51.81888426748562)</t>
  </si>
  <si>
    <t>POINT (4.605141314257927 51.82102054343834)</t>
  </si>
  <si>
    <t>POINT (4.646628880209455 51.82395678420882)</t>
  </si>
  <si>
    <t>POINT (4.646823884654202 51.81980001937732)</t>
  </si>
  <si>
    <t>POINT (4.625650017298271 51.81313631416264)</t>
  </si>
  <si>
    <t>POINT (4.657133956855336 51.821072289157925)</t>
  </si>
  <si>
    <t>POINT (4.601332449655849 51.81317663959681)</t>
  </si>
  <si>
    <t>POINT (4.638008404618236 51.82548904657087)</t>
  </si>
  <si>
    <t>POINT (4.611213585638103 51.81918881348749)</t>
  </si>
  <si>
    <t>POINT (4.6415166422781216 51.81870301185454)</t>
  </si>
  <si>
    <t>POINT (4.62486453554465 51.81368797506154)</t>
  </si>
  <si>
    <t>POINT (4.63453096115899 51.82080835359304)</t>
  </si>
  <si>
    <t>POINT (4.633361268026432 51.82065401605283)</t>
  </si>
  <si>
    <t>POINT (4.6213035823446065 51.811464233445484)</t>
  </si>
  <si>
    <t>POINT (4.6510436571345215 51.81415256270596)</t>
  </si>
  <si>
    <t>POINT (4.598187875450063 51.80770982671454)</t>
  </si>
  <si>
    <t>POINT (4.6510336854838625 51.814106900529296)</t>
  </si>
  <si>
    <t>POINT (4.638881998818977 51.81784665327392)</t>
  </si>
  <si>
    <t>POINT (4.565352748321306 51.83836697770398)</t>
  </si>
  <si>
    <t>POINT (4.62482784622628 51.81361070343985)</t>
  </si>
  <si>
    <t>POINT (4.637508030108366 51.81627065985902)</t>
  </si>
  <si>
    <t>POINT (4.622210087244059 51.81174307991054)</t>
  </si>
  <si>
    <t>POINT (4.6096592916951264 51.82114578862869)</t>
  </si>
  <si>
    <t>POINT (4.63835108731759 51.82534727954702)</t>
  </si>
  <si>
    <t>POINT (4.6519923405131145 51.81520140455293)</t>
  </si>
  <si>
    <t>POINT (4.65688093785653 51.82039732820148)</t>
  </si>
  <si>
    <t>POINT (4.64687733159433 51.819874270507015)</t>
  </si>
  <si>
    <t>POINT (4.617236188524332 51.815354244402705)</t>
  </si>
  <si>
    <t>POINT (4.617078352285077 51.82106681401477)</t>
  </si>
  <si>
    <t>POINT (4.640461966886483 51.82572339464915)</t>
  </si>
  <si>
    <t>POINT (4.630893996022627 51.81303954107415)</t>
  </si>
  <si>
    <t>POINT (4.6540537800236015 51.82038044787388)</t>
  </si>
  <si>
    <t>POINT (4.559783861729535 51.83601309432196)</t>
  </si>
  <si>
    <t>POINT (4.56119489598804 51.83705500275039)</t>
  </si>
  <si>
    <t>POINT (4.5621710845313626 51.832482980444254)</t>
  </si>
  <si>
    <t>POINT (4.642316156681782 51.819270754212866)</t>
  </si>
  <si>
    <t>POINT (4.6165036780293685 51.815244007406456)</t>
  </si>
  <si>
    <t>POINT (4.633663088041997 51.81268511443104)</t>
  </si>
  <si>
    <t>POINT (4.615853810902435 51.81853837265079)</t>
  </si>
  <si>
    <t>POINT (4.645680118568224 51.81489816846231)</t>
  </si>
  <si>
    <t>POINT (4.627064802447948 51.812833434785155)</t>
  </si>
  <si>
    <t>POINT (4.646719145559283 51.81591628056526)</t>
  </si>
  <si>
    <t>POINT (4.653331357366205 51.82065403368827)</t>
  </si>
  <si>
    <t>POINT (4.648363984048202 51.827115339324635)</t>
  </si>
  <si>
    <t>POINT (4.635429125267496 51.82109723610036)</t>
  </si>
  <si>
    <t>POINT (4.619422535611959 51.81956080625587)</t>
  </si>
  <si>
    <t>POINT (4.641926477229093 51.82606646164646)</t>
  </si>
  <si>
    <t>POINT (4.628884032049907 51.81274407275408)</t>
  </si>
  <si>
    <t>POINT (4.562451219435469 51.834778842241796)</t>
  </si>
  <si>
    <t>POINT (4.650420436326819 51.82824760759736)</t>
  </si>
  <si>
    <t>POINT (4.616131737223055 51.81305055445211)</t>
  </si>
  <si>
    <t>POINT (4.635311123641348 51.82582589943055)</t>
  </si>
  <si>
    <t>POINT (4.640667894793403 51.813663460432984)</t>
  </si>
  <si>
    <t>POINT (4.613463629274973 51.82435674678322)</t>
  </si>
  <si>
    <t>POINT (4.639124555495989 51.82280551819956)</t>
  </si>
  <si>
    <t>POINT (4.61586864958351 51.81210488375061)</t>
  </si>
  <si>
    <t>POINT (4.635471830468675 51.82405916766406)</t>
  </si>
  <si>
    <t>POINT (4.628627431675244 51.81170389452136)</t>
  </si>
  <si>
    <t>POINT (4.63343015244746 51.825258495557854)</t>
  </si>
  <si>
    <t>POINT (4.569651337762618 51.83719609686061)</t>
  </si>
  <si>
    <t>POINT (4.6428034178127735 51.81632431394945)</t>
  </si>
  <si>
    <t>POINT (4.644638640210501 51.82623984756323)</t>
  </si>
  <si>
    <t>POINT (4.617872165452849 51.82128516050007)</t>
  </si>
  <si>
    <t>POINT (4.632569993252424 51.81038536725213)</t>
  </si>
  <si>
    <t>POINT (4.604534005026435 51.813220957384466)</t>
  </si>
  <si>
    <t>POINT (4.652485322181555 51.821548453576526)</t>
  </si>
  <si>
    <t>POINT (4.630656980071853 51.81288362323639)</t>
  </si>
  <si>
    <t>POINT (4.601854645427172 51.819746493808495)</t>
  </si>
  <si>
    <t>POINT (4.659950070892857 51.82237775983259)</t>
  </si>
  <si>
    <t>POINT (4.640794360684726 51.818068124204345)</t>
  </si>
  <si>
    <t>POINT (4.562002743990581 51.832738012529504)</t>
  </si>
  <si>
    <t>POINT (4.651683493430167 51.82359484603727)</t>
  </si>
  <si>
    <t>POINT (4.597145582194991 51.81370481232385)</t>
  </si>
  <si>
    <t>POINT (4.655698702311157 51.8207429241064)</t>
  </si>
  <si>
    <t>POINT (4.6091229404601695 51.815825080959705)</t>
  </si>
  <si>
    <t>POINT (4.626739991460211 51.80776909256613)</t>
  </si>
  <si>
    <t>POINT (4.60383417270545 51.82047937883762)</t>
  </si>
  <si>
    <t>POINT (4.658921027155477 51.83024837546775)</t>
  </si>
  <si>
    <t>POINT (4.616423937380901 51.81465218773062)</t>
  </si>
  <si>
    <t>POINT (4.622546806194704 51.81236357240941)</t>
  </si>
  <si>
    <t>POINT (4.610900143560914 51.82157937583115)</t>
  </si>
  <si>
    <t>POINT (4.640889123323896 51.8223643510278)</t>
  </si>
  <si>
    <t>POINT (4.6566964821166765 51.82147864178809)</t>
  </si>
  <si>
    <t>POINT (4.570492113114885 51.835571490705426)</t>
  </si>
  <si>
    <t>POINT (4.626736423632873 51.80788090707393)</t>
  </si>
  <si>
    <t>POINT (4.653077741724928 51.82076117468247)</t>
  </si>
  <si>
    <t>POINT (4.648009748398707 51.8213771345367)</t>
  </si>
  <si>
    <t>POINT (4.598504732894444 51.81507807658136)</t>
  </si>
  <si>
    <t>POINT (4.645363136517857 51.81441504527839)</t>
  </si>
  <si>
    <t>POINT (4.653066708830321 51.82104939963726)</t>
  </si>
  <si>
    <t>POINT (4.646463727881354 51.8205715469681)</t>
  </si>
  <si>
    <t>POINT (4.656828845723845 51.818340717785155)</t>
  </si>
  <si>
    <t>POINT (4.616230839736577 51.8185485084467)</t>
  </si>
  <si>
    <t>POINT (4.654579605836845 51.81641479665356)</t>
  </si>
  <si>
    <t>POINT (4.606243173360829 51.820243066133784)</t>
  </si>
  <si>
    <t>POINT (4.611475812962356 51.82211787595409)</t>
  </si>
  <si>
    <t>POINT (4.658388095950215 51.824183423594405)</t>
  </si>
  <si>
    <t>POINT (4.559145635748639 51.83481434848835)</t>
  </si>
  <si>
    <t>POINT (4.607239743821079 51.81323547553004)</t>
  </si>
  <si>
    <t>POINT (4.65248569242785 51.82427885713804)</t>
  </si>
  <si>
    <t>POINT (4.629844499588592 51.809176911793195)</t>
  </si>
  <si>
    <t>POINT (4.648602198945227 51.817866297035096)</t>
  </si>
  <si>
    <t>POINT (4.655812062637077 51.82082827697608)</t>
  </si>
  <si>
    <t>POINT (4.639020427990158 51.8255786293052)</t>
  </si>
  <si>
    <t>POINT (4.611032747431016 51.819462636532734)</t>
  </si>
  <si>
    <t>POINT (4.633896528261385 51.808646485253725)</t>
  </si>
  <si>
    <t>POINT (4.643240034681086 51.81720484654353)</t>
  </si>
  <si>
    <t>POINT (4.6384697209665 51.81849531774841)</t>
  </si>
  <si>
    <t>POINT (4.638160693798506 51.80898342531553)</t>
  </si>
  <si>
    <t>POINT (4.651084771363288 51.82264869233994)</t>
  </si>
  <si>
    <t>2995DB</t>
  </si>
  <si>
    <t>Uilenvlietsehaven</t>
  </si>
  <si>
    <t>POINT (4.5583834163655705 51.8308995528128)</t>
  </si>
  <si>
    <t>POINT (4.660027726799494 51.82176125841631)</t>
  </si>
  <si>
    <t>POINT (4.6340861461383405 51.80812949421407)</t>
  </si>
  <si>
    <t>POINT (4.5679018975045205 51.838571851701)</t>
  </si>
  <si>
    <t>POINT (4.645113949978468 51.817123596829276)</t>
  </si>
  <si>
    <t>POINT (4.6392782770443945 51.82564749903472)</t>
  </si>
  <si>
    <t>POINT (4.641645962200151 51.82073986212635)</t>
  </si>
  <si>
    <t>POINT (4.600316136734052 51.8140167029091)</t>
  </si>
  <si>
    <t>POINT (4.647710034142764 51.82558461076476)</t>
  </si>
  <si>
    <t>POINT (4.632547431301404 51.818070745665324)</t>
  </si>
  <si>
    <t>POINT (4.659779613032734 51.82982519157865)</t>
  </si>
  <si>
    <t>POINT (4.630621827977031 51.81282308237057)</t>
  </si>
  <si>
    <t>POINT (4.6365297596214665 51.82202180194155)</t>
  </si>
  <si>
    <t>POINT (4.644691006639881 51.81974726438378)</t>
  </si>
  <si>
    <t>POINT (4.639198919389475 51.82567601780448)</t>
  </si>
  <si>
    <t>POINT (4.658208051166009 51.82570983145746)</t>
  </si>
  <si>
    <t>POINT (4.5936121838621276 51.81045732847573)</t>
  </si>
  <si>
    <t>POINT (4.616140624499671 51.8198865512424)</t>
  </si>
  <si>
    <t>POINT (4.5620152052903995 51.83349463840776)</t>
  </si>
  <si>
    <t>POINT (4.630479068705897 51.81280070583917)</t>
  </si>
  <si>
    <t>POINT (4.657246799976205 51.824067460451886)</t>
  </si>
  <si>
    <t>POINT (4.6524080719855165 51.82429224076159)</t>
  </si>
  <si>
    <t>POINT (4.66517062923772 51.82261465467604)</t>
  </si>
  <si>
    <t>POINT (4.614525655865304 51.83133159166324)</t>
  </si>
  <si>
    <t>POINT (4.647709451305921 51.81929543162302)</t>
  </si>
  <si>
    <t>POINT (4.56836603061682 51.834207244576184)</t>
  </si>
  <si>
    <t>POINT (4.620443699326542 51.812992075553645)</t>
  </si>
  <si>
    <t>POINT (4.6487634636404715 51.81901644360304)</t>
  </si>
  <si>
    <t>POINT (4.626838891482151 51.81545504797487)</t>
  </si>
  <si>
    <t>POINT (4.650282101392806 51.81360989974874)</t>
  </si>
  <si>
    <t>POINT (4.6179245871691235 51.81801481688837)</t>
  </si>
  <si>
    <t>POINT (4.601834091627584 51.81395515045085)</t>
  </si>
  <si>
    <t>POINT (4.604755064252803 51.81989951098998)</t>
  </si>
  <si>
    <t>POINT (4.621036388395742 51.81146948245707)</t>
  </si>
  <si>
    <t>POINT (4.649208219250685 51.81273762116989)</t>
  </si>
  <si>
    <t>POINT (4.629444163738837 51.8117971437942)</t>
  </si>
  <si>
    <t>POINT (4.644363442626559 51.81590908753755)</t>
  </si>
  <si>
    <t>POINT (4.656781024496621 51.81920909520297)</t>
  </si>
  <si>
    <t>POINT (4.635507971765591 51.81491248217198)</t>
  </si>
  <si>
    <t>POINT (4.63344330548205 51.81020637898742)</t>
  </si>
  <si>
    <t>POINT (4.641719923689402 51.82591380745249)</t>
  </si>
  <si>
    <t>POINT (4.644797730557481 51.81464030397235)</t>
  </si>
  <si>
    <t>POINT (4.60921292006794 51.81847454662987)</t>
  </si>
  <si>
    <t>POINT (4.652688081341364 51.81730736994674)</t>
  </si>
  <si>
    <t>POINT (4.594908119242756 51.81387383478218)</t>
  </si>
  <si>
    <t>POINT (4.629132572500452 51.80902560992153)</t>
  </si>
  <si>
    <t>POINT (4.6441705395301405 51.81789935623435)</t>
  </si>
  <si>
    <t>POINT (4.60208915564077 51.8157149904548)</t>
  </si>
  <si>
    <t>POINT (4.599910099403291 51.814381151449986)</t>
  </si>
  <si>
    <t>POINT (4.635959022860394 51.82360624565344)</t>
  </si>
  <si>
    <t>POINT (4.646990324475164 51.81930959474779)</t>
  </si>
  <si>
    <t>POINT (4.615776157649393 51.81905785949152)</t>
  </si>
  <si>
    <t>POINT (4.621828807683549 51.81484659086051)</t>
  </si>
  <si>
    <t>POINT (4.629356734487233 51.81165557328359)</t>
  </si>
  <si>
    <t>POINT (4.656043533252087 51.82185792508458)</t>
  </si>
  <si>
    <t>POINT (4.657615002626745 51.82347202093536)</t>
  </si>
  <si>
    <t>POINT (4.615533127631605 51.81866561216171)</t>
  </si>
  <si>
    <t>POINT (4.650982355436459 51.822593335861896)</t>
  </si>
  <si>
    <t>POINT (4.657314052170715 51.8210289333093)</t>
  </si>
  <si>
    <t>POINT (4.562652250514763 51.83517726955386)</t>
  </si>
  <si>
    <t>POINT (4.631886069531857 51.809961356061926)</t>
  </si>
  <si>
    <t>POINT (4.658486994330117 51.82314368859577)</t>
  </si>
  <si>
    <t>POINT (4.657231692768064 51.81837800131919)</t>
  </si>
  <si>
    <t>POINT (4.655912988887304 51.81960415337693)</t>
  </si>
  <si>
    <t>POINT (4.651804945451952 51.827274483901505)</t>
  </si>
  <si>
    <t>POINT (4.613701870626269 51.83061361357125)</t>
  </si>
  <si>
    <t>POINT (4.6551725600456155 51.81672867824267)</t>
  </si>
  <si>
    <t>POINT (4.628324723674691 51.80802762051127)</t>
  </si>
  <si>
    <t>POINT (4.621665416575087 51.814537661619575)</t>
  </si>
  <si>
    <t>POINT (4.648458012603299 51.81555944010941)</t>
  </si>
  <si>
    <t>POINT (4.59649920617117 51.813465394322215)</t>
  </si>
  <si>
    <t>POINT (4.6118116796394615 51.821884168517656)</t>
  </si>
  <si>
    <t>POINT (4.64658987671089 51.8240387575904)</t>
  </si>
  <si>
    <t>POINT (4.655027535686605 51.8274914368407)</t>
  </si>
  <si>
    <t>POINT (4.639284351712916 51.81910842649178)</t>
  </si>
  <si>
    <t>POINT (4.638483247822434 51.821106494082976)</t>
  </si>
  <si>
    <t>POINT (4.61819554370775 51.82136878044577)</t>
  </si>
  <si>
    <t>POINT (4.6313273307316765 51.82315426447931)</t>
  </si>
  <si>
    <t>POINT (4.655806351273605 51.82191501751578)</t>
  </si>
  <si>
    <t>POINT (4.627212944505456 51.8143524618221)</t>
  </si>
  <si>
    <t>POINT (4.567556455383294 51.83769260665969)</t>
  </si>
  <si>
    <t>POINT (4.6158776289979775 51.82045803343593)</t>
  </si>
  <si>
    <t>POINT (4.6132943858918125 51.81798413237773)</t>
  </si>
  <si>
    <t>POINT (4.612293318812762 51.82155669958964)</t>
  </si>
  <si>
    <t>POINT (4.644706691135252 51.81497972538634)</t>
  </si>
  <si>
    <t>POINT (4.616679705144814 51.82011314665437)</t>
  </si>
  <si>
    <t>POINT (4.606267613563566 51.81325505962907)</t>
  </si>
  <si>
    <t>POINT (4.621685899775994 51.81449890106473)</t>
  </si>
  <si>
    <t>POINT (4.615228259888899 51.822271380800544)</t>
  </si>
  <si>
    <t>POINT (4.651767414897829 51.82722482003297)</t>
  </si>
  <si>
    <t>POINT (4.641211557604506 51.82558931293769)</t>
  </si>
  <si>
    <t>POINT (4.597491027585335 51.81364771295609)</t>
  </si>
  <si>
    <t>POINT (4.6392331510220846 51.810440899392674)</t>
  </si>
  <si>
    <t>POINT (4.645137483529413 51.81453274579675)</t>
  </si>
  <si>
    <t>POINT (4.651816111469902 51.814682569905756)</t>
  </si>
  <si>
    <t>POINT (4.607428560651714 51.818826262314246)</t>
  </si>
  <si>
    <t>POINT (4.619365000216416 51.81537058327124)</t>
  </si>
  <si>
    <t>POINT (4.6350809207717045 51.82422331371797)</t>
  </si>
  <si>
    <t>POINT (4.655668805618226 51.82061440639645)</t>
  </si>
  <si>
    <t>POINT (4.646973753471751 51.82493250595661)</t>
  </si>
  <si>
    <t>POINT (4.6216277985405805 51.81459051256054)</t>
  </si>
  <si>
    <t>POINT (4.6157239039170115 51.82185412086305)</t>
  </si>
  <si>
    <t>POINT (4.6364258055361 51.81106665300167)</t>
  </si>
  <si>
    <t>POINT (4.614400804723132 51.814846908301746)</t>
  </si>
  <si>
    <t>POINT (4.63714873053458 51.82336842723375)</t>
  </si>
  <si>
    <t>POINT (4.632510151330008 51.813660692495574)</t>
  </si>
  <si>
    <t>POINT (4.561983367410315 51.836943964001186)</t>
  </si>
  <si>
    <t>POINT (4.627974635295325 51.81353668690064)</t>
  </si>
  <si>
    <t>POINT (4.642814320405652 51.81748565048669)</t>
  </si>
  <si>
    <t>POINT (4.629288490908534 51.8205819433239)</t>
  </si>
  <si>
    <t>POINT (4.631775435454007 51.81869864657273)</t>
  </si>
  <si>
    <t>POINT (4.620063313517063 51.81388928830266)</t>
  </si>
  <si>
    <t>POINT (4.654854583741187 51.82388428151525)</t>
  </si>
  <si>
    <t>POINT (4.654205834548679 51.826668114418595)</t>
  </si>
  <si>
    <t>POINT (4.617220234069866 51.8153025265011)</t>
  </si>
  <si>
    <t>POINT (4.632700410214158 51.8264691231945)</t>
  </si>
  <si>
    <t>POINT (4.628190872847886 51.814359635832616)</t>
  </si>
  <si>
    <t>POINT (4.646938452381064 51.82687767657866)</t>
  </si>
  <si>
    <t>POINT (4.636951764318357 51.81798644542926)</t>
  </si>
  <si>
    <t>POINT (4.643237867986698 51.817581315239465)</t>
  </si>
  <si>
    <t>POINT (4.628309861057343 51.806005503398005)</t>
  </si>
  <si>
    <t>POINT (4.6415210633949915 51.822140036963134)</t>
  </si>
  <si>
    <t>POINT (4.639691237991927 51.825825004662974)</t>
  </si>
  <si>
    <t>POINT (4.6332890492896235 51.82496212195213)</t>
  </si>
  <si>
    <t>POINT (4.652517691375041 51.82150340718298)</t>
  </si>
  <si>
    <t>POINT (4.627401321477338 51.81324563420155)</t>
  </si>
  <si>
    <t>POINT (4.636870920517775 51.81466752524489)</t>
  </si>
  <si>
    <t>POINT (4.617703080782067 51.81402867522607)</t>
  </si>
  <si>
    <t>POINT (4.609852671844731 51.81839711432945)</t>
  </si>
  <si>
    <t>POINT (4.595153362745124 51.81530718980046)</t>
  </si>
  <si>
    <t>POINT (4.567202558166479 51.832809561680094)</t>
  </si>
  <si>
    <t>POINT (4.603547162078377 51.819756638840204)</t>
  </si>
  <si>
    <t>POINT (4.653420009915872 51.81559850735338)</t>
  </si>
  <si>
    <t>POINT (4.6356088163464335 51.80795276824486)</t>
  </si>
  <si>
    <t>POINT (4.652445687978882 51.82148126675426)</t>
  </si>
  <si>
    <t>POINT (4.629000969742901 51.806508898921535)</t>
  </si>
  <si>
    <t>POINT (4.6026513534392635 51.81981468957508)</t>
  </si>
  <si>
    <t>POINT (4.6212142145783766 51.813271730806214)</t>
  </si>
  <si>
    <t>POINT (4.603748018446478 51.81472126237523)</t>
  </si>
  <si>
    <t>POINT (4.656364894853618 51.82180478106888)</t>
  </si>
  <si>
    <t>POINT (4.5569752022881405 51.8322625708911)</t>
  </si>
  <si>
    <t>POINT (4.643920665949691 51.81602962690067)</t>
  </si>
  <si>
    <t>POINT (4.636001817170009 51.81824496917367)</t>
  </si>
  <si>
    <t>POINT (4.626244314489432 51.827580281609556)</t>
  </si>
  <si>
    <t>POINT (4.655133556274629 51.81754076921992)</t>
  </si>
  <si>
    <t>POINT (4.5668843933206045 51.834081790118525)</t>
  </si>
  <si>
    <t>POINT (4.642452120999198 51.81826804753606)</t>
  </si>
  <si>
    <t>POINT (4.6297827569916805 51.814921468071326)</t>
  </si>
  <si>
    <t>POINT (4.656621894806475 51.82341268448375)</t>
  </si>
  <si>
    <t>POINT (4.638689160365435 51.82539820861101)</t>
  </si>
  <si>
    <t>POINT (4.64120144184352 51.82571055096626)</t>
  </si>
  <si>
    <t>POINT (4.646521962864885 51.8240457357113)</t>
  </si>
  <si>
    <t>POINT (4.600843984794565 51.814187818134045)</t>
  </si>
  <si>
    <t>POINT (4.654002405243038 51.82229131800302)</t>
  </si>
  <si>
    <t>POINT (4.63256985476847 51.813706757040684)</t>
  </si>
  <si>
    <t>POINT (4.633839889406576 51.82475082905781)</t>
  </si>
  <si>
    <t>POINT (4.6568093250860585 51.82999374734159)</t>
  </si>
  <si>
    <t>POINT (4.606443207362583 51.81434526662367)</t>
  </si>
  <si>
    <t>POINT (4.636611423644177 51.81452478812459)</t>
  </si>
  <si>
    <t>POINT (4.659901182072642 51.82012731295461)</t>
  </si>
  <si>
    <t>POINT (4.6194343120219505 51.83040639578206)</t>
  </si>
  <si>
    <t>POINT (4.656670433086965 51.817556008733746)</t>
  </si>
  <si>
    <t>POINT (4.639419828933527 51.81871003890354)</t>
  </si>
  <si>
    <t>POINT (4.632602081753834 51.80826531639275)</t>
  </si>
  <si>
    <t>POINT (4.558700916396625 51.83474085560421)</t>
  </si>
  <si>
    <t>POINT (4.619600633304293 51.820607520174725)</t>
  </si>
  <si>
    <t>POINT (4.613828405526842 51.8141329744906)</t>
  </si>
  <si>
    <t>POINT (4.633303278670351 51.80930204217407)</t>
  </si>
  <si>
    <t>POINT (4.6442350093271445 51.82319221463309)</t>
  </si>
  <si>
    <t>POINT (4.657170792627873 51.818322405052804)</t>
  </si>
  <si>
    <t>POINT (4.664425712658556 51.823461692220974)</t>
  </si>
  <si>
    <t>POINT (4.648315309923153 51.818713544654194)</t>
  </si>
  <si>
    <t>POINT (4.650828047841319 51.817556754344736)</t>
  </si>
  <si>
    <t>POINT (4.627538988266666 51.813231990710264)</t>
  </si>
  <si>
    <t>POINT (4.561800112153865 51.83744582077439)</t>
  </si>
  <si>
    <t>POINT (4.656517502303666 51.82150672289001)</t>
  </si>
  <si>
    <t>POINT (4.608512905681616 51.81356537655525)</t>
  </si>
  <si>
    <t>POINT (4.610649415298646 51.81842043832402)</t>
  </si>
  <si>
    <t>POINT (4.655249280797784 51.82752742620426)</t>
  </si>
  <si>
    <t>POINT (4.607798867311929 51.81737644990086)</t>
  </si>
  <si>
    <t>POINT (4.609861899660548 51.819203481769414)</t>
  </si>
  <si>
    <t>POINT (4.65837691455448 51.82823860195688)</t>
  </si>
  <si>
    <t>POINT (4.619378692803411 51.815416452393556)</t>
  </si>
  <si>
    <t>POINT (4.646977794967552 51.819482583920355)</t>
  </si>
  <si>
    <t>POINT (4.612932166948184 51.82085269489523)</t>
  </si>
  <si>
    <t>POINT (4.564956006113732 51.83298240362572)</t>
  </si>
  <si>
    <t>POINT (4.611457901506473 51.81715718894962)</t>
  </si>
  <si>
    <t>POINT (4.659594861488214 51.82121028454483)</t>
  </si>
  <si>
    <t>POINT (4.646504450302326 51.82021091717096)</t>
  </si>
  <si>
    <t>POINT (4.629593734892897 51.812056858568475)</t>
  </si>
  <si>
    <t>POINT (4.639205546060762 51.81914021165143)</t>
  </si>
  <si>
    <t>POINT (4.637901750134952 51.80849760439134)</t>
  </si>
  <si>
    <t>POINT (4.603242147569737 51.8162484492827)</t>
  </si>
  <si>
    <t>POINT (4.639438132879882 51.819045775424556)</t>
  </si>
  <si>
    <t>POINT (4.658971766143239 51.83050385151001)</t>
  </si>
  <si>
    <t>POINT (4.639568379528263 51.8258297142516)</t>
  </si>
  <si>
    <t>POINT (4.604276633317769 51.81399098615538)</t>
  </si>
  <si>
    <t>POINT (4.595697818360818 51.81379619770542)</t>
  </si>
  <si>
    <t>POINT (4.6369286403113 51.81464402927231)</t>
  </si>
  <si>
    <t>POINT (4.560841485179403 51.83367285325605)</t>
  </si>
  <si>
    <t>POINT (4.604272403130225 51.814500951605105)</t>
  </si>
  <si>
    <t>3333AS</t>
  </si>
  <si>
    <t>CuraÃ§aostraat</t>
  </si>
  <si>
    <t>POINT (4.637174821881749 51.81038654829698)</t>
  </si>
  <si>
    <t>POINT (4.60614721962702 51.82259133356124)</t>
  </si>
  <si>
    <t>POINT (4.655770271349412 51.82194847324835)</t>
  </si>
  <si>
    <t>POINT (4.566370766405421 51.834079952481154)</t>
  </si>
  <si>
    <t>POINT (4.649017646161329 51.8176888045467)</t>
  </si>
  <si>
    <t>POINT (4.634870831690809 51.80862278554599)</t>
  </si>
  <si>
    <t>POINT (4.59774749590482 51.81458632574438)</t>
  </si>
  <si>
    <t>POINT (4.627705095441339 51.8131132193828)</t>
  </si>
  <si>
    <t>POINT (4.626789011272432 51.813623967059826)</t>
  </si>
  <si>
    <t>POINT (4.638020449438118 51.82380982040209)</t>
  </si>
  <si>
    <t>POINT (4.594974005773032 51.81513801555374)</t>
  </si>
  <si>
    <t>POINT (4.617384622310546 51.82116596430919)</t>
  </si>
  <si>
    <t>POINT (4.634216697717304 51.809581100892764)</t>
  </si>
  <si>
    <t>POINT (4.659087525905375 51.823810051548335)</t>
  </si>
  <si>
    <t>POINT (4.654586908992764 51.828539957644914)</t>
  </si>
  <si>
    <t>POINT (4.632519456986619 51.818229081539805)</t>
  </si>
  <si>
    <t>POINT (4.6533157744346285 51.815853502793765)</t>
  </si>
  <si>
    <t>POINT (4.615503907797741 51.81529594495654)</t>
  </si>
  <si>
    <t>POINT (4.649030383432255 51.81969734382377)</t>
  </si>
  <si>
    <t>POINT (4.656517897765249 51.82992847363266)</t>
  </si>
  <si>
    <t>POINT (4.655818980571331 51.82183931267542)</t>
  </si>
  <si>
    <t>POINT (4.6290716521910955 51.811550900986894)</t>
  </si>
  <si>
    <t>POINT (4.65609503593437 51.820310269686836)</t>
  </si>
  <si>
    <t>POINT (4.630430574772297 51.81265983666889)</t>
  </si>
  <si>
    <t>POINT (4.642674884113082 51.819365694882286)</t>
  </si>
  <si>
    <t>POINT (4.637521927925378 51.81764310721997)</t>
  </si>
  <si>
    <t>POINT (4.635896345114378 51.81789780663931)</t>
  </si>
  <si>
    <t>POINT (4.61934141740786 51.812147020593734)</t>
  </si>
  <si>
    <t>POINT (4.64250817157829 51.809791791779226)</t>
  </si>
  <si>
    <t>POINT (4.641814889428175 51.81901591523684)</t>
  </si>
  <si>
    <t>POINT (4.644098344626927 51.81780320551632)</t>
  </si>
  <si>
    <t>POINT (4.636861619312955 51.81463036041389)</t>
  </si>
  <si>
    <t>POINT (4.647249839213462 51.81876573471374)</t>
  </si>
  <si>
    <t>POINT (4.663067876864308 51.82172018124537)</t>
  </si>
  <si>
    <t>POINT (4.635676505828294 51.81641064783272)</t>
  </si>
  <si>
    <t>POINT (4.560049590760032 51.83521407829993)</t>
  </si>
  <si>
    <t>POINT (4.624489194558865 51.81172107949735)</t>
  </si>
  <si>
    <t>POINT (4.630503768513839 51.80660444206336)</t>
  </si>
  <si>
    <t>POINT (4.6464392509328 51.824151702656)</t>
  </si>
  <si>
    <t>POINT (4.650471463856539 51.81814516301385)</t>
  </si>
  <si>
    <t>POINT (4.6222404062690154 51.81256040591386)</t>
  </si>
  <si>
    <t>POINT (4.6333313338500774 51.81161880159365)</t>
  </si>
  <si>
    <t>POINT (4.600959043709568 51.8153680008904)</t>
  </si>
  <si>
    <t>POINT (4.631681342231449 51.807657714211)</t>
  </si>
  <si>
    <t>POINT (4.630301496916784 51.81331521594076)</t>
  </si>
  <si>
    <t>POINT (4.615285235974354 51.81412785170563)</t>
  </si>
  <si>
    <t>POINT (4.645134945722949 51.81625167361682)</t>
  </si>
  <si>
    <t>POINT (4.661129086631776 51.8239353445978)</t>
  </si>
  <si>
    <t>POINT (4.620382787436728 51.81300334490058)</t>
  </si>
  <si>
    <t>POINT (4.567038233783208 51.83466431106435)</t>
  </si>
  <si>
    <t>POINT (4.6014161392275605 51.815012241185414)</t>
  </si>
  <si>
    <t>POINT (4.641449234062962 51.825744844422154)</t>
  </si>
  <si>
    <t>POINT (4.6053073069984976 51.82233487486357)</t>
  </si>
  <si>
    <t>POINT (4.617361709345558 51.81424263298582)</t>
  </si>
  <si>
    <t>POINT (4.612745513710522 51.81996001630809)</t>
  </si>
  <si>
    <t>POINT (4.652242688392171 51.825255861173005)</t>
  </si>
  <si>
    <t>POINT (4.648829719551999 51.82578272312066)</t>
  </si>
  <si>
    <t>POINT (4.565311609214227 51.83737213019823)</t>
  </si>
  <si>
    <t>POINT (4.638006909685196 51.82379535207093)</t>
  </si>
  <si>
    <t>POINT (4.639463003455236 51.820267461473534)</t>
  </si>
  <si>
    <t>POINT (4.642657932910189 51.818413585962695)</t>
  </si>
  <si>
    <t>POINT (4.6591092205625575 51.8232025068894)</t>
  </si>
  <si>
    <t>POINT (4.630139506448289 51.807670617036734)</t>
  </si>
  <si>
    <t>POINT (4.6348830499539595 51.809998019542284)</t>
  </si>
  <si>
    <t>POINT (4.603106820813749 51.819635235311566)</t>
  </si>
  <si>
    <t>POINT (4.640509879818238 51.81093056413104)</t>
  </si>
  <si>
    <t>POINT (4.645996111599467 51.8144636287634)</t>
  </si>
  <si>
    <t>POINT (4.650125135868814 51.826163985090865)</t>
  </si>
  <si>
    <t>POINT (4.655772199912213 51.820656920066746)</t>
  </si>
  <si>
    <t>POINT (4.634195262626667 51.81293020081552)</t>
  </si>
  <si>
    <t>POINT (4.6547922124174805 51.820095793608836)</t>
  </si>
  <si>
    <t>POINT (4.562881303804949 51.83637341090951)</t>
  </si>
  <si>
    <t>POINT (4.641149587685538 51.81672541342731)</t>
  </si>
  <si>
    <t>POINT (4.652911646998924 51.815252651957586)</t>
  </si>
  <si>
    <t>POINT (4.628497966381532 51.811709601330705)</t>
  </si>
  <si>
    <t>POINT (4.654956166646827 51.821009329433764)</t>
  </si>
  <si>
    <t>POINT (4.568465997183649 51.83797978882429)</t>
  </si>
  <si>
    <t>POINT (4.646620142507697 51.82408246277841)</t>
  </si>
  <si>
    <t>POINT (4.641315913551782 51.82566036654347)</t>
  </si>
  <si>
    <t>POINT (4.597776653501953 51.8164750014727)</t>
  </si>
  <si>
    <t>POINT (4.622595319797867 51.81238209965754)</t>
  </si>
  <si>
    <t>POINT (4.659545020937043 51.82193011221601)</t>
  </si>
  <si>
    <t>POINT (4.634937963712406 51.82084373581057)</t>
  </si>
  <si>
    <t>POINT (4.639014169306984 51.822844931106204)</t>
  </si>
  <si>
    <t>POINT (4.628992946909508 51.80678683215145)</t>
  </si>
  <si>
    <t>POINT (4.636598277962889 51.8104608568686)</t>
  </si>
  <si>
    <t>POINT (4.601265580201116 51.819655153085975)</t>
  </si>
  <si>
    <t>POINT (4.63682523290348 51.810896759491165)</t>
  </si>
  <si>
    <t>POINT (4.615635479953788 51.81971387501816)</t>
  </si>
  <si>
    <t>POINT (4.615334903542016 51.81308703267472)</t>
  </si>
  <si>
    <t>POINT (4.6213967192907575 51.811400598914744)</t>
  </si>
  <si>
    <t>POINT (4.623014372957675 51.81327404704327)</t>
  </si>
  <si>
    <t>POINT (4.655071034381089 51.82950988954885)</t>
  </si>
  <si>
    <t>POINT (4.6131366472396635 51.819900331833395)</t>
  </si>
  <si>
    <t>POINT (4.639571670140845 51.817487518938556)</t>
  </si>
  <si>
    <t>POINT (4.610822669866952 51.818339238920224)</t>
  </si>
  <si>
    <t>POINT (4.625215334322345 51.813868859116)</t>
  </si>
  <si>
    <t>POINT (4.658562615764448 51.82625407686682)</t>
  </si>
  <si>
    <t>POINT (4.630034816009001 51.807886371831096)</t>
  </si>
  <si>
    <t>POINT (4.629320445889348 51.820851855683905)</t>
  </si>
  <si>
    <t>POINT (4.612630819193129 51.813175075713914)</t>
  </si>
  <si>
    <t>POINT (4.6490919424210775 51.81967854913339)</t>
  </si>
  <si>
    <t>POINT (4.634346805109635 51.809525234922496)</t>
  </si>
  <si>
    <t>POINT (4.604224794961189 51.819234350342924)</t>
  </si>
  <si>
    <t>POINT (4.628056335221535 51.81401673618899)</t>
  </si>
  <si>
    <t>POINT (4.584406272744262 51.818125680964876)</t>
  </si>
  <si>
    <t>POINT (4.644323594674554 51.81527592336153)</t>
  </si>
  <si>
    <t>POINT (4.6460317810375 51.81449844253948)</t>
  </si>
  <si>
    <t>POINT (4.619544932520138 51.81866509967938)</t>
  </si>
  <si>
    <t>POINT (4.642684823299819 51.82540950037993)</t>
  </si>
  <si>
    <t>POINT (4.604237992483497 51.81412579303809)</t>
  </si>
  <si>
    <t>POINT (4.609850417745789 51.81855894134055)</t>
  </si>
  <si>
    <t>POINT (4.644354008937146 51.824863604896215)</t>
  </si>
  <si>
    <t>POINT (4.626652049555777 51.81298881797722)</t>
  </si>
  <si>
    <t>POINT (4.650639000861598 51.81693503401187)</t>
  </si>
  <si>
    <t>POINT (4.658863284745891 51.8283591117566)</t>
  </si>
  <si>
    <t>POINT (4.629346085681556 51.82082968432502)</t>
  </si>
  <si>
    <t>POINT (4.616126884233106 51.81803251135645)</t>
  </si>
  <si>
    <t>POINT (4.620482671363241 51.81155833287813)</t>
  </si>
  <si>
    <t>POINT (4.660239042856436 51.82195312735489)</t>
  </si>
  <si>
    <t>POINT (4.623113194246996 51.8131001386546)</t>
  </si>
  <si>
    <t>POINT (4.655157335927518 51.82033743113371)</t>
  </si>
  <si>
    <t>POINT (4.637656770859704 51.81219822701016)</t>
  </si>
  <si>
    <t>POINT (4.647048558404811 51.82290726112871)</t>
  </si>
  <si>
    <t>POINT (4.6489261739153225 51.81830239922483)</t>
  </si>
  <si>
    <t>POINT (4.604541650195045 51.812930941968986)</t>
  </si>
  <si>
    <t>POINT (4.633311756356346 51.82448919282454)</t>
  </si>
  <si>
    <t>POINT (4.629586149308722 51.808115609444116)</t>
  </si>
  <si>
    <t>POINT (4.604839261697084 51.82217745540707)</t>
  </si>
  <si>
    <t>POINT (4.656255456966751 51.829867685271815)</t>
  </si>
  <si>
    <t>POINT (4.6496551731722935 51.8263662534675)</t>
  </si>
  <si>
    <t>POINT (4.637730007768601 51.8121622905218)</t>
  </si>
  <si>
    <t>POINT (4.615387803721558 51.812983893445825)</t>
  </si>
  <si>
    <t>POINT (4.655923347007505 51.82077072377496)</t>
  </si>
  <si>
    <t>POINT (4.6355758360642225 51.821846376802064)</t>
  </si>
  <si>
    <t>POINT (4.61271137457335 51.81329602934173)</t>
  </si>
  <si>
    <t>POINT (4.634001317441788 51.82041309346606)</t>
  </si>
  <si>
    <t>POINT (4.634278417617849 51.80953571742709)</t>
  </si>
  <si>
    <t>POINT (4.629211153464826 51.80872104955848)</t>
  </si>
  <si>
    <t>POINT (4.642912685729271 51.822968422811066)</t>
  </si>
  <si>
    <t>POINT (4.62962473367014 51.82229154495217)</t>
  </si>
  <si>
    <t>POINT (4.6539006386312005 51.818673340469076)</t>
  </si>
  <si>
    <t>POINT (4.6410334047677395 51.809168692694044)</t>
  </si>
  <si>
    <t>POINT (4.6035232103062205 51.821100886675936)</t>
  </si>
  <si>
    <t>POINT (4.636104101112148 51.811216647287885)</t>
  </si>
  <si>
    <t>POINT (4.568305272708646 51.838507951748404)</t>
  </si>
  <si>
    <t>POINT (4.651840889140813 51.81477547944666)</t>
  </si>
  <si>
    <t>POINT (4.629034487412027 51.806176389126065)</t>
  </si>
  <si>
    <t>POINT (4.653121932968046 51.81881275873045)</t>
  </si>
  <si>
    <t>POINT (4.644421481333945 51.82490199111969)</t>
  </si>
  <si>
    <t>POINT (4.630571983880808 51.81357230248124)</t>
  </si>
  <si>
    <t>POINT (4.638330635064022 51.811869407887585)</t>
  </si>
  <si>
    <t>POINT (4.645843539521252 51.82523159014829)</t>
  </si>
  <si>
    <t>POINT (4.602860748375789 51.82070177537027)</t>
  </si>
  <si>
    <t>POINT (4.6566088507936785 51.82494308691086)</t>
  </si>
  <si>
    <t>POINT (4.635311591828353 51.82366760051956)</t>
  </si>
  <si>
    <t>POINT (4.604953003750517 51.81560202553712)</t>
  </si>
  <si>
    <t>POINT (4.643138353827218 51.81611425084497)</t>
  </si>
  <si>
    <t>POINT (4.6432050677221905 51.81950097509363)</t>
  </si>
  <si>
    <t>POINT (4.658997540686378 51.829153994627056)</t>
  </si>
  <si>
    <t>POINT (4.628762738148915 51.8128897149919)</t>
  </si>
  <si>
    <t>POINT (4.639427665105365 51.80872572788166)</t>
  </si>
  <si>
    <t>POINT (4.641127314510115 51.81783721838459)</t>
  </si>
  <si>
    <t>POINT (4.56678434439079 51.834448847468835)</t>
  </si>
  <si>
    <t>POINT (4.647139115756331 51.81788323719378)</t>
  </si>
  <si>
    <t>POINT (4.594417709767475 51.81419442305513)</t>
  </si>
  <si>
    <t>POINT (4.638740192697017 51.81482715530788)</t>
  </si>
  <si>
    <t>POINT (4.6616563505485376 51.824840797902226)</t>
  </si>
  <si>
    <t>POINT (4.65524469190862 51.82336111111351)</t>
  </si>
  <si>
    <t>POINT (4.566230609505772 51.836653447800124)</t>
  </si>
  <si>
    <t>POINT (4.626660942120243 51.813764925073144)</t>
  </si>
  <si>
    <t>POINT (4.621850090769228 51.812384180932675)</t>
  </si>
  <si>
    <t>POINT (4.619405609678378 51.83038206439352)</t>
  </si>
  <si>
    <t>POINT (4.653278399560457 51.822125742758985)</t>
  </si>
  <si>
    <t>POINT (4.63845692146626 51.81074960098892)</t>
  </si>
  <si>
    <t>POINT (4.639730511054458 51.82258946151679)</t>
  </si>
  <si>
    <t>POINT (4.603584237823291 51.814693013892644)</t>
  </si>
  <si>
    <t>POINT (4.641186305887383 51.82563730483642)</t>
  </si>
  <si>
    <t>POINT (4.617170909406035 51.81360529438064)</t>
  </si>
  <si>
    <t>POINT (4.567253698928386 51.835427028100284)</t>
  </si>
  <si>
    <t>POINT (4.642896311092283 51.815399310219156)</t>
  </si>
  <si>
    <t>POINT (4.636970394648709 51.81873455901449)</t>
  </si>
  <si>
    <t>POINT (4.638605762348472 51.82526650480069)</t>
  </si>
  <si>
    <t>POINT (4.656501716130025 51.82164123904211)</t>
  </si>
  <si>
    <t>POINT (4.6133080912231526 51.81718583566507)</t>
  </si>
  <si>
    <t>POINT (4.646847418361873 51.82383686062416)</t>
  </si>
  <si>
    <t>POINT (4.645126705190684 51.824505179091844)</t>
  </si>
  <si>
    <t>POINT (4.630626664789592 51.812897809728376)</t>
  </si>
  <si>
    <t>POINT (4.656766665632013 51.82137960090412)</t>
  </si>
  <si>
    <t>POINT (4.63560688107721 51.818899047077515)</t>
  </si>
  <si>
    <t>POINT (4.629575226152018 51.811797369812275)</t>
  </si>
  <si>
    <t>POINT (4.64269491178642 51.82025364395275)</t>
  </si>
  <si>
    <t>POINT (4.628899606084934 51.81192849277848)</t>
  </si>
  <si>
    <t>POINT (4.60457848222034 51.81968017722593)</t>
  </si>
  <si>
    <t>POINT (4.641196298538116 51.808862449543305)</t>
  </si>
  <si>
    <t>POINT (4.614577102058857 51.83221995128204)</t>
  </si>
  <si>
    <t>POINT (4.661221672978722 51.82358069402036)</t>
  </si>
  <si>
    <t>POINT (4.656377965265131 51.818046542875805)</t>
  </si>
  <si>
    <t>POINT (4.563630112096373 51.831526476998164)</t>
  </si>
  <si>
    <t>POINT (4.643884850175703 51.820539575043725)</t>
  </si>
  <si>
    <t>POINT (4.640235283263414 51.8171502100697)</t>
  </si>
  <si>
    <t>POINT (4.653389041100498 51.8208563160892)</t>
  </si>
  <si>
    <t>POINT (4.628058029021552 51.814774801011104)</t>
  </si>
  <si>
    <t>POINT (4.56977156827564 51.834743376369794)</t>
  </si>
  <si>
    <t>POINT (4.646600274595518 51.81409092468232)</t>
  </si>
  <si>
    <t>POINT (4.626792162436053 51.81299262033114)</t>
  </si>
  <si>
    <t>POINT (4.629982424319088 51.81482596617437)</t>
  </si>
  <si>
    <t>POINT (4.63364973518166 51.81264759971283)</t>
  </si>
  <si>
    <t>POINT (4.604201461985784 51.81321891878685)</t>
  </si>
  <si>
    <t>POINT (4.60989741731098 51.81837686248023)</t>
  </si>
  <si>
    <t>POINT (4.656415962631495 51.826570570732144)</t>
  </si>
  <si>
    <t>POINT (4.618133062786824 51.82134974642923)</t>
  </si>
  <si>
    <t>POINT (4.647075137271515 51.827358794692664)</t>
  </si>
  <si>
    <t>POINT (4.6551467263853485 51.82337249102702)</t>
  </si>
  <si>
    <t>POINT (4.637347798095223 51.82360845684316)</t>
  </si>
  <si>
    <t>POINT (4.636800118009338 51.81465450632604)</t>
  </si>
  <si>
    <t>POINT (4.644740587110672 51.81496720285805)</t>
  </si>
  <si>
    <t>POINT (4.642863583224349 51.82629295443084)</t>
  </si>
  <si>
    <t>POINT (4.641620446433724 51.82210439897422)</t>
  </si>
  <si>
    <t>POINT (4.596164344699011 51.81530955939703)</t>
  </si>
  <si>
    <t>POINT (4.636976346451904 51.810051726642)</t>
  </si>
  <si>
    <t>POINT (4.660103755736083 51.82144689213907)</t>
  </si>
  <si>
    <t>POINT (4.603992231227068 51.815672749680076)</t>
  </si>
  <si>
    <t>POINT (4.621494277106307 51.813239482305406)</t>
  </si>
  <si>
    <t>POINT (4.612007897346661 51.81850173358918)</t>
  </si>
  <si>
    <t>POINT (4.61430596443983 51.821384344911095)</t>
  </si>
  <si>
    <t>POINT (4.607187289662363 51.81389344347484)</t>
  </si>
  <si>
    <t>POINT (4.616505388617231 51.822155136597814)</t>
  </si>
  <si>
    <t>POINT (4.6209148505001005 51.8114558350012)</t>
  </si>
  <si>
    <t>POINT (4.6087493779936874 51.82245528298589)</t>
  </si>
  <si>
    <t>POINT (4.6598790326010855 51.82111167835025)</t>
  </si>
  <si>
    <t>POINT (4.61626694972377 51.81972415504591)</t>
  </si>
  <si>
    <t>POINT (4.560912969323099 51.833196637983995)</t>
  </si>
  <si>
    <t>POINT (4.600843702032249 51.81423978011595)</t>
  </si>
  <si>
    <t>POINT (4.628903998787921 51.81275715450993)</t>
  </si>
  <si>
    <t>POINT (4.64019849046056 51.818740336773914)</t>
  </si>
  <si>
    <t>POINT (4.566322671505307 51.8392105797572)</t>
  </si>
  <si>
    <t>POINT (4.638523565527834 51.82526598052916)</t>
  </si>
  <si>
    <t>POINT (4.639907031533282 51.81922169552771)</t>
  </si>
  <si>
    <t>POINT (4.637802050156081 51.81970108762088)</t>
  </si>
  <si>
    <t>POINT (4.643642317743695 51.825132030908534)</t>
  </si>
  <si>
    <t>POINT (4.639487707539766 51.822031739674685)</t>
  </si>
  <si>
    <t>POINT (4.615217660960158 51.82232278944639)</t>
  </si>
  <si>
    <t>POINT (4.615521838908419 51.817872040951755)</t>
  </si>
  <si>
    <t>POINT (4.650880100199569 51.81422085738078)</t>
  </si>
  <si>
    <t>POINT (4.637204070497696 51.81483337505146)</t>
  </si>
  <si>
    <t>POINT (4.6435244884299385 51.81538511748519)</t>
  </si>
  <si>
    <t>POINT (4.635164038438243 51.816846094525246)</t>
  </si>
  <si>
    <t>POINT (4.6374513023582535 51.82109232893228)</t>
  </si>
  <si>
    <t>POINT (4.619896278724998 51.81333267550712)</t>
  </si>
  <si>
    <t>POINT (4.6355255908092134 51.8226456893198)</t>
  </si>
  <si>
    <t>POINT (4.608533608711355 51.81530294508877)</t>
  </si>
  <si>
    <t>POINT (4.652699750584947 51.816909855448266)</t>
  </si>
  <si>
    <t>POINT (4.581662222621055 51.825495158877516)</t>
  </si>
  <si>
    <t>POINT (4.607760763836056 51.82122910515041)</t>
  </si>
  <si>
    <t>POINT (4.611027443711006 51.81970325645312)</t>
  </si>
  <si>
    <t>POINT (4.63517914250015 51.82070658582882)</t>
  </si>
  <si>
    <t>POINT (4.641873140604536 51.81100338311197)</t>
  </si>
  <si>
    <t>POINT (4.660757270704949 51.82656738932141)</t>
  </si>
  <si>
    <t>POINT (4.594590502331041 51.81257217857104)</t>
  </si>
  <si>
    <t>POINT (4.651910001827586 51.8216481845575)</t>
  </si>
  <si>
    <t>POINT (4.630705232238651 51.812915367818206)</t>
  </si>
  <si>
    <t>POINT (4.635793994266728 51.82264830684704)</t>
  </si>
  <si>
    <t>POINT (4.644334772302863 51.82099673900017)</t>
  </si>
  <si>
    <t>POINT (4.563002019252733 51.836970122539604)</t>
  </si>
  <si>
    <t>POINT (4.615429714187698 51.813273650898495)</t>
  </si>
  <si>
    <t>POINT (4.658124453328349 51.825088365779834)</t>
  </si>
  <si>
    <t>POINT (4.616962920351054 51.81985495321552)</t>
  </si>
  <si>
    <t>POINT (4.6392147750759 51.818160997037786)</t>
  </si>
  <si>
    <t>POINT (4.632550369332317 51.8097487954044)</t>
  </si>
  <si>
    <t>POINT (4.562704013087091 51.8356176593316)</t>
  </si>
  <si>
    <t>POINT (4.607591781129756 51.81981035345883)</t>
  </si>
  <si>
    <t>POINT (4.64046605655761 51.82564816738112)</t>
  </si>
  <si>
    <t>POINT (4.561906737216988 51.83729979317094)</t>
  </si>
  <si>
    <t>POINT (4.6134597300432745 51.81807189183047)</t>
  </si>
  <si>
    <t>POINT (4.6332996230795285 51.82610596514869)</t>
  </si>
  <si>
    <t>POINT (4.656041816189719 51.81768962992866)</t>
  </si>
  <si>
    <t>POINT (4.597621713548962 51.81186131632301)</t>
  </si>
  <si>
    <t>POINT (4.628321143565665 51.8120579121386)</t>
  </si>
  <si>
    <t>POINT (4.62895167614909 51.80758639047173)</t>
  </si>
  <si>
    <t>POINT (4.6450598410349695 51.81653140321598)</t>
  </si>
  <si>
    <t>POINT (4.655620205304586 51.827452211348316)</t>
  </si>
  <si>
    <t>POINT (4.611939833790361 51.81356477631095)</t>
  </si>
  <si>
    <t>POINT (4.627025079088704 51.81469906320113)</t>
  </si>
  <si>
    <t>POINT (4.629144689081346 51.8141543236399)</t>
  </si>
  <si>
    <t>POINT (4.626644832158437 51.81085145280255)</t>
  </si>
  <si>
    <t>POINT (4.631377471121004 51.80731439289057)</t>
  </si>
  <si>
    <t>POINT (4.604313666824871 51.813946217653616)</t>
  </si>
  <si>
    <t>POINT (4.645053257037474 51.814597677842364)</t>
  </si>
  <si>
    <t>POINT (4.650411610658438 51.81879537038119)</t>
  </si>
  <si>
    <t>POINT (4.6489743806627475 51.825700901248055)</t>
  </si>
  <si>
    <t>POINT (4.604418706568966 51.814429046959916)</t>
  </si>
  <si>
    <t>POINT (4.647580542247413 51.81564804283459)</t>
  </si>
  <si>
    <t>POINT (4.645596361169734 51.82062876557253)</t>
  </si>
  <si>
    <t>POINT (4.6549122327416175 51.82043076862046)</t>
  </si>
  <si>
    <t>POINT (4.642897628363187 51.81531952592122)</t>
  </si>
  <si>
    <t>POINT (4.603484410777388 51.813567110748835)</t>
  </si>
  <si>
    <t>POINT (4.658600064857658 51.8236487540212)</t>
  </si>
  <si>
    <t>POINT (4.642729873750948 51.81621094942756)</t>
  </si>
  <si>
    <t>POINT (4.647264990273845 51.823637994532824)</t>
  </si>
  <si>
    <t>POINT (4.62554853409689 51.810669080279155)</t>
  </si>
  <si>
    <t>POINT (4.633999629506767 51.809708902519404)</t>
  </si>
  <si>
    <t>POINT (4.628657530380869 51.82322012277944)</t>
  </si>
  <si>
    <t>POINT (4.610603484707593 51.818525491202806)</t>
  </si>
  <si>
    <t>POINT (4.561361065139155 51.834126181079945)</t>
  </si>
  <si>
    <t>POINT (4.602699592307897 51.81300528434953)</t>
  </si>
  <si>
    <t>POINT (4.632202585321547 51.80701086156895)</t>
  </si>
  <si>
    <t>POINT (4.612273708033836 51.80803408684739)</t>
  </si>
  <si>
    <t>POINT (4.65511803311821 51.82338241533291)</t>
  </si>
  <si>
    <t>POINT (4.650042162985038 51.81630607843845)</t>
  </si>
  <si>
    <t>POINT (4.652337484079344 51.82428354722808)</t>
  </si>
  <si>
    <t>POINT (4.656712267795369 51.82134411661819)</t>
  </si>
  <si>
    <t>POINT (4.634012935969683 51.805282847302394)</t>
  </si>
  <si>
    <t>POINT (4.613415142011976 51.8180433732774)</t>
  </si>
  <si>
    <t>POINT (4.637143310140597 51.82295500262521)</t>
  </si>
  <si>
    <t>POINT (4.6023754985174055 51.82056842861044)</t>
  </si>
  <si>
    <t>POINT (4.567431695757508 51.83622786492139)</t>
  </si>
  <si>
    <t>POINT (4.64550420225073 51.81432954657911)</t>
  </si>
  <si>
    <t>POINT (4.561884848501889 51.83227144045809)</t>
  </si>
  <si>
    <t>POINT (4.563216064696572 51.83609453020975)</t>
  </si>
  <si>
    <t>POINT (4.611835073723449 51.813320831289154)</t>
  </si>
  <si>
    <t>POINT (4.602391285470789 51.80977330017815)</t>
  </si>
  <si>
    <t>POINT (4.632091319851206 51.808173222212034)</t>
  </si>
  <si>
    <t>POINT (4.6474077387655415 51.82289301342066)</t>
  </si>
  <si>
    <t>POINT (4.61660252147745 51.82138607992973)</t>
  </si>
  <si>
    <t>POINT (4.5946033044562355 51.81475086627507)</t>
  </si>
  <si>
    <t>POINT (4.641155230459154 51.81893810638172)</t>
  </si>
  <si>
    <t>POINT (4.632362339452634 51.80912225935294)</t>
  </si>
  <si>
    <t>POINT (4.654566555925858 51.81639498502471)</t>
  </si>
  <si>
    <t>POINT (4.569570267058916 51.83722427822442)</t>
  </si>
  <si>
    <t>POINT (4.605416932740616 51.82260353197138)</t>
  </si>
  <si>
    <t>POINT (4.620309754718195 51.813011883334354)</t>
  </si>
  <si>
    <t>POINT (4.6076438249702765 51.81362002873405)</t>
  </si>
  <si>
    <t>POINT (4.647744064152691 51.8182217082424)</t>
  </si>
  <si>
    <t>POINT (4.617905023066889 51.821077547869784)</t>
  </si>
  <si>
    <t>POINT (4.6585179572755555 51.82202524927568)</t>
  </si>
  <si>
    <t>POINT (4.6339793915716365 51.80979537883324)</t>
  </si>
  <si>
    <t>POINT (4.653459747955364 51.815864029918664)</t>
  </si>
  <si>
    <t>POINT (4.569073881992073 51.83741840137247)</t>
  </si>
  <si>
    <t>POINT (4.637295494078484 51.81489621503736)</t>
  </si>
  <si>
    <t>POINT (4.657345760288727 51.82572169507241)</t>
  </si>
  <si>
    <t>POINT (4.6411914304275825 51.82573609610301)</t>
  </si>
  <si>
    <t>POINT (4.647095685305624 51.82382155462091)</t>
  </si>
  <si>
    <t>POINT (4.6450269632348995 51.8146091698946)</t>
  </si>
  <si>
    <t>POINT (4.628880512054474 51.808656181031786)</t>
  </si>
  <si>
    <t>POINT (4.645627880409608 51.82223939585666)</t>
  </si>
  <si>
    <t>POINT (4.635327515310228 51.80791405848589)</t>
  </si>
  <si>
    <t>POINT (4.608366713040367 51.81615564973585)</t>
  </si>
  <si>
    <t>POINT (4.609697347844607 51.82176237923427)</t>
  </si>
  <si>
    <t>POINT (4.60359363460462 51.81036444383474)</t>
  </si>
  <si>
    <t>POINT (4.62490569588924 51.81366379313808)</t>
  </si>
  <si>
    <t>POINT (4.653412746651883 51.81982515693981)</t>
  </si>
  <si>
    <t>POINT (4.634504156823567 51.824477160423044)</t>
  </si>
  <si>
    <t>POINT (4.608681470401645 51.81896912348924)</t>
  </si>
  <si>
    <t>POINT (4.629252141360165 51.80803041469812)</t>
  </si>
  <si>
    <t>POINT (4.627972120494964 51.823791174613824)</t>
  </si>
  <si>
    <t>POINT (4.656499253111978 51.823236345234385)</t>
  </si>
  <si>
    <t>POINT (4.6531199149679585 51.82150964726277)</t>
  </si>
  <si>
    <t>POINT (4.569647958388548 51.83380581662268)</t>
  </si>
  <si>
    <t>POINT (4.63551195822472 51.82104437379241)</t>
  </si>
  <si>
    <t>POINT (4.641876343891486 51.81845796386835)</t>
  </si>
  <si>
    <t>POINT (4.628261462522724 51.82796982398613)</t>
  </si>
  <si>
    <t>POINT (4.6389243006988625 51.80867081606025)</t>
  </si>
  <si>
    <t>POINT (4.561098465893274 51.83454485408145)</t>
  </si>
  <si>
    <t>POINT (4.611820483906348 51.8148554877669)</t>
  </si>
  <si>
    <t>POINT (4.609034260659681 51.81846703408326)</t>
  </si>
  <si>
    <t>POINT (4.642790205800003 51.82621506055838)</t>
  </si>
  <si>
    <t>POINT (4.622492976799555 51.81218991917401)</t>
  </si>
  <si>
    <t>POINT (4.620121317479032 51.81261878853913)</t>
  </si>
  <si>
    <t>POINT (4.662539315464804 51.82324429194152)</t>
  </si>
  <si>
    <t>POINT (4.6372449134714975 51.806700043995285)</t>
  </si>
  <si>
    <t>POINT (4.627150336836061 51.81370216354754)</t>
  </si>
  <si>
    <t>POINT (4.653559580674656 51.8205188864936)</t>
  </si>
  <si>
    <t>POINT (4.625111210913857 51.81382575625343)</t>
  </si>
  <si>
    <t>POINT (4.629018678869652 51.811458568259376)</t>
  </si>
  <si>
    <t>POINT (4.633552003874584 51.81278049035263)</t>
  </si>
  <si>
    <t>POINT (4.6562617944820435 51.822959471619896)</t>
  </si>
  <si>
    <t>POINT (4.560373234601573 51.83284467608009)</t>
  </si>
  <si>
    <t>POINT (4.656894453590821 51.82385295613899)</t>
  </si>
  <si>
    <t>POINT (4.640312586742998 51.82574940126513)</t>
  </si>
  <si>
    <t>POINT (4.625726340747801 51.81322739769406)</t>
  </si>
  <si>
    <t>POINT (4.607183849517645 51.82118230624752)</t>
  </si>
  <si>
    <t>POINT (4.630503718298813 51.81278278849234)</t>
  </si>
  <si>
    <t>POINT (4.656158415619579 51.82984449242738)</t>
  </si>
  <si>
    <t>POINT (4.626208639944629 51.812436903797106)</t>
  </si>
  <si>
    <t>POINT (4.6549350028685375 51.81699349497484)</t>
  </si>
  <si>
    <t>POINT (4.614692536157269 51.81422850837714)</t>
  </si>
  <si>
    <t>POINT (4.625568257080592 51.813082929913094)</t>
  </si>
  <si>
    <t>POINT (4.612357107293928 51.818758213719754)</t>
  </si>
  <si>
    <t>POINT (4.663805942565514 51.823482377138006)</t>
  </si>
  <si>
    <t>POINT (4.630779674660589 51.81029790373783)</t>
  </si>
  <si>
    <t>POINT (4.653484933824966 51.81984923949306)</t>
  </si>
  <si>
    <t>POINT (4.597962109538392 51.813559736352985)</t>
  </si>
  <si>
    <t>POINT (4.615423350882162 51.81338359505749)</t>
  </si>
  <si>
    <t>POINT (4.641472125027527 51.80931699073747)</t>
  </si>
  <si>
    <t>POINT (4.602041597158937 51.81866951073938)</t>
  </si>
  <si>
    <t>POINT (4.641028981581405 51.825536000045965)</t>
  </si>
  <si>
    <t>POINT (4.630789268269315 51.82252514867828)</t>
  </si>
  <si>
    <t>POINT (4.647153369821801 51.823668966915236)</t>
  </si>
  <si>
    <t>POINT (4.663420408345964 51.823520925752234)</t>
  </si>
  <si>
    <t>POINT (4.614621776239647 51.8133248377179)</t>
  </si>
  <si>
    <t>POINT (4.64567047682501 51.81420059385725)</t>
  </si>
  <si>
    <t>POINT (4.653051057430525 51.82038957747735)</t>
  </si>
  <si>
    <t>POINT (4.652964601103999 51.81995388555987)</t>
  </si>
  <si>
    <t>POINT (4.654985980141555 51.82096428440122)</t>
  </si>
  <si>
    <t>POINT (4.656162124016716 51.82182937868861)</t>
  </si>
  <si>
    <t>POINT (4.573364465227165 51.82862854425598)</t>
  </si>
  <si>
    <t>POINT (4.6563471477392175 51.8217363745886)</t>
  </si>
  <si>
    <t>POINT (4.568355031077403 51.832647413832255)</t>
  </si>
  <si>
    <t>POINT (4.642500513954385 51.818304408266)</t>
  </si>
  <si>
    <t>POINT (4.648307744712001 51.82690371540806)</t>
  </si>
  <si>
    <t>POINT (4.629602475991821 51.821179615852124)</t>
  </si>
  <si>
    <t>POINT (4.61942149088107 51.83037978626586)</t>
  </si>
  <si>
    <t>POINT (4.636417526178642 51.8121333795962)</t>
  </si>
  <si>
    <t>POINT (4.623982479953828 51.81309584498282)</t>
  </si>
  <si>
    <t>POINT (4.640534405072166 51.82564667861571)</t>
  </si>
  <si>
    <t>POINT (4.635326425535935 51.82368270666355)</t>
  </si>
  <si>
    <t>POINT (4.5979280373084235 51.813893097245746)</t>
  </si>
  <si>
    <t>POINT (4.638966804543398 51.82547781192066)</t>
  </si>
  <si>
    <t>POINT (4.656574335437796 51.81971239718799)</t>
  </si>
  <si>
    <t>POINT (4.645141582725456 51.824383045025954)</t>
  </si>
  <si>
    <t>POINT (4.652690626779794 51.824538860893895)</t>
  </si>
  <si>
    <t>POINT (4.653071520416663 51.81603043648821)</t>
  </si>
  <si>
    <t>POINT (4.570591104072832 51.83485061717583)</t>
  </si>
  <si>
    <t>POINT (4.637704575454998 51.820067833162106)</t>
  </si>
  <si>
    <t>POINT (4.6393148736936505 51.82411002825123)</t>
  </si>
  <si>
    <t>POINT (4.633496108795864 51.808471141984526)</t>
  </si>
  <si>
    <t>POINT (4.654811277808571 51.81814935070448)</t>
  </si>
  <si>
    <t>POINT (4.611559914783191 51.81599842587683)</t>
  </si>
  <si>
    <t>POINT (4.654056767131722 51.821815311536376)</t>
  </si>
  <si>
    <t>POINT (4.654240107938559 51.82050149369518)</t>
  </si>
  <si>
    <t>POINT (4.596139405522128 51.81526790826167)</t>
  </si>
  <si>
    <t>POINT (4.636690434261005 51.812259753692324)</t>
  </si>
  <si>
    <t>POINT (4.6395746453859354 51.82400043021125)</t>
  </si>
  <si>
    <t>POINT (4.649434648098507 51.81901122661376)</t>
  </si>
  <si>
    <t>POINT (4.651318495237931 51.82192803430734)</t>
  </si>
  <si>
    <t>POINT (4.644358308373276 51.82134291651439)</t>
  </si>
  <si>
    <t>POINT (4.637556725439313 51.81980402347082)</t>
  </si>
  <si>
    <t>POINT (4.6480322734821575 51.826269995926765)</t>
  </si>
  <si>
    <t>POINT (4.620608140000229 51.828401722292895)</t>
  </si>
  <si>
    <t>POINT (4.637132066587349 51.82075168503436)</t>
  </si>
  <si>
    <t>POINT (4.625432573178877 51.82227060399472)</t>
  </si>
  <si>
    <t>POINT (4.63786538141189 51.81168854247698)</t>
  </si>
  <si>
    <t>POINT (4.640645187627689 51.814088876961094)</t>
  </si>
  <si>
    <t>POINT (4.634871575484085 51.81003824235756)</t>
  </si>
  <si>
    <t>POINT (4.630175229019577 51.81338847741433)</t>
  </si>
  <si>
    <t>POINT (4.637615153333784 51.82350524860324)</t>
  </si>
  <si>
    <t>POINT (4.653342047388895 51.817953747505314)</t>
  </si>
  <si>
    <t>POINT (4.6025743780591 51.82011137825553)</t>
  </si>
  <si>
    <t>POINT (4.6288323544122445 51.80952872795103)</t>
  </si>
  <si>
    <t>POINT (4.628015354875744 51.812202854748364)</t>
  </si>
  <si>
    <t>POINT (4.571758047777216 51.844921465010984)</t>
  </si>
  <si>
    <t>POINT (4.628086791149121 51.81005564359317)</t>
  </si>
  <si>
    <t>POINT (4.6444159392453885 51.82485539466256)</t>
  </si>
  <si>
    <t>POINT (4.6254899236123626 51.82224329100366)</t>
  </si>
  <si>
    <t>POINT (4.635519590254476 51.8201996919247)</t>
  </si>
  <si>
    <t>POINT (4.6316068922368565 51.80966123240141)</t>
  </si>
  <si>
    <t>POINT (4.6153259665406585 51.82052148035782)</t>
  </si>
  <si>
    <t>POINT (4.604059904504195 51.813944497483696)</t>
  </si>
  <si>
    <t>POINT (4.651848654112793 51.81835903883686)</t>
  </si>
  <si>
    <t>POINT (4.568682489193507 51.835797160275156)</t>
  </si>
  <si>
    <t>POINT (4.6592988921810825 51.82928646008362)</t>
  </si>
  <si>
    <t>POINT (4.611519069086463 51.82024161421729)</t>
  </si>
  <si>
    <t>POINT (4.6617719894895355 51.82663428458917)</t>
  </si>
  <si>
    <t>POINT (4.6518878601522164 51.82738149218479)</t>
  </si>
  <si>
    <t>POINT (4.644044238483542 51.81714914227221)</t>
  </si>
  <si>
    <t>POINT (4.633849066757372 51.826359135904084)</t>
  </si>
  <si>
    <t>POINT (4.637497786020125 51.819233350174294)</t>
  </si>
  <si>
    <t>POINT (4.641401262142645 51.82079647325227)</t>
  </si>
  <si>
    <t>POINT (4.6586405052323 51.82891698614723)</t>
  </si>
  <si>
    <t>POINT (4.61561962435687 51.814020774874464)</t>
  </si>
  <si>
    <t>POINT (4.636220201777567 51.81268091336111)</t>
  </si>
  <si>
    <t>POINT (4.635670736221432 51.82446165172851)</t>
  </si>
  <si>
    <t>POINT (4.647334759284182 51.826976426088)</t>
  </si>
  <si>
    <t>POINT (4.634382799824047 51.81850680881431)</t>
  </si>
  <si>
    <t>POINT (4.638627533175261 51.825252693205464)</t>
  </si>
  <si>
    <t>POINT (4.633126177030303 51.809432247261114)</t>
  </si>
  <si>
    <t>POINT (4.584104456627152 51.84268283078276)</t>
  </si>
  <si>
    <t>POINT (4.6504024759362945 51.81472494758712)</t>
  </si>
  <si>
    <t>POINT (4.654282353847656 51.826441682158254)</t>
  </si>
  <si>
    <t>POINT (4.607650830635247 51.8135042285285)</t>
  </si>
  <si>
    <t>POINT (4.575190328752128 51.82944788453001)</t>
  </si>
  <si>
    <t>POINT (4.628086058717399 51.80862718818006)</t>
  </si>
  <si>
    <t>POINT (4.647177575982219 51.823685964329805)</t>
  </si>
  <si>
    <t>POINT (4.6619934699946235 51.82583759434968)</t>
  </si>
  <si>
    <t>POINT (4.65633879149038 51.828374574959554)</t>
  </si>
  <si>
    <t>POINT (4.646832621381448 51.82393584055351)</t>
  </si>
  <si>
    <t>POINT (4.595116806373709 51.81438903095698)</t>
  </si>
  <si>
    <t>POINT (4.633280415562914 51.82564298700586)</t>
  </si>
  <si>
    <t>POINT (4.608416592717011 51.81384008914472)</t>
  </si>
  <si>
    <t>POINT (4.639227536426025 51.81366741230236)</t>
  </si>
  <si>
    <t>POINT (4.634873548721107 51.82210639655181)</t>
  </si>
  <si>
    <t>POINT (4.655577483368699 51.828540545063326)</t>
  </si>
  <si>
    <t>POINT (4.636193511728131 51.81005822468525)</t>
  </si>
  <si>
    <t>POINT (4.614100991845872 51.815708587928455)</t>
  </si>
  <si>
    <t>POINT (4.634139470919049 51.81897810726223)</t>
  </si>
  <si>
    <t>POINT (4.609851580247616 51.818475551677246)</t>
  </si>
  <si>
    <t>POINT (4.562664311737059 51.83507240164212)</t>
  </si>
  <si>
    <t>POINT (4.642911773603739 51.81526563851518)</t>
  </si>
  <si>
    <t>POINT (4.61885612051489 51.81966700441272)</t>
  </si>
  <si>
    <t>POINT (4.654800085152026 51.82423248636168)</t>
  </si>
  <si>
    <t>POINT (4.657614955105716 51.81875971578434)</t>
  </si>
  <si>
    <t>POINT (4.655368000561412 51.818961499320814)</t>
  </si>
  <si>
    <t>POINT (4.644705445199496 51.81975741407311)</t>
  </si>
  <si>
    <t>POINT (4.650238779358762 51.82482261705944)</t>
  </si>
  <si>
    <t>POINT (4.660780197760381 51.82824628170225)</t>
  </si>
  <si>
    <t>POINT (4.638199932369652 51.810612339383624)</t>
  </si>
  <si>
    <t>POINT (4.637532781236398 51.8089912985513)</t>
  </si>
  <si>
    <t>POINT (4.6556467006476945 51.828514370005124)</t>
  </si>
  <si>
    <t>POINT (4.6098380899665665 51.82532981857183)</t>
  </si>
  <si>
    <t>POINT (4.611185549439333 51.81468568261961)</t>
  </si>
  <si>
    <t>POINT (4.638558859616437 51.81134995973531)</t>
  </si>
  <si>
    <t>POINT (4.65214961277236 51.82085890619377)</t>
  </si>
  <si>
    <t>POINT (4.584259095808791 51.81171227083526)</t>
  </si>
  <si>
    <t>POINT (4.6329749337883035 51.820003403812414)</t>
  </si>
  <si>
    <t>POINT (4.658758328810818 51.82581198837887)</t>
  </si>
  <si>
    <t>POINT (4.66138241699748 51.82421602763925)</t>
  </si>
  <si>
    <t>POINT (4.659945936192679 51.82689679758931)</t>
  </si>
  <si>
    <t>POINT (4.615364815613327 51.81305602955954)</t>
  </si>
  <si>
    <t>POINT (4.561394491953197 51.8338428930492)</t>
  </si>
  <si>
    <t>POINT (4.635551944467333 51.81962506295111)</t>
  </si>
  <si>
    <t>POINT (4.629436022749768 51.807494535530495)</t>
  </si>
  <si>
    <t>POINT (4.6535572647911545 51.81573131039464)</t>
  </si>
  <si>
    <t>POINT (4.591270505485663 51.82596742186216)</t>
  </si>
  <si>
    <t>POINT (4.630624892892538 51.82215463568475)</t>
  </si>
  <si>
    <t>POINT (4.613169052770033 51.8224602263136)</t>
  </si>
  <si>
    <t>POINT (4.627926828801809 51.81798372096279)</t>
  </si>
  <si>
    <t>POINT (4.650815629689845 51.82365272053035)</t>
  </si>
  <si>
    <t>POINT (4.661698754396022 51.824440497931064)</t>
  </si>
  <si>
    <t>POINT (4.648715657238913 51.82581992877093)</t>
  </si>
  <si>
    <t>POINT (4.599397265250349 51.81085789082259)</t>
  </si>
  <si>
    <t>POINT (4.558768531750512 51.832710404716195)</t>
  </si>
  <si>
    <t>POINT (4.59211453819903 51.81305714469717)</t>
  </si>
  <si>
    <t>POINT (4.658358872926225 51.82159343427534)</t>
  </si>
  <si>
    <t>POINT (4.641435543092934 51.818074923917024)</t>
  </si>
  <si>
    <t>POINT (4.6433172435983945 51.81835574482464)</t>
  </si>
  <si>
    <t>POINT (4.611842134677983 51.81913907138635)</t>
  </si>
  <si>
    <t>POINT (4.597568604300993 51.82387930092969)</t>
  </si>
  <si>
    <t>POINT (4.632608437567035 51.80956473845951)</t>
  </si>
  <si>
    <t>POINT (4.6443190496716795 51.815307948275866)</t>
  </si>
  <si>
    <t>POINT (4.605963055002006 51.814282637643814)</t>
  </si>
  <si>
    <t>POINT (4.625963304630827 51.8128169284207)</t>
  </si>
  <si>
    <t>POINT (4.6222698271638745 51.81297515731696)</t>
  </si>
  <si>
    <t>POINT (4.651546749421238 51.828717202172434)</t>
  </si>
  <si>
    <t>POINT (4.654492894183455 51.82708796989886)</t>
  </si>
  <si>
    <t>POINT (4.568596029823576 51.8313761893792)</t>
  </si>
  <si>
    <t>POINT (4.62852987177941 51.81390359246567)</t>
  </si>
  <si>
    <t>POINT (4.57034296467724 51.83674099366081)</t>
  </si>
  <si>
    <t>POINT (4.610924721730488 51.82210870419922)</t>
  </si>
  <si>
    <t>POINT (4.6130288418761625 51.82182036568366)</t>
  </si>
  <si>
    <t>POINT (4.655180250673726 51.81759656559635)</t>
  </si>
  <si>
    <t>POINT (4.62209911870761 51.81138512681225)</t>
  </si>
  <si>
    <t>POINT (4.605396221101052 51.81321489358557)</t>
  </si>
  <si>
    <t>POINT (4.637355272219415 51.814937306837265)</t>
  </si>
  <si>
    <t>POINT (4.615919174630241 51.81909982396755)</t>
  </si>
  <si>
    <t>POINT (4.619766594188589 51.8202539828715)</t>
  </si>
  <si>
    <t>POINT (4.656984260246428 51.82386978439769)</t>
  </si>
  <si>
    <t>POINT (4.634460572265164 51.81921449359765)</t>
  </si>
  <si>
    <t>POINT (4.618244428704053 51.819805873802125)</t>
  </si>
  <si>
    <t>POINT (4.629462664800393 51.81122698343211)</t>
  </si>
  <si>
    <t>POINT (4.656626298291971 51.82157768262831)</t>
  </si>
  <si>
    <t>POINT (4.627756535281808 51.809076343437624)</t>
  </si>
  <si>
    <t>POINT (4.625248851719567 51.80913126860825)</t>
  </si>
  <si>
    <t>POINT (4.655070532973343 51.82441347974079)</t>
  </si>
  <si>
    <t>POINT (4.647737898482261 51.81933139482652)</t>
  </si>
  <si>
    <t>POINT (4.661995220145551 51.82572612770123)</t>
  </si>
  <si>
    <t>POINT (4.647951306953633 51.82384816905881)</t>
  </si>
  <si>
    <t>POINT (4.645278134330921 51.81578729721501)</t>
  </si>
  <si>
    <t>POINT (4.633683874283186 51.81270390845851)</t>
  </si>
  <si>
    <t>POINT (4.640199434215944 51.81351429617284)</t>
  </si>
  <si>
    <t>POINT (4.596403270550395 51.815506000558734)</t>
  </si>
  <si>
    <t>POINT (4.6065469771207015 51.818921893218594)</t>
  </si>
  <si>
    <t>POINT (4.640056175478038 51.825852676330115)</t>
  </si>
  <si>
    <t>POINT (4.63606703502711 51.811624029874764)</t>
  </si>
  <si>
    <t>POINT (4.655656510732836 51.81744055242126)</t>
  </si>
  <si>
    <t>POINT (4.61146667630807 51.81984398452786)</t>
  </si>
  <si>
    <t>POINT (4.569797208028164 51.8356709413761)</t>
  </si>
  <si>
    <t>POINT (4.5977481453509705 51.814532676339546)</t>
  </si>
  <si>
    <t>POINT (4.6595346215753 51.82860092682656)</t>
  </si>
  <si>
    <t>POINT (4.635720283451146 51.81040617715012)</t>
  </si>
  <si>
    <t>POINT (4.656860235726626 51.82783538128836)</t>
  </si>
  <si>
    <t>POINT (4.658758733641907 51.82351183464987)</t>
  </si>
  <si>
    <t>POINT (4.6144488124177565 51.81534755465018)</t>
  </si>
  <si>
    <t>POINT (4.6607212919301535 51.82691582809286)</t>
  </si>
  <si>
    <t>POINT (4.660398146190306 51.82890361291263)</t>
  </si>
  <si>
    <t>POINT (4.657302505244432 51.8209591453191)</t>
  </si>
  <si>
    <t>POINT (4.620817493009288 51.814785995561124)</t>
  </si>
  <si>
    <t>POINT (4.654277460804493 51.81850490935284)</t>
  </si>
  <si>
    <t>POINT (4.573275338185547 51.828984069335)</t>
  </si>
  <si>
    <t>POINT (4.563115735212637 51.83549698207961)</t>
  </si>
  <si>
    <t>POINT (4.653964367363818 51.82031581798734)</t>
  </si>
  <si>
    <t>POINT (4.625486601006472 51.82290508071596)</t>
  </si>
  <si>
    <t>POINT (4.626720828793396 51.812948652711775)</t>
  </si>
  <si>
    <t>POINT (4.635659755727903 51.82198938501693)</t>
  </si>
  <si>
    <t>POINT (4.635433855031545 51.82404610655938)</t>
  </si>
  <si>
    <t>POINT (4.628728773671232 51.82362996453534)</t>
  </si>
  <si>
    <t>POINT (4.649610688563261 51.82217964884519)</t>
  </si>
  <si>
    <t>POINT (4.648619936281995 51.81297553620403)</t>
  </si>
  <si>
    <t>POINT (4.642156464818585 51.81620395774318)</t>
  </si>
  <si>
    <t>POINT (4.621063004995002 51.81395331093366)</t>
  </si>
  <si>
    <t>POINT (4.638984643080768 51.81794351373603)</t>
  </si>
  <si>
    <t>POINT (4.65706914650259 51.82619693164317)</t>
  </si>
  <si>
    <t>POINT (4.637362964658847 51.818141225081945)</t>
  </si>
  <si>
    <t>POINT (4.607504496035645 51.81980941406248)</t>
  </si>
  <si>
    <t>POINT (4.614703682196432 51.813330904983225)</t>
  </si>
  <si>
    <t>POINT (4.649766148983365 51.820725070256664)</t>
  </si>
  <si>
    <t>POINT (4.628494664305148 51.81457204395278)</t>
  </si>
  <si>
    <t>POINT (4.65453969811936 51.816401109434736)</t>
  </si>
  <si>
    <t>POINT (4.638057021013156 51.81700259177036)</t>
  </si>
  <si>
    <t>POINT (4.632883751186114 51.8083955491312)</t>
  </si>
  <si>
    <t>POINT (4.605658203016346 51.81419448675307)</t>
  </si>
  <si>
    <t>POINT (4.570985877772652 51.83537638162848)</t>
  </si>
  <si>
    <t>POINT (4.570233707634296 51.83459729955628)</t>
  </si>
  <si>
    <t>POINT (4.635288004205943 51.82068454191241)</t>
  </si>
  <si>
    <t>POINT (4.630682083918124 51.81247997629303)</t>
  </si>
  <si>
    <t>POINT (4.650065517533276 51.816343051789886)</t>
  </si>
  <si>
    <t>POINT (4.633543093855691 51.82057958883458)</t>
  </si>
  <si>
    <t>POINT (4.645163198813055 51.81455199139772)</t>
  </si>
  <si>
    <t>POINT (4.656879832869306 51.82116377689744)</t>
  </si>
  <si>
    <t>POINT (4.658695819216038 51.826233025257324)</t>
  </si>
  <si>
    <t>POINT (4.658832012981082 51.829451094739056)</t>
  </si>
  <si>
    <t>POINT (4.607721753060868 51.81925014067499)</t>
  </si>
  <si>
    <t>POINT (4.621770873801934 51.814652443271356)</t>
  </si>
  <si>
    <t>POINT (4.6368509897917365 51.8146538338604)</t>
  </si>
  <si>
    <t>POINT (4.56390792758155 51.83266831633688)</t>
  </si>
  <si>
    <t>POINT (4.6372717568503345 51.81494307425919)</t>
  </si>
  <si>
    <t>POINT (4.611874507164448 51.813453109243625)</t>
  </si>
  <si>
    <t>POINT (4.642606334880497 51.82556994490116)</t>
  </si>
  <si>
    <t>POINT (4.645660343707383 51.822526744536766)</t>
  </si>
  <si>
    <t>POINT (4.632919895161659 51.820375793487734)</t>
  </si>
  <si>
    <t>POINT (4.641240544076841 51.82374254663904)</t>
  </si>
  <si>
    <t>POINT (4.6336959410105845 51.80986212493833)</t>
  </si>
  <si>
    <t>POINT (4.564539009681244 51.832362062701975)</t>
  </si>
  <si>
    <t>POINT (4.60631687189306 51.82022623524686)</t>
  </si>
  <si>
    <t>POINT (4.619317230403357 51.830341962953604)</t>
  </si>
  <si>
    <t>POINT (4.596610712103244 51.816197814147834)</t>
  </si>
  <si>
    <t>POINT (4.617157477712611 51.81948582298038)</t>
  </si>
  <si>
    <t>POINT (4.582414379235267 51.81836864915257)</t>
  </si>
  <si>
    <t>POINT (4.612920508697649 51.818118438663035)</t>
  </si>
  <si>
    <t>POINT (4.613256407030308 51.81888341000576)</t>
  </si>
  <si>
    <t>POINT (4.6137323235816154 51.815751021377764)</t>
  </si>
  <si>
    <t>POINT (4.61514247086163 51.821075227666626)</t>
  </si>
  <si>
    <t>POINT (4.636894141325608 51.81093348751068)</t>
  </si>
  <si>
    <t>POINT (4.628521529043353 51.8129567396697)</t>
  </si>
  <si>
    <t>POINT (4.64730978348487 51.82298499737732)</t>
  </si>
  <si>
    <t>POINT (4.63947362028323 51.8257303339427)</t>
  </si>
  <si>
    <t>POINT (4.64989566064544 51.81829541535376)</t>
  </si>
  <si>
    <t>POINT (4.622246273042583 51.812735148861165)</t>
  </si>
  <si>
    <t>POINT (4.646735863741409 51.81403491781083)</t>
  </si>
  <si>
    <t>POINT (4.620669344744975 51.82837701655906)</t>
  </si>
  <si>
    <t>POINT (4.625401272158683 51.811449288713824)</t>
  </si>
  <si>
    <t>POINT (4.6340440278846735 51.82468760033598)</t>
  </si>
  <si>
    <t>POINT (4.641257343652108 51.82558990055579)</t>
  </si>
  <si>
    <t>POINT (4.634070473716743 51.812788627886604)</t>
  </si>
  <si>
    <t>POINT (4.665161968907832 51.823018534188314)</t>
  </si>
  <si>
    <t>POINT (4.6305273206585635 51.81283245049404)</t>
  </si>
  <si>
    <t>POINT (4.6201292832503995 51.81249665695104)</t>
  </si>
  <si>
    <t>POINT (4.620504841554455 51.81157896302249)</t>
  </si>
  <si>
    <t>POINT (4.611265390334599 51.80957167851564)</t>
  </si>
  <si>
    <t>POINT (4.6496969412774956 51.824729614556134)</t>
  </si>
  <si>
    <t>POINT (4.6422141362273885 51.81877134208987)</t>
  </si>
  <si>
    <t>POINT (4.655882256798251 51.82040412514715)</t>
  </si>
  <si>
    <t>POINT (4.658108296411477 51.830266404149235)</t>
  </si>
  <si>
    <t>POINT (4.659397615220718 51.82780698928518)</t>
  </si>
  <si>
    <t>POINT (4.558792810645806 51.83247018079021)</t>
  </si>
  <si>
    <t>POINT (4.643781641524386 51.81533652693009)</t>
  </si>
  <si>
    <t>POINT (4.654939428275977 51.827283033156164)</t>
  </si>
  <si>
    <t>POINT (4.620984363436778 51.8151066610093)</t>
  </si>
  <si>
    <t>POINT (4.640102025675981 51.80873759181306)</t>
  </si>
  <si>
    <t>POINT (4.629691633017149 51.809615302384245)</t>
  </si>
  <si>
    <t>POINT (4.642191663307467 51.8237578910006)</t>
  </si>
  <si>
    <t>POINT (4.629019800285926 51.813350258765276)</t>
  </si>
  <si>
    <t>POINT (4.624881270278288 51.814181177616916)</t>
  </si>
  <si>
    <t>POINT (4.632880076596779 51.8118560440914)</t>
  </si>
  <si>
    <t>POINT (4.650320794574486 51.82587842982463)</t>
  </si>
  <si>
    <t>POINT (4.632273795009466 51.80918736126623)</t>
  </si>
  <si>
    <t>POINT (4.575807900537497 51.8296248918636)</t>
  </si>
  <si>
    <t>POINT (4.628020322009299 51.812273888721144)</t>
  </si>
  <si>
    <t>POINT (4.638190228096514 51.817152222938496)</t>
  </si>
  <si>
    <t>POINT (4.567605187649399 51.834510662245684)</t>
  </si>
  <si>
    <t>POINT (4.6523839170119805 51.82768834397031)</t>
  </si>
  <si>
    <t>POINT (4.642915373091515 51.82196068206497)</t>
  </si>
  <si>
    <t>POINT (4.6115597978941985 51.815732961138565)</t>
  </si>
  <si>
    <t>POINT (4.65976650930367 51.821124931413344)</t>
  </si>
  <si>
    <t>POINT (4.616594531289442 51.81576618344511)</t>
  </si>
  <si>
    <t>POINT (4.6209993337955915 51.81515679893061)</t>
  </si>
  <si>
    <t>POINT (4.620876791002181 51.8147460953698)</t>
  </si>
  <si>
    <t>POINT (4.647815962998625 51.821813177453166)</t>
  </si>
  <si>
    <t>POINT (4.627230396899652 51.808304950132)</t>
  </si>
  <si>
    <t>POINT (4.627781630214739 51.81340378939772)</t>
  </si>
  <si>
    <t>POINT (4.6360241562660445 51.8101111358597)</t>
  </si>
  <si>
    <t>POINT (4.635134782443174 51.82376246697154)</t>
  </si>
  <si>
    <t>POINT (4.615422719869791 51.81325018028825)</t>
  </si>
  <si>
    <t>POINT (4.636450207325012 51.81070722491634)</t>
  </si>
  <si>
    <t>POINT (4.660368337758061 51.82354621756197)</t>
  </si>
  <si>
    <t>POINT (4.643991633683727 51.81610237242029)</t>
  </si>
  <si>
    <t>POINT (4.652431729793948 51.81817958227967)</t>
  </si>
  <si>
    <t>POINT (4.635039089933106 51.823803291648765)</t>
  </si>
  <si>
    <t>POINT (4.611927194902571 51.81380892546816)</t>
  </si>
  <si>
    <t>POINT (4.615348261489082 51.81313183943119)</t>
  </si>
  <si>
    <t>POINT (4.561703185960616 51.834891975087885)</t>
  </si>
  <si>
    <t>POINT (4.633103082249122 51.808403637474235)</t>
  </si>
  <si>
    <t>POINT (4.613740825136261 51.83100233513672)</t>
  </si>
  <si>
    <t>POINT (4.642610542127004 51.81607398667168)</t>
  </si>
  <si>
    <t>POINT (4.59685701452515 51.81054143915938)</t>
  </si>
  <si>
    <t>POINT (4.632163459706483 51.80923229605455)</t>
  </si>
  <si>
    <t>POINT (4.645747020544354 51.819638489866826)</t>
  </si>
  <si>
    <t>POINT (4.648974717146136 51.8155100627825)</t>
  </si>
  <si>
    <t>POINT (4.569844673637138 51.8357178425467)</t>
  </si>
  <si>
    <t>POINT (4.627737725671567 51.81239521449732)</t>
  </si>
  <si>
    <t>POINT (4.6413149041010735 51.819567475871345)</t>
  </si>
  <si>
    <t>POINT (4.6259511928914545 51.81276297150362)</t>
  </si>
  <si>
    <t>POINT (4.565249870870716 51.83606537268413)</t>
  </si>
  <si>
    <t>POINT (4.640867429705751 51.818037497002194)</t>
  </si>
  <si>
    <t>POINT (4.604607081828289 51.81530615627849)</t>
  </si>
  <si>
    <t>POINT (4.6389475923301875 51.825491289330756)</t>
  </si>
  <si>
    <t>POINT (4.641766491918585 51.825998677753056)</t>
  </si>
  <si>
    <t>POINT (4.655090263915509 51.827148460820816)</t>
  </si>
  <si>
    <t>POINT (4.621728729143866 51.82100604618902)</t>
  </si>
  <si>
    <t>POINT (4.613321547122909 51.830120431286105)</t>
  </si>
  <si>
    <t>POINT (4.563138350736232 51.83672757449611)</t>
  </si>
  <si>
    <t>POINT (4.641313544078662 51.809474741322944)</t>
  </si>
  <si>
    <t>POINT (4.641169541698397 51.82559407056717)</t>
  </si>
  <si>
    <t>POINT (4.620896134866339 51.81466775918219)</t>
  </si>
  <si>
    <t>POINT (4.615444348061428 51.81332271769936)</t>
  </si>
  <si>
    <t>POINT (4.602703253829961 51.82134284135667)</t>
  </si>
  <si>
    <t>POINT (4.658918387900613 51.81961716051379)</t>
  </si>
  <si>
    <t>POINT (4.615634032084144 51.81901636811341)</t>
  </si>
  <si>
    <t>POINT (4.618053540941368 51.81424234246563)</t>
  </si>
  <si>
    <t>POINT (4.614265865743018 51.814052144648855)</t>
  </si>
  <si>
    <t>POINT (4.625037149733071 51.81280652141643)</t>
  </si>
  <si>
    <t>POINT (4.639075054042727 51.81460895949283)</t>
  </si>
  <si>
    <t>POINT (4.638236218656692 51.82543778181713)</t>
  </si>
  <si>
    <t>POINT (4.64478510102224 51.81467099237765)</t>
  </si>
  <si>
    <t>POINT (4.640305983122149 51.81427754866754)</t>
  </si>
  <si>
    <t>POINT (4.63934028979155 51.81375494378013)</t>
  </si>
  <si>
    <t>POINT (4.6572422248416006 51.82412603815277)</t>
  </si>
  <si>
    <t>POINT (4.614884319412363 51.81747313468547)</t>
  </si>
  <si>
    <t>POINT (4.64056210071909 51.82561407305516)</t>
  </si>
  <si>
    <t>POINT (4.640032611732949 51.814077158219256)</t>
  </si>
  <si>
    <t>POINT (4.615235740634 51.81795498592768)</t>
  </si>
  <si>
    <t>POINT (4.651675426837788 51.82456288518416)</t>
  </si>
  <si>
    <t>POINT (4.614826436271166 51.82173074464576)</t>
  </si>
  <si>
    <t>POINT (4.641911733492246 51.81637540024093)</t>
  </si>
  <si>
    <t>POINT (4.647752756020085 51.81456100197321)</t>
  </si>
  <si>
    <t>POINT (4.629615500441216 51.815047291036166)</t>
  </si>
  <si>
    <t>POINT (4.595006197407064 51.81509371164248)</t>
  </si>
  <si>
    <t>POINT (4.608138165993342 51.8148284303715)</t>
  </si>
  <si>
    <t>POINT (4.657767806513774 51.81999153059126)</t>
  </si>
  <si>
    <t>POINT (4.627225308076448 51.80842706485005)</t>
  </si>
  <si>
    <t>POINT (4.6150886541256275 51.81843282034997)</t>
  </si>
  <si>
    <t>POINT (4.601484189226636 51.81924488812134)</t>
  </si>
  <si>
    <t>POINT (4.601435525642141 51.81398071600495)</t>
  </si>
  <si>
    <t>POINT (4.619642985824127 51.818875933067886)</t>
  </si>
  <si>
    <t>POINT (4.6581325481880045 51.81906862824666)</t>
  </si>
  <si>
    <t>POINT (4.642791029617091 51.818513108124556)</t>
  </si>
  <si>
    <t>POINT (4.661385197200511 51.8266527831098)</t>
  </si>
  <si>
    <t>POINT (4.605491970094812 51.81918700447674)</t>
  </si>
  <si>
    <t>POINT (4.629399509287388 51.806773332761374)</t>
  </si>
  <si>
    <t>POINT (4.6293349017394565 51.808053340136475)</t>
  </si>
  <si>
    <t>POINT (4.630559139093653 51.80694952536243)</t>
  </si>
  <si>
    <t>POINT (4.56344224596242 51.83720677609702)</t>
  </si>
  <si>
    <t>POINT (4.612154090587161 51.81743920766183)</t>
  </si>
  <si>
    <t>POINT (4.655374387194813 51.827505060450235)</t>
  </si>
  <si>
    <t>POINT (4.644776421525068 51.8150078157679)</t>
  </si>
  <si>
    <t>POINT (4.656053189960221 51.822834578019815)</t>
  </si>
  <si>
    <t>POINT (4.632866472598925 51.80963638359053)</t>
  </si>
  <si>
    <t>POINT (4.620937122370127 51.81223841247416)</t>
  </si>
  <si>
    <t>POINT (4.628906171251889 51.81143641220536)</t>
  </si>
  <si>
    <t>POINT (4.637083049000365 51.81071047195238)</t>
  </si>
  <si>
    <t>POINT (4.629447568351822 51.81126583403924)</t>
  </si>
  <si>
    <t>POINT (4.629379694875791 51.81175453446823)</t>
  </si>
  <si>
    <t>POINT (4.564746046543447 51.83755446092621)</t>
  </si>
  <si>
    <t>POINT (4.6544100202374326 51.82170102433923)</t>
  </si>
  <si>
    <t>POINT (4.605107814148407 51.81325263909034)</t>
  </si>
  <si>
    <t>POINT (4.6334284862956165 51.80924176823732)</t>
  </si>
  <si>
    <t>POINT (4.657504089149123 51.824336922763486)</t>
  </si>
  <si>
    <t>POINT (4.633988262236887 51.81142753358244)</t>
  </si>
  <si>
    <t>POINT (4.639898147243358 51.818860850737636)</t>
  </si>
  <si>
    <t>POINT (4.624574511625831 51.81397729801512)</t>
  </si>
  <si>
    <t>POINT (4.61382762364416 51.815254725949565)</t>
  </si>
  <si>
    <t>POINT (4.649062522255761 51.81412800160745)</t>
  </si>
  <si>
    <t>POINT (4.628451048191428 51.80393445367922)</t>
  </si>
  <si>
    <t>POINT (4.637283172456524 51.809294259002556)</t>
  </si>
  <si>
    <t>POINT (4.624331222975601 51.81069205806233)</t>
  </si>
  <si>
    <t>POINT (4.63045470365955 51.82421431445526)</t>
  </si>
  <si>
    <t>POINT (4.628144783833571 51.806077666723965)</t>
  </si>
  <si>
    <t>POINT (4.617104991142701 51.82023860698208)</t>
  </si>
  <si>
    <t>POINT (4.6569830030055135 51.81836687231586)</t>
  </si>
  <si>
    <t>POINT (4.633396648129709 51.82445252486638)</t>
  </si>
  <si>
    <t>POINT (4.637508255087021 51.80898377111972)</t>
  </si>
  <si>
    <t>POINT (4.6500884795501065 51.82611425424717)</t>
  </si>
  <si>
    <t>POINT (4.567311347495309 51.837251875910624)</t>
  </si>
  <si>
    <t>POINT (4.617614965346373 51.82038223898856)</t>
  </si>
  <si>
    <t>POINT (4.647089879434455 51.814005879347214)</t>
  </si>
  <si>
    <t>POINT (4.6604368475741165 51.82745469966862)</t>
  </si>
  <si>
    <t>POINT (4.561999673575751 51.837659439071835)</t>
  </si>
  <si>
    <t>POINT (4.642319068673436 51.82076215838315)</t>
  </si>
  <si>
    <t>POINT (4.613437555125123 51.81797971912232)</t>
  </si>
  <si>
    <t>POINT (4.646491766273795 51.82265183170142)</t>
  </si>
  <si>
    <t>POINT (4.656463827962962 51.82680443038119)</t>
  </si>
  <si>
    <t>POINT (4.644095359694733 51.81975355280975)</t>
  </si>
  <si>
    <t>POINT (4.651061155006363 51.8225857582843)</t>
  </si>
  <si>
    <t>POINT (4.617687218413589 51.81808710302017)</t>
  </si>
  <si>
    <t>POINT (4.5660824076381905 51.836514074492364)</t>
  </si>
  <si>
    <t>POINT (4.632167213890686 51.80919774962499)</t>
  </si>
  <si>
    <t>POINT (4.642148702403702 51.82620486900533)</t>
  </si>
  <si>
    <t>POINT (4.644633437946977 51.81575453677623)</t>
  </si>
  <si>
    <t>POINT (4.612781299514228 51.82097960894384)</t>
  </si>
  <si>
    <t>POINT (4.660245269528315 51.82789642992517)</t>
  </si>
  <si>
    <t>POINT (4.6394809319340125 51.82199075301847)</t>
  </si>
  <si>
    <t>POINT (4.631645128957988 51.810886711838656)</t>
  </si>
  <si>
    <t>POINT (4.648359060122814 51.82538586844325)</t>
  </si>
  <si>
    <t>POINT (4.6295260104769484 51.80910916625378)</t>
  </si>
  <si>
    <t>POINT (4.632997880216889 51.809558379283715)</t>
  </si>
  <si>
    <t>POINT (4.600368621983843 51.81415624540058)</t>
  </si>
  <si>
    <t>POINT (4.606729580415352 51.82134286300984)</t>
  </si>
  <si>
    <t>POINT (4.636910767205938 51.8146949258865)</t>
  </si>
  <si>
    <t>POINT (4.615521081464902 51.81535426883838)</t>
  </si>
  <si>
    <t>POINT (4.604472876542994 51.81998505366609)</t>
  </si>
  <si>
    <t>POINT (4.640634601686889 51.82563775200309)</t>
  </si>
  <si>
    <t>POINT (4.615835685027851 51.814863063137885)</t>
  </si>
  <si>
    <t>POINT (4.660835677499291 51.82658270585651)</t>
  </si>
  <si>
    <t>POINT (4.641200243011667 51.81734880484044)</t>
  </si>
  <si>
    <t>POINT (4.618530975978524 51.817873415647)</t>
  </si>
  <si>
    <t>POINT (4.645503369549844 51.814296417976664)</t>
  </si>
  <si>
    <t>POINT (4.644645072612222 51.8197771488005)</t>
  </si>
  <si>
    <t>POINT (4.615356861216653 51.813160641929514)</t>
  </si>
  <si>
    <t>POINT (4.630344100817908 51.80945312246407)</t>
  </si>
  <si>
    <t>POINT (4.620521811539454 51.81152846740331)</t>
  </si>
  <si>
    <t>POINT (4.6424251180278615 51.82213641104934)</t>
  </si>
  <si>
    <t>POINT (4.6582562056153 51.82934060916352)</t>
  </si>
  <si>
    <t>POINT (4.65660111661321 51.828469708169536)</t>
  </si>
  <si>
    <t>POINT (4.608534791915385 51.81564586386691)</t>
  </si>
  <si>
    <t>POINT (4.638128505642617 51.822902751117425)</t>
  </si>
  <si>
    <t>POINT (4.628782717566673 51.824407610870914)</t>
  </si>
  <si>
    <t>POINT (4.658668775096275 51.8222301295768)</t>
  </si>
  <si>
    <t>POINT (4.6098913332102605 51.82023099761256)</t>
  </si>
  <si>
    <t>POINT (4.617768220830059 51.81436969391086)</t>
  </si>
  <si>
    <t>POINT (4.6487343710032905 51.826248357077795)</t>
  </si>
  <si>
    <t>POINT (4.65432297366738 51.8163353523062)</t>
  </si>
  <si>
    <t>POINT (4.653832011707545 51.81975794446671)</t>
  </si>
  <si>
    <t>POINT (4.638794002104311 51.81900957099905)</t>
  </si>
  <si>
    <t>POINT (4.603099707873614 51.819679762887176)</t>
  </si>
  <si>
    <t>POINT (4.643506914196062 51.81658052946262)</t>
  </si>
  <si>
    <t>POINT (4.628379468438007 51.81449202770971)</t>
  </si>
  <si>
    <t>POINT (4.602327028542148 51.821013819469876)</t>
  </si>
  <si>
    <t>POINT (4.651691152228739 51.817333593410495)</t>
  </si>
  <si>
    <t>POINT (4.599597795632815 51.813283238981924)</t>
  </si>
  <si>
    <t>POINT (4.6567590566762185 51.821278089359396)</t>
  </si>
  <si>
    <t>POINT (4.604132870338074 51.81526175266006)</t>
  </si>
  <si>
    <t>POINT (4.628194059527058 51.81209783606659)</t>
  </si>
  <si>
    <t>POINT (4.599012243515658 51.81339336562829)</t>
  </si>
  <si>
    <t>POINT (4.656774147390453 51.8183114697737)</t>
  </si>
  <si>
    <t>POINT (4.609111669397723 51.81882067828162)</t>
  </si>
  <si>
    <t>POINT (4.657547581027614 51.82437431636261)</t>
  </si>
  <si>
    <t>POINT (4.645607623029611 51.81428877127809)</t>
  </si>
  <si>
    <t>POINT (4.63959349427103 51.822637631133)</t>
  </si>
  <si>
    <t>POINT (4.652353072208186 51.81535591429708)</t>
  </si>
  <si>
    <t>POINT (4.629791611738198 51.81149402236306)</t>
  </si>
  <si>
    <t>POINT (4.6516740917850115 51.8246811318688)</t>
  </si>
  <si>
    <t>POINT (4.61537080826288 51.814118077520064)</t>
  </si>
  <si>
    <t>POINT (4.631760989634708 51.810229268415604)</t>
  </si>
  <si>
    <t>POINT (4.637064304844919 51.814800472977275)</t>
  </si>
  <si>
    <t>POINT (4.602340133744531 51.815010873991646)</t>
  </si>
  <si>
    <t>POINT (4.617530309871452 51.81691106011823)</t>
  </si>
  <si>
    <t>POINT (4.633997976685977 51.81961655647009)</t>
  </si>
  <si>
    <t>POINT (4.564242437558713 51.83579151044698)</t>
  </si>
  <si>
    <t>POINT (4.660533357887804 51.826373475020986)</t>
  </si>
  <si>
    <t>POINT (4.662093515333226 51.82520579670414)</t>
  </si>
  <si>
    <t>POINT (4.612018968008109 51.821150548402684)</t>
  </si>
  <si>
    <t>POINT (4.594284482549112 51.8140497120742)</t>
  </si>
  <si>
    <t>POINT (4.606983251169887 51.81383419966952)</t>
  </si>
  <si>
    <t>POINT (4.612394118152007 51.8187162110877)</t>
  </si>
  <si>
    <t>POINT (4.644608701356184 51.81971959780154)</t>
  </si>
  <si>
    <t>POINT (4.629792324686444 51.813465475879525)</t>
  </si>
  <si>
    <t>POINT (4.659072085890556 51.82316216906318)</t>
  </si>
  <si>
    <t>POINT (4.650107654771159 51.81428309083196)</t>
  </si>
  <si>
    <t>POINT (4.639889371774263 51.81723103648834)</t>
  </si>
  <si>
    <t>POINT (4.649640913340071 51.82216746137016)</t>
  </si>
  <si>
    <t>POINT (4.6504713319645665 51.81974525604317)</t>
  </si>
  <si>
    <t>POINT (4.608197182081147 51.82056111150068)</t>
  </si>
  <si>
    <t>POINT (4.643995336958713 51.81827402811639)</t>
  </si>
  <si>
    <t>POINT (4.655056286251692 51.81748065627802)</t>
  </si>
  <si>
    <t>POINT (4.62256064331656 51.81227023384669)</t>
  </si>
  <si>
    <t>POINT (4.636165535939939 51.81624797286213)</t>
  </si>
  <si>
    <t>POINT (4.614755099472019 51.818093997930994)</t>
  </si>
  <si>
    <t>POINT (4.614728911747347 51.81972116988962)</t>
  </si>
  <si>
    <t>POINT (4.65337370256379 51.82062512120002)</t>
  </si>
  <si>
    <t>POINT (4.648465763537062 51.81458020694661)</t>
  </si>
  <si>
    <t>POINT (4.600759551343755 51.81305303568575)</t>
  </si>
  <si>
    <t>POINT (4.562296468544649 51.8367843041984)</t>
  </si>
  <si>
    <t>POINT (4.651683317656982 51.82465267759589)</t>
  </si>
  <si>
    <t>POINT (4.568132254584789 51.83518850581163)</t>
  </si>
  <si>
    <t>POINT (4.642652582481041 51.810082746583845)</t>
  </si>
  <si>
    <t>POINT (4.607869684602313 51.82075319253024)</t>
  </si>
  <si>
    <t>POINT (4.651313201082678 51.81758184667454)</t>
  </si>
  <si>
    <t>POINT (4.59371056198649 51.81069950336805)</t>
  </si>
  <si>
    <t>POINT (4.609605358813325 51.81353700717201)</t>
  </si>
  <si>
    <t>POINT (4.615540207304524 51.81748615023401)</t>
  </si>
  <si>
    <t>POINT (4.641194683015234 51.8190081094278)</t>
  </si>
  <si>
    <t>POINT (4.6087910793192615 51.82024730971155)</t>
  </si>
  <si>
    <t>POINT (4.646223692524492 51.81536582289666)</t>
  </si>
  <si>
    <t>POINT (4.6208802102793 51.81151275907173)</t>
  </si>
  <si>
    <t>POINT (4.644422063863067 51.81666165042661)</t>
  </si>
  <si>
    <t>POINT (4.608037249774198 51.815362472807465)</t>
  </si>
  <si>
    <t>POINT (4.56962014910797 51.843138522140755)</t>
  </si>
  <si>
    <t>POINT (4.613349776344065 51.81806011972515)</t>
  </si>
  <si>
    <t>POINT (4.637033224723874 51.81765218208469)</t>
  </si>
  <si>
    <t>POINT (4.626622113564577 51.805247109585096)</t>
  </si>
  <si>
    <t>POINT (4.643382246975518 51.8160222425814)</t>
  </si>
  <si>
    <t>POINT (4.613450479961853 51.81955373793584)</t>
  </si>
  <si>
    <t>POINT (4.637465350357906 51.823156770976496)</t>
  </si>
  <si>
    <t>POINT (4.6465656707316185 51.824021751067626)</t>
  </si>
  <si>
    <t>POINT (4.621944931586267 51.81248935620802)</t>
  </si>
  <si>
    <t>POINT (4.597993115886755 51.81444280972053)</t>
  </si>
  <si>
    <t>POINT (4.6505389075987456 51.81478405977676)</t>
  </si>
  <si>
    <t>POINT (4.620329057242412 51.81155056958593)</t>
  </si>
  <si>
    <t>POINT (4.643528915803311 51.818503188500664)</t>
  </si>
  <si>
    <t>POINT (4.5592681760070874 51.83610550319451)</t>
  </si>
  <si>
    <t>POINT (4.64152234108298 51.81931418930739)</t>
  </si>
  <si>
    <t>POINT (4.611987489018992 51.82043645652468)</t>
  </si>
  <si>
    <t>POINT (4.6516415271058165 51.82172403865857)</t>
  </si>
  <si>
    <t>POINT (4.569873751049086 51.84238955789359)</t>
  </si>
  <si>
    <t>POINT (4.6108471777100934 51.82111251101113)</t>
  </si>
  <si>
    <t>POINT (4.6053129588237205 51.820950532335864)</t>
  </si>
  <si>
    <t>POINT (4.617669779754579 51.817491845808284)</t>
  </si>
  <si>
    <t>POINT (4.635582972402934 51.80755982303536)</t>
  </si>
  <si>
    <t>POINT (4.635228722286249 51.81934227539178)</t>
  </si>
  <si>
    <t>POINT (4.644644944945264 51.81661613989066)</t>
  </si>
  <si>
    <t>POINT (4.5676074938228215 51.83615373081812)</t>
  </si>
  <si>
    <t>POINT (4.613573382392283 51.822177194851605)</t>
  </si>
  <si>
    <t>POINT (4.613958892949263 51.82035289578262)</t>
  </si>
  <si>
    <t>POINT (4.638095244413543 51.82083005182575)</t>
  </si>
  <si>
    <t>POINT (4.609704079091859 51.81914975344431)</t>
  </si>
  <si>
    <t>POINT (4.63346454625447 51.81150253443502)</t>
  </si>
  <si>
    <t>POINT (4.628661629652798 51.81218639593601)</t>
  </si>
  <si>
    <t>POINT (4.602272812369331 51.821406812531514)</t>
  </si>
  <si>
    <t>POINT (4.625601366531577 51.81363828772672)</t>
  </si>
  <si>
    <t>POINT (4.565480447742493 51.83694732659512)</t>
  </si>
  <si>
    <t>POINT (4.639369117487415 51.82271697407527)</t>
  </si>
  <si>
    <t>POINT (4.644288482912641 51.81642089666943)</t>
  </si>
  <si>
    <t>POINT (4.64269312224875 51.81622416337132)</t>
  </si>
  <si>
    <t>POINT (4.608405545804214 51.82055656178109)</t>
  </si>
  <si>
    <t>POINT (4.625681263954794 51.81369040143716)</t>
  </si>
  <si>
    <t>POINT (4.562593034699256 51.836815232678326)</t>
  </si>
  <si>
    <t>POINT (4.610648725032876 51.81847060879953)</t>
  </si>
  <si>
    <t>POINT (4.653544979563487 51.81573673467002)</t>
  </si>
  <si>
    <t>POINT (4.6049163249118825 51.81294270763944)</t>
  </si>
  <si>
    <t>POINT (4.612793346885917 51.818194012747206)</t>
  </si>
  <si>
    <t>POINT (4.647117673230378 51.82732684746945)</t>
  </si>
  <si>
    <t>POINT (4.641625055216928 51.81553588675273)</t>
  </si>
  <si>
    <t>POINT (4.654863120741744 51.816999077848635)</t>
  </si>
  <si>
    <t>POINT (4.638851486378656 51.8236141168958)</t>
  </si>
  <si>
    <t>POINT (4.611792308497164 51.819467324832864)</t>
  </si>
  <si>
    <t>POINT (4.640187464368112 51.8234446334101)</t>
  </si>
  <si>
    <t>POINT (4.571130683644124 51.82172526043375)</t>
  </si>
  <si>
    <t>POINT (4.630369849513499 51.80945860086685)</t>
  </si>
  <si>
    <t>POINT (4.5735417855730764 51.82876036207207)</t>
  </si>
  <si>
    <t>POINT (4.6634565720476076 51.82314413698904)</t>
  </si>
  <si>
    <t>POINT (4.630126116876042 51.81172823347778)</t>
  </si>
  <si>
    <t>POINT (4.620171072686683 51.81249184249172)</t>
  </si>
  <si>
    <t>POINT (4.604060700899019 51.8138994872272)</t>
  </si>
  <si>
    <t>POINT (4.628604495781957 51.80667874897715)</t>
  </si>
  <si>
    <t>POINT (4.631593391601253 51.808016309927254)</t>
  </si>
  <si>
    <t>POINT (4.646635491286112 51.82507283380457)</t>
  </si>
  <si>
    <t>POINT (4.635888224684044 51.810211091959836)</t>
  </si>
  <si>
    <t>POINT (4.6154424352240255 51.81588188390822)</t>
  </si>
  <si>
    <t>POINT (4.628661853857635 51.82218065244464)</t>
  </si>
  <si>
    <t>POINT (4.617777335670011 51.81326886920112)</t>
  </si>
  <si>
    <t>POINT (4.6330504906443375 51.82610952420817)</t>
  </si>
  <si>
    <t>POINT (4.595086082219666 51.81483352350271)</t>
  </si>
  <si>
    <t>POINT (4.639234791019564 51.825623698531615)</t>
  </si>
  <si>
    <t>POINT (4.625965851918157 51.81338580464802)</t>
  </si>
  <si>
    <t>POINT (4.617132024457152 51.81501660981442)</t>
  </si>
  <si>
    <t>POINT (4.635725076851299 51.80875433496105)</t>
  </si>
  <si>
    <t>POINT (4.630313048508307 51.806880954327134)</t>
  </si>
  <si>
    <t>POINT (4.647815490630293 51.82006558524673)</t>
  </si>
  <si>
    <t>POINT (4.619504744877886 51.812161023966006)</t>
  </si>
  <si>
    <t>POINT (4.654599498265383 51.82214981643004)</t>
  </si>
  <si>
    <t>POINT (4.648865654143619 51.82449422412309)</t>
  </si>
  <si>
    <t>POINT (4.655716557807225 51.820685696609445)</t>
  </si>
  <si>
    <t>POINT (4.643605711040766 51.81908362547251)</t>
  </si>
  <si>
    <t>POINT (4.609329220895708 51.825469952036336)</t>
  </si>
  <si>
    <t>POINT (4.650106294864302 51.82473674324513)</t>
  </si>
  <si>
    <t>POINT (4.654329598700259 51.826547980585744)</t>
  </si>
  <si>
    <t>POINT (4.632922151537702 51.8195137467432)</t>
  </si>
  <si>
    <t>POINT (4.614188337125977 51.820514541215935)</t>
  </si>
  <si>
    <t>POINT (4.634876041310582 51.81007477413399)</t>
  </si>
  <si>
    <t>POINT (4.6552997270353655 51.82123238715169)</t>
  </si>
  <si>
    <t>POINT (4.646167396326557 51.814565365861)</t>
  </si>
  <si>
    <t>POINT (4.633824460093842 51.812653350743375)</t>
  </si>
  <si>
    <t>POINT (4.629820761563325 51.807582448227926)</t>
  </si>
  <si>
    <t>POINT (4.637224959590512 51.81488013294287)</t>
  </si>
  <si>
    <t>POINT (4.636800092888242 51.821339374159294)</t>
  </si>
  <si>
    <t>POINT (4.62532578127813 51.82318395410133)</t>
  </si>
  <si>
    <t>POINT (4.628000965061344 51.80884012865304)</t>
  </si>
  <si>
    <t>POINT (4.637091833212376 51.80827358174524)</t>
  </si>
  <si>
    <t>POINT (4.659268868175677 51.82343857789895)</t>
  </si>
  <si>
    <t>POINT (4.6552182794594446 51.82335653295502)</t>
  </si>
  <si>
    <t>POINT (4.609154531017734 51.820540585756895)</t>
  </si>
  <si>
    <t>POINT (4.560138924894727 51.83570726432237)</t>
  </si>
  <si>
    <t>POINT (4.641766473753284 51.81722505092977)</t>
  </si>
  <si>
    <t>POINT (4.660809408622515 51.82287451906572)</t>
  </si>
  <si>
    <t>POINT (4.633413941151763 51.824468006594785)</t>
  </si>
  <si>
    <t>POINT (4.601339286864952 51.815334332207804)</t>
  </si>
  <si>
    <t>POINT (4.631618509371988 51.80610805971291)</t>
  </si>
  <si>
    <t>POINT (4.642630047854537 51.81962321510579)</t>
  </si>
  <si>
    <t>POINT (4.634359252245581 51.80947628136928)</t>
  </si>
  <si>
    <t>POINT (4.627052514219281 51.827518435750406)</t>
  </si>
  <si>
    <t>POINT (4.655369927578575 51.821355799014285)</t>
  </si>
  <si>
    <t>POINT (4.647070821264526 51.82279435982832)</t>
  </si>
  <si>
    <t>POINT (4.569757439384293 51.83562286232632)</t>
  </si>
  <si>
    <t>POINT (4.628657411868915 51.80588800298786)</t>
  </si>
  <si>
    <t>POINT (4.638498810485184 51.81417572353695)</t>
  </si>
  <si>
    <t>POINT (4.650028145658552 51.81845546419855)</t>
  </si>
  <si>
    <t>POINT (4.645043389387102 51.81713338875748)</t>
  </si>
  <si>
    <t>POINT (4.651274012575007 51.81811488169525)</t>
  </si>
  <si>
    <t>POINT (4.5965242213797755 51.814733900920295)</t>
  </si>
  <si>
    <t>POINT (4.654901719745766 51.829469678736444)</t>
  </si>
  <si>
    <t>POINT (4.617796957967134 51.81369709464193)</t>
  </si>
  <si>
    <t>POINT (4.656849848087329 51.81896727859473)</t>
  </si>
  <si>
    <t>POINT (4.660206642224974 51.8271012239239)</t>
  </si>
  <si>
    <t>POINT (4.611799634327189 51.82170409887373)</t>
  </si>
  <si>
    <t>POINT (4.652326478584938 51.815623430884244)</t>
  </si>
  <si>
    <t>POINT (4.611660803980074 51.814549777776975)</t>
  </si>
  <si>
    <t>POINT (4.638368996835301 51.824739102229884)</t>
  </si>
  <si>
    <t>POINT (4.619400569327814 51.83037646741872)</t>
  </si>
  <si>
    <t>POINT (4.631906151430736 51.81030687654214)</t>
  </si>
  <si>
    <t>POINT (4.642734167233007 51.81750889918152)</t>
  </si>
  <si>
    <t>POINT (4.659502838764062 51.82188261520491)</t>
  </si>
  <si>
    <t>POINT (4.6297152532443775 51.81495993550208)</t>
  </si>
  <si>
    <t>POINT (4.617481386309739 51.82833080632726)</t>
  </si>
  <si>
    <t>POINT (4.629529760594483 51.81006304580128)</t>
  </si>
  <si>
    <t>POINT (4.638267668397559 51.810580007880596)</t>
  </si>
  <si>
    <t>POINT (4.64984055765664 51.82236089382436)</t>
  </si>
  <si>
    <t>POINT (4.652039533978245 51.815167516220114)</t>
  </si>
  <si>
    <t>POINT (4.6342652109110665 51.80722562390693)</t>
  </si>
  <si>
    <t>POINT (4.656664119503143 51.81815053473765)</t>
  </si>
  <si>
    <t>POINT (4.657800482454164 51.820164657854654)</t>
  </si>
  <si>
    <t>POINT (4.570233913592267 51.834992419113085)</t>
  </si>
  <si>
    <t>POINT (4.612039235967786 51.813629513577176)</t>
  </si>
  <si>
    <t>POINT (4.625004295550076 51.81321868327012)</t>
  </si>
  <si>
    <t>POINT (4.564616721684948 51.83578611581108)</t>
  </si>
  <si>
    <t>POINT (4.576952035012131 51.81852101418948)</t>
  </si>
  <si>
    <t>POINT (4.634171871064002 51.821410027716595)</t>
  </si>
  <si>
    <t>POINT (4.641414321610222 51.82423686027296)</t>
  </si>
  <si>
    <t>POINT (4.629930138156133 51.80885506628447)</t>
  </si>
  <si>
    <t>POINT (4.569414802717499 51.83485927322733)</t>
  </si>
  <si>
    <t>POINT (4.62815269725353 51.81212214366965)</t>
  </si>
  <si>
    <t>POINT (4.636596512198008 51.82274467715651)</t>
  </si>
  <si>
    <t>POINT (4.656198893449951 51.821796313644356)</t>
  </si>
  <si>
    <t>POINT (4.635583368516617 51.82528010594871)</t>
  </si>
  <si>
    <t>POINT (4.6085334325345375 51.81572792191812)</t>
  </si>
  <si>
    <t>POINT (4.6390369338446655 51.81799301526777)</t>
  </si>
  <si>
    <t>POINT (4.642823918257072 51.82117996474235)</t>
  </si>
  <si>
    <t>POINT (4.635758450765471 51.81033830514168)</t>
  </si>
  <si>
    <t>POINT (4.612723304362607 51.81333602700294)</t>
  </si>
  <si>
    <t>POINT (4.628119612257642 51.812215547099406)</t>
  </si>
  <si>
    <t>POINT (4.656028818614465 51.82095614318063)</t>
  </si>
  <si>
    <t>POINT (4.602268693773966 51.815363167976116)</t>
  </si>
  <si>
    <t>POINT (4.6540209630053875 51.82240063738817)</t>
  </si>
  <si>
    <t>POINT (4.6177835073744955 51.8134808187473)</t>
  </si>
  <si>
    <t>POINT (4.636773161690475 51.81463597003712)</t>
  </si>
  <si>
    <t>POINT (4.569258833199108 51.83452816486255)</t>
  </si>
  <si>
    <t>POINT (4.596912821938244 51.818430089053244)</t>
  </si>
  <si>
    <t>POINT (4.609333011969498 51.822493651265226)</t>
  </si>
  <si>
    <t>POINT (4.656405867879243 51.81904241075855)</t>
  </si>
  <si>
    <t>POINT (4.565041790079503 51.83954776377468)</t>
  </si>
  <si>
    <t>POINT (4.63538398624389 51.807836281454406)</t>
  </si>
  <si>
    <t>POINT (4.625927563382413 51.81121997729887)</t>
  </si>
  <si>
    <t>POINT (4.638204217373191 51.82547275035224)</t>
  </si>
  <si>
    <t>POINT (4.603341186310592 51.82081506108915)</t>
  </si>
  <si>
    <t>POINT (4.6405845126547 51.81411320987707)</t>
  </si>
  <si>
    <t>POINT (4.659300256466957 51.830720709056365)</t>
  </si>
  <si>
    <t>POINT (4.627964061955142 51.81223299463439)</t>
  </si>
  <si>
    <t>POINT (4.63516696417265 51.821404336261494)</t>
  </si>
  <si>
    <t>POINT (4.618722897957269 51.81770270043688)</t>
  </si>
  <si>
    <t>POINT (4.650234238204428 51.82053971548572)</t>
  </si>
  <si>
    <t>POINT (4.616254672172483 51.82078288202748)</t>
  </si>
  <si>
    <t>POINT (4.629615309530109 51.81497062511401)</t>
  </si>
  <si>
    <t>POINT (4.616952969712256 51.81287611926595)</t>
  </si>
  <si>
    <t>POINT (4.634282974126336 51.81002876837831)</t>
  </si>
  <si>
    <t>POINT (4.5651305848996735 51.83611720245446)</t>
  </si>
  <si>
    <t>POINT (4.63767558237444 51.819992754195944)</t>
  </si>
  <si>
    <t>POINT (4.639696372116769 51.81955507498388)</t>
  </si>
  <si>
    <t>POINT (4.653268847594329 51.817973343516854)</t>
  </si>
  <si>
    <t>POINT (4.561220630138974 51.83507919608415)</t>
  </si>
  <si>
    <t>POINT (4.635081736546693 51.809883716368965)</t>
  </si>
  <si>
    <t>POINT (4.642823165445901 51.82245425943616)</t>
  </si>
  <si>
    <t>POINT (4.662126258030044 51.82542923255705)</t>
  </si>
  <si>
    <t>POINT (4.609300550998408 51.81975377320531)</t>
  </si>
  <si>
    <t>POINT (4.5654069773977275 51.836001124445445)</t>
  </si>
  <si>
    <t>POINT (4.641551842645623 51.81651190861926)</t>
  </si>
  <si>
    <t>POINT (4.656807718330744 51.818046836217455)</t>
  </si>
  <si>
    <t>POINT (4.6112139591224075 51.819142685845264)</t>
  </si>
  <si>
    <t>POINT (4.629214067362166 51.81153567725033)</t>
  </si>
  <si>
    <t>POINT (4.609168947459035 51.81496523681427)</t>
  </si>
  <si>
    <t>POINT (4.627434699158834 51.80977111925671)</t>
  </si>
  <si>
    <t>POINT (4.603750472994833 51.81969463468963)</t>
  </si>
  <si>
    <t>POINT (4.56839832435129 51.838730874350325)</t>
  </si>
  <si>
    <t>POINT (4.656272211614031 51.81768295728243)</t>
  </si>
  <si>
    <t>POINT (4.622716194015617 51.8191168087111)</t>
  </si>
  <si>
    <t>POINT (4.655416560575749 51.817574866490425)</t>
  </si>
  <si>
    <t>POINT (4.657668199128652 51.818024835684156)</t>
  </si>
  <si>
    <t>POINT (4.643067238654374 51.819666796554706)</t>
  </si>
  <si>
    <t>POINT (4.61946495213471 51.83041747251535)</t>
  </si>
  <si>
    <t>POINT (4.632306490886037 51.80916332006527)</t>
  </si>
  <si>
    <t>POINT (4.611425738365522 51.8213714095433)</t>
  </si>
  <si>
    <t>POINT (4.632244889976312 51.80763222691061)</t>
  </si>
  <si>
    <t>POINT (4.640917721144689 51.825550816148244)</t>
  </si>
  <si>
    <t>POINT (4.640353747585843 51.8186549794785)</t>
  </si>
  <si>
    <t>POINT (4.55967884745911 51.835491402031245)</t>
  </si>
  <si>
    <t>POINT (4.640639555760772 51.82566181926216)</t>
  </si>
  <si>
    <t>POINT (4.626061656857565 51.81344916729282)</t>
  </si>
  <si>
    <t>POINT (4.65033586131898 51.81447410442989)</t>
  </si>
  <si>
    <t>POINT (4.659219462119709 51.821327281354684)</t>
  </si>
  <si>
    <t>POINT (4.625314615094918 51.81454949982891)</t>
  </si>
  <si>
    <t>POINT (4.642024465779258 51.82106139141799)</t>
  </si>
  <si>
    <t>POINT (4.639505449268245 51.82374013539789)</t>
  </si>
  <si>
    <t>POINT (4.654720751301655 51.81658611212845)</t>
  </si>
  <si>
    <t>POINT (4.646127490944347 51.814524440032095)</t>
  </si>
  <si>
    <t>POINT (4.636243147878623 51.81814380876077)</t>
  </si>
  <si>
    <t>POINT (4.656470712830325 51.82157275004951)</t>
  </si>
  <si>
    <t>POINT (4.569409219156628 51.83728113379497)</t>
  </si>
  <si>
    <t>POINT (4.627613765115631 51.807068742201885)</t>
  </si>
  <si>
    <t>POINT (4.63970641010396 51.82595277660191)</t>
  </si>
  <si>
    <t>POINT (4.633903641855377 51.81273400236313)</t>
  </si>
  <si>
    <t>POINT (4.566311096705042 51.836916949380466)</t>
  </si>
  <si>
    <t>POINT (4.646147551145043 51.82599939060548)</t>
  </si>
  <si>
    <t>POINT (4.634174735298592 51.82128286501837)</t>
  </si>
  <si>
    <t>POINT (4.638651739298281 51.82526780476104)</t>
  </si>
  <si>
    <t>POINT (4.641007852519058 51.825551389183715)</t>
  </si>
  <si>
    <t>POINT (4.6446933625953095 51.81784322294661)</t>
  </si>
  <si>
    <t>POINT (4.627454945056559 51.808993007327366)</t>
  </si>
  <si>
    <t>POINT (4.6363230246316816 51.81873298070702)</t>
  </si>
  <si>
    <t>POINT (4.646934833297264 51.82378889107521)</t>
  </si>
  <si>
    <t>POINT (4.637175734985916 51.814846290497194)</t>
  </si>
  <si>
    <t>POINT (4.621785743480753 51.81494088925074)</t>
  </si>
  <si>
    <t>POINT (4.60191268232271 51.82108821600828)</t>
  </si>
  <si>
    <t>POINT (4.653245913252554 51.82070380004766)</t>
  </si>
  <si>
    <t>POINT (4.632557049195591 51.811878695154526)</t>
  </si>
  <si>
    <t>POINT (4.612595704966575 51.81734571927912)</t>
  </si>
  <si>
    <t>POINT (4.631562913778837 51.80777650152441)</t>
  </si>
  <si>
    <t>POINT (4.659422135186882 51.83042792192637)</t>
  </si>
  <si>
    <t>POINT (4.570699001007253 51.83655874299017)</t>
  </si>
  <si>
    <t>POINT (4.652526039877676 51.81525935312935)</t>
  </si>
  <si>
    <t>POINT (4.616818513748423 51.815750997905724)</t>
  </si>
  <si>
    <t>POINT (4.65561955481193 51.81888478523373)</t>
  </si>
  <si>
    <t>POINT (4.6207630622135865 51.81460358262731)</t>
  </si>
  <si>
    <t>POINT (4.606471797845704 51.8145994963083)</t>
  </si>
  <si>
    <t>POINT (4.634099565163242 51.80963542303477)</t>
  </si>
  <si>
    <t>POINT (4.648404240497589 51.82687372535228)</t>
  </si>
  <si>
    <t>POINT (4.619013983390655 51.81447634463381)</t>
  </si>
  <si>
    <t>POINT (4.62484051566413 51.814212211567586)</t>
  </si>
  <si>
    <t>POINT (4.657034861668464 51.82099973631908)</t>
  </si>
  <si>
    <t>POINT (4.619263304161243 51.815447328671375)</t>
  </si>
  <si>
    <t>POINT (4.640534384784319 51.82028323517992)</t>
  </si>
  <si>
    <t>POINT (4.650001019283253 51.81376597577106)</t>
  </si>
  <si>
    <t>POINT (4.6206756401929105 51.82857320911594)</t>
  </si>
  <si>
    <t>POINT (4.638219747110728 51.82251498595115)</t>
  </si>
  <si>
    <t>POINT (4.650833289614203 51.81926461952253)</t>
  </si>
  <si>
    <t>POINT (4.654329724158584 51.81634030228346)</t>
  </si>
  <si>
    <t>POINT (4.621477197934931 51.81146749678876)</t>
  </si>
  <si>
    <t>POINT (4.655366160960415 51.81761059683632)</t>
  </si>
  <si>
    <t>POINT (4.61907922487947 51.81998105627309)</t>
  </si>
  <si>
    <t>POINT (4.645544901794937 51.82056954651807)</t>
  </si>
  <si>
    <t>POINT (4.567923943514254 51.83870005015781)</t>
  </si>
  <si>
    <t>POINT (4.651648881728556 51.82452997307892)</t>
  </si>
  <si>
    <t>POINT (4.643160633325945 51.81824581809466)</t>
  </si>
  <si>
    <t>POINT (4.615211939441146 51.821096071034646)</t>
  </si>
  <si>
    <t>POINT (4.620439648184856 51.81156326522558)</t>
  </si>
  <si>
    <t>POINT (4.565243783245436 51.83163440780385)</t>
  </si>
  <si>
    <t>POINT (4.640101659278401 51.8169290645297)</t>
  </si>
  <si>
    <t>POINT (4.638457643101758 51.80869684589622)</t>
  </si>
  <si>
    <t>POINT (4.641606297081688 51.81875436758046)</t>
  </si>
  <si>
    <t>POINT (4.650621073492515 51.81774283366598)</t>
  </si>
  <si>
    <t>POINT (4.613268916523057 51.82104722958491)</t>
  </si>
  <si>
    <t>POINT (4.6035725744701805 51.81356769951042)</t>
  </si>
  <si>
    <t>POINT (4.610907922923528 51.814977229434945)</t>
  </si>
  <si>
    <t>POINT (4.649422225338823 51.81700098142135)</t>
  </si>
  <si>
    <t>POINT (4.569107066605645 51.83824618993547)</t>
  </si>
  <si>
    <t>POINT (4.644696299872622 51.81601303586504)</t>
  </si>
  <si>
    <t>POINT (4.647492493600925 51.81554826172262)</t>
  </si>
  <si>
    <t>POINT (4.637345177954352 51.8123495027567)</t>
  </si>
  <si>
    <t>POINT (4.5621776266780385 51.83256307126282)</t>
  </si>
  <si>
    <t>POINT (4.632013125845115 51.80722215355796)</t>
  </si>
  <si>
    <t>POINT (4.643620872009091 51.823647413636664)</t>
  </si>
  <si>
    <t>POINT (4.635021063798113 51.808253036265626)</t>
  </si>
  <si>
    <t>POINT (4.617996393711889 51.82132114757934)</t>
  </si>
  <si>
    <t>POINT (4.648853540133105 51.82658571480959)</t>
  </si>
  <si>
    <t>POINT (4.6467092267238455 51.82633875254608)</t>
  </si>
  <si>
    <t>POINT (4.629818838413168 51.82042974559198)</t>
  </si>
  <si>
    <t>POINT (4.626689355679434 51.81535341444814)</t>
  </si>
  <si>
    <t>POINT (4.626333966160177 51.82745398732325)</t>
  </si>
  <si>
    <t>POINT (4.65818137748669 51.830068729858105)</t>
  </si>
  <si>
    <t>POINT (4.635038739057169 51.82420849071388)</t>
  </si>
  <si>
    <t>POINT (4.6464626118461885 51.81884070512262)</t>
  </si>
  <si>
    <t>POINT (4.658349742970577 51.82504901032664)</t>
  </si>
  <si>
    <t>POINT (4.647314747535059 51.81672609795847)</t>
  </si>
  <si>
    <t>POINT (4.640448179319891 51.81389672150664)</t>
  </si>
  <si>
    <t>POINT (4.6062080922426825 51.82217311591271)</t>
  </si>
  <si>
    <t>POINT (4.635699893187103 51.8241058232687)</t>
  </si>
  <si>
    <t>POINT (4.627431218155607 51.816931648210705)</t>
  </si>
  <si>
    <t>POINT (4.653703497295854 51.8219296245378)</t>
  </si>
  <si>
    <t>POINT (4.6457979931999445 51.82058701960738)</t>
  </si>
  <si>
    <t>POINT (4.637010428699749 51.824771046640606)</t>
  </si>
  <si>
    <t>POINT (4.652012430220664 51.820642714085004)</t>
  </si>
  <si>
    <t>POINT (4.634416128607524 51.82076231407273)</t>
  </si>
  <si>
    <t>POINT (4.625729675979364 51.8142414270312)</t>
  </si>
  <si>
    <t>POINT (4.629267269957885 51.806937160938794)</t>
  </si>
  <si>
    <t>POINT (4.638610690818324 51.82269129442451)</t>
  </si>
  <si>
    <t>POINT (4.641157879282207 51.80921517371731)</t>
  </si>
  <si>
    <t>POINT (4.633801679314144 51.81266539317708)</t>
  </si>
  <si>
    <t>POINT (4.653815408671682 51.81615614714605)</t>
  </si>
  <si>
    <t>POINT (4.6207180090230535 51.81150598290252)</t>
  </si>
  <si>
    <t>POINT (4.646939537999974 51.82384687977735)</t>
  </si>
  <si>
    <t>POINT (4.6376719607009 51.81113275808065)</t>
  </si>
  <si>
    <t>POINT (4.630479592424242 51.81276691166865)</t>
  </si>
  <si>
    <t>POINT (4.597027330184369 51.81424014047228)</t>
  </si>
  <si>
    <t>POINT (4.6158286914245705 51.82114874617166)</t>
  </si>
  <si>
    <t>POINT (4.65562312899896 51.82068602213238)</t>
  </si>
  <si>
    <t>POINT (4.610695870380182 51.81860655155915)</t>
  </si>
  <si>
    <t>POINT (4.6440233489831595 51.818802416965625)</t>
  </si>
  <si>
    <t>POINT (4.647260152216946 51.82730420438392)</t>
  </si>
  <si>
    <t>POINT (4.635364394453745 51.81944309892409)</t>
  </si>
  <si>
    <t>POINT (4.570264851426603 51.83676858484481)</t>
  </si>
  <si>
    <t>POINT (4.635642493428139 51.81838810581987)</t>
  </si>
  <si>
    <t>POINT (4.6599668607894 51.825204567497046)</t>
  </si>
  <si>
    <t>POINT (4.647008668612568 51.81952444120764)</t>
  </si>
  <si>
    <t>POINT (4.635611706800511 51.821003484831564)</t>
  </si>
  <si>
    <t>POINT (4.615931358497964 51.8181080261469)</t>
  </si>
  <si>
    <t>POINT (4.648526673664579 51.81554323423601)</t>
  </si>
  <si>
    <t>POINT (4.660057000098154 51.823203249944015)</t>
  </si>
  <si>
    <t>POINT (4.651811069076749 51.82747261469026)</t>
  </si>
  <si>
    <t>POINT (4.656692677705886 51.82142788601438)</t>
  </si>
  <si>
    <t>POINT (4.598039047017921 51.81546753796638)</t>
  </si>
  <si>
    <t>POINT (4.634847770974496 51.81002395948904)</t>
  </si>
  <si>
    <t>POINT (4.602734932046368 51.81536650126179)</t>
  </si>
  <si>
    <t>POINT (4.620983030324543 51.814958976696104)</t>
  </si>
  <si>
    <t>POINT (4.650735032454989 51.81427234215792)</t>
  </si>
  <si>
    <t>POINT (4.634506940006699 51.819260633348264)</t>
  </si>
  <si>
    <t>POINT (4.597267209436884 51.81367524018352)</t>
  </si>
  <si>
    <t>POINT (4.6126639858809515 51.81313707456657)</t>
  </si>
  <si>
    <t>POINT (4.653327340013591 51.825473477294445)</t>
  </si>
  <si>
    <t>POINT (4.639088690987704 51.810371781213334)</t>
  </si>
  <si>
    <t>POINT (4.645263980095278 51.825295145466754)</t>
  </si>
  <si>
    <t>POINT (4.656806922978574 51.82464805296142)</t>
  </si>
  <si>
    <t>POINT (4.612842869470522 51.82155722561526)</t>
  </si>
  <si>
    <t>POINT (4.607936892228635 51.81692536842838)</t>
  </si>
  <si>
    <t>POINT (4.630589196344701 51.81280160469759)</t>
  </si>
  <si>
    <t>POINT (4.62830308387323 51.808080478031414)</t>
  </si>
  <si>
    <t>POINT (4.62674297145596 51.80829398109118)</t>
  </si>
  <si>
    <t>POINT (4.637205980125311 51.823432253240405)</t>
  </si>
  <si>
    <t>POINT (4.610971609468772 51.81518834641103)</t>
  </si>
  <si>
    <t>POINT (4.638522660197406 51.80860713097685)</t>
  </si>
  <si>
    <t>POINT (4.568153457087418 51.834453194732475)</t>
  </si>
  <si>
    <t>POINT (4.617257572478146 51.81679144698797)</t>
  </si>
  <si>
    <t>POINT (4.597880346407006 51.813398998118444)</t>
  </si>
  <si>
    <t>POINT (4.606684179875262 51.81441572326342)</t>
  </si>
  <si>
    <t>POINT (4.60218026680426 51.81571562692813)</t>
  </si>
  <si>
    <t>POINT (4.618830384763443 51.812806665618055)</t>
  </si>
  <si>
    <t>POINT (4.637097584636562 51.817605528633734)</t>
  </si>
  <si>
    <t>POINT (4.656509339212389 51.821742741700625)</t>
  </si>
  <si>
    <t>POINT (4.645535066707768 51.814283512787625)</t>
  </si>
  <si>
    <t>POINT (4.657157109222509 51.82721710870213)</t>
  </si>
  <si>
    <t>POINT (4.602058584514694 51.81964855984774)</t>
  </si>
  <si>
    <t>POINT (4.619058896354295 51.81428917890846)</t>
  </si>
  <si>
    <t>POINT (4.651678941417598 51.81924638995005)</t>
  </si>
  <si>
    <t>POINT (4.656532829392663 51.817466191130926)</t>
  </si>
  <si>
    <t>POINT (4.612743327299909 51.82170552981311)</t>
  </si>
  <si>
    <t>POINT (4.6513664123732745 51.81424560636921)</t>
  </si>
  <si>
    <t>POINT (4.5703195060222646 51.82709374092983)</t>
  </si>
  <si>
    <t>POINT (4.569487135213782 51.83872339838845)</t>
  </si>
  <si>
    <t>POINT (4.656361949200885 51.81944411104453)</t>
  </si>
  <si>
    <t>POINT (4.615603219919574 51.813965826824564)</t>
  </si>
  <si>
    <t>POINT (4.596114435951334 51.815227991742255)</t>
  </si>
  <si>
    <t>POINT (4.653551904648258 51.81750523884631)</t>
  </si>
  <si>
    <t>POINT (4.638841423401241 51.82545715656125)</t>
  </si>
  <si>
    <t>POINT (4.638931368837996 51.817435141925756)</t>
  </si>
  <si>
    <t>POINT (4.601548809095973 51.820261532426166)</t>
  </si>
  <si>
    <t>POINT (4.612800034032259 51.82228931657779)</t>
  </si>
  <si>
    <t>POINT (4.636047320333711 51.80802001617097)</t>
  </si>
  <si>
    <t>POINT (4.640155461062782 51.817435245899595)</t>
  </si>
  <si>
    <t>POINT (4.644436166339905 51.82491840750145)</t>
  </si>
  <si>
    <t>POINT (4.638882371125508 51.82545558393893)</t>
  </si>
  <si>
    <t>POINT (4.658785256976074 51.82411719762111)</t>
  </si>
  <si>
    <t>POINT (4.613350636152562 51.83076998516664)</t>
  </si>
  <si>
    <t>POINT (4.657179514731303 51.82723904557985)</t>
  </si>
  <si>
    <t>POINT (4.644814471878415 51.815047732577504)</t>
  </si>
  <si>
    <t>POINT (4.562714700111476 51.831997020888)</t>
  </si>
  <si>
    <t>POINT (4.638399246570589 51.825327245392565)</t>
  </si>
  <si>
    <t>POINT (4.661022829340923 51.820347937111244)</t>
  </si>
  <si>
    <t>POINT (4.651205174657676 51.81473771476643)</t>
  </si>
  <si>
    <t>POINT (4.632622832230078 51.81033878597122)</t>
  </si>
  <si>
    <t>POINT (4.650406125168856 51.82694108559931)</t>
  </si>
  <si>
    <t>POINT (4.6089605988692925 51.81421516626054)</t>
  </si>
  <si>
    <t>POINT (4.565669531705192 51.834729391760604)</t>
  </si>
  <si>
    <t>POINT (4.569006429056227 51.835373675773276)</t>
  </si>
  <si>
    <t>POINT (4.633874425923636 51.82434913925558)</t>
  </si>
  <si>
    <t>POINT (4.6554014817166935 51.821379528123174)</t>
  </si>
  <si>
    <t>POINT (4.644353232301925 51.816675686555534)</t>
  </si>
  <si>
    <t>POINT (4.611703162999311 51.820740473205575)</t>
  </si>
  <si>
    <t>POINT (4.645523374744257 51.82065872208478)</t>
  </si>
  <si>
    <t>POINT (4.639744819807401 51.82592583042687)</t>
  </si>
  <si>
    <t>POINT (4.622169142871917 51.811610975458684)</t>
  </si>
  <si>
    <t>POINT (4.626813389723291 51.807581802887476)</t>
  </si>
  <si>
    <t>POINT (4.618090303674821 51.81456373235872)</t>
  </si>
  <si>
    <t>POINT (4.654386140343505 51.82059506989832)</t>
  </si>
  <si>
    <t>POINT (4.561792272793892 51.83228715804197)</t>
  </si>
  <si>
    <t>POINT (4.635500440089527 51.82259082304653)</t>
  </si>
  <si>
    <t>POINT (4.637313430184233 51.820966235586766)</t>
  </si>
  <si>
    <t>POINT (4.640291151186615 51.81084678168888)</t>
  </si>
  <si>
    <t>POINT (4.6385359849907974 51.809141684478426)</t>
  </si>
  <si>
    <t>POINT (4.6351397855469365 51.80984104149251)</t>
  </si>
  <si>
    <t>POINT (4.656451601328473 51.818017851101224)</t>
  </si>
  <si>
    <t>POINT (4.619301998195067 51.815290647861936)</t>
  </si>
  <si>
    <t>POINT (4.634015358588655 51.80972913818806)</t>
  </si>
  <si>
    <t>POINT (4.6573402623926885 51.820998453903634)</t>
  </si>
  <si>
    <t>POINT (4.657411086382014 51.8258674031444)</t>
  </si>
  <si>
    <t>POINT (4.654502337702561 51.820153264650706)</t>
  </si>
  <si>
    <t>POINT (4.626083954890432 51.81401219407626)</t>
  </si>
  <si>
    <t>POINT (4.629492774976044 51.81001949936736)</t>
  </si>
  <si>
    <t>POINT (4.619379479378801 51.830357489149804)</t>
  </si>
  <si>
    <t>POINT (4.621043715344206 51.811494015566154)</t>
  </si>
  <si>
    <t>POINT (4.630175066091249 51.811786598358914)</t>
  </si>
  <si>
    <t>POINT (4.621843245243433 51.82954087527386)</t>
  </si>
  <si>
    <t>POINT (4.639618081751173 51.817531221006206)</t>
  </si>
  <si>
    <t>POINT (4.564719579832644 51.83678275357417)</t>
  </si>
  <si>
    <t>POINT (4.606617187904789 51.81464129927385)</t>
  </si>
  <si>
    <t>POINT (4.656685906300993 51.82017122668375)</t>
  </si>
  <si>
    <t>POINT (4.631627461527451 51.809646111003474)</t>
  </si>
  <si>
    <t>POINT (4.6469558220558165 51.81396156448929)</t>
  </si>
  <si>
    <t>POINT (4.633267563856863 51.80936009551241)</t>
  </si>
  <si>
    <t>POINT (4.5973506696462385 51.816233007859864)</t>
  </si>
  <si>
    <t>POINT (4.638705834639443 51.82535936695613)</t>
  </si>
  <si>
    <t>POINT (4.635445668528967 51.807450260966185)</t>
  </si>
  <si>
    <t>POINT (4.646019921091052 51.81559206690246)</t>
  </si>
  <si>
    <t>POINT (4.657469032600273 51.829208483552264)</t>
  </si>
  <si>
    <t>POINT (4.656494715237265 51.82329883322159)</t>
  </si>
  <si>
    <t>POINT (4.6470519031821915 51.82525450595941)</t>
  </si>
  <si>
    <t>POINT (4.61437224535393 51.81790191431732)</t>
  </si>
  <si>
    <t>POINT (4.65635212652126 51.818670529006845)</t>
  </si>
  <si>
    <t>POINT (4.607555806660593 51.82170652803805)</t>
  </si>
  <si>
    <t>POINT (4.654881397812098 51.818336267468354)</t>
  </si>
  <si>
    <t>POINT (4.653981431186194 51.82181873302046)</t>
  </si>
  <si>
    <t>POINT (4.646763751526728 51.82406371057186)</t>
  </si>
  <si>
    <t>POINT (4.627827869449235 51.81330612964284)</t>
  </si>
  <si>
    <t>POINT (4.618759904617138 51.814219042018614)</t>
  </si>
  <si>
    <t>POINT (4.604273448113311 51.8141710541485)</t>
  </si>
  <si>
    <t>POINT (4.614416907546428 51.81524002821539)</t>
  </si>
  <si>
    <t>POINT (4.649743649510003 51.822308582064515)</t>
  </si>
  <si>
    <t>POINT (4.617670273851669 51.818781460037684)</t>
  </si>
  <si>
    <t>POINT (4.595406620376107 51.81515972171729)</t>
  </si>
  <si>
    <t>POINT (4.618958148930028 51.8130984939311)</t>
  </si>
  <si>
    <t>POINT (4.601205796957444 51.813052169276425)</t>
  </si>
  <si>
    <t>POINT (4.653674467765853 51.826999416302115)</t>
  </si>
  <si>
    <t>POINT (4.658427395172005 51.82627875621307)</t>
  </si>
  <si>
    <t>POINT (4.569760257691095 51.834004899360046)</t>
  </si>
  <si>
    <t>POINT (4.631690771637077 51.8075813079346)</t>
  </si>
  <si>
    <t>POINT (4.62614949363968 51.81097689681169)</t>
  </si>
  <si>
    <t>POINT (4.656109657281582 51.81872111722307)</t>
  </si>
  <si>
    <t>POINT (4.641372775416658 51.81697541440749)</t>
  </si>
  <si>
    <t>POINT (4.606041758114078 51.814306190688086)</t>
  </si>
  <si>
    <t>POINT (4.653511444426663 51.819888640819954)</t>
  </si>
  <si>
    <t>POINT (4.627556453082535 51.813243789091175)</t>
  </si>
  <si>
    <t>POINT (4.611884834352614 51.813248944637806)</t>
  </si>
  <si>
    <t>POINT (4.643100189452355 51.82592083098852)</t>
  </si>
  <si>
    <t>POINT (4.6588354724467695 51.830231539190855)</t>
  </si>
  <si>
    <t>POINT (4.645525881356154 51.82302741863221)</t>
  </si>
  <si>
    <t>POINT (4.637155839425523 51.81787697313007)</t>
  </si>
  <si>
    <t>POINT (4.6194162699765124 51.830384785788816)</t>
  </si>
  <si>
    <t>POINT (4.654981288915819 51.82739051118128)</t>
  </si>
  <si>
    <t>POINT (4.6499799260844545 51.81622828589522)</t>
  </si>
  <si>
    <t>POINT (4.609642056882255 51.81920036252446)</t>
  </si>
  <si>
    <t>POINT (4.631902656289673 51.807329046432656)</t>
  </si>
  <si>
    <t>POINT (4.64217587076319 51.82048803820547)</t>
  </si>
  <si>
    <t>POINT (4.648762544345064 51.824416497523146)</t>
  </si>
  <si>
    <t>POINT (4.655998920841251 51.820827625556)</t>
  </si>
  <si>
    <t>POINT (4.566967208202898 51.83364915620307)</t>
  </si>
  <si>
    <t>POINT (4.619879024829966 51.813276221402965)</t>
  </si>
  <si>
    <t>POINT (4.5690662596499685 51.835638478647915)</t>
  </si>
  <si>
    <t>POINT (4.631480495604619 51.80975416172853)</t>
  </si>
  <si>
    <t>POINT (4.653557819531259 51.82664660989235)</t>
  </si>
  <si>
    <t>POINT (4.637102976136488 51.81482705705581)</t>
  </si>
  <si>
    <t>POINT (4.654290282940279 51.826473263937054)</t>
  </si>
  <si>
    <t>POINT (4.630094794365218 51.81387153307195)</t>
  </si>
  <si>
    <t>POINT (4.616946299322966 51.82165769236182)</t>
  </si>
  <si>
    <t>POINT (4.647504598269527 51.82015703667139)</t>
  </si>
  <si>
    <t>POINT (4.6381389500281225 51.8204789896815)</t>
  </si>
  <si>
    <t>POINT (4.646875084581128 51.82400262465504)</t>
  </si>
  <si>
    <t>POINT (4.630384403923497 51.80454916610417)</t>
  </si>
  <si>
    <t>POINT (4.626529823114663 51.81406166451986)</t>
  </si>
  <si>
    <t>POINT (4.647214570144983 51.8237563272775)</t>
  </si>
  <si>
    <t>POINT (4.6363708268311665 51.81877929069161)</t>
  </si>
  <si>
    <t>POINT (4.608711267424149 51.81357968134197)</t>
  </si>
  <si>
    <t>POINT (4.6292778954873 51.821115444251056)</t>
  </si>
  <si>
    <t>POINT (4.64993799242878 51.82226752024998)</t>
  </si>
  <si>
    <t>POINT (4.65421113614651 51.81831663166909)</t>
  </si>
  <si>
    <t>POINT (4.6381126699457305 51.824460354265106)</t>
  </si>
  <si>
    <t>POINT (4.656936499914893 51.823889981429495)</t>
  </si>
  <si>
    <t>POINT (4.5611223984597515 51.83335589157199)</t>
  </si>
  <si>
    <t>POINT (4.628872431538008 51.80950134665653)</t>
  </si>
  <si>
    <t>POINT (4.64716354618585 51.81866470606777)</t>
  </si>
  <si>
    <t>POINT (4.644193777145578 51.81968981689321)</t>
  </si>
  <si>
    <t>POINT (4.628515460961234 51.810647563173816)</t>
  </si>
  <si>
    <t>POINT (4.658614227457283 51.830425624698435)</t>
  </si>
  <si>
    <t>POINT (4.650455417340632 51.81474670899836)</t>
  </si>
  <si>
    <t>POINT (4.600746110045045 51.81193892650508)</t>
  </si>
  <si>
    <t>POINT (4.572581051101674 51.831855174672796)</t>
  </si>
  <si>
    <t>POINT (4.632851364929903 51.82589880807194)</t>
  </si>
  <si>
    <t>POINT (4.6040084051871615 51.81562665554734)</t>
  </si>
  <si>
    <t>POINT (4.642709915950921 51.81624177988643)</t>
  </si>
  <si>
    <t>POINT (4.601444589171247 51.81995982018072)</t>
  </si>
  <si>
    <t>POINT (4.644992581872879 51.822768364255694)</t>
  </si>
  <si>
    <t>POINT (4.612612753722582 51.81992045272996)</t>
  </si>
  <si>
    <t>POINT (4.646523441178286 51.81712388074366)</t>
  </si>
  <si>
    <t>POINT (4.633664516381786 51.819754172236024)</t>
  </si>
  <si>
    <t>POINT (4.651755471758164 51.823664042493675)</t>
  </si>
  <si>
    <t>POINT (4.604462045708773 51.81953212943053)</t>
  </si>
  <si>
    <t>POINT (4.620191423194906 51.82037874583507)</t>
  </si>
  <si>
    <t>POINT (4.6257670571857865 51.81316161282553)</t>
  </si>
  <si>
    <t>POINT (4.651019886532537 51.81414108784173)</t>
  </si>
  <si>
    <t>POINT (4.629661237934625 51.81140884871448)</t>
  </si>
  <si>
    <t>POINT (4.630593916804893 51.808422541540075)</t>
  </si>
  <si>
    <t>POINT (4.633698932718045 51.8126801581102)</t>
  </si>
  <si>
    <t>POINT (4.646813850260777 51.82532573200026)</t>
  </si>
  <si>
    <t>POINT (4.6295351202385175 51.813610897805795)</t>
  </si>
  <si>
    <t>POINT (4.654730614372945 51.816603908361245)</t>
  </si>
  <si>
    <t>POINT (4.609597962407265 51.82233227072074)</t>
  </si>
  <si>
    <t>POINT (4.617589299517036 51.81289683345871)</t>
  </si>
  <si>
    <t>POINT (4.645498435170526 51.82069788998848)</t>
  </si>
  <si>
    <t>POINT (4.634539275007173 51.82447630698501)</t>
  </si>
  <si>
    <t>POINT (4.603213002658034 51.81324341130563)</t>
  </si>
  <si>
    <t>POINT (4.629610902462166 51.82069122419977)</t>
  </si>
  <si>
    <t>POINT (4.646736199654415 51.825349565532214)</t>
  </si>
  <si>
    <t>POINT (4.61072330980413 51.814455641776846)</t>
  </si>
  <si>
    <t>POINT (4.6551643457195215 51.818480413403144)</t>
  </si>
  <si>
    <t>POINT (4.617345514991991 51.814189691053656)</t>
  </si>
  <si>
    <t>POINT (4.611576785624583 51.81613391653922)</t>
  </si>
  <si>
    <t>POINT (4.5916441629860465 51.81237986381448)</t>
  </si>
  <si>
    <t>POINT (4.630198363222723 51.82246957301438)</t>
  </si>
  <si>
    <t>POINT (4.654539915266628 51.81641541178747)</t>
  </si>
  <si>
    <t>POINT (4.645858001517625 51.81430415986195)</t>
  </si>
  <si>
    <t>POINT (4.634144280873534 51.812895896360175)</t>
  </si>
  <si>
    <t>POINT (4.6144645444927574 51.81539937035448)</t>
  </si>
  <si>
    <t>POINT (4.648387310367907 51.826021662792336)</t>
  </si>
  <si>
    <t>POINT (4.609193891857385 51.81624593606033)</t>
  </si>
  <si>
    <t>POINT (4.638578627529838 51.82521113219516)</t>
  </si>
  <si>
    <t>POINT (4.654866002149242 51.820981890714755)</t>
  </si>
  <si>
    <t>POINT (4.651482576673568 51.82637182537709)</t>
  </si>
  <si>
    <t>POINT (4.6416178931808485 51.82593798613225)</t>
  </si>
  <si>
    <t>POINT (4.65449632177777 51.826273994993066)</t>
  </si>
  <si>
    <t>POINT (4.644765705625618 51.814653710256934)</t>
  </si>
  <si>
    <t>POINT (4.562820647108075 51.83218692430081)</t>
  </si>
  <si>
    <t>POINT (4.615940123258362 51.820476160892916)</t>
  </si>
  <si>
    <t>POINT (4.631943655692145 51.81397711787522)</t>
  </si>
  <si>
    <t>POINT (4.641549899138461 51.820794190733565)</t>
  </si>
  <si>
    <t>POINT (4.621241830900962 51.81141835646263)</t>
  </si>
  <si>
    <t>POINT (4.602699251056646 51.81304239655282)</t>
  </si>
  <si>
    <t>POINT (4.621090181913805 51.8114886919971)</t>
  </si>
  <si>
    <t>POINT (4.6447511633514775 51.817922239673344)</t>
  </si>
  <si>
    <t>POINT (4.645132030997079 51.824473329901146)</t>
  </si>
  <si>
    <t>POINT (4.612663801537975 51.821115255338626)</t>
  </si>
  <si>
    <t>POINT (4.633344835222842 51.807956150757285)</t>
  </si>
  <si>
    <t>POINT (4.613811643981754 51.814081214824455)</t>
  </si>
  <si>
    <t>POINT (4.626182388465131 51.81291561625541)</t>
  </si>
  <si>
    <t>POINT (4.611841731764935 51.81679900806623)</t>
  </si>
  <si>
    <t>POINT (4.633158505438278 51.824597421019064)</t>
  </si>
  <si>
    <t>POINT (4.612459766920674 51.815656928763666)</t>
  </si>
  <si>
    <t>POINT (4.635934367622577 51.818271503520755)</t>
  </si>
  <si>
    <t>POINT (4.6082093572786045 51.81485123096143)</t>
  </si>
  <si>
    <t>POINT (4.654549546577299 51.81641890559243)</t>
  </si>
  <si>
    <t>POINT (4.595192136852987 51.814032183033206)</t>
  </si>
  <si>
    <t>POINT (4.638954482416369 51.82306760497859)</t>
  </si>
  <si>
    <t>POINT (4.6270555046800474 51.813757306289)</t>
  </si>
  <si>
    <t>POINT (4.657040913774901 51.82952246508577)</t>
  </si>
  <si>
    <t>POINT (4.6453417973724 51.81433256495175)</t>
  </si>
  <si>
    <t>POINT (4.617328639569884 51.82148833680881)</t>
  </si>
  <si>
    <t>POINT (4.600536004092996 51.81956443168185)</t>
  </si>
  <si>
    <t>POINT (4.6349803808011005 51.80999805024886)</t>
  </si>
  <si>
    <t>POINT (4.657497444663452 51.827542574395515)</t>
  </si>
  <si>
    <t>POINT (4.628618875979662 51.81221066774229)</t>
  </si>
  <si>
    <t>POINT (4.6080317583556845 51.815639073407674)</t>
  </si>
  <si>
    <t>POINT (4.644680638962729 51.81473614669983)</t>
  </si>
  <si>
    <t>POINT (4.607255678475304 51.81579151745386)</t>
  </si>
  <si>
    <t>POINT (4.635245510432766 51.82462535388773)</t>
  </si>
  <si>
    <t>POINT (4.648593512479429 51.82741153162143)</t>
  </si>
  <si>
    <t>POINT (4.640367546714306 51.82216846858791)</t>
  </si>
  <si>
    <t>POINT (4.65285921145374 51.817510991892036)</t>
  </si>
  <si>
    <t>POINT (4.649943159077477 51.82652816004837)</t>
  </si>
  <si>
    <t>POINT (4.627343393818262 51.81329503861521)</t>
  </si>
  <si>
    <t>POINT (4.6298997708263245 51.80384849662833)</t>
  </si>
  <si>
    <t>POINT (4.635187124381357 51.824567119602285)</t>
  </si>
  <si>
    <t>POINT (4.633173459902826 51.82054757890465)</t>
  </si>
  <si>
    <t>POINT (4.636417927194174 51.81882507482179)</t>
  </si>
  <si>
    <t>POINT (4.625414788776132 51.813462695671944)</t>
  </si>
  <si>
    <t>POINT (4.645775840893011 51.81422063920677)</t>
  </si>
  <si>
    <t>POINT (4.657359075945597 51.82101809430381)</t>
  </si>
  <si>
    <t>POINT (4.62424707547803 51.8137871257821)</t>
  </si>
  <si>
    <t>POINT (4.654092621763929 51.82177437633678)</t>
  </si>
  <si>
    <t>POINT (4.634691111200453 51.81943970072056)</t>
  </si>
  <si>
    <t>POINT (4.566071004592758 51.837755079503815)</t>
  </si>
  <si>
    <t>POINT (4.65900758412506 51.823092834760175)</t>
  </si>
  <si>
    <t>POINT (4.654289499014202 51.82904043292461)</t>
  </si>
  <si>
    <t>POINT (4.611301394168255 51.814925126211364)</t>
  </si>
  <si>
    <t>POINT (4.611319148134647 51.82212185608813)</t>
  </si>
  <si>
    <t>POINT (4.630247518985761 51.8124696684043)</t>
  </si>
  <si>
    <t>POINT (4.579990006723791 51.82544756248049)</t>
  </si>
  <si>
    <t>POINT (4.604029820202646 51.81961060287842)</t>
  </si>
  <si>
    <t>POINT (4.654959726805165 51.8210473198265)</t>
  </si>
  <si>
    <t>POINT (4.5601803077887935 51.83472150786016)</t>
  </si>
  <si>
    <t>POINT (4.627931781366918 51.82343982402388)</t>
  </si>
  <si>
    <t>POINT (4.609281233449167 51.8162474049412)</t>
  </si>
  <si>
    <t>POINT (4.644739792981961 51.81717460520682)</t>
  </si>
  <si>
    <t>POINT (4.642125884560954 51.816285156237484)</t>
  </si>
  <si>
    <t>POINT (4.569229200532592 51.838434743843806)</t>
  </si>
  <si>
    <t>POINT (4.655245206859862 51.817545070081174)</t>
  </si>
  <si>
    <t>POINT (4.628730918777606 51.809472782769426)</t>
  </si>
  <si>
    <t>POINT (4.651130133770336 51.81728275963712)</t>
  </si>
  <si>
    <t>POINT (4.648331990078007 51.81667037694123)</t>
  </si>
  <si>
    <t>POINT (4.634682094960491 51.82436706631257)</t>
  </si>
  <si>
    <t>POINT (4.635601654142897 51.80892614567868)</t>
  </si>
  <si>
    <t>POINT (4.6419576536557 51.826054030494895)</t>
  </si>
  <si>
    <t>POINT (4.627615664645356 51.824001837552224)</t>
  </si>
  <si>
    <t>POINT (4.6412770254692735 51.8166133614229)</t>
  </si>
  <si>
    <t>POINT (4.63383219770527 51.820482389506225)</t>
  </si>
  <si>
    <t>POINT (4.6355761275489735 51.82256388326497)</t>
  </si>
  <si>
    <t>POINT (4.614062937035606 51.82244724174412)</t>
  </si>
  <si>
    <t>POINT (4.597008899961231 51.81375018404462)</t>
  </si>
  <si>
    <t>POINT (4.649346405109824 51.81386759570415)</t>
  </si>
  <si>
    <t>POINT (4.654228331024089 51.82486839861699)</t>
  </si>
  <si>
    <t>POINT (4.633703420563238 51.80982238893707)</t>
  </si>
  <si>
    <t>POINT (4.564116116770955 51.8367350723612)</t>
  </si>
  <si>
    <t>POINT (4.63877220124989 51.823383401991606)</t>
  </si>
  <si>
    <t>POINT (4.6505059126863015 51.81389488917035)</t>
  </si>
  <si>
    <t>POINT (4.602000955089061 51.821166648983535)</t>
  </si>
  <si>
    <t>POINT (4.614688277005575 51.813547791346664)</t>
  </si>
  <si>
    <t>POINT (4.628874123775731 51.8215295522942)</t>
  </si>
  <si>
    <t>POINT (4.627284342961564 51.806623492396696)</t>
  </si>
  <si>
    <t>POINT (4.632060617003582 51.80720812219706)</t>
  </si>
  <si>
    <t>POINT (4.629577351351537 51.82070515583894)</t>
  </si>
  <si>
    <t>POINT (4.65863814528796 51.82750522922416)</t>
  </si>
  <si>
    <t>POINT (4.635277200931841 51.82001402375344)</t>
  </si>
  <si>
    <t>POINT (4.608676217034978 51.81847131114247)</t>
  </si>
  <si>
    <t>POINT (4.633343896209228 51.8245189720621)</t>
  </si>
  <si>
    <t>POINT (4.643647185378803 51.81612177241455)</t>
  </si>
  <si>
    <t>POINT (4.633087961235802 51.80946034307838)</t>
  </si>
  <si>
    <t>POINT (4.648699443316004 51.812927308868375)</t>
  </si>
  <si>
    <t>POINT (4.6435154184900735 51.81540656096802)</t>
  </si>
  <si>
    <t>POINT (4.612089324069622 51.820029967158035)</t>
  </si>
  <si>
    <t>POINT (4.629004885476921 51.813287699855486)</t>
  </si>
  <si>
    <t>POINT (4.645396491443026 51.81532819283964)</t>
  </si>
  <si>
    <t>POINT (4.5627276018244665 51.837103673936575)</t>
  </si>
  <si>
    <t>POINT (4.648392326012854 51.81677729972836)</t>
  </si>
  <si>
    <t>POINT (4.63608803359527 51.81648807740544)</t>
  </si>
  <si>
    <t>POINT (4.595371445072339 51.8149775882554)</t>
  </si>
  <si>
    <t>POINT (4.618108125720846 51.820192169479434)</t>
  </si>
  <si>
    <t>POINT (4.615753092291625 51.82114877961133)</t>
  </si>
  <si>
    <t>POINT (4.601156755375951 51.81353016736769)</t>
  </si>
  <si>
    <t>POINT (4.639418522285869 51.82579612169481)</t>
  </si>
  <si>
    <t>POINT (4.6175374500973465 51.81365482681984)</t>
  </si>
  <si>
    <t>POINT (4.629643744839512 51.815079634962146)</t>
  </si>
  <si>
    <t>POINT (4.644101827373385 51.8184172001618)</t>
  </si>
  <si>
    <t>POINT (4.656265267488145 51.821731927647875)</t>
  </si>
  <si>
    <t>POINT (4.654549468926047 51.81639601991683)</t>
  </si>
  <si>
    <t>POINT (4.648349245711995 51.81678295206255)</t>
  </si>
  <si>
    <t>POINT (4.629232636954575 51.813433772495785)</t>
  </si>
  <si>
    <t>POINT (4.635894057280331 51.816856819656934)</t>
  </si>
  <si>
    <t>POINT (4.64356423962138 51.815310448605125)</t>
  </si>
  <si>
    <t>POINT (4.650236721496337 51.82528378629299)</t>
  </si>
  <si>
    <t>POINT (4.653957215251304 51.817500122483075)</t>
  </si>
  <si>
    <t>POINT (4.652558228702008 51.82154811894262)</t>
  </si>
  <si>
    <t>POINT (4.661364797599215 51.82741048251534)</t>
  </si>
  <si>
    <t>POINT (4.569261547398346 51.83847611966965)</t>
  </si>
  <si>
    <t>POINT (4.656659275749322 51.82018647650806)</t>
  </si>
  <si>
    <t>POINT (4.648890350213551 51.82573610271037)</t>
  </si>
  <si>
    <t>POINT (4.651741069852611 51.814738009289414)</t>
  </si>
  <si>
    <t>POINT (4.61266357709776 51.813284954374204)</t>
  </si>
  <si>
    <t>POINT (4.6465881277371235 51.82043061639733)</t>
  </si>
  <si>
    <t>POINT (4.628796297223423 51.80790498012739)</t>
  </si>
  <si>
    <t>POINT (4.631697003222609 51.81060788344368)</t>
  </si>
  <si>
    <t>POINT (4.619388039896674 51.82054453890045)</t>
  </si>
  <si>
    <t>POINT (4.6412309307887405 51.825665102826456)</t>
  </si>
  <si>
    <t>POINT (4.635291064785582 51.824156346073586)</t>
  </si>
  <si>
    <t>POINT (4.600261163098242 51.81447584742118)</t>
  </si>
  <si>
    <t>POINT (4.640505471167909 51.80920822858251)</t>
  </si>
  <si>
    <t>POINT (4.616534599943217 51.81732233923426)</t>
  </si>
  <si>
    <t>POINT (4.655094411522223 51.81670309435762)</t>
  </si>
  <si>
    <t>POINT (4.604204129746118 51.81399049342727)</t>
  </si>
  <si>
    <t>POINT (4.660483123561837 51.82292610770968)</t>
  </si>
  <si>
    <t>POINT (4.632114074474079 51.82591337499756)</t>
  </si>
  <si>
    <t>POINT (4.6626886745237694 51.82341226844176)</t>
  </si>
  <si>
    <t>POINT (4.636651216504182 51.819053684402775)</t>
  </si>
  <si>
    <t>POINT (4.625756903388439 51.81158356019465)</t>
  </si>
  <si>
    <t>POINT (4.646661305724857 51.82390877350052)</t>
  </si>
  <si>
    <t>POINT (4.646402964679815 51.82545298095166)</t>
  </si>
  <si>
    <t>POINT (4.61834688802407 51.815263306752605)</t>
  </si>
  <si>
    <t>POINT (4.643953295962558 51.81745036171814)</t>
  </si>
  <si>
    <t>POINT (4.639411949748295 51.82206224104049)</t>
  </si>
  <si>
    <t>POINT (4.5636669011926765 51.83232125083622)</t>
  </si>
  <si>
    <t>POINT (4.633015218746336 51.80784472994509)</t>
  </si>
  <si>
    <t>POINT (4.563635256535524 51.83209513251847)</t>
  </si>
  <si>
    <t>POINT (4.644339846085835 51.82366527860391)</t>
  </si>
  <si>
    <t>POINT (4.641821361207023 51.82119973201526)</t>
  </si>
  <si>
    <t>POINT (4.631667075447706 51.81062934456186)</t>
  </si>
  <si>
    <t>POINT (4.630142689807294 51.81235018838394)</t>
  </si>
  <si>
    <t>POINT (4.644211582267224 51.819691943079434)</t>
  </si>
  <si>
    <t>POINT (4.623193617248439 51.814391810286075)</t>
  </si>
  <si>
    <t>POINT (4.642702179620217 51.80959601744458)</t>
  </si>
  <si>
    <t>POINT (4.62061877466533 51.820328891061386)</t>
  </si>
  <si>
    <t>POINT (4.563608603215413 51.83234921031302)</t>
  </si>
  <si>
    <t>POINT (4.659782537195281 51.82703326676458)</t>
  </si>
  <si>
    <t>POINT (4.638593544707676 51.822675634626734)</t>
  </si>
  <si>
    <t>POINT (4.6301453281316745 51.81171721141641)</t>
  </si>
  <si>
    <t>POINT (4.637082588203313 51.81484867939722)</t>
  </si>
  <si>
    <t>POINT (4.647993628420149 51.82388035441887)</t>
  </si>
  <si>
    <t>POINT (4.650705331959086 51.82817343222335)</t>
  </si>
  <si>
    <t>POINT (4.6394631953809125 51.80867654337787)</t>
  </si>
  <si>
    <t>POINT (4.653958190538931 51.82055732322647)</t>
  </si>
  <si>
    <t>POINT (4.611862408090194 51.81515080164885)</t>
  </si>
  <si>
    <t>POINT (4.630319890328771 51.813238058642014)</t>
  </si>
  <si>
    <t>POINT (4.624980748051175 51.81164958611503)</t>
  </si>
  <si>
    <t>POINT (4.6333589664491726 51.81715171594221)</t>
  </si>
  <si>
    <t>POINT (4.640298740928976 51.81872110980713)</t>
  </si>
  <si>
    <t>POINT (4.637091259912865 51.811139995803046)</t>
  </si>
  <si>
    <t>POINT (4.652305443574016 51.821504262633184)</t>
  </si>
  <si>
    <t>POINT (4.6367428357008125 51.81776797862077)</t>
  </si>
  <si>
    <t>POINT (4.649707596278479 51.82223196071478)</t>
  </si>
  <si>
    <t>POINT (4.62977798228049 51.82265045506885)</t>
  </si>
  <si>
    <t>POINT (4.658558356517573 51.818982464487505)</t>
  </si>
  <si>
    <t>POINT (4.6036607381656225 51.81356828820577)</t>
  </si>
  <si>
    <t>POINT (4.617968988985262 51.82238977066057)</t>
  </si>
  <si>
    <t>POINT (4.632394177504667 51.81128466251273)</t>
  </si>
  <si>
    <t>POINT (4.6367263380161 51.82136801695404)</t>
  </si>
  <si>
    <t>POINT (4.633001349216788 51.808375711893746)</t>
  </si>
  <si>
    <t>POINT (4.564523466179594 51.83677871870354)</t>
  </si>
  <si>
    <t>POINT (4.6194469555674145 51.83041788514079)</t>
  </si>
  <si>
    <t>POINT (4.635862055252655 51.810262124083174)</t>
  </si>
  <si>
    <t>POINT (4.636669012806182 51.8153907055005)</t>
  </si>
  <si>
    <t>POINT (4.657630933228675 51.822291628289086)</t>
  </si>
  <si>
    <t>POINT (4.635906847294216 51.81633392994454)</t>
  </si>
  <si>
    <t>POINT (4.638291436652646 51.8137664930631)</t>
  </si>
  <si>
    <t>POINT (4.618226115280996 51.82107743189509)</t>
  </si>
  <si>
    <t>POINT (4.631477041955328 51.81076567512042)</t>
  </si>
  <si>
    <t>POINT (4.657436232697818 51.82430818656348)</t>
  </si>
  <si>
    <t>POINT (4.613022154134485 51.81817736511895)</t>
  </si>
  <si>
    <t>POINT (4.649602190697832 51.822213204125184)</t>
  </si>
  <si>
    <t>POINT (4.609074405430055 51.814599667673086)</t>
  </si>
  <si>
    <t>POINT (4.600042926637001 51.81909636328222)</t>
  </si>
  <si>
    <t>POINT (4.6437568776254565 51.825984623171706)</t>
  </si>
  <si>
    <t>POINT (4.6168548260166 51.82330781492394)</t>
  </si>
  <si>
    <t>POINT (4.615603261190247 51.81168322182661)</t>
  </si>
  <si>
    <t>POINT (4.619343580373268 51.81553741752282)</t>
  </si>
  <si>
    <t>POINT (4.643648490554672 51.82262836140643)</t>
  </si>
  <si>
    <t>POINT (4.628898243992991 51.82104596316914)</t>
  </si>
  <si>
    <t>POINT (4.643148238205506 51.81963115758307)</t>
  </si>
  <si>
    <t>POINT (4.637619218952339 51.81977730372884)</t>
  </si>
  <si>
    <t>POINT (4.654669038598982 51.81712127222624)</t>
  </si>
  <si>
    <t>POINT (4.618724310639562 51.82030053776468)</t>
  </si>
  <si>
    <t>POINT (4.612778542078853 51.81890632499603)</t>
  </si>
  <si>
    <t>POINT (4.634048847677798 51.82495472130202)</t>
  </si>
  <si>
    <t>POINT (4.6574287757868085 51.82198261720893)</t>
  </si>
  <si>
    <t>POINT (4.656123053805004 51.82186299567679)</t>
  </si>
  <si>
    <t>POINT (4.644657238545309 51.81492503987971)</t>
  </si>
  <si>
    <t>POINT (4.626024266114202 51.81281121153032)</t>
  </si>
  <si>
    <t>POINT (4.604059122452159 51.81398951682435)</t>
  </si>
  <si>
    <t>POINT (4.612735301347467 51.815624419506314)</t>
  </si>
  <si>
    <t>POINT (4.616563164017234 51.82229670166834)</t>
  </si>
  <si>
    <t>POINT (4.653592334960012 51.821973981031775)</t>
  </si>
  <si>
    <t>POINT (4.640516189809321 51.8257304631423)</t>
  </si>
  <si>
    <t>POINT (4.625407286641628 51.81171899820637)</t>
  </si>
  <si>
    <t>POINT (4.638302299464933 51.82409832239727)</t>
  </si>
  <si>
    <t>POINT (4.560527065165628 51.83635346696537)</t>
  </si>
  <si>
    <t>POINT (4.561492217961924 51.83272217977674)</t>
  </si>
  <si>
    <t>POINT (4.646316569872536 51.81646351511963)</t>
  </si>
  <si>
    <t>POINT (4.637441993584957 51.80812437786175)</t>
  </si>
  <si>
    <t>POINT (4.619290938264086 51.813572184331605)</t>
  </si>
  <si>
    <t>POINT (4.640772872273637 51.82386952284772)</t>
  </si>
  <si>
    <t>POINT (4.616085234718491 51.821798266543226)</t>
  </si>
  <si>
    <t>POINT (4.630757198026384 51.8073971549679)</t>
  </si>
  <si>
    <t>POINT (4.617042491845092 51.81573520966657)</t>
  </si>
  <si>
    <t>POINT (4.56249490778739 51.83686024213954)</t>
  </si>
  <si>
    <t>POINT (4.612023803347747 51.813846399461056)</t>
  </si>
  <si>
    <t>POINT (4.64472046768459 51.819928473983765)</t>
  </si>
  <si>
    <t>POINT (4.637623016411735 51.80886675219327)</t>
  </si>
  <si>
    <t>POINT (4.5629647099183 51.837224943230176)</t>
  </si>
  <si>
    <t>POINT (4.654816063732031 51.824739026030855)</t>
  </si>
  <si>
    <t>POINT (4.619412628211093 51.83037203396822)</t>
  </si>
  <si>
    <t>POINT (4.658959647665543 51.82600125363254)</t>
  </si>
  <si>
    <t>POINT (4.635353448179795 51.81051648284966)</t>
  </si>
  <si>
    <t>POINT (4.634488649133611 51.810386292407)</t>
  </si>
  <si>
    <t>POINT (4.627830019359987 51.806166461103)</t>
  </si>
  <si>
    <t>POINT (4.641853224897495 51.82599954315634)</t>
  </si>
  <si>
    <t>POINT (4.629648493092079 51.80894466358176)</t>
  </si>
  <si>
    <t>POINT (4.639264141164073 51.82571172302054)</t>
  </si>
  <si>
    <t>POINT (4.65572652341363 51.8207285358428)</t>
  </si>
  <si>
    <t>POINT (4.618622159843148 51.81934249904323)</t>
  </si>
  <si>
    <t>POINT (4.631024081908489 51.807336241785876)</t>
  </si>
  <si>
    <t>POINT (4.640217082613329 51.81081850816414)</t>
  </si>
  <si>
    <t>POINT (4.622795472520535 51.828070470653124)</t>
  </si>
  <si>
    <t>POINT (4.631858908357932 51.82500729073074)</t>
  </si>
  <si>
    <t>POINT (4.640469935684971 51.82282608546039)</t>
  </si>
  <si>
    <t>POINT (4.653184662517086 51.81797994504996)</t>
  </si>
  <si>
    <t>POINT (4.636467768575 51.820528113511514)</t>
  </si>
  <si>
    <t>POINT (4.641452494072132 51.82586693148934)</t>
  </si>
  <si>
    <t>POINT (4.652753448560398 51.81525457434625)</t>
  </si>
  <si>
    <t>POINT (4.656429910342174 51.82874222157362)</t>
  </si>
  <si>
    <t>POINT (4.635321334805319 51.80974735604479)</t>
  </si>
  <si>
    <t>POINT (4.620216757490545 51.81302269122714)</t>
  </si>
  <si>
    <t>POINT (4.641987059821521 51.80905148183784)</t>
  </si>
  <si>
    <t>POINT (4.616679490558319 51.81412087077639)</t>
  </si>
  <si>
    <t>POINT (4.61074547554648 51.8185592934683)</t>
  </si>
  <si>
    <t>POINT (4.652698344582049 51.81973946642101)</t>
  </si>
  <si>
    <t>POINT (4.627215488470725 51.812703795776976)</t>
  </si>
  <si>
    <t>POINT (4.62158800547041 51.81445717502208)</t>
  </si>
  <si>
    <t>POINT (4.611903426670891 51.814846103220034)</t>
  </si>
  <si>
    <t>POINT (4.6167496169524025 51.82013347068242)</t>
  </si>
  <si>
    <t>POINT (4.6448064309867165 51.814690569861796)</t>
  </si>
  <si>
    <t>POINT (4.659297626744092 51.828852874901436)</t>
  </si>
  <si>
    <t>POINT (4.631251214679055 51.80636574653031)</t>
  </si>
  <si>
    <t>POINT (4.661994281472526 51.82212261799187)</t>
  </si>
  <si>
    <t>POINT (4.660340231807198 51.82175058306782)</t>
  </si>
  <si>
    <t>POINT (4.638287596221222 51.824084026449874)</t>
  </si>
  <si>
    <t>POINT (4.632916159390108 51.807837351686956)</t>
  </si>
  <si>
    <t>POINT (4.6378822024808875 51.81852832285217)</t>
  </si>
  <si>
    <t>POINT (4.616575670396061 51.81696367146591)</t>
  </si>
  <si>
    <t>POINT (4.609166119201011 51.814938359748645)</t>
  </si>
  <si>
    <t>POINT (4.6122675157103945 51.815920161575825)</t>
  </si>
  <si>
    <t>POINT (4.570747924847563 51.82181423872114)</t>
  </si>
  <si>
    <t>POINT (4.640544800676604 51.81982431182182)</t>
  </si>
  <si>
    <t>POINT (4.622321701353485 51.81298796279003)</t>
  </si>
  <si>
    <t>POINT (4.628265672226617 51.8120830184213)</t>
  </si>
  <si>
    <t>POINT (4.637243738990252 51.811991104101416)</t>
  </si>
  <si>
    <t>POINT (4.6576162447156 51.82236748230355)</t>
  </si>
  <si>
    <t>POINT (4.614215089319172 51.818592588156086)</t>
  </si>
  <si>
    <t>POINT (4.648515456309859 51.824281829347626)</t>
  </si>
  <si>
    <t>POINT (4.609269388547541 51.82081981768915)</t>
  </si>
  <si>
    <t>POINT (4.653222914457246 51.82574848904663)</t>
  </si>
  <si>
    <t>POINT (4.641582916554744 51.82322792647594)</t>
  </si>
  <si>
    <t>POINT (4.6214631890557385 51.81142055617278)</t>
  </si>
  <si>
    <t>POINT (4.627387942929859 51.809001256598776)</t>
  </si>
  <si>
    <t>POINT (4.617862246644149 51.8174099710439)</t>
  </si>
  <si>
    <t>POINT (4.569702699262341 51.838084676810624)</t>
  </si>
  <si>
    <t>POINT (4.629721711963727 51.81488022937442)</t>
  </si>
  <si>
    <t>POINT (4.56573932090296 51.83868353429119)</t>
  </si>
  <si>
    <t>POINT (4.616017524272336 51.815389271388405)</t>
  </si>
  <si>
    <t>POINT (4.643274323517025 51.823771212050495)</t>
  </si>
  <si>
    <t>POINT (4.604237445798597 51.81442781976543)</t>
  </si>
  <si>
    <t>POINT (4.6408398501935055 51.81088115803162)</t>
  </si>
  <si>
    <t>POINT (4.614561338616846 51.81312215757936)</t>
  </si>
  <si>
    <t>POINT (4.649182482909819 51.81270633147326)</t>
  </si>
  <si>
    <t>POINT (4.656907539306886 51.82038208713461)</t>
  </si>
  <si>
    <t>POINT (4.647022858538931 51.813973528808134)</t>
  </si>
  <si>
    <t>POINT (4.657478928209691 51.827573398285665)</t>
  </si>
  <si>
    <t>POINT (4.561731830534168 51.8348514035503)</t>
  </si>
  <si>
    <t>POINT (4.634160440611195 51.81587274439237)</t>
  </si>
  <si>
    <t>POINT (4.658672105885123 51.82590969941194)</t>
  </si>
  <si>
    <t>POINT (4.619740512650334 51.81982649796959)</t>
  </si>
  <si>
    <t>POINT (4.642558118450459 51.82255143574342)</t>
  </si>
  <si>
    <t>POINT (4.658724226570788 51.82096568623649)</t>
  </si>
  <si>
    <t>POINT (4.624110748243792 51.81269760715406)</t>
  </si>
  <si>
    <t>POINT (4.598036446944471 51.81556387074471)</t>
  </si>
  <si>
    <t>POINT (4.641865566681418 51.81899484399645)</t>
  </si>
  <si>
    <t>POINT (4.6176105756634405 51.81918837420257)</t>
  </si>
  <si>
    <t>POINT (4.570644958412086 51.835516886722765)</t>
  </si>
  <si>
    <t>POINT (4.661125763238865 51.82387511792158)</t>
  </si>
  <si>
    <t>POINT (4.638363017755573 51.81375091400786)</t>
  </si>
  <si>
    <t>POINT (4.635614220604766 51.822726391118)</t>
  </si>
  <si>
    <t>POINT (4.647051158891693 51.82381591658789)</t>
  </si>
  <si>
    <t>POINT (4.662568852406409 51.82196289655404)</t>
  </si>
  <si>
    <t>POINT (4.637397621429136 51.82513708631964)</t>
  </si>
  <si>
    <t>POINT (4.634636131599683 51.823950640039044)</t>
  </si>
  <si>
    <t>POINT (4.648342593771896 51.825969085178755)</t>
  </si>
  <si>
    <t>POINT (4.645531443805858 51.82062494864371)</t>
  </si>
  <si>
    <t>POINT (4.641124959972505 51.82556629979357)</t>
  </si>
  <si>
    <t>POINT (4.653647916155248 51.82195180279802)</t>
  </si>
  <si>
    <t>POINT (4.65796872024795 51.82334450357813)</t>
  </si>
  <si>
    <t>POINT (4.613965312622796 51.82151072061867)</t>
  </si>
  <si>
    <t>POINT (4.6578777605582475 51.81842296140333)</t>
  </si>
  <si>
    <t>POINT (4.619275639025361 51.8190354077214)</t>
  </si>
  <si>
    <t>POINT (4.660336644664255 51.829010997207725)</t>
  </si>
  <si>
    <t>POINT (4.614187927092049 51.819023714896154)</t>
  </si>
  <si>
    <t>POINT (4.628082892876147 51.80611503693257)</t>
  </si>
  <si>
    <t>POINT (4.604874072074846 51.81909726958069)</t>
  </si>
  <si>
    <t>POINT (4.6526091654066315 51.82009057249847)</t>
  </si>
  <si>
    <t>POINT (4.616806946496698 51.81820830246468)</t>
  </si>
  <si>
    <t>POINT (4.622552430259612 51.812381685365956)</t>
  </si>
  <si>
    <t>POINT (4.646041442035065 51.8248718634688)</t>
  </si>
  <si>
    <t>POINT (4.636332856593267 51.82405036914139)</t>
  </si>
  <si>
    <t>POINT (4.614072771898298 51.817963743775984)</t>
  </si>
  <si>
    <t>POINT (4.656340009882896 51.82178655886926)</t>
  </si>
  <si>
    <t>POINT (4.629505822480975 51.80662498638172)</t>
  </si>
  <si>
    <t>POINT (4.6173704545645835 51.819548810856)</t>
  </si>
  <si>
    <t>POINT (4.64181990002081 51.825978738455525)</t>
  </si>
  <si>
    <t>POINT (4.6481976872616 51.824017790974914)</t>
  </si>
  <si>
    <t>POINT (4.613157406762636 51.815133831379484)</t>
  </si>
  <si>
    <t>POINT (4.660058086798538 51.827065769268785)</t>
  </si>
  <si>
    <t>POINT (4.632685595257248 51.82640177456073)</t>
  </si>
  <si>
    <t>POINT (4.651889742476432 51.821633720687075)</t>
  </si>
  <si>
    <t>POINT (4.656208285645252 51.82716103778059)</t>
  </si>
  <si>
    <t>POINT (4.639773161321459 51.82001579415402)</t>
  </si>
  <si>
    <t>POINT (4.656312111426628 51.82012761447319)</t>
  </si>
  <si>
    <t>POINT (4.631681653194257 51.81397380443107)</t>
  </si>
  <si>
    <t>POINT (4.659440889377996 51.81992686158792)</t>
  </si>
  <si>
    <t>POINT (4.653999729158904 51.82058420720403)</t>
  </si>
  <si>
    <t>POINT (4.615841676259135 51.8197746727918)</t>
  </si>
  <si>
    <t>POINT (4.622222075061249 51.81281514351078)</t>
  </si>
  <si>
    <t>POINT (4.639015851286519 51.8146423615978)</t>
  </si>
  <si>
    <t>POINT (4.632352121650641 51.80669405461337)</t>
  </si>
  <si>
    <t>POINT (4.646024408689478 51.81606185330567)</t>
  </si>
  <si>
    <t>POINT (4.564700969898091 51.836795926527806)</t>
  </si>
  <si>
    <t>POINT (4.646211725947708 51.82110540331427)</t>
  </si>
  <si>
    <t>POINT (4.65019407686716 51.826982279776274)</t>
  </si>
  <si>
    <t>POINT (4.611402962645464 51.8203763607064)</t>
  </si>
  <si>
    <t>POINT (4.625974452039494 51.81332394618049)</t>
  </si>
  <si>
    <t>POINT (4.657415180270229 51.82095625051685)</t>
  </si>
  <si>
    <t>POINT (4.6281080741092175 51.80909813256511)</t>
  </si>
  <si>
    <t>POINT (4.62786894997982 51.81436887904924)</t>
  </si>
  <si>
    <t>POINT (4.645124029798858 51.81567870124448)</t>
  </si>
  <si>
    <t>POINT (4.561864061271576 51.83301578770591)</t>
  </si>
  <si>
    <t>POINT (4.6287910951612234 51.81232472405576)</t>
  </si>
  <si>
    <t>POINT (4.642903668455103 51.81638461675213)</t>
  </si>
  <si>
    <t>POINT (4.566806324899552 51.83789824268658)</t>
  </si>
  <si>
    <t>POINT (4.652954804764648 51.82083931728007)</t>
  </si>
  <si>
    <t>POINT (4.6550165638208325 51.82867121244882)</t>
  </si>
  <si>
    <t>POINT (4.636590806545699 51.82194890755189)</t>
  </si>
  <si>
    <t>POINT (4.6192822696741835 51.81522451461979)</t>
  </si>
  <si>
    <t>POINT (4.629787377755689 51.81139558662143)</t>
  </si>
  <si>
    <t>POINT (4.661691635059819 51.824901680537195)</t>
  </si>
  <si>
    <t>POINT (4.657308086701245 51.82415251489527)</t>
  </si>
  <si>
    <t>POINT (4.605808737505443 51.816477089323804)</t>
  </si>
  <si>
    <t>POINT (4.652777931853871 51.820365999224684)</t>
  </si>
  <si>
    <t>POINT (4.6126698187279445 51.81903133273027)</t>
  </si>
  <si>
    <t>POINT (4.6550157346143175 51.82746241071486)</t>
  </si>
  <si>
    <t>POINT (4.612706290461926 51.818989470262935)</t>
  </si>
  <si>
    <t>POINT (4.561120258721228 51.83467937129249)</t>
  </si>
  <si>
    <t>POINT (4.558652811235955 51.83213132333639)</t>
  </si>
  <si>
    <t>POINT (4.642094991348566 51.823436318265436)</t>
  </si>
  <si>
    <t>POINT (4.61212835878622 51.81459078118048)</t>
  </si>
  <si>
    <t>POINT (4.5998932749251855 51.81341628651454)</t>
  </si>
  <si>
    <t>long</t>
  </si>
  <si>
    <t>la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11" fontId="0" fillId="0" borderId="0" xfId="0" applyNumberFormat="1"/>
    <xf numFmtId="2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oomans, N.</dc:creator>
  <cp:lastModifiedBy>Loomans, N.</cp:lastModifiedBy>
  <dcterms:created xsi:type="dcterms:W3CDTF">2023-09-05T07:57:33Z</dcterms:created>
  <dcterms:modified xsi:type="dcterms:W3CDTF">2023-09-05T09:40:52Z</dcterms:modified>
</cp:coreProperties>
</file>